
<file path=[Content_Types].xml><?xml version="1.0" encoding="utf-8"?>
<Types xmlns="http://schemas.openxmlformats.org/package/2006/content-types">
  <Default Extension="rels" ContentType="application/vnd.openxmlformats-package.relationships+xml"/>
  <Default Extension="xml" ContentType="application/xml"/>
  <Override PartName="/xl/styles.xml" ContentType="application/vnd.openxmlformats-officedocument.spreadsheetml.styles+xml"/>
  <Override PartName="/xl/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book.xml" ContentType="application/vnd.openxmlformats-officedocument.spreadsheetml.sheet.main+xml"/>
</Types>
</file>

<file path=_rels/.rels><Relationships xmlns="http://schemas.openxmlformats.org/package/2006/relationships"><Relationship Type="http://schemas.openxmlformats.org/officeDocument/2006/relationships/officeDocument" Target="xl/workbook.xml" Id="rId1"/><Relationship Type="http://schemas.openxmlformats.org/package/2006/relationships/metadata/core-properties" Target="docProps/core.xml" Id="rId2"/><Relationship Type="http://schemas.openxmlformats.org/officeDocument/2006/relationships/extended-properties" Target="docProps/app.xml" Id="rId3"/></Relationships>
</file>

<file path=xl/workbook.xml><?xml version="1.0" encoding="utf-8"?>
<workbook xmlns="http://schemas.openxmlformats.org/spreadsheetml/2006/main">
  <workbookPr/>
  <workbookProtection/>
  <bookViews>
    <workbookView visibility="visible" minimized="0" showHorizontalScroll="1" showVerticalScroll="1" showSheetTabs="1" tabRatio="600" firstSheet="0" activeTab="0" autoFilterDateGrouping="1"/>
  </bookViews>
  <sheets>
    <sheet xmlns:r="http://schemas.openxmlformats.org/officeDocument/2006/relationships" name="faster_rcnn_resnet101_v1_1024_2" sheetId="1" state="visible" r:id="rId1"/>
    <sheet xmlns:r="http://schemas.openxmlformats.org/officeDocument/2006/relationships" name="y_faster_rcnn_resnet152_v1_1024" sheetId="2" state="visible" r:id="rId2"/>
    <sheet xmlns:r="http://schemas.openxmlformats.org/officeDocument/2006/relationships" name="my_centernet_hg104_512" sheetId="3" state="visible" r:id="rId3"/>
    <sheet xmlns:r="http://schemas.openxmlformats.org/officeDocument/2006/relationships" name="my_centernet_hg104_1024" sheetId="4" state="visible" r:id="rId4"/>
    <sheet xmlns:r="http://schemas.openxmlformats.org/officeDocument/2006/relationships" name="_centernet_resnet101_v1_fpn_512" sheetId="5" state="visible" r:id="rId5"/>
    <sheet xmlns:r="http://schemas.openxmlformats.org/officeDocument/2006/relationships" name="my_efficientdet_d1" sheetId="6" state="visible" r:id="rId6"/>
  </sheets>
  <definedNames/>
  <calcPr calcId="124519" fullCalcOnLoad="1"/>
</workbook>
</file>

<file path=xl/styles.xml><?xml version="1.0" encoding="utf-8"?>
<styleSheet xmlns="http://schemas.openxmlformats.org/spreadsheetml/2006/main">
  <numFmts count="0"/>
  <fonts count="2">
    <font>
      <name val="Calibri"/>
      <family val="2"/>
      <color theme="1"/>
      <sz val="11"/>
      <scheme val="minor"/>
    </font>
    <font>
      <b val="1"/>
    </font>
  </fonts>
  <fills count="2">
    <fill>
      <patternFill/>
    </fill>
    <fill>
      <patternFill patternType="gray125"/>
    </fill>
  </fills>
  <borders count="2">
    <border>
      <left/>
      <right/>
      <top/>
      <bottom/>
      <diagonal/>
    </border>
    <border>
      <left style="thin"/>
      <right style="thin"/>
      <top style="thin"/>
      <bottom style="thin"/>
    </border>
  </borders>
  <cellStyleXfs count="1">
    <xf numFmtId="0" fontId="0" fillId="0" borderId="0"/>
  </cellStyleXfs>
  <cellXfs count="2">
    <xf numFmtId="0" fontId="0" fillId="0" borderId="0" pivotButton="0" quotePrefix="0" xfId="0"/>
    <xf numFmtId="0" fontId="1" fillId="0" borderId="1" applyAlignment="1" pivotButton="0" quotePrefix="0" xfId="0">
      <alignment horizontal="center" vertical="top"/>
    </xf>
  </cellXfs>
  <cellStyles count="1">
    <cellStyle name="Normal" xfId="0" builtinId="0" hidden="0"/>
  </cellStyle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styleSheet>
</file>

<file path=xl/_rels/workbook.xml.rels><Relationships xmlns="http://schemas.openxmlformats.org/package/2006/relationships"><Relationship Type="http://schemas.openxmlformats.org/officeDocument/2006/relationships/worksheet" Target="/xl/worksheets/sheet1.xml" Id="rId1"/><Relationship Type="http://schemas.openxmlformats.org/officeDocument/2006/relationships/worksheet" Target="/xl/worksheets/sheet2.xml" Id="rId2"/><Relationship Type="http://schemas.openxmlformats.org/officeDocument/2006/relationships/worksheet" Target="/xl/worksheets/sheet3.xml" Id="rId3"/><Relationship Type="http://schemas.openxmlformats.org/officeDocument/2006/relationships/worksheet" Target="/xl/worksheets/sheet4.xml" Id="rId4"/><Relationship Type="http://schemas.openxmlformats.org/officeDocument/2006/relationships/worksheet" Target="/xl/worksheets/sheet5.xml" Id="rId5"/><Relationship Type="http://schemas.openxmlformats.org/officeDocument/2006/relationships/worksheet" Target="/xl/worksheets/sheet6.xml" Id="rId6"/><Relationship Type="http://schemas.openxmlformats.org/officeDocument/2006/relationships/styles" Target="styles.xml" Id="rId7"/><Relationship Type="http://schemas.openxmlformats.org/officeDocument/2006/relationships/theme" Target="theme/theme1.xml" Id="rId8"/></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sheetPr>
    <outlinePr summaryBelow="1" summaryRight="1"/>
    <pageSetUpPr/>
  </sheetPr>
  <dimension ref="A1:E901"/>
  <sheetViews>
    <sheetView workbookViewId="0">
      <selection activeCell="A1" sqref="A1"/>
    </sheetView>
  </sheetViews>
  <sheetFormatPr baseColWidth="8" defaultRowHeight="15"/>
  <sheetData>
    <row r="1">
      <c r="B1" s="1" t="inlineStr">
        <is>
          <t>Value</t>
        </is>
      </c>
      <c r="C1" s="1" t="inlineStr">
        <is>
          <t>Step</t>
        </is>
      </c>
      <c r="D1" s="1" t="inlineStr">
        <is>
          <t>t</t>
        </is>
      </c>
      <c r="E1" s="1" t="inlineStr">
        <is>
          <t>t_type</t>
        </is>
      </c>
    </row>
    <row r="2">
      <c r="A2" s="1" t="n">
        <v>0</v>
      </c>
      <c r="B2" t="inlineStr">
        <is>
          <t>train_input_images</t>
        </is>
      </c>
      <c r="C2" t="n">
        <v>0</v>
      </c>
      <c r="D2" t="inlineStr">
        <is>
          <t>[b'1024' b'1024'
 b'\x89PNG\r\n\x1a\n\x00\x00\x00\rIHDR\x00\x00\x04\x00\x00\x00\x04\x00\x08\x02\x00\x00\x00\xf0\x7f\xbc\xd4\x00\x00 \x00IDATx\x9c\xec\xbdw\xfc=MR\x16\xda\xf3\xba\x8b\x0b( "KN\x12$\xaf\x92\xe3%\x07\xc9\x08(\\\xd2"A\xf2\x12/ A\xb8\x82$Y\xd4E@\x82DY\t\x92YAa\xc9A\x04\x14A\x92\xdc%H2\x11$\x8b\xd6\xfdc\xce\xcct\xa8\xee\xae\xaa\xae\xee\xe99\xdfz&gt;\xbb\xbf\xf7{\xe6tW=]]U]\xdd3\xe7\x1c\xe7\x0c\x06\xc3\x19\x00\x00\x00p\x0e\xce&amp;r\x1a6\x0b\xa8\x89j\x90\x06\xde\xbf-\x12j\x8d\xf4\x86|Y\xc8\x87\xbf\x9b\x0e\xb3\xe1\xbd\x19\xf6\xce\x86s\t\xf86\xf7\xfe\xa6$\xea\xc33\xcf\x9a\xb8\x9b\xdef\xed\xf39^\x9dOd\xf6c9h\x1d\xcb$\xcbS]\xf8\xfe7\xc29\x9f6\x1f\xe9A\xc8`0\xe4\xb0f%/\x14\x97s8\xdc\tn\x03Y6H\xe5,\xde\xbf\x05m\x98\xdd\x00\xdc\xefR-\xda\xc0\xf0nP\xb5@i\xa5\\\xdfJE\xdc\x8fG\x1b\xce\xc3\xb2,\x00\xe0~\x08\\\x10\xaakb!En[\x16j\xc7\xfb\xa1W\xf7\x1a\x91\xbes\xfe\xbd\\\xae\x93F\x1a\xa7\x02\xdekw\xd8(\x97:\xa6b\xfd\xa9\xabu\xfc\xc5b\x03\x17\xec"\x8e:^b\x84~~\xb1\xbb\xdc\xb2l\x9cw\xf8\xa5F\xc2\xc0V#\x83a\x10\xfc\xb0\xb4Bp2\x00%\x19\xde\xaaOt\xee\x00\x14\x12|\xb3\x90\xdd\xc76\x92\x00\xe0\x16\xd7s\xf1\xd1\xc7m\x10\xa9\x9dk\x11D\x9a\xc4\xb2\xe2\xc1\x81\x99\xd1\x08\xce-\xe3\xc9\x8cE\xebd\xcd\x86h\xbe\x00`Y\x1c\xbaW\xed4\xf0Rv\xca\xebM2F]\x05\xb11\x93\x1e\xa2eG\xa1W\x96R5\x97\xfe\x19\x80\xffYW\xb1\xce#\xc0\xb69$P\xca\x91D\xbb\xd0\xcd\xd2\xae+\x85\xdd\x010\x18F\xe0\x9b\xe2\xa4f\'\x96S\x81\x91\x7f\xff9v\x8e\xa53\x9d\xc2e\xc0[\x96\xbc\x8b\xc7\x89\x9btu\x01\x0f2\tD-\xe1\x85%s\xbd\xba\xaa\xddMA\xb9n\xd9\x9ex6\x8d\xae\xb8\x9b\xc9\xba!r\xce\xfcM\x83\xfd\xe2\xe0\xe7?%\x06\x17\x07~\xfe\x86\x03\t\n\xf5pU\xc4\xef\x06\rrT\xd7y\xf4\'wY\x84\xf5:\x9aH\t\xb7\x8c\xbe1\xe9U\xb2\xea\xd9\xf7\xa0\x0c\x06C\x11\xf6 \xf8E!\xbe\xf9\xab\x83\xbf\xc7\xf8\x98AK\xe1\xee\xf5\x82]\x9e@\x0eY[,\xdf#?\xc0\xdaw\x10\x89w0\x84\xbbD\xe5c\x03\xec\xb0\xaaDb\xe5\xc19\x87-=\xdcDAl\x99\xa4 VF\xfa\',b-\xbb\x94\x9d\x1e\xb1\xb1,\x196\xf6\xe5v1\x18\x0csa|\x18\xaf\xf5\x13(|\x10\xea\xca\xb8\x97\xbd\xd6&gt;\x8f\xd5U$Xl\x84c\x1fg\xb4\xa4\xd0\xdf&gt;\xc8\xd86q\x00\xe0\xdc\xa7+\xf0;\r}\xed\x7f\xd8\xf6\xf7\xcf\x8a\x8e{\x88\xca2\x1a\x83H1\x06!\x047-pw\x08e\xb0\xf4\xb2x\xb2\xe0\xf3\xa9*\n\xf9\x0bX\xc9\xb3\x19\xb9\xe3\xfd\x07\x94\xc1`\xa0\x82\x99s;\xa5\x8f\x93\xb3\x92\xec\xd0eB\xf8\x0b\x0fqDW\x18x\xec\x9f\xaf|\x01\xcec\xd0\xc5\x0ei)Fq\x12z\x10]\xc1\xe5:Bw\xf8\xaa\xd2\x9e\x8d[\xbf\n\xea\xce\xa8J\xde7\x1b\xe2\r\xc0*\xb4LX\x96\xe1\x03&gt;\xbfZ\xb7\x89\x90|3\xc2)\xcb\xce\xe0\xdd,s\x06\xc3CD\x1c\xbd\x8fI\x83\x99\x9d\x80\n9\x17\xb9\xd8+}H\x8e\x9a\x14s\xd9\x1de\xc6\xca*8\x8cG\x15\x99I\xc4\xd7\xad\x91w\x1b\x0c.\x99\x9d\xb2\xf1\xd7\x96/U;3\x9e\'\xca\xe8\x05\xee%pb&amp;\xdc\xdbS:&amp;%&gt;\xe2]-\x95z\xb5\x8dH*\x00\x80{&gt;\xbc\xa4\x16\xd0 \xb7g\x88\x02\x0c\x02z\xf3D\xa8\xc1`HA?\x87\x8b\x9f\xe0\xf4$\xb0\x0e\x06&amp;M\x07\xdf\xa6\xba\x84\xdfs\xe2{7oh#\xea\x1e\xde\xa2\x95^\xe92\x17w&lt;\xbf2h\x1fB_-\x82T\x02A\x7f\xbcB\x1b\xd6{q\xc4r\x0e\xf5\x8f\xe5\x86\xf0\xc8\x10`m|\xcfiq\xa4\x1e\x1e\xe8/\xa6\xd1.EAn^\x08\x1c\x0f7J\xf6\x00\xe2c\xa0\xabE\xb1\xc1\xf0\xf0P\rQ,\x0b@\x98\xaf\xe3\x1e\xd3\x16\xfa\xc3p\xbf\x89\xef\xd3\xb7\xa1\xcd&gt;@\xc5\r\x00\xba\xb5\x98\xdf\x02\xa3\xd0e\x99G\xcb\xbb\xbbFm\xb0\xb4\xe7\xa6\xb6\x7f\xbb\x98\xee\x90\xdfa\xcb\xe7]\xf8bJ\x1f\xbeX6%]\xc7\xce\xc9l\xd4\x92\x11;"v\xa2\xed\xd6\x00\x8d\x06\x83A\x0fm\x07$3,\xd2v\xcc0\x12{\xed\xfb\xa0l\x1e-\xb1V\xfd\xc7\xc8&lt;!0\x9e\xc8$\xda\x0b\xf0\x88I\x9eT\xac6 \xe7Ca\xda\xa70a\x89tI@\xa9\x08\x9fv]\x08Xi\xe4\xd2d\xd2\x9b\x0e&gt;\x1a\x92\xdb\x8c\xd66\x18\x1e4\x8a\xb9 \xf9\xda\x13\xcec\x82\x82\xc7\n\xbf\xa4KF\xfe\xb6\x0e2}X^;\x17S\xd8\x7f\xdaz\xc20-\xb2Y\xb7A`u\x0f \x16\xae\x86g V\x9f\xf2"\x95\x86i\x036\xda\xea(\xdc\x9f\x8c\x8e\'Z6\x00\xfd0!%\x83\xe1\xceQ\xca\x05\xdbi\xaeL,\xb7\x83@\xcb\xf9\xb8(\xed\x0b\x82\xbb\x99\xecJ\xc6p\xa7\x88\x1f\xbf\xe6v\x04\x00\xf7\xf2\x8d\t\xb3\xe9\t\xbaN\xe5\xddM\xda/)|\x92\xa1\xc0\r\xbc;\xc6w\x1f\xc5\xde4\xd5\xef\xdb\xb8\x86\xcd[j\xc9H\xef\xc1\x84\xf2\xb1\x8an\xa0X\xc3`0(\xa3\x18\xd5\x17\x8e\xc6\x0eK\xc8\x83{\xb8e\x1eP\x8e\x0c\x93?\x1e\x14\xba\x8e\xfaA\x984\xa8\xb4\xf8\xb5\x08\xb1\x8a\xca\xabV~\xcaE\x15$&gt;\x14\xda\xe5\r\xc0&gt;\x05\x8a\xd9\x9bRV\x0e\xdeo\x84\xfb4\xf1\x06\xe0\xa7Y\xea\xca/%\xc3gt!\xb6\x9c\xcd\xed\r\x86\x07\x86\xe6]\xf8\xd8\x18\xae}\xc9\x80\x1d*\xdc\x03\x08\xeb\xd3Y5\x13\x008\xf7\xc6\xe4\x96r=\r}\x1b1\xdd\xa6w\x14\x9f\xa1\x15\xe10]&lt;\x9c\x19Vj\xa2(\xd9c\xf0\x1e\x80\xee])\xabp\xff@\xd6\x17vI\xb7\x01tQ,p\x97\xe0\xa5\x13\x0f\x83\xc1P\x05\x00,\xcbeb\x10\x00\x96\xc5\xe1IcKi\x17\x1a\x8e!\x87\xfen\t\x00\x12W\xd9\x17\xce~\xf4V\x15\xe6\xc6;\xae\x95\xa3(\xe0\x8f\xe8\xe6\xae\xa5\x04x6\xfc\x9a\xf2\xce\xe6\xebD\xa4\x95\xba\xcc\xb6\xb2\xc4\xa5\x93\x8b\x00\xdc\xe6\xb4\xa9\xe7?\xd2$\xda`0\x94P\xd9\x8b\x13c\x9b\xbc\xad\xef{\xa6\xf2\xad\x85\xf7\x96\x1b\xba\x12\xb8\x7f\x9c|6\xd9Z^\x93\xcf\xc9\x84\xae2\xc0\xc7V\xf9\xe2#\xba\xd3O\x97\xf3\xcf0\xa8\xc9\xf7\x1f\x1d\xe9\xa4\x85Bd\x9c\xa6@U\x93\xfb\x9d\xee\x1eZ8\xe3\x14_\x02]\x86\xe2\xe4S\xe8\x98e\x08\xb0\xa7;\x99\xa9\x1f\xbd\xdf\x94\x07_\xc2c\xb9r\x0c\x06\x83\x0co\xab"\x85\x18\xff\xd7\xadZ\x1e\x1aP\x83\xdff\x99=\x17g\xce]4\x10\xbf:&lt;{3#\x87(\x1c\xbe\xf2\xf6\xdf\xd7=}\xd4\xea\x1b\x80\xf8\x89\xf996\x00)\x18\x8fy|R\x0b\xf3\x86\x81\xf7\xb4\xd8\xd0\xb9 m\x00\x94\x9e\x08U2\xda[;\xf7\n9\x05\x05\xd5Z~\x9e\x13U\x13\xce^\x0e\xfc\xf0\xf4\x94\xda\xd3\xb9\x06\xc3h\x94?\xf2\xcb{\xa6\xb0\x9dMAzG\xe1\x06\x1a\xa8E\xf3\\\x1f\xb4@7\x00Z\xab\xe6&lt;\xc3\xbc\'`Ve&gt;\xdf\\\x12\xd5\x01\xed\xbe\xe4K\x98o\xebrA\x14m\x18\x96\x9e%)\xea\xbc\x04\xf2\xf7\x94\x85\xbe\xa5\xe7-9-\x9a\xde\xb8\x8b\xf2K\x7f\xf3v\x83\xe1\x04\xf4\t&lt;z\xfd7:\xf2-\xd1\x8c\x01\x84{\x80\x9f\x9c\xa6\xa0I\x17\xfe\xf7\x9c\x83\xd8\x04\x18l\x87\x8e\xea\xc6;\x9b\xb6F\x1di\xb6\x91\xc8\x01\x00\xdc\xff\x8a-\xf3\xfe\xc8\xc3i\xe0~\n\xa8\x07\x1f\x9bd\xa2\xcd\x01\x92\x9f\xd6\x11B\xd3[p&gt;\xf9oj\xda\xb4K8\x98\x7f\x1a\x0c\xe7\xe2\'\x8b\xefF\xb7\xe9\xea\x95\xfd\xad\x199\x03&amp;\xf1\xdf7\x1d\xc8\xd2\xcd\xf4Ij\x1ez\xe0\x9c\xfb\xc1\xe4Pg\xc2D\xbf93&lt;j2b\x03\x90;J\x1c\xa7~\xae{D\xad\x98\xd0\xbd\x95q\xa5\xd1A\xe6or\x7f@$t\x99\xe2\x86/\xedQG\xb2\xd0S\xfb\xed\xdd;\x113\x18\x0c\xa3\x11\x17\xfe\xa4\xd4\xe0\xb5\xa1\xa6\x83\xa1\x0b\xe7\x8f\'\x8f\x83\xaf\xffUV\xf3pS\xe1\xad\xb0K\xe6\xf4?V\x17\x95\xbaw\xe9[\x95\xba\xa7\x9d\x04\xa1q\xfe\x96\x9e\xa8.(\xcef\xdfRf8\xde\xd8\xb97\xbd\xa3\xa8?g \n.q\x9c\xdf#\x0f\xb1\xb0\x98\xa0\xdc\x08\xf4\xeaZ\xc4\t\xc7\xe3\xc0Za\xc9x\x94l\x03p\xe3vG\xfeo0&lt;x07\x00\xac}B\xdcS\x91vUY\x91\xc0\xfb))y\xc8\xa9\x10\xdf\x01R\\\xa2G\xbdH\xd9x\x08\xc4N\x80\xd9i\xd7,/\xe7?x\xca\xae\xb5Kd \xffP\xc7\x08\x0b\x038\xf7\xb3-\x0bG^\xf0\xa4\x93\xd58\xc6\xc4J\x85gr\x148r\xfb4(5\x18\x0c\x93!S\xfc\xe7B=j\xf0a\xd1{\x8a\xbc\x08M\xceMF\x0f=\x1b\xe6\xfd\xa4\xa9\xe6k\\5\xfb\xa90 \xe8\xfc\xa0\x02\xb7C\'2\x17G\xa1P\x1e\xb1\x01 /.Tq\xe1\x95\xff\xdb\xe1\xder\xe6\xfd\x8d\xc6a\x1e\xdd{y\xb5\xcf\x10O\xe0\x88^\x0b1\x83\xe1\xa2(\x85\xeewF\xd9J\x9e\xb6\x90+\x00\xee\xe7\xb8\x02IG;\xe7Tr\x7f\xa9q\x01\xeb\x8e\x88[O\xaa\xd3\xd9\x8125\x93O\x9faE~\x9an\x9f\xe8p\xdb3\x12J\x95\xe5\x99\xb8\xd1&gt;\x9b\xbc\xdcz\xb4\xa7\xfeT&amp;\x08\xf0\xa7P\xe2%LG\x91\xa8W\xfb0\x07\xb84Krf\x9f\xa0\x0c\xfb\xe1\x1e\x83a\x0c\xa0K\xb8\x01\xb8\xf0GF\xd6\x14\xc3\xfd\xc9\x12b/\x18\xfe\xb3\xa0Q\xc6\x9c\xf2\xb7\xc6n\x1c\xa7\xe4\xa6\x86\xf1S\x9f\xe0\x97\x9c{\xbe\xc2\xdb\x130d\xa0\xc6\xb6O\xba\xe0\x82_\nM\xfb[\xb9\x11\xfc\x91Q\xf2\x1e\xa5Y\x0b\x1b\xd7$\xbc\xa3\xb7\xec\x86J\x87\x1f\x9a\x05 \xf8y\xef?\x04\xf8\xd3\xb2_\\\x96\x91\\\x9ck\xb1\xe1\xb9\x0bM\x9a\r\xc6\xf0\xb1_\x026\x18F\x00\x80w\x00@\x93\x89\x8b\x93\xe5\x8a\xe5\xf9\tm\xce[\xd9\'\xfe\xa5\xe19Yu\xc0\xd8\x8f\x94$\xf1R\xaa\xfe\xaf\x88B6X?ry"\x01\'=\xd1]\x13\x1d\xf1\x8e\xe2\x89X&lt;\x94[\xeef\xf0\x8e\x87\xb5\x87&amp;\xadz\xb7?\\\'k\x97] \xb4^d\xc9\xc7\xec\xcc\x12\x81\x98L\x00\xf1\x0f\x84\xdf\x04\xb4\xddzU\\[\xc4\xf71\xd4\x18\x90a\x1b\x00\x83a(\x14\xe3\x1c]\xbdd\'p\xcb\xb2\xb8_\xa2\xf4B\xdal#\xea\x92\xbf\x88\x8b\xf4\xb9`\x95\x11\x17\xc5\xe8)\x98l\xca\xd5+\xbfeY&gt;\xba\xa2QK\xd5.\x90\xf7\xe9\xc36]\xfbN\xe0\xbd\x18\x9b\x01\xc8&lt;\t\xdd\x1fL\xe3\xcc\x10\xce\xd1\x1d\x8c%\xbd\xde\x0e\xfa6)AvS\x12Y.\xd9\xe8K\xf8k,\x11\x9a\xf9\x86y\xd8\x87l\x93\xf6\xf1t]\xfe\xa6\xca\xb1\x06\xc3\x1d\x02\x00\xaer[\\\x80\xc2\r\xe2\xf30\xe6\xf1\t\x9e\x96\xeeO\x11\xf4\xc7z\x9f\xfd6\xec+\x0fD\x82\xcd\xd1k\x0fB\xe0]K\xf3\x9e{\x8a\xcf\x05Fn\x7f\xc0)\x94Pz\xdc\x82[\xdd\xeeT\xab\x07\xc6\xe5Q\xa0\x0fB\x8c\t\x99D\xd1j\x9f\xd26,\xca\xea\xab\x849\x9eC\x9b\xe1\xf9\xb1\xf8\xc1H\xc23WG\x13\x91\r\xe5O\x10)\x118\xbc\xa85\xdb\xff \xb8W^\xda\x9fk\xaa\xc2\xee\x00\x18\x0c\x1d\x01\xb73\xad\x19N\x8c\xda\x81\x0c\xe1\xf4u\x06\xc3\x98\x8a\x817\xa7\x0b\xa1B"jN\x98\xa4\x1fAF\xda$\xaa9gT[w\xef^\xcf\x89\xfe\\\xff\xcc1\xb1%\x03\xd9e\x18hGt\x8c\xbb\x077aa=\xba\xbc\x05\xb1wA\xecRxyh\xe2y\xb5[\x96\x83j\xf9\xb0xK\x86\x88+\x16(\xa1\x8d\xc1\x03\x9dm\x01\x81\xeaM\xea\xba\x07X"\x1c\xadjrN\x03\xebn\xc0su\xe2\xb0\x9a.x\x1d\xfe\x91v\xd9\x1a\xd4\xa5C\x88\xbd_\x8bK\xb4\xbb\x12:^\t\x93WZ%\xa8,ewPx\x18\x0c\xd7\x04u\xa1"\xa5\xad\xb3\x7f\x10$\xf3\r!\xb7\xd1\xcd\xf1\xad\x1a\xc3 Xi\x14\xeb\x15_$\xbd)\x99\x0c\xbe\x7fh\xe4\xaf2|t{SP\xd8\xa8\x0e\xd3.\xee:Mh\x14\x98\x00\t$\x1d4\t\xdb\xcb\x82\xcc\xac\x97\x1eiG\x15\xd9\x91\x06/O\x98P\x00p\xee)\xeaBY\x04&amp;q\xe3\xf6t\x84\xca\xfc\xf2\xba7\x1a\x0c\x06\x03\r\xac\xf5\x92"\xaa\xd2\xec\xb4\xe4u\xcb\x9b\x1e\xc3Y\x96\x8a\x9d\xdb\xd94\xfa\xe0\xf3\x9a*r\xd6\xf5F\xccS=\xe0 p\x0b\xf9\xcb\xb6\x7f\xd4\xdd\x0bK8\x9fF\xe9\xdd\x02\x9e\x87\xf3ds\x01,!\xe4\xc6H\xef\x9c\xd0\x8aJ\x94$\xfe\x91\xd6\xa187\x824\xca\xee`\xef\'\xf6s\xedd\xb2\xdd\xda\xcc\xc9\x9c9q\xd1p\xcf\x8b\xa0\xc10\'\xd4\xf2\x94d\xed\x1c\x8c\xf3WG\x14\xd3\xdb\xad\t\x00\xe0\xdcs\x9c\xcd\xe2\x1e0\x99\x87\x90N\r$r\xf3\xf7\xf1\x1ca\x03\xc0R\x9a\x17\xf22,\x19t\x8dk\x17f\xfbH\x1b#]&lt;\xcc\r@t\xa1\xd0\x98 \xa1\'6E5\xd7\x95oB\x90K\xd3\xa4\x91\x88\xc9\x1d/\x82\x06\xc3\xa4@\xa3NT\x92\xaao\x00\x1eN:\xc0M7v\xf8\xddt]{\x12\xd3GA\xce\xa3"\xd1\x0e\xee\x8bO\xb6?\x80\xceo\x97\x82w\x07\xaf\x00\x81\xd8v!\x05\xf1\xd2^\xd9;\x03\x04\x9eg?\x8a\xa9\x06\xf6\x91\rk\xfa\xe6Y_\xd0%\xf8\x14&amp;\x12\x88\xa8\xa6&gt;\x0c}\x9e\x973\x18\x0cY\xecA\x08\x00\xce}\xb8w\x8d\xba\x16\xf6,\x8cNO\x07\xeb\xd0\xba\xd3\xd8lx\xda\x89\x88%_\x14\xd1\xa4\\e\x03\xd0\xad\x9c\x95@\x91I\xb6\xeao\x94\xff&amp;z\xa2\x12\xc2\x85j\xbe\xd0+G !I9\xc3\xd6\x1d\xcb\xfewg|wq"N?\xbc\xe7\x83\xc5m\xc2\xb1\xa4\x94\xca~H\x91v\x13xT \x06\x83\xe1$\xec\x11\x88\xae1\xd9\x94\xf4?\xb5R\x15\xbeX&gt;\xe3\xf9U\x97\xda#R\nr&amp;\xc3\x9d\r*]\xe1\xae\xb9/:\x9f\xf3n\xc9WRZ\xdd\xcb\xa5\x7fS\x9c\xe2\xd2H\xfd\x88\x82\x05tB-Hf\xceI\x8e\x9cV+9\xcb\xe4\xd0M\x94o\x89\xf8\xcf\x0b\xcc\x17\x95\xb2\xb9\x9e\r9\xfeh\x94Q\xc6\x1b\x99e\xff\xfb\x8dD\x11g0\x18\xc6\x01\r]\xc3I\xb8\x98\xf1\x9bj\xb2\x93\x10{\xf8i\x0e\xff5\x9d\xe5o\xe3Z\x83\xfa\x15\xd6\x97\xef\xb1L\x1b\xe0X\x8d\xaeV@\xe8JkF\xa4\x1d .\xb9\x98&lt;\x15\xc6\xc25\x08\xbd=i8\x00\x0e\xe0/u\x9a\x94\x9bX\xea\x96\xeft\xf7\xe8\x8a\xfc\xe8\xf6\x81Kv\xb3\x81\xdd|\xf9\xf7nO\x83\xe1\xc2\xf0\xe3V\x10\xfc\x9a\xf8r\xc9\xcd\xf4v\xdc\x86\xff\x9d\xe0\xdc\xdb\xe4\x9a\x0c\xe0\xd0[\x85\x06\xa2\x14\x0f\x00\xe0\xde\xe8\x12\xccw\xac\xfc\xff\xa4\xb7\x8e:\x89\xce\xb1\x06\xc9\xf3\xf4\xfdtQ\xd8\x10\x9a\xd4\xc1\xd5\x1a\x10h\x95\xc6\xd4]\x94_x\xb7:\xeaIr\x05\xd7\x86\x9a6\xe7\x88\xf2\xf4r7\x00E-\xa7\xc7\xd4FB\xd2G\x95\xb9/\x90\xeb\x12n\xd2\x9f\xf11\x18\x1e\nn1{\xfa\xcf\xc7\xec\xb9\xa3\'\x13\x80\xe4\x97\x1a\xcbz\xa3\x8c\xd6\x89\x1bL\xf1\xe3\x9d\x11\xb2\xb6\xda~m\xd4\xcd\x98\xbd!\xfeQ[\xef\x1dX\x7fW\xb5\x8d\xf9\xea\x0f\xf5\xee\x859\xdd\xcd(\xe5\xc0@\xff\x99B\xfcD(\xa5\x06\xba\x96$\xa8\xd7\x03\x0e\xa14\x01\xe2\xd9\x0f\xdd\xb2\xea\x1b&gt;\xce\xfae\xe22N\xa4\xc1R=2\xd6\xc6C4\x0b:\x01\xdb\x8euj\xec\x97\x80\r\x86\x13Q\xfc\xe5\xcc.\xc0W\xfa\xe4g.\xeb]\xd8\x8ao\x87\xd7qMO\xb1\x00\xdaf?+j$6C:N\x80\xfcl\xf0\xb2Q]\x94~"R\x1fER\xdb\xca\xd7\xc4\x9c{\xee\x99^E|\xa9\xdb\xb1t\xef\x99\x1ay\x0cJ\xb4\x8f\xdf\xcc;\x9b\xecB)\x87rD\x17\xce\x1a\xaa?\x96\x9c\x95\xfc\x8du\xff\x01\x80\xcfR2\x04/e\xa9Z\x9f\xa5z\xf8\xea6\x14\xa2\xa1\t\r\x02\x00\xee\xff\xf0&gt;\x1eP\xe7q\xbfSc0\x18t\xa0U\x18\xa9?\x00\xa0.p\x06\xf8\xf7sU\xb67\x93@k\xb2*\xdd\xf3\x8fw\x97\x89\xb5P:\r\xaa\xcc\x81\x80\x7f\xc9\x7f\x9a(\'^\x8bv\x81\x08\xb39NUQ\xe3y\x9e\xc6\xde\xb9\xe9j\xff\xbak\xc6W\x9f\xf9*~\xedAFc\x8d\x89\x9c\xa4\xed\x00\x0c\x06C\x0e\xe0`M\x12\xca\xcf\x18(\x9e=\xc0}\xdde\xeeg(T\xd7Tvk\xe4\xa3\xea\t@\xf6y\xb5\x189\x17\xc4Z\xa7j\xde\x8c\x03\xbf\x18\xc0O{\x17\xdd\xe4\xe6j\x0c\xc3+&amp;\xa5\x1e\x9c}3\nlX\xeb\x12\x07\xa9nB+\x1bd\x1f\x1a[\xe3\x1f\x80{\xfa\x16w\xa2\xa7\xa6:\xec\x11 \x83\xe1|\x1c\x89r\xdc\t\x19\x05\x8b\xd3x\x86\xa1\xebp\xee\xf2V&amp;{}\x10}"0}\xbey\x1a\xc7\xe3"8l\x1e\xad\xbb\xd7#.s~Gj\x85R&amp;\x16\x7f:j\xa5DF\x11\xc1\xdd\xb6(\xa7\x00\x80\xfb`Ff^;_+\x9a\x08\x89\xf4m\xc5\xb7Dv\x83\xbc*YBB\xe6f\xfc\x9d\x03\x80s\xee\x8f\xfc\xb7+\x12\xdf\xd2o\xd0\xf4\xa1\x97\xa6\x99eV\xff.\x9e\x9a\x8e\x8f\xe9\x1a\x0c\x86\xf1\x00/\xa9\xed\xcb\x8c \xa4\xbbf\x01\xbap\xac\xa5\xf7\xbd(\x96\xad\x8a\xf0\x8c\xc3\xf9\xb6\r\xbaU\xf1:\xe6\xd3G&gt;\x9e\x81#\xab\x9a\xfe\xf4y\xb7\xc7\x18\xfa\x88\xc54mC\xf8\x86\xb1s\x11?\xa3\x93GT+\x97E\xa1\xe2\xc5\x04E\x1d\x9b\x90\xb1\x00\xde\xd2\xbdZ\xfc\x94\xf6\x89\xd1\xa4\x0c\xe9@\x0e;\xb4\x19d\x17\x12]\xce\xfc-\xc4\x7f\xe2\xa5\xdc\xa1\xb8\x1f_2\x18\x0c&gt;\x04\xablNJ\x1f\x827\x05-\xcd\xeej9\xbc2\xd2\x89\xf8\xbb\xdb\xd1\x1ae\x8e\x88m\xbc\x8a\xadqM=\xdfg\xb6x&lt;\x1f\xfd"\x08\xadt3\xe5\xef)\x1b\x00\t\xb8\x1e\xb8\xf7\xdaI\xd29\xa7\xcd\xe8\x83=-1\x86g\xea\xc5\x86r\x867;`\x96d\xf8C\xbe\xe5.\x84I\xf2\xc4l\xf3\xce\x9c\xc6YJ\xf3\xe4%\x83\xc1 \x07\xb6\xcaJ\xc4\xb8\xd93B\xbf\x03\xda\xe0(\xe8\xb4\x05u\x16T\x87\x9f;H\xab\x9bn\xaf\x02)-]kq3\xe7c0\xed\x98nP\x84\xca\x7fOM$\x0f\t\xf3\x18\xf8\x97{\x8f%e\xc4h\xfbV\xe0\xd5\x9ag\x11\x1e\x81\xc6\xa1\x95W+\xffb\xec?:\xb7\xbbc.m\x12v\xfc\x94\x92\x9c\x12\nl}k\xa0\xe6\xdd\x1b\x9c\x17M\x06\x83A\x15\xc9\x12\x1b\xbcy\x0e\xa7&gt;\xb8\r\xf0\xfb5\x07\x85U\x1b\nB\xb1\x93\xce\xbb\x9a\x0b\x01|S\x1f\x06/&lt;\x14\xd1\xac\xadMBw\xf8\x05\r\xab\x9f&gt;\x956\x00\x19\xce}C\xae\xff\xcd\x14x\x1e{)\xed\x92EC\xce\xff\xa2\xbb\xeetS\xd6\x88\x96\xb9H\\\xe2\x19\x89\xbdti\xe8\xa1;\x01\xc0vD\x99fq\xcb\xa8\x01\xd8\xf3\xb4\x06\xc3\x9d\xa1\x90\x04_\xee\xfc\xfc\x98\x03\xebV\xa6s\x9d\xce-v\x99\xa2G\xa7\n\xcb\x92e\xd8\x14\xfb\xf4\xa9/\xdb\xb1@\xbe\x9f\xd0\\\xeb\xef)\xce\xa9\xc8\x08\x03*\x1e\xba\xfc\xf8\xb8\xb1\x8c\x9c\x90\xb8\xc17!\x8fk\xab\xc7~{x\xf6\x9b\x88\t\x8a\xda\x038\x99\xd2t\xd4o!\n\xa6r*\x9b\xf8H\xcb\xeeBS\x91\x86\xc7\x00\xc0\xbf\x83\xac\n\x961\x95\xcc8\xe9\\\x18\x0c\x86\x19\x91\xe6\x9d\x99\x12z\x0b\x93\x7f\x87\x88[3\xf2\x0f\xcf3\xc0Y\xb0/\x96\x00\xe0\xdc\xaf:\xf7\x9d\xfb;\x1a\x92[%\xd0\xaa\xcc\xb1\xd3\xfa\xa8\xf4\xf9\xb4\xa1\'\x8e\x94fo"\xaf\xfeornm\xf0f\xaf\xbaI\xb8\x93\x80\x9au8\xf2\x13\xfd\xf9\xc6\xd2\x05\x0cO\xce\xbc\xdb\x87\x97+\xd8_gv\x1ey\x10\xf3k0\x18\x0c\n\xd0=\xad\xec\x85\xb3\x19\xf2M\xf4\xb5EQm\xc3\xd9\xa6\xac\xcf\xc4)\xc8\x9c\xd9\xa9j\xd5\x7f\x85v\xa1%mW\xa6\x82!\xf7v\xc6\r\'\xd6Ii%\x93\xfd\x8d\xb3\xba\xa5.\xfc=\xaao+\xf0.\xce\x1c\xa4bD\x83\xba\xbf\x01\x1a\x0c\x066\xb6\x84HH\x07O\x9c\xe4\xce#[B\xed8\x07\x1cvr\xc9Y\x06NI\xa6\xfd*]\x06\x07E\x02*\xebn?\x83\xa8H\x9e\xb9\xb6h\xdc\x00T%k\x11,\xb7\x19sw\xa5H\xa3^\xa6\xbf)\xdf D\x1bJ\xec&lt;\xabC:\xc6==\xb6@\xb7\xad}W\xac\xf8\x05\x9c\xaf5@\x83\xe1\xee1E\xd2\xa9\xa4\x12\xef\xadnlw\xb19\x1a\xf1\xe3\x92YA\\\x86\xf54\xaa9d\xd5eF\xa1,\xd3"\xa1+PQ\x9a6t\n\x85\xb3\xc7Hz\xfe\x01\xd9\x00\x88i?\xa1\xad{\xc2\xadQ\x8es\xaf\xda,!\xc6\xc6\xea{_J\x8ddNE\xbda\xae{U\xc2\xd9\x9e\x89pH6\x00\xda\xd9f\xc8\x90{\xe4I\x9e\xcc[\xcb\x1fP\xe4`0\x18\xe4\x98\xe4\xe0!\x9b\x04\xb73\x92\x9d\xa4"\xd5C\x94W\xc5\xa2\x06Y\xaf|%\xf9\x81\xe6\xd3\xedY\x80.\xbd\xaa\xb4\x96wY&lt;\xd6\xff(\tC\xb74\xe3\x9f\xc7\xc5\xa1X\xc8\xca\xbar\x15UZ\xfcI\xe9q\x1dd\x0f\xc0\xc7\xd6Q\xe5N\x9aV\xc2Tv\x9b\x1e\x19R\x17\x8d\x938\x129o\xe90\x84\x0bXC\x17\x0fm\xbc\x06\xc34\xc8\x94\xb6\x8d\x19\xad_Z\x87x\x03\xa0zX\x12?\x8c\x08\xdb\x9f\xd9rDM\xf5\xbd\xa0\xa5&amp;[\xff\xabECE\xce\x8aw\xd0\x9f\xe8\xee\xf5z\x10#d\x81\xba\xb3\x90SU\xa5Qx\x0b\x05K\xbb\xb8\x97\x8c\xf6\x15Pc\xfeV\x1d\xef\xb2j\x99\xae&amp;\xa4\xe3m\xc9\x0e\xdb\x80\x07\x013\x97\xc1p\x0e\xc2\x9c\x05\x99\xeb\xb7k\x99\xebe\xa9}\xb3\xe1\xe9\xb9\xe3t\x02\xddp\x7f\xe3\xfa\x91\xe2\xbb\xbcB\xb0\x89\xc8.\x85\xf9\x98,\xd2\x9e\xbc\x01 \xea\x9a\xa5\x88)r\xc0\x8a\x7f&lt;\x8f\xd5\xc4kn\xc0\xe8\xda\xa7Dt\xea\x81\xb5\xe8\xe3\x12\xc7\\\xbcF\x8f\r@t64`v\xbe\x9f\xdf\xe5\x1c\x9f\x99d\xf1\x9a\x84\x86\xc1\xf0\xa0\xf0\x81\xeb\x7f\xb0u\x0b\xa9\xe03k\xed\xb7\xe2\xb2\x93\xee\xf7\x07@\x9f\xb8\x00x8woq\x0b\xf4Q\xd4b\xd2[\xf7\xdfm:\xbb\xed1\xa7\xacz1\xc7\xb0H\xcc\x97\xff9\x8d\x8a8z\x15\xfa\x12\xda@n+\x90{v(\xf7R\x0c4=\xb6\x8b=\x01\x91\x01\xc7\x8e\xa2\x9fR\xf2t\xf4}v\xab\xec\x18\xdb[j\x8f\x0f)\xc91\x18\x0c\x0f\x12\xc9\x82\x9a^\xab\xaev\xc4fA\x07\x15\xf2t4\x161I\xb5\xf1\xb6\x93-\xffo\xea\x92b\x08-\x8f\xa6\x85n\x95\xd6(\xa5\x9dI"\x92A,\xdfxH\xb9\xd6V@\xf7\xab\x8c\xf1\xac\x04\xe0\x9e\xe4\xfb\xb9\xa84\xffl\xea\x9d\x04\xef\x8f4\'\\\x06a\xba\xbe\x18\xff\xfc\xe4\x82\xfb\xa0\xbe\xbb\xd9]BAH\xee]\xdf\xe0\xfdb\xe4T\xc0k%\xe3\x8a2I\xae\xe7\xd2\x91\x95\xc1`\xc8\xc3\x0f\xcbeqk0\xa6\xb1\xba,\x85 \x05\xe7\x96\xb5K\xb1Y\xdc\x85\xc9\x94\r\x00\xd8\xf90\xe9!\xa2\xd6?\xc4\x12\nb\x17w3}\xa3\x1c\x17\xd1\xf3fQ\x97\xf6}\xc3w\x9bvQ\xfeK\xa2\xd8\xbc\xaf\x02\xc0\xa0\xa9\x14\xc7K\xa6cK\xbc\xfb}\xb3U\xc4\x9e\xbb\xd8\xd29\xd3\x9d\x04\x1a8\xb78\x80\xc6\xf8-\xe8\xea4\xdda\xda\xbfLr\xe8j\x13:\x0b\xe7\\\xde\xd9`s\x87%\xbe\xbau\x83\xf3\x87\xa0\x8fj\x1c\x15\x1a&lt;\xd2\x87\x92\xc1`\xa8 \xac\x18\xf7\x8b\xcb\xfe\xee\xb2,\xb5l\xb5V\xb0\xd5fq\x97\xde\xd8\xe9\xb4\x1f\xb7D\x1b\t\xddc\xb3vY\xcb\x7fG\xaf\x1eh\xd6\xf0\x80\xd0\xa9\xfa\xd7 P!\x16\x1f\x8d7`\xf9`\xdd\x1a\x05\xd9\xcc\xd0\x1c?\xda9\x04\xce\xbc,_\xe0y\xb8\x90\xad`\x98^\x97\xc5\xa9\xe6\x82\x17\xca&lt;\xd4$\x16\x98\xe9{\x94b\x93\xe4\x06\x8a\xc7n\xd5\xff\x10B%\x94\x9dmY\x96\xf8F\x9d\xcf\xfc\xfeN\xfeWT\xe3\x08;\x14\xf8\xe4~|\x0c\x06\x03\x15G\xd1\xa0sk\xd2\xcb\xe6\x8f\x9b"\xe3\xb5\xdf\xec\x16\xd4U\xd5\xf6wz/\xb8\x17v[]\xc5hhEN\x9bt\xee\x00\xe3\xc7\xd3O3\x91\xaa\xea\xda@\xae\xf7\x04K\x19~\x06\xf6\x9f\x18\x11\xca*Z\xefZ\xc9\xe7d\xafnD\x18\xfe\xe7r9\x91\xc3&gt;\x83\xd7\x9eM\x83\xe1\xfe +\x1d\xf0\xc6\x16\xe7\xce9\xd2\x12{\x96q\x04\xf71\x1e\xe8$6!\x0c\x84ZC\xf0_s\xf5\x1c\x05\x9fd\xbf\xa1\t\xb2\xc6vV\xf7\x96[\xc2\xe1\x1c\x13z\\{\x9b\x92\x93x\xed\xfdd\x8e\x1f\xeb\x8cw\x8c?\x9bQ\x87.=\xe9K\xd4a&amp;__r\xb4u\xf0\x13B\xc9\x14\x8b\xf5\xb0\xea\xee\x90\xb2b\xc3`0\xb4#\x1bx\xdc\x98,\xb4\xff\x07x\xdd\xf3\x96|\xb6\x17\xc6\xb4\t\x0eB\x10\xbb\xf4f\xf5\x90\x81\x95;H\xa3B\xff\xf4C\xb2\xa8\xe4\x01\xa0\xf8\xd5\xb4\xa1Q@G\xce_\x81?\xa8\x93j&lt;l\xfb\xeb\xf03\xb9\r@\xfcu\xfb_\x95\xa1]\x1e\x8e\xf2\xe9@\xa7\x82\x0f\x00\xdcG\xce\xebH=\x9d\xfc\xe3O\x89kEQWL\x02\x06\xc3\xb5\xa1\x18x\x9e\xa8\x13\xc2\x98;\x04\xfd\\\xf3\xafv\x81\xe0\x9c\xfb\x8c\xf8\x01\xaay\x13\x9c`\x03`w\x00h\xd0\x89\x85tRj3\x15?\x02\x94\xec\x16\xe4\x87\x85\x82@\xab\xe6\x84+.\xff\x98U3\xcd\xfa1\xf0\x8c\x16\xa5\xdf\xa2I\x07\x1d\x15\x17\xdaO=\xe3\xd3\x12+\xa2n\xcf\xaf\x15\xdf\x88\xeb{\xb3\xc56\x00\x06\xc39P\t\xbc\xb8\x82\xfc\xb0\xd9\xc3x|\xae\x81\xfc\xcd\xf7\xa0\xcd\x19\x19p\xaf\x1b\xaa\x85Z\xd4/yY\xb2*\xdd\xe6\xba\xb3s\xe2\xa2\xd2\xcf\xcdX\x96\x8c\x1ag\xb6\x04\x0cy\xc2n\xa4rp\xf6\xd4\xd1\x19\x92\xcdU\x90{\x01\x9c{~\xd7\xc7\xf70\xcf\x81\xe8\x89v\xf4\xef[\xcb!\xd0\x18u\xe8\x87j\x96\x04\xf7\xdag\xbaw\xa7t\xa4[?h\xb12\x18\x0ce\xc0Q\xb4\xb5\xc5^\xbc\x08\xdd\xff*\xdec\x80gf\xc0M/S\xfbQ\r|\xe06\xef\\\xfe\xdf\x83\x92\xd1\xb1\xc3[\xce\xe0\x87\xaf\xa0(KV|\xb7\x0b\xd9;\xca\xa7\xa6\xb6\x01\x90Q\x9a\ng\xc5oT?\xf5\xe3\x90:@\x9a\xf9\xfd\r@\xda[\x91K$\xba@\xb2"\x88\xd4\xbe\xd9\xb0\xbd&amp;\x85\x9f\xb1\xd5\x19\x10\xac]\xad\nl\x03`0\x8c\x01\x1ec-\xe17\xd3\x06`\x92\x0c"?^\x15\xd6\xe2z`\xb9\x01\xcdm\xf2\r\xb0\xbe5\x17\x8aO\xafs\xeds\xc4\xb4\x97\x99I\\n\x04\xce\x8e\xee\xa91I\xf92r\x03\xb0\xbfC\xf3\n\x05b\xd1n\'=7\x01\xe6y\xd6u\xeb\xce\xc3\x0e\xa7\xf2\'\xe4\x04Rq\xbf\xcb\xb1\xdf\x010\x18z!\x17\x86\xd2o\x88\x07\xb7}\xa7\xaf\xff\x95\xdch3\x01\xf8\xd9M\xed{\xa1[V\x05Q\xd7eY\xdc\xb2\x7fA2y\xfd\xf2\xfe\xd5A\xe8\x06\xf5\xd5\x94\xe05\xf9\x16X\xe7\xc2\xf7\xb8\xdf\xd6\xbbdv\x00\x9c\xfb\xa5\x98\xa47\x90\xe0-\xbe\x8b\\\xb5DPG\xcbW\xec\x1b\xc6\xa0\xdf\x0f}\xe4\x7fH\x84\xe8\x15\n\xc4"\xe5h\\\xf2\x16\x8c~?\x8d\xf2\x95w\x9b4\xfc|X\xcd\t\x004\xe7\xb0\xdcb0\xf4\xc6~H\x9f\x9e\x9a\x84\r\x90~\xe2\xbbx\x7f]zp\xa8s\xbcq\xf6\x01\x89\xd6\xb9)\x008\xf7\x84\xf0e_\x8c\xba3\xcb8\xae\xdb\x9f[\x83\xd0c\xd7\x97\xbf\xd1\x83\xed\x84g\x847J\x1fd\xe7\xf1&gt;\xbaN\xd3&amp;\xfc\xc7\xf3M\xde\xb4\x9fv\x83\xc3\x1e\x16\x07\x00\xf7\x12\xf1\xb3F\xb3\x04E\xf6\xf6\xa6\xa2\x86\xc4\x1aCP]\x14\xae{_\xc5`\xb8g\xdc"\xf3\xb9\xb3\x89#-X\x8f,\xf3u\xa3c\xfe\x1d\x13\x99t\x15\xe9jq\x12\xd46\x00n\x9a\xc7\x0cN\xc5[;\xf7\x02\xe9\xcc\xf6\xb3\xcc\x04.\x14c\x9coO6\xf0\x1c\xbaZ\xa3\xa7\x91c\xc9\x13:\xdb&lt;\x80\x10\xce\xb9\xb7f\xda\xea\\\xf3\xde\xb4\xe7?\xaa\xc1\xe5\x16Yc\x17n0\x18\x0c\x08\x8e\x0c\xb8\x15\xfaQ\xc5\x1f\xd7\x16\xd2Rck\xdf\x9a\x8f\xc4\xf9\xba[\x91\x04s|\xba\xf4\xe1\x02\x9d\xd9\xae\x1b\x00\xd6u\xae\x1c\x19\xd2b\xa8\x07.Q\x8fv6B,YQ\xd1.\n\x00\xdcs\xdcj\xb8\xe0b\xb3\x86f\ts!q\xfb\xee\xcf\xfaSzQ\x84\x1f\x9c\x93;\xf0\x87\x84\xfd"\xc1\xa5\xd3\x0c0 !\x0c\x80=\x06d0t\xc4\x9e\x1d\xd0g\x1f\xa3\xdc\xb1,\xb7\xa4\xd4\xef\xd1\xd2N(\x0fS\xd6\x97/\x13\xca\t\xed5\x00\xbe\xe7j\x86\xd5\xc5jR\xee\x1c\xf9^z9\xcf,\x00\x00\xd6\x0f\xd4x/\xb3\x1f\x87\x88\xae\xf4\xb0\xc3mv\\\xfd\xa3\x1e\xfb&lt;&amp;1\x02\xd2\x04R\x89\x9d]\xf1\xadiG7\xa01\x11\xc8\x05\x88,\xb6\x99\xd1\xb5j\xdc\x84\xdeSt8i\xbahVX\xd2\x98\xac\x98\x95\x96\xdb\xe4\x02@\xf09%\xff%u\xa1\xf1t\xfb\x8eT\xef\xd8\x1d\xf2\x90\xb1\x0f\x01\x1b\x0c#@;\'\xc8}\xf0+\x90\x14=\x96=\x03z|\xba\xab*.9\xd7\xa9\xb4\xbf\xcb\xea?&gt;\xcd*B6K{\x9f\xb3\xd79\x14M\x81\x00\xe0/\xff\x9f\x95k\x96\xffD\xa6&amp;\x92O\xa4g\xc7\x95\x92\xd9N%\xe5\xcaI\xcfs/R\x1f\xa2\xe1\xeb\x07f5\xaf@&lt;^\xcaN\xf1\xd3&gt;\xb3\xe5\xe72\xa69\xc9^\x16N\xf5\xef\x0e\xb7\xcf\x92\xdf\xee\xac\xdf^\x1d\x8a\x92\xea\x9f\xc2n\xc6\xfc\x17&amp;\xb1\xf5\x02\xbd\xef\x94\x032\x18\xee\x08\xc4\x9b\x00\xb5\x83\xa8\xdb.\x7f\xa6\x83\x87\x18\xd1\x91*\xbd\x97c\x9f\xc3\xc5g\x1e-\xb7 .\x8d\xb6\x81\x07f,\x1c\x81\xf7CN)\xf1\xf4\xd1k\xd6\xeb\xe4x&lt;Xs\x9a\x1ei\x13;\xa6\x82\\\xfbY\xb8\x1cGbK\xc8\xc3z\xd3AWS\xab\xb9\x10\x81\xce\xb3\x1e\xd3\x1b_\x00\xe0i\xe3sW\\\xfd\xc6\x04\x00:\xdf\xed\xa1"W\xa6\xaf\xdc\xd0\x15\xa4\xdb]\xbb4g\xba\xa92\x0f\xeb\xbe\x8d\xdd\x010\x18\xfa\xa2\x1c\x8a\xde\xe1b9b\x83w\x07\x9cG\n\xd0\xf6\xe5b\xe5o7\x8b\xce\xa8\xca;\xa5\xb8\xa3\x94\xd2\x05\xb0\xfb\x81`\x98\xfe\xd1\xd1YVjr\xe3\x80\xf3t\xe1 \x06\xcb$\xcf\x17t\xac\x9c\xa1\xd6\xb4\xa6\x1d+g\xc3Zn\x93\xaf\xfe\x9ds\x8bb\xf5\xef\x8e\xe4Y\x7f\xe6\x9b.p\xfd\xef\xdau\xff\x87\n\x00x\xda\xed\xbf\x9cn\xcd(W\xff\xae\xef\xdd\x9e\x1b\x05\xdaC\xff\xe5\x06\xfb\x1d\xca|\x83\xf5\xe6\x9a\x82yS\x19\xc9\x01\xfc\xc9`\xd5\x06\xb6\x010\x18\xba\xc3?\xa8h\x175\xb8\xf4\x1f\x90\xdd\xb4\x06\x94\xee@v\xcb\x8f|\xb6`\x90\xa2\x1dE\xf3\x15\x06&gt;\xe76r\x05\x89\xd8\x90\'sj\xe81\xdd\xcb\xf2\xd9\xd4\xa6\xbf\x1c\r_\xd5\x1a\xfe\xe7$\xd1\x06Z\xc6?c\nK\xcf\x81p\xfd\xca\x13u{(\x8d\xf5l\t]Q#\x82\x93\x94\xfd\xf0\xe9\xbc\x00\xf2\xa7\xa0!E#cX&lt;\xc0\xf6\xd9\x15O\x85\xce\x8a\xd0d\xbd\xbf{\xda\xb6a\xaa\x1d\x8b\xc1p\xf7\xb8=\xaa\xc8\xed5\xc3\xd3\x99WI\x16\xe5s\xca\xc9G\xd1\x87!*\xb0\x8b\x1d\xe6\xb7\xb0:\x88\xb1\xe9\xb5\xb9\x9e} \x04\xb7\xaf/\x85\xae\x88\xf4i\x045\xf8z? zC&amp;\xee\xc6\xff{;\x0e\xa1%\xd6\xd0\xa9,\xce\xef&gt;):\x08"\xe2\x9d!\xbc\x8c\xa7,\xdf7B?\xa1\xaa\xcbA{D\xd7\xc8\x84,\x03\x1a\x0c\x069\xc4\xb9\xa65O\xa9\xe6\xb8\xebcj;\xa8\xcfT&gt;\xc5+\xdbAe5\x9d\xdfQQz\x0fc\x11\x15&amp;\x9f\xfd\xd4\x832\xb9\x81\x17\x8d\xf5\x84\xd0\x81\x1f\xdb\xa3@\xe4\x92\xf1_\xe6\x1a6jA\x15\x17(I\xac\x91\xe9\xe5I\x03\xecb\x82\'\xee\xd7I\xe7hPD\xf46oD\x044\xca\xa4woQt\x96{\x1b\x0c\x0f\x08\x00\x8c%0# N\x94\xec\xce\xf7\x1b\xe4w64|8/&gt;\xff\x0c\xf2\xdc\x0cm\xd9\xee\xa8{\xf7&gt;\xe6\xc2\xe9\xed\xe1\xd9o\x8e\xee;\x84\x0ft.\xcb\xc8\x9a\x93zq,"\xa5}\t\xbc\xb5\xef\xba\xb9\xc16\x99"\xd7\x0b\x92m\x9e\xa7%\xdf%\xb3\xe5N\x8dV\x9dDO\xda\\\xa0Rz\x91\xa6Iy(Y\xc5`8\x11{\x98\x05\xf1\xc6\xa9T\xca9\x91BA\xdaQ\x05\x90&amp;z\xa4\x854\x13]4\x85\x11h\xf3NO\xaf\x82\xd2\x92\xdc&lt;\xc6\xdd\xd3\x04\xf1B\x99\x91\x0c\xf3l\xf5\xaf5q\xcd\x19`\x02\xd0\xec\x10\xbaG\xff\xf1\xbe\xe21A\x94\x92\x91\x8b\x96\xe2\xac]\xbb/\xb2\xac\x0bY\xa1\x1a\x891\xd65\x0f\xbf\\\xb1&lt;\x16z\xb84\xdeT\xb6;\xdbI\xb7\x11Z\xc2\xe4n\xd6\x14\x83a^\x84\t\xe8\x15\xa3\xb5\xed\xe3\xa8A\xae\x85\xef\xd3\x13\xc5\xc8\xf2\xb4\x14\xdcN\xe7N2Z\xe8$\x03\xeb!\x02+\xba\x91\x0b5q\x87\x12\x07\xd1R\xa0\x81v\x11+\xa3\xd0h\x81\xa2\xb9&amp;\xf1\xa5\x1c&lt;\xdf\xc0NgwS\xcd\xd8\x00\x00 \x00IDAT\xfb\x068\xc5-Y\x04\x18~~kF+\xc4\xd9 &lt;0\xe3\x9csO\x11U\xed\xde\x9b\x1cF\xa8\x9c\xca\x91|\xd1u!l\xe8\xe5\x99C`\xc9\xf3\xd3-\x04}D\xe8p \xd0\xcb\x031N\t~2i\xa4\x1b\x0c\x0f\x02QNI\xa2\xbas|\xf6[2\t\xab\xd4\x98j/RWm2\x80I#\xd2\x81\x0c+\x97\xb3\xef\x0e\x9cG\x15\xb4\xac\xbe\x831\xd2\xaa\xa2I\xfcI\xb16\xc1}\x18?c\xece\xf1\xb0\x04Bh\x00\x85{&gt;4%H\xa5\xb8\x8fw\xe6(+\xd0\xab\xd2\xf6\x0b\xf1\x82\x90\xb2\xc3 \xbe\x11w\x0f\x9a\xe5\x05\x96\xce&amp;\x02\x92\x81\x96\xec\x18\xd1\x11\xf9\xa2\n\x83\xca\xa1\xd1\r\xca\xb62\x18\x0c\xa3\xb1\x05\xe4S\xfcK=\x15\xb9\xef\xc2\xe5\x0f;\x02\xf4Sqw\x8du-\xb7\x84\xfe\x17\xdc\xb7[Bd\x00\xb6\r@\xf9\xfc\xac\xf3\x01\xad\x18s\xb2\xba\x0c\x86\xcdlT\x07\x07\x04J\x938h~\xd3\x02QQ\xf5\xf5K\xb4\x7fS\x18BZX\xcb\xc7\xfb\x06[G\xec\x81\x1f\x17.9\x84\t\xfa\x88T\x08B\xb5^\xca\xd7\xef-\x8c\x9f\xe2\xc4]\r\x06\xc3y $\x82/QTTn\xa0\xa2\x88\xc8$\xc7\xe71\xf1\xc5fV\x96\xe6:\x80\xb2\x80IV\xb8R\x97s\x96\xcc\xf1\x189\xc6r0\xa6\xad\xf7\xbft\x8bl\x8a\xf6[\xf5\x96g\x9b\x1dK\xcf#\x95@\x9d\x8e"u\xc3\x12wkA]\xdb\xa0\xce\x13G[qzT\xc3\x90\xc1n\xde\x82:\x7fB\x89\x89\x8eu}{kD6#\r3\x81\xfd\x10\x98\xc10\t\xde\x19\xbd\xca\xcd\x98\xd5\x1f&amp;\xd1\xf8\xdd\x17\x12\x9fPQ\xdc\xe5\x0fc\x1a\x95\xdf\xe6\xa4\xe8k\xea\xae\x83\xfb,[\xb9&gt;Sw\xda\xe2\xafc;\xe7\x96\xe5\x97Y\x1a\xaf\x88\x91\x0e\xeb\xcf d\xce\xda\xf7\xca\t\x8e+\xcaE5e\xc4\xb7\x9f\xf3\xdb\x9a2\x8b\xa7\xb7U\x8f\xc1\xe5\xab|b\xb7\xbf2mY\xaa\x95\xa7\x1f\x80\xe4R\xb7G\xab\x9a\x14\xc5\xbdg\xc8\xbc\x11v\'v\xce9\xf7\r\x95\xc64\x99\xb94\xb8\xe4\xbdt\xed2&amp;\xd2\xcb\x1c\x0c\x06\xc3`\xa4\xc7$\xa43$\x7fm&gt;\xfe\xbe\xf0\x99(\xb8w\x0c\xc8\xebW\x16\x13\xa0\xc7\xf9VU\xe58]&lt;\x8c\xb5\xc3\xf4H\x0f&amp;\xcf\xa6\x11\xbc\x8c\xe8\xe5\x0eSYZ\no\xb6\xcbAc\xad\x10\x80-\xdex_\x9e\xac\x10\x98\x00\xe0&gt;\x84#\xe4\x9b;\xde\x01\xf0Y\x15\x105\xdd;\xa0\xfdd\xaa+\xef\x06w\xd5\xf4\xd1\xcf\xb0\x06\x83A\x82\xf2*XO\x19\xc9\xdf\x9d\xc1\xd0b\xb9\x06\xc1\xf0\x14|\x07I\xbf\x91?l\x87\xd9Jt\xba\xa0\xa5\xb6\xe8D\xa6|\xc5}\xac\xbc\x1ez\xf3\xe3C#\xb8v\xe7\xde\x9cI\x19G\xc2-!\xccyL\x85\xa8\xafI\xc2D\xe8X\xef\xa2JP\xc5\\\xbddm\x08\xe8\xed\xa5\x05z\xb4^\'\x07^\xa1^\x91\x8a\xa2\xfa\xbb\xf2O\x83\xe1\xfa\xc8\x04d\xfdS\x95\x9e\x00p\x00\x1f\xe5\x1d\x1et\t\xf2g\xe6WQJ4\x1a\xd2VK\xb2v3=\xab\x93q\x12Z_\x00p\xee\xc9-^q\xee\xb2\x01\r\xf7\x82&lt;\xe7\xa9KH\x86Y\x7fD\xb8\xd8\x9d\x81\x1b\xcf\x87\xb1&lt;S\xa2\xb2\x8f\xcb\xc5\'&amp;\x98\x96\xa6;0\xd7)\xb0*\x87G\n%8\xa1o\xae\xaa.\xd7\xe5\r\x8cJ\xa07WaBi\xd0o\xf8\x8ab\r\x06\x83\x10\xad\x01\x89\xf5\xdd+\x1e\xc58\x1f\\\xa0\xf8\xcck\xaa\x1fW0 \x10J\x8d\x0bB2\xa2\x16ghw\xa4c\x8e\xa4{\xb9V\xbd\xb4\xc6X_R\x84\xaa\x98\xa8Q\xc2\x0ch\xb6\xd5kb\x12\xf4\x0b\xc1\xe3\x8faf\xcf)j\xd8\xdc60\xb9\xd5\x97E\x0b\x8c\xcb\xf6\xe8*\xa6^jg+\xfa\xccsb\xf9\xc6#\x96\x15\x9f\x9b\x96\xff\xa3\xe35\x18\x0c\xe7\xa01 \x99}o\x99K\xa0\xd1K|- wOn\xdc\xe7\x1b\xaa\x10\xbb\x12\x02kH\xab[f\xe3\xd6yo\\uz/Z\x85\x12\x84\x18\xa1\x13\xaf\xa9\xa3\x895\x9a\xa20\x17\xfe\xeb\x16\x15\xa1T\xa6(\xd5S\x95^7l\xa7\xd4\xcb\x84\xce\x81\x05\x00\xd4+z\xcc\x14\x1f_j&lt;zkD\xccB{\xaf\xce\xbc\x0c\x06\x83\x062\x81\xcd\xa8\xea\xe8\xd1~k\xccI%!~5\'\x96/J\r\xac\xccX\x96\xa4\xc0f,\x80s\xa6\xce4Q|$\xc6\xe9;\x06\xfa7\xc7s\xd7\x01\xe0\x15g\xb4\xc0\xb5\x91s*t.\x82\xf2K-\xe4\xf7;\xa8-{\xe3F\xe5D\x02\xa4\xc7i\xaaW\x1e,\xf2\xc5\xfc\xcd\xa3\xf0n\xef\x05\xee\x11\xc8I\x18\xc7\xde#0R\xd9\x03y"\xd1`8\r\xc5l\xa2Y\xd8a\x8a\x14\x8eu\xdb$( c@\xde\x82:\xc3@\x04\xe8O;X\xfc\xe27_\xed\x1c\xa3\xb1\x16B\x8e\x89tOv\xfb\xe2j\x1e\x1b&gt;s\xb2\xfd\xed\xdc\x0b\xc4\xed2\xf9\xf0\xac\xaa+E\xa6^\x97q\xa3V\x934\xe1\xe0\xfd\xdb\xc2j.\xf8\x0eS\x18N\xe6\xdd(\x83q\xaa\xff\xfc\xe3C\r\xa3\x11\xe0\xc7\xc6\xaas\xeeA\xdeW7\x18N\xc0\xb0\x9c\xe2k\xa9&amp;&gt;\x81\xcc\xd3 "\xd0\xa7\x82\x1c\x8e\xce\xdcT\x9c\xa4 \x9ci[\xd2\x9a\xad\xa7N\x8e)\xe2b&amp;x\x06\xc9\xa6\xbb\xff\x01\xf0\xc9\xa5d(\xabHzL\x04.\x13e^O\xef\xf9\x06Q\xf5\xa9\xbbA}\xf7+\xfag\xb1jGMt\x14\xb2\xe1\xdaG\xae\xe6\xe3s"\xc5\xd0\xe6\x89\x1a:_p\xd8\xcd\xf6\x00\x06CWx\xc1\xd6[I\xf1@W*YI\x0e_q\xff\xdb&amp;\x1c&amp;\'\xd8\xa1{\xa1\xd9\xff\xb1{"\x7f\x15\xef=:\xfe7\xba\x93\x08-\xb0\xeb:\xc37\xa6[\xb6\x01\xe0=\xbd\xe9+\xb7\xd4v\xe9\xf8\x0cXUx\xa8)\xb9\x0f\tP\xfa\xc2\xd3\x15\xff\'\xc3*\xf2y5\x963\x81;\xae\xa0p\xaf=B\xb6\xfe\xf1\x06\x99S|4\xff\x14\xf8x\xedk\x9c\t\x83\xf2\x1c#\xda\x18O4\xd1\xdd\xd7\x17\x83\xc1\x10\xa4\xb3^\xdb\xee=\xbf\xfc\xa8\xbb\x97\xc0\xbe\x8fQ\xec\x10\xaf\x85\x9d\xf8\x10I4t\xe5U\xff\x10.\xe4b\xbd\x9e\x04\x95\xe7.\xb2}\xc3"c\xdc4\x9d\xef\x159h\xb3b\x0c3_\xf3I\xf0\x0b4i\xfb\xbb\x8fj\xddFj`.\x97\xa8\x1b\xd0_\x169\x1d\xf7\xb7\xa2f\xfe\xcb\x9c\x90\xb2\xcc\x1b\x9f\xda\x0e\xb6\xf0n\xb9\xe3\xd8DAQ4k&amp;1\x18\xee\x03I&amp;\xfa\xfb\x0e}\xf4Bac\x10\xe5;\xb5\xfb\x98*r\xae\xa5Z\x1d\xa2\x95\xbeSvf&lt;`3o\xadYC\x7f\xe6\xa1|\xf9\x83j"\x92\xbf8_T~\x91\x97y\xbeA\x81\x1ew\x06!\x03\x99^\xaa\x84\xe3XG\x08\x00p\xee)\xe2\xee\xa3\xb0\x15\xc7\xdc&gt;y\x03F\xb5{\xe1\xdd\x18/\x8aO\x10xwc\xc2w\xab\xb4Y&gt;\xf3\x865i&lt;\x88\xd3T\xd4Q\x16/2\xd5\x06\x83\x81\x84|Z9\x12\x93\x9f\xaa\xbcf\xc4\xe0\xf4\xbb&lt;I\xfd\x80\xc1r\x84\n.\x9cm/J[\x13\x1f\xd6EjC\x91z"r\x84\xfd:\xec\x94\x11\xc5E\x9c\xd0\xbc\xdc\xeeZ#}+%9\xca\x08k\xe8u\x0f\xf0\x9a\x9d\xb4\xe4\xad]y\x80\nmF\x9c\xc7L\x83\xf8\xb1\xa2\xfdo\xc2hz!"\xd9N\x06\x00\x9c{\xf6F!\x06\x83!\x0bz\x02J\xdf\xf1\xfe\xe5\xa9\x92Q\x1d\x00\x16\xb7\xc9\xc7\xc2\xc2dc\xd1d\xe2\xd5\x07y-#\xc7N^\xf8\xd1\xbf[\xd4r\xdb\xcf\x1f\xb0(P\xc20\xdf\x06\xc0e=\xb3")\x12Xhs.\xb4\xfc6\x1ci\xf2\xccLX\x19kMn\x1a\x807\x0eo\x9d[\n%*\x88X[\x17\x84\xc8\x084\x8a\xba\\f0\x18\x0c\x01\xbc\x14\x93\x0b\xe6b\x11\xc0|Zc\xdez\x82\xc8*|\xac\xe2\xac\xcc\xab\x8e\xd3\tl\xd0?\xca\xf2\x17o\xf0\xeeby\xf5\x84\xe7\xffC\x8c@\x89\x05\x00x.\xea\xc1\x1e\x10\xda\x90\x9f\xe7\xd1\xf4\x84jn9\x05\xe7\x91\xd1\xf7\xae`\xb2\x82:\xf5\x1c$\xd5y\xbb\xc4J\xa4\xc4\xa7\xecz\xc3\xcf\xed\xc0\xdf+\xaf\x9d\xa9 \xdc\x94\x96\xaa\xffbwE\x10dN\xb2R\x18\x0c\x06\rT3fy{@\x94?\xf7\x06\x80w\x17^_\xfdf\xe1S\xec\xa32/Hw\xf6\xd3b\x12\xa5\xc4\xfa2\x1d#\xc4\xf4\xd2g\x88;N\xc4\x8d\x0c\xed\xf9\x8d\xdc\xd4\xf8\x83\xd2v\x9b\x1eg\xb7\xca\xf8\x0eT,\xc9\xb0\xa7!\xb1\x06\xd5\x81\x89\xe21\x15$V\xa7[,\xe7*\xf4\x18?\x01r\xa3=!\x19\xd7-\x0b\x85Qs\xfe\xa8\xfd\x0cs\xca\n\xbe\x8cTf0&lt;(\xec\xc1\xbc,\x99@\xf3\xc2}q\xce\x85\xcd\x00 \xdb\x11\x11\xb0\xc9\xa9uy\xb0Xm5\xde&gt;\xedz7\tn\xcf\xd8\xe9\x956@\xa3\x9c\xc2\x18q\xaa\x00n\xecDPfa\xa7\xbaG\xd5\xda\xde\x8fDJT\x0e\x80\x1f\xf8=\xf8L2L\x16n\xd3\xe7\xe2D\xaa\xab\x82k\x16\xcf\xf1\xd6);!\xff\x148\xf7\xce\x8a\r\x8e\xd4\x9a\x94\x18\x9a:G\x13E\xafsnu\x91\x91\x04\x1e\x19\xa6\xc9`x\xb0\xc8n\xeb\xb7P_\x16\xf7\x8c\xd5\xc6\xb8\x80\xd9\x96\xe9\xf3\x8fUrXN2\x96\x96^\xdf/\xb6\xc2\xf4xSK\xb2\x18\xcb\xaff\xae\x7f\xe9\xca6\xb4\x00\xc1 =\x0e\xc3\xca2w\xab.\xe1\xacE\xd37\xfe&gt;R:\xbf\xcb\r\xd4Z\x97\xc9\xd9/\xda\x86\x0e\xb6\xdd\xb6]\xe9\xc6\x81L`\xebuY\xd6\xd3^uV5\x02\xd5\x06\x93-!\xdeQx\xefC\xf1]\xfe\xd2sy\xa0\x0f!u\xb0\xa4\xef\xc9w\xd4\r\x06\x03\t\xec\xfbzO\x10\xde\x04\xcc\xdf\xd6,&lt;:\xd2\x05g\xd4F\x83p\xfe\xd0B\xdfPZ\x1aA\xf6\xe0)\xa0dF&lt;\x97,\x94z&lt;\x8c\xd4"%\x89\xe817\xee\x15\xca\xe2\xd3\xbd7F\x97\xdd\xdd\xe8\x87(\x04\xba\xfa\x97\xb3|\x0b\xf4x\xce\xed\xa0\xb4&gt;\x01\xc8$\x16\xc4W*\xd4\x13\x1f\xadz\xbc,\xa4\xe23Q\xf7T`N&gt;$(\xd0\xdb\xff%\xb2\x1d\x1d\x0b\x06\x83\xa1\t\xd2d\xe4\xa5\x89\xb8&amp;\xf3\xd3G\xff\x8cpK\xbeWI=\x0c\x92\x17\x19\x11\x1b \xdc\x00\xb8W\xa1.r\xde\xbbU-\xd1ZX\x11H\xa7\x8d\n\x14DD\xbaT\x0f\t\xab\xbc\xf58\x0e\xac\xc8\xa7\x11\x9d,\xe6\xd7I\x17E3y\x997\xde\x0e\xdb\xdbTWT(\xce\x0bA\x14QW\xd3\x82\x9b\xa3\xe4Gk\x9a1\x10\xf5\xf9\xa4\x97\xbc\x9be\x84\x8d\xe5N\xd7,\x83\xe1\x82\xe8\xb8k\xffh,AD\x89#L"\xd5ZM\x82\xa8*\x92\t\x11hm\xe8J2\xc8\xdeX\xac\x88\xcfg\x14\x9e$\x9f\xeblU\x9ai\\]\xc6\xd2\xe5\xb0\xdcX\xc2\x1bSG\x90_\xbe\xf1r\xde*;\xd3\x02O\xf7^P\xbaY\x94\x13?\xde,*a{j\xb9\x86\xcc\xdd\x89|\xe8\xb9%\xe9\xb5\xfd\x91%\x8fK\xe6\xe6\xdeR\xe3\xf0\xadW\xa9\xa4\xb2R\xc6\xf3.\x96\xd3\xd4\xadM65\xd5\xd2\xa9\xc1`\xe8\x0b\xad\xf0#&amp;\xc7\\6\xa1h\x102{{\xd8\xef&amp;o\x8a\xde\xb0ky\xd4\x98\xd4\xf6\xdc\xaa\x96\xfa\x9b\x01\x00\xce=W\'\xe1\x9f&amp;?\xeb\xfa\xa9\xe4\x9dwe\xcd\xac\xc0\xf7\x86\xacX9\xf9O\xf3U\xf7aRZ\xd7\'\x86\xc2\x96Ll\xcc\xcdbI\xf7\xd3+\x1b\xea\xdd\xb0\xb9\xeal\x9f@g\x1a\x95\xcd\xfc-\xc4\xe2\xb3*\x1e%\xbf\x1a\xce\xa9\xcb\xd8_\xb3&gt;\x1e8\xa1\xbe\xa1\xf6\xdfB\xce\x0e\xfctO3\x18\x1e(\xd0\xfd\xbdX\x0ey\xc1\xbbp\xcc\x93,F\xb9\x17\\\xcf\x89W5\x11\r\x87\r\x05\xce\xa0\xe5\xb7\x1d\x10\xb0"\xcf#\xa3H\x8d "\x99\xe3p\x94\\g\xd9\x96\xad\x97\xbfUV\xc7-\xf5I\xce5\xe8\xb4\xd9\xdb\xda\xc8\xf7\xca\xd5g\xfa\xd6W\x9f\x1c\\\xdd\xe7\xb4:AA\x94\xd1\xe2\x0e}K&gt;\x10\xd5\x00\x1f\x19#\xf44\xc5)\x1b\x0c\x06\x83\x1a\xa2S\x8d6YL!}\xaa7|,\xe1\x15^\xa5\xc5}\x8b%\\\xd3\x02\x83\xd2\xa8\xce,\x87\xc3\x17\xdb\x81\xdb\xab\xbb}\xd2i\xa5\xccr\xd8\xa6\xbea\xa08\x8f\xd4\xbb$\x91r&gt;\xba$\x131\x8dG\xbcWp\xfc\x85m\x05\xe5\x9e\x0f\xfb\t\x02"S%\xbd\xe8f\'\xa64\x9d!\x14\xa4;\xc2\x00!\x03&lt;4\xf6w\xbf\x7f\x02W\x9c\x02\x91\xd1\xea\xad\xf7\xbf\xedk@\r\x86\xde8\xe1\xcb\x8coxO\xa5\x14\</t>
        </is>
      </c>
      <c r="E2" t="inlineStr">
        <is>
          <t>&lt;class 'numpy.ndarray'&gt;</t>
        </is>
      </c>
    </row>
    <row r="3">
      <c r="A3" s="1" t="n">
        <v>1</v>
      </c>
      <c r="B3" t="inlineStr">
        <is>
          <t>steps_per_sec</t>
        </is>
      </c>
      <c r="C3" t="n">
        <v>100</v>
      </c>
      <c r="D3" t="inlineStr">
        <is>
          <t>1.351353</t>
        </is>
      </c>
      <c r="E3" t="inlineStr">
        <is>
          <t>&lt;class 'numpy.ndarray'&gt;</t>
        </is>
      </c>
    </row>
    <row r="4">
      <c r="A4" s="1" t="n">
        <v>2</v>
      </c>
      <c r="B4" t="inlineStr">
        <is>
          <t>Loss/RPNLoss/localization_loss</t>
        </is>
      </c>
      <c r="C4" t="n">
        <v>100</v>
      </c>
      <c r="D4" t="inlineStr">
        <is>
          <t>0.28601706</t>
        </is>
      </c>
      <c r="E4" t="inlineStr">
        <is>
          <t>&lt;class 'numpy.ndarray'&gt;</t>
        </is>
      </c>
    </row>
    <row r="5">
      <c r="A5" s="1" t="n">
        <v>3</v>
      </c>
      <c r="B5" t="inlineStr">
        <is>
          <t>Loss/RPNLoss/objectness_loss</t>
        </is>
      </c>
      <c r="C5" t="n">
        <v>100</v>
      </c>
      <c r="D5" t="inlineStr">
        <is>
          <t>0.09371963</t>
        </is>
      </c>
      <c r="E5" t="inlineStr">
        <is>
          <t>&lt;class 'numpy.ndarray'&gt;</t>
        </is>
      </c>
    </row>
    <row r="6">
      <c r="A6" s="1" t="n">
        <v>4</v>
      </c>
      <c r="B6" t="inlineStr">
        <is>
          <t>Loss/BoxClassifierLoss/localization_loss</t>
        </is>
      </c>
      <c r="C6" t="n">
        <v>100</v>
      </c>
      <c r="D6" t="inlineStr">
        <is>
          <t>0.85059166</t>
        </is>
      </c>
      <c r="E6" t="inlineStr">
        <is>
          <t>&lt;class 'numpy.ndarray'&gt;</t>
        </is>
      </c>
    </row>
    <row r="7">
      <c r="A7" s="1" t="n">
        <v>5</v>
      </c>
      <c r="B7" t="inlineStr">
        <is>
          <t>Loss/BoxClassifierLoss/classification_loss</t>
        </is>
      </c>
      <c r="C7" t="n">
        <v>100</v>
      </c>
      <c r="D7" t="inlineStr">
        <is>
          <t>0.16578557</t>
        </is>
      </c>
      <c r="E7" t="inlineStr">
        <is>
          <t>&lt;class 'numpy.ndarray'&gt;</t>
        </is>
      </c>
    </row>
    <row r="8">
      <c r="A8" s="1" t="n">
        <v>6</v>
      </c>
      <c r="B8" t="inlineStr">
        <is>
          <t>Loss/regularization_loss</t>
        </is>
      </c>
      <c r="C8" t="n">
        <v>100</v>
      </c>
      <c r="D8" t="inlineStr">
        <is>
          <t>0.0</t>
        </is>
      </c>
      <c r="E8" t="inlineStr">
        <is>
          <t>&lt;class 'numpy.ndarray'&gt;</t>
        </is>
      </c>
    </row>
    <row r="9">
      <c r="A9" s="1" t="n">
        <v>7</v>
      </c>
      <c r="B9" t="inlineStr">
        <is>
          <t>Loss/total_loss</t>
        </is>
      </c>
      <c r="C9" t="n">
        <v>100</v>
      </c>
      <c r="D9" t="inlineStr">
        <is>
          <t>1.3961139</t>
        </is>
      </c>
      <c r="E9" t="inlineStr">
        <is>
          <t>&lt;class 'numpy.ndarray'&gt;</t>
        </is>
      </c>
    </row>
    <row r="10">
      <c r="A10" s="1" t="n">
        <v>8</v>
      </c>
      <c r="B10" t="inlineStr">
        <is>
          <t>learning_rate</t>
        </is>
      </c>
      <c r="C10" t="n">
        <v>100</v>
      </c>
      <c r="D10" t="inlineStr">
        <is>
          <t>0.014666351</t>
        </is>
      </c>
      <c r="E10" t="inlineStr">
        <is>
          <t>&lt;class 'numpy.ndarray'&gt;</t>
        </is>
      </c>
    </row>
    <row r="11">
      <c r="A11" s="1" t="n">
        <v>9</v>
      </c>
      <c r="B11" t="inlineStr">
        <is>
          <t>train_input_images</t>
        </is>
      </c>
      <c r="C11" t="n">
        <v>100</v>
      </c>
      <c r="D11" t="inlineStr">
        <is>
          <t>[b'1024' b'1024'
 b'\x89PNG\r\n\x1a\n\x00\x00\x00\rIHDR\x00\x00\x04\x00\x00\x00\x04\x00\x08\x02\x00\x00\x00\xf0\x7f\xbc\xd4\x00\x00 \x00IDATx\x9c\xec\xbdw\xfc&lt;OQ\xe7_\x0b\x188\x14\x10\x0c?\x14\x10DO\x0c\x18\x10\x051\x11TTP\x0f\x13\x180 fQ1 \xea\xa9\xdc\xa9\xe8\x99EQ\xe1@\xc0,\xa8\x80\xe0\t\x08\x9e\x11\x15\xefD\xc5\x04\x86\xf3\xcc`V0\xe2\xd5\xef\x8f\xdd\x99\xe9\xee\xe9P\xdd]\xdd\xd33\xfbz&gt;\xbe|x\xbfw\xbb\xab\xaaSuU\xf7\xec\xbe\x89\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4\xe2E|\x86\x88\xf3+\xb3\x83\xbey\x16o\x94Uz6)\xcb0_[x] \xf4k\x9e\xe4\xcfbb\xbe\xbb\xb7\xf7^\xc4k\xbc"\x13\xba\x92\x05\x96\xd6\xcd?{5zl8\xbf\xf2&lt;\x8f(\xbf:\xfa\x04O\x13V\xcdi;\x8bB*\xd23\xf9?&amp;z24Ff\x0f_\xca&lt;\x9a\x03c\x977\x91\\\xd5\x0fo\xbd\x007\xe1(\x8dj\xee\x1e\xc1\xe803\xd1\xff\xdc\xda\n\x00\x00\xb8P\x13rI\x82\xd4D\xcd\xc9\x80\xcdwGv\x9as1\xe9\xc7\xdc\x17\x9d`\xb7\xa0\xd5\xe6oD\xf7\x0b\t\ttl03q_\x8c\x8e\x88O\xac\xdb(\x96%\x00F\xe1\xf7\x085&lt;\xde\xc6x\x99\x14\xf1\x89\xe7\x1a\x9c\x9aly\xd3\x98\xecN\x08\xbd\x7f\xd1hN-ff~\x8e[E\xae\x97\x89n\xc6S~\x1b5\x00\x00/\x98-\xdd\xc1\n\x8d\x02\'\x06\xc0\x9e\xe0\x15\xb9\xb5|&gt;q+\x17\xe0\xcdF\x9c\xd6\x9d\xff{\xaf\xa8\x10\xa1\xb62g\x17\ta_\xe2\x9c+GF\xc4\x19/\xa3u\x9e_\x89\xfe\xfe\x1c\xb3\xae\x07\xeb&lt;\x82\x9f\x97\x1e\xc7\xcbXO\x1a\xd7iL"\x8cN_/\xc4\xdeZ\xb4\xfb\x0c\xb0,\xc9\r\xa6W}\xe5\xbe\xff\x19\xa1\xdb$\xcd\xad.nC\x89@=Q\x00dp\xdc\x10p\xfc\xe8v[\xf3\xd4\x9d\x18\x00\xa0\t\xa2c\xe60\xdf\xe2\xcf\x19\xd4\xfcc0\x1a[\xb2\x0ef\xbaM\xf0\t\x19KHNz\x93\n\x07\xad\xa2\xbeb\xb1\x184n\xc6\xdc4\xe1pX\xa2lc&lt;\xad\x905\xcaI*\x1c\x99\xee\xfd\xc9j\xf4C\xad\x8bw\xfe\xcaZ\xff5\xc5\xc5\x86\x97+\'\x00sv\x11) \x165\x0c\xa3G*\xe0\xb8\x1ct\xee\xe5;\x96\xc3\x90\xb5u\x02\x00\xc6f^\xa8\xbfT\xe5\xd4\xccp\xf0\xf2\\\x04\xd1\xfd\x93\xb5$b\xe3*\xe5\x16\x9a5\xa5uJ\xbd\x18\xaf \xfa\xaau\\\xce\xccD\xef\xee7\xd2\xe6\xab\xa2\x96\xd8a\xeb\xaa\xa4\xfd\xb4\xcc:\xc2NF\xea\xc6\xcf\xde&amp;\xb86x\xb2\x0e\xc7\xda`;LE\xc1\xc8&gt;\x8e\x93\x8a\xc8\xa2\xf6%\xaf\x88d \x129\xbbL\x12\x00\xd8\x86].\x96+N\x00\x00\x00\x07%u\xfc\x99\xac=\xfb\xc4Wi\x9a\xb4C|\t\x80\xbf\x8c\xef\x11\x1a\xbf\xc8\xf8\x933\x12\xa3\x96\xc2_fE\xea\x01\x0b\xdd\xd7\xddbK\xc5\xf71\xda\xc2\xf4\x05\xfc\xeeN\xbb\xbe\xbc\xe4\x1e\xa3f\xe8mS\xa57\x1e\xbe\x9b\xeb\xac\x0c\xf3Q;\rh\x00\xd8\x84\x9d\xba\xf7\xb5o\xdc\x03\xfb\xb2\x16\x00P\xcf\xec\xa7~\xae\x83\xc3\x8a\xab\x88&lt;\xb0\x11\xe7F\x85\xe6\xb4$\xd9\x99E;\xc43\xb3L0~\xfe&amp;\x7f\x81\xa4\x01\x9e\xa8\xd7\x08\xe5\x8d\xe7\xac\xbcy\xc2\x1c\xf7\x1bo\xf1$\xd6*c\x87\xe3![\x1c\xf9]\x13\x80\x9c\x92W\xb9\x95\xa6\'\xf3UvK\x0f2:v\x87\x81\xe9NY\x1f\x16\xe8\xabP\x156\xbb\xfa\xb6`\xfa\x010\x10f\x88\xa6\xb18\xab\x9e\x8a!z@\xb5\x01{\xa1\xa0\xa3\xb6w\x9d\xc6&lt;az\x07^\xb3.l&lt;b\xf4\x00\x9f\x1cyP\xd2aOM\x18 *T\xb8\x8e\xb6\x1f\xdc\xc6\x1c\xbe\x81])\x9bfH\x00\x80\x0f\xd3K7\xd6\x84\xe9\x07\xc0h\x14%\x00\xfe\x98\xaf\xc6\x80\xb2\xba\x1d)x\xe6;\xc4\xe5\xfb\x85\xee$\xfe\xd0m\xe6S\xef\x8a\x9d\xb9~\xce\xc7\x13\xe8\xdbo1y&amp;\xd5K\xbd\xb5\x16-\x82k\x13\x99\xa9\x8e\xcc\xc2\x8dmuQ\x90Q\xb5@]\xc4\x8em\xea\x02}6\x1e\x8e\x9d\xb8Y\xd0\x99m\x0fV\x00\x00\xdb\xf3\xc6\x05^\xc0\x0e\x07\xb5\xae\x11\x86%7\xda\x16&gt;1\x12/v\t\xa63\xf3\x04\xb5Q0\xc740\xbe\xd3\xb8\xdf\xdb\xff\x96\xd7\x18;g0\xff\xab2\xd6\xfe\xd7IK2e\r0\x99+m\x10\xa7L\xa0\x1b\xdbt\xf8|\xdbf\x1b\x80\xd1\x07\x00\x80\xab\xa6 d\x8c\x14\xfe\x95\x1aS\xf2\xe9\xb9\x87\xd5\x86\xa7Y\x07\xdes\xa5\xa8=LtWK\x81v\xcc*\x93y.s\xe3\xd0\xbb\x11\xc9N\x0eYfd@\x9d0#\r\x17\xd8:\x01\xa0\xaaKsffzV\xb4\xfa\xc6OUm\xca\x00\x83\x0b\x00\xd8##\x1c\x0f\x01\xb0\t\xccU\xdf\x08$\xd5\xd1T~\\\xb9\xff\xd5Z\x93\x1c\x97!}\xa6&lt;"\xad\xe6\x84[\xa8\xbd\x81\xa7k&gt;y\\u\xf3O\x81\xe7\x97:\x1a\xd3\x95\xa6s\x03\x00\x80\xf55\x12\xfd\xc6\xe2\xc0\xbb\x06\xa8\xe1\x06[\x1b\xd0\x9c\xf3\xcc\xcf\x9c\xfe%aVv\x15\xcd`\xce#\xe7t:\x15\xca\x9a\xa2hSB\xa5\xa5\xcct2~N\x1a0\xd6\x83\x9e\x85\x1dY\xab\xect\xee\xab\xe7\x0e\xd3\x0f\x8d9\x9dN\x9d\xfb\x1a\x80+\x03\xebKB\x1f\x97\xdbo,\x8a\x83\x01\x00v\xce:\xceN~\xbfg\xc1Ar\xe6\xd9\xf6$\xdc)\xaf\xfc@|9\r\xceb\x8d{\x98\x84\xe4\xe2s\xee\xdf\xdb\xf2\x80\xfc\xe7[\x08m}g\x02\x00\x00{\xa1\x83{?\xf6-+\x00WDq\xfcT\xe0\x05\x84Ub\xcf#\xed;\xd4\xcb\xbe\x00\x99j\xad\xc7h\x90~`\xa2\xb7\x12\x97\x1c\xc1`\x00\xba\x819\x0ft\xc1t\x02\x00\xe8\xd1\xe6\xa1\xf0\xb4\xc6\xd2\x02?\xf5\x19\xbdL\x8d?\xacO\xf4#Y\xc2\x14\xacY\xfd\xbd\xadZ\x99`[0\x82a\x8e2\xbd\x8f\xd1\n\x00\x0e\xceQ\x1c\x0e\x00\x99t\x8e&amp;\x7f5\x99r\x8c\x11\xdd\xfa.F._\xbdW\xd4c\xca\x9f\xbb\x1d\xa1\x8b\xea\xd0\xb7\x7fg\xcf\x02\xf5\x19\xc1}\xf5\t\x00@\xc6\xfe\xb7\x80\x91\xf8\x17t&amp;\xf0p\xfc\x0f\x01\xd7\x91\x1d\x07\xff\xcf\xa4\x9c\x93\xf3\x89\x9c\x86_\x89\x13y7\xf4\x81\xcb\xb3i\xf9\x1f\x19\xd2\xfd\x8c\xd1i\xff\x1fZjd\xff~\xba\xa5\xcf\x08\xee~\x9e\xec\x1aD\x15\x00\x8c\x0f\xd3klm\x02\x00\x1b1\x1f\'3\xfd@\xb7\x1dk\xf3\xad\xf1\xcf\x1b^}\xe0l\x06\x04\x11\x7fu,f\xd1\xee\xf9\xed\xad\r\x00\x00\x00pd\xba?\x102\xc6S:\x95L\t\xc0W\xb6\x90\xac.\x13\x08\xd8A\xb7\xdbs\xe3a\xf1\xa2\x8dm\x01\x00\x00\x00\xc0\x9e\xa9&gt;\xcc&gt;\xd7}E\x96\xc2]\xc4[\x11j?\x00}\x9b}7_\x8fm?\x0ea\xc8\xddC\xc4|\x80\x85\x03\x00\x00\x00\x80-1\xe3\xd7\xae\xd1O2n\xeed\xcc\xe3+\xd3\x1e|\x9dNG\x8c\'\xcd\xae\x98\xd8\xb7\xdc\x02P\x013\x13\xbdPP\x06\x00\x00\xc0\xce\x196~\xedfU\xa5\xa2F\xc7\xb1\xe3\x0c\xca\xe3\x86\xb1dJ\x00~bk36f\x9c\xb9\x01\x0e\x86\xc4\x9ba\xfa\x01\x00\xc0\xee\xc1Qb=\xccL\xff\xd6\xa2\x0fG\x19\x97aS\xc4\xab\x85\x99\x89~ek+\xc6\x01\x93\xf3x`L\x01\x00\xa0%C\xc5v\x9b\x18S\xafq\xa8&gt;\xdc\x96\xab\xe9\x87Q\x9aYz93\x8a\xfd\x00\x00\x00\x00\xd8\x8aq\xa2\x81\xfe\xd7\x11M&gt;\x88|5q\xf0\x8a=4\x1c\x9f\xa0=\xc4\xdf\x80\x03\x00\x00\x00\x00\x18\x89k}\xb0j\x1f\x9f\x87N\x1ay\x1d\x19\xc2Q\x1a8\xfc|\x03\xa0/X\x11\x00\x00!\x97pG\xcbk\xc0\xfb\x94q\x84~\x9bb\xebd[\x86n\xec.\xd2\x18\xa2y\xe5\x02\xb0\tM\xe7\x1e\xe6v1w\xda\xda\x00\x00\xc0\x95r\x10\xaf\xdd\xff\xcf\xa2\xa5J|\xcc\xf8}[\xfbW\x11\x06\xa1\xb0\t;o5\x00\x00\x00\x00\x00\x11]sL3^ ;\x941A\xc4\x97\x00\x00\x00\x00\x00\x00G\xe6\x06[\x1bP\xc8\x8f\xb8Q\x1c\xa2\xba\r9mm\x80\x88\xd3\x89ND\xf4\x06[\xdbq-`I\x82,\n&amp;\xcc/\xe9[\x01\x00\x00\xe0\x1a\xc89M\x1f*\xa0\x19\xca\x18\x00\x00\xa8\xa2\xf4V\x13\x9e\x10\x00\x00J\xd8\xeb\r@&gt;\xdeg?\xb26\x8f\xad\xce\xb9=)\xcaXO\x00\x01\x00@\x1d\xa7S\xb1\x83\x857\xdc7x2\x13\x00\xd0\x15\xe3\x89\xf0\xd7Y\xbf\xb9\x07\x7f4\xbe\x85\x00\x00\xd0\x96\xc1&gt;\x10\x05\xb2\xc1\x08\x02\x00t\x10\x1f\'\x8c\xf6QZ\x00\xc0!\x80cY\xd0\xef\n\xdf\x8d(:|\xa70\xdd\t\x1b1\x00@\x03\xe3\xdb\x1e\x8b}\xca.\x8e\xff\x01\x00\x83\x82\x80\xa6;\xd7\xf9\xf7\rw\x0f\x1e\xfe\x01\x00h\xc1\xf6\xcf\xffT*\x06.\t\x80\x1a\xb0\xaf\'A\xff\xe8\x82\xfe\xdc#\x185\x00\x80\x0eL\xf4\xd5\x97\x9f\xce\xf7\x00o+\xf3/\x1b\x7f\xb3&gt;\x9c \xd8\x1d\xb1I;\xde\x9f\xaa\xd8\x10\xf4C#\xd0\xb1G\x02\xa3\t\x00\xa8\xc1|\xf8\xe7\xfc\xb38\nA\xc82\x1e\x18\x8eqI.\x16\xac&amp;\xd0\x18L0\x00\x00\x00Dd|\x00\xa0\xe8\xc9B$\x00`\x07`\x96\xee\x83w\xc10\x1d\x83\xa1\xc6q(c\xe4\xec\xd4l\x00\xc0\xae\xb0s\x80\xaf\xdc\xda\x1c\xe0\x80\x9d\x00\\\x05\xc8\xd3:\xd0\xa1\x931\x8e\x00\x00\xb0\x17j.\x01@\x92\xba.\xc5sV\x07\xe75\xb1\xe8v\xc8^\x87\x0c\xce$\x0cz\x06\x00\x90`\xab\xbfn\xdb\x90\xf3\xaep2\xfe\x07\x86\xe1\xbc-aP\x0e\x0cc|\x01\x00\x00\x00\xb0\x018\x19\x02`\x13\x8c\xfb\xb7\x8fQ\x117\xf8w\xf2\xe2\xb2q\x13\xd0\xe7\x00\x00\x00\xd4\xc8\xfa\xd6 \x00\xc0\x9a\x83\x06\xc4\xb1\xe6&lt;}\xc9y\x80\x17\xf4\xcc&amp;\xa0\xdb\x01\x00WC\xee\x1e\xcc\xee\xce\x1d\xdf\xc5\xe7\xb0\x06\x8e\x15\x0c\xc5h\x13\xf2h\t\x80 \xa5A\x0e\x10\xe4(=s\x80&amp;\x00\x00\xc0\xc2\r\xb66@\x8di\x8f\xa9q\xd3\xa7\xd3)\xf2\xf8\xf2iz\xb8Y\xfd\x11g\xd60\x1e\\-\xa3=s\x7f\x1a\xcf\xa4z\xe2-\x1a\xbd\xbd\x1b\x86\xe01\x9f\xba\'*\x9b\xf1\x9a:V\x00\x00\x80\x12\x07\xf1\xcdD4\xefq\xd1 ~D\xbc{\xf3\xd4\x88\x9d\xb5\x05\x80#\x92\xfed33\x9fh\xc7\xd1.3\xcb&lt;\xa7\xe2\x87\xbc\x0bE]\xbe\xe6a\xb7]\r\x00\x00#p\x9c\x1b\x80\xcb\x97\xfe\xeciSx:\x11?9p2w\xfe&lt;B\xff\x8f%\xdc\xdf\xa3\xae\x83\x01\xd6\x83X\xed\xd5\xed\x91\x07lm\xc05\x93v+\xa7\xd3i_\xde\xc7\xc1\x88\xa7\xe3\x0bP\xb1\x8dU\xa2\x0e\xf1X\x11\x00\x00l\xc6\x8ew\xac\n\x06\xf8\xa6\xc2\xa2\xed\xab\xc3\xa1W\xe6\xe9\x9aVO23\x8e\xf4\xca\x18`2\x83\x19f|\xfb\xb0\x84\xf0\x85\x83h&gt;\xe3\x12`\xe7\x98\xa3\xccD\xb7!\xfa\xe3-\xcd\x01\xe0*9\xd2\r\x80\x90\xedO\x8eZ\x7f&amp;\x8e\x99oY\xaa\xe1t:\x9dN\xef(/^\xa6\xc5\xabVI\xd4\xb5\x81~\x1b\x08\xa6\x83\x7f\x91\x98\xc4u%\xcbD\n\x08{\xeft:\x9dN\xa7\xed]y9Lt\x93\xadm\xd8\x90\x93\xfd\xf3q\xa2\xffa\xe7\xe4\xb0\x86\x81\r\xb9\xc6\xe8A\xfc\xb4k+\xed\x91wO\x97\xe3C&amp;"b\xcfe\xbc\xc4r\x1c\x8f\x01]\xb6]2\xfbB\xb5\xaf\x06\xba\xde\x91{\x15Y\x0f(4\r\xd3\x12\x0c\x05v^\xb0/\xae\xf0\x06@e}\xde\xb7\xb4\xa2$\xfa\xa7\xcb\xf7\xa8\x94\x9ay\xaa:O\x7f\xe6\xf2\xf5\xa8\x07\xf9\xfe&gt;P\x0bv4\x1f\xfe\xd5\xa1\xba\xfd\xef\xb2\xdfe=p\xaa\xbf+\xc9\xe9\xeaa\xfd\xd8\xfd\xb76\x00\xa8\x81\xd0\x1f\xec\x0b\xcc\xd7\xae\xc8\x8e\xffc5Z\xb8\x18I\x94\x0f\xd7\xb6O\x06:B\x06-i\xfc)\x9a\xcb7\xac\x91\xeat\xc2\xe4\x04\x00\x80\xcd\xb8\xc6\x1b\x80\xb1qb\xf1\xf5i\xbe\xc2Q\xd6\x12\xf1\x8b\xcf\xf8q\x1b\xb0O\x92\x01\xd6\'\xb9/`\xa0ka\xbac\xff\x0eT\xfb\x14\x8dw\xa5O\x7f\x08M7^G\xf4\x0f\xae\x93Glm\x00\x00@\x84\xe6^\xceQ"\x7fB\xb5\xc1\x039\xec\xb5\xc66\x80\xd7f\x1f\xfcC\x8e\xd7\x0e\xd3\xb7 \x01\xa8\xe6x\x1d8VZ8\x8e%\xcd\xe9\xda\xed\xdb\r\xf1\xf5\x1d0]Uc\x01hK0t\xae\x12z\xf6J\xdf\xa8&amp;&lt;\x91\x00x\x9c \xaf\xab\xaaX\x12\xb2ER\x85\xe8\xf6J6\x80\xd1\xe0\x8f\xbb\xaem\xf8(\xbcM\xd9\xa8=\xbe\xa4\xd2G\\[\xac\x06\x00\x00\x07d\xe8KXn\xf0%\x0f\xcc\xec{\xd4&gt;X\xf8\xfc\x83\xbc\x8aDZ\x08\xbb\xb1K\xf1\x93\x9d\x7f\xa8\xf4\x89\xd7\x18|\xc5\xd0\xd5s\x9e\x15\x18\xdc\x03\xa3\xf9\xe4}\x0b\x17\xdd\x9a\xc1m\xe6\x9d\xffIi\x00\xc0^\x18\xf93\x00l\xfc\xab\xc6\xe9t"\xfaYq\xe1?&lt;]\x1e\xc2o\xee\x8e\xdd\'\xfd\x8dvs\xdevP\xf2E\xdd\xa7\xd3\xe7\t7\xc5s\xb1\xeb\xbb\xb1\xbd\x06\x98&gt;mk\x13@sN\x8aN5\xe7/\x06\x8e\xc2\xd8\xa1\xf5\xf9\xa3\x16C\x9b\x08\x00\x00\x87Gy\xd3\x8a?\xff\xc3\xe6\xf3\xf7\xbe\xb7VO\xe9\xfcp\xd8\xec\x98\xe5a\xedK\x01y[\x04\xed\x06\x83\xc3F\xb2\x8d\x01\xed\xcfo&amp;K\xec}\xa1\x8da\xff\x086\x00\x00\x00\xb8&gt;\x04\t\x80\xbf\xb0\xf9\x81\xddi\x1b{\xcf\x16f\xd0_-\x1f9\x88\xca\xb8%\xbb\xf6\x80=3D|v\xa5$\x83\xe3\x03$\xdb\x03\x18\xbf\xb9\x01M\xf0v\xec\x00\xbd\r\x00\xd8\x01\xb8j\xecJ\xc45;\x97\xe9f\xc9\x93\xf17s\xe6?\x15\\\xfa\xb5\xdf\x89\xddA(\xd36\x0f\xb3\x08\x80\xa6\xec\xfb\xb3\x19\x9c\xf3\xc9+\x00\x00\x00\x1d\x18\xf93\x00W\xc4zc\x9c\x83\xea\xd3\xe9d\x9f^-e\x0bNz\xb4\xce\x86\xcc\x98\x1f\x07N\x004\xa6\xc7\xc7\x90\x1a\xb3w\xfb\x01\xa0\xa3^%\x81\xeb\x04\t\xc0\xf6\xac\xbe\xf3\x81/\x9f\xfb=M\x87\xeb\x9e#\xf6V\xbb\xa9\xf0a\x03\xc4\xfc\x00\xec\x9c~k\x18\x97\x84 \x87\xdbmm@\x90\xf3\x97uom\x05\x00:\xec\xc6/\xf3\xd8\xdf\xdd&amp;g\xed&gt;N\xc6\xff\xe62\xe6\x8d\xf9\\\xa5\xbe\x07$\xce+|Y\x7fy\x0e\xc1\xd3\x84C\x0c\xcd\xb5\xc2\xe71\x9d\xc6\x10C\t\x00\xd8\x06\x1e\xfdk\xa6\xf7\xfd0\x1e\x00&amp;\xbb\xb9\x018\x9d\x0e\x92y{]\x1b3\xd1\xad\x97\x0f\xd4Z_&lt;\xaa\x17\xfd\x93\xccoy\xbb\xf9|1p\xfe:\xa2z3@\x03\x8a\xc7\xe5\x14\xf8\x19\x00\x00\x80\xc9\xee\x1e\xc6\xc3~\r\x82\x8c&gt;\x95\xe7\x83\xff\xe9`\x80\xba\xdb\xac\xf9wsL\xb1\xde@\xfa\xf4/D\xafy\xf9\xa2n^\xbe\x12Z\xf3\x0f\xf7\xc4\x0b\x84\xd2\x8cxE\xd5\xbf\\S\xd6\xe18\x98\x01\x00\x00\xd0\x8eF\xc1\x00\x00\xdb0\xfal6\x9f\xfc\xc9\xbc\x1cL\xaeU\xc9bn\x1dV\xa6o5t/CC\xfa\xe2Z\x8a\xd3\x86\x8e0\xb3n\x1e\x02\xb2\t\xad\xd0\xe1\xaf\xf5\x07\xc1\xeb\x91\x10s\x000\x08X\x8c\xe0P\x8c\xfe\x08\x90\x19\xfd/\x1f\x8a\x8d2\x7fkv*lM\xfeEL\xa6w\xa7\xc6\x0b\xfe\x14i\xd1\x16w\x8d\xfb\xfd^\xff\x13]L\xdf\xa9\xfdG 4]\xa7?\xa7\r\xe2x\xbb\x08\xfd\x06@;\xde.\xa70\x16#8\x14\xbb\x99\xd0\xcc,&lt;\xdfU\xfd\x8a\xfa\xde\x19\x7f\xeb\xcf:\xc7o\x00B\x9f6\xfe#\xe6[G\xc5\xae\xff\x88A\xff\x80\xefr\xccL\xb8\x04\x00\x004\x02g\xc0\x87"\xb1U1\xafv\x13L\x00p\x1cF\xbf\x01\xb8\xc0L\xd2\xf3]\xeb\xefg\x05\n\xc8\x0f\x89{/\xf5\xfeq\xb3y\xafr\x9ap\xca\xdc&amp;j\x94\xff\xcd[\xf4&gt;\x89\xbf\xd8}p\xe7\xfc\x84\xad\r\x00\xe0\x9a9\xb8\x7f\xb96B\xfbm\xe8\x8fo/\x91\x08\x00\xfbg7\xeeL\xfeU\x98\x91\x92\x8a\xdf\xa7\xb9_\x8a\xbe\xc4\x93\xe9\xd5\x88\xff\xd5\xff\xde5\xc4\xdd\x00\x00\x00\xae\x95\xdd\x1c\xfc\x1f\xe6\x0b\xd3A\x07vr\x03\x10&gt;\x9c\xf6\x95\xacPs\x05\xdfqY\xe4\x1dN\xf4o\xfeZ\x97o,\xbd\x82~\x03\x00\x80-\x80wm\x82\xf0\xaf^\xd2~\xe2\x82c|U:\xe8\xc6n\x12\x001&lt;\'\x0b%\xb5\xaf#u^5\xb2\xdak\\G\xbf\x1d\x02\xec\x10\x06\xd8/\xc1\x0e8\xa6w\x95\xc7\xdf\xed\x10\xc6\t8S\x07\x87\xe4\n\xa7\xf5n\xee\xf2\x9aR\xf0 \x10\xfe\x000\x88\x82\x95\x05\x00h\x01|\x8b\x88\x1b2\xbf\x8a\x88\xb05\x03\x19\xc7\xbb\x01H\x82\x85A\xe4=\xb2\x0f\x1f\xc6t8\xaa\x19\xe14\x08\xd4\xf1[\xf1\xb71\xbe\x03\x83\xa1\x01\x190w\xfe\xc2h\xec\xda"\xfe\x1d\xfd\x04\x00\xc8\x81\xcf\xe1\xb7\xf7\xad\x08\xbd\xcd\x04;\xa7\xe9\x9c\xc1\x84\xac\x06\x1d\xd8\x07&amp;z\xf7m\r\xc0b9\xff\x9d\xa0\xad\xadh\xc4Q\xdb\x05\x00hO,\xea\xbf\x84\xfep1 \x9bCo\xba\x00\x14\xd0`9D\x96\xd8\xf3\xd98\xee\x19z%\xb6&gt;c:t\nt\xe0\xa6\x01\x00\xda\x13\x8e\xfb\xff:KL+\xfb\xd2z\xe1\x04G\xe3\xe1\xe3\x87\x1d\x00lNel*\xa9&gt;\xf8J\xecp\xc9&lt;x\x0f\xc8\xd8\xbb\xfd\x00\x80c\xc2\xb4\xddcBxBi;b\xdd\x8eA\x11\x82\x8e:*\x92K0\xb8\xafA\xd8\xf5(`\x16\x01\tW\xf8!`/\x078\x0f\x18\x07&amp;\xda\xf2\x8bA\xc7\xfe\x1c\xd4=\xb76 F\xf5\x9e\x11\xeb{|/\x85\x10|\x83\xc7Aa"\xba\xe9\xd6F\x00!\xbb^\x86\xe5\xdf\x84\x0e\xc0\xd5\x81\xa7\x93\x8f\x06F3\x9fG\x94=\x1c\x9cU\x1e\xe3\x02\xae\x16\xc9\x93-\xfb;\xb8=\x1b\xacov\xdf~\xc0\x919\x00\xbb\xa1z\xb9b\xa9\x0f\xc5\r\xb5\x05b|\xb3\xc1\x16\x08\x00(\xc3u\x1d\xf0$\x00\x0c\xcfN\x1f\x01za\xb5\x04\xdc\x8e\r\xc5\xbf\x97U\x0b\x9fX\xeftb\x8f@\xfd\xce\x8d\x07\xea\x00\xb8.\xdc\x07N~i#;\xae\x8e6\xd7/\x00\x8c\x0c\xbe\x8d~o4\x1a)\xc4\x9a\x12$]\xc4\xe7\x8fn\xa3?\xaf\x9do\x86_m\xce\x15l^\x7f\xb2\xb5\x01W\xc4\xd1\xe7\x12\x006H\x00\xf6\xc5\xe5\xeb/0d\xa3\xf3\x80)\x07\xc00\x01\xd0\x0exB\x00\x00\x00\xd7E\x8f\xe0\xf2\x92\x1cb\x8b\x05\xc7\x02Q\xe3\xa8`\\\x00\x00`K\xae\xfdX\x05\xb7"\x13\xb8 \x02\x00\x00\x10a\xda \xc6\xd8)\xea7,ly\xe0\x9aA\xcc7\x8a/K\xa1k\xe4.\x9a\x0c\xc0!\x81\xd7\x05\xbb\xe4h\xf3\x16g^ \x93\x83}Y\n\xbe\xdb\x87w\xf1\xf7\x96\xce\x1f\x07\xd0\x93\x17l2\x1cb\x1c\xf4\xcf\xde\x18\xee\xe3\x19\xe7\x19\x84\x89T\xcf\xe1\xfa\xf0\x17\xb66 \xc1\xfe\xffT\x96=aNt\xfa\x16\xd1_\x9b\x06`w`N\x1f\x8a\xc9O\xe9\x0c\xeb\xe1\xf6\xceN\x1c\xae\xdf\x0e\xd6\x1c\x0f\x03\x0e\x19\x1e\xb7\x03&gt;0%\x00\x00\x00TS\x1aa\xdc[\xd9\x8ez\xf0U\x9b\xe0\x80`J\xab\xb1\x87lj|\x0bs9^\x8b\x00\xb8"\x84\x0b\x18\xeb|\x97\x1c\xeb\x94\xf1\xdb\xb66\x00\x00\x00\xc0\xc18\xcc\x16\t@\x1e\x98\xfa\xc7\x06\xe3\x0b\x06\x07S\x14\xa8\x10\x99H\x98c\x00\x00\x00F\xe5@G\xf5!\xf6z\x1d\xb1S\xb3\x01\xb8\x1e\xb0H\x01\x00\x1d8\xd8\xb7\x00\x1d\x89\x1d\xef\x01C~\xbb\x82n\x7f\x0e\xd8@\x00\x00\x00\xd7\x0bRG\x00@\x82c=O\x0f\x00\x18\x128\x19\x19;\xf5\xc6;5\xfbp\xe0[%@!\x87\xbc\x01\xc0b\x00\x07\x05\xdf \x04\x86\xc6\xf9br\\\x94I\xd8\xeb\x8a\x1e\xf2\xa6\xf7:\xc1@\x00@L\xf4`qIA\xa1\x81\xe2-m3\x06j\xda\xc1h\xdd\xab\x15\xf2\x879\xb1\xc3\xd9!\x00\x00\x00\x00z#\x8c\xecy\xe2\x90\xb1\xf2U\x05a\x1aO=%\xab\xeb\xf6\xa7\xfe\xe8\x8c4\x93\x071\x034\xe7\xaa\xfc\x0c\x00\x00\x80\xc1a\xe3?I\xe1Cre\x9f\x04xh\xd3\xc6v\xeaL\x8d ~\x9c4\x00\x1c\x9f\xebr2 \x01&amp;C\x88\xbf\xad\xac\xef;\xe4Bo\x03\x006\xe6\n\xdcP\xfe\r\xc3\xd7\x16\x05F*\x1f\xe0\x1e\xe9*\x00\x00\x10\xe2 \xf7\xcf\x9b\xb4b\xe3\xcc\xd3\xd3\xe4\xecN`f\xfa\x17\xe9\xe3\xca\xf8n\x0fp|\x0cW\x82\xb9\xbe\x17\xaea\xa4xG\x1f\xab(\xdb*\x96Zf]l9\x00\xb4b\xdf\t\x00\x1b\x08k\xe8jW\x94VO\x95\xcbM\xf1gH\x00\xc0\x81\xf0\xcccf\x96\x9f\xb3b1\x80\xce\xfc\x08\xf3\xbc\xe5mmK\x13\x0e\xdc4\x00\x80\x06\x96\x7f\xb8\xdaci\x7f\x93\x7f\xb9$\x01\xa84\xa4\xae:\x00[p\x8e\xf5=/\xd2K3$\xecn\xf6_\x9f\xa3&lt;\x16\x07\xb8\x98\xda\xe1\xaa\x01\xe0\xe8\xec1\x86.\x8b\xfe\x0f\x9c34\xbd\x01\x00\xa0\x80A\xbf&gt;\xf6&lt;\xe9W_3\xcc\xc3\x1a\xac\xc4\xe1\x1b\x08F\x87\x99\xf1\xf5\xde\x00\x0c\xc5\xb4!\xd2^6\x083l\xcd\xf2\'s\xc5\x1d5\xb6\x1d\xcc\x8c~\x00\xed\xc0\xc4\x02\x00\x00\xa0\x073\xfe\x04X5\xeb\xc3\xa0sd\xbc\x8f\x8eu\xce\xad\xe39\x80q\xdeg\xd5C\xec\xab\x08Nv\xc0\x9aC\xfe%\xe0+A\xe3\xab`p\xbd\x08\x00P\x85\xe7\x7f@9\xebX\xedt\xechx\xfd\xb4\x0bv\'E\x10\xfc\x835;O\x00\x1e/\xf1\x10\xdfMD\xe7/i\xd9\xfaq\xba\xff\xa0*\xadrA\x7f\xcciW\xbb\xf4.?\xd4q,0\x04@\x02\x0e\x1a\x81\x03O_\x90\xb0\xb5!W\x0bz\x1ex\xd8\xb9\xa7f\xe6\xc4~\xe3\xfa\x9c\xe5V\x11\xf7\xd4D]&gt;u\xa0\xa5\xe2\xf0\x1f\x90\xb8!\xd1\xbfomC\x0c&lt;\x90\n\xc0P\x0c\xbb$#\xb1\xfe\xf9\xe0\xc9\xdc\xb5c\x85\xb1G\x97\x82g~@\x92\x9d\xdf\x00\x9c\xce1|$\xbb=\x11\xd1\xe9\xb4\xfc\xb7\xf8\xca}\xac\x8dwj,\xbfy\'L\xdf\xddZ\x7fx\xbc\x8b\xf1zIE\xdd\xa1\xa3\x7f\xc2f&lt;\x1c8\xd5\xbbvN\xa7\xfa\xe7\x82\xba\xff}.\xe7\xd7C]\x0b\x0c\xd4\x16\xb8k\x90\xe4\x9a\xa7\xc8\xe1O\x94\x07a\xee\xe7=tx\xfaNih\xda\x9f\xfa\xeca\x10\x01\xb8\x80\xe9\xda\x94\xe0\xe7\x92Ca\xfd\xf9\x0c\xcetSG&lt;\xfeo:\xeb\xf6\xf4Yp08;\xbf\x01\x00;\xe0\xb4\xfaa`\xf6\xba\xe5\x984=\x85:@\xff\x80\xeb\x01\xd3\xb5\x86\x84\')\xf8\x16\x89sy3\xb2?\xfft:\x9dv\x1b\xee\xafi\xda\x90\xd3\xf4\x14\x15\x00\xb5\\s\x02p"\xfa\xe0\xadm0\xf9\xa0C~\xeb\xc1\xeenxw\xbd\x0f\xa5\x8d\xdf\xdbp\x80\x00*_\xe1\x85\xc9\x90\x073\x13\xfd\xf4\xd6Vt#\xe1L\n\xa2vOyC\x88\x86\xef\xdd\xeb\x94\xbeo\xder\xde\xf1&amp;\x05\xc0\xf1)y\xea\x1d\xdf\xb2\xb2\x0f\xba?5[71v\x97\x83\x01\x19\x1a_\x04\x0c@\x03x\x85p\xba\xee\xed/\x01\x87\xec,\xb0\x7f/M\x06\xc7\xe1\x9ao\x00\x9a\x93\xed\xc4\x14&gt;\xd1\x05:\xd0\xe1{\x93l}u\x13c\xd7w\x1a\xc0\xc6\x9c\x1b\xb5\xc3z\xfe\xd3K\x96\xf4\xdd\x04^@\x85V\xc3}z[\xcfk\x19\xd5w\xe3\xb2Bv\x16\xd8\xbf\x97&amp;\x03\xb0\x19I\x87\xd5m\x03\xc3N\t\x1a\xb1\xbb\xa9\xb5;\x83\xc1\x8c\xca7t]\x1bG\xe9\xae\xb6\xf9^\xde\r\xc0\xde\xce\xfe\x83\xb4n\xc2\x01\xba\x08\x0c\xc2\xaen\x00\x1e\'\xf9p}\xcf4\x1a\xeb\xf0\xaa\xc0p\x87\xc0\xd9\x95\x04\xc9\xfc)8\xe0P\xf8v]D\x14\x99\x1ce\xc2\xb7m\x87s\x8c\x1fSv\xa4\xa0\xf6\xf4\xd5[[\x00\xc0\x11\xc1I\x15\x00\xe0\xb8\xa4\xc3 \xb7\x80\xd2\xa1)\xfc*hM\xe8\x80\x9fWw\x05\xbbD\xc5r\x89\x90LE7\xca\xaf\x02\xae\x85\xa3\x9cd\x00\xd0\x15|\xbf8\xc8&amp;\xf9W\x1a\n\xfe\x8c\xc3yk\x1f\xf3\xcf\xc1\x02U\x98yG\x0f\xc7{H\x86\xa1\x07\x9c\xc6\xcc\xea_-]\xf4\xc7^\xb0a\x0100\xc8\xd1A\x18\xcc\x8d#\x10?\xe0|V\xd1\x1f\xcc\xbe\xc8|\x17\xcc\x10\x07t\xc8p\xd8\x93\xff\x08\xa7\xfe\x12\x8e\xdd:\x00\x00\x91\xc2:\x1f\xd5M\xf4\xf6_\xa3\xf6C\x8cv63a\x0b\x19\x85\x1e\x9f\x98,\xd0\xc2\xf9\x7f\x90\xe9K\x0e&gt;\xa3\x8e\xdd:\xb0\'\xca\xbc\xb7\x91\x17\xe1\xc9g\x00\x00\x18\x94\x86\xd1\x7f\xcf\xd0\xff\xf0Gqc\x93:\nU\x1d\x9a\xf1\x07\xba\xc6Bq\xdd\xd1;\x01\x04\xd8x\xe0\x8cD=\xfd\xa1\x9d\xe2\xac\xdeH\x00\x00h\xc2\xae\xbe\x05\x08\x8c\xcb5;\xa9v\xcfV^s\xaf^\x1b\xa7\xd3)\xfa\x84\xb7\xea\x93\xc4\xbb~\x94&lt;\x89\xb8qG\xee\x84C\xb3\xfd\xc0e\xe5\xa7\x05\xc9\xac\xf1W\x96\xb7o,\x00\xa0\x1d\x88\xf3@\x08\xcc\r\x00\x00\xd89\xcf\x85\'\x07\xa0+O&amp;\xfav\xe3W\xb5\x15\xa8\xfd\xb0D\xf6#\xbc\x80\x88\xf0p$\x00\x00\x00\x00\x00\xb0`\xe6\x7f\xd0\x0f\xac\x99\xe8V\x9f\x99\xff\xa9;pt\x0e\x90\x8d|\xef\xd6\x06h\xb1\xf7\x81P\x03\x9f\xebX\xf3\xed\xb2\x0eA\xbfm\xc1\xd0}\xdegJ03\xd1\x9ftP\x04\xc0ayt\xa3\xef\x17+\xfa@\xcf\xb5\xf2\x8b[\x1b\x00zr\xbd\xebb\xd8`q\x1f\t@_\x0bw\xd0!\xd7\t\xf6V\x00\x80\x12S\x02\xb0\x8b-\x10\\/\x98\x9c\xa0\x19\xb7\x83\xf7syVy\x87\x8c\x10\xa1nn\xc0\x15\xd3s)a\xd9\x02P\x87\xf9wFt\x97\x13\x16\'\xb860\xe7\x1d\xd0!\x03\xd2tP&gt;\x14\x83~\xdd\xf4z\x04\x08\xd1?\x00*\xb4\xb9\x04\xe71N\x83\x00\xe8\x06f\xfb\x05\xb6A\xcfl\xcf\x7f\xeb6\x04\x18\xeb+\xa5\xdb\x07\x00pe\x07\xbaq\xec\xaf\x98\xe5\xa37\x10\xec\x14\xcc\xcc]\x92\xdc\x9b\x8f\xfd\xfd\xfa\x00+\xf7ja\xe6\x0e\xab\xfb\xeca\xe0F@\x1f\xf0\x87\xc06\x01)\xfe\xae\xc1\xa1\xef.P\xfe\xd3\xb9\x92\x93\xb9=\x9c\xde\x8do\xe1\xc84\x8a\xcc0(\xa3\x13\x0f\xca\xbd\xfe\xe1\x7f\xe6{\x03\xe3\xef\x7f\x01\x00\x00\x18\x8c\xba[\xda\xff\x13\x11\\*\x13xP{8\x87\xf3\xd0\x1e\xc7?\xd6\x96\x89\xf4u\xb7\xdc\xe0X\x03w\xb0\xc7]\xaa\xdb\xc2\xcct\xb7\xfa\x0e9P\x97\x82\xc6\xec=\xd7&lt;\xd0\x85\xec\xd9}l\x90\xfd\x9f\xfd\xc5Q\xba\x11\x00"R\xbaL\x8f\x07(\xb3p\xa7\xd8\xe9\xf5\x89\xfeBmA\xb5y*\xe0@\x9e\xf3\x8a8\xd4\xa8\xcd\xab\xe6t\xa2#\xb5\xab\x0c\xd3\x87\x94/v\xe6-B\x08\xb0W0W\xc6\xe1P\xce\x1d\x80\xada\xe2\xaa\x8c\xda\x1b\xfd\x9fN7%\xfa\x87d\x8d\x13m\x92\xccg\x01\x87sl\xc6\x1f_f\xc6\xf3\xee\x06\xcc\x86\xc7B\xb7\x80\xe6\x0c;\xc9T\x9d\xd7(i\xf1\xf8\x1e\x194\x02C\xbf\x05u\xb7j\xeb\x04@\x12\xd6\x1b\xe7\x9a\xe5\xc7x\x8c\x0f\x02\x0eL\x9f\xcf\x83^\x07\xcd\x1d\xe3\xe5\x02\xcd\xf8_;E\xd3\xac\x80\xb7\x07\xfb`\xd0\x0f\x01\xab&gt;\x19\xc8\xac\xf8@\xb0@]\xc1;\xe0\xe8\x1cm?\xf8\xff\x94\x1f\xdem\xb36N\'\xe5\xcc?.\x8c\x99\x98\x17\x85E]d&gt;\x16mf ;\xfc~\xc0}Y\x9b\xc1\xd8\xd1\x7f\xa4\xdb\x07\x1c\x91\x1e\xd1?\x9d?\xf8\xc2\xad\xc2\x80\xd5\xda\x1cyz\x00\xb00h\x02@\xa4\xff\x97\xf0z\xed\x9e\xe1\xc5?\xf4\xb6\x01@\x06\x7f\xae&lt;\x99\xbd\xd2\x06\xfc\x838\xd1V\xdb}\x92o:\x9bOE\xb3\x99K\xd0\xe5pqW9\x00\xdc]W\x98\x99\xe8Ob\xdd\xbe\xa3\xb9S\x81\xfd\x89\xfc\xf5\xbb\xadril\xef`w\xdchk\x03\x82\xa8\xdd\xa2\x15\x1d\xc3a\xf7\x02`s6\\\x87\x81\xe8!\xf8\xec\x073\x9f~\x82\xe8\xe4\xe4,\x19-0+:\xcfF3\xd3\xe94\x9deJ\x9f?\xc1\x03\xd6\xd7Ez\xac\x0f&gt;\x19\xf2\xa2\xfa)\xc1V\xec\x93\xc4\xfd\xe0\x86A\x05\x1eZ\x03^\x06\xbe\x01\xd0\xa2\xe435X*\x00l\xce\x89\x88\xe8\xc5\xbb9\xb7\xe4{\x11\xb9Q\x96\xc2G\x90\xcf?\xe4\x1eY\xee\xe9\xaa\x00\x80:"g\xfa\xe7\x15x:]\xbeb\xdf\xc9\xabU\xd6\x89\xe4\xcb\xfb7_\x8f\xbb\xba&lt;\x04\x9d\x18\xf4\x06@75o\x9c\xfb\xde\x88\xe8U-\xe5\x03p\xa5\x9cN\xc4&lt;V:\xee=Ks\x9e\x00&gt;?\xc0\xd3\x92\xeeL\x1a\x00\x00 \x00IDAT\xd3\xaa5\xa7\xd3is\x1b\x00\xe8@h\x9e\x9f\x02g\x7f\xa7\xd3i\xaet\xce\xad\xf3#\x84\xf3q~\xc6\xa1\xfe\xe9\xf4!\x99*\x00h\xceP{+\x00\x87\x01O\x91\xed\x9eH\x00\xedD\x0c\xebo\xfe)\xf8\xf2~\xf7\x8f\tXG\x95\xc1\xb7@\x7f\xda\xfce\x06PB2\xfa\x17\xd6-[\xaa\x1d\xe7\x006\x14\xa0\xcf\x15&lt;\x02\xa4\xc3\xee\xbe\x82\xa3\x05\xe8\x019\xbbr\xd6\x98\xdb9$\x87\xb6\xccW\xac\x93\n3\xce@\xb89\x06\xe6\xdf\xaej\xab\x02\xa4\xa9s\\\xf6\x9a\xca\x10u\x8a,I\xf8R\xb0\x1f\x90\x00\x88P\xffF"]q\xb6\xec:\xe1\xb1/JC\x08\xe2p\x10_\x7f\x90ft\xe1\xf4@O\xf4w~a~y\xfa5{\xbd,\x0f-L\xe1\x85\xf3I\x802\xb1@\x8f\xf9\xe1\xd4v\xa3\x80\xf1\x95\x12\xdc\xa8\xc4k\xa4p1E\xaa),Of^\x7f\x01\x1af\x05\xb8*\xc6\xca\xa4wt\x03Pe\xe7t\xee\xc8\xd1L`[\x865l&lt;v3iG\x84W\x9c_{E\xe0\x0b\x82\x9c\x8a\x95z\x9fm\x7f\x95\xe1~\xfc\xcf\x1e\xb9\xaa\xbe=Nc\xd7+\xb4`\xe9\x95\xd5j\x89\xe5p\xb66\x06\x80\xadI-\xce\x0e\x8b\xe4Z\x96\xa2\x13\xeelm\x0e\x10\x12\x1a\xa9\xd7\xddB\xe9qX\'\x00\xbf*\x08\x14T\xe2\x89\xb5\xeaJ\x81\x00L\x1cd.\x05\x13\x80\xff\x15\\/\xbe\xd5\xf4\xed\x83%\x00d\xe7\x00\x00\\9\xd8\xff\xba\xa2\xe3z\xe0\xbc\xfa\xc0\xee}\xf1\x9b\x9ao\xf6\xb6\xe6X\xf8\x0e\x17%]\x8an\x97\xb3\xe3\xbeBb\xb6-\xa1\x04 \xb2\x7fy\xdf\x1d8\xd4~\xff\xad\r\x00`{\x98\xe8\xa3\xb6\xb6\xe1\xa8\xb8\x8eo\n(oZ+\xd7\xe7U\xb1e6\x80\xed\x1f\xd0\xbd\x9a\x08\x03\x8b\xb9t/\xbb\x8e\xc0\xc0\x81W\x9a\xc3\x9d\xd1\xee\xcf{\xa4\x12\x80u[\xfc\x0b9\'\xb7\x07\x00\x8c\x02Vl-\xe1\xe3\x10\xf5\xbe}\xc5\x1e\xf7\x98m\x91\x87\x17\xf38\x86v\xbehl\xfa\xf1\x07\x8ac\x9a\x90\xce\x01D\xe1 :\xd9b\xd7\x01t2\x01\xb0\xdf\xddk3G&amp;7\x01\xf0\xaf\xe2\x97O\xbf\xeaME\xa4\x13`\x17\xe0\xa3\xe5\xc0\x03\xe3\x8b\xae\x83l\xf7}\xcc\xcc\x91\xaf\x980\x86\xac\xc4B\xc6\xdf\x8aO\xe1\x84z\xe7\xderb\x86T\x1fn7y@\x05\x01\x7fx\x99\x11\xa1\xbf5?\xd5\x9a_\xc0\xd0+\x13\xcf\x1eS\x7f\xb0o.0\x8f\xa3\xd6\x00E\x04\xc2\x03\x80\x818\xd8\xd7\x80\xee\xf8&lt;iS\xdcN;\xe2\xf7\x8e\xbf\xa6\x92\x1cy\xb7\xf0/\xa8\xceF\xe7\x9a\xc6y\xd7\x18\xb2\x92\x81\x1bd\xb8G&gt;9[}O?\x99]-[2Ct\xf2\x90\x0c:\xe8QN\xd3\xa0\x9f\xbc#k\xbf\x8b\xa1\xdf\x9e\xc0\nU\x1f\x9aS\xc8\x1b &lt;\x01\x00\x8c\xc6\xe6n\xa9\xcf\xf78\xf5F5\x1d}\x103\x13\xbd\x81!y\xf3Q\x03\x9di\xf4\x04\xdd\xf6\x13\t\x077\xa0\x80\xd4#@\xb1J\xeb\x97z,\x04\xccs\x00\xaa1W\x91\xf3\xcc\x1f\x16\xd8`\x88\x1e\xf3U\x1c\xb5\xa7\xe8\x89\x1a\x96^\xdb\x15\x18\x8b&amp;#&gt;\xc2\\\xeai\x83\xee\xd3\xde`S2&gt;\x00`\xd6"\x7f\x02\x00\x00\xd8\x15\x82\x8c\xbf)\x1f\xb6\xf9\xde98\x9b\x8e\x8e\x97n\x96\xfc@\xabV\x0f\xd7\xa5 \x063?Gg\xb0\x1a\x8d\xf8\xf6\t@O\xaef\xe1\\C3s\x8f\xff\xfdBZY\x17\xd2w-3\x10\x00}\x9c\xc5\xa3\x98\x00|J\xbe/\xe0\xe0y\x12\x16\xf9\xc4\x0e\xa3U\x9dp\xad\xba\xe1\xe1\xc8l\x80S[ \xa5|\x0e&lt;W\xd3\x0c\x00F\';v\xafN\x00\xe0H\x01\x18\x8dR/P\xaf8\xbb\x02\xf3\xc3\x07\x8an=\x96Hz&amp;ugZ\xae}l\xda\x1a,\xb8\x8cN\xd4\xaf7 \xfe~\xa5|\xb0O\xaeg\xdc\x11\xde\xed\x05.;1\t\'\x00^9\xee\xe9!\xa6\x07\x00\x03R\x12\x88ot\xcc&lt;\x92\x07\xf9"\x7f\x02\xd0\xe9S\xb6\x03%BCPz%\xad\xc7\xbdR\xcf\xc2.\xff\x06J\xe8[\xde\xe8\x93\xac\xe00\x0c\x18\x96\x8df\x8f\xc9\xbc\xa0T\xbfsl?\xce&lt;3\x07\xb0ju3\x12\x00 g\xa7+\xf3`_\xab\x9aKp\xd4\xae\xd3\xd5^\xf6\x18f\xa2\x87leB\xf2a\xa1\xeb\x1c\x1a0$cN\xc51\xadrP6r_nA\xf4 \xd0\xe4\t\xb7?\x97\x01\x00\x1c\x01x\x10\x8b\xc8\x171\xed\xba\xa3\xca\x8d\xefu\xfd\x12\xd1?\x1f\x86\x95\x99QP\xeb}\x8a\x14\x1d\x9b]\xcf\xffn\xcc1\xd9\xee\xbb\xab]p\xd9\'l\xdd]p\x1c\xca\x01f\xef\x97\xce\x10\x8e\xcb\xf5\xb4\x14\x00/\xfe\x05\xe0z\x81\xecu",\xbfe\x08\xb8\x9d\xea\x03\xc0\x81G\x9b\xdeUZ\x7f\x04\xcf[a\xc3\x10\xf6\x83\x0b\x87\x1f\x8b\xf4\x93\x1b}\xc9\t\x13\xb1R\xb6f\xban\r\x86\xfb\x83F\xff\xcd\x8d\xf9\xac\x81\x1a\x0b\xc0\x16|_\xe0uk\xed\x19~\x81\x89\xee\x98\x96*\xdd\xae\x86\xda\xd5\xae\x07\xb7\xcf\xf3\xfd \x13\xf1m+\xbc\xe7\xcf\xc1\xf3\x02 \xa5\xf2\xb6J\xd3\x12\xca\x8c\x14\x11c\x8dG\xe4B\xe0\x9a\xc0\xcc\x04\xc7EuIg\x8b\x1a\xf6\x93\xafjV\xb5w\x9a\xef\xdcl\xef\\\x1e\xfa&lt;\x8fl\xb6\xa2A\x07\x17\x805\xbb\x9f\xab\xcc\xfc\xce\x17o\xf3\x19\x9b[r\xa5\xc1\xe2\xf6\xa0\xc3\xd5a\xa2\x0f\xdc\xda\x06\x00\x1a \xbe\xd1{;\xe3\xe7\x1b\xe9\x9a\xb0\x85\xa8~^\xb2l#\xcc\xaf\xd2\xb0E\xe5{93=\x15\x1b\x92\x87\xba\x9c\r\xa1U\x04\xf9\x99\x02G\x7f\xdd\x1f\xc6:\xdd\xb8-\x98\x9f\x07`:\xf7\x01\x00\x1c\x94\x11\x1f\xe9k\xc2\x96\x9b}i\xdf\x16\x1b9\xceP\xf6\x8c\x03T&gt;?-_\x08\xdb~.\x05\x01\x16Xs\r\x9e\x1c\xf4\xc37\x970\xbb\x008 X\xd8M\xe9\x1c\xb1\r2\x9a\x83\x98!eW\xcf-\xec\xc2\xc8\xb18|p\x8c\x04\x00\xa4\xc8~F\xb7\xe3\x8c\xc2\xd4\x05@\x07\xc5/\xe4y~\x95!\xfb\xe3\xd5\xab%\xb8\x17\x0e\r6\xe6m}e\xc1\x13MN\xf5A}\xbd\x7f\x98v\x93\x15\x808\xbe\x13\xcd#\rn\xd5c\x1b\x91\x8a#&lt;\r\xb2\xb9\x01\xc3\xf2TI\xa1\xc0\'z\x93\xfc\xea\xc8\xee\x1a\x00\x004iq\x0c|\x91\xf9\xe9\n2\xab\x9f\xda\xbaK\xbd\r%0\x13}\xd8\xfc\x8b\xb8\xd2\x10\x1b\x0f3?z\x0cK@\x1d\xf5\x0f\x89\x8dM\x9bd&amp;\xcf\x1f2\xd3_\x1f\xa8K\x8f\x817\xfc7\xb7\x12\xf87\x8bw\xdc\xda\x00\x00v\x0c\xbc\x89\x85^R\xf1s\x95\t\xc0~\x1eq!\x1a&amp;\x01\x98\x0eV\xc70\x06\x94\x93\xfb\xc1\xfa+\x19\xf1d33\xbe_aW\xcf\xd1\t\xd9a[\x96\xb0\x9e\x93\xe1\xff\xfc&gt;\xbd\xcb\x0e[\xaa\xcd\xe1f/\x00.G\x9a\xe2\xc5g\xe1\xbb\xc4\x88\xfe\x7f\xa8\x85\xf8.U\xc4\xa2\xdb~\x1bR\xce\xd7F\x95_\xb9\xd4\xb3\xa7\xe9]q75\x10\xc7h\x05\x11\x89&amp;O\x93\x88\xe7\xb9\xda\x02\x81\x88\xd4Y\x7f \x07\x98\xaanl\xfd\x10X\x9d\x80&gt;\x01G\x82\x8d\xff\x0e\x02\xd7\xde`n\xde\x15\x19\xf6\xdb.\xbb\x81%\xc0C\xd3&gt;?\x14SG\r\xd4W\x05c\xf7\xc5\x835\x01\x808eq\xff\x9ag\xc3\xcb\x01pd\x0e\xf7\xc0_ \xe0\xc89\xdf\xb5x\x95P\xabX\xbePZ^\x0e\xa0\xa9}\x12l\xfcp\xa8\x19R\x8dsTv`\xea\x1b8\xdc\xe4\xb9\x8e\x81\xdb\'O\xc3\xb8\xe8\xa0\x95\x00`\xb1\x00pl\xae\xe2r\x96\x99\xbf\xb2\x9d#c\xa6\xb7i\xea%\xb7p\xc1\x17\xd7\xdf\xfcy\xf7Y\x8b\xb1\xd90\xd1\x17\xb4\xd3X\x89\xfa\xd68\xf0\x16\xab\xd1F[\xc2\x00\x8d\xcd5`s\x83\xab\xd9\xbe\xcfs\xd9\x9d\xc1\xe3\xa0\x19\xf7o\x9d\x030}EX5\x92\x13\x00\x0e\xca\xf3\xf4E6\x0cd\xe1\x86\xeaq\x12\x00I\x97\xae\xcadl\t\xef\x9cc\xdbZ\t\xb3\xde\xd5\xd9$j\xccY\xc4D\x95\x11\xa4\xd9\xb4\xdd\xdd7\x1e\xe1\x10t\xef\xf6\x03\x19\xac|\xf2?\xf6\xb4\x19\xdfB\x00@\x16-\xc3\xa0qc\xac\x1d\xf13\x07\xe8\xc3\xda\xf0]\x7f\xe3\x19\x7ff*\x9a7xK\x1dv\x13\x0f\xf5\x05]\x11`\xabI\xa2\x1d\xfa\x9fy\xc6\xa8s\x9e\xb1\x9b\x03\x00\xf2\xb8\xb8\xb37\xd8\xd8\x8c\xcd\xa9\xf0\x9e\xd10h|\x8f\xact\xaf\xfd\x19\x9a\xdb\x0f3?=a\xcc\xf8\x1d+\xa1\x7f\x16Q\xaf\xf1\x8f\x91\x00\xec\x88\xeb\x1b\xa3\x9f\xce\n\xe8/;`f\x1a\xb0u\x1b\xbbs\x85M\x06\x00\\\t\\\xf5\xf8\xca\x8f\xc4\xc4\x8e\xce\xb2\xffU\xca\xe9\xbb5\x8e\xdf\xb1;\xa0\xec\xd4\xf0Jc\xa0\x0b\x7f\xba\xb5\x01yL\x83\xb5\x97\xf1\xaa\xb5S\x1a\xf1\xe7VC\x0ep\x85M\x06W\xc4\xe1\xbe\xfc\x07\xe4\xf0\xf5u9\xc0nQ\xfbK\x02\xdb\xfe)\x80&gt;\x1c\xaeu\xe5\xe3u\xb8\xae\x90\xb2\xb3\x86_[\xc0\x1a\r\xd9c\x9d\xe0\xcd\x13\x90\x00\x00p\x1d\xec\xe9\x98\xe4\xf0l2\x10\xcf\xde@\xa7\xd2^\x92\xdc\xdeB\xf5\xf4\x12\x80\xdc2\x03\x82\xbfo\x0f\x0e\xcfN\xd7\xa6\x88\xca3\xfbu\xe1J\x81\x00\x000\x0e\x7f\xb5\x8b\r`\xff\xee\xf5\xdb:\x7f\x8c\xb5tOb\xfa2\xb9\x9d\xaf\x9fm\x16\x00`$\xf6\xe6Z3LME\xea"Q\x97\xf2F\x179r\xac_\xf7\xd4\x93\x00\x80\x11\x89~\x84\xf4\xea\xbe\\\xe5\xcc.\x8c\x0c\xc3|\xf9\xc2x\xcf\xf0Mo\xa9\xab&lt;\xefIw\xcf\x93\xdc\xe04k/sl\xd7\xa0\x87\x0f\t\xb7_&gt;\xfbJ\x00D\xc4\xcf\xe9K\x8eE\xc4\xfaJM\xd6\xa4\x8d%\xfceA\x99C\xb4\x1a\x80\x83s\xc5\xc7\x0c\x07hr\xff&amp;pA\xc6X\xb1M\xc6\xe4m:\x82\xa2\xbb\xfe\xfd\xce\xb1q"\x8f\xb1\xd9[\x17\xf1\xf4)\x9a\xc7f\x9cX\x97\xa8i\xf2\xd4_LaU\xf5\xb4\xf8d\xf4\</t>
        </is>
      </c>
      <c r="E11" t="inlineStr">
        <is>
          <t>&lt;class 'numpy.ndarray'&gt;</t>
        </is>
      </c>
    </row>
    <row r="12">
      <c r="A12" s="1" t="n">
        <v>10</v>
      </c>
      <c r="B12" t="inlineStr">
        <is>
          <t>steps_per_sec</t>
        </is>
      </c>
      <c r="C12" t="n">
        <v>200</v>
      </c>
      <c r="D12" t="inlineStr">
        <is>
          <t>3.1252842</t>
        </is>
      </c>
      <c r="E12" t="inlineStr">
        <is>
          <t>&lt;class 'numpy.ndarray'&gt;</t>
        </is>
      </c>
    </row>
    <row r="13">
      <c r="A13" s="1" t="n">
        <v>11</v>
      </c>
      <c r="B13" t="inlineStr">
        <is>
          <t>Loss/RPNLoss/localization_loss</t>
        </is>
      </c>
      <c r="C13" t="n">
        <v>200</v>
      </c>
      <c r="D13" t="inlineStr">
        <is>
          <t>0.3050164</t>
        </is>
      </c>
      <c r="E13" t="inlineStr">
        <is>
          <t>&lt;class 'numpy.ndarray'&gt;</t>
        </is>
      </c>
    </row>
    <row r="14">
      <c r="A14" s="1" t="n">
        <v>12</v>
      </c>
      <c r="B14" t="inlineStr">
        <is>
          <t>Loss/RPNLoss/objectness_loss</t>
        </is>
      </c>
      <c r="C14" t="n">
        <v>200</v>
      </c>
      <c r="D14" t="inlineStr">
        <is>
          <t>0.3702721</t>
        </is>
      </c>
      <c r="E14" t="inlineStr">
        <is>
          <t>&lt;class 'numpy.ndarray'&gt;</t>
        </is>
      </c>
    </row>
    <row r="15">
      <c r="A15" s="1" t="n">
        <v>13</v>
      </c>
      <c r="B15" t="inlineStr">
        <is>
          <t>Loss/BoxClassifierLoss/localization_loss</t>
        </is>
      </c>
      <c r="C15" t="n">
        <v>200</v>
      </c>
      <c r="D15" t="inlineStr">
        <is>
          <t>0.32104206</t>
        </is>
      </c>
      <c r="E15" t="inlineStr">
        <is>
          <t>&lt;class 'numpy.ndarray'&gt;</t>
        </is>
      </c>
    </row>
    <row r="16">
      <c r="A16" s="1" t="n">
        <v>14</v>
      </c>
      <c r="B16" t="inlineStr">
        <is>
          <t>Loss/BoxClassifierLoss/classification_loss</t>
        </is>
      </c>
      <c r="C16" t="n">
        <v>200</v>
      </c>
      <c r="D16" t="inlineStr">
        <is>
          <t>0.120111614</t>
        </is>
      </c>
      <c r="E16" t="inlineStr">
        <is>
          <t>&lt;class 'numpy.ndarray'&gt;</t>
        </is>
      </c>
    </row>
    <row r="17">
      <c r="A17" s="1" t="n">
        <v>15</v>
      </c>
      <c r="B17" t="inlineStr">
        <is>
          <t>Loss/regularization_loss</t>
        </is>
      </c>
      <c r="C17" t="n">
        <v>200</v>
      </c>
      <c r="D17" t="inlineStr">
        <is>
          <t>0.0</t>
        </is>
      </c>
      <c r="E17" t="inlineStr">
        <is>
          <t>&lt;class 'numpy.ndarray'&gt;</t>
        </is>
      </c>
    </row>
    <row r="18">
      <c r="A18" s="1" t="n">
        <v>16</v>
      </c>
      <c r="B18" t="inlineStr">
        <is>
          <t>Loss/total_loss</t>
        </is>
      </c>
      <c r="C18" t="n">
        <v>200</v>
      </c>
      <c r="D18" t="inlineStr">
        <is>
          <t>1.1164422</t>
        </is>
      </c>
      <c r="E18" t="inlineStr">
        <is>
          <t>&lt;class 'numpy.ndarray'&gt;</t>
        </is>
      </c>
    </row>
    <row r="19">
      <c r="A19" s="1" t="n">
        <v>17</v>
      </c>
      <c r="B19" t="inlineStr">
        <is>
          <t>learning_rate</t>
        </is>
      </c>
      <c r="C19" t="n">
        <v>200</v>
      </c>
      <c r="D19" t="inlineStr">
        <is>
          <t>0.0159997</t>
        </is>
      </c>
      <c r="E19" t="inlineStr">
        <is>
          <t>&lt;class 'numpy.ndarray'&gt;</t>
        </is>
      </c>
    </row>
    <row r="20">
      <c r="A20" s="1" t="n">
        <v>18</v>
      </c>
      <c r="B20" t="inlineStr">
        <is>
          <t>train_input_images</t>
        </is>
      </c>
      <c r="C20" t="n">
        <v>200</v>
      </c>
      <c r="D20" t="inlineStr">
        <is>
          <t>[b'1024' b'1024'
 b'\x89PNG\r\n\x1a\n\x00\x00\x00\rIHDR\x00\x00\x04\x00\x00\x00\x04\x00\x08\x02\x00\x00\x00\xf0\x7f\xbc\xd4\x00\x00 \x00IDATx\x9c\xec\xbdw\xfc}\xcfQ\x17\xbc\xe7G\x04\x0c\xbd\x18\x9a\xb4P\x0cM\x05\x13\x1e:\x08\x02\x02\xd2\x91*\x10\x08\x10\x04\x04B\x17\x90&amp;\x8a\xd2A:\x18\x8a \x82\xd4\xf8P"\x01\xa4D4\x10@\x82@\x1ez\t\xa0\x84\x12)\xd2\xe7\xf9\xe3\xdes\xce\x96\x99\xdd\x99\xd9\xd9={\xee\xdd\xf7+\xf9\xfe\xee\xe7\xdc\xdd\x99\xf7N\xdbr\xce\xbd\xd7\xb9\x89\xdb\x05\x00\x00\xc0\xd1,&amp;l\xd0\xdf\x9b3x\xd4\x98\xa6\x9b8\x04\xb3\xe6OL\x9c\x01d\x92\x92\xf9\x0b\xb0f\xb7Y\x82?`%h\xa2/\xb8\x11\xb0,Mi\x9c\x12\xa7\x9e m\xf3\xff"\xb1\xa4n\x02\xc5\xffw4\x81\x89\x03p\x8a\x8c8\x05\xc9\xf3\xe2\x1evY7?\xc0\xa3A\xae\xcc\x96eq\xe8D\xbf\\\xde\xc9\xcf\xd8\x13\xb7\x8e\x99\x99w\x0bhp\x06p\x91j\'m\xc2\xb9\xfbH\xd2{\x18c\x8a\xf1G}\x0f\xcb\xd3\x81`d\xea#\\6\x8f~&amp;&amp;\xee\x1d3\xcf\xcf\x07~u\xae\\\r\x0c&gt;\r\xcc\xb5\xce\xc4\xc4\xc4\x81\xb0\xab?\xbd\xea\xd8=\x14L\xf3\xfb\xe4\x13\x13\'\x82\xa0*\xddC9\xb8cx7\rn\x14\xdf2\xe0\xd0\x06\xa4t\xc3\x98\xd6\x9e8\x17f\xc4Nhp\xe3S\xf9\x84\x15\xec\x9f\x14\x9f8-f\xc9\xe8\x8e\x99}\xfd0\xc3{\xe2(0\xe6\xd9\x19\x9c\x13\x13\x13\xbd1\x97 g\x02\x00\xdc\xe3\xad\x98\x13\x9fg\x84\xb4O&lt;\x90\x89\x89\t5f\xe2O\x9c\x18\xf3[\x80n\x15K\xe6c\xe6\x13\xa3aY\x96\x91\xa7\x91\x9fm\xb4\xc0=\xe6;\xaaL\x06\x120\x1f\xd9w\x13\x13\x13\x174(bs\x92\x9d\xe8\x87\xb9\xdb\x9c\x98\xb8\xa2C2\xccG\xee&amp;\x98\x98q2q\x06\xcc(\xadB\x9a\xe6\'M\xfc\x93\xd2\xbeC\xf8\x9e2\xf7\xda\xbc\x03p\xe3\xb8\xe1\x0f\x03,\xfd\xce\x8fo\xd3\x80c\xe3\x0b\xfb\x98\xdd\xaa\xa4v\x8c\xc6\x89\t\x16\xb0\xd8\x9eQj\x8c3&amp;&gt;\x00\xfc\xee\xd1\x1c&amp;$\xb8&amp;\xf2\x19\x83m\xe2(\x80\x03\xf8\xee\x06\x1b\xfd\xc7\x8fyx\xd0\x86\xd5\xbc\tp\x10:\xd9\xfcVw\xc83n\'n2\xb0\x0f\x06R.\xa6\x91\'\x9a\xe26g\xa8\x89\x0eh\xf1m\xf1\xdb\x17K\x8e\x16\x94\xad\xf8\x00\x80\xfb\xad\xd1\x06\xdb\x1bF\x0b\xe5\xb2\x84-\xae\x0c\x03\xaci\xb8\x0e\x99\x0b\x83\xb2\x9a8\x1c3*&amp;&amp;&amp;&amp;&amp;v\x88\xd6\xf4\xe0\xa15\xb1\x11p?#\xa5`\xe6\xee\x7f^\x16\xd2\xc6\xda\xb9/Y\xb2Pw\xd7\xe11q"\xccj61qN\xa0i\xfb\x83\xbdYL\xdc(&gt;\xca\to\x054e3\x14\x00\xe0\xd7\xe6\xac\xd9\x03\xca\x9d\x86zMc\xb8\x95\x9dK\xab\x89\x93`Fi\x1b\xcc\xf4\xbfGt\xfa\xac\x1a&gt;\xbf\xcc\x90\xbbo@\xf0zF\xc3M\xe0\x8e\x97\x92\xbd7\x00j\x8d\xa4\xa0\xac\xa8\xcc\xbb\xe8[\xf7\x1a\x06\x13\x13\'\xc3]\xdd\x15\xef\x8cq\xac\n\xc9/\xf6\xa8\x9d.\xea\xd8(\xba\xe6\xb7\x00\x8d\x0fjY\x10\xc6\x03\x80sK\xee\x8b\xd5\xdf\x7f\x94\x14\x9a(b\xb9\xdfO\xfb_\xc7-\xadt\x15\x06[.\xd0v\xf7\x04\xed/I\xf2\xb4"\xb8\xfe\x9bT\xf9q&amp;\xbf\x89\x89\t\n\xf7[\xb3\xef\t\xcb\x82\xfc|\x8d\xca\xf5\xb3\xaaO0@\x9d\x0b\x8av\x84\xf3pb\xe2,\x80\x10G\xd3\xa1a\xcd\xcd\x1b\xecG\x85\xef|\x84\xad\xa2\x89\x89\t\x05\x86.G\x16\xb8\xf9\x01\xd6\x802\x0e\xc3hX\x83\xc1g\xb7\x89A\x90\xderr\x9a\xbbN\xc3/\xa7\x188;\xff\t&amp;\x00\xc0\xb9\x97\x80\xc1\xbf\xa0S\x9e\x80C\x0fgbb\xa2\x00\xeeq\xdb\xcc\xf4\xfb\x81\xd6\xdd\xb7\xb0$\x9bh\x0e4J\xee3nf\xc2L\x9c\x173z\'&amp;\xee\x01\'\xb8{91\x00\xc2\xb3\xdd\x19-\x13\x13\x13\x13\x13\x13\x13\x96\x98k\x8b\xb6H\xcf\x80\xe7\x06`\xa25\xe6\xb9\xf0\x84\x11\xbe\xf86\xe3\xc6,\x1ff5\x9f\x98\x988\'\xe6b\xb45\xe63?\x13#`\xa6\xf9\x84\x00\xeb\xc4p\xc3Ac1\xb4S| \x95\xc6y\x99\xdf\x15\xa6\x9b&amp;\x1aa\x0b\xad\xb6\x016\xa3wb\xe28\xe8f\x90\xf95\xa0\xb7\x03N\x04\xa4\xdf\xaf\xb2\xf58z\xfda\xab\xfd%\x9cs\xc1\x173\xaa\xb1~G\xe47\x1b\xc8\x9a\xe8\x84\xa3\x83Y\x8d\x93\xd2\xbeg\xc8&gt;\x0b\xde\x8a\x05\x8d\xedKn\xdb~O\xe5\xfc\x12L\x12\xbb\xd3\xe7&gt;\x7f\xc2\nQ,-\x8b\xc9rg\xe2\xb4\xe0\x1cT\x03\x86\xcb&amp;\xe0\'fm\xa2\xd1\xb7p\x9f\xfb\x9e\xc3\x84\x0e0?\x10v*\x08\xd3\xf3\x8bZ\xf1\x988\x0f\xac\xaa\xfa_\xcc\xa9\xa1\x1bF5\xf5\xad?\xbe1!\x04w\xd5H5\x185\xd03\xb8\xc9\x1c\x88\xb7g\xe7\xc3\xab\x1cM\x80\t\xe6\xa3\x11\x1d]pJw\xdf)\xce\x99\x9b\x9dA\xd6\xe7i\xbd*L\xeb\x1d\x80\x0e6\xbf\x9c\xc6N\xe7N\x1c\x82YV&amp;\xaaq\x96\xcf\x9607Z\xa7\xdd\x86M\xb4\xc5\x8c\x8a\x1aL\xeb\x1d\x8bY\xd6\xc4\xe8a\xae\x0f\xdc\x8e\xa5&amp;&amp;\xbac\xe8\xc8\x1b\x99\xdb\x84\x8f\x13\x940\xd1=\x96\xed1\xb9L\x13+b\x13\xa7\xc1\xf0A~\xa7\x98~a`\xfc\r\xc0\xe0\xf4\xda\x01\x00\xdc\xb3\xde\xe9\xd8\'\x0e\xc5\x9bW\x1c\xdc&gt;\x7f\xeb\x90=\xc7\xb9r=\xc6/\xcdgG\xb8\xfaGL\x8d\xd9\x7fn\x00n\x1e\xdf"j\xbdn\x0b\xbf\xac^\xf1\xccwCLc\xde\x06n\xc6\x8f73\x90\x89\x01q\xbe\xd8R/p\xefhe|\x07\xc3&lt;n;\xf7\xdf\x82\r\x00n\xea2\xb7;\xd9\x8eN\xd0\xb0\n\x00\xb4\xac\xcd\xd0\xba1\xb4(\x17/e-p\xa2\xf08\xa8N\xe2\xf6REib\xe2\x86pYx=\xe9\x0e\xd6\xb8\x13$\xfe\xb8\xdf\xa7\x9d\xa2\xaa\xcd\x7f\xf4\x7f\xd6\xeb\x89\x08\x8d\x0e \xd2P\x9c\xe1ws\xb0\xf3\xe6\x0f\xcf\xc0h\x87i\xdb\x893\x80s\x1c~/\xe7\xe5\x13\x13\x14\xb0\xa5\x15{\x030\x04\xc6a2\xd1n}pG\xb77\xdbb\xff]\x9bCi4\xc4\x8c\x93\xfe\xe8\x98\x9e]\xeb\xc0\xfc!\xb0S\xe2\x12"\xc5\x1fvi\xfb\xcb/8\xe646\x91E\xe7\xf0\xc8\xe6\x00\xf5\xde\x1a\xc33\x92o\x02\xbc\x90S\x17.\x93\x8a\xb7\xc4\xa2\xccc\xefN\x82yM\xe9\xf9\xc3d\x13v\xe8\x16L\x9d\xa7\xc7\xb9\x01\x98\xb0\xc5r\xc4\xaec\xe2&lt;0\x08\x0fa\x8d\x0c5\x16\xe3s[\x84\r\xb2\x93\x9d\tU\x0b\xb6\x01\x19\xf7T\x91\'\xca8\x1d\xcb\x88I\x9a;}F\xd1\x8d`\x16\x84n\xd8\xf3z\xa9]\xd8\x18\x1e\x8c\xa2\xa2t\xf2\xe7\x06\xe0\x94\x98%`\x82\x8dK]xQ;Q\x86x\x11U/\x9b\xe0_\x96e\xae\x8a&amp;D\xc8,\x03\xea\'\xf8\xa5z\x91Q\x85?\x18c\xbf{+\xa0\xbf``\xe2\xf4P$\xbbaj\xa7\xa2\xd4\xc5g\xce\x7f\x13\xe7\x00\x00\xdc\xd7\xb6\x07`\xbc\xbb\xd8`]1\xcc\x05\xb2\x15\x03,\x8bC\xb5\xfb\xc5\xf4\xbeB\xeev\xc1xf\xf2\xeav\xb9\xc7\x83SB\x15\xbb\x89\x9b\xc4a\xc5m\xa25\x98\xcf`\x8f\x8fy\x07`\xc2\x1e\xc1~\xf4\x07\xed&gt;\x15\xf0\xec\xa3\x1f\xa8X~TH\xbe\x10\xb1\xd1\x9bC\xf3\xc7\x12\xba}\x80\x84S\xbbo\xa0\xbeO\\P8[\xff\x85\x9a\xb8\x9bA"\xc3\xdd|\xc1\xd1\x0c\x8c\x9b\x85\xdd\xd4p\x0f\x890q\xdf\xc8\xce\xae\xb7\x96\x00\x07}\x06\xfa\x06\xcch\xf4,u^G\xb8\xf8H\xd5\x15\xbf\x1dh\xa2\'\xfa8\x82\xf3\xadP\x1c\x11:\xbdJ\x8d\xe7\x04\x7f\xbc\xf7f\x99;\x81\xef\xd63\xbbX\x9f\xb9~\xa9A7\xc3g6\xcb\xc4\x84\x0cgyP\xb2\x05\xc9S\x0c\xbc\x13:T\xbd\x03\x17\xf7\xb3\xa67\x80\xa5I\x0b\xb1q\x7f+u\x14\xf5F\x98\x1b\x80\x89\x11\x11/\xca\x99\xcd\xab\xf6\x00\xba\xbe\x13\x13\x13\xe7\xc7\xcc\xff#p\xe8\x06`z\xdc\x1c\xe5\x9fq`\xbb{z\x87\x83i\xa511\xfdR\x8b\x9e\x1b\x80j\xfc\xcaAz\'&amp;\xbac\xee\x95\xcdq\xbf&amp;\xbd\xdb\x81\xdf7\xd6\xd9zz\x7fb\xe2\\\x18:g\xcf&gt;\x93\xce\x0f\x01\xdf\x11\x92)\xd0\xf8\xf1\x9b\xeb,\xdb %\xce\x9ef\xa3aY\x96\xb1\xd7C\xcd\x88\x1d\xf3\xb9\xdea\xed|;\xe0\x1c\xc8\x01\xcc\x1d\xe0\xc4\xc4\xb90\xf4g\xa9\xa5\x9f\x06.\xafd\xfa\x16\xa8\xb9\x01\xb8\x1b\\oo\xf9\x97\x16\xb3\xf5\xd0o5\xbc\x1dv\xf0\xd7c\xdf(\xc6\xfc\x16|@\xa2\xf4\xfc\xb8\xb1\xe1\x04\x18kl\x00\xe0\xde#W\x8b\x8e\xf9\x84\xfe\xd0\x9b\xed\xb1 \x98G\x9e6\x1f\xa4\x1e\x0eCxD\xf29\x93\x9e\x84Y\xba\xfa.u\x86[\x01L4\xc2\x16|\xb5\x8bi\xec\xfb\xe9\xe1V\xbe\x16w\x00D\xdf\x1e=\xbfLzbp\x1c\x13\xa2Q\xcd\x89&amp;\xd7\xa8\x16\xf9\xef\xf6/S\xa7+\x8fG\x11&gt;\x9d\xa1&amp;"\xc0\x10?\xd7\xc3\xafH\xf7&gt;\xbd\xce;\x00w\x87\xda]/\x96\xde\xf3\x8c\xde\x0eK\xf6\xcf\x89,^j\x80\xf3\xa7\x89.\x985G\x8b\xf2\xe7\x17\x8f\xba\xe9Z\xaft\xdel\x99\xe0O\x9a#\xdc\xae8\x16s\x03p/\xc8\x1c\x89Yi\xf0*\xef\xdd\'\xd6\xc4!\xf8\xf9\x93.\t?\xe0h\x0258\xd0\xe6\xb8\xea\x01w\x06\xe3P\xba\xfdE\xcf\xab\x1cM\xe0\x8e1N\x9c3\xd1\xf9\x99\xa5F\x1f\x92T\xe3d\xde\x9a\xa8D\xdb[\xe1\x9e\xf4\xd3\x15\x82\x89\xc6\xb8\xf7\x9b\xad\x19p\xee\x9b\x8fqo}\\\xe4+\x9b\xd9\x03\x90\xe7\x07e\x8a6\x01v\xd1\xd5\xd5\xe63S&amp;\x06\xc4\x98%h\xde\x01\xb8\x17D\x8fW6\x89\xc2e\x99\x1f\xd8\x9d 0\xa3\x82\x04\'cfZ\xd5c\xda\x10\xfd\xd9Q\xd17\xa0\xcb\x94\x81\xd3$~\x1d\x8d\xe9\xe4\t\x0e\x00\xe0\xe3\xba\x1f\xc6\xcf\xd8\x9c8\ngy8\xf2n\xbf\xdb\xe1&gt;G]\x8b\x9b\x88\x969\x04\x0b\x06!\xd2w\x0ec6\x0cR\xfb\xd0F\x9b\x98\xb8ep\x9e\xc6\x01\x00\xf7\x0e\x90\\\xd3\xa5\xc9\xcc\xaf\x89cq\x92\x0fH\xcd&lt;\xb9}&lt;\xdep\xc11\xa3\xe5x\x0c\x92\xb3MV\xb1\xad~\xd8\xe4\x98_\xa4NM47\x00|L\x13E\xb8a\x83 \x19q\xfd\xf3\xe0!\xdf\xb0\xcd\'\xd4\xb8\xf9\x98\x18a\x80c}\x82\xe7\xd4\xa8_p\x94\xba\x7f\xb2X\xdat\xae\x16\xb7\xba|l\xb92&gt;\xc6b\xe9\x88\x82+\xb7\xe8\xc4\x96\xa0\x7fq\xe2\x0e,9\xf7\x8d&lt;\x98m\xb0\xd7I\xca\xcc\xe0\xf3\x91\xa4[\xc2-\x7f\xce\x12\xf6\xcf0\x1c\xf0\xc1\xb2\x8d\xc3\xb2\x1c\xa3zbbdx\xe9ykh94\x00\x18\xc2h0?8k\x8f\xfct|\x0b\x93\xb5\xbf\xa2\x9d\xf1C"\\\xf8\xd7\x18j\xe6\xe9\x1d\xe2v\xb6\xd7u;\xe0\xdb\xb1\xc3\x84\x1a\xf3\xb4iL\xac\xe7[\xd3;2|\xee&lt;@\xbdK\xe0N?[$\xdce\xd6+\x07;\x1f\xb4\x9b\xd0\xa1\xd1\x13\xa8\xfd\x91S:\xb3b\x82\x07\xf8\xde\x19*z43\xdd\x9c\xdb\xb4\x98Fk\x81i\xd5&gt;\xb8m;GO\xca\x1d\xc8d\xe2\x1e\xd1bN\xdd\xb7\xa1}\xf7\xee\xf9\x81\xcc\'\xb0\'&amp;V\x9c\xf3\xa1\xf3\xbb;\x0b&lt;\x1d\xa6w\xc6\xc3+e\xb3\xb2U\xc2vO\xd5\xb3M\xeewrZ?\x1f\'\x1a\x1a-\x1e?=\xfe\xb9=\x00\xec\xbb\x9ao\xe1\x99\xc8\x89\x89\xb1\x81d\xd9\r?\xbe?11,\xd6\xbcs\x99\x89o\xe6\xe6Q\xd8\x96I\xb7m\xfc\xf9C`\'@i\x1b*\xda\xa4\xc6_\x00\'\xe2!QD\x03\xcf\xa8[N\xb3\x89\x891\x90\xffT\xe2\x841\xee\xef\t\xe9\t.\xd6\x95en\xe2\x9b?\xac)\x84q\xae\x9d\xc8\xf8\xba\x9b\x15s\x03p\x03\x10\xc5hE@\x9f\'\x19n\x0e\xe0\xdc\x9b\x1c\xcda\xe26\xf1\x87\xce\xb9\xf3\xdd\xa2?\r\xee\xd8\xb0\xcc\x91\xdf\xaf\x81N\xb4\xbe\x1c\x07\xd9\x95\xae\x99=\x99[\xaf\xa1\x9e\x11\x1a\x8a\xcc\x84\r\x1a=\x886\x8f\xa6&amp;&amp;&amp;.\xb8\x87\xa7]\x99\xb0\xb5\xc34\xec\xc4D\t\xb2\x04\x19*\xa1\xc6!3K\xcd\xc4h\x98\xe18Q\x8dY\xd4\xba`N\x1e+&gt;\xf3h\x02\x13\x06\xb8\x8f\xf5\xd0\xcd\x0f\xb0\x17\x0e\xfe\x8eN\x03\xa5\xf3kT&amp;\x0e\xc0\x1d\x14\xd9\x89cq\xe2\x00\x9b\xd911q\x08\xba,\xe6fv\xdf\x08\xbc\xd5?\xe6\xd3\x0fn\xe7hps\x9a\x988)Zl\x9a;%\x83\x89\x16\x00\xe7\xbe\x8e~s\xe8#\xa81\xb8\xdd\xf8W\xad\x053\xca\xed\x0esbb\x1c\\\xea\xc9\rW\x95\x89\xce0\x8c\xa5\xdb\x9e\xef&amp;Z`\xdc\x889o4\x9b0?\xe1\xf0\xe1\xa5\x07$&lt; %#\x9c0B&amp;&amp;\xc6\xc3\xb8I4,\xb1\x89\x11\xe1\xddgx\xb595L\xb0\xe0\x07\n#h\xba\xfe\xb6\x97&gt;\x88\x8d\xa3_&amp;\xedu\r&gt;\x03\r\x11\xea\xa4\xf5\xc0\xfc\xe4\xb7\t\xce\xe2\xee\x89\x89[\xc1S\x8f&amp;p0f\xc1\xb9\r\x9cn\xcd01\x16Jq\xd35\xaa\xea\x82\xf8\xf4\xd1?\x93\xf9\x86q|\x96}\xcd\x8c\xa8\xa30-?1\x1e\xe6\x14s\x13\x98k\x86\t=\x8a\x1b\x80~T&amp;\xac\x93\x19\x00\xfe\xf3,\n\x03\x00s(d\xdf\x9d\x98\xb8\x19\xdc\xd4}\xc2\x99\xad\xfd\x11\x1a|\x1a?\xc6z+~ZfB\x8aY\xceF\x82\xedV\x9e\x10\xb5\xa9\xb8%\xbf\x0f&gt;\x96\xd5\xda\xab;f\xd2M\xdc\tnj\xc5\xfc27Y&lt;\x03\xc0\xfc\xd0\xf3\x890\xdd4\xd1\x04\xefp\xcb5n\x0c \xf3\xa2\xf9\xbd\xbcX\x14\xc0\xbe\x01\xb8\xa9\xdaq\xccXdK\x01\xcf\xb9T\xc7\xa2\xeboj9ubL\x17pqK\xa5\x86s\x876x\xf7\x84\xd9\xca)A}\x98\xdc&lt;n{\'911\x91\x03RI\x9b?\xccw\x9b\xe5\xe6\xb09)X\xdc\xb0\xd6\xee\xf9\x03\xb6\xe2\x9407\x00#`\xba\xe0\xc6A\xd5a\x88Aw\xa5\x1a\xf4\x89\x9c\x19\x9f\xcemy\xfa"\xadgU\rn\xfeV\xd2\xc4\x8d\xe1\xf6\x8e\x8d\x0f\x079\x85\xf4\xa7\xd2\x1d\x96c\x94Z\xac\x85\x85\xa39\xe6~&lt;;\xe0\xe4:1Q\x83\xd21\xff&lt;#?\x07\xb6\xd3\x16E\x8d\xea\xe0\xc4\xcc1\xd0\x0c\xa1\x89\xf1\xf0B3.M\xf1\x15\xba\r\xd5\xdb\xdb3\xe9\x8e#\x03\xe99\x9b\x84qx\xa23\xe2\x99SK\xdc\xcfH\'48]:\xb4a{&amp;\x0b\x9c\x1f\xdf\xef\xd6_\xc6}\xb6\xe6\xb1\xf7\xac\x86\xb2\xce\x95)\x13\xb7\x03\xf4\x96\xe5^\xbbg\\\x9e\x10\xdc\xa9w\xbf\xbd\xd3\xec\x13\x08\xf1[7\x15N\xeb\xfd1p\xce\xb9\x97\xbc\xb7\r\xc0\x84\x18\xdb\xf1d#\xe1C\x85\xdfq\x0f&lt;\x8ce\x87\x89\t\x06f\xc4N\x0c\x80\xe0Y\xc6\xef\x9f\x95\xf4\xac`\xaf\x06\x9a\x9c\x8bW6h\x81\xd6J\xbd\x9b\xce3en\x08\xa6\xcf@\xf6\t\xc2\xa6*D8*\xd3\x872Bc@\xf6\xcf\t&amp;F\xa9\xdb\xf7\x14\xba\x13G#\x8d\xb6`\x03phJ\\9\xe0\xf9\xf0n\x83\xa4\xeb\xb0\xd0=\x04\xd9\x07\xcc\x9d\x89\x1dy\xef{\x90\x9a\x81\x9f5!\x8d\x11\x1d4\xb1\xa1.l\x90O\x94\xd6\xd1\x99``\x1ayX\x0c\xed\x9aW;\x9a\x80;\xe3\xcd\xab\xe5h\x02\x13\xb6\x08"pY\x0c\xfc\x0b\x00\n9\x1b\x0f\xb4\xafNf[\xac\x8cK\xc4\xc0\xc1%o\xda\xf2\xbf\xd0\x19\xceJ1\x80\xb6\xc3\xd5\x9c\xf2\x8ei[\xd8eU\x18\xa4dR&gt;%\t\xf9\x89\xe30b\x9d\x99\x98\xb8i\xf0f\xaeYB\x87\xc0\x03G\x13\x98\xc8C\xba\xa7\\\xcc\'&lt;\x9d\xc0|\xa7cge\xf4\xa0\x97m\xe5\x05\xb8\xad\xc1}G\xce}\xf9\xe3\xc9e\xb1we_,\xd9\x12/\x19\xda\xf2\xde\x97\xffB\xf5=\xd6eyz5\xa5\xa7\x03\x14h\xb0I\x9e\xec\xb8h0\x94\xad7x\x06\x9d\xed\xbc\xd0\x98\xed\xd9\x86\x1fbT\xf2\x07Z5\x7f\xea\x17b\xe8\xc4\x9c\x98\x18\x07\x9a|\x1e\xe3\x01\x92\xc3\t\xe0\xa0,\xd3\xd9bc\xf8\xe8\x1c\x08\x9fm\x1b\x82L\xbe\x01g\xeb\xden,\xab\xe4\xe3m5q#\x18#\xf5(\x1c\xfe\xc8+\x1f\xe0}\xd3e\x0b\xe1W\xb1/}\x885\xe6W\x8fLL\x18c\xa6\xd3\x8d\xe2Z\xac\x7f=\xf3vW&gt;-Q=\x96\xdf\x1cm\x03P\\s\x00\xc0\x17\xe7\xd8\x1e?\x90\xfb\x80\xa5\x9d\xeb\xc2\xef7\xcdxt\x84\xf5\xda\xba\xd5w(\xb5\x10\xdb\x06\xdb*y\x9a\xc2\xc7[\x1fM`bb\xc29\x8b\xc24\xc4Bm|\xe4\x17\xb5\x8f?\xd2\x86\xc3\xdd\xee\x1fd\xf5\x1f\xde\x8d\x80h"\x97\xac\x96\xa4\xc3\xf16\x8a\xc7\xdb\xe1{\x8f&amp;\xc0\x84u\xcc\x1co\xf9\xde\xf0\xf2n\xd8\xb1\xeb\x89u\xb8u\xd0\xff\xc6rOu-0L\xa9?\x13Nt\x13lb\x04\xf0\x9fMW&gt;\x83T\xcf\xa4#F\xe00\x10\x0c\xeb\xefe\x95L\x08\x14h\x01\x80\x97\x19iV\xa8_\x18\xcdI\xeel\x00\xe7\xbe\xfdh\x0e\x9d\xd1\xf3\xd1\xbb\x9fR\xf4\x91qC\x1aw\x18W\xdf4\xffN\x91\xba\x11K\xd0\xcd\x14\xc6\x8e;\x99Qn\x8fO\x9c\x03\xeb\xe1%\xfe\x96\x1fI\xe1\x9f\xb0\xfe\x8f)\x9f\xd5r\x06\xee\x90H\x9d\xa2\xf2Tf\x01!9\xb40\n\x92\xa1"m(2#b\xb0\xca\xf0bw\xe8\xb2\xf0f\xd7@\x08n\xc4I\xba4e51\xb1\xa1[\xbc\xad\x8afl\xdf;\xec\x03\xce/\xb2\xfc \xbb\xdbR\xdb=\xe7\xdbj\xd8^\xa9\xcf\x18faZ\xd1\xd3\x08\xd3\xe0\x136P\xac\xb3\x1b\xe0y\xa3\xbf\x03Vw9\xd18\xe7\x06M\xf3\xfbu\xc7a\x98\x93\xec\x84s\xb2b\x1d\x1d\xea\xdb3\x19\xf09\xf2\x0e\xd8\xed\xff\x14\x19[\xc5\x14\xdb\xcd ^Pi6\x00\xb3&lt;\x89`\xb2\xd8:z\xc5vV\xd4\x18\xed&amp;m&gt;\xc6\x06 \xc6\x80\x94&amp;\xdaa\xce \x0ch\xec\xf3 s\x16\x13\'\xc1\x92\xbc0\x95\xde\xe0\x1b\xb8E\xbf-\x02\x87\xfe\x06\xd0\xd2\xfe\x97\xc2\x1cb\x10h\xa7\xb4rD\x005?\xe1\xa5\xd3\xe7\xac\xac\xd19\x96\x96e\xb1[\xd94\x0c\x89\x9b\x83\xc2VA\x97\xc1\x7fv\xa0\x12C\x8d\x8eI\xe6\xd8Y`\xc2\x10\xc8\x0c\xd2{R\x19\x1c\xd3\x14\x13C\x9e\xd6t\xc1HC&gt;\x86\xc9z\xd0\xce\xd3\xde\xf9\xeeA\x1f]\xbeR\x97\xfd\x94\x8bT\xda@\xd1%\xc0=?\x1d\x91\xc2\xc4\x89wg\xcf{\x9dP&lt;\xdc\xf3\xd8{\xa3\xf0\xdd$\xdc84u\xd9]\x07\xff\xc4\x00P?w1q\x00\x0e\x9a2\xab\xbe\x91\xa6\x03\xce{\x1bwf\xd3\x81\x18\xc9\xf2T\x18\x8c\xc3\xb0\x05\x0c\xaaY\xa9{A\xf8H10q\x10*\x1eC\x9d\xa0\xf0\xc0\xd1\x04&amp;8\x10\xdf\xdcY\x96\xfc\x9d\xcf\x99Bv\xcf\xa6w\xfc\xc8ov&amp;^\xbc\x7f{\xf0\x91vY\xbe,6\x95\xcc\xfe\xc7\xad\xc2\x97e\xf93\xec\xfa\xdc\x18t\xc0\xb2\xfc\xdc\xd1\x146\xe0\xc9\xb5~\xcf\xed\xadFB0j\xdd03U\xe9b\xb9\xbc\xd8\x9e\x8f\xf1\xdc\xae\x1fO\x8eeY\x96N\xcf\xd6NLL \xb8\xa5\xe2\xd8\xee\x9c\x9e\xb1X\xaf\x92\xa9\x15{\xfc\x1a%\xdct\xc9\xf8\x0c\xb8\xc6\x9aOG\xdc\x1b\xee\xd3\xdd\xd5\xa3\xce\xf5\x95\n\x9fIw\xe3\xb8\xeb\xafub\xe21Vg\xb8s/5!\x00\xcc\xcfT\xf1\xb0\xcdOV\xe6\xf2\'\xbc\xc59\xdd\x87\x9f.BN\xeaA\x00\x90\x1f\xff\xb4\xfd\x08\xac\xb9\x97\'\x06\x87\xb4\x00\xae\x19\xe7nq\xaae%\x17\'mEV\r*\xe1M\xe7\xdd}\xce\xb6\xf7\xe3_5\x0c\xe7\xf1\xf9\x08\xd0-\xa0\xdbq\xc8!\ty\xc6\'\xff\x96\x15\x8d\xa4k\xfb\x95\x9e\x0c\xbb\x06\xd2\xa3\xe5\xb2\xfb&lt;\x07\xd5A\x85L\xc7\xf2n\x9a^\xe6x\xc1\xa3\t\xd4\xe0Dg\xba\xb2\x8c\xfe\x96mD7\xb9\x8ea\xad\xfe\x1d#mEVm[ZG\xc2=\x8c\xb1\x803\xd4\x84\xfe\x88\xe2b[ \x9d\xa2\x84NX\xc2\x9b;o\xd6\xf7F\xeb\x03\xc3\x1b\x8b\x06r*n|7t\xf4\xe0\x15d&lt;z\xf6\xcfz\x9d\x08V\xa3\x1e\xdc\x86\xaf\xa4\xa77\xee\xa0&amp;\x0e\xc6\x0c\x0c\x02\x10\xe2h:\'\xc1\x1bNC\xdd%\xee$OL\xc6\x18J\x10\x08l\xb1\xf2V8\xae\xb1\xa3\xfd\x01\xce\xa70y\xf8\xc6\xbb\x9e\xa8\x0cG\x9d\xb7\xe1\xb1F\xbeg\x17\xdf\x06\xa6\xef\xce\x85\x99q\x13\x13,&lt;\xe3\xae?1\xd3\xa7L\x00t1\xf2\xb1%\x0f\x12`\xad\xde\xc6\\i\xf8\xcb\x15\xe0N5[CB\xfe\xde`\xe5\xacT\xce\x16\x84\x8c\xb0l\x8e\x13\xc5\xe4D\x06\xd3\x8f\x13:\xac\x91\x93;\xa4\xe8Ffb\xe2\\h\x95\x1b\x1d\x96\x05wu\x14\xb1\x8f\xb4\xd7w\x9b\xba\xe4K\x93$\xd6N[vuV\xb3\x85\xe9i6\x15\xe6\xdb\xb6u\xb3\x1d\xc4\x83\x8f/\xb9\\\x1f=%\x0f\xde\xb14\xc2\x8d\rg\xe2\\82\xfc\xb2s\xd3y3\xfd\xee?e2\xd1\x0c\x00\xb0~_M\xb3/c\x01\x80\xfd313\x98\x1b\xa1\xedw\xe9D*\x80\xfd\xdd\x17hKf\xf7\xad^W}\xd2n\x95b\xfeq=8\xd9\xf75\x01@-[\x7f\x06]\x16\x97\n\xbcx6j6f\xd6G\xab\x81\xf3\xf8\xf1$\x00P\x7f\x11\xc2 \xe0W\xb9\x8c\x0c\x07\xfa/\x84\x98\xb0\xc2Z\xab\xdd\x98\xb5(\x8f\xf9-@\x13\r\xb1N\x83\xcd\x12cY\xdcus~\xbe\xdc\x93Cw\xc6P{\\z9\x90\xad\x91\xc0\xc0\xee&gt;\xfe\xbc\x88\xb6dt\xb7\x1b\xcb\x9c}\xaf\xa8\xffV\x96\xc8)\x88@l\xb3\xc7\x13\xdd\xfd\x8eA\xfa5\x1d=\xb5\x9f\x0f\xd2\x03\xd4\xf3\xe7]\xfd\x9e\x10`\xf8\xfb\x83w\x83eY\xba\x9c\x91\xd9cn\x00&amp;Z\xa1\xcf\x97\xb5\xed:n\x7f\x96U\x19\x13\x1c\xd4/Ah\xcd\xa7\xbb\xfb\t\xa5\x9f\x1dU\xc94\x16\xb8,_\xc2Vz&amp;\xe3\x13\xd8\xed\xb7\x16\x8d\xdf\xa5\x9a*J\xca\xb2,\xcc\xd41\xf3\xa3\'fY\xe6\x1d\x80\x12N\xf2\xb5\x9eC\xd5\xba;\xf9.\xd4\xf1\xd1\xc7\x0b-\xa6\xad\x89\x89\x89\xdbG\xd3\x07\xca\x87\x9a\x149\x88\x1e.\xb7\x12x.#\x8c\x03H\xe0\xae\x0b\xf1W\xe0\xf4\xea@O\xdd\xf1\x0c\x9fU\xe8\x8cs[\xe3\xfc\x99&gt;\x02\xf3\x118\x9c\x12g\x0e\xbc\tS\x9c\xbf\x12M\xf4\xc3\xff1\x88\x96\xeaH\x1b&amp;V\xb5\xa6\xc8~\xff\xc3\x19&gt;\xb0k\x8b/\x06p\xee\xc1\xb5%(]\xfe\xaf\xb75\x8a\x92_p\x16\xc0\xd1\x91x\xe7\x06\xfc5\xa3nbb\xe2X`\x8b\x18\xefK\xdc\xdd_\xf4&amp;4Q@q\xda\xb8\xf1I\xc5p\xd6\xac\xd9\xfd\xea\xfbr\x97\xf8\xb7\xe1\xc7N\xfb\x19l\xfd/\xf9Z\xa1\xb9\x14\x1b\x187\xbfP\x9egpGc\\\xe3\xc3I\x8e\x84\xe6g\x00N\t\xec\xf9?\xff\xcfg\xea\xca\xa6+\x9e\xe7\x8c5\x97A\xf9lOs\x86\xcb5\xb4\x85\xffV\x8b\x07%\x15\x91\xa0\xa7\xc1\xfd\x98\xd7\xd9\xfc\x88\x03\x1dl\xa7\x0fN\\\x9eve}\x95\xd3y&amp;\xda;\xc4\xcd?\xa1\xbe\\\xbf\x82\xe2\xac\xe1w^\xe6+\xc6\r\xb0ey\xea\xc8\xf46\xcc\r\xc0\xed\xa1S\xd8\xe5\xcbG\xb3\xd3\x91\xdfi \xb39\x0c\xa7\xc2A\xaa\xf6~\xbf\t\xa3\xd3\xf4\xf9g\x7faQ\xfb\x88\xb6\x19\x82\xaf\xae??\xd0Q\x8c4\x9fy\xa6\xf6M~+\xf6\x9fP"y\x96lL\xa8\xb8\xd9\x7f\xd3\xc0H\x19\x9d\xc5\x98\xde\xcc\x86\xd9\xc3\xea\x85\x93q\xf2\x143k\xcc\r\xc0\x84\x12\xb9\xf2\xf1&amp;\xdb\xdcl\x9e\xb7\xa7\xfc\xea\x83\xfaoI\xdf0\xc8\xf0/,\x96g\xa1\xdem\xfb\x1d\x15\x83\x18\xc1\xc3\xe2E\xfa sU\x99\x069\x81\x95\xbf\x82\xe8(P\x8b\xbb\xdfwk\xb5\x19s\xadp\n\xdc\xa0\xe9:\x8dH\xa6EI*.z\xf7r\xefk\xe4\xb0\\&gt;\xb8\x99\xe4\xcc=\xe7W\x1am\xfa\x9b8\x1cT\x92\x1ct\x16Rz&gt;\xc4\rU\xbc\xb6EE#[\r\x7f"58r\xb1-6l\xfc\xc4\xb9\x8d\xd3\xcfp\xee\x88\xe0@\xce\x90\x05Z\xd0\xc8\xc6#\x15\x93\x89\xc3\xd1-\xaa\xdbe=G\xa6Jo\xa7\x1d\xd1\x9b\x9d\xad\x12NL\x9c\x03x\xd1!\xf3\r\x06&gt;*\x18\x8b\x15\x008\xf7\xe3v\xa2Z\xa0\xf8I\xe2a}\xad\x07\x008\xf7\x9c\xf4[\xd2\xe37p\x0e\xdec\xcf\xa08\x95\xb4\xbe\x03\xe7\xdeT\xd5\xf1~!]\xcd\x8bv\x0b\x13\xd6\x88\xbfv"\xc8\x14\x00\xf7\x1a\xcc5k\x07g\xf5\x8b\x87\x8a\r@=\xc9\x19\xf62d&lt;u\xe62rR\xda\x13*\xe8\xce\xbd\x9a\xc5\xf7\x08\xc17\x02\x87\x01p\xcb\x07\xa2f#\x02\x00\xf7\xb3\xd4\x8a\xbf\xd5y\xdeM\xc0\xfeyQl\xf5/h\xcc\xec8Q\x83u\xe2\xc0\xaa\xca4\xbb\x00\xa7\xb6\xd5\xa9\xc9\xef\xb8\xd1\r\xc0\xc4=!\x9a\xf6\x98\x93_\x8b\xa5\xe1;\xdc\xe6Z\xf3\xdc\xb8\xc3\xf5\x90p\xbc\xf1\xea\x7f\xeb&gt;W\x93\x9d!]\xc4_*\xd8\\\xfdO\x8c\rtZ\xe4F\xe9\x88\'8w\x91b\xf70\xc6\x89[\x81b\xf23\x9f,\x8f\x9e}\xe7\xdc\xaf\x07\x008\xf7VG\xb38\x00Q\xccx1\x0c\xf3\x10\xa83x\xeb\xf8_@\xf7ls\x03p\xd7\x18\xd4\xe9/\xb2\xceJ\xe4\xc7\x96\xfa\xf2\xb1\xc2\xe0\xb4\x07\xa771\xd1\x02\xc2jrs\x1b\x80\xa1\xbf\x1f`pT\x9b\xae\xad\xeb\xaf\xa1U:\x0c\xb3\xe0\xb0\x1f\xff\xb7\x9bH:d\xca\x19W\xc3\xccu|\xf4\xee\\\xfd\x9f\x1d\x94\xd7\xf8\xded\xee\xd5;\x87G\xb7\x98\xec\x1f\xf63\xd1\x8a`\x9ah\x8d\x90i\xcf\x89\x89Z\xfc\xdc\xd1\x04\xdaa\xcc\x02\xb1\xb1z\x9b\x0e\x1b\x00\x00\xf8\t\xc6s\xe1\xdb\xebJ\x8d5\xdd\x8b\xe2[\n/\xe9\xde\xd7%/\x7f \r\x14\xaa\xd5\xfc\xdc\x00Lp\x17[\xadyD\xeaz\xc5\xe49\xc2~\xe6)\x86\x81V\xff\xf3\xfbD\xef\x19\xd0(\x00\x00`Y\\\xfb\xe8\x02\xc3\xef\xd7\x1f\n\xbd\x0c(\xc2V\xb3\x9a\xb3\xdaf\x8b\xa2\x11.-\xd3\x9f\xe4TEE\xabt8\x1c\xd5\x96i\x8bhq\x90wz\xd2x\xb8\xe1\xdc\x1e\x86,G\x1c\xdc\xec\x04q\x16\xf0+\xf9\xc4!\x98?\x04v\xbfh\xba\'\x7f\xe3\x1e[\xdc\xd3\xfc(\x98\xf4\xfc#\xf7# \x87aY\xff\'\xc3v\xc7\x93o\x04\xcf\xad\x05u\xa6\x010\x9a\xc1\xad\xb0\xcd\xc1\x83\xe6K\xfc\xfbF\x10\xe5K\xf0\xf0O\xd0q\xc8\xe1\x9c\x00\xd8\xc7`2\xe9\x19\x95\xa3\xb1o\xb5\xf9\xd0\x04\xfc&lt;\xabn\x83\x99\xaa#\xe2AG\x13\x98(\x00\x00\xd2*\x06\x00\x8bK\x7f\x1ap\x14\xcc\xf3W\x0cg\x1f\xa0\x8e\xff\xf6|\x8e\xac\xf3\xb2,\xcc\xfb\xa4i\xb0-\xdf*P\xb4\xe7\x17\xc0\xb0\tU\x83G\x8e\x7f\x08zq6\xfdk\x0c\xcb\x82,\xcb\xc6\x1e\xd2\xd0\x082\xf9\x99\xc1]\xfe\xac\x08\x92\xfd\xa0\xf7"&lt;+\xaa[4z\xc7\xcf\x05\x8d\xd1$\x8b\xce\xb9\x13\xe3c:n\xe2\xd6\x80\x1eH\x9c\xfb\xb9\xba\xf5\xdbK\xafC8\xe9(\xce\x0ch\xfc\x15@\xd7\xc8\xec\xfb\x00\xa8\xeey\xd3\xbd\xfd\x8c\xc3c\x01\x02\x1c\xcdu\x10\x8cb\x87\x81\xbdc\xfc\xbc\xf5`\xa3\x1b\x1f?ie\xb1i\xf9\x89{\xc4\xed\xc6\xfd\x98\x13\xc6]\xc0\xd6\xe6\xa94\xf0\xf6x\niA\xc7\xbf#\xf8b\x90v\x115\x03\xb5\x07\x9e\x178\xfb\x00\xbf\xc7\xbd;\xa5r\xf8\x0f3\xb0\x9eE\xde]:\xbeP\xd3,3\x90L\xd2\xbb\xef ,\xe0\xc8\xca\t\xf3\x84q\xe2\xd4\x18w\x86\xab.\xd6w\xb8\x018\xe3x\x8bn2\x1cQ\xcdb\xa2\xe7\x06\xe0tNt\xce\xbdn\xf5\\\xd8y\xd4\x0b\xc7\x9b\'t\xc48\xb0J\x16\xbe\x904C\xfd?\xbd\xd7c\xba\xf5\xf3\xd0\xab"\x1b\x9e\xb1t\xd4\xc0\xae \xdf\x97\xdd&amp;&amp;\xee\x1d\xb7X+op\x03`X\x9a?N\xb9\x88\xf7n844\xef\x93\x9dws\xa3\x99\x16{\x00\x80s\x9f\\\xef\xa6\xeaQ7\xd9\x98\x99\xcb\xbc3\xf40\xe0g\xad\xb9\xc9\xdd\x00d\xbf(\xfd8\xa7\xa3\xb7:%\xc5\xea\x84\x07@\xb50;\x94\xb93\xbbML\xdc9`\xac\xdf\xcb\xb0er\xa6\x99\xe0Z\xc1\x9f\x0f\'\x8c\x0e\xa4\xd1I\xfc\x81\x8a"\xad}\xb5\xd5\xa8\x03\x00p?\xde\x96\xf01\xc1\xdc\xec\x86\xcf9a\xb0\xc1kdL\xe2\x98\x7f\x7f\xd7o\xa7SP\xc5\xafB\x0be\xb4\x0e\x91\xf9\xf7\xad\xe47_\x9d\x8f\x92\xa7\x1e\x87&gt;|\x86\x18\xf5\xc4m\xc0\xfa\x08\xf6\x9dj\xcf\xf3\x06[\xa0\x9f\x1d?z4\x81\x12(w\x935\xae\xd3\x06\xa0\x83\x96\x83\xf1\x95\xd5\x1b\x80\xc6\x00\x80\xaf\xd3kyg\xb5\xd2A\x16\x16c\xa0\xd5\xda\xdd\xfd\x0f\x93{G\xbb\x90_.\xbblm\xf0&lt;\x03m\\\x89\xc6\xf5\x1b\x80\x83c\xb8\x94GV\xf4&gt;\xa4\xa2\xaf}\xa6\xcf\xba1q"\x8cq\xf7&lt;\xeer\xd4\'l~\xeb\x08\xa5\x13\xe7\xc6y+\xfey\x99\xdb\xe0\xf6\x17\xfa\xd1\xd0\x1ez\x00\x03\xdc\xc26f\xf7\x85\x0c\xe5J!\x93v\xb4\x8f\xdf\x00\xe8\xdeU+\x8c.\x14\xfb|!\x1ct\xe08L\xacN\xdc/\xf8g\tmy\xd4\xc1\xae\x8e\x0c=\xcc\x91\x01\x00\xce\xfd\x07Si} ;\xa8\x1bg\x85a\x04b8\xb76\xcc\xdc!\xeb-\xba\xf5\x8a\xcaq\x81\xc5\xda\xa8\xaby\x19w\x00@\xfax\xfdD\x1b\x8c\x93w\x00\xf0\xacc0\xc1\xf0IN\x99\xc8\xc3\x8ehb\x14\x8c\x92\x81\x95\xb0:L\xba\rk\x1c\x82\x93Z\xef\x15\x19\x9f\xee\xdd\xc6\x05\xbc\x8f\x023\x9bM\xf4\x04\x15\x9c\xb7\xbd\x01\xa8\x84\x89e\xb2\x12z\x9b\xfd6\xdc}\xf8\x83=\xb6\xf2FX\xaa\xfaE\xfe\xec\xe1q\xc5\x8b\xdc\xc4(&amp;\xda\xe16\xaa\xe1\xd90\xad}\xc5Yb\xcf\x9f\x1b\xbe\xa29a\xe2S\x8c-4)\xed\xdf\xd7e\xed\xef\xce\xcb\xecp\x86\x88\xa5!%/\x8b\x90s\xa5\xf3D\x0b|\xbf\xf5\xa2\xa2\xcf4q\xb9/\xf4\x06sE4qW8M\xb8\x7fg\xc3\xa7$\xcfa\x81\xdbB\xaf\xcd\xa7D&gt;\xe3V\xc0\xcd\x84\x8a\xda\xfe7c\x81\x89\x89\x9bF\x9a\xdd\x9d\xbe;\xc1\xa0\xb6\x1fVi\x9b\xceJ\xe0f\xfd\x9c87n.|\xd7\x84\xff\x9a\xa3\x89\xdc8\xa2\xc2w1\xfbc\x86\xda\x00\x14e]C\xe56\xbe2B\xa9\x17\xe6\x03N4\x06\x9e\xdd\xc1\xfbw\x14P\xb1\x84\x99q,\xe6}P\n\'\xf1\xfd\x1c=\x15\x91\x1a\x9b\xc7\xc6\xf4\x05j\xe04t\xf7\x19\xc9\x13\x13G\x81_\x0effv\x80\xf7&lt;}\x03\xb1-\x10=\x1ez"\xe6M\xf0\x843\x11\x06\x00\xe7~\xfdh\x16\xc7\xe3\x12\xb4c/\x8cv\x00\x80\xfb\x87q\xd2\x9d\x85&lt;\x0e\r\xf9Ge\xe5\xc9\x04\x9ek\xdf^\xf3\xe0\xd9\xf0\xa12,\xbd1YM4\xc6\xa8\xe1h\x83\xe1\xcb\xc1\xdd\xc2\xfa\x1c\xbd\x99\x97\xa3\xe3\xa8;\x0f\xa7s\r\x9fL\xff\xae\xdfN8\x02\xce4\xa2K:\xfb^\x10:e\xbc\xc1\xde`D\x19\x02\x1c\x80\xfbHM\x8d=&lt;[o\xa8V\xdc\xcc@&amp;x\x80\x10\xb7X\xa4\xce\x7ftt\x18\x86\xf8r\x06;\xe8\xc7R\x19?7\x16~\x99B\xd1f\xa4_]\xd3Y\x91\xfe\xc2\xf3\xe6\x9br\xae\x14\xc7VW\xe2A\x91\xf6\x85\xeb\xb62:\x0f~"T\x06\x83\xae\xfb\x89\xe6\xf7\x95j\xab\x0f\x18\x9c\xc5\x0e\x13\xa3\x00\x12\x1c\xcd(\xc4?\xb1\xe0\xf3\xe8\xf1\xc6u\x02T\xc6\x03\x8c\xb6\x7f\xe0\r\xc7l\x0f\xec\xab\x1b?\xfcD\x0c\x1b\x14\x8a\x8c4_W\xbf\'\x98G,\x86\xe3!k\xa8~\x9f7\x8d\xaet\xd0{W\xe8{\xe3\xe5\x967\x00\xaem|\xce\xaa5!F\xb0\xfa\x7f\xd8\xd9\xa3\xa7\xfd7\x06\xde\r\xaa\xaaIfe\xd0q\xed(niX@\xfb\xd7\xe2\x1ag5\xea\xa2\xa1D=\xce\xdb\xd2\x9e\x91\xb3F\xde\x00\x8cCl\xb7R\xc2\xa7\'\xc9U\x114Z\x00A\xaf9\x05\xb5$\xda\x8c\xd9r\xe2\x10\x0c\x92\x9e\x13\x13,\xf8\x1b\x80s\xaf\x9e\x07\x9e\xb6\xef\r\xb9%\xd4u\xf6\xb2\x9a\xc3\xcc\xddm(\xb0\xf7\x06@\xb7\x94o\x992\xcfS\xd9\xdf\xa3\xd7\x94g\xfc\x19\x8f\xd1*\xc9Ff\x1cb\xc3Y\tY\x19\x9f\xe6\xc9\xbd\x1b\x99\x82\x19x\xd4\xad\x0fs\xac\xa4\x98\x98\xc8#\xdc\x00\xe8\xc5\x98\x11\xaa\xc2 4Z\xe1,\x95%\x1fQ\x87,\x1d\xceb:5\x86\xdc\x00\xd4\xc2\xa7\xd7\x8f\xe7w\x0fm\x933\xe0\x80\xec\xee\xb5\x80\x86(&amp;\xadF*\xe1\x7f\xe4-\x17\x0c\x82{\x17\xb0\xee\xd3:\x116\xd5\xc2\xe1|\xe8\xf6fV\xad\t!LV\xff\xa1\x84\xc1N\x86\xf28\x1b\xd5\xd3\xb0u\x8e\xaeG\xbd\x8f\xd6N]\x19/C\xf8\xbd3\xf9\xdd\x0cQ\xc0w\x8b\xffSe\xd9\xb88\xa3\x19\x1f\x99\xe7\x1c\x16\xe1\xd3\xd5\x96\x8e\x87/\xb1"\x93\r\x80\xa8\xd7_\xda\x8f\x94\xb9\x018\x06\x00\xe0\xdc;\x1e\xa5}\xe2\x94\xa8\xac\x08\x97\n\xe8I\x80J\x81\x13\xce9\xf7\x93\xf8\xd3\xf3\xeb|3m\xcb\xc5\xa9C\xf1\xc2&lt;\x988K\x8d\xab\xf1&lt;#G\xd7\xdc\x00\x9c\n\xff\xf3tfl\x10`\xe4\x03l\x9c+-\xd0g\xd3\x92Z\x92Y\xc7\xa8\xee\xf9\xeb\x83\x00\x00~\xe5\xe0\r\xc0\xc4\x84\x04\xf5\x1b\x80m\x0f\xf0\xcd\x00\xee\x8d\x87\xce\xcf,N\xb1\xb0\xbe\xae\x08\xcf\xfc!\xb0`\xbb\xd8V\xd5G\x90\xb1\xad8\x85\xea3qf\xb4s6\x00\x95\xd9\xe7m2\x87\xc5\x01k\x97\ts\xbcol\xe1Q\x0cn\xe2\xfa\xb4DcbS\xce\x11\x1cP\x00\x00 \x00IDAT\x0bT\x1e\x8a\x0faCoE\xa1\xe7C\xe4\xa0W\xcf\x07MR&gt;\xa5\x01\xc9O\xdc\x19^\xf4\x92E\xdd\x9f\x93\x1b\n\xa2\x93\x89ap"\xaa&gt;\xea\xe7\x06I\xc7u\x95\xbfy6|!\xe3pt\x84\x14T\xbf\xfa:/\xd6\xe8x-\xbb1\xb6\xb1\x15K\xa6\xd1.h\xc2\x1e\xfe\xe6\x7f\xc0\xddf;\xd7\x97\xc5\xfer\xbe\xc1\xcb\xd5\xca\xef\x82\xc6\x93\xe9\xe9\xa6i\x12\xfcQ\xdc\xc6x\'FD\x9c\xabw\x16j\x90\xe0hFUH\x97\xb9\xd1\xe4\xca\x1e\xe0\xbb\xda\x91\nPo\xe7m\xf5 U\xa9\xd6\x18I\xaa\x97s\'8\xd0V\xf7\xe4&amp;j\rmo\x01\xeb\xf8\xef\xed#\xceQW\xe7\r\x89W\x0f\x0be\xea\xd8\x90\x16\xadV\xf5\xfb\xba\x8aG\x83&amp;&amp;&amp;\xa4\x08\x8a\xce\x1d\xa6\x16c\x03\x00\xce=\xf9\x00f*\xa4\xfc\xc5\x0em\x1c\x036\x1b\x00\xa1\x04\xab\x11y\xcc\x9b\xae\x12\x06\xce\xc1#\xccN\x89o)|\x02\xc1\xd97\x00\xa3!\x98wF?\x81zUf;\xce(*\x86\xa9\xddZ\xa8tu\xd1R\x86o\xae\x81#d\xe2|\xc8n\x00\x0e\xa8G\xfd\x83\xdb_\xfa\x83\xfb\xa6\xea\x05\xf4\x80X+&amp;\xe7\x00\xac)\x8f\x0b\x19\xed&lt;\x17\xdc\xdc\x10J@\xdc\xba\x9d\xba\xc9\x99 \x02\'\xbaA\x17&lt;\xb7\x90\xc8"\xfc\x9ae\xb2\x83\xf1S\xd7\x83/v\xfb\xa1\xe3r\xb6\x1e\x96\xc7(\'\xf1\xfe $\x07\xa11q\xfb\x08\xf6\x9a\'\xc9\xd2\t\x16\xc6\xa8\xbc\xb5\x1b\x80\x18\x1f\xaa\\\x0e\x1em\x07\x02rV\xd75D\xedp\x86\xb4F\x88\xe0\xc4\xb4K\xc7s\xc3\xfc\xc6\x97\xd1\x07\xf7\xdb\xf8\x02\xc2\xd7|\xf9\x87EE\xfb\xd5\x7f+\xe1\xd5\x16\xbb\xa74\x9c\x98\x18\x18\xb9\x87\x0e\xbb\x9fO\x14u\x81s\xaf%\x16z\xa3\xb3\xbe\xd4Aug\xde\x86\xa8!`\x10\x90\xd6\x81mi\xcf\x9a\xd5\xad\xfb\xf8\xaa\x07\xab\x06\x08\x8c\x12\xb6\x91\xaaM\xb4\xfe]lo}|~\x80m\xad\x1c\x1an\x9f\x0c\xd6\xee\xa5\r\x80\xaf\x05\x9c{\x17\xa6T=\xa1\xf7\xd4\x84\x13vM\x166\xe7H\xbaSb\x04\xab\xe68\xdc\x83\xdf\x97\xa3\tLpp\t\xc4!\x9cu\xc9\x8ae!\xc9\x14\x1bP\xfd\x06\x19\xa0-\xb4\xd68-\xd6\xaa\xd9m\xc8\x00\xb08\xe7\xb2\xea\x00\xc0\x94\x0f\x00\xe0\x03\x04\x80e\x01\xe7\x1e@:\\9\xeai\x9c%\x96*\xacM\x1a\x16mlX1\xceb[\n\xfebe\xd9&amp;\x8c\xba\xe1x6\x89M\r\x00\x97`\xe6\xda\r \x9f\xa1\xe6H\x89\xa1\xeb\xb9"\xf3\xb3\x07\xc6DOlyq4\x91\x89\x9bE\xf9`\xec\xd8\x9d\xeb\xe1\x04\xee\x01\xd3\xc2+\x98Gz\xcfj\xae\x95d\xd3\xf23\xb8\xd3\xef\xadpr\xc3B\x08C\x99\x0e\xe0O\xf1\xef]\x10\x08\x1a\xc2\xbc\x80\xa3\xd8\xa9\x0f\xbb\xa6PD\xc5m\x0c\xbc3R;\x0fn\xc6\x07\x1dM`\x82\x85\xcb1\xe7vw\x9csn\xb1,\xd7\xaa\xdb\xf9\xf4B\xa6\x0e\x00\xe6\xf9\x8a\x1c\x8a\x1b,\x92\xb3U\x99\xdcC\xdd\xc7T\xfe\xc7\xadylhj\x8c\x9b\xc9\x94\xe1\x0eV\xc7a\xe2\x9c\xab\xb8ednRb\xfdr\xd5\xc2\xf2\xe3 \xb6\xddfDY\xa71\xc8\xd7a\x91\xed\xd8X\xe8^\xf9a\x1d\xc7\xc9&lt;r\xf4\x14\x99C|\xabzb@\\\x8a,3\x81\xb7P\xf3\x1e\xa6\x1dt\x0fz\xf2;\x05\x07|\x14\xbbB\xd1\xd2\xa8\x06\x8dZ\xd9\xda\xc2j\xd4R\xa7\xf4\x083s\x15\x03e\xf9 \x1f))g\xf1\xb2\\\x12\x96\x1b\x1e\xcb\xde\xc5\x0c\xcb\x06\xaa\xc5@\x9ee\xa1\xda&gt;\xdf`\xc3\x83\xc6Z\xe1u\x86\xa5\xe3J\x1e\x1b\xc6\xf3\x856T\xb6\x1b\xbc\xc1G\xdcG\x85y\x0eNL\xe8n\xefniS\xf5\xa1Cu\xdf\xa2d\xf3\x1b\xd6\xf7\x80\xd1\xcc5\x14\x99\x9e \x06^3y\x1f\x03\xf0\xbe;\xb2\x917\x95b_\xfa,f\xd4&lt;\\!\xea\xd2\xe0I\x15\xe3O\x1e\x9bH\xab\x04\x93\x86\xf4\x11 \xbfS\xbc\xfc\x0c\xbaW\xce\xb3\x10\xfe)\xe8\xad\xd6{\nx&gt;:\xefH\xc7e&gt;\xef\x00\xdc*\x96\xeb\xfdc\x83\xcf\x81\x89J\xfc\x7f\xe74\x9a\x9b\xe4\x89\xf6h\xb7\x1c\xa7&gt;\x00p\xf9\xefi\x82\xfb\xe5\xd6\x99\xb5\xe9\x04\xa5,A?7\xae\x19a=[\xd9\x17\'\xff\xad\xcf\x1cO\x864\xdf\xc8\x00f\x0fQ0O;\xd5;\x04\xc5\xce\xaa\xd8\xa6tS\x03\x15\xbb\xbe\x88\xae\xefj/\xbb\x03E\xb5\xd96\x15;!\x11\xb916_$\xea7\x87\x9e\xb7F/\x08\xf4\xbb\xf7{R6a\x05\xe2\x10\xa2B\x16\xb3\xe1\xe5\x85H8\xa3\xd5\xe7\xb9}\x06\x9d\xb91\xd1\x0fh\xbc\xadqX\x15\x8a\'\x0cf\xe9Q\xa8\xa5\xe6\xae\xea\x1a\xa0\xc6t\xb2.\x8f\x85\xed \xa6\xd2M\xa1\x04\x9b\x80/R\xd2s\x1e#H(GC\x08\xc70\x85!\xa5\xe8\x02q\xbdF\xa6\x01H\x99D\xe408\x0c\x11\x12\x13\x13\xbda8O\x9b,w2\xd2\x19\x92\xcf\x92\xc6\xbc\x1dWS{N\x90\xe0\xdb\xbcp\x87]\x98\\\x9c\xc6m\x83\x81\xc7\xb6L\xf2\x90\xd5\xff\twJ8T\xa3\xd0\x8f\xdd\xc4n\xb0?Lm\xf0I\x86L69\xef\x01\xeeS#?L\xff\xad\x8eQM\xdd\x84TF\x88yJZT\'\x9dX\xe3\x8e\x13\x13C\x80:\x87\xe8\xa3Z0[\x9cw5\xfc%\xf1t\xc5\xb4\xf6Y\xc7{~\x18\xad\x83\xaf\xad\x84jS\xb1=s\xf3\x1ary\x8d\x8c]\n\x00\x80\xfb\xc6\xce\xd1{l\xb2\x1c\xa9}\x94Z\xf1\xd0V\x1c\xbc\xd4X_XmZ\x8e\x83\xc5\xa9\x81R\x8b\x18_\xa1YU\xa7ay\xa8\xcd5\xaa\xdf@\xe3\x8b\xe7T(\x9a\x988\x00\xe1\x06\xc0"9\xffC\x93\x0c\xb7.\x8b\x07\xcf\xd6\x87\xcf=\x14\xea\x88\xd9L\xcc#\x80\xbdC3V\x8a\x9e\xffu?E\xcb\xf5\xad\'3\xc0j\xf5\x16B\xf4\x10\x1cxZ\xb4\xaf\xfb\xed\x9eY\x1d0\x12\xd0"\x90\xb6\xe9II\xa7\xf4\x18\xf3\xf2Ir\xe9\xf5\xbb\x9f0$ni,\x13)\xe8r\xa3+\xf46\xd3\x03^\xe2\xcb\x95Q \x7fbEh\xcf\xaf\x12u\xc5\x0exn\xc1\xb6\xc2\x18k\xb5@g\x04|\xd7\xf9\xc9p\xf1\xa7./\xa2\xeb\x13\xb6\x80\x10\x9d\xb4~\x14P\x8fw\xb7\xc71K\xed\xec`\x0f\xb1\x83\x9fb\xb7\x90k\xb5\xe14\x0b\xce\xc4m\xc0|\x03`P \xb2\x87\x1f&lt;V3?\'\xf4\x10\xc5X\xd3\xf9\x18\xbc\xcdp\xa4h\xcd\x05\xc5\xc9\x9c\x98\x85\xbcK\x13\xb1\xa3\x1d\x8b21\x12\xb7*&amp;\xe0?\x84s+5\xb6OP\xf9\x89\\\xc0\xffCl\x00\xd6\x0fZ\x1cb\xfc\x95\x8f\xe0\xf6\x0b\x00&lt;f\xa0\xc8\x0fP\x17\xc3\xb9E\x88\xb6\xc0\x0ej\xa8\x89\xdb\x07\xba\x07(.\xb5\xdb\xcdju\x929gE\xe7M6d\x9f\x96k=j\xfd\xbd%\xf422\x92\xa1{&lt;&lt;\x8e\xcf\xa1\xc9\t\xa2\xa5\xcc\xec\xf1g\xa6\x9b\x19\x81[\x84`\x01\x9a\x172*^\xb0\xe2\xa3\x9c\xf9\xf5\\\xe5\xa8\x15\xf7L\x92\xc6\xc0\x9b\xd7\xdc3\x84\x8a\xf8\x08\xf6~\xebV\x84`{\x02Tr&gt;\xe9I\xc4\xc4\x04\nM\xd5\x183\xed\xa5\xa5\xb6%\x8c\xb7\xf5\xfe\xb8\xf6a\x0e1\xd2\xdb\xc7\xe1AUM\x00\\\xc3\xec\x00\x00x\x94\x1f\x93\xf5\x1f&amp;!\xdf9Y\xc0\x1fOxw\xfa-o\x00\xaa@\x18G\x97/Q\x17t\x03\x90\x17\x8b\xbc\xcbc\x82\xea\xb2B$\xdcSa\xaf\xb1u\xa4\xd5\x116\xbd/T\x87\x1f\x1eh\xc13q\x1a\xc8\x0e\x92q\x11#\x86]\xc3\xf2\x17\xa9i*\x9fR\x8a\xce+5\x02k\xe8T\xf45Gs2\xfb\xd2\xf6 \x94|\xfd\xf8b\xdfv\x8b\x83m}\xe9\xc9\x97\xabXY}RV\xc2x5\xa7\x00\xa55*\xd4\xa5.\xb62Z~,\x07\xb9\xa6\xa1R\xb9\xef\xf6m\xb6/\x04\x93\x93\x97\xac\r\xfe\xaf\x86F\xb7\xf8B\x16\xc1\xa72\x84Y\xcfj#\x1a\x82z\xbc\xda\x8e\x03\x95\xa0&gt;\x0b\x9e\x89\x9b\x021C\xdc\xc0\xc3$}6\x00\xc3\xe4\xdb\xa7\xd419\xed\x83\xbc\xd7pm\xeck_\xf8\x10u\xf6\x1bP\xede\'\xb6&amp;\x7f\x15^\xb7\xc1\xd8JPI\xc29"\xf6\xfb$\xcf{X)\x05\xc2\x056*\xca\xce=\x87k\x1a\x01\x0b`p\x8c\xb9\xb5(\xd8\x82\x9d= D\xa6\xe5O`\xefZ\x85}]e\x1b\xd4\xb6"l\xe5\xd7\xfc\xa1\x83\x89\x1b\x05\x9e\xb4\xb9\xca~\xfc\xea\xa7\x8c\xea3H\xb6\xa2\xc6\xf2\x05\x18\xde)M\x10N&lt;\xcdov\x1bo,\x8fx\x04\xbfy\xc4n\xf6\xf9\xc9\x1b\xbc\xf9&amp;E\xab%8Oo\xa3Z\xddN\xf2m`[\x87mV\xd2\xb9c\x1c#\xf3\xf8\x17\xa9\xb6\xad&lt;\xeb\xda\xf7n\x01\xfe\xcaGj\xeaA"m\xa2?dis\x924k8\xffEj\x9a\xca\xe7\xc3n\xb0\xa3\x8c\x88\xc6&gt;\xd2\xa6\x0b\x1d\xe7^"\x95o\xa6\xa8\xd9\xe2\xac\xac\xb5e\xd0\x86\xe6\x1a?\x96\x9ac\x9c\x12a\x88\x8a(\xb2\xb4\x86z2j\xe7\x14?\xfe\x93D(\xdcZ\x0fX\xb5\xadlb\xa8\x98t=\x1d37\x14?\xba\x06\xf1\x91\x1a\xebH\xcf=\x8a\x89\x11q`n\x8cS=\xfb\x801\xd8\xb25\xbam\xf0\xaa\xbc\x03\xf0\xa0x\x8a\xcd)b\xd0\xc0\xdb\xc0\xfaD\xbb\xb9M\x1aE\xe6o0\x06\xdbg\xf53q\xd3x\x07U\xafq\xc2\xa3\xf5\xe3\x82\xdb3?\x9a\x8e\xfe\x95\x01,\xf6A\xban\x030\xd7`\xdf\xb3\x9d\x90\xbc\x14gt\xd0\xc4\x99\x90Y]\x89\x05\xdd\xcdq~\x82\xae\xe7(\xc3\x9f\x07\x80O\xb2\xb0:\x0f\xc2&amp;m\x06\x9cEI}`\xa4\x1222;\xac\xd1\x8f\xea&gt;q\xcf\x18c9\xdb\x10\xd4\x92\x9d3d\xca8\xdd,6\xb8kF\xe6vf\xbcx;\xd1\x0f\xb4\x13=a\x04\x9b\xa4\xca$\xe7\xb2,\xce-\xf5\x8a\xb6G\xb0+\xe5d\xf0.\xedD\xd7\xa2\xc6\x80\xb2\x8e\xcbr\xed\x03\xa0xH\x9dw\x87!\xc6\xcf\xf3\xdd\xbaMR\xcbr\xfd?\xaau\x13\x08\x97\x16\x08\xcf\xcb\x11\x9d[G\x8c\x8a\xb9bY0\x19\x12\xa4\xfd32\x97E\xacQ4y\x97d\xe7\xef\x87\xd8\xe2\x15\xac\x05N\x8c\x8e\xda\\\xea\xb2\x16\xe4\'\x14\xda,\xca\xdf\xed\xcf\xf4\x98\xbf\x88eYvi\xc4\x87h\xa3\xcd\x03\x008\xf7\x91|\x15\x914]\xc7\xd6\xa8.\xc2w\xf2|\xac\x14\xbf|4\x81\x89\xbb\xc0[\xd4\x8b\x18\xfc\x88\xa212\x03\xb7?Knbg#\x99\xd1\xa0\xf2\xc7f\xc9\xbc\xe8\x9c\xfb\xebI3\xc8\xacz+\xf0\xd5\xbe"A\xbf\xed\xce\x86\x0c\xfb0-\xce\xf8\xbb\xed\x01l18\xbd\x14\xa7#\xccA\xdbB\xdd&lt;\x08\xab\xeeT\x14\xeeFRb9\xb7G2}%\x0cs\xecF|\xeee+GU\xdc\x0c\xee\xe2\x86s\xcax\x86\n1|\xad\x9e\x98\xe8\x88(\x1f\n\xe9\x01\xf0\xc2\xa7\xd9o|\xe0\xb8\xb5\xbb\x01\xd4\x1b\x80\xed-\xbf\x8d\xb9\x8b\xb7\xb9\x01\xdb{p%\xd4\x10\xdb\xfa~\xec}\xc4\xc3\xc9\xf1:\xd1\xdf[\xdcJ\xd2\xb9\xcd\x8d\\]I\x19\x7fy\xc4\xf8\xd4PM\xf6\xbd\x08qN\x9f\xdf\x17q\x946\x9e\x8f\x0c\xea\xe1^\xbb\xc4G\x1e\xacv\xa8F\x81\xa2*\x04s\x8a\\o\xab3\xb5\x93\xacR&amp;\xce\x8b\x9b\x880\xd1\xb44\xde\x92\xba\xc4d,\xb6\r\xc1\x9c)\xb7\x19wm\x1c\xac\xcb}\x18\xb2\x02\x00\xf7y\xabLH^HEUp\xb9\xfcW+\x81\xa5\xc5\x8d\x98&amp;\xbd`4j\x13\xebY-\xb8\xa3\x90\xdb\x92\xa8\xd82z\xb3\x9eI#03\xab\xb6,\x9c3\x1d\xc2\x92Xu\xfa\x10\x190oO\xdb:\xacE[\xed\xf6\xa3\xdb\x0467\xdd)\x83yb\xa2\x16G\x97\xa4Q8\x8c\x06\xfel\xe1\xb7L\xd7\xfd\xb6\xb3N"\x16\xf65\xa2\\\xd1\xe8~\x0f\xf76\x03\xcc\xdf\xc6\xf0]\xf9\x96\x8d\x87\x965\xddKr%\x008\xf7\\\xf5L \xd9\x03P\x1b\x00;\x8f\xf7\x8b\x9c8V[&gt;Qs(L\x96\xef\x1a!D5(?\x16\x85\xda\xdc\xca\x115#\xb2"p\x94\xea\x89\t\x01f\xa4\x8e\x04\x008\xcf\xf1\xea\x83\x0b\xf7\xb8}H\x17\x10\xda\x05\x87_\xf</t>
        </is>
      </c>
      <c r="E20" t="inlineStr">
        <is>
          <t>&lt;class 'numpy.ndarray'&gt;</t>
        </is>
      </c>
    </row>
    <row r="21">
      <c r="A21" s="1" t="n">
        <v>19</v>
      </c>
      <c r="B21" t="inlineStr">
        <is>
          <t>steps_per_sec</t>
        </is>
      </c>
      <c r="C21" t="n">
        <v>300</v>
      </c>
      <c r="D21" t="inlineStr">
        <is>
          <t>3.015201</t>
        </is>
      </c>
      <c r="E21" t="inlineStr">
        <is>
          <t>&lt;class 'numpy.ndarray'&gt;</t>
        </is>
      </c>
    </row>
    <row r="22">
      <c r="A22" s="1" t="n">
        <v>20</v>
      </c>
      <c r="B22" t="inlineStr">
        <is>
          <t>Loss/RPNLoss/localization_loss</t>
        </is>
      </c>
      <c r="C22" t="n">
        <v>300</v>
      </c>
      <c r="D22" t="inlineStr">
        <is>
          <t>0.1058768</t>
        </is>
      </c>
      <c r="E22" t="inlineStr">
        <is>
          <t>&lt;class 'numpy.ndarray'&gt;</t>
        </is>
      </c>
    </row>
    <row r="23">
      <c r="A23" s="1" t="n">
        <v>21</v>
      </c>
      <c r="B23" t="inlineStr">
        <is>
          <t>Loss/RPNLoss/objectness_loss</t>
        </is>
      </c>
      <c r="C23" t="n">
        <v>300</v>
      </c>
      <c r="D23" t="inlineStr">
        <is>
          <t>0.01931587</t>
        </is>
      </c>
      <c r="E23" t="inlineStr">
        <is>
          <t>&lt;class 'numpy.ndarray'&gt;</t>
        </is>
      </c>
    </row>
    <row r="24">
      <c r="A24" s="1" t="n">
        <v>22</v>
      </c>
      <c r="B24" t="inlineStr">
        <is>
          <t>Loss/BoxClassifierLoss/localization_loss</t>
        </is>
      </c>
      <c r="C24" t="n">
        <v>300</v>
      </c>
      <c r="D24" t="inlineStr">
        <is>
          <t>0.28188187</t>
        </is>
      </c>
      <c r="E24" t="inlineStr">
        <is>
          <t>&lt;class 'numpy.ndarray'&gt;</t>
        </is>
      </c>
    </row>
    <row r="25">
      <c r="A25" s="1" t="n">
        <v>23</v>
      </c>
      <c r="B25" t="inlineStr">
        <is>
          <t>Loss/BoxClassifierLoss/classification_loss</t>
        </is>
      </c>
      <c r="C25" t="n">
        <v>300</v>
      </c>
      <c r="D25" t="inlineStr">
        <is>
          <t>0.13737252</t>
        </is>
      </c>
      <c r="E25" t="inlineStr">
        <is>
          <t>&lt;class 'numpy.ndarray'&gt;</t>
        </is>
      </c>
    </row>
    <row r="26">
      <c r="A26" s="1" t="n">
        <v>24</v>
      </c>
      <c r="B26" t="inlineStr">
        <is>
          <t>Loss/regularization_loss</t>
        </is>
      </c>
      <c r="C26" t="n">
        <v>300</v>
      </c>
      <c r="D26" t="inlineStr">
        <is>
          <t>0.0</t>
        </is>
      </c>
      <c r="E26" t="inlineStr">
        <is>
          <t>&lt;class 'numpy.ndarray'&gt;</t>
        </is>
      </c>
    </row>
    <row r="27">
      <c r="A27" s="1" t="n">
        <v>25</v>
      </c>
      <c r="B27" t="inlineStr">
        <is>
          <t>Loss/total_loss</t>
        </is>
      </c>
      <c r="C27" t="n">
        <v>300</v>
      </c>
      <c r="D27" t="inlineStr">
        <is>
          <t>0.54444706</t>
        </is>
      </c>
      <c r="E27" t="inlineStr">
        <is>
          <t>&lt;class 'numpy.ndarray'&gt;</t>
        </is>
      </c>
    </row>
    <row r="28">
      <c r="A28" s="1" t="n">
        <v>26</v>
      </c>
      <c r="B28" t="inlineStr">
        <is>
          <t>learning_rate</t>
        </is>
      </c>
      <c r="C28" t="n">
        <v>300</v>
      </c>
      <c r="D28" t="inlineStr">
        <is>
          <t>0.01733305</t>
        </is>
      </c>
      <c r="E28" t="inlineStr">
        <is>
          <t>&lt;class 'numpy.ndarray'&gt;</t>
        </is>
      </c>
    </row>
    <row r="29">
      <c r="A29" s="1" t="n">
        <v>27</v>
      </c>
      <c r="B29" t="inlineStr">
        <is>
          <t>train_input_images</t>
        </is>
      </c>
      <c r="C29" t="n">
        <v>300</v>
      </c>
      <c r="D29" t="inlineStr">
        <is>
          <t>[b'1024' b'1024'
 b'\x89PNG\r\n\x1a\n\x00\x00\x00\rIHDR\x00\x00\x04\x00\x00\x00\x04\x00\x08\x02\x00\x00\x00\xf0\x7f\xbc\xd4\x00\x00 \x00IDATx\x9c\xec\xfdy\xfc\xff\xcf7\xd7\x8f\xcf\xfd\xcd\xe7K\x96\xecK\x8a$[\xd9\xb3$\x14\xa2"K\x88$Q*kD\xb6\x12\x12\xb2K\x88\xcaRI\xc9\xbe\x7f\xec\xe1\x12\xe2c\xcd\xa7\xf2#Y&gt;\xa1\x14!\x91\xed\x83\xf3\xfb\xe3\xf1\xb8\xdf\xef\xb3\xcf93g\xe6&gt;\xf7\xfb\xe3v\xbd|&gt;\xaf\xf7\xe3y\x7f\xcc\x9cs\xe6\xcc\xdc\xcf\x9c\x99\xfb&lt;\x1e\x0fc\x00\x00\x00\xa4!\xa2\xed\xc5\xf6\x1a\x00\x00\xfaAD\xc6\xf4\x886_\xd3A\xe6\x95@\x84\x07\x00\x00\xe0C\xeb\x1a\x00\x93D\x07\n\xeb+\xf8|&lt;\xf0\xf9\xd5\xd0\xdd\xc2\xc0\x86\x08\x00\x00\x00-\xa6\x9eQ\xee\x0b\x00L{G\x80l\x03\x00&amp;x\\\t\x8a&lt;q\xb4\x01\x00\x00\xb0s\xf4\x9cUP\xbf,\xcb\xed?#l\x01.\x0b\xdc\xfeH \x85\x05\xa0+X\x00\x00\x00&amp;\xe3\xc8Y\xff\xef\x16KtNC\x91\xf1\x00\x00\x1a!\x83\x053\x00\x00\x80\x13q\xaa=?\xc2&amp;%\xc0\x00\xe8\x87\x9eo\x7fJI\xceY@\\\x02\x00\x00\xf0H&lt;+\x911?5\xec\x19\x02\x11\xd6\x00\'\xa1[\x1f\xe1C\xe1\x00H\xf86c&gt;\xf1h\x1b\x00\x00\x00\\\x1e\xa5\xcc\x0fY\xfe\xc9\xe9\xb8\x00\xc0\x1a\x00\x80\x12\xdb\rr\x9d\x1d\x93\xa3\x1br\x117\x02\x00\x80.\xf8\xf2~\x00\x00\x98\x0b\x04\xe4\x0eT\xfa\xf3\x19u\xad\x00\x00\x80\x19 2\xd8 9\x0bD\x84\x0f,\x02\xf0\x080\xeft\xc4\x84\x01\xe0[\x80\x00\x00WfY\x16L$\x93s\\\x07a\x89\x08\xc0\xc9\xc0\x03\x84\x00Lp\x00\x00\x00\xe2`\xcaT\xe6\xdc\'\x19Nm&lt;x\x00\xdc\xf1\xf9y\xc1[\x1f&gt;\xd8\x1e\x00\x00\x00\x00\x88\xf9\xf6\xdb\x91\xac\xab$\x9dg\xff\xf6\xa7S\x1b\x0f\x1e\x8dm\xacb\xd0\x02\x00\x00\x18\x04\xbe\xe0E\xc4\xe9g\xe8\xef\xbcg\xc6\x99\x14\xf9\xd7\x88\xb2\x0b\x80sx\xe0\xf4=\xa5\x0f\x1c\xd2\x9d\xd2\xca3\xfe\xaesK\xf2\xc6-\xbf\xa4\x12\x18&lt;\x00\x00pNR\x89~\xcf\x05\x80@\xac\xfd]\x93\x8f\x97\xba\rm\xef\xcd\xcf\xc5=\xf2h\x86q\xf6\'\x03\xe0\xaaL3&amp;[\xcc(\xdeY\x83\x93~K\xf1,\xee\x05\x00\x00 d\xfe\xbcm~\x0b\x819`\xebQ\x0cF\xd1\x03r\xd5Nw\xa2\xa2r\x84D\xbc\x05\x00\x80G\xe1\x9f\x1em\x00\x00}\x99a\x19\xd9\xc5\x06"c&gt;_Y&amp;\x98\x1ew,)/\x00\xc6\x1f\xecy\xc9\xee\xf7&amp;Y\xff\x02\x00\xc0csx&gt;\x04\x1e\x9c\x91\x9f3\x99a\xb4w[\x84\xcc\xfe\xec\x05\xe8\xf28\'\xee\xb4\x176\x00\x00\x00\xe6H\x89\x00\x003`\x7f\xd8\x06LN\xd7\x05\x80\xa6dL1\x00\x00\x00\x0e\xe2!\xf6\xc9\x00\xd0\xe0\xc9G\x1b\x00\xf8$\xc3ZS\xc4{\x98g\x0b\x00\x00\x00.\xce\xf6UzG\x1b\x02X&lt;\xceC\x7f\x8c\xc9G\xa5\xf0-[\xcd\x03\xa3\xb2\xba\xf5`\xe1\xe2#\xf3\x89\xa3\r\x00\x00\x00\xd0\x9de\xb9\xfd;\xeaG\xe3\xff_\xe1\xdb\xf4\xeb "\xf3L\xb3\x7f\x8eM\xa5\xc9\x8a=5y\x82\xad\xd7\xd2\xb9\xdb91\xeak\xb0\xa2@"2\xa6\xd0\xef\xcd\xc3\xa2}\\\x8d\x8a\x96\x00\x00\x000\x8b\x17\xb0\xbe\xf2\xe2H3x\xcc\xff\x9d\x98y\xae\xb49}\xa5\xb6D\xc1\x89\xed\xb3\xe0\xf6T\xe0m"k\x0f\xfe\x10\xda\xb5\x9fc\x08\xe1\t\x00\x00`\x16F\xc5\xfcsDg\x8f\xfb\x9c\xb4o\x97\x9edwj\xc83\x87\xd9\xb2\xdbI\xed\x99\xcc*]\xd4\x06\xda\xb0\xa7d\x97&amp;s\x0b\xa4\x9f\xf9\x90=F\xc7=\xae\xf4i\xd6\xabw\x9f\xcd\x16I\x00\x00\xa0\x0b#v}\xf0\xd1.P\x0b\x7f|\xcev\x86\xf8n\xcf\xa5G&gt;\xee\xeb\xa9h\xe8\x8e\t\xfa\x91?M\xbcl\xfc\xf7\xe3\xa7\xba\xfd\x01\x00`v\xeeA\x139:89\xd6)\x86\tF\xf2\x9e\x8eL`\x0c\x00\'\xa0\xe9N\xa9\xb8\xeb\xc3X\xd13t\xfcj7\xc9\x00\x00\x00\x9a\x99"w\x04\xf5L\xb3\x06\x98\xc4\x8cf\xaa\x9bp\x81\xb6wB\xe3\xb9\x10|\x1b\xa1\xe2\t\xc0\xad/\xac\xb1\xfa\xb2\xeaV\x19\xdc\x0b\x00\x000=W\xc8\xd8\x1e\x80r\x1f\xcd\xd0\x8f\xd7X\x00x\xf0[t\xbd\xb6k\xd1:0\xc6\x8d\xab3\xf5`\xbdWG\xf8\xf3L\x9e\x04\x00\x80\x19P\x89\x9b\x1c!\xf4-8B\nT\xb9\xe4\x02@\x118gnd\xa3\xf77\x92\x85\xc7}\x0cf\xc4\x88\xfa$\xa6\nL%\x00\x00\xd0\xc2\xc0\x99\x03\xe9\xda\x95y\x9e\xda\x9em\x18\x12\x8f0\xa2&amp;h\xe0\xe1\x06\\\x93\xb3\x8d\xde\xa9L\x9d\xca\x18\x00\x00\x00\x05\x10\xb5\x8f\xe1\xf0&lt;#\x9b\xeb\xc8w\xf2VQDd\xfe\xc5E\x06\xd5\xd9\xd2A  \xf1\x99\x84\xd1\xdd-\x19`\x8e\xc1U#\x13\x83\x19\x00\x00\xe2 &gt;\xae \xef9\x1d\x1f.{\x9eS*\x8cO\xc1\xc6\xc1\x91\xb9\x0b0\xcf\xc3O\xe9=kW\xebeS\xd6\x02L\r\x00\x80\x0b\x82\xa9\xdd\xcc45\xf6\xe6bm\x94w\\\xa1$\xefv\xb8\x82\x0f/4\xe0\xaf\xd1\x8a\xee\xdc\xb7\xff{u\xbaD\xec\xa9R\xea\xab\xdc&amp;\x00\x80\xc7\xe6m\x83\x84\t\xd1\x8d,\x8e\xb6\x05\x1c\t\x11=\xf3\x03\xad\x87\xaf0\xe0\xef\xb7\xed\xf9\x1b\xd2\x9b5\xbeM\xe1\xa8\x99\x06\x1eY\xff*\x83\x9f\xbc\x06\x00\x80\xa9\xb1g\xa3eA\xd0\x9e\x03"\x83\xbe\xe8\x0c\x11\x89\x06\xfcv\xa7\xccs\x9b\xdcLj\xb7G\xea\x8a\xd31a\xdf\xcd\x04\xf5H\xd7\x9fP\x97\x08\x00\x00@\x91eYn\x93"f\xc6\x83\x88l\xbf\xfd\xe2x+\x1e\x8f3\xe6\x82\xde\xe6\xb1R\x13.\x9e\xfd\xbb\xcc\xb3\xfb\x9e\xe4KG\x7f\x9d\xe8\x82\'\xc0\x00\x00\xa0O&amp;\xb6\xde\xae#\xf2\x82\x1b\'\x1b\t\xdf}\xfa\xa4a\x9ec!L&lt;\x87\x13\x911_\xac+s\x1a4\xcf%Z\xa7\x1c\xbb7\xb6\xda\xe6m:p\xad\xedh\xb0\xad\xb1\x9f\x16\x00\x00x\\\x10a\xcf\x03\xbaI\xc0\xa9G\xf5\x19?\xfa\xe2g\xb1m\xbf\xde0\xf5hW\xcd\xd7\xdb\xfb\x9a_=VLR\xf1\x84\xc3\x12\x00\x00@\x92\xda\xcf\xeaM&gt;\rLg\xde\xeci\xcdq \xab\xb09\xe0\xb3\xefp\xbe\x10\xdd\xaeQY\x00\\\xe0\x0e\x1a\xd6\x04|\x06\x00\x00p\x1a\xbaF\xc6eY\xaaN\xd9O~6w:\xf3\x96e9\xd6\xaai\xb3\x84\xed\xc3\x1e \xe0\xef5\xd6g\xf5\xb8\xa2\xef\xa7\x1c`RF\xde&amp;\xf7OK7\xcbY\x16\xd3\xfbX\x8e\x06]\xbe\x18j\xda\xc8\x06\x00\x00\xcd \xbaM\xcai\xfa\xe52\xdb\x84\x8fA\xe5!\x13\xf4\xaf\x0e\x03?\xea\xda~Wn\x12j\x9f\xe5\x8e\x83\x88\x8cyVu\x99\x18\xf6\x00\x00\x00@\x1c\xcc\x91\xe0\x84&lt;\xc2\xa0\xd5\xfc8\xc1\xd1\x0b\x80\xf1\xda\xb1\xaf\x01\x00\x00&lt;\x10+\x1f\x87+N\x8d\x17k\x0eh\xe7/\x1em@\'j\x9e\xffT=8R\xcb\xa1\xcf\x12mp\xdc\x10\x00\x00\x80\x90S\xfd\x0c\x16]\xfdG\x94\x00\x00+Dd\xa4?\x9bb\xa7\xec\xda\xb1"\xf1\x1b^\xab\xca\x03C\x13&gt;\x04\x0c\x008+=6Z\xe6\xd9\xbc\x99\xe0Av\x1a\xcdI\xebiz\xa2\xa2\x0c\xf9Z\xf1\x0b&gt;d\x00f\xfd\x10\xc2Y8\x91\xa9+\xb7\x1bG\xf3\xc7\x04\x8cip\x84z\xf6\x7f\xfbTB\xe4\rc~HUS\x05\xd8\x14\x01\x00\x00\x8bi\xf6\xb6\xef_\x8b\xb1\x98\x8b\x05j\xc6~\xbc\xe6\xef\xde\xafn\xec\xe8\xc3-G&lt;\xdbs\x06M?_\x95\x01\xe3\xa7\x1f\xf3\x1b\xaf{\xefX\xd2\x0c\x7fl_5\xd2\x16y\xc6\xa3\r\x00\x00\x80\x99\x98f\xb2T\x9d\xb6\x91\xea\xf5e\xe6\x1c+\xcd\x19m\x1e\xcd9{\xf6\xce\xfcI\xed\xb2,\xed\xcfX\x88\xc8n\xe4{\x18#mu\xba\x97\x119\x01\x00\x00DH\x9f\x10\xf8\xdd\'|\x1c\x7f\x02\x1e\xee\x1b!\xa5\xf6\xa7\xca\x9f\xdd\x0f \xe0\xb5\x8e6\xe0@\x9c\xc0\xeb\x7f\xe4\x17?5\xb82\xf59R\x00\x0085\xc8\xab\xfa\xc0\x9a\xc2\xe1|\t\xf0\x15\xb8\x0eNj\x8b47\xc6\x15\xbf\xfd\x0c\x00\x00\xae\x03\x02\xb4*\x95\xdf\x00\x08\x008\x19v\x82\xebg\xbaH|\x19\xe0[\x80\x00\x00\x97\xe5\x0c[ \x93\x1d0\x9d\xdd]%\x96\xc5\x0clDqtI\x86_\x8d\xd1\x14\x80\xc5\x0f\xa8\x83\x88~\xb8\xe7\x9d\xa3\x1e\x8as\x1f\xcfP\xfd\xe4F\xc7y\xa4I,\xeet\x00\x00H\xf0\xf2\x8f\xfah\xd8J\x07g\xa4\xaba\xa4\xfa\xc5\x82E]\xc5"\xbdt?[\x98\xfcG\xe8\xa5\x1d\x9c\x95k\r\x8c\x7f\xac\x90@\x97\xbc\xd1\xd1c\xc7v\xc4d\x9bO\x00\x00\x00\x9a9\xed\x17S\x9e\x0b":\xc0\xc3?J\xf4b\xf2Z\xf3\x7f!\xcc\xa9a|\xb9\xed\x14\xd8\x19\xe7\xac\x06\xf7\xfd\xe2\x9d=6\x1ac\x96\xe5\xf6w\xde\x15W\r\xa78\x02\x04\x00\x00W\xe3R\xd3\xd4@\x84\x1brK\xef\x84 \xdcz\xa4\xaa\xec\xdfd\xce\x1a\xdcO\ry\xdf\xa9\x02d\x9c%5\\nLm\xf0P\xc3\x8a\xd9\xff\x06\xb3\x18\x11\x19\xf34\xdcD\x00\x00 \xe1\xc9\x08\x9a\x1b\n\xdf\x8d\x8dIH\xcc\x0fJ\x8e\xec\x7f\xe1X\x0f\xc7\xcf\xfaS\xb2\x84\xec8\x10\x16\x00\xe0\xc4H\x06m\xf7CPg9\x807\xed\x12\x10\x00\x00\x1e\x98g#\xf3\xcb\x8d\xf1\xf96\xfd \xc8\xfb4\x9f\xd6\xe8qD\xa1,\x93wx\xa3\x90u\xf4\xda\xf7\x9d\xe6\xf7\xb3g\xe3,G\x83\xce\x0e\xdf\xcf\xa3\xce\xf3\xdc\xf5,\xcb\xd2\xedPS\xeb\x11D\x1c\x01\x02\x00\x80\xde\xc8w\x83~YE!2\x8f\x08\xcdNa\n\x10\xf48\x911\xe6\xdfl\xaf\xbc7\xec\xdd\xc4\xf5\x04G\xd2\xb6\xea\x84\xc0z\xaa \x079n\x82\x93g\xff3\xeca\xb3\x82g\x85\x9fE19x\xf2\xc6\xb1(\xb7N\xe7\xab\xce\xab\xd0\x90\x03\x00\x00\xe0*\x9c\xe2\x01t\x0b\xcc\xd6\xdd\'\xec\xe9]\xb15\xc7\xeb8\xe11\x9ed-\x8e\x84k\x0f\x18=\xa6\xf0\xd2\x8b]\xfe\xeb#\xad\x1f\xf9\xd2\x1d\x99\xd2\xbb\xa9\xa5VF\\^\x8b\x82\n\x06x\x02\x00\x00\x00\xba\x1c&lt;\xbf&gt;\xf0\xe6\x7f\xc4\xf3\xd4\xf7;E\xcaf\x94\xa6\xf3\xaf\xf3\xfe\xce\xec\xeaio\xf89\x86a7\xb1\xc8\xf0euR\xd9\x8f5u\xd6r\x82\r\x82\xad}\x85G^r\xc1\x16\xc6\x18f\xb8\xdel\x10\x1b\xf3[1\xf9Y\x19\xcb\'\xcb4\x00\x00\x00`\xd2k\xe6S\x9cV[\xe44\xdb\x90\xfc\xbe\x18\xd3rJ\xa43Q\xe7\xa7{d\xd2V\x84\x8b\x07\xe9\xa6`~\xfb\xff\x04\x99\xdf\xc4\x0cv u\xbb\xdd\xea[\xf1EW\x1b&lt;};4!\x9c\x7f\x11\x00\x00\xc0\x03Q1\')N\x1e\x8fqJ\x84\xd7\x90\xa3\x17&lt;\xd2\xac\xfdS9\xe9\xbf%\xea?^\xa7C7z\xb7\x88\xbf\xc8l\xe5\xad\xe6\xec\x9d\xcf\x9b\xd2\xaa(s:p\x1a\xf0\xc8\x0f\x00\xf0\xe0\x1cpF$\x0f\x11\xdd\x7f\xa4FR\xe9\xf6d\xdf4\x9f\xe5 |o\xc94\xd8\x99%\xbfS\x8a\xf9\xe8&amp;\xaa\xb5\xaf[\xbe\xfc\xe7"_\x1cD\xd6\x97\xbd&lt;\x08\xd3\x05L\t3\x19\xafs\x0b\xd4\xb7\x08\x9f\x01\x00\x00\\\n\xf9n\xdc\x14\xf3\x81\xf5\xb8\x9fn\xbf\xd3#\x14\xa0\x92\xfd?S\xb3\x84;\xe3\x9f\x15\x9c\xee\xe9\xc4\xbas\xcc&lt;\x82\xecTl\xdc\xda\xdc|\xb5~Ga\xad\x9c\x16#.\x911g\xfa\xe1t\x03\x92\xcd\xb4\x1dG\xe6\x1d\x19&gt;_\xfb\xe5\x9b\xb3\x1d4\xa2\xfbt"m\x83\xfev\xf5\x00\x00\x00\x1a\xd9\xd2\xf7\xeaMY7\xab\x93\xbd[\xa7\xec\x91v={@\xc5\xaf\xf1\x8e\xf5\xda\x9e\x99\xa4\xearr\x97\x8c^\xfe\x08\xc4\xc3"\x95gn\x19\xf1\x13&amp;iD\xb4,\xe6\x90\x9f\xc2\xd0\xd1B\xf7\xcc{\xda\xd1;\xcc0&lt;\x01\x00\x00\x00\x01\xbdw\x86\x1a\xb3\x7f\xae\xf0\xb7\xa8?\xb8l\xd5\x1c\xb9\xc7y\xbd\xfdT\xc1\xd7\x9b$:\xab\x8bO\xf8V\xcd\x99?\x8d\xa4\xf4\xb3\x0c\xad\xe2\xbbI\xb6\x11\x8f\xa2&gt;!pDc\x89\xf6\xd6&amp;:n\x8a\xefp3\xff\xebz\xe1\x0e\x00\x00\xae\xc0T\xd19\xf9\x11\xcf\xf0}\xefr\x8b\xd2\x86\xbaL&gt;\x93]2w\x90\xe6\xd4\'1"\xdd\x9a\xef\xebh\xa1\xec\xe7\x80\x07\xf2\x0eG(\x05\x05\xcep\x83hYx\xe0\xe0\x17\xf0\xec\xbe\x91\xb3\x1b\x0c\x00\x00\xfd\x98(\x02N9\x7f\xe4r\xbb\xd4[?=cCv\x8e\xf2\xf3T\xfd\x1b\xcd\xda9y\xfc\x8c\x0b\x80\x8f\x9d\xc8\xb1cy\xd8\x86\xcfE0\xf2{\xf4\xcb\xf1_\x03\r\x00\x00\xe0\x81\xc8du\xb9\xb4\xef~\x85\xa8\xf9s\xa5@\x1b2\x89\x05\xc0z\x08+\xdb__\x9a\xcd\xfe\xd1\xd7qXn\x11%g\x87-\xb7\xd8Ln^/\x8e\xfe\x86_\x00\x00\x00}\xe91\xbd\xcd?\xa9\xdb\x14\xf7}[2\xc2r&amp;z\xe7_\xd5\xc9\x7fpJ\xdb\xf6\t\xcf\x17v\xff/\x95\xbf\x0e\xa6\xc2\x87\x93\x90\xbb\xfdO\x8b\xbd*\x1e\x92\xd0\xbf\xe4\x99\x97\r\xdfu\xb4\x01\x00\x000\x8e\xffr\xb4\x01\xc7c\xa5,\x07N]\xe7\x9d5+Pl,\xd9\xe9\xbc\xff^4\x13]/J\x17\x00Y\x15\xc7v_A\xfb\xc8\x146\xf4a\x0f\xedv\x0f\xaa\x0b\xf7\x14\xf1U\xcc\xbcTP\xf2\x15G\xc8\x04\x9f\x12&amp;\xfa\xac\x9a\xc6\x9eu\xed\n\x00\x00\'`\xbe\xf0Z\xb3\xef{Z\xde\xbd\xf8(c\x98+\xea\xb5\xa4?\xc5\x11\xbc\x95J\xcds\x0b\x00\xb99\x07\x0f\x9e\xc3\r\xb0\xf1\x8d\xe9b\x9b\xb3\x84k\x91\xa3e\xd0.Ql\xd2D}WF\xd3T\x15Q\x11!\x8f\x14\xcf\x01\x00\xe0&lt;0\xe2\xf2\x8b\x8f\xb0c\xa5a\xb6\x98}\x9a\xa9n\xd4\xe7h\xec\x14&amp;^\xa7\xca\xd4+\xb2sAf\x93S\xa9\x7f\xa9\xfa\xe1;\xfdq\\\xb3\x8f\xdf\x7f\x1dpS(-\x00\xf4\xb9\xf8\x02\x80\xc5\xd3\x07\xe8 "\xf3zq\xd7\xdd\xba\xe0\xa9W\xf3*\x00\x00\xe83:P\x0e\x9b\xf0\xb8\x8aZ\xbe\xef?H\x1c{\'%\xcf~\xfc\x81\x932\xb6\x13\x88\xe8EF\xf4\xb8\xdd\x17\xc9]\x7f\x93\xce\xfe\xfb[\xf8\x10P\xdf\x8fP\x93-\x7f\xd6\x8e\xeb`\xd2\x8c\xcd\xcc\x91\xbe\r\xd5\x14\xec\xffFT\x03\x00\x00(1&gt;\\N\x18\xa0S;I\xc5Z\xd1\xf4\xb1o^\xd2\xfd;j\xfc\xb6\x04\xfa\x95\xb5+\nt{\xe4\xb9\x13\xef\x88\xb3\xffY\x13\xcd\x87\xe3\xd1:\xc2\x1b\xa2\'j\xfb5z\xea\x19\x8f6\x00\x00\x00:\xf2\xc8?VJ\xe9\x9f\x94\xe7\xcc^y\xd7\x11\xd1\xb2\x18\xfd\xdf\xef\x1c\xdb_Em\x19\x1fj\xa9\x90\x88Z\xac\'\x0f?\xc7\x91\xbf8%(\xda_\x8f|\x8fH\xb9\xf9\xbf\x93\xc7\x96e1\xe6czH\xae\xa6\xa9\xbdDfYR\xa3\xce\xec\x03s\xfd\xcf\x98qx\xb7\x8aS\xf0\xd6v3\xea\'\x99}\xfd\xc6\xf4U\xfdD?\xd1\x00\x00p)x[&gt;\xf3\xa4S7K\xa2\xb9\xfe\xb2,\xd5vn\x15\x8f\xfdhhm\xc5%\xfbgP\xba\xb57\x957\nC{2\x8fL\x96\xc5[\x1f\xbc\x8e\xb9\xca\xe6\xe5Y\xf9\xa6\xa2\xe7\xbf^Q\xdb\xb76w\xf4\xb24\xac`\xdd\xfc&gt;Qbt\xb4$c\x8c\xf9\xf7\x9c\x92\xb7 \x19\xfd\x9e-\xd3\x7f\xa7\xe2v_\xe3V\x05\x00\x00PI\x8f\x84Ov\xb2\xfc\x809,\xa9\xf1~xw\xb3\xbf\xbfm_\xca8\x81#\x95Y8\xf1S\xfa\x9c@\x13#\xd6\x0f\'\xf8\x1c\xc8)@\xfa\x18\xa2\xe0\x13\xd1-\xd0p\xbf\xf4\\\xabc`\x00\x00\x1e\x18+\xb6\xbe\xf6\xd13eo\xed\xcf[Q\xa78\xfd\x1c\xed\xb4:d\xe7\xe3\xe7\xc6\xff&gt;\xcat\xea\xaf\xa7\xf2\xf4N{\x04\xd0AQ*&gt;i\xf0G2\xa2X*o\xf7\xcb\xdb\xd6\xf4H\xbf{\r\xb70\x00\x00\x80$\x8f\x90\xea]\xbe\x81\x1e:}\xfa\x8e\x8a\x1f\xd9\xbc\xb2\xff+\xbc=\xe6\xa9\x14\xe0\xa3\x1a\x06\xc5\x83\xe1\xd1\x02\x14\x00\x00\x00\x11\x98$*\xd1\x98_\x05\x12\xb8\xe9]\xf0\xb5K2\x15\xd9w\xdb\x9aL\xc6\x98\x1f\xd2\xfb\x96\xfa\xeb\xe67\x95\x8f\x98\xa6\xce\xf9\x9a\xbfPXT\xa5NW\x0f\x8eZ\x95M=\x18\x00\x00\xe0\xec \xc2&gt;2\xcc)6sjh\xa6\xf1c\x9b\xf7\xb3\xa92\r\xa9\xcc]\xf8-\x1fR:n4\xce{Z=\xc5\x94S\x97\xbd\x11\xd1\x0bL4\xa2v\x1a\x93\xd1\xc3\x16\x00e9\x1cE\xad\x0b\x80\x99\xa2\x04\x00\x00\x00l\xb1&lt;&lt;\xc5\x01@\x01\xe6w\x1f3`x\t7\x05/\x1c\t\xcd\xa3\x9d\x8c!\xf3{+\xb7\xb7\x8f\xe5\\\xd6\xce\x86\xd2z/*Vp\xbdBA\xd1\x80!\x03\x03c\x0f\x00\x00\x0e%\xdc\xbeEZ\x90B\xe4\x9cN\xf9\xc1\x10r_\x19\x14Y\x00\xcc\x0bk%\xa3\xa3I(mn\xbf\x8d\xe4\xbc~\xf8\x11~\xd1\xf6\x811v\xc0\x9c\xb7S,p\x8b\x01\x00@\x86S$"\xb6\x91u\x06\xf3O)T\x08O\t\xd3\xd4\xf2fS|\x142\x96\xfd\x1foU\x92BR~\xa8\xe5\x7f\xb4\xbc\x11\xdb \xfd4\'\x91N\x11\x7f\x12\xf4\xfb:\x9a\xf3\xfa\xa4\x05\xf5V?\xa6\x1b\x01\x00\xe0\x9a\xfc\xa13g\x0c\r\xb8\x89\xac\x82\x13|\t\xff\x8d\xb3\x81}\xaa\xed\xff\xe2\x02\xa0\x8b\xc6\xfc\xbb\x0f\xf9\x88\xa0\xe6\xdc\xbf\xb2\x05\xf3\x8f\xd5\x15J|\xbe\xf6,\xf6\x03\x00\x008\x01\x85I\xe5zS\xce\x8c-jy\xa0\xf1\xc62E\xe9\xdc\x9d\x9f\xd0\xdf\x8buHdkR\x9c\xf2\x00\x1e\xfa9\xd7t]\xb2_\xf0*\xc9&gt;!\xea\xf6\xe0\x84\xe3\xfcH6\xcf\x88\x86\xee!\xa4n\xc3\x1e\x8b"]\x81\x00\x00\x00\xc0\x91\x0c;\xf5\xa1{\x18\xa9\xef|l%@\xa5\x05\xc0\x99\xd2\x82\xe2\nVk\xeb\x97\x88\x8c\xf9\xd4\xea\xbaDd\xcco\xca,\x91\x99M\xeeW\x1e\x9d\x8b\xee6\xdf=\xf3I\xe7\x18\xe1\x8d\xab\xcd1\xeb\x07\x00\x00\x00@@\xc5&lt;$\xaf\xd2\xf5t\xb5#gHs\xd4Ie\x8agM\x1f\xed\xb5M\xf4\xed\xa6\x9cOaO\xbd\xd2\xb1\xd2Z\xe7\xec\xbeq\xbb\xf2\xab\xa2\x8c\xaerO\x1d\xe2d~\xa8I\x97T\x8e\xa2\x00\x00\x00\x80\x0e\xea\x89\xfe\x00N\xb1\xa1\xe8\x11}\x02\xb0\xbd9\xda\x9ah\xbf\x0bF\x02}\xe9\xfa\xe0b\xfc\xfewou\'M\xe8\xa7\xa5\xec\xcft\x01"2\xe6\xf5\x94\rJi\xaa=\x9e\xc7\x16\x9f\x13u\xda\xe7H\x00\x00\x00\xae\x0b{f\x9av\x02\x1bd\xd8_\xce\xa62S\xcd\xf1\x96%-&amp;\xfd\xc8\xc8F\xcd\xe6\xc3\x89it\x91\xb0zs\x8fTw\xab\xde`p\x0c\xb8\xdb\xa39\xd2\xfe\xb7\x9e\xa8\x89h\xba\x1fq#\x03\x00@\x16\xb5(Y=\xc5\x9eq\xc7\xdd\x18\xb3}\x06td\x86\x9a\xfa.\x91\xc1\x99\xeb\xf0,y\x80:\x1a\xef\xc6k\x93\xf2\xa4\xc8\xc3z=2\xea&lt;R\xfa\xad&gt;C\xeb\x0f\xf0\x8a\xfd\x17\xf3\xa6\x18\xd8\x00\x00\x00\x9a\xd0\xfc\xc0\xeb\x94)\x97o\x0f\x11\x99\xefO\x18\xa9\x7f\xd6\xf9\x1b\xf2oG&lt;\xf6\x8aDD_\xcd&gt;O\xdcx\xf6\xbd$\xfc\xec\xf4r\x0e\xc8\xf2\xdbG\x1b\x10C\xfe\x81\x8d\xf0\xa8\x8f\xaaA\x11\x8d]\xe5\x03\x00\x00\x98\x9c\xe64\xfa\xb0\x89d\xc2\x05\x80\x8f\xbd\xf5N\xee\x17\xef\xa8\x7f\x07\x11\xfb8/\xffD\x81}=\xb2\xcf]\xb1#\x9b\xa8r\x82\xae\xe4\xd1\xfa\x85-W\xf1C\x07r\x8f\x05\xda\xbf\'G\xd7\xf3|i\xf9\x8f\x19\x8c\x06#\xd0\xe6\x89\xa3\r\x00\x00\x80\x8e(D\xfbe9\xc8\x8eeQQ\x1d\xf0zJ\xb3\xe0=\xe3\xb7^\xdfX\x8cY\x96\xc5\x18e\xe39\xe2\x96\xc5)\x98w\xa0\xeb\x83V_gu\xb5u\xe5\x1c)K\xe3\x98Y\xeeD\x04\xb7\x88\xe5p\x8a\xa3tY\xfbj\x07O\xaf\x91\xb3\x98\x9bW_\xb6\xb8\xa8KY&gt;{w\x00\x00\x0087\x0f\xb5\xe5#i\xa9\xc8\'\xe5\x8f\xd8^\xc8\xcfV+t&gt;\xb0{.:\x9e\xd5\x0e\x1f\xb0h\x0e\x9b\x8b\x0c?\x1f\xcbE\xe2\x06\xda\x1e\xee\xb4\n\xe2\xf5`\xfc\xb1\x98\xba1\x05#\xdc\xf1\xd6\'^\xf5\x96\xaf\xc93\x1em\x00\x00\x00\xf4\x81\x88n\xfb\xba\xff\xf2hKF\xb1\x18CD\xbc\xcdf\x9d\xed\xf9\xbb.\xa2\xd4\x06\xfa6\x0bvz\x9a\xc1\x81\xed\x93\xbb\xb5\xcbBDfY\x96[\xde\xb4,\xb7\xf6\x91\xfa3\x8d)\xe9\xd8\xc6t/h\xf8\x96\xd1\xc5k\xff\xce\xd8\x8f\xa9Qj]\x14\x9b\xbd,\xcbzL\x8f\xbc\x87c\x8a0\xfc\x19-0\xba\x17n7\xb2M\x87\xf1\xb0\\\xe8\xbc\x1f\x00\x00L\xc3\xe9\x02+\xcf`\xcd\tc\x84\x8b\xde\xf9\x90\xef*\xa9$\xdcf.\xd9\x13|\x84`\x82Vl\x1ch\x06\xe9\x7f\xaa{4\xf3\xf4\xe3H\xba&gt;\xa0+\x8d\n\xcd\xc7\x0e:MX\x1f\xa7XnQ\xfe\xb4\xd2\xfd\xc7\r6k\x1fo\xc8\x01\x00@\'.\x1bOO\x91\x9d\x9c\xc2Hc\x9c\xf3I\xfb\xc57\xacJ\x86\xae\x968^\xac9\xa0@\xa7\x05\x00ci\xf1\x92\xba\x1a\xdfTw\xaf\xe4\x9e\xfd\x7fc\xf4\xdd\xd2\xda kI\xe3j\xb9\xfb\xa7Vp\xfb\x03\x00\xc0#1U\xda7`;6\x94_\xb7\x1b\x1a\xab5\x91\'\xe5t\xdc\x12\x06\xa7\xa3e0t\x18E"c\x9a\xbe\x1f\xa9\xf4%E\x85\xef\x1c\xcb\xbde?9\x9c\xebF\xa3-\x9c\xe1[\x80\x00\x00`4m\xb3f}\xdd9O?\xd7\x92\xc9bk&gt;x\x90I\x83bb\x9e\xa3E`;m\x92\xaf4\x0c\xce\xc8T\x19a\x1e\x95\xadh\xd1\x8d \xfa\xca\xac\xfa\x91\x9c\xfb\xa6\xb2\xbb\xb5\x8b\xd5\xf6\x17w\xdf\xb2\xf8\xdb\x11\x17\xd1\xaabY\x0c5\xdd\xad\xdaC\x85v\xdb\x94%\x03\x00\xc0\xe1\xcc\xb7\xe9b\x8c\xf3L\xf9\xa0\xcd\xd7\xfd\xcb@\xa6\xa0\xef\xb9d\xb9^\xf5\x03\xc1\xa7\xdbe?\x9d\xc1\xa0;D\xe67\x86&gt;\x1c\xd8\x82$\xb3\xb0\xa5\xa5\xf7\xb3\x08\xe7\xbb\x98\xb6X\x91z\xcch\xff\xa9m\x18\x00\x00\\\x96\x03\xf2\xc2:\x91\xfc\x95\xc6\xfc\xd9\x95(\xfd\xad;K\xa3U]\x0fA{+\x84\x17\\:\x8b\x13\xea\tWM\xed\xcdaJH\xfb\xf6\xc4\xfe\xbc\x12\xd5\x0b\x00~ \xdan\x1f\xfb\xd4\xcd\xed\x9d\n\xd5I\xf9\xb1\xad\x13GuP\xcd+\xa8b\x8c:8\x02\x04\x00\x98\x90\xde_W\xa7\x15\x91\x17\xd9\x83m\x9d\xa7\xae\x1d\x9fo\xdc\xbe\xc1"\xf9\xa6\x92\xde\x99fDn\x8fT\xf5\xdd\xed;R3\xef\xbf\xa8\\\xe6ad{M\xf3\x86e\xca\xea\xf1cs\x1cf\x1a\xbd5&lt;\xd9YvvlK]\xb8[+\xc9\xea.\xcbr\xfbu2c\xcc\xf6M&lt;\xedqrY\xef\xe0-\xd7\xdf\\\xb75nY\xfeP\xbc\xda\x8d\xd7h4\x01\x00\x00\x80\xcd\xc9\xe7\xe0V\xd8_d\x99\x16\x10+#\xdc\x90\xae\xde\xbdn;l#\xfe\xfc\xee\xd1\xa3\xa5\xf2\xa3\x84\xb3\x91:7\x15^\xeb\xa1HR\xb7\x93K\xd7A{\x9e.\x8b\xb2\xde}\xdfa\x1an\xe1~\x10\x911/\xc1/\x1c\xdd\x98w\x1f065\x90bX\xa6\x8a\xe5\xf1\xf5\xe2Y\x16\x00\x00Ts\xc9\x00Z\x98\xb3\x07\xec\xed5R\x9d\x94W\xe4+\xc9*\xaf![\xed\xd4qH\x82\xd5I\xe3\x80GC\x9b\xc0\xe0\xcfy\x07\xb3\x06?~\xb4\x01\x13\xd1\xb8\x07\xa1\xbe\x00\xb0%+.n\x8bm\xe4:!\xe1\x81*\xeb\x00\x00`J\xe4q\x8dS&gt;U\xe0\xeb$\x8a*\xf8\x87\xc1\xb1i\xd5C\xab\x0f\xc36\xc7g[\x9dx\xebk\x87e\x96\x8f\xd3)\x91\x07\x02\x8d;\xfa\x03\\\xd7\xb6\xa7;\'\x97iH\x12o?\xde~\xc7^\x07\x8c\xb6\x84\xfd\t\x96\xdb&gt;H\xb3\x85/\xe6M\x1f\xd5\xdb+\x00\x00p\x198A\xf0\x98\xcc\xcc\x9a0\xd4\xb5\xf3\x05r\xa6\xabw\xc9\xd5\x9f`\xb1q\xb8\x01\xc0\xe6\xa4\xdd1\xc3H\x06R\x8a!\x94\x88\xcc\xbf\x1c\xb7\xc2\'"c\xbe,:\x960\xba\x00\x00\xa0\x13\xf1\xf0\xfa*\x13\x87\xdd\xe4\xdeU\xb3X\xa9\x11\xa9\xb7\xca\xc7\x9d\xd7M\xacL\x89G\xd8\x89&lt;\x0bG\xadu\xc7+\x05\x13\xa36\x1e\xa6]\xb6q\x16\x00Dd&gt;lF\xe3\x01\x00\xe0d\x1c&gt;\x13\xb4\x1b\xa04\x9f\xc9?#[\xfb\xeeY\xc8\xb4b\xa2\x06\xf6z"\xe4\xc8\xc7\xf1\x80\x19\x98h\xd4Upj\xe3\xa7a\xda\xd5\x0b\x00\x00\x9c\x93#rh\x15F\x9eX\xe5@D\xc6\xbc\xea#O\xf6\x91\xee\x18\xf2\x89\xe1\xcec@,|[3L5&gt;\x0fG\xc5\x15\x0f\xe7\xcfGk/\x00\x00\x80y\xf1\xe7\xa4T\x96\xf32\xcc\x0f\x15\xe4\x8a9\x92c\xc5&amp;\x9b \xb5\xb2\x1cO\xceI\xf3\x9e\x06\xb3\x05\x9f\x0b\xec\xe7\x9c]x\xf9Q\xc3\xfe8b\xab\x85\xa7\x07\x00\x00\x00\x008%\xdd?\x9e\xb5\xa7VQ\xb1{z7"\xcf\xd3\x10\xd6Z?\x92\xd42\xd3\xdc\xb9r\xcd\x98\xcd\xbfP!\xc4\x18c\x9e|L\xd3\xa808\xdd\x92{c\x83\xef\x18\x01c\xb9\x98\xcf\x13\xcd\xa1\xf4[\x02\xd9m\xd5\xcfM\xdf3\x84\x00\x00pj\xc6M\xa5^\xbe\x18\xdd\xdc\xed\xf6}\xed\x15k\x00\xef\x80\xf8\xbe\xe9\xcb\xa9%,\xb3^)|\xfc\x80\x88\x8c\xf9&lt;\xeb\xf5\xaf\x17[\xc1\xb1\xb9\xae\xae\xbf\xff\x1do\xb8\xb5Y\xfe\xfdqQg&gt;H\x83\xf4\xe2\x18N;`\xe2D\x9bs\x0b\x08\xa9\xbb\xe3\xccw\xcd\x94\xbc\x0e\x9c\t\x00\x98\x99\xcf\xa8\x0bR\x8a\xa1M3J\xaa\xcfa)i-\x0b\x00\xe7\xbcG.\xf3 \xaf|\x9d.\x89Q\\E\xb5~\xd6\xd5\x92[HtLe\x92\xa9U\xe1\xca\xf9\xb9^\x8bl&amp;j]\xa7\xc1\x93\xbf\xcd\xcf\xb8\x00\xf0lVi\x82\x9e\x13N\xe6L\x00\xc0cQ\x1d\xec\xaa\x13\xd3\xa9\xa8\xb3\xdfj{euc\xde\x8e\xa9\x85}\x98\'#\xa1\\F\xda\x1c[2\x11}\xd6j\'\xabZ\xf7e\x86\xfec\xfa\xb3\x8fsp.\xba.\x00\xa2\xb7F\xfc\xc6\xec\x1c\xe1w\xa5\xcd\xd3\xd0M\xc8TS\xd2&lt;\x96\x00\x00\x80&amp;\xf9\xcd\xa43\xd1\xb4\xb9^_\x97\xe5\xb7\xb6\x05\xc0*\x81k\x12\xb39\x9e\xfd\xc2\x91P\xb9\xcc\xb0\xaf\xd9\x7f\xa4*\xe6\xc52\rh\xa9\x02\x80\x06#\x06^*\x02\xf4\x0e\xef\x7f\xe3\xae\xf1\x7f\xdb\xfa*\xe4l\xc6K\x0c\xc6\x1d\r\x00\x00\r\xcc\xbd\x00\xe8;\x13\xb4\xccUL\xbf\xd9\xdbZ}\xfd\xfc\xd6\x02\xe1^\x13(\x80/Gj\xa67\xd3\xeb\xf9\xa4I\xd4\x9b\xcc{\x0b\\\x00J\xbc\xee\xad\xebd\xf0\x17\xf0\xd1\xda\xd6\xbf\x8e\xcc6\xb1B#\xda\x9e\x03p\xd6\x0f\xf6\xb6E\x9d.\x00\x00\x00\xc3\xd0L\xd0\xb7\xa9\xc2\xf9s,\xd25@}\xb2\xcb\xa9\xd5\xf0\x00\xc4[\x00\xb4\x7fhA\xa4_3/\xd1\x1d\x06\rG\x1a4x\xde\xe3T\xa7\xa8yP\xe3Uo\xba\x11\xb8 )t\xd0sx_\xc7\xf2\x8d|\x0b+\xf2\x7f\x03\xd6\x00\x00\x80\x07\xe5\xe4\xe1\x8f\xb7\xd9\xf3\x0c\xd1\xebu\x1b\xc9\xba\xc9\x07\x7f\x01`jgbN\x95\xfau\x85]\xf1\x07#\xc7\x81\xca\xda\xad&lt;^\xd4\xba\xaa\x8eh;\x14t\xa2\x9be\x1aS\xcb\x8b\xb4\x1fbv=\xad\xf2\xbaf\xff Jj\xb1\x1d\xb9\x82\x0e\x02\x00\x80Sp\xeeH\x9d\x99i\x8a\xf3P\xedn\xe2!\xd3\xdbK\x1b\xcd\xad8\x9bz\x99^E"2\xbf+u~\xa0,\xc9-\xfc\x14\x96\x05/x\xf0\xe8\x9d8\xd1\x99\xca\xb0bf\xaf\x7fOM\xdc5\x07\xd0\xc3\x1bV8\xf2?3 \xfa\x84\x8f\xbaa)\xf9\x18\x12\x00\x00\xf0(\x9c&lt;\xe2\xd7%\xd3B\x1d\r2\xd9\x0b\x92~\x07\x81D\x02_\xbc\x87dK\x03\xf1\xe4\x9fzL\xea#\xca\x17\x85b\xc1\x9d\xe0&gt;m\xf5y\xed\xee\xc9\xb1\x9c\xc8T\x00\x00xP\x0e\xf8\x90V\xa0\xebI\xc3TG\t\x12#\xfa\xca\xf9\xe6Z\xcd\x0c\xa0\xe7^\x9d%\xb0\x97\x0f\x89\xf1\x01\xc4\xc6\x9ci\xd6d\xebp\xab\xe2\x9f\xf3\x19o\xc7\xbc\x04\x1fyz \xff|(\xedO\x99\x1e\xa7\xd5\x00\x00pn\xdc\xafk\xe8&lt;o\t&gt;\x8c8\x86SL\xd2]{\x84\xd3\xe3V\x99\xe3\xddU\\\x00\xf4\xd0\xd9A&amp;\xb8,\'\xcb\xfeOd*\x00\x00\\\x9bC&amp;\x0fg\x01\xd0\xcf\x00\xc6i\x84\x01\xcf\xbe\x99\xab\x9ds&gt;\x85\x97\xe150\xd3\xd8\xf5\xad6W\xf4\xf1\xa4FO\xedM\xab\xbf\x05\x9e\xad\xc1\x86\xeb\x8e10\x00\xd9\xa8\xf3O+\x9d\x9e\'\x8e6\x00\x00\x00\x14X\x96\xa5]\xc8\x9e\x88\xe4&amp;\x86\xfd\xad\x9b\xd2\xe5\xf6\x82e@\xd5\xb4\xb1,\xc6(\xb4NB\xea\x8b5\xc8\x94LY\x0c\xcf\x13\xca\xfc\x12\'\xcf\xd6Z\x96\x88\x06\xdb:F\x9a\xf45UOJ\xdd\xa9\x93@\xeep\xa8\xf4\xec/\xd5\xa9\xa6\xed\x95\x91fr \xce\xc3\xf9\xd0\x1d\xf7\xa5\xe8\x91\xa9:\x82\xf7\x18\xae\x11\x00\x00\x1e\x06{O\xb7\x93\xfcn\x99\x8a#\xb9E\xcbfd\xb8\xa7+\xdb\xe5mk)Y\xdf\x85\xca(\xcbr\xac\xaa\xff-Q\xc8&gt;\xc7\xa7\xe0\xffx\x84\xba\xd9\xd6\x15\xb3\xd9\xc3\x84o\xf6q\r,D\x86W\xbf\xf4#M\x00\x00\xb8\x1aDd\x9esl\xd4\xee\xf29Q\x99\xcc\xc64\xd7^\x00\x1cu\x92\x87\x02\xc6\xdb\xd0\x83\xf9\x9b\xe3,\xff\xc0\xe3m\x8a\xa7\x180n\x9bT\xf4\x1f\xae\xd7\xbb#p\x04\x08\x00pe\xe8\x17$\x85\xd5&amp;\xb9\xd6\xe4\x95\x88\xcc\xd3\xc8\xdcO\x9b\x08\x1e7+\xeep\xebH\x91\xdb\x13\xad\xd2o\xf6\x1d\x99\x91\x1fq8JL\xdd\x89 \xe1Ju\x9e\\j\xef}o\x18\x10\x91\xe2I\x8fU\xf8\xe1\r\x9f\xc4\x0c\x1f"j9\x8d\xc6\xbc\xb5Zn\xf6\xd5\xb6\x83]\xa7\x18\xac\x9eQK\x10\x00\x00\xcc\x86\xca\x07\x03\xa4*o\xff\xb1\xe7\x89[\xc8^\x96\xe56\xc9\xb1\xc5l\xf3M\xbc\n_\x9a\x08Kf\xcbgC\x97@\x1a\xaff\xe1\xd3\x17\xe2\xf6\xe6\xbdd\'\x7fCF\xcb\xb2,\xc6\xbc\xd9t\xe9\x97\xb9{`\xef\xaf\xbe\xde\xd0L\xad\x9b\xb0\xcf\xcd\rQxx\xb3\x17c*\xfd\xdf\xd5\xf4\xdcx#j\\:\x13\xd1b\x12\x8b\x04\xb1\xf0C{P\x1c\x1e\xa7\xb9\xd3\x00\x00\x80\x81\xda\xde3\x7f\xbfg\xdb\x9f\xd3\xdb_\xf9\xa9\xd8!\x16\xcd/\x0b\xea\xbdS\x9eu \xdfQ5\xe7\x97V\xbd\n\x07\x81\xf6\xba\xe9\xea\xd7{\xb8?\x1eu\x1f\x0e\xec\x94mS\xbc\xfa;a\x1e\x84\xb36\xd9&gt;\xd86\xf1\xcd.\x9a\xaa\x00\x00\x00T\xe1\x87\xd1\xbe\xdf\x9e\xf9MuUM!\xdc\xfbo5\xe6\xca1\xfeAc\xfdb\xf2\x1d\x16\xce\x10\x966\xe6\x99}]\x98#\xd9\x88z\xa7(\xaa]HW\x81\x1c\x95\xa35\xf6\xe22\ri\xe7\xfdo\xff\xd96\x14\xc2\x12\xe3GZ\x18\xcd\xa8\xfd\xcb\x82\x01\x00\x00\x14\xd1H\x91{\xef$\xad\xf3\x81d\xa1\xd2a\x01\x90\xd4\xd2Uxq\x01\x10\xb5A\xa5[\xdb\xaa\x03-z\xdf_\xc3y\xf2\xadE\x9fq\x9c\x05\x94x}m\xa6\xdc\x14\xb8G*\xff\x98\xe8\xb4\x9f\xd0\x00\x00\x80\xb3\xa3|&lt;F]l\xa8GT\xb8\xef\x02\xc0=\x93S\xd5j\xfaQ"c^\xa2\xa4\xa7\x90\xfd\x9b~\x8b\x10\xa5\xbd\xf0\xdek\xb0\x87\xe0Z\x0e\xcc\x0f\x89\x11\xa3EyL\x9e\xa5w\x88\x94\x9eq\xc9T\xf2vj\xc2\xcbf\xb6\xb5\n\x00\x00\\\x89\xe7\xd3\x8a\xb0\xfd\xbf\x17OVZ\'\xf5LU\xffD\xd3\x96\xddf\x12\xfaL\xb1\x91\xf9\xb4\x8a\x16\xdf\xec\xfbb\xe9y\x8c\xf9\xe7\xed\xc29\xca\xfbk\x99\x82C\x16Z\x9d\xd4\xd1\x19N\x80\x9csh\xe5G\x08\xd5z\xbe\x1c\xc4\xa4V\xed\x02O\xe9g\x00\x00\x98\x8f0R\x9fe&amp;\x8b\xd8Id\xcc\xaf\xa7\x8bwL\x89\xb6\xdd\xa9z\x15\x82\x84\xbeg\xea\xff\xde\xa9\xc1@\xee\xe5z\xbdG-`2\xf6\x1c\xa8\xfdJ\xf4\xecJ\xf4\x91\x1a\xcc&gt;j\xe9M\xf5\x91px\x94\x00\x00\x80\xe9h\x8c\x8c\xa2\x05\xc0\x94QX\xf0\x08\xbb\x9f\xf1N.\xdb\xa6\xa5%\'nm\xa0\xa3\xf7\xdf\xa7\xccP\x19\x06\x9b\xaf\x88\xc8\xfc\xcb\xcbf\x8dt\x86\xddk-\x1e\xaa\xb1\xe7\x85s\xf3\xce\xd6\x95#\xa7\x9e\xd9\xda\x0e\x00\x00\x11z\x84\xc5\xe2\xf6\xb3\xae\xba*\xf6\xdc\xd1\xb5\x96\x8c1\xcfMd^\xf3\x98o\xaeX\xedQX\x00T\xd7l\xa9B\xc1\x9f\xe6\xa7\xe3\xcf\xe2\x89\xc8\xfc\xcc$\x9f\xee\x98\x14\xb2&gt;\x16r\xb4-\x8f\xcc\xc9\x9c?\xffh\x99\xdf\xc2F\xb0\x00\x00\x00\xccM\xb7\xa3,\x89\xf8\x1e~\'\xc3\xb1\xd8\tw\xe4\x8d\nY\x1a\xb64f{\xd6\xa6x\xad\x84\xe4u\xbd\xbd|\xa5\xc6\xe6\xe4G_\x83\xd31\xa0\xfb\x88\xc8\x98\xaf\xcd\xbe{\xae!$\xb0Ve\xc7A\xc8\xf5\x17\xb44\xfc\x83\xd1\x00\x00\xc0\xa26\xfe\x921\xc6|X!oK\xbe;_@\xb4s\xd0 e\x14M\x8a\xedS\x9aNB\xac\x95R\xc7\xe4\xa8-\x96\x063\xb9y\t\xc6\xdb\xbc\r\xf8\xa9\xdc\x15\x19\x87\xea\x91\xa4\x18\xd0\x86\xe9\x1a\xcf`c\xa6j{\x03\xd7h\x05\x00\xe0\x91\x08\x93]&gt;\xaf&amp;\xd8\xa5&gt;M|\xd4N\x97\x15&gt;\xd8\xdanK\x8b\x01\xcf\xc9\xf8\xfa \xfbZ\xdb\xd3\x06]\x06\x9b\x11\xaa{\x85\xfbW\x12\xcd\xe2\x90\nr\x96W\x8cO\x9d|\xf7\xdf\xdb\x12~HA`\xf0\x99%\xb9L2\xef\x98\xa9\x92\xdcV\x9fm\x010\x8e\xf5&lt;\x9b1?p\xb4)M&lt;h\xf7\x01\x00\x80R\x9e\xaa\x83V*\xd0\xdc"\xb5UD\x8b%~][ \xefC{%\xed\xa9w{\r\x06\x9e+\xbe\xbf\x93\xf6JR&gt;l\xee\xdfZ[\xd2k~\xc0; V\x00\x00 \x00IDAT\xc9g\xdf+\x8d\x9f&amp;V\xb8D\x1edq\x8a\xed\xa5\xb9\xc7fF=1\x9b\xd1\xc96\xe4!\xaaY\xbcr\xbb\xca*\xd6\xc6&lt;s\x1f\x00\x00LN\x87py\xd5\xf8\xcb\xce\xd4\xc5B\xe7\x98\xb4\x88\xc8&lt;Ev\xda\xb8\x8f\xd9\xc7\xb8\xc2\xc9~\xc2c-=\x95f\xdegV\xac^\x00\xfc\x8a\xe6\xd8;~\x0c\xafT\x1f\x9a\xd7\xbf\x13\x05\x02\x89\xbe\xb7Y{S0y\xaf\xe8\xf7.\x88\xd5\xb1\xab\xff+\x89q\xf5\xf6\x00\x00\x00\xf0a\x87\xcb\xa7\xdc\xff\xfbz\xf1\xe9\xc1\xcbE\xb4\xcc;\x8cL\x13\xfa\x9conp\xdaO\xb59&lt;\x92D6Hk\xe7H\xed\xd5i\xf4\xad\xb6\xf0:\xcb\x1eQ\xe1c\xbb\xaf\x9fvQ\x0e\xdd\xd2w\xec\xba\xf3\x86\xb8\\\x13&gt;\xac\xcbP&lt;:b\x00\x00\x00\xa8\xa0b\xbe,Ui\xd8\x10\xeaN\xc4\x92j\xdb\x8a\x1f\xb3\x1e\xde\xeaT\x06\xc6\x9e\xbc\x1f}\x01`\xba\x8fU\xf1\x01\xfd~\xc2[H\x19v\xf4\xe0\x19\xc4\x834\xb3;:nD_\x00\x00.H6o\xfb\xac\xfdp\xbc\xee\x84\xb4J\xab?\xe9\xae\xb3\xaf|\x9eY\x96"\xc7\xb8\xa7\xfa\xa4\xa9\xe0\x81\xfe\xe7\x97\xcc~\x97\x89\x17xU\x9c\xda\xf8\x83P;\xa9r\xb4\xf3\x89\x8c\xf9-y\xa5\x83\x9fS\xd9\x7f\x1dfG;\xe7\x8e\x1b\x00\x00\xd0\x81\xe8Q\x84\xfd\x8au\xbd\xc7\x96m\xa3\xcc}^\xa7\xa6%J\xb4\xe2\xe1\xe7\x1cBjR\x99\x99\xec\xf7\x90\xfavXw\xd8c^I\x9a\xf8\xc4s^\xa0X\xce\x0b\xcd5\x92\x87\x11\x8doGY\xf2/vK\x04\xeb\xe4\xaeV\xf1\xb5O\xb1\x88\x9a\x8e9\xd6\x96\x00\x00 \xc0\x99W\x9eg\x86\t\xb2\x1ar1\xc6\xfc\xbb\xd8z&amp;/\xe3V\xccDWA\xf1\xf8~b\x8f\xdd\xf8\x98Y;=H;L\xf1#\xaa\xbc\x01\\}b\xbb\xd1K\xff\xda\x1f\xa2\x8d+\x1fy\xce\xc1\xcc;\xe7\x1c\x0fm\xf8=x\xc56\x8e \xbc\xc5&gt;\xf5Z\x9e\xc4\xc0\x00\x00&lt;\x04^\xb0\x9bs\x01\xc0\xdf\\\x89\xd9\xbf\x1d\x95\xa9\xdc\xff\xbb\xd5}\xe6\xcc\x11\xe4\xf9&lt;f\xd1b[\x8d\xc7:\x8d\x9f\xbc\xd8p\xed\xc7\x11\xa9k\x03SB\x95\xa9\x8e\x80F\x1bN\xca\xcc\r\xdfm\xe3\xad\xaf\xae\xc5\xf9\xc6$\x11\x19\xf3?\x8f\xb6\x02\x00\x00\x8e\xe5\xd5O\x10\xbb\xfd\t\xe6/\x92\xf4\xbc;YG\x83\x94-\xab\x99\xef\xa7\x982K6\x901\xe6\xe3\xe4\r\x149Y\xcd\x0f\xf2\r\xf5\xd1k\xdd\xd5\x8dV\xea\xaf`@q]\xd4(\x7f\x0eV_uy\xb6\xa3\x88\xbd\xae\xfbxS\xff\xc5\xa0\x02e\xede\x06\x981\x1bw\x83\xdb\xce\x8b\x02\x00\xc0\xb9!\xd2&lt;\x94&lt;\x80\x86\xdd\xd3.T\x99\xf1[Gg*\x1d9f\x01P\xc9Q\xdauFo\xe0jO\xe6\xfb\x1b\xf3\x7f\xdb\xb5L\x82\xd6-\x7f\x99\x84\x98\xa1\x88gF\x9b\xb5\x9b\x19ic&amp;\x8cud\x8c1O\xdd?\xe1\x13\x18?\xcb\xfc\x02\x00\x00\x03\xe8\x1b\xf2\xbc\x8d\xe4\x86iR\xc7HO;\xc2\xfd%8\xa6\x13\xed\r\xc5B\x9965\xc5\x12\xad*\x0efD\xd6U\xf5\xc8\xeexDf\xf3\x9f/)-W\xb2;2\'\x08\xad\x7f\xc7\xfds\xa2\r&amp;\x00\x00\x18\x81V\xc8\x8b\xceUa\xc2-\r\xb2\xbd\xd7\')\xf9\x0c\xbd\xba\x86\x9dy\xee\xe9\x93]M\x9e\xb4M\xda_sZ5\x01\x93\xf6W\x89\xef\xba\xc5(^Zo\xff\x91/\xdbxg\x11\x91\xf9b\xaea\xa7`\x9d\x0b\xfa\x9c\x1a\x05\x00\x80\x0b\xc1\x8a\x8f\xd1\x05@\xa2n\xfcb\xb7@\xbc?\x08\xae\xaa\xfe\x15b}\xd9\xc5O\x8f)G,\xb0\xca\x06\xb2\x90\xd6\xe5H\xd6\x95\xd9\x195\x83\xcf\xd6\xf0y\x98\xd0o\xed\xeb\xd87\xaf\xd1\xda\xf3\xa3&amp;\x87\x8c\xcf\x01\x9bA\xdbS\x14\xdc\x80\x00\x00\x10a@|\xec\x94S\xdedw\x90\xc9\xd0ZjQ\xef\x05\x80\xbd\xbf\xd5\xaeq\xadko\x98\xc9\xa4\xfd\xe7\xcbM\xb1-#6\xd6Y\']\x06L\xfd\xdc&amp;C\'o\xaf\xb7\xc6P\x9f\xa8,\xcb\x0f\x1d~\xf1\x90R\xd1"v\xf9\xdd]X\x00\x00\x00@\x84[p\xfc\x13\xf9\xf8\xf8%5_v\x1ejy\xe4(&lt;f\x89U\x9d\x97\x90\xf59\xf2\x07\xef\xa9\x1b\xa1?\xff\x18\xdf\xbdG9\xb0\xd7!\xabS\x0e\x86\x8b\x8d\xe1\xc6\xe6\x1czS\xa7\xa3\x8a\xd8\xaa\xbaV\x901\x1f.\xaf\x05\x00\x00\x97\x86314\xcd\x1c\x9d\xce\x95\x9e/I}\xc5\xa6\xda\xa5m~\xd1\x04\x1f\x16&amp;\xebYy\xcb\xb67\xa7\xee\xa1\xdb\xe1\xa2\x8f`\xfaW\x986\xdb%\xe5\xab\xb2s\x8d\xea;t\xa1\xe3\xe3-L\xb3x\x8e~|KjXyO\xe1\xde\xde\xd2G\x14\x9cb\xf8\xe6\x06\x00\x00\x98\x137"\xb7\xee\x07w\x8a\xef\xf6\x06m1W\xcb6\xe1l\x89\x8b\xc6Q\xe0\xa8\x7f\xa2\xd9\x7ff\xd3\xae\xadg[\xc7\xd5\xccXM+\xa7PQ\x01\xfa6\xf5\xe6\xd3Oh\xf3\x1d]\xcb\xe7\xf0\x83\xc2\x9d\xc5\xb9=\xb9[\x06N\x81\x8b\xde\xf5\x00\x00p%\xea\xd2\x97\x11X\x13O"m\xb5\xae&lt;Cb\x8a\x8aM]\xbd\x1b{\xbc3\x13\xb3\xb5l{{\xf7\x7f\xd5tn\xaf\xdf\xae\xcc\xa7\x9fz\x91s^\xcbE\x88\x9b9\xff\xdaU\xc3\xc2D\xf5\xf7%\xab\x80\x1d~\xf9\xea\xa6v\x1d\x00\x00\\\x15\xee\xce+gk\xc7}W&lt;\xe5\x8c\x9fD\xc3uB\xb8\x11\xdeA\xe79v\xbfdm\xe7\xed\xfc\xdd\x8a\xa6j+\x98\xd1\x97^y^\xa3X\x8a\x1d\xa5P\xa7\xc5\xc8\x99:\xb1@\xad\xa9z\rdl\x9fW\x84V\xbf\x8aZp\xb3\x16\x00\xf8\x88-\x00\x00\xccJ\xe40\x0f\x11\xfd\x04c\xc3\x86X\xc7&lt;\xc2\xed\xf3\x83O\xd4\x94f\xa3~\xf9\\L2/K~\x9c\x19\xf4b-\xbdR[\x863\x8b\xeb\xe6\x1e\x93\xf7\x87l\xed\x16vh\xa6\xfd)\x17\x00\x00\x003a\x85f\xfe~\xad\xce\xce\x1fg\xde\xfakV\xde\xbc\x96&lt;p.\xd1W\x1d&lt;E\xf1\x1c\xf2Fv1u\xed\x13R\xddRN\xadC\x1e(\x15\x94\xfec-\x93N3&lt;\xce7\x92\x05\xcf\xb2\xca\xb24\x848\x02y\x1b1&lt;A\x9a]sx/\x1fn\x00\x00\x00\xcc\x8a\x9b}\x8a\xa2\x7fsl\xdd\x1f6t\x0c\xd3\x03T\xa8cw\xc7o8\x0f\xd0?KO\xfe\xc9|\xc2\xe2W\x99\x0b\x80\x8aCh\x1a\xa7q\xbaSx\x10w\xe0\x8dp\xba{0D\xc5\xfe\xce~PX\x00\xa8\xd8\xd1CZ\x9d\tG\x1b\x00\x00\x00\xb3r`\x8cn\x9a\x0b\xf9\x15oZ~Yyb\x1b\xe3\xb7.\x1br\xa9u\xd7\xf1\xb3u\x19\xa5\xa5K\xaf\xc78\xbb\xe4\x0e\xcelo\xf5\xf9\x17\x00\'\x18\xa2\x19\xa6_\x05)\x9b7Ac\x95\xc7\xfc\xf4=\x08\x00\x00\x83\x19\x17\x13\xcf\xf6u\x9c\xad\xe8\xcf^\xa99\xec\x14\x13\xdb|\xcfs\x06~F\xb9\xed\xfc\x1b\xd7u\xdd|k-\x90\xd8*\xbes\x963]Z\xdb\xff\xe1\xb5v\xb1y\x9d\xe9\xeb\xfe[\x1d\xee,%i_\x96\x93\x93\xb5\x19\x0b\x00\x00\x00\xe8\xc6-&amp;\xbe\xbb&lt;\xb1HERDXu\xac\xe4\xef\x98\xe3\x07Z\x13g\xe7&amp;\\\x99b\x17\x0c\xbb\xef\x84\x83\xa1X\xb8\xab\xd9\xf6\x01&lt;\xee\x87\xa38\xe5\x1f!\xca\xcd\xd0F\xa4\xec\x00\x00\xd0\x8b\xea\xcc\x92\x1a&gt;\xb86CL\xff\xff&amp;\xb0ab\xb8\xeb=\x99\xd0c\x9e\x00\xd8\x1a\xcf\xda\xe9\x9e\xdf\x88\xc8\x98W;\xd0\x1e\x0eDd\xccw\x1fm\x82`\xc89\x0f\xd9rU^!\xfd\x14\xee\x90\x01\xf6\x05\xec\x92\xa3o\xbd\xb1\xea\xa2\xcc`\x03\x00\x00\\\x85\xbe9\xdc\x8c\xa9\xf9\x7fU\x93\x94KG\xfa\xe7\xc7\xef\xcb\x14\x1e\x9aq\xd6\x05\xc0\xa6\xb1\x94\xd5M\x8d\xe5\xba\x9f2s,\xa1\x196|q\xb6L\xfd\x0e\x82\xc4\x86\xea]\xe4l\x95\xd8\x13Q\xd1\x02\xe0\x90\xbdm\x86\xc6F\xab\xc65j\x86[\x00\x00\x00\x80\x18\'|\x07\x9fg\xbddp\'\x97t\x0eQ\xa8\xdfn\x06\xa7P}\xdd\xc9p|~\xca\xed\xc0}\x01\xe3,fxu{\x1a\xa6\x8fp\x80\xf9w\xc4\x98\xf1\x99\xda\xfe\x17\xdd\x9e\x87,\x008\x10\x911\x9f\xa7"IC\xc8\x08\xe6\xec\x08\x00\x00\xb8*\xa5\x98\xfb*\x97\x0b\xca\xebw\xe0$s\x85rNp\xb0O\x0e\xd9\xc2o$\xb3\xe2RTa\xff\xd5(,\xf3g\x85\xff;wV\x83\xf0D\x1a\xfd\x8f\xa6?U\x98Y\x00\x88\x84\xdc\xc6\xe4|7\xd4T\xc6t%\xe9\xff\xc9z\x04\x00\x00\xfa\xa3\x18\xf8\x10C#x\x0f\x01\x827\x0f1J\x04s+}\x9e\xb60\x92\xe6zS\xff^p\xb8H\xf9\x0e\xa2\xd6\x05@\xbb\x15:R\xd8\xa7\xf0[\x944\xd4\x15&lt;)J\x1b)^\x0005\x82\xc1\xcc\x13\xbe\x00\x00`\xd4\xdc\xdf]\xc5q;^\xef&lt;\xc9\x11\xf0\x9b\rg\x9e\xf5\xa7\xdb\xb3,\x90q\xb5\xf5p\xa0\xaeE\xfe\x8fa\x9f\xb8[cX\xfeI\x16`\xb5\xf7m9&gt;9r\\\xc5V\xe6\xca\xc6x\x0b\xc5]\xdd)\xee&amp;\xcd\xc7\\\x00\x00\x00\xd8\x1c\x967+qO\x14\xbamw\xf1\x9cS\xad\xf7[k+\x96\x989_\xfc\xe9dg9\xde\x0eFf,\x97\x1a@&gt;I\x8d\xbfa\x1bk\x8c1\x9f\x175;\'\xd9+\x7f\xea\x9b4\x86R\'~t\xf9\x91\xd1\xf8\x01CD\xcf\xe7f\xe4fO\xd3\x85y\xf9K\xf9\xb7@\xf6\xbe\xde\xee\xacsG\xf5C\x81\xdf\x00\x00\x0f\xc21\xf3\x84\xde\xfc\xa4z4b\xe4\xac\xd9[]/\xe1\x1ab{\xd8&amp;\xf1\xa7\xcaa\xf7\x94\xba=\xe1\xdb\x0bd\xd2\xd0\xc4\xaaf\xfc\xca\xbc\xd3\x12\xba+E/\x1d\xb5\x00\xd8&lt;I.&amp;?\xf8K\x9f\xe0\'"c&gt;X\xdfd\xb0\xc2\x1b*?\xe7\xf4)\xd6Z\x00\x80\x0b\xa3;\x83\xb6L\xc9\xfd\xe6\xf2\x0e\x89B\xdd\x91\xdf\xa9\x99\xd3l/\xc7J\x95\xb1\xff*\x8al\x98\xd7\xdf+\xaa\xdd\xcb\xe4\xec+\t\xcbU\xcf\xfd3\ni\xa9\xeb\xc9\xd7\xdd\xfe\xc3\xe9q\xbb\x9cH\x87\xe2 \x8fe\x8a\xb9!\xfa^\xc1:Pe\x18h\xb4\xe8\x14\xc3c\x04\xe1\xa2\x0e\x00\x00.\xcc,\x0b\x00u:m\xe1\x1c\xbe3\xa4\xe5a\x8ad$\xad"_\xe4\x08\xcf\xd8[\xb0\xd6\x08\x8c\xee\xe1u\x99\xdaCO\xbai\x84H\xdd,\xb7\xcfQ\xdcz-\xd7M\x95\x8e\xdd\xab\xd6Y\x15V\x14d\x8a\xdd\x02\xe3\x81\xe1Hk\rc\x8cy&gt;\xb6\'\x19]\xdfd\xd2&amp;\x7f\x9e\x89\x0c\x00\x00\xc4\x8c\x0fa-\xd9\x95\xa8.\x11\x99\xcfg\x9d\x12\xae3&amp;/\xb8\x83L1-~\xe6l\x93K\xbd\x17$C\x91\xe4\x9b/\xad\xa8+Tn\xdb\xe0\xe6\xdf\xbe\x89\xe6\x17\xfb\xf5\xa0oF7Ei\x0b\x0e\xd2;\x8caA&amp;Z\xbbt\xa5,\xe4\x0bu{g\x8a\xbe\xfe\xd7\xad\x02\x94\xef\x17K\x94\xbc\x836\x11J\xc6\x00\x00\xc0p\n!l\xb2\x00\'\x98\x00x\xb3\xc5\xe1\x11\xfc\xc0,P\x03\xa1\xf1\xe4~7\xce\xad\xae{\x12f\xac+\xde4\xbct\xe6\xee`\xf3\x08m\xac\xc5\x1e\x93@Jj\\E\xaf\xc76\x1a\xcag\xba\xaamK\x8b\x94D0\x00\x00\xb8\x06g\xcb\x03\x04\xdb\xff\x91\xfd\xe6\xf98\xf9\x02@F\xd8\xd2\xfb\x95\xbfOv\x8f\x1de\xdeC\x01?\x83\x15\xe6\'gZ\xa5\xc5\xc4{\xf7;}\xd9\xf0\x08P\x889\'\xfcp&lt;\x00\x00\xb0\xd0\x8a\xb6\xb1\xbd\x9c\\i\x15\xa5\x02\xe6z\x1ap7&amp;\xb6JQ\x10m\xfe\xcb\xc43V\xec\x90\xb41\xcf\xbe\xbe\xc4\xc9\xdaI\xe8\xdb\x0b\xe8b\x8b=\x14\x1cm\x89\x8f,\xaa\x0bd\xae\xaf\xacV\xaf\x0f^\xc8\xfc\xe7y\\\xb1~\xc7\xf4,\xf6\x00\x00\x80&amp;\xfdN]\x838\xdb\xb4ge\xff\x12\xd7\xc5\xca{2\x0f\x9c\xb1\xea\x92\x06r\xe9a\xd85\x18\xea\x9fn\x8aj\x86\xfd\x91t\xb5s\xdea\xdf\xd1\xaa\xcfwz\xffl\xe3\x01\x00\x00\xc0\ns\x0e\x9bs\x9e\x1b\x86\x97</t>
        </is>
      </c>
      <c r="E29" t="inlineStr">
        <is>
          <t>&lt;class 'numpy.ndarray'&gt;</t>
        </is>
      </c>
    </row>
    <row r="30">
      <c r="A30" s="1" t="n">
        <v>28</v>
      </c>
      <c r="B30" t="inlineStr">
        <is>
          <t>steps_per_sec</t>
        </is>
      </c>
      <c r="C30" t="n">
        <v>400</v>
      </c>
      <c r="D30" t="inlineStr">
        <is>
          <t>2.9558468</t>
        </is>
      </c>
      <c r="E30" t="inlineStr">
        <is>
          <t>&lt;class 'numpy.ndarray'&gt;</t>
        </is>
      </c>
    </row>
    <row r="31">
      <c r="A31" s="1" t="n">
        <v>29</v>
      </c>
      <c r="B31" t="inlineStr">
        <is>
          <t>Loss/RPNLoss/localization_loss</t>
        </is>
      </c>
      <c r="C31" t="n">
        <v>400</v>
      </c>
      <c r="D31" t="inlineStr">
        <is>
          <t>0.13218994</t>
        </is>
      </c>
      <c r="E31" t="inlineStr">
        <is>
          <t>&lt;class 'numpy.ndarray'&gt;</t>
        </is>
      </c>
    </row>
    <row r="32">
      <c r="A32" s="1" t="n">
        <v>30</v>
      </c>
      <c r="B32" t="inlineStr">
        <is>
          <t>Loss/RPNLoss/objectness_loss</t>
        </is>
      </c>
      <c r="C32" t="n">
        <v>400</v>
      </c>
      <c r="D32" t="inlineStr">
        <is>
          <t>0.025017157</t>
        </is>
      </c>
      <c r="E32" t="inlineStr">
        <is>
          <t>&lt;class 'numpy.ndarray'&gt;</t>
        </is>
      </c>
    </row>
    <row r="33">
      <c r="A33" s="1" t="n">
        <v>31</v>
      </c>
      <c r="B33" t="inlineStr">
        <is>
          <t>Loss/BoxClassifierLoss/localization_loss</t>
        </is>
      </c>
      <c r="C33" t="n">
        <v>400</v>
      </c>
      <c r="D33" t="inlineStr">
        <is>
          <t>0.2489172</t>
        </is>
      </c>
      <c r="E33" t="inlineStr">
        <is>
          <t>&lt;class 'numpy.ndarray'&gt;</t>
        </is>
      </c>
    </row>
    <row r="34">
      <c r="A34" s="1" t="n">
        <v>32</v>
      </c>
      <c r="B34" t="inlineStr">
        <is>
          <t>Loss/BoxClassifierLoss/classification_loss</t>
        </is>
      </c>
      <c r="C34" t="n">
        <v>400</v>
      </c>
      <c r="D34" t="inlineStr">
        <is>
          <t>0.17783634</t>
        </is>
      </c>
      <c r="E34" t="inlineStr">
        <is>
          <t>&lt;class 'numpy.ndarray'&gt;</t>
        </is>
      </c>
    </row>
    <row r="35">
      <c r="A35" s="1" t="n">
        <v>33</v>
      </c>
      <c r="B35" t="inlineStr">
        <is>
          <t>Loss/regularization_loss</t>
        </is>
      </c>
      <c r="C35" t="n">
        <v>400</v>
      </c>
      <c r="D35" t="inlineStr">
        <is>
          <t>0.0</t>
        </is>
      </c>
      <c r="E35" t="inlineStr">
        <is>
          <t>&lt;class 'numpy.ndarray'&gt;</t>
        </is>
      </c>
    </row>
    <row r="36">
      <c r="A36" s="1" t="n">
        <v>34</v>
      </c>
      <c r="B36" t="inlineStr">
        <is>
          <t>Loss/total_loss</t>
        </is>
      </c>
      <c r="C36" t="n">
        <v>400</v>
      </c>
      <c r="D36" t="inlineStr">
        <is>
          <t>0.58396065</t>
        </is>
      </c>
      <c r="E36" t="inlineStr">
        <is>
          <t>&lt;class 'numpy.ndarray'&gt;</t>
        </is>
      </c>
    </row>
    <row r="37">
      <c r="A37" s="1" t="n">
        <v>35</v>
      </c>
      <c r="B37" t="inlineStr">
        <is>
          <t>learning_rate</t>
        </is>
      </c>
      <c r="C37" t="n">
        <v>400</v>
      </c>
      <c r="D37" t="inlineStr">
        <is>
          <t>0.0186664</t>
        </is>
      </c>
      <c r="E37" t="inlineStr">
        <is>
          <t>&lt;class 'numpy.ndarray'&gt;</t>
        </is>
      </c>
    </row>
    <row r="38">
      <c r="A38" s="1" t="n">
        <v>36</v>
      </c>
      <c r="B38" t="inlineStr">
        <is>
          <t>train_input_images</t>
        </is>
      </c>
      <c r="C38" t="n">
        <v>400</v>
      </c>
      <c r="D38" t="inlineStr">
        <is>
          <t>[b'1024' b'1024'
 b'\x89PNG\r\n\x1a\n\x00\x00\x00\rIHDR\x00\x00\x04\x00\x00\x00\x04\x00\x08\x02\x00\x00\x00\xf0\x7f\xbc\xd4\x00\x00 \x00IDATx\x9c\xec\xbdy\xfc\xbfO5\xff\x7f\x9e\xa9\xf4\xcd\x92,\x85PY\x93\x16_\x15\xa1]\xa5\xbe\x91(Y\xa3\x8d\x16\xb2o\x85J\xdf|\xb5\x11\xed\xa1\x90-!i#\x89\x90%k\xd4\xaf\x12\x11EE\x0b\xda\x85\xf3\xfb\xe3\xf9\xbc\xaek\x9633g\xb6\xeb\x9a\xeb\xf9z\xdco\x9f\xde\xbd^\xd75s\xce\x99\x993g\xce\xccu=\x9f/"\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0\xb8\xfd\xd6\x06\x94\xc0\xccD\xbc\xb5\x15m\xf9\x92\xedT\x8f\xd5\x99\xcc\x03\x19\x93\xc7f\x96GF0\xcb$&amp;\x0eRj\x95JBJ\x11\xd3e\xdc\xeb)\xf3\xcal\x16\xc4\xc8W\x99\x89\x99\xe8\xb6\'\xf3$\xdb\x8e?\xbf\xd5\x930\xdd\x15\x8c\x9fo\xd9\x17\x98\x99\xe9=\xb3R6o\x84\r\x0f\x16\xf0\xaf/\x85\x03]j\xde\xf5Lc\x85\xe7\xb3\xe1\xa5\x8e\xf0[\x99\x1d\xe8\xf5\x80-\xe4T\xf1g\x9c\xc2\xe1*!s:M\xd5\xb8O\xaaj\xf61\x0c\x00\xb0g\x10\x1d\x16TK\x0e\xc8f\x0c\x07\x1b\xc1\x862\xc6\xdaJ\x95\xf0\x13f\xfab\xfd\x9c\xae+\xa5\x8c\x9f\xc6\x8e\x10f\xe6w\x04r\xe2\xac\x10g\xa4\x9eR\x15\xc1\xec_\xa6\xcf\rg\xf3F\xcem\xfc\x1b\xd1|*\xf00\xc9\xe6xC\xd8\xc6\xbf\xf5i\xde\x96\xe0T\xccjTlh&lt;\xe1\x82\x85\xf3\xc5\xf7\x1a\xc2C#&gt;\xf7\xb6)V=d\x96LK\x85\xe1fI\x1b\xda\x11\x15\xbb\xecsJ\x1c24\xb2z\x11\xd9\xb5\x00\x00gOaL9G\xd0\x15\xed@7\xea\xb9\xfa\xd6\x06\xac\x80\x9f\xbe0\xd1\x83\x95U}ADW=\xfex\x93)\xe1cf\xbaO0eW\xcek\xdbH\xe1\xf8\x9f\xec\x84,\x92\xccI\xd7\x97$[\x14~\xaa\xc2\'-\xd3&amp;D\xfb\xc4#\x90\xe3.6\x9b=i\x15\xb3jE\xb4\xd8\xb7\xc2\xdb$\xb6o-V}\x8b\xb4ax\x03\x13\xd1\x15\x8ab\xafi\x0f\x07\xf0G\xad@Q9?+\xefy\xbca\n!\xb6(\x9f\x0fB@\x06\x00x(c\n3\xd3\x8b\xcf&lt;\x88\xac\xbd6\xf4\xe4l\x1ar\x01\x18|\xa4\x067\xefD\xd0\xe1s\xd2&amp;+\xc7\x92\x0e\xe0\xc9H\xa6\x85\x84\xcc{\x8f%\xa2$l\xa7\x95\xd1\xfa)\xa0e\xcf=\x0c\x93\x14M\xf3\x8e\xf9\x1d\x93\x98\xe8z1i\xe23\x04\xa1\xb0\x9c\xad\x1a\x17\x85\xdcW\xb9\x0cy\xc5\xe4\xe7$N\x03\xc5\x1d\xd7G\xbb]\x1b\xde\xcf\xa4g\xc1\x9b\xe3v\x13\xf1\xf1\xcdXq(\x13\xdc\xc0\xac\xf2\xce\xa3Dm]\x00\xc0\xdeXyz#\x9aP\xee\x93\xd9\x8d\xe0\xc0\xcf\xe0\x8c\xf9\xben\x92w\xe1BS:\x1e\xc8\xa7\xc3\xb5\xcc\xf3\xec`zg\xd51#@,\x1a|\x80[x\xaa2\x9f\x8bG\x82\t3\x13\xfdA@\xb9\x9b\xfd\x13\x99y\xf3\xd2\xb4_\x16\n\xfbZ\xfc\xed\x84\xa1\xc8\xae\xf2@[]\xa0\xe1\x8b\x10\xba\x96\x9d\xc7\xdb\x1b!\xd7ff\xfa\x05/\xdd\xf6\xb6\x07\xa2F\xbf\x8f\x02\xb6\xc9\xc5\xc2\xe3\xbel\x87\x92\x1b\xb6\x80\xef-ET\xf6\x84\xf6\x8d\x1a\xecZ\x1ag\x06\x00\x80q\xa8\x0cX}\xe3]a\\\xde\x8e\x1d\x99\n@-\xcc\xcc\xfc\xd2`\x8e\xe8\x9d\n{\xc7\xdb\xe9\xf9r\xbd9\xe7.\x0f\x05B\x9e\x9d4X:V_l\xbe\xdf,\xc7N\xe5_l\xff\xea\x9d\x8b/\x12\xcc\x07\x17\x14\xd9J\x91\xa9"\xd48z}\xce\xc3\x01\xab\xbd~\xe3"=\\v\xab\x0b-"\xad\xb5-|S\x89@\xbf?\x01\x00\xa0\t\xbf\xd41\xf7m\x9c[\xf7\xb1s_\xd9\xff\xe0du&amp;\xba]\xc7\xdd\xe4\xcbug\x93\xe7@\xf244\xfc\xb6\xbaS.yx\xaf\xb1f\xd1\x1a\xd9\x008\x87\xf7\xc7_o\xc8\xa7[\xa6\x19K\xf6oUq3\xe9\xdf\x16\xf6\t\xd1\x87\x18\x86v\x8b\x07\xdb\x1d\xf5T\xb3E\xba\x86\xc7\xcb$\x1f2\x9c\x0c\x1b&amp;\xc7\xcd2c9\xe6\x97o\'\x1f&amp;\x942\x8f&gt;\x162\x00@\x1e\x9d\x03\xae\xbb8\x81\xf3\xa6`\xb8w\xb9ne\x1b\xac,\x9f#vw\x9d\x16%\xd7\x07&amp;\xb7\xf9L\x85\xd8\xca\x8e\xba6\x11\xd3\x8b\x9cS\xd8\xb7\xa7\x0c\x8b\x195\xbf^"\x1d\x91\xf8\xb7b\x1b\x00k3`\xa9(\xc0{\x9cb\xf1\x98@%ej\x1b\x7f\xc8 j\xdc\x15\xcf(N\xc1\xf9\xc9\xf6S\x94\xac\xa9\x1dp\x00\x00\x00\x18\x80\xc73\xd3\xcd\x10\x9b.\x04\xc6:\xb4\xea\x88\x9f\xc9&amp;s\xa0%&lt;\x95O\x94&amp;\x1c\xab\x8f\xd4\x9cN\x15%Isje\xbe\xd4\x9e\x90s\xfd\xf8{,\xa64;uc"\xa2o\xb1_F\x9a\xf7\x00\xc1\\\xdf}\xd0\xaa\xc8 \x15\x9d \x0e\x93p\xf1\x01F\x8bR\xad\xa6Xd\x08;\x86pq\xa3d7\xd1\xab\xc53\x82\r\xef\xca\xf4R\xa4\xfe\x00l\rf \x00Gxz\xf3xe\xadk*[;\x85\xdd\x82\xf8\x08\x16\xa7\x1d\x9b\xe5+\x1f\x11\xd1\x9b\xc8\\\x8d=\x80\xf9\x1d\x9dE&lt;\xcaz\xcf\xc7\xe8\x8d\xa7\x9a\xc6L\xd7\x1d-?\xea\xeeF\x0c#\xcd\x8a\xd7m\xf2\xf2:}\x86\x9d\xb8S&lt;wgf\xa2\x9b\x86\xa5\x11\x11\xd1wY\x1f\xd2\x10e\xa5\xaf\x84-\xd9!~\x06\x9f\xf9\xea\x91\xf1zU[\xcb\x00\x00*\xb0\x0b\x07\xfd\xd9\x8b\x83\xed\xc5\xceB\x8afz\x87W\x80:\xd3i\x03\xb0i\x1b\xe5T\xd2k\xcbk\x88\x99\xe8\x9e\xe6\xedEB\xba\xd5\xdf\x19\xd6\x7f\xcc\xd5~\xcb\xd3\xeb\xe4\xfa\xc1\rF\xb2\xcf\xc5G\x04\x93\xcc\x02\xac\xb6\x1b\xc2\x05\xf9\xd1\xfd\x95\xfb\xfeO\xc0\xc8\x9b\xeb\xcd\n(:\x13r\xe6W\xdd\x8e\x14\x00\xd0\x8056\x00\x98\xe4\xeb\x81\x1d\x1d(\xa5U\xfa5.\xe7t\xe4\xe1\xb4\xa5[\xd3\x822\xc3Yu\xbe\x8e%G\xbfr\xa6m\xdf\xa6\x94\x1c\xea\x1fM\x13\x9c~\xbeaaWG\x0c\xa8#OB\xae\xf1\xbf\x91\'\xfa&lt;^k\x04\x00\xec\x82\xae+\xfa\xd9\xa4\x0b\x00\xa48\xfb\r\xc0=\xb6S\xdd\xbe\'\xad\xd0\x14Np\xdb\xea\x8c\xfeZ&amp;\x84\x88\xe8\xcf\x0b\xedO\xd7\xb2\xb3\xff\xe2\x03xw\xa3\xd5\xb4\xab3D\x89\xad\xc8J\xbb\xb3\x8c\xd74\xd6\xdf\x85b\xd1\x04`/\x9c\xc1\\\xddv\x03p\x06\x1d\x08\xba\xc2D\xd7\xde\xda\x06p\xdet\xc8\xba\xb4\x99\\\xafo\x8a\xd4\xa8v\x12_^&gt;\xd7\xeb&gt;\x1eI\x05\xeaa\xc3x\xc6kK\xc9f\xe6f\xe7Vy]\xc5[d~\x1d\x10\x00`\x1b\xb0Y\x07\xa0/&lt;\x7fQ\xfa\xce8\xf7\xc8p\xde\xadk\x87\xe6\x04d\x13Wy\x08{O\x00\xe6\xfd@\xd2\x9e\xdf\xb4\x7fe\xe3_%\xb17\xa3r\xe4d\xc3\x81x\x92&lt;}/{\xc6\x92Y\x1eo\x01\x01\xb0\x1b\xb0\x01\xc8\x06=\x06\xf4&lt;\x1a\xde\xd2\x97\xbe\x11,%&lt;\xef\xed\x91\xf6\xb4&gt;\xc1\xd9Wp;\xe5\x9a\xbaO\xf7f\xbd\xca\x92\xa9z\x85ObX\xbac&amp;\xb9\x1f\xcb&gt;\xfd\xbbN^\x9ez\xdb\n\x000\x10\x98\xab\xd9\xa0\xc7@\x0e\xf0\x96\x8e\x94N\xc66#2@\xba\xbc\xd6\t\xce\xe57oi\x1c\xdb\r\x02g\xe1\x15\xd9yX\x14\xf3Mr^\xa9/\xd2\x9e\x90j\xcb?\xfdzc\xfb\x8bP\x0b\xde\xce/\xb26[\x0b\x00\x00\x00p\x96`\x030 V\xb2\x18\x1e +\x85\xealR1\xc3\x1a\xb62LtU\xf3\xb4\xdb\xc9Ds3\xe0\xd0\x9b6\xe5\xf6my4\xae|3\xca\xa9\x94\xbb[`"\x1c\x90\x81\xb3\xe5\x92[\x1b\x00\x00\x98a\xa2\xc3\xd66$\x19\xdf\xc2\x0b\x88=(A?Z\xae2\xd3a\xcb\x91\x0c\x9a\xb8\xb5a\r\xa9\x9c\xce\x07\xe3_C(\xf3\xa1\xb8\x83\xbat\xec&amp;\xa3U\xa4\xf4p\xa0\xe99@\xb2\x0f\x0f\x87\x93\x96\xe2\xdef\xe6\xc3$\x08\x80\x01\xb9\xc4\xd6\x06\x00\x00\xf4\xe0 \xaa+g\xd1\xbd\x87\x83"\xe7\xd8\xb6\xa5_\xb1v\xd6\xb8\xfc\x9d\xaf\xf5T\xf6h\xe3\xe1p(\xceG\x0f\x87C\xd0\xa4\xfcC\xee\xdd\xbe\x15#|\xb8"Q\xb8\xa8\xa5\xa7\xfeA\xf6\x0f\x00\x00\xbbb\xc4\xb5M\xf3\x99\xbf\xdd\xae\xca`e\xb6u\x95\xd5Ug\xbc-\xf3\xe4&amp;\xfaZ\x08I\xe9\xc8~\t&gt;R\xf2U\x05\x1b\x80\x1c\xed+\x7f\xb08&amp;_z\x15\xaa\xe3\'\x19\x10\x96\x01X\r\xcc4PO\x8d\x17u\xf3@\xc5Wb\xc3\xff\xf3\xb9\xa0=v\xc1\x92\x12^q\xcf\xf3\xca\x90\r\xad\x0c8\xa6\xb0\xa7\xcc2\xef\x03\xbb\xedz\xe0\x8d\xe5\xcd\xe9&gt;\x10%-\xed\x15&lt;\xb1\x01\x00\x00\x80\x8b\xc1\x8b\x11\xeb\xc1\x9a\xe4\':\xccDW\xdb.)9\xcb\t\x92nT\xceayZT\xc1w\xe04f?y\xed\xd6vn=R\x00\x00\x00\xce\x11\xac+\x17\x97\x923\xdd\x8d\xff\x88[\x95\xeaa\xb3\xa8a\r#\xa2\xcc\xb7\xde\xe3\x92\x9a\xbd9\xb3ZNl&lt;\'\xf9\xf8H\xa9~\xfa\xb1\x01\x00\x00\x9c\x07\x88b\x03\x82A\xa9b\xbc\xb5Y\x9b\xd6\x8fg\xb9H\xaboj\xafI\xa4:v\xd4\xa6\xdf\x86\xa9\xa1\xd9{G-\xfdm\xe8\x1ek\xc8\xb1\x8dW\xde\xd8\n\x00\x00\xa8d\'\t\xc7\x86\\\x90U\r\xec\x18\xe3\xc5\xf1\xb1|U\x91b\xb6:\xba\xce\xab\x9c\x10\xbd\xe3\xf3\xdd,\xb3w\xda\xc6\nnV\xdf\xe4]\xbb\x07\x00\xfb\x06\x13\x0f\xac\xcb\x1f\xc3\xe5@.+\xfbL\xfd6\xb5\xcb\x03\x8a1S\xa5\xb8I\xdb\xbf\x8b\x1f#a\xd5Jf\x0f\xda9i\x1a\xf5\xcf^\x9b\x0f\xc0\x99\x81\xa9\x08\xce\x1286P\xb2\xf2w\xe1\x9f9\x03g\xff\xf4\xe7\xcc?\xb5\xb5m#\xf7\x8f\x02\x0e\xfc\xac)\x0f\x00\x00\xfb\xe3\xa6[\x1b\x00\x94\xe0\x8d#\x90\xc9+\xe10\xed\xc8\xfc"\xce,\xc9\xeden\x81\xb0\x01\xd8S\xd3\x12\xa6~\xb3\xd1\x96^\x9e\x00\x00\x00\xab2J \x1b\xc4\x8c\x11)8W\xdb\xf3Q\x1c8\xd2\xe0\xa5\xe4\x06V\x80\x05\xf4g\x14?\xe6\xac\x1b\x85\x94AO\xf11n\xb1\x00F\x1f\xec\x98Klm\x00\x18\x11\x1e%Y\xc4\xdfQ\x0fP4:\x07\xfc]\xfa\xddS?\x82\xf0\x81\xb6\xa0?cl\x9e2\xab\x82\x1e\xf3\xfc\x8f}yN\xfaot\x14\xe6\x8b\xaf6\x10\x00\x00\xc6b\xd7/n\x9e?\xdey\x15\x06\x0b\x00\xb0\x02\xf5_\x1c\xb4\xfd\xc7\x12\x04\x1b\x86\xfe07\x00\xa0\x17\x98\xf3\x02\xc3\x7f\xb9\xf5\xc5\xc5_\xa8Z\xaf[\x17g\xd0\xe7\x96\xbe\x18k?\x00\x17\x19f\xfe\xd8d\x10\xc0&gt;\x01\x80\xb3\x00s8A \xd2=x\x03S\xc0\x02_\x07\x1b\xb3\xf6\\\xb0E\xfd\xaf/Rc\x01\xb0)&lt;\xdb\xe2\x05EuL1\x00\xc0\x0e\x99\x92!\x84\xb0\x01\xc1\xa0d\x13L\xee/T\xd2OD\xe3?\xd9{\xfb\xa8\x86\x81U\x18\xf8O\x13\x98g\x04\x17\xec\xbc\x00\x00p\xd1\xb8\x0eb\xdc\x88t}\xf9\x07\x9c9\xf1\x17\x18\x86\xde\x1b\x00\xd0\x1a\xe5~\xd8=\xf8\xc7[@\x00\x0c\x0c&amp;g\rC\xfd\xc5\x93*E\xab\x84i8\x1b8\x13\xb6\xdd\x00\xe8f\xeb\xf9N\xb7\xbc\xce?\xdf~X\x0f\xfd\x9fq\xe0\xf9o&gt;\x8c\xfd\xb7\x9f\x01\xc8\xe0\\\xbf\x06\x14_\xceU\xc3\xb1\xf7"\x01n\xcd\xd8W5\x94+|\xf1\xe5\xcbS\x87G\xfd\xbak?\x8b\xd0K\xb76 \n\x96\xf3\x89\xc3\xe10|\xf0\x1c\xdc\xbc\n2:\xff\xfc\xdcu\x93\x16\x1d\x0e\xa4\xec\xf2\x03\x1d\xe8`Xy\xbe^\x08\x00\xe8\xc8\xf9\xc5\xee\xad\xb8\xe8=\xb9\xa7\xb4u S\xef&amp;\\\xfb\x9dq\xcc[\x91\x81\x06\x05dP\xf5Gg\x0b+^xW\xb9\x07s\xd5\xf1\xff\x85\xef@0\x1e\xd8\xc7\xae\x8a\x1f8\xf0\xb7\x99Rp\x1f/\xed$\x16\x84\x18\xa7\xc3[Y\xb2U\x8b\xda\xe8ef\x04\x9f\x9d\xc2\xcc\x07:\x9d_\x0f\xc38\x13\xbc\x0f\xc6\xe2\xad\x7fp\x00\xc0\xc8\x9c\xeb+@#"\x1e\x1b\xec\xe9\x10w\x1bZ\xe5j=\xc4\x0e\xc0s\xf7\xf2\xfa\xca8\x1d\xae\xb1\x84\xef?\xe8{A\r\x8c2\x8e0\x07l\xe0V\xec\xa9+\x0e\x87\xc3`\xd9?\x8d4\xc1\xfbp8\x18\x1b\xe6so,\x00\x17\x9a\xd6k?\x87!\xfa\xd6\xb6\xbavEa?\x0f\x99\x9c\x9d\x01\xf8\x12\x18\xe3o\xfd\x04}l\xe7]\x94\xf1]\xe6\x00\x9c-\xde\x14\xc0t\x00\x00\xe4\xf1pM!\xe7\xf5Ao\x0f0 cZ\xb5&amp;\x95=\xb0\xbf\x0e\x1c\xd8\x1b\xd7#\xd9\t\xfb\xef\xa5A\xb2\xff\xcd\r\xd8//\xdc\xda\x80\xf19m\xe0\x83S\xf5)\xd6,\xce]\x8b\xc7\x98A\x00\x80\xe1\x11\xd3\xfd\xe17\x00&gt;c\x7f\x97K/\xae\xb1\xb5\x01\xeb\xd1\xc9\x15#b\xa3\x07\xed\xdbp\x016\x00\x00\x8c\xc3\x08S)\xf3\x99\xd8\x8d\xf6\xb5p\x03\x00\xb6C\xc8\xf5w\xf0\x04\x00\xec\x82R\x17j\xe6u\xaa\xbf\xa1S\\}}t\x9d9\x9c\xd9\xe0\xbc\xb88\x0e\xb6\xbf\x96\x9eb\xda\xb3\xf7g9\x00\x17\x96\xcd\xa6\xeb\x9b\x02\x89&gt;6\x00@A\xfa4Z\xe1Bb\x81\xbd8\xde\x9a\x7fun/}r\x1e\x9c\xe9\xa7,\x1a\xb0\xbc)Z-),\xc1\xba5\xc8\x8ba#\xc0\xd1_i\xea+\x00\xc0H\x0c;-#\x1b\x80M\xecI\xc2\xccD?0\xff"\x16\xf1\xca\x0f\xda\x96sE\xfd\xfe\x8c\xecf\x15;\x07\xf3.\x13}\x85\xc2\x86\x1aV\xf2\xab\xc9\x87/\x9a\x1bo\xd8\xde\x8b\xd6\xd5y\xe4\xbd\x97\x12\x16\xa2WV\xa6\xe1\xcc\xc6\x11k\x19\x00;e\x9cy\xeb\xc6S\'\x9a7\t\xee[\xe1\xbf\xbft\x0eO3F\xb1_iC\x86\xb5e\x1b\x80\xefLv\x08\xf30\x9dVO\xb2!\x17\xe8\xd3 3\xe72\xb8\xe7\xca\xf6+\xc8\xee\xc3\xbe\xc7\xf9\xb5\x08\x00\xb06~~\xcf6[\x19VI$\xfb\xdfo\xa36_G-\xd4\x87v\xc5\x05t\x9bO\xa6\xe7*_\xf1O\x17K\xe9\x1a\x80\'\xca\xdb\xa4\xf5\r\x91l\xf8\x85\xedT\x03\x10\x84\x99?kD\'\xc95i\x0eb\xdb\xef\xa9\x00\x00`P\xcet\x030\x14\xc5\xcf\xe2\xb5\xbc\xbc\xd1Hu\x1dw\x1e\xef;\x82\xd6\xc4=/8\xf5\xc6\xca\x1dR\xab\x0e1\x01\x0c\x0f\\\x14\x00\x90\xc7\x85\x8d\x1an\xf6O\x9d\x13\xc1\x12\xc6\xb1d\x1b&gt;|5M\xe2C\x00\xdd\x13\x86\xb4\xe8Z\t\x19\xaa\x869\xf9\xfb:N\xb2\xa1u\xccLt+\xf3\xca\xdb/\xfa\\;\x7f\x06\n\xec\xed\x19f\xe2\x03\x00\xf6\xc1\xf9\x06\xc4`&amp;\xe4\xfd\xd9\x14\xf3\xe7\xea\xbc\xa4w\x7f&gt;\xfe\x8c\xd7\xb0m\x9a\xf61\xf6\xa7Y~\xdc\xb2\xe1^{\xeb\xedA\xdc#\x9d\xfbo\xbc\x07`f\xa6o\x1f\xa2\xaf\xc0Zt\xf4\xb7\xb5&lt;\xf9b~\xbe\x1f\x00p\xce\xf4\x88hy27?\x92T\xb2\x0b#\xf7\x80\xf5\xe4\'\x8fO\xcf\xac\xb2\xaak\r\xe1\x1eR\x8a/\xec\xb4\xb7\x9ct\'\xd5\x1f\xb7\x8dvpn\xac\xe0\xc65S&amp;\xbcm\x18\xe7\x99!\x00\x00\xf4\xe76[\x1b\xd0\x86\x017-\xa3\xd9\x13\xa2\x91\x9d\xca\xb5\xb3\xe0\x93|;fIS\xc4N\x1e\xe59\xc0&amp;\x1fE\x00[\x13t\xb6JOXw\x03p\x1d\x85\xba\xd3\xccb"\xa6/\xaaw\xf5\xe1\xd6\x1a\x00\x00\xe8\xc1&gt;"\x1d6\x00&gt;_\xbe\xe2\'n\xbff\xeb\xc6Jlk\x92&gt;\xa1\xdf|\x0fpN\xdf\xfd\xba\x0b\xdcgA\x05\x12\xaa\xc7+R\x9d\xa7=\xa1\xcf\xab\x12B\xd7v\xa4\xdcs\x07&amp;\xfa\xc4RE\xd3O\xcbv\x02\x00\x00@\x84\x8c\xf5\xe0=DW\xech\xc9Vl\xb5Z\xdc\x7fwY]\xda\xe0\x17\xed\xa4EY\xd9\xfc\xd6\x1b\x80\x93\r\xb3)\x9b\x18p!)\xef\xea\x82a\xb2},V\xddxf\xc5\xce\x8d\xb4U+o\x00\xd6Q\xf7FL\n\x00F\x01\xb3\xf1\x0cafz\xb2;\xb2g\x92\x8el\xd2\x8a\xbd%s\x8a\xf4w7-\x12\xb2y1\xa3rJo\xba\x078\x9a\xb2\x9d\xea\xe6\x9cS[j\xb1\xbc+\xed`\xa1\x1dB\xb2.\x8e\xc6\x01\xd8\x8c\xc3\xd6\x06\x000,|\xa1&amp;\xc81\x8f&lt;\x1c\xce\xa9\xc9\xbb\x19\xc1\xa9\xf3\x89\xe80\'\xf4\xc1\xb1\x90R\xfe\xf3\x1a\xb8\xb3d7\xdeHD\xcc|\xf4\xc6J!\x94\xf6\xcc=u\x0b\x00\xe7\xc4%\xb66\xe0\xc22\xe0\xd9\xe4\xf6_(4\x18\x17kY:\x1c\xce\xef}\xaa\xdd\x8c\xe0\x94#)\x0c\x1e/p\xa8\xd9\xad\xe1m\xd8\xd0\x1b\xbf=\xb7\xc2\xe1ph\x92\xfd\'\xb9\x17\xd3\x85w\x0c\x00\xc0E"\xf0\xe0~\xcb8\xb8\xf5\xbb\x04\xe0\xec\xf8Y\xc1\x9d~\n&gt;&amp;\xb3\xbci\x1d\x7f\xb1\xc7{\xfdg\xabi;\xe9\xd5j\xbf\xb0/{\x8c\xd0\xea\rlP\xbe\xdf\x7f\xbe\xeb\xceY6\n\x80]p\xad=L\xbf\x91\x02\xdf\xf9\x06b0\x0ep0\x19\xf3\xa3\x96\x91\xb4^\xcc\xfe7\x98\xb6\xcc\xc6\x8e%K\xfb\xdbN\xef\x85\xdf\xf9By\xc2\x85jl\x1e\xe7\xb9\xe8`1\x05`Sv1\xfdva\xe4NA\xdf\x82\xdd`\xe6\xf1\xe1\x9c&gt;\x94\xffo\xe5\xea\x98b\x1ar\xbfy\xa6`[5\x0e;5;BI\x8b\x8cYy9\xec\x04\xc0\xb0\x9c\xf1g\x00B\xef/F\xbe\xb4xm\xda[q\xcd\xd5\xda5\xfe\x12\xb5\x9b\xf7\xbfA%\xfe\x12\xbb\xebE\xf7e\x81\xcfM\x16\xb7I\xdc$\xb4\xd89`\x8a%\xf9\xab\xfc&gt;&gt;\x18\xff\x1e\xd9\x913\x0f\xec\x12\x9f\xca\xf4\xad\x89\x9e\xbcW\x8b\xaf`\xb6\xa7\xd5\xbfWJ\x03\x00\x00%?\xb1\xb5\x01\xbd\xb9\xe2\xae\x96C\x00T\x98\xaf\x00%\n\xe5?\x01\x88\xbcM\x84\xd9\xd4\x95S\'\xefy;\xaag\x80GR\t&lt;\xdb\x1c;\xe3#\x95\xd5\xbaq;\x01\x80\x99\x81\xf7\xeb\x17\x91\xe0\x17\xa213\xbe\xe6o/`\xb0@\x11\xe9\xefC\x0ce\x15#\xf9\x1b\xbe\xd5q\xe64\\\xab\x8d\x0e\xb7\xf8\xee\xce\x1cmt8\xd0\xdcF\xc79\x8f\xb7V\xb4\'\r3\x1fh\xf9\xca\xad&lt;_\xb5\x9b\x17\x1fS6\xbe\xd57\xdbJ\x00\xd6\xe2\x8c_\x01\x1a\x1c\xf7\x84`:*\n,\xf0\xf7_\xc5(\xd0\x82\xe8\xda\x80c\xa1s\xa7\xfc\xe4\xaf0W\x18)\xfb\'\xa9\x15\xb9o\xc0\x9f\x0b\xa7\xccx]}\xaa\x8b5|\xa6s\x0e~8\x1c\x8e\x1ex\xfc\xff\xf7\xce\x8a\xa7\xef\x88\x1a\xe7,\xfcp8\xd8\xe3\xf1G\x91?\xb4\xe7UV\xabY&gt;\xcc\x93i\x1f\x00\xeb2\xd4\xca\xd1\x8bi;\xee5v:\xa0\xd8\x14&amp;^u\x95\xc8\xe4l\xce\xf3\xce\xa6!`l\xea\xa2\x8at\x88\x1b\xcb\xa0\x06\xcb\xfe\xc1@\x04\x17\xbej\x99\x1a\xb1\xde\x03\x81\xdd8j\xa8\x8d\xca\xb6\x1b\xc5h\x9a\xc8X}\xc0\x88\\\xec\'\x00CL\xc9\x83\xf6\x8d\xc2\r\xce\x13\xc69\xbb\xa9\xe5l\x1a\x02F\xa7:\xd19\x1e\x9a\x1e\x1f\x08&gt;.&lt;\xef\x0f/R&amp;U\x1b\xc4\x8d\xd55\x8e\xc9\xf6\xfd`y\xc8\xa6Ap\xbc\xb5$\xfb\xb3\x19fW\xc6\x8aM\x185\x86H5\x00\xb8\x88\x8c\xfc\xb1$=\x1b4\xe1\xa1\xcc\xcc\xbfS\xa2W\xf9\xe1\xc25?\x83\xb8{\x07\x00;\xa2\xf8\xf3\xb5\xe1\x0f\xfaf|\xea\xd7\xe2.kz&gt;\x1b\xff\x82\xf1\xc9\x18\xa9\xfc\x05\xa8\xc2i7%i\xf0\x8e\xda\x02@\x84\xf3\xdf\x98\xea\x1fY^&lt;:=\x97\xcc\x12\x8bg\xa3\x00,hr\x8b\xccP\x16\x9bb\xf8\xc0\xfa\xa8\xf0\xe9\x9fa&gt;HZ\xf0B\x91\xef\xcc\xe7\xe5lX\xbc\xc0\xbe9\xffW\x80\xce)\xe2\x14\x1f+\x06\xe8\xd43\xce7X\xc7\r\xbeF\x1f\x1b\xc0H\xacz`\xb6\xdf\xc3\xb9S\x82e\xbcB pxc\xa6\xd0h\x7f\xb4\x0e\x8f\xfb\xed\xfc\xd18\xd0\xb17o\xdeW\x8drM\xc9\xc9\xfe/\x8e\x0f\x9cOj\x01.&amp;\x17\xc3\x83\x99\xc79G\t\xa19\x8a\xeb\xf1\xa1\xaeY\xf0\x80;%E{\xdb\x9e\xc1L\xd2\xf6\xe00\xe0\xcc\x88G\x80\xb2\xb9\x1f\xa8\x85\x93\xcb\x0b\x89\x14\xd64\xdf\x1cj\x1e\xe4\xe3\t\x00\x00g\xc3\xf9?\x01 \n%sc\x1dT(#c\xbf\xf09\xdc{\x8ds\xee\x12{\x17S%([\xb5\xf5\xf9-\xb0!\x83\xf9d\x16\xb9\x1f1\x8cF\x80\xc83\x81L\x90\xfd\xafC\xb1\xebv\xfb\xd6\xd4%\xacy\t\xbd\xdaW\xa7e\xa2\xb0u#\xad2\xe3X\x02\xc06\x9c\xf9\x06\x80\xf9\xb8\xda\xedc\xc1K&gt;\x8d\xed\x96\x97\x1e\x88\xe8\x03{\x08\xaeaNx:\xbc\xa5\x10\xe8\xeaEQ\xeb\xb7\xad@\x19\xb9C?\xd2\xa8\rz\xd89\xca\xd7\xc2\x9c3U\x1fy\xfd\xef\x9c\xc2\x87Y\xa1\xfc\xed\xf5\xd1Z\xcb\xaf\xa9GO\xee\xa5\xc0\xb7\xfb\xdb\x9f\x9d}\x9b\xce\x98\xadp\xbei\x17s\x01\\8\xce|\x03\x10e\xb8\xe5\xf9\x90N\xf0\xbb\xed\x00\x0e\x87\xb7\x8d\x98\xaf\xf8\xaf.\xd8\xb7U6\xbb\xab\xdd1\xd6\'\x03&gt;V\x04\xb0w\x12\x13\xa4x\xca\'\xb7\xc7?\xb6\xfa\xe4\x19j\xbaV\x85\xd2K\x16+=\x1c\xd6\xe8\x87E\x81\xf0\x86\xcf\xd1\xe5\x8e\x1b\x81\xf7\xefmI\x13\xe6=\xcb\x1e\xbf\xb0\x08\x80\x1a\x06\xcc\xf9\xc0\x89no\xfc\x0b\x8a\x9aia\xa6\xd3_\x80\x1f\xda\xb5\xe2}\x8bo\x8e\xba`\x9c\xef[1\xeaO\xb3LA@\xd5\x15\xe9\t2\xc4\xdfX\xdc\x92m\xbe^\xa9C\xb7\xeb\xbe\x96\x8a\xbc\xc7\xa7\x91\xc2\x039\x86\xe1\xc9\xc2\xd6i(S\x01h\xceE~\x020:;\x89&gt;\xd6y\t\x13\xd1\xf0\xd9?\x1d_/\xfa\xfb\xe8\xdd\xc3\x0eZ\x01\x1aq\xbe\x03\xad~kp~\xdf.Ov\xc9\xbd\x0bA\xbb\x0e\xc8}\xcb\x7f\x13v9\xdc\xf31\xd0\xf1\xd9\xbb\xff1\x9b\xacG\x01xt\x00v\xc7\x85\xdb\x00L\xaf\x7f\xecc\xa2\xae\x93\x83\xd6i\xb1\xea\xee\xe9\xd3\xb3\x1f\x9b|\xdb*\x02\x8f\xf5\xba\xf9x\xece\x8a]H\xce)Sy\xc0\xd6\x06\x88\x08\x0fRJ\x13\xc4\xe1\xe2\xa9\xfbJ\xe5\x9e7{~\xc6_\xd6\x9c3\x9aP\x00\x9c/\x98\xa8 \xc2\xf1\xd3m[[q\x0e\x9c\xd1D\xfb\xda\xad\rhN\xdd\xd0\\\xf2\xf4!P\xc5L9\x1b\x1fhA\xcb\xef\x15\xe0\xd5\xce \xdc?\xe7;\x9d\xa0E\xf63~\x95!_\xafw\x1d\xb8\xc2\xe0\x01[\x07@\x9a\x1d\xef\xdd\x01h\x0e+\xbe\x15\x1b\x0c\xc6q\xd1\xc5\x90\xad\xc1q\x82\x8c\xff!\x1f\x1d\xbd\xfe\x14z\xef\xfe1\xdf\\\xef\xed\xf9NR{ \xa2\xc3!n\xc0~&gt;\x03p\xb2\xf4hR\xc8l\x85\xc1\x96\x1c\x00\xf6\x02\xfcU\xc3\xf9~Fphv\xd1\xed\xbb0\xf2\xdc\xd8\xe6\x13\x96\x00$\x99\xb2\xc8\x8e\xfe\xb9\xfa\x9f)\\\xd2}r&gt;f \xbf\xe9DF\xf3\xfd\xacz\xa0\x99\xeb\r\x96\xb8\x07\x18\xc8`\x00\x9arQ&gt;\x03 =\x9e\xfbUu\xe5-\xdfg\x98U\xb7\xb4\xe1\x1a\xbbxR\xb9\x8b\xb0\xbb\x0b#[1\x8a\xdb`I\x06jVuZ\x0e~\x10\xb7\x9d\x19\xb1\x0fZui\xec\xac\xcc\xff\x9a\x1cC\xf3(\xc1AI \xd7\xbf\xbe\xb2.\xde\xf6\x01`\x1f\x04\xde\xcf;}\xf7o\xa8No\xab\xc0\x00\xe0\x83\xbcjxz\xf3{\x08\x061\xe3\x9c(\xef\xd2h2t\xc1F\xaa\xe7\x82r\x8d\xed\xf2\xce\xacw\xdc\xcdbC\x7f\x06\x80\\\x93\x94\x9f\x01`\xe6\x87\x0f\xd4\x10\x00@\x98i\x0e\xbb\x9f\xf8\xd9\xc4\x98\xf3"\x92\x11\xee\xa0{\x07[\x90\x86f\x9c\xbe\x1a\xc7\x92R|\xe3w\xdd\x9cx,\xbd\xcczvlM\xc83o\xd3\xc2]\xb3&gt;\x93Z\xaf\xaeB\xbb[e\xc8\xec\x9f\x88\x88\x98\x1fc\x99\xa458\xdd\x90[\xe3k\xe2\x00\x00\xb5\x8c\x1fAD\x0b\x7f\xa8\xb7\xe5Uk\xc9\x80K\xd1\xf0\x0c\xb4~\x0fbF;F\xe9\xd8r6\xb4?\xfa w\x03\xae(\\\xab6\xefi-\xbfA\xa8\x90\xdc&lt;~\x07\x1b\x00\x01\xc7\xdaN\x8f\xc5\x00\x00k\xf2u;\x9d\x8d;5{\x13\xd0W\xa0\t\xff\xb0\xb5\x01\xe7M\xf3y\xfa\t\xa3$[\xf9f\xec$-&gt;\xa1M\xe5\xc5\xdc\x7f?\xcd&lt;\xfd\xa1\x8cG$m\xdeQ\x8b\x00\xb8\xd0`\xae^@\xc2\x83\xbe\xa7\xd5\x08\xac\xc9\xf6G\xad\xfb\x04\x9dV\xc2\xae\xd2\xe2#WO\x9d\x91\xef=\xfb?\x91\xb4y\x8f\x8d\x02\x00\x80Vt\x8a\x80\xbd\x03\xeb.\x17$\xb0\x16\xf0\x8dr\xbcl\xef\x81[Y\x92\xa4\xf2\x1d\x8f\x01\xe9\x13\xd6\xd8\xf9!p\xbe\x1f\xa4\x83I#0\xce7"\x00\x00\xa2\x9cu$\x02y\xb4r\x06x\x14\x00\x1e\xfa\xc9\xf5cIQ\xb5\xb6\xc4\xa57\x9c\xbf\xa3\xec%:m\x00\xe4o\xc2I\xe5\xfdIcF\xe81\x00\xc0\xf9\xf3\xd1\xa7\xffg\xa6\x0fE\xdcY\x83\xbd\xe4\xc7&lt;\xd0\xb7[\x0e\xc2 \xd9\x0c\xd8!\xdbO%\xdf\x80w\xac\xe2\xcf\x9b7\xbc\x17\xba\x13\x93\x82S\x95\x9d\xf6\xd8N\xcd\x06\x00 \xb9\x01\xde\x17\xc2\xeee\xaf\xb2\x11\xe8\x9c\xdd\xb1\xcb!\xeb8\x131\xc1\xcb\xb99\xc2\xa3\x05\xe3+b\xa5\x80\xd9\x00\x00 \x00IDAT&gt;\x01\xd8+\xe2\xbc\xc5d\x06\x00\x9c\t\xdb\xbe\xdd\xce\xcc\xaf-\xfc\xfa\x14\xf9\xfa\xa7\xd5&amp;\xa0\xc7G|\xbf\xbe\xdb\xcf,mIk_\xda\xaa\xafX\xf9\xed\xcf\x8a\xf62&gt;\x00\x00\x00(\xe6G\xb66\x00\x00\x11&lt;\x0c9\x0f\xb6\x1c\xc4\n\x17\nT\xac\xf4\xc9c\xf5{\xc5}\xfbO\xbe\xa8T\x8b\xfa\x95\xf7\x1e\xfcnW\xe9\xe7\xf2tT\xfd\x89\xe4-\x87\x12\x00\xd0\x92e\x1aw\xfeF\x02\x8e\xfe\n\xc6\xe0\x1cV2\x80A\x1c\x17\xaex;\xa2,\x8d\xd6\x87tE\xfc\xbfm\x96\xea1\\q?\x9f\x93\xde\x18}\xea\xff\x1f\xab\xd8\x03\x00X\x0b\xfd\x06 {\x9f\xf0\xf9v\xf9\x8d\x8eL\xce(Rw\xe14\xac\xe8%\x00\x04\xf8\xee\xcb\xd48%\xf1rH\t\xce \xfdw\xbf\xc4\xea\x17\xd4\xea*\x7fp\x10\xd3\xc6`q{&lt;@\x00`&lt;\xd4\x8bS`\x9d\x88\xd5\xf5\xcb\x9f\xdfJ\xa3`\xf4&amp;_\xc8A\x01Y\\P\x0f\xb1b#\xb3\x91\xcdg\xc8x\xdb\xb0\xc9\xe8\xf2\x02\xc8\x90\xe6Uq~-\x1a\x97h\n\xb1l\x00\xe4\x9d\xf0\xbfc\xa4\x00\xd8\x01\xd9+\x9f\x14\x14.\xe0l\x1f\xb7\xc9O\xd7~\xf6\x0b\x9c\x19\x18\xd3b\xe2\xb9\x8e\xfa\x98s\xfbied\xff\xdb\x1b\x03B\x8c?4J\x17\x927\x00X_\x00\xd8\x019\x07E\x98\xd2{\xe0&lt;O\xfe\x00\xd8\x8a\x9dN\xa8=\xda|A\xd8\x8bGe\xbco\x86\r\x00\x00k\xe3N3\xcc\xba\x8b\x8e\xf7\xe8\x1f.\x91\x01\xfaj4F\x1e\x91\x91m;r\xcf\xad\r\x00\x17\x04\xbc\x14\x00\xc0\xea\xeca\x9f\xfd\x8a\xad\r\xb8\xd0\xec\xc1CFao\x1fh\xdb\x91\xa9g\x0b\xe6\xd79Q\xfd\xc1\x89}\x05\x10\x93\x9d\x9a\r\xc0\x05f\xf8\x94ed\xdb\xc0~\xb9icy\xccD\xff\xb2n2w\xe9\x15u\x81\x14\xa7\xcc\xaf\xf6+\x11\xcf\xf7\xd3\xb7m\xe8\xd09-\xa5\x9d\xcc\xbb\xfd\xe6\xc3\xf7\xbf\x8d\x9f\xbb\x1a\xb3|\x17\x96\xfd*\x7f\xfa\xd5\xff\x8eF\x01\x00T\x18\xc1t\x8c\x85gs\x03N\xfc=\xa7\xd9\xda\xc6Z\xacV\xec\xbf9[\xb3Z\x07j\x141\x11\xc6tM\x9a\x05\x84\xba\x08\xe3U\xb9\xeaY\xf9@u\'w\xfdd3_\xaa\x8d\xf0\xfd\x0c\xd9\x94\xf1\xe7,\x8e\xcc\xcct\xed\xfd\xb4\x11\x00`\xd0q\xea\x8e\x91U?P\x91\xfc\x8f\xb4\x13h\xfe\x97Dw\x8c\xd8\xa2g\xafmEw\x9e\xaa)\xb4\xbdg^\x1cr\xba:\x1e4\xc6\x08,g\xe89K\xaf\xeeo^\xdc{T\x9b\x97\'\x00\xc4L\x1f\xc8\x94r\xdd\xdd\x0e\x01\x00t\xd8\xda\x80\xad9\xce\xdb\x035\xef\nf&gt;\x1c\xb6\xef\xde\x9aE\xb7\xc6~f&gt;\x10Q\xa1\x04\xae\x1a\x0e\xe6R\xbd\xc31\x88\x17\r\xc2\xb5\x99\xff\x12\xbd\xb1\x12\xda9hF\x18\xdfW\xc5\xf8\x93r\xe9c\x95m\x07\xfa\xd8\xfc\x93\xf9C\xceA\xa7c\x07\xb40B]\x84\xef\xc7\x19\xad\x1d\x00$\xb9\xc4\xd6\x06l\x0b?\x8a\x8eIj\xfb9\xbf\xd9\x9a1\xad\xb8\xf5Gn\x9dO\xec"\xc2\xeb\xba\xee\x8c"\xf8\x90\x99G\rU\x1e\xf5\x97k)\x02\xde\x1c|\x87\xa6\x8es\x1aZ\x1a@F\xf0\xf9\xc3\xfc\xef\xa8s\xf0`\xff\xb7/|\x83G\xf8\xf0^\xa5\x01\x1f\xd6\xc6\n\x00\xc0`\x0c\xf0bL\x0e\xb9\xef\xfc\x84\xdf\x05\xdaS\xabGaW\xae\xb2&amp;\x15\x93\x883\xff\x9e\x03\x86`%\x02q#q+)u\x95I\xc4Dw\xee\xaf\xa5/g\x11\xa5\x8f\x8eq\xcd\xe6b\xf3\xcb\xd7\xf7\xe4\xdfTK\x00`%vwr\xb0!9O-\x03O\x12y\x957:\xda\xeeUZ\x1b\x1c\xef\xc6\x06\x8f\x86\xd7\xe9d\x90\x84\xdd\xd7\xc0\x98Y\xf3\xfaG\xa8\x80yk\x84\xb7D\xb6b\xac\xd7\'\xc4hs\x1c\xe5\xc8-\x8dL\xbbd\x9fV3\xf7x\xff\x13d\xc2\xc4\x19On%\xf7\x18\x87\xb1\xa6\'\x00\x11.\xf8+@Y\xb9r\xce\xac&gt;\x1c\x8a\x17\xbfJd\xbdD\x87C\xf1\xab1m\x8f\x97\xe2F\x04\xf3\x86\x0c\x05\x83.\x0c\x17\x8e\xc3\xe10\x8f\xf6\xf1\xf0\xb7nh\x0e\xd1_\x1d\xf6~&amp;\x1aa7\xee]&lt;\xdc\x87\xc3\xc1\xa9\xfb)L]\xc6\xb4\xcf\xfb\x9f \x93\xec\xc5i\xeb\x18\x1fyVp8\xeb\xe0\x03\xce\x8a\x8b\xbe\x01 "\xa2\xe7om@_\x0e\xa7\xdc\xff@t8\xdc\xd3Z\xeeN\x1b\x83\xef\x8dUg&amp;\xa2\xaf\xefkb{6\n\xc1\xac\xfc\xd2\xe8=\xd0\xee9\xd2=\x8e\'v\xaa\xb2\x8fm\xa32n;\xde\xd1\xb2\xa9\xd9r\xcf\x99\xfa\x9c\xb5\x9b\xb9\xbb\x93\xc7\xdb&gt;\x90\xa1\xf4\xff[#\xe1\xbb\x08^q\x9f\xad\rh\xc0!\xbem\xcb{W\xb0\xdc\x8a\xd8MD\x18\x006A\x9a\xfc\xb1\xef\xf0J\xc9{Te4Y%\x18-\xbaT/\xf1{w\x15\x1f\x06\xe8er7\xc9g\xcc\xce:\xad\xd2\x85\xfc\xeaqi\x8a\xb7\xa2w\xd6\x81+\xd2\xa0g\xbc\xd1Y!\x8cX\xeaV\xd1\xb22\xad\x1a\xb5\xaf\xce\xd9\xe9\xf7A\xaf\xe6\xea\x00\x00\x8b\xbc\xb9\xd7\xf6\x13T\xa2\xea\r7\x00n\xd3NW\x98&gt;y*\xb0\xd8\x96\xdc\x02\xec2\xa2\xed\xd7\xf2\xb5\xf8\xac\xad\rH\x10p\xbf\xe4\x06\x00l\xcc&lt;\n\x9b\x1e"$\x956\xb1\xaaT\xc8\x1b\xa6\x80\xbc\x1e\x98\x1a\x05\x84:\xed]\xc1\xf2\x08A\x00\\(\xda\xee%\n-\x08o\x00\x9c+\xf6]\x9e\xbfe\xe5\xfc\xf6\x00\xfbgk\xbf\xda\x8e\xc5\xf1\x9e\x9c\xb7\xab\x8f\xf8*\xdcx\'\xac3LO\xaa\x96\xb0q\xcc\xdfR{S\x02\x13S\xfd\xb5Q\xd9U\x00\x00\x17\x1d\xe1i5\xa5O\x8eC\'\xfd[\x86\x1e)_?\xbd\x92~\xad\xd3a\x7f\xc8BU\xf6\xcf\xf8{\x87[q^\xdd\x9e\x93\x82\x97\xec&lt;\xc5\rp;\xcej,\xc6\xe4\xb7\x96\xe1k\xdc\xdb;\xd9\xfe\x1d\x1b\xfe\xa3\xbd\xb5\x8c\xd4\x1b\xfa\xc5\xc5+f\x85\x88qZ\x04\x00\x18\x1c?\xe80\xd7\xa4\x1d\xb1\x12\x8f\xe5\xb9`HF\x96F\xd1\x00+\xfb\x11\xf6\x03\xf2\x06@O\x8d\x85@D\xd1\xab\xfc\x96\xa2\x9e\x1fs\xbcZY\x15\x92\xd3\xc8W\xbbL\xd2\xb3a\x05\xd7\xea\x11p\xeey&lt;\xc5h&amp;vpgx\xbf\xe8]\xa5\xf1Wj`\x88\x8a\xdb\x96V\xdcp\x14\x06w\x00\x00.\x16\xfe\x84\\\xe9\x93g\x8a\xe5\xaapk\x91g\x81\x9d\xeeK\x17]\xae\x90\x91\xffw\xeaL\x84\xd18o(\xab6\xe6\x06\xa0\x1d\xfd\xde\xf39\xef~\xabg\x8d\xb3\x80\x9e\x01\xe7\xe1}\xc4\x8e\x03\x131}j\xabO8\xac\xb4\x86f\x14=\xf3\xc8\x06\x00(!\x14\x17\x1e\xd8W\xeb\x00\xf1HH\xd6\xffD\xca\xe0\x1f\x91\x93\xefc\x03\x00\x00\xe8\x82f\xd6\x9f[d\xf8\x9a\x9c\x8f\xb3_&lt;N\x9b\rf&amp;\xbaG\xac\\\xe3\x95\xe82M\xa5\x01\x00\xb6!?.\x84C\xc9;\x98\x89.Ye\xcej\x14d\xf0\x03m\x00\xce\x9c3\xed\xb7\x8b\xfb\xe9d\xb0\xbf\xa1\xdf~\x0e\xfa\xf1ss\x93\xc6\x82\x99\xe9e\xf3B\x13\xed\x9c\x9f;\x96\xb9THNf\xc8\x95\n\xff\x97\xf5\xaa\xd8\x99\xc6p\x00@\x00f~B\xcfi\xaf\x89)\x8fU\x1b $\xeb\xa9$~\xb7\x1b\x80A\xcc\xd0\xa2\xeb\xb7\xd5\xbaw\xc0\x17\xa0\xc7q\xad\x99\xd5\xc6b\xb4\x86\x9f%|?f\xa2\xfb\x8f\xe7f\xc0"\xb9\xe2\xf8\xeb\x9a(\xe5\x14Rr\xfe(\x90h\x8ecXN]\x00F\x07\x7f\x05\xfd|\xf0\xc3\xd3\xe1 \x04\xc0\xd3\xdf\xe6,\rf\x87\xad\xff\x08\xfb\x1e`of\xf9W\xfcJ\xcc+u\xaf\xc2\x98u9:\xe3X\xae\xc5L\x17a,Vjf\x0f\xb6\xee\xba\x818\xc6\xf2s\xe8\ri\x15;d\x150K6\n)\x8b\xce\n\x81\xcf%\xfa?-\x8c\x01\xa0\x19\x97\xd8\xda\x80qyk\xf7\xaf\xf5\\\xe1D\xe1p8\x1c~,xg\xac\x8c\xeb|`\x7f\x95Ru\xf4Z\xe31\xdc\xa8\x8f\xe8\x87\x17d,\x12\xcd\xac\x0cP\x8f\xa9\xab&gt;\x14#\x9f\xfe\x1e6u\xa4\xbe=c\xc5R\xdd\xa3\xd4\xe3\xbfM\xc2\xa9y\xee_\'\xef\xd6\xf5\xc6\x00\xd0\x96\xad\x97\x9f\xb1\x99\x0e&amp;i\x17\x1d%\x1c\x8d\x1c\xaf\x9b\x99\xa5p\xe0\x97\xb7\r\xc1\xa6!I\xe9\xc9\x93\xfeD\xf3,\xcf&gt;\xf7\xde\xa8\x97\x11]ck\x1b\n\x88v\xfb;\x98\xde\x8fv&gt;.\xb9\xec\xdd\x0f\xf7\x8d\xb3\x1a\xf9\x8bo\xea\t\x00\x13O\x0fD\x1am\x00NZ\x8c\xff\x01p\x1e\xe0\t@\x8c\xe9e\x99\x8e*\xba&gt;\x04\x98\x1fa,\xdf"\x7f\xf0\xfe\x06\xf0\xc8\x07[\xfb\xa4p\x89\xc8\x1b\x88\xf3\x1b\xb6\xe2\x95\xf5^-\xad(\xe7\x1a\xfb\x1c\x94h\xb7_\xb8\xec\x9f.^{\xc7A\x9c&gt;\xeep\xa4\xd2\xfa\xb7\xd3\x81\x1a&gt;\xdd&gt;\xca9\x1c\x0et8\xe4\xcf\xef=\x06\x04\x00\xc0Bf^\xe6\xa6\xd7\xc9\xf7|\x9a\xc5\x08\xe9\</t>
        </is>
      </c>
      <c r="E38" t="inlineStr">
        <is>
          <t>&lt;class 'numpy.ndarray'&gt;</t>
        </is>
      </c>
    </row>
    <row r="39">
      <c r="A39" s="1" t="n">
        <v>37</v>
      </c>
      <c r="B39" t="inlineStr">
        <is>
          <t>steps_per_sec</t>
        </is>
      </c>
      <c r="C39" t="n">
        <v>500</v>
      </c>
      <c r="D39" t="inlineStr">
        <is>
          <t>3.0562031</t>
        </is>
      </c>
      <c r="E39" t="inlineStr">
        <is>
          <t>&lt;class 'numpy.ndarray'&gt;</t>
        </is>
      </c>
    </row>
    <row r="40">
      <c r="A40" s="1" t="n">
        <v>38</v>
      </c>
      <c r="B40" t="inlineStr">
        <is>
          <t>Loss/RPNLoss/localization_loss</t>
        </is>
      </c>
      <c r="C40" t="n">
        <v>500</v>
      </c>
      <c r="D40" t="inlineStr">
        <is>
          <t>0.16616613</t>
        </is>
      </c>
      <c r="E40" t="inlineStr">
        <is>
          <t>&lt;class 'numpy.ndarray'&gt;</t>
        </is>
      </c>
    </row>
    <row r="41">
      <c r="A41" s="1" t="n">
        <v>39</v>
      </c>
      <c r="B41" t="inlineStr">
        <is>
          <t>Loss/RPNLoss/objectness_loss</t>
        </is>
      </c>
      <c r="C41" t="n">
        <v>500</v>
      </c>
      <c r="D41" t="inlineStr">
        <is>
          <t>0.026680242</t>
        </is>
      </c>
      <c r="E41" t="inlineStr">
        <is>
          <t>&lt;class 'numpy.ndarray'&gt;</t>
        </is>
      </c>
    </row>
    <row r="42">
      <c r="A42" s="1" t="n">
        <v>40</v>
      </c>
      <c r="B42" t="inlineStr">
        <is>
          <t>Loss/BoxClassifierLoss/localization_loss</t>
        </is>
      </c>
      <c r="C42" t="n">
        <v>500</v>
      </c>
      <c r="D42" t="inlineStr">
        <is>
          <t>0.35996264</t>
        </is>
      </c>
      <c r="E42" t="inlineStr">
        <is>
          <t>&lt;class 'numpy.ndarray'&gt;</t>
        </is>
      </c>
    </row>
    <row r="43">
      <c r="A43" s="1" t="n">
        <v>41</v>
      </c>
      <c r="B43" t="inlineStr">
        <is>
          <t>Loss/BoxClassifierLoss/classification_loss</t>
        </is>
      </c>
      <c r="C43" t="n">
        <v>500</v>
      </c>
      <c r="D43" t="inlineStr">
        <is>
          <t>0.12655556</t>
        </is>
      </c>
      <c r="E43" t="inlineStr">
        <is>
          <t>&lt;class 'numpy.ndarray'&gt;</t>
        </is>
      </c>
    </row>
    <row r="44">
      <c r="A44" s="1" t="n">
        <v>42</v>
      </c>
      <c r="B44" t="inlineStr">
        <is>
          <t>Loss/regularization_loss</t>
        </is>
      </c>
      <c r="C44" t="n">
        <v>500</v>
      </c>
      <c r="D44" t="inlineStr">
        <is>
          <t>0.0</t>
        </is>
      </c>
      <c r="E44" t="inlineStr">
        <is>
          <t>&lt;class 'numpy.ndarray'&gt;</t>
        </is>
      </c>
    </row>
    <row r="45">
      <c r="A45" s="1" t="n">
        <v>43</v>
      </c>
      <c r="B45" t="inlineStr">
        <is>
          <t>Loss/total_loss</t>
        </is>
      </c>
      <c r="C45" t="n">
        <v>500</v>
      </c>
      <c r="D45" t="inlineStr">
        <is>
          <t>0.67936456</t>
        </is>
      </c>
      <c r="E45" t="inlineStr">
        <is>
          <t>&lt;class 'numpy.ndarray'&gt;</t>
        </is>
      </c>
    </row>
    <row r="46">
      <c r="A46" s="1" t="n">
        <v>44</v>
      </c>
      <c r="B46" t="inlineStr">
        <is>
          <t>learning_rate</t>
        </is>
      </c>
      <c r="C46" t="n">
        <v>500</v>
      </c>
      <c r="D46" t="inlineStr">
        <is>
          <t>0.01999975</t>
        </is>
      </c>
      <c r="E46" t="inlineStr">
        <is>
          <t>&lt;class 'numpy.ndarray'&gt;</t>
        </is>
      </c>
    </row>
    <row r="47">
      <c r="A47" s="1" t="n">
        <v>45</v>
      </c>
      <c r="B47" t="inlineStr">
        <is>
          <t>train_input_images</t>
        </is>
      </c>
      <c r="C47" t="n">
        <v>500</v>
      </c>
      <c r="D47" t="inlineStr">
        <is>
          <t>[b'1024' b'1024'
 b'\x89PNG\r\n\x1a\n\x00\x00\x00\rIHDR\x00\x00\x04\x00\x00\x00\x04\x00\x08\x02\x00\x00\x00\xf0\x7f\xbc\xd4\x00\x00 \x00IDATx\x9c\xec\xbdy\xfc\x7fO9\xff\x7fM\x0bm\xbe\x85\xd0\xa6,)\xe2\x83B\x8b\xa4\x88\xec\xcaV\xd9\x0b\t\xd9B\xd9\xbf\xb2\x84\xec\x91\x9d\xaf\xfcD!\x92\xa5TJ\x8b\xad\xaf%\x12\nY\xfa*\x95h/i\xb9~\x7f\x9cm\xf6}\xe6\xcc9\xcf\xc7\xfd\xf6\xe9\xdd\xf3\xf5|\x9e3s\xcd5\xd7\\s\xcdv\x0e\x1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a0\x01bo\x01\x00\x00=`f\x9a\x1a\xbc\xb8\xc0V\xcfDt\x14w7\xd5\x14\x11\x89K\xac\xa9\xa1X\xabb\xe6\xcc5\xb2\x94\xf5\x8ce\xdc\xea\xd1[:&gt;\x8a\x8b(\xc00iR{\x04\xe6\xe9\xab\xaeB%\xb0S\x1d\xa9j;M\x1b\xb9\xd2\xde\x02\x00\x00z \x84\x10B\\`\xf4\xcf\xcc\xcc\xa4u{#\xb3T\xd4\xc5\xd5TU\xaa\xd4\xf7\x99\xaa \xa4\x90\xc5\xde\xf4\x08\xf1\xd8L\x8d?\xd2\xed\x9d\xa9\xba\xedX\xeaVR\r3\xb3\xf5\x9a}0\xe5\xd8M\xb2\x1f\x93&gt;\x0f\xec\x98\x0f\xd5\xcf\x01\x00@SX\x02\xce\xf1\x92\xa8S\xd7\xac\xb2c\x08\xd2\x83\xad\x98\x9d\xb9S\xbb\xa4\xcf\xd5\xf0\x8b\xcb\xf2\x89\xbe*\xbe\x14;\xcf\xe1\x10N\xe0L\xa6\x0e\x008\x12#\xba\x1e#\x80\x03 \x81G\\\xd0\x00`\x1d$\xf7/#/\xff5J\xfc$\\\xa5\xdc\x89y\x87C\x97a\xe7\x99\x1cC9W\x1bX6\x00\xc0\xd8\x94\xb8\x8f\x11]\x0f\x06\x00\x13\x17^|7\x01\x9dh\xf6\xf33\xe7\xd4a\xe1\x08\xe7\xa3\x8b\xdb~\x93\xd0\x8a\x99\xe9J\xe7\xaa\xaf\x0f+\x9a\xe2\xb5)\x99\x89\xeee\\r.\xa5\xd5\xe2\x10\x03\x00\xfa\xb4\xbd\x05\x00\x00\x1c\x94\xfa\xae\xff\x95\xb5\x13\x9c\x88\x95\xb3\xc1\x00`Ij\xf4\x9e`\xe3\x08sWA\xd9\xf6\x99\x1ef\x836b\xec\x89Z:W\x01[\x1a\xcf\x92\xfb\xbb\xd7S\xef\x11l\xbe\x05\xbe\xf2\x1a\n\xb9@\xfd\x94\xb0Z\xd4o\xa6\xdeH_\xdcS\xcf\xa8P\x00\xc0\xfe\xec\x1f0\x19\xd1[\x9e&lt;\xcb\x16\x85\xaf7\x03\xc2#x\xdb\xe1\x83\xa1a5y\xc8\xeaNf\x9f\xad\xc3\xeb(\xbaE\xb0nK\xf3\x94u\x97\x80M\xc9\x97\xae\x93$2=\xc0\x83z\xfa^\x1c\x03\x00\x00\xf8x\x82\x7f\'hM\xf6wFU\xa27K\xdc\xdf"ji\xc9\xd0\x1d\xc3\xa8\xb1\xf51\xc7{\xc7\xa0\xadbm\xc9\xa2\xee@!y\xde\xbe\xb3\xef\xbdY\xe8\x827\xf4\x90\x02\x000"]C\x99\xfd;\xdd*A\xc6\x96\x02"\xc2&amp;&lt;x\x04S\xd1p\x8c\xf7@%\x02\xa3\xe8\xa3\x0c\xad\x01\xa1\xa6\x8e\x03\x9a\x15\x00\x97M\xa7Pf\xa0\t\xf2rI\xf6\xdd\xf4\xcf\xf4\x97\x83h\xf2\x82\xc0\x00\xa0=.\xad\xca\n\xff\xa0\x1d\xe4\x02i\xa0]\x1c\x84Qzd\x00\xc0\xa9y\xf3@\x03\x80C\xe3\x9d(\x1d**=Uu\xdb\xa2\xffqT}\x16\xac\x03\x80\xf7\x82\xce/\x99\x1b\xf2\xbdP\xe9Dmf\xeb?\xb1v\x82\x00\x00`g4?\xce\xc4L\xff8\x9aT^\xec;%x*\xcbH3\xd3VI\x0e;$\xc0\xf4\x7f\'\xecZ\xf5\rzA,\xf2\xf0\xe9@\x96\xcc?\xd8[B&amp;zm\xdf\x1cc\x80\xf1\x03\x00@\x1d\x8e9\xad\xa8\x0f\x00l\x91\xe9\x18q\x92\x14[\xf0\xf6\xf7\x81T-\xe1P2\xe8\t\x14^\xc07kF\xabZr\x1bc\x96\x12\xf7\xa4\x1ftV\xdc=\xf6\x1d\xd3\xd2jIu\xa4\x87V\x03\x00@}\x8e\x1c\xcc)\xd2\xdaG\x00#\xba\xf8a\x05\x0br\x08\xf5\x82&lt;\x98\xbe\xf9\xfcUi\x06\xfa\xad\x1d`\xb4S\nf\xcdDL\x9f:f\xd8:\xa0H^\x8e\xda\xe5\x01\x00@M\x9aO\x80\xf5\xc15\x00\x18\xd5\xc5\x8f)\x95\xc9\xcb\xa5\xcf\x88\xfeO\x8b\xadBOX\xbff1[\xbb\x8b\x1a~\xe9\xad\x89\x9e\xb2\xa67d\xa5\xf4\x1c\x96\x94ddY.6/\x12%\xd2\x01\x00\xc0q\xd8|\xa0\x10\x07v}\x9e\x0eU\x10\xd1\x91\x8b6\x0cL4\x0f\x12\x17uB\xabg\x81\x99\x04\x11]\x9d\xe8\xbf\xa7\xbf\x89\x89\xe7\x8a&gt;O-O^Brt\x16\xb7Q\xdd\r\xba\\\xd3x~\x89\xbdu=\x95\xc2u\xc1Z\xc6\xc6%R\x1dPf\x12k\x97gK\xea*\x05I\x03\x00v\x81\x99\xcf\xd6]uA\xa4L\xa8\xf8{\x88\x1d\xf1\x16aL\x91\x8f\xc7^\x11\x0b\x9av{\xa4\x98x\xf9\x86\xc4{\xd1\xc9t.\x88\xe8\x03\xb6?\x1d\x91ye/\xb7\x8d(\xb4\xa1\xc08\xaa\xdd\x04c\xd7\xf8g\t\xbc]\xca\x11\x03\xf7\x0e\x1aR\x977\xd6\x00\x0c\x80\xf3\xa2n5i\xb0\\8\xe8f\x8f\x03\x10\xb1\x1e\xdds\xd7GF\x16\xcb\t\xb9o=\xca\x16 \x10\x0f33=\xff2\xeb\xb1w\xa9%\x17}6\xcc\xa2\xbd\xda\xb3A\xa7\x99\x12^&gt;\x98_\x8a\xf5\x96Md\xceP2\xab\xff\xe5e\xdb\xad/\x03\x00\x10\x91\xeah\xd0\xf6\x8eF\xcfN+&gt;\x97\xf7\xb2\xd9\x12\x06\x00\xe7\xe3b+\xb1\xb7\xab&lt;\xed\x00\xc0\xe1\x10\xbcC\x80\xd3)\xc1\xe4~;\x169;G.;u\x10\x08B\xb0(\x00@}\xe4\xa6~\xe8\xed\xe6`\x18\x98\xd9jK\x9b\xad\xc1\xd2\xc0\x91\xf1o\xbcn\xc3\xb3\x99\xde\x97v\xc8\xb7-.\x9f\xe0\x0bAO\xef=\xcc\xc2w+\xf2\x9auV\x8e\xbcl8J\xbb7&amp;\x08\xb9R\xba4\x00\x80\x9eL#\xf8\xaf\xd9[\x0c\xd0\x19mnR8\x9c\xb8X\xe9$\x178\x1e\x07\x99\xdf\xed/\xe6\xfb\n"q\xae\xe8\x9f\xd6xO\xfc\xd7\xfa\r\x16\xa2u:V\xf9\x12\xfd\xffG\xde\xed\x82D\xb2\x89^\xc4\x92\x0e\x00cRu\x0b\x1033=\x1e\xed\xf9\xa2\xb8\xa4\xa5\xf9SQ\xb7\xbe.\xa6\xf6a\xedM\x987\x90L|\x9f\xb6\x01\xe6\xb2\xb6\xa7nz\xe8^p\xbea\xf7L\x8d\x8a\x06\x00t\xa3\xee^\xc3\xb1\x1a\xb0V\xb4\xa1d\x1b\x8d;\xe7\xde\xf8\xdf\xc5\x1aF\xbd\xf4\xa7\xfa\xb0\xedR*\xf1\x08\xfe\xe4\x13\x8f\x19Nm\x0f\x837\x0f\x01\xec-[\x7f\xf62\xb0]\x07\x00nN\xb6\xf2\x05\xc0(p\xc4\x0e\xbc#\xa29\x14&lt;\xb2\xb0*\xf2\xd3\xe5^Kt\xcd\xfc\x84\x98\x1bW\r\xe3\x81\x95&amp;\\\xb4\xd9\xf7\xa2a\xfd\xb9\xf5\xa3\xb1y\xbe\x91\x84L}\x1e\xa5T\n\xc2\xa3!\xbb\xe1\xf7\x96oj\xf2D\xfe\xa5\xaa=\xe6\x8a3\x00\x004a\xa4N\xa2"\xe6t\xc2\xd1\x8b9\xd4|\x98\xac\xcc\xfc\xe8\x7fI\xa8C\xd5\x1c\xbd\xf6\xdb\x91hNCO~\xf7@\x88\xecp\xf4en\xd5\x95n\xbf\x94R\x10\xea\xf7{R\xb0\x10!\x84x\x95\xf8\x95iW9\x1ao7~T\x10\xd1\x17Y\x7fb\xe6+7\xb1(qUT2\x00;r\xc4%\xe3 Sq\xf8\xe7O\x11\xb2\xdc\xb0\xe6\x82\xf8\x08\xda\x98\nr\x97\xbd\xc5\xb8\\rmi\x04\xe39(\xed|\xac\x99\xf2\x10\x93\x05#\xc8\x00\xaa\xf0E\r\xa7\x9f\xce\x17{\x00\x00\xdc\x8c\xbd\x89vLN\xb5)\xf64\x05\x01 \x9a\x9eNom_\xefZ+\xc1\x1c\xe1O8\xaft\xa9\xb4=\xfd\x02#\x01`4\x1a\xf9\xee\x0fE\xf0\x97\xc3\x89\x06\x00u\nr\xc6e+\x00\xeaP\xbbu\xb4\x0b\xfe\xce\xca\xd9\x9e_\xd4r\x00\x00\x00\xd8\x01&amp;\xe9\xa9\x0b\xdaO\xccL7l\xb6f\x8dm\xd9\xa9\xb4\x9d\x83\xe9J\x8d\x01\xc0\x92\x02\xc6\x00\x004\xe7\x04\xf3\x0e]\xb95\xeb\xec-Q)\xe5\x1e\xbb\x9a(\x00\x80r\xbc\x1e\xaa{\xacy\x08\x17i\xd1\xc9I\xfc{o\n5\xf6\x80\xf3\x0c\x87@U`\x0f`w\x8c\xf0\xff\x04\x9e\xea\x04E\x00\x00\xac\x04&lt;T\xf7\x17\x91t\xcc+\x8f+\xacS\xce\x18\x00\xec\xc1j\xb4x\xf94\x909_K\xeczx\xa0G&amp;_p\xf2\xb5;K\xf8\x9f\xdd\x99~\xf9(\x83\x87A\xc4\x00\x00TB\xf3P\xe7\xf5\xc8\xf5\x80\x8az\xe2\xeb\xfc0\xee\x02\x97\xc4\xef\xb4w&gt;\x9d"\xbc\xd3\xec\x8aq\xe1\x18\x00\xe4\'\xb6\x7f\xbfskD\x08\x00\x9c\x8cjN\n\x80r\xec{\xab`\x96\x00\x10\x11\x11\x13\xdd\xb4Y\xe2\x0f\xed\x18h\x9e\xbc][\xa2\xff\x83\x17\xf6\x1c\xa5\x00\x00l\xfc\x1d\x06\x00\xa0+\x9e\x08\xc3\xf8\xbe|\xf5\x1c\x00\x10\t\xfc\x7f5\xcc\xd0\xbf\x83b\xdbfQc\x00\x90\x7f/\xde\x04\x0c@}\xde\xd3\xf8\x06}\x00\xc8\xe6A\xe1\x18\xc2\xfa\xe8\'G\x07)\xbd\x1c\x12V\t@[\xc4\xd9\x9f\xcb\xb6\xd3&lt;BD\x965\xde\xed\xf8\xd3\xc5i4\xe7\xe4\xf6\x05\xc0\xf1\xb0mUD\xb4\x05rx\xd7\xa8)"}\x9f\x8fgY\x00kS\xe0\xec\x0ce\xd8VaN\xb3\xf1\xa3_)&gt;\xb3B\x97:\x96\xce+\xc5\x06\x88.\x00\x18\x0b\xec\x02\x02{\xc1\xcc\xfc\xbe\xde~\x05{O\xc1\xd9\x19\xca\xb6\x1fl&gt;\x0b\xae\xc1\xc4\x10\x9fh\\a\xe3t]j\x8d\x82\xc0\x93\x030&amp;\xdf|\xb6\xd7\x16\x82\xf1\x89\x99!\xc3\xaa\x14\x00\xf5\xe0;$\xaf\xd1I\xed\xb4Z\xf4\xc6\xa3&lt;\xdc\xa6\x15g[Q\xafQ\x16\x0c\x00\x00\x00\x00L03\xf3\x1d\x95.\xc1~\x14\xf8\x1c\x9d(\x00\xfb\x92;\'\xddh2\xfb\xb8\x8d:\xc6#\x1d\xc1qEWh\x95\x01\x00&amp;\x19\x01\x00\x00\xcc\xa8sB\xd6\xf9!~ \xc6\x00\xe0\x14\xec\xbe!$\x7fZ\x1a;\xf1\x14N\xe2\x8e\x98\x99\xe8q\x91W\x96o\x01:\x87\xd2\x008\x19h\x96 \x86\x16v\xc2D\x8f\xf2_\xf0Y\x08&gt;\xc0)X\xa2\xa8W\xed,\x01\x86\xd3}\x18_\xcfp\xaa\x00\x00\x00\x86dyF\xd0\xad1\x00\x00\x87G_\xef\xea\x1f\x1d~D\xa5\x9d&lt;\x18\x93G\x90=\xd0\xda}\xa5\x08\x00\x00\x00\xd8\x97\xee\xbd \xfa\xddK\xa7\x9b\x01\xec\xf3\x88\x18f\xfe\xc2\xb2LY\x82\xe8\x89\xe5\xe9\x94\x0836YE\xdb\xd4\xf2\x88\xda\xf2\x00\x00\x00\x00\xc7\x83\x89\x1e\xdb:\x8bS\x87#\x17\xcfX\xbb_\x98\x99\xef\xb4\x83\xbd\x95\xe5\xc8\n\xf4\x95\xb9\xa9i\xe9\x18\xbf^\xecP&lt;\xff\x9c\xc6y\xc1+\xc4\x00h\xc3\xe4g\x05\x9a\x18\x18\x1fn\xdf\x17t\xc8\x02\xec\xc2\x16g\x8a=\xdd\x1d+\xff\x7f8\xc7\xabF\xebBP^{\xd1\x82~\xa3Ff\xedd\xa4||X\xea\x93/S\x03:W\xda[\x00\x00N\t\xe6\x19\x00\x90A\x8f{&gt;&gt;o\x9c\xa5\x9dij\x9b\x0f\x1a\xfd\x93\xd9&gt;2\x8b\x10\xbaM\\pK\xbc\xd8\x82;\x81F\x00\xa8\xcf\xda+\xee:%\x06\xc0^`\xbe\xff\x12P\xa2\xff]\'V\xe5U\x88\x1d\xc5(\x83\xd7\xf1K\x91\xfc\xe8}\x1c011\xd4\x02\x00h\xca\x05\x1c\xc3\x02`w.\xb8}\x8d\xb2\xc48\xc8\xabg\xdd\xbb\xde\xcf\xc9\x08:?\x18\xaf\xc4\x01\x00\x03l\x01\x02\xa0\x15\x98h\x00\xa7f\xf7\xae\xf4r\x1b\x18\xd3\x00\xea\'\x9a\xb6\x94\x08\xb1\xfb\xc6\x92\xcb\xb2\x84i\x98s)\x83\x9dJ\xfc\xaf\xbd\x05\x18\x10\x0c\x00\x00\xa8\x8f\x10#t\x8a\x004\x05\xe6\xbd\x1bB`\x82A\xc6\xf2\xa2\xeb\x1d\xa4\xe8\xc5\xc7.\x1f\x06\x9e\xd2\x1e.\xde\x16\x82\x84x\x16\xbc\x96\x0ct\x01\x00\x00 \x03l\xf4\x07;\xa3?\xf4\x86.d\\\xa4\x9d\xbe\x18\xaa\xc8%O\x85b\xe6#\x9f\xe28\x1aX\x01\x00\x00\x00\x90\x08\xb3m\xe6\x91\x99\x99\xae:\xe6\x94$\x18\x9f\xbfJ\xbc\xde\xb0\xb4K\x89\x1b\xb5r\xb6~\x8fG\x02%\x1b\x93\xb0\xb5\t\x00\x00@/\x98\xffs&gt;\x1c\xf6\xff\xf6\x16\xa5\'\xdfX\xfe\xde"3\x05\xdf\x1b\x88\xc6\xe2~{\x0b\x00\xea\xa0\xbe\xf6jp\xab\xab\x8b\\\xea\xdd\x0b\xce\xca\xe7\xf9\x81\xac\xe9R\x8dR\x1c\x00\x00\xe8\xc6\xfd\xe0\xf5\xf6\x82\xe7\x1e\x8b~noI\x8e\x85e\xd7\xb5\x1a\x8a\xc1\x9eA\x07$\x93;\xe2\x00\xa0`\xe8\xd2}\xd8\xe3\t\xeb\xef\xd3K\x06\x00\x00\x00\x00\x0c\x862\x008b4\x06\x0e\xc8\xa1W\x00J$\xef=\xd2\xdeD\xfd\xddN9\xeeJ{\xdd\xba\xd2\xefW\xad\x97\xb2c\x0e\x00\x00@\x1b\xe6\xf7\x17\xc9q\xcc\xc5\x1c\xc7\x04;\xa3X\xdd\xd1\xce\x8f\xae\xc2g\x1c\xe4\x9d\xee\xedV\xe4\xc6z\x1e\xee\x89\x02\xcc\xdcR\xb7\xb3:-\xf5\xce\xcc\xbd\xaa\x15\x87\x80\x01\xe8\x0c\x13\xb1\xc06\tp:\xd6\xce\xecha\x18\x00\xd9\x14\xb9q\xb1\x10\x9d[\xff^c\x1b\xa2\x08A\xe2Vt!O\xb8n]\xcc\xafs\xcd\x90\x08\xe5\xff\x00\x00\x07\xc3\xb3\xa4\x9brj\r#\x04p\x14`\xa8`\x17v\xdfu\x16\xe9\xa5\x1fP/\xbb\x1bH\x7f~\xe0\xfc%\xa6\x93\x0e\x86\xbf\xbeP\x95\x00\x1c\x16Op\x1f7\x008\xf0\xaeVpp\xf2L\x0e\x86\n\xf6b_\xdb{L\xc45M\x07\'\x878y\x1f#\xd8\xe0E\xa8\xc8\x85\x14\x13\x80\x8b$\xe4\xc8\xc2\xed\x1f\x03\x00\xb0\x07\xd9\x91\x04\xba4\x00\\\xd4m\x1dkjL\xc4/\x1b\xff\xe4}dG6r\x11N\n\xce\x00\x00P\x9f\xd0\xf6\xc1\xf0\xe6\xc2\xe4\xbd\xa1\x00T`\xb67f\xbc\x8f\x07\x80ZT\xdbM\xbe\x06\xc9\xeb\x87\xb7TI\xd7\x96\x15\xd1\x15U\x12\xba\x7f\xe4u\x93\x86\xc43\xabd\xda\x17\xb8J\x00\x00\x00\'\xe0\x00;\n\x00\xb88\xd8\x06=\x8c\xab7\xd8\xdaK\n?]#\x91\xa18\xc9b\x05\xe6\x17\x018*\xcc|e\xa2\xb7`\x95\x00\xd4g[\xb4?\xdc\xa3\x15{\xc2\xcc\xa5\x0f&lt;e\xc6S\x93@\x18\xdb6\x9a\x7f#zgA\xc4\xcbC4\xedv(?as~bo|VX\x856\x90}\xe3\xb1\x95s\x95\xbd\x05\x00\x00\xe4\xf3f\x04\x0e\xa0\tB\x88\xb9\xa3c&amp;A\x9c\x14\xe3V\x08\x8b\x8f\xc0\xac\x9f\xc26xr%\x81\x1a\xa8\xd1\xbf\xfe\xa0H1}\x0cY\x12\xaf\x0f\x98\x07\x158\x81&amp;q\x06\x00\x80\x83\xc2\xe2\x14&gt;\x08\x8cO\xc6R\xf7\xe1W\xc7\xfbq\x11OU\xdf\x03\xa6k0\xd1]\xf7\x16\xa3\x1c5\xfa\x17Dbm_B\xfa\xcf\x85X\xff?r5o\x9d\xd8\xfe\xa8\x0ca\xed\xbc\x1f\x11\x9de\xe7\xccz&lt;\x0f\xcd\x16\x00\x10Ce\xaf\xb7z\xd2\xa3;S0.\xcaV\xe34\x03\xbe\x1c\xcb\xbc\x9c\x92\x1e\x8e&gt;\xe7X\xda\xd7\xbe\xb6\xe9\x9f^v\xd4\'f\xe2\xd1v\x83\x81\x15\x00\x00\x8e\x0c|)\xe8B\xa2\xa1]\xce\xf4\xd8\xb1Jz\xcc\xc01\x13\xd1\xe5\xf8J\xf5\xf4\xb5\n\xfa=\xa3\xb6\xae[;G\x00\x00\x00\r\xa9\xde\xe9\xb2\xf4\x1f\x00-P\xa7\x1e1uwp\x18S\xb0\xe3\xa344\xe3\x99?/\\\x7fz\xd3\xfc\xff_y\x98\xe6\x89g\x8b\x01\x00.\x81\xaen\x0e\x9d:h\x84\x1e\x7f$X\xf51\x82\x92K\x03\x11\xd8\xf0,\xd3:\x8f\xd1\xa3\x7f[\xddi\xbf\x8e\xcb!\x84\x04\x00\x80*,~\xbc\xbd\xcb\x83o\xed\xc8e)\xd9\x12\x83\xc4\x99Y\xd6\x98\x01\x000amy\xb6\xa6\xf4\x8c\xbc\xf1yo\x0e!\xe4\xa5\x813\x00\x004by8C\x8b=\xa8N7\xfa\xf8\x06\x99\x01\x99\x03m\xf8\xae\xc0\x97\x95\'\x81\xee\x1e\x80Tl\xad\xe6k\xadW\xde\xe1\xe8\x0f\xa3\x07\x00\x00\x10K\xc1\x9a\xef\x8f0\xd1\xf5\x1a\x88\x04\xce\xc9lf\x81}\x08\xce\x1b1\xe1\x07@\x06\x8e\xe9\xff`S\x1a\xba\xada\x99z40r\x04\xe0`\xc8&gt;\x14\x93?\xa0%\xcc\xbc&lt;;\\2\xbb\x18\xab[/\x87\x89\x02\x90\x8a5P6\x9aR\xe9;\xe8\xc0\x85\x83-@\x00\x1c\x95+\xef-\x00835f\xeb\x10\xfc\x03P\x8e\xb0E\xff\xcb{\xa8A\x03&gt;\xa4\xf2{{Z\xd6\x14\xd3\xf3`\x06\x00\\\x08\xd9\xfb\x7f\x00\x88f\xdbx\xf0\xf9\x9c\xf3\xb0\x91?\x9e\xae\xfc\x88\xc6b\x82\x0e\xc0\xd5t%|\xf0\x17\x0f~hI\x03\xc5\xb6\x1c\x00\x14H\x8b\xf9\x19\x00:0\xb5\xcfz\xcd\x8d\x99z\xbc\xe3\x06\\,[\x9f"\xd4\xbe\xab\xcb\xcb\x95\xa2`\xe6\x91\xf6\x17\x9d`?\x06/~E(_\x8dT\xe9\x97\x80\xb4}\x8e\xecjO\xdc\x8f\x07\x92Xl\xfe\xfc\x8a\xc5\x16 \x00\x9aS\xffy\xe8\xe2X\xef\x1f\x05\x87c\xb6.\x9b\xa1\x8dbxCu\xd0\xa7\x98\x8a\x1576\xbf\x12D\')\xdd\x11\xb1\x9bx\xed\xda@\xed*\x08A\xe2/\xe8\x12\xd42\x92\x07\x05\xe0\xa4\xe0@$8\x16\xba\xc5\x96\xce8\xd6^\x01\x1b\x8fy\xd6\x90v\x1f\x97\xccUU\xdb\xd5\xec\xbc\xbeq9\x93\xb2\x0b\x01\x85ce\xa6-\xcc|\x01\xea\xc5\n\x00\x00\xcd9\xb3\x0b\x01\xe7E\xfc\x8a\xf1\x8d5\x02{\xb7\xe0fe\xba\x90\x03\x8b\xbb\x97P\xaa\x84\xcak\x8eUSK\xa5RY\x8e\xf4P\xda\x80\xc2\x05\x91\xb8K\xf82\x90\xc9\xb6\xf0u\x14\x83\x01\x00\x0c\n\x0el\xa5P\x7f\xcb\x14HD\t\x95\x82\xd6\xeb|Ny\xe2S\xcc\x0f\xcc0\x872\xcf\xa7\xed\xc4\xd3\xe7\xa1T\x0e\xed[$U&lt;\xbcJz5\x129\'\x86\xe3\xeao9\xa8\x1d\x00N\xc1\x18\xc1\xc1Q8v\'}2\xa2\xc2/\xc7CK\xd8\xf1\xfd\x19Y\x8b\xf9\x17c\x08r\x1a\x85\xd7\x19C\xaa\xa6\xf8\x8az\xe2\xf5C)B\x8d\xfa=\xd7@\xb1:lB\xf4\x1b\x9dsG\x05\x01p\x02\xd0\x92\xc1!\x89\x0e8,\xa1\x89\xd4q&gt;6)\xcb\x036\x16\xa6a:\xecs\r\x00\xea\xac\xae\x18\xa1\xf3K\x16\x9f&lt;D\x95\xc5`\x04\xa3\x85&lt;\xaa\xd6@\xe2\xac\xd8\x06\x00;d\xde1S\x00\x00\xb0\x007t\xb1\xc4vB\xb6)\xabj\xb3\x95C\xb3t\xd5o\x938\x00h\xd4\xc7oi\x8e1 )\x87\x99\x1f_\xaa%\xab\xaa\xbb\r\x00j\xe4R=\x18=\x8by\xb4b\xcf\x01\x80\xb9\x07\xa9&gt;Wi\x94.\x00\x80\x88v\x7fzFU\xceT\x16\x10O\xea\xc3W\xe4\xab;&lt;\xb8e \xb3|\xf5\x18\x8f\rY\x95&gt;\x1db\x0cT\x01O\x0f&lt;\xb1^\xc4\xccC&lt;\x0b\xa5\x86\x19Y\xd3\xe8V\xae\x1a\x19\tQy,-\x04\x06\x00&gt;T\x85w~\x06\x95\x10\x82\x99\xff\x9ah\xf7\xd6\x07\x00\x009`\x11\xf3\xf8\xb4\x9d\x85\xaaN\x7fi\xb3\'\x08\xdb\xcf,2\xd1\xebc\x04\x98\xc5\xb8\x96&gt;A\x8e\xf6\xdb\x98\x9fL\xbf\xa5\xa2y\x7f\xe2\x81\xda\xf5&gt;\xec4\xfd\x0f\x00\x00\xc7\xc2t\x91p\x9d\x87\xe7\xce\xc7\xeb\xff\xee\xd89\xbf\x82\x10\xe1\xc7\xf7\x8d\xc06\xc9\xed\xfb\r\x9e{\xac\xb1\xdf\x85Q\xa5jP\xb9&gt;:\xec\xc3\xf1d\xde=G\x00\x00\xc8\xc1\x1e\x00\x1d-v\x04&amp;s\x80\xb8\xb7\x18u\x99z\xf4\xb7\xa9\x95ZV\x88\xd0:\xaaH\xad\xb5$y\x18;\xc8\xf7\xe5h3\xd3\x87\xb4\x96\xbd\xa2\xff&gt;5\x8b\x17\x81\x01pq\xc49\xb5T\xefc\xdf\xa6+\x84\xb8\xa4\xf7w\x9e\x12!\x84\xd8s\x1bj\xfd\x8epM\xf0U\xc4LO*O\x7f2\xf2H\x1d\xad\xd3\xed\xcd\xdf4\xc4\x94\xa4\xbd\xf8"\x10\xd1=\xe6\xb4\x7f\xe8xQ\xdd)8\x96\xdagkgf\xba\xfd\x81$_E\xfd\x83=\xa5\x00\x00\x80J\xc4lj&lt;\xdf\x8c/\x18\x87\xb7$^\xcfD\xb7\xad*\x80d\xdb\xb13m5g\x01\xf5\x9d\xf7\xad\xe8\xb0ts\xc8i\xddSP\xd7~\x9a\xd6#\xf72\xf8\xfa\xc8#\xf5\x9e&lt;\xfcPZ\x02\x00\xb4\xe5\xb3\xeb-D\x06\x1d\xf1\x11=58\x06{\xee\xa9\xb5\x11+Le\x81\x0f\x1a\x0f\x85\xe8V\xa2\xbf\x0c\xc5d|\xfa\x17\x8a\xd7lG\xcc\xf4\xc9L?\xd8@]Z\xe8\x7f\xb8J\xc9o\xa4\xc3\xb88\x00\xc0\xd1\xa9\xda\xb3\xde\xdc\xef\x9b\xf2C\x13ff\xfe\xcc\xf9Fx\xc0s\x902\x07\x16\x8cH\x86\x0b|\xff\x9d&gt;?M\x92JQ\xd7w\x8d5\x10\xaaD\xaf\xca\r\xaan43\xeb@II\xd7\x13\x1d\x95\xd5%G\xff\x8fd\xa6_9\xdc\xd1\x91\xec\x15\x80\x03\x95\x11\x00\x00*\xa0\xce\xf7\x80\x13\x90P\x9b1\x11\xed`+\x00\x19\xd43\xec36\x93\xc8\xfa}zyF\xf43\xce,^wq^\xa8\xa8\xa4\xeb\xf4|\xf5\x86\xc96\x0e\xd5\xf6s\xa55\xcc/w \x01\x00\x00\x03\xa3\xb8\xb6\x9f\x97\x1c=\xfc\xdd\x19\x88\x0c\xa4"k\xfc\xba\x97\x14\x96\xf9y\xcb\xa2\x8awn\x9cQ\xdf\x90K\x8f\xf6L\x9eRG\x9e\xeb\x8471^\x88\xa5\x15\x96\xf4\xcbeuU\xd5\xd8\x81\x07\x00e\n\xd1\xca{Q\xd6\x08\x00\xb8\x14~\xda\xee\xda0\x068\x13LO\t\xd4cJ\xf7v\x90\x08`\xe3\x85m\x92\xed\x15\x13\xf4o\x86\xcd\x02\xca\xf4\xfc\x0fglI\xb0\xf4P\xa9\xd8b:\xae\\\x12\x11\x91-=*;\xc7\x00`x\x8a\x05\xc6\x00\x00\x00p\t\xd8\xfb\x03\xc9\xe5=g\x17\xb1@O\xd0\xbd\xa5\xd3)&lt;\xdd)\n\x1f#\xfe\xde]\x80\x86\xa8Aj\xe9\x00\x80\xe8\xe3c\xea+9\x96\x95\xcc`\x12\xf2\xa7"o\x8cf\x91\xa4\xd6\x80\xf3\x01\x15F,z\xbd\\\xbd\xa4-\x9c\xd8\x86\x01\x002\'\xea\xb1\xb2"\x80C\x97\xfd\xd0\xc2\x97\x81\xe8?\x99^q\xf9\x89\\\x8a\xc1\x89\x8b\xe6\xc7\x08R\xcb\x07\x00\xf4\xbc\x08SQ&amp;\xb6\x93$n\xc4Z\xf6\xe2Y\xf6y\x94b\x92^\xd2\xa2\xc1\x835\xb1\x16\xda\xc6\x8b\xc0\x00\x18\x88\xb9\xa13\xd1\x9f\x0f\xe1[\x0b\x9d\xce\xf2\x16\xb0\xf8\xb7\x0bq\xca\xc5\x03rh\xe1\x0b`\xbe\xd8\xa2\x17\xd1\xe7\x1dyimp\xe10\xfb\xf7\x8efy\x15BC\xdb\xdd\xd1j0\x8cn=\xfe{3\xa6\xc9\xe5?\xd9s\xb7|\xdf(&lt;\x93\n\xa5Y\xc7P\xf6j\xf9\xbe\xccd\xeb\xb4oA47\xc7\xa34I\x00\x00\x11\x11\x13\xfd}\xc2\xd5Y3:\xb5`f\x01\xff\x02RA\xb7\x94\xc3\xe8\x1a\x1bg\x8a\xd7\xc9u\x0fix\xe5\x1e\xde2G\x9d\xb3!\xc7\x99\x18\xd1\x07\xca\xbf\x9ar\xee\xd8I\xb9Yv\x19e\xdd\xabN\xf6o\x7f\xde\x93\x99\x9e\x91\x93l\xee\xd2A@&lt;f&amp;\xban\x8d4\x01\x00\r\xc9i\xffk#\xbf#\xf3\x1d\xfbw\xc0\xccw\x19\xc8\xa1\x83!P\xbbF\xfb\x8f\xa3G\x8a#2\xb4\xc6\x0eP\xad\x89\x81o/"\xe4)\x8d\x9e\xdf\xab`\x00`\\\x1cJ\xca.\xa7r\xf18U\xb0\x8c\x01\xde9]*fzv\xf5\x82\xdc\xbb\x8er\x9c\xda\x1eJ\xf9\x00\x80\x85D\xbfl\xdeU2\x9f\x01@%\xbcAF\x9e\x91\x83\xf1\x19/\xb63\x19\xd3\xf6\xe2\xe4yZn\xf4o\x8d\xfd\xd3\x92b\xa2\xdf\xf3\'\xa8G\x99\xdeg&lt;T\xb0\x93:n\xa4D\'#\xe3\xd4\xf3\xb9\x8a\t\xc0Y\xc8vC\xf3-\x95[5\xff\xe8\xe8n\x02\x03\x9e\xa1\x90*\x02\x03\x80\x0b\xc5U\xad\x8bm\xacU\xbfg\xed\x8flx-\xbcY0X\xaf\x94fD\x9dV\x8a\xb6\xab\x95\xc5\xa6\x993\xe0\xad\x94\xd2\xda?\xda\xe9\x19\x00\x8e\x80\xec}D\xea9\xa0\x0fgzJ\xdd\x86\xc9\xf3\x11\xcd&gt;\'\x0e\x93y\t\xf3;\xca\x7f\'k\x0cTf\xb2\xde\xa9\x166[6Mh\xfa\r\xf5u9X\xe3*\x18\x80\xc6\xaa%!\xa8b\x94\xa5)\xbfZ\xe2\xb6J\r\xd6\xa9!L\x96$F\xd6\xd9\xb6d\x16\xa2\xae\xf2\xf7\x83\x97Gc\xd4\xac\xebI\xcfx\n\x10\x00\xf5Y\xbdX\x8e7\xab\x1c\xfd\xd3\xf0N\xf0\x9d\xf4/\xbe\xec$\x937\x87E~h\x8cX1\xadyy\xca\xd3.\x0cu\x00\xf1rA\xf4\xaf\xa2\xcc=\x0fo\xa1L45c\xe5\xdb\x88*\xadS\xb0\xa6\xea\xa9\xaa\xfc\x9bVL+\x11\x91\xf9\x14/\x1b\xa3\xdb#\x00\xe0,\xa4=\x98\xe2|\xab\xb7\xa0\x15\xcc\xf40\xcfC\xfb@#\xeeP{\xff\xc9\xf9\xb0\xee\xd2i\x92t\x95\xd4\x88\x1e\xb5|\xf1\x8c\xe8\xfd?\xb5\xcaXYW\x96\xe4\xca\x95\xff\x03G\xb7v\xcb\xb1\x01\xf4\xb0\x00\x80\xa6$yL\xd5e\xc3=\x8d\xc8@\x95"[\xcb\xef\x1d\xc0Z\x0e\x1a:\xe8\xb4\x08j\xcfG\xfd\x18\xd4\x96r\xbds\xb7r:\xd7\x8bI\xb6R\x019\xf8\x00\xa2\x8c4m\tV\x1bT\x8c\xd8\x8a\x83J\x93\xc56\x94\x8c-@\x00\x80\x16$-Y&amp;\xaf@\x83\xbe\xf0P}\xdf\xba)\x89\x88\xeeL4b\xc7,\xd1xH\xbb\xc3\x98\xd9\xdf@\xbf\x9e\x99\xe8.\xbdd\x19\x0e\xdb\xb6\xb8:\xb5\xb3&amp;+\xd6\x7f\xec0\xd1\xbfySZ\x8e(\xe8\xe9\xbc8\xec\xb7\xe5\xe3me\x9b\x00\xfb\x98la\xcbPK\xd7\xadc\x8a\x1d\xc6\xb0\xf6\xff&amp;\xe2=V\xb1\xe5\xdd\xff\xf3\x8fU\x84\x05\x00\x80B\x18\'J\x87\x86G\xed/\x96\xc1\xc9I\xce\xfc\xa52\xcf\xe8\xe56\x9c\x94je\xe6\x16g+\x97\x02\xd4Lsg\x94i\xd9\xaa\x1a\xbb\x12\xf1\x9b\xdd\xa6\xbe\xe5k\xb7\x87\n5(gQ\x90\xce\x92\x8c\x90\xa2\xd7\xf2\'UX\xa7\xc3k\xe8\xbf\xab\xf73K\xe1,\x023\xbd\x8c\xe8\x1d\xa2dcf-\x1d\xac\x00\x00\x00\xca\xf8\xf6:k\xa3\xbb\x9e(\x05A\x86\xad\x1a\xb1\x1cZ\x1eV\xc2&gt;\xe4\xb5\xc1\x14\xa5\xcd-\xd4?\xf7\x9c!\x82\xe5|9 b\xa2\'\x1b_\xbe\xc5}$\xf4\x9d\x02\xea\x97B\xf7\x02\xa9j\xd7\x94\\\xf9\xc5i;FE\xfe\x9bbv\xf8\xecn\x9f\x0e\x01\x84\x88\x8c\xfei\x1e\x13\xee^\x10\x00\xc0Y\xa8\xb7}\x13\xec\xc1\x03\x82=_\xf4\xe8\x8e\x99\xe8G+\x89u\t\xd4\xdaR&lt;L\x03\x1cv\x9ftw\x9ePa\xe3\xf8m\xd3o\xe4\xf9\xd1X\x8a%l\x02\xcc\xf2\xd4\xb0\x93\x1a{\xe2WQ\xd7\xff\xbe\xa3R\xa3\xb0\x9d\x04p\x95Z\xdfi3\x04\xb1\xc2\x03\x00@/t7\xa4\xfb\xa9;\xc0O\x1d\x0c\xa9#\xb7?,"\xb2_\x1c\xad\x07\x1d\x9f\x1a!\x94\x9cR J\xa8\x97] \x8b\xf7\x87\r\x90\xd2~\xba\xe5f\xad\\U\x86j\x06P\xafh\xaaH\xcc\xf4WI\xc9Z\x95l\x19\x00\xb8\xa4\x8dvt\x9fh}\x1dr3Vy\xd0\x9a\x00\x00#\xa2\xb9Nx\xab\xe3\xc1\xcc\xf4\xca\xc0\xb8.q\x00pt\x1b\xe88\x92\xa9&lt;\x1d\x1b\xb8 f\x9c0]^"\xc8M0\x00\x98\xf9\xd8N\x86\xe4kz\xf1\xad2\xb0yH\xfa\x8f\x1a\xb7\x91\x9c\x01\x80"\x8c=\xfe/\x1a\x00\xc4{\xc2\xdah\x9a\x07\x00\x80\x01H\n\x10O\xc1\xab\xb2\xee\x1aY9\xf6\xe0\xc0\xe8\x14#\x8ap\xa5\x93\x0c\x00\xf6\xb0\xea\x1a[)\xfcW\xc4E9\xeb\xd5\xb9\xf2p\xdfY\xd20\xb7=\xe7\xf6\t\xb5D\x81vZ\xc5\x92[&lt;\xb2\xb3\x0eVy,\xa2\xfa\xa4\x8d\xb0\xdbg\xf7wn\xdf\xa3\x0co\xc6\xd06\x00\x00\x10\x91\xdc\xf1|\xfb\xde\xa2\x0c\xcaP=\xa5\x83\xbb\x99_Ew\x9c\xf3\xe5\xd3\x7f\xc3\x974\x8a\xac\x1e\xb7p\x8a\xce\x91\xdd5k\xf6\xfaj\x9c\xf4\x9d\xfe\xeb\xf2\xf2\xf5\x86\xa1{1\x9405\xb0WP\x87\x00\x91\xef1F\xf4\x7fk\xc5\xc6\xfe\xcb%\x92\xfa}Ei;\x85\xe3\x961\x0c\x00\x00\x80\xc3pX\xdf\x1d\xddqJ]\xec\x88\xf1_\x06\t\xd3\xd8F\x0f\x9d\x1f7\x1bv\xf2M\xcb7\xdf\x90\x91\xa6\'\x1b\xaf\x90%\x05Y\xee}\xc1\xd1\r \x9d@\x1b\xaf\xab\x90T\x97R/\xf7V!u\x8e\x08\x16\x99:\x1e\xb70\xf2\x92\x0f4W\xcd\xa6q\xe9\xf0H \x00\x00h\xc5\xe4\xb8\xcf\xfbxSf\xde\x9e\xc0\xb9=e\xf0\xb4\xe5\xdd0\xbb\xe4\xbc\xc7\x8dk\xe9,\xaa{\x1d\xf3\xd5\xb3\xd3\xb4\xe6\xb3&lt;\xca\xdcLM/JV\xf5\xcd\x89\xd4\x7fK\xc0\xf0\xac\xeas=z\x9f&gt;\x98\xe8\x8f\xeb\xea\x84\xf7P2\xcfF\xb4[\x15o\x86\xba\xbc1@1\xdd\x0en\xc7Z\xd7\xb2\x10Ud\xa8\xe5[\x82\xe0=\x00\x00\x00\xd0\x8a\xb3\xbf\xdc`z\xb4\xb4\x98\xdf\n\xba}_8_u\xc8\x95\x84\x8cI:\xb3\xa7_\xa6W\xaf\xb1&lt;\x1c\xbf\x92\xf1,qKP\x84\\k\x15\x82H&lt;\xdc\x9a\xc5e#\xc4\xf4\xb6\xea\xba\x89VO1*\xd3\xf0\x8b \xac\xd4\x9a\x17\xd7&gt;\xf2j\xad\xa2\xd7\xa4\xc3\x94\x89\x9aUsO\xd5n\xc4\x85i\xabA@\x00\x00 \x00IDAT\xb6\n@gv\x99\xbc\x01\xa0\x07\xcb\x8a\x07\x15\x19\xb9\x14\x94\x8e9|z\x19\xf3\xdb\xdb\xbeO\x94\xd6\xbe\xb0_\xfe&gt;TWN\x86x\x16\x01j)\x9c\x99\xc7\xac\xbb\xda\xf0E-|%\xa0\x1aW\x95(V\x9dk\xaf\x90`9\x8e\x15\xbc\niv( V\x00\x00\xe8\xcc\xfe&gt;\x0b\x80F\x88\xcc9B=\x15\xe9\x8f\x11\x97\x02\xac\xd1\x7f*\x03\x9c\rA\xc8Z\x0e4hG\xdf&amp;\xcfD\xeb\xab\xcar\x1b\xb5x\xc7\xe5\xc3~\xd1?\xbb\x0f\x01\xd7jNu\xbch\x04\x18\x00\x00\x00\x00\x18\x8bm\xe3\x94\xfb\x895m\xd9\x0e\xde=%\xfe\x1c^\x95\xb3z-\xc6\x05\x8b6\xcd\xb4[mQ\xbb\x9c\xa1\xc5\xb4YKQc\xfb\xe3\x9b\xc7\x85\x89\xe8\xf7ro\xfe\x0f\xd1-8\xf6!e\xben\n\x1au0}\x93\x83\xee\xa8\x04\xe0B\xb8=\xda\xe7Y@=\xee\x86\xf7\xe1$\xc9\xf5"=\xed\xc4\x8c\xe4l\x0f\xe9\xd8\xae\xc9y\x82P\xc2\x13?\n\x03J\xef\x1b\x91\xea\x19\xf0E\xc7\x1c\x11&amp;q~\xe5\xe8J\xf8\x9e\xa9\xc8\xefI\xccD\xb7\xdfY\xb8Qh\xdaLT\xfd\xff\xef\xf3\x9b\x1c\x00\xc7cj\x9f\x7fz\xa1\x13E\x98$\x03\x95\xb8\x9f\xdb\x8ar\x0cL\xeb\x9b\x95?\xf3\xc3\xf7\xa2\x14\xd2\xb2H\xe3\xef\xeb&gt;\xdd\xfc"_]\xb4\xc4\xfazm~\r\xabW\xd5\x1dk\xc5\n\xd79G\xdb(h}\\&amp;\x98h\xd8\xf7\xe5\xf9%\x00@W.\xbc}^r\xd9\xc1A\xd9e\x00\xd0\xb8/\xaf\x1a\xfdWN\xf0(\xb8\x9eOo\x1d\x00\xcc\\\x8b\x99&gt;\xa3\x83\xae\xf6\x1e\x00\xf0\xf6:\xe1\x9ebd\xf1\x0b)\x17\x8fY\x1c\xc3\xa5\x1c@\xed\x00\\"h\x9f\xe0\xf4\x1c\xa2\xe3\x8f\xc5\x17\xbb\x1ft\x05\xa0\x1a\x96\x90w?v\x13#T\x9b\xcaj\xd2)\x9d\xff\x91\x07\x00\xf1|\xe90\xa6\xaea\xba\x941\xe5\x04\x00\x00\xd0\x1b&amp;zm\xcb\xc4G\xd8\xf6\xd0\x8a\xf4\xd8=%\x85\x03DH\xbe\xddV\xc3\x04y{j2\xc5\x1e\xce\xb9!\xde\xd6.N\xe5\x04\x06\'\xcf/\x01\x00\x0e\xc7\xa5{U\xb8\xb9T\xda\x06\x9a\x96n\xfe\xf1\xc1\xbe?\xb1\xfa\xf6\xb5\xf9\x96\x03\x80\xa1\xe1\xff\xf0Z\xceAJ\xd1\x9c\x83\x0c\xe4\x1ar(\xab&gt;+\x01\'9\xe6s\x8b\x00\x00\xd1,\xceu\x90\x17\xa3\xec\xc2\xda\xc1\xb4x\x89\xd2\xe9a\xe6#\x18\x0fo\x12n6\xbf\x9b\xcc\xae\x98&amp;^\x93\xee\x14\xc6\xad\x88\x18Sa\xfbK\xc7\xc0e\xa1\x99\xf7\xe9\xec\x81\x17\x87t\xe0r\xe1=\x00\x00\x9c\x84\xe5M+\x17\x08[&gt;\x81X\xa6\xe7\x96PS\xe5\x15\xcf\x02N\xeb\x07s\n#\xd4\xb2+\xa09\xf7\\\xa7X\xff\xf1\\#Z\xbd[\xe0P\xc4\xdb\xc19-\xe6\xc4&amp;09\xb3v\xeb\xa7\xddL\x02\x03\x00\x00\x0e\xce\xd2\xd9&gt;\x8aV\xbf\xf1\xd8\xb3v*v\xb4\xb2\x86B\xb0\xb4`\xf4\xf4\x9bV\x97\xc2M\x87\xf4v\x15\xc5\xc3\xf4\xf2\x9f9\xa6\x10\xd2\xbf \x1d\xebV\xec\xb8\xaa?qXW\x99xE\x9dU\xa5G\xb2\x95\xbfK\xd8\xaa\xd4\xd8I\x0e\xeb\x83\x01\x00\x07\xe0_\x17_\xf6%#\xfa\x92\x90\x93M\xdf6\x9a\xb6\x91z\xbd \xe1i-\'\xf6\xca\x86\xde\x94\x01A\xddL*\xa56\n6\xbb\x8b.i\xf6\x8d\x15\xb0\xe6\xc5D\xbf\xd6%w\xb0/\xfd\xbd\x19GL\xa3\xec\xecc-\x0e0xi\xa3\xa7\xf1\x9e\xceO\x02\x00h\x99x{l\xf3|n\xd99\x9e\x88\xc4\x16\xee0\x7f\x97\'\x8c\x8a\x8d\xbc\x93nL\xd3L\xa2$\xc7\xc3\x15\x83\xae\x15T1\x8f\nI\r\x86\xd7xu\x95\xfao$\xfa\xffz\n\xde1/0\x12\xfb4Co\xa6\x15]M\x88\xefsxrOSu^y\xaf6\x03\x80\x8em\xf3@K4\x00\x1c\x9b\xd5\xb9t\xd8 \xdb3\xaf\x18J\x82\xbf\x98s\xbd\xd6\xf4\xab\x94]\xd2$\x9d\xd2a\x9a\xaa\x9b\xf46}\xffAD\x7fVA\x8d\xcc&lt;\x8a)V\'\xd2\xb6s\xed\xe7\n\xa2g\x9f\xd2\xf0\xc0\xb9\x98\x8f\xe5g\xdc85\xa0&gt;\x0e\x96K\x1fx\xb0HKm\xb681\xf7&lt;X\x8c3\x00\x004B\x1b\xcaw\x9dw\x11\x0bE\xa9\x14\xce\xdazg@\x13\x92\xd9b\xac_uM\x90T)\xae\x95\xaai\x8e8\xed\xea*\xe0\xa4\xd0\x1a\xd1\xbf/\x97\x13\x10iv\xb9\x8d\xe0\xd9\xd3\xdd\x81\xb4O\xba\xc0\x02\x0eB\x95\x19\xfc\x1e&gt;"\xe6\x14\xbb\x8f\xfb\x12M\xde\xac\x89G\xbb\xe0\x07y\x00pF\xd6\x80\xb5N4|\x18r\xb7Fh!\xbe\xf7^\xf3\xf6o\x0f%\x9e_\x92J\xa9Y\x92o\x95r \xbbM\x87\xa2\xbe\xd2\xf4\\\xdf\x87\x99\xe8%m\x12\x1f\x8c4k\xcf\xc9@\xfaO\xc9\xb2R\xfa\x00\xa4\xf1\xa4\x0b2\xbf\xa6\xc5\x8c9,\x01\x008\x12\xb7#\xa2\xd4\xb3\xa7\x12\xcc\xcaK\xd4\x8f\xe1\x1d\x12\x03\xf7\xac\x84\x98\xdfA\xebu\xfeK\xca\xa5f\x87\xd40\xfao\x1cy[\xf2\x93s\xee\x92\xe9\'gV}\x13z\x88\xd1v\x00`K\x93\x99\xff\xe6R"0\xd0\x14\xa6\xeb\xc2\x90v\xe4\xcb\xdb&amp;\xff\xfd#8a\x00.\x91\x9c\xb6\xd7*\x8ch\x8c#\x00zj\xad\xa4\x1c\xda\x90\xbf?\x82\xa2J\xab\x95\x89\xf9M\x9c3otE\xb9-e\xbd\xf5\xb6(\xc7rz\xc9\xf0\'\xed\x06\x00D\x17\xb7\x9c\x08\xba\xd2\xdf\xa8\x06t\xd7\xa3\xc9S\x018\r\x00\x0e\xc7!\x07\x00\x9a\xd8\xb7)&lt;\x06\x10=\x06h\xa6\xa5Vj/\x1c\x00H\xb7\xf7\xdeJd\x13{\xf9R\xfb\xfe\xb3%9\xff\x94\xab&gt;`4\t\xa6\xafa\xa2\x07\xf4\xcbO7\xd4\xba\xd5t\x14W\x00\xac\x1c\xa5\xfa\x8a\x8d6\xea\x19\xa0\xa31\xe0\x98\xa4\x90\x9f9Z\x08\x01\x00 :\xa8\'\xda\xdc\xcd\x8f\x97\xca\x1f\x18\x00X\x9eh\xdeb\x00\xd0\xa4K(v\xca{\xd9\x86e\xe0\xe1\x1a\x95M?\xca{\xd6\xfb\x88\xd8\x9e\xb0I\xd8-\x16\xd4\xe7`\xfb\xa7w\x18\xb4gR\xac\xd8W\x1f\xa5\xa4\'\xc7\xd1]\x02\x00\xc0F\x15\x07Qyf\xda?\x06(\x0b\xa0\xaf\x88\xcf\xbf~Ov\xa2\xa0P\xad\x8e3\x94(Dxj\xd3a\xab\xcf\xef$\xe0\xc5p4\xc3\xfb\xf0\xab\x9f\xa2\xc9\x03\x00\x008\x135z&amp;ff~N\xc5N.8\x02\x88\xcd\xeb\xde\x19\x8fO\xb9\xbf%\xb4\xad&lt;\xb6\xa9\x92\xd4 \x9c\xac85x\xf1&lt;\x93:\xd7\xf5\xb7WJ\xf6(\xf1nsj\xcc\x05XR\xcd\xb8\xe5E\xf9\x02\xdc\x8a(\xe1h\r8\x12\x98z\x07\x00\\\x06\xaf\'b\xa2gVO\xb7p\x0c`\xb9&gt;ng\xb6\x91\x0b\xd3o\xe48tD\xc6g\xa1`\xc5)h\x03\xfaP3p%\x02\x0b"\xaaq0\xda\xbfo-A\x88\\\x01\x88\x88\xe85\xa8\xcd\xd3Q\x7fh\n\x00\xb8l\x98\x99\xe8\xfe{K\xa1\x13\x1b\xbb\x14g\x91:\x00p\\\x9f\xfc(\x9b\xb2\xa2\x1d\xb7\x0f8\xae\xe4~\xf2\xcau\xb5\xcaRlh\xa3\xd3\xa8k\xfdW\x9c\xb4\xee*\xc4\xeb\xdb\x9dV5\xa6\x0f\xae\x10\xe7\x01\x0b\xbev\xbac\xf3\x84\xa1\x02pT\x06\xea\xdaSc\xf1F9\xfa\x15\xe2\xb8\xfe\x9a\xa99V*\xc1\xb1\x08\x1a\xdbA\xd5\xc2\xf4ccI\xfe\x17u\xc6\x99+\xcc\xcc\x7f}\xa1F\x1b\x8f?&gt;\xab\xcb\xf5j\'\x08\\\xb0\xfay\xdfV`\xb7\xae\x0b\xeeS\x00\x003\xa9\xbd~\xa78;\x92\xd4X\xbcU\x96\x9aB\xb4?\xbf\xcc{q\\\xa6u\x84?\x1c\x93\xae\x987C\xfd\xc8KUEcj\xb7\x9d.\x8d\xf1\xf8D\xa8\x08\nlD#\xc5\xaaf?\xe6N\xb9&gt;}%\x00`dRC\xd2\xfc\x10\xb6\t\xae@\xdc\x90\xedK\xaaz\xe1\xd0\x00\xc0\xa7\xa2L\xb7{\xb1\x9e\xbax\xec\x04\xe2xr\xdd\x80\x00\xf5U\tf\xa6\xa7A\x87\x1e\xb2\x8c\xd6b\xedO\xaf#\x8df\xf6\xd7\x1e\xd3uc\x00\x00\xc0\xc5\x13\x88\x9b=W\xbb\xfa\xf5n&gt;\xc5\x11\x85k\x82m_V\rD\x02Y\xbf\xa1r\xf4\xd3=\x96\x1a\xa7c\x08\xd4os\xee_\x94\xdd\xcd\xc6\x9c\xff\xb3\xf2\xf2\x9a\x01\xc1\x9eUv.\xaa\xfb\xae\xb3\xf1\x86,\xe5\xe8]^\xb5&gt;B\xedO\xab\xbc#\xa2\xce\x96&lt;\xc7\xd9\x15\x00\xc0\xa5\x92\xd2O\xc7\xc4a5c\x08?\x81\x10\xdc\xb8\x82\x1e\xd8|\x05@\xce\xdd\xaf\xa5\x92\x0c\x0b\xe4N\xce\xaeC^AlJ^\x05{\xa0\xe7\xa6JaSQ"\xaa\x18\xabJ\xf9!\x96f\xb2\xb3\xb6\r\xddVHmNs\x0cC:(P`.I{\xab\xf8\xd3*=ea(\xe7)\xb1H\xf5\xf8\xd1\x04\x03\x00\xec\xc3\x9d\x9d\xd1\xb3\x89\xfc\xe4\xca\xdd\x97\x0e\xdd!\xf8\\\n\xd7\xf7\x8d\xf3\xd6\xaeq\xa5P\x92e\xe3h@~f\xfc\x10]\x85M\xc9?\x18yW\xd15[v\x05\xaa\xd8\xd4\xb8\xa5\xd6\xc6,K\x91\n[-\xb5\xbai^&amp;P`\x1e\xa5-\xb7(\xe7\xe2L\xb9~\';\x9a\xc3\x01\x00\xb4\xe0\x1f#\xaf\xb3\x85V\xce\x98u\xa8\xee\xdc\x94\\/\x88\xf5\xcb\x82\xac"\xb3\xde\xa2\xf3\xca\x8a*/HB&gt;#T\xf1\x86\xa1\xe4\xeb\xc7t\xed\xff\x14\xd6\xd5\x97\xc5=\xbb)\xe2\x91\x97&gt;\xe1\'Q=\x96\x99\x93l\x13*K2^\x01\x0f\xca9\x14\xd8\x7f\xda\xe8\xc0zc\x8e}QL\x12OCc\x04\x00\x10\x91cwu\xe1\x00\xa0\xd3\x93\xe6&lt;!\xb8\x87\xf5\xd6\xbc\x8c"\xb3m\xd5\xf1ddq\xb3$I\xd8\xf8\x90\xcf$\xe7\xd7\xd7&gt;\x021\x17_\xa9\xd0\xc0]\xfeKb2\x8dK*&amp;%\xa6W\x8f&lt;\x00h\xc0h\x83I\xb0\x1b-}\xe39\x81\xae\x00\x00m\xb0\x07\xaf\xeep$.\xfa\xec\xe4\xb3BA\xb8\x1dy\x1bF\xbb\\\xb8\xf1\x16\x1d\x7f5i\x17\xb7\x94\x84\xc8\xbd?!\xceZ\xd22\x92\x13\xec\xa3g\xa7\xfc\xa9\xe5z\x8a&lt;\xfdi1\xcb*\x12\x03\t\xa8\x14T\x84\x99\x99&gt;\xb7\xafQ\x9d\xda3\\io\x01\x00\x00:\x0fq\xff$\xb6\x8f\xb7u\\\xd2\xcd[ef$E\x8c\xc2s\x99y\xf5@\xf0\xf2O\x94x\x11\xc5\xac\x807\x17\xae\xa3I\xb10e\xb7|n\x85\xc</t>
        </is>
      </c>
      <c r="E47" t="inlineStr">
        <is>
          <t>&lt;class 'numpy.ndarray'&gt;</t>
        </is>
      </c>
    </row>
    <row r="48">
      <c r="A48" s="1" t="n">
        <v>46</v>
      </c>
      <c r="B48" t="inlineStr">
        <is>
          <t>steps_per_sec</t>
        </is>
      </c>
      <c r="C48" t="n">
        <v>600</v>
      </c>
      <c r="D48" t="inlineStr">
        <is>
          <t>3.0738003</t>
        </is>
      </c>
      <c r="E48" t="inlineStr">
        <is>
          <t>&lt;class 'numpy.ndarray'&gt;</t>
        </is>
      </c>
    </row>
    <row r="49">
      <c r="A49" s="1" t="n">
        <v>47</v>
      </c>
      <c r="B49" t="inlineStr">
        <is>
          <t>Loss/RPNLoss/localization_loss</t>
        </is>
      </c>
      <c r="C49" t="n">
        <v>600</v>
      </c>
      <c r="D49" t="inlineStr">
        <is>
          <t>0.06700674</t>
        </is>
      </c>
      <c r="E49" t="inlineStr">
        <is>
          <t>&lt;class 'numpy.ndarray'&gt;</t>
        </is>
      </c>
    </row>
    <row r="50">
      <c r="A50" s="1" t="n">
        <v>48</v>
      </c>
      <c r="B50" t="inlineStr">
        <is>
          <t>Loss/RPNLoss/objectness_loss</t>
        </is>
      </c>
      <c r="C50" t="n">
        <v>600</v>
      </c>
      <c r="D50" t="inlineStr">
        <is>
          <t>0.01653089</t>
        </is>
      </c>
      <c r="E50" t="inlineStr">
        <is>
          <t>&lt;class 'numpy.ndarray'&gt;</t>
        </is>
      </c>
    </row>
    <row r="51">
      <c r="A51" s="1" t="n">
        <v>49</v>
      </c>
      <c r="B51" t="inlineStr">
        <is>
          <t>Loss/BoxClassifierLoss/localization_loss</t>
        </is>
      </c>
      <c r="C51" t="n">
        <v>600</v>
      </c>
      <c r="D51" t="inlineStr">
        <is>
          <t>0.3725059</t>
        </is>
      </c>
      <c r="E51" t="inlineStr">
        <is>
          <t>&lt;class 'numpy.ndarray'&gt;</t>
        </is>
      </c>
    </row>
    <row r="52">
      <c r="A52" s="1" t="n">
        <v>50</v>
      </c>
      <c r="B52" t="inlineStr">
        <is>
          <t>Loss/BoxClassifierLoss/classification_loss</t>
        </is>
      </c>
      <c r="C52" t="n">
        <v>600</v>
      </c>
      <c r="D52" t="inlineStr">
        <is>
          <t>0.08486861</t>
        </is>
      </c>
      <c r="E52" t="inlineStr">
        <is>
          <t>&lt;class 'numpy.ndarray'&gt;</t>
        </is>
      </c>
    </row>
    <row r="53">
      <c r="A53" s="1" t="n">
        <v>51</v>
      </c>
      <c r="B53" t="inlineStr">
        <is>
          <t>Loss/regularization_loss</t>
        </is>
      </c>
      <c r="C53" t="n">
        <v>600</v>
      </c>
      <c r="D53" t="inlineStr">
        <is>
          <t>0.0</t>
        </is>
      </c>
      <c r="E53" t="inlineStr">
        <is>
          <t>&lt;class 'numpy.ndarray'&gt;</t>
        </is>
      </c>
    </row>
    <row r="54">
      <c r="A54" s="1" t="n">
        <v>52</v>
      </c>
      <c r="B54" t="inlineStr">
        <is>
          <t>Loss/total_loss</t>
        </is>
      </c>
      <c r="C54" t="n">
        <v>600</v>
      </c>
      <c r="D54" t="inlineStr">
        <is>
          <t>0.54091215</t>
        </is>
      </c>
      <c r="E54" t="inlineStr">
        <is>
          <t>&lt;class 'numpy.ndarray'&gt;</t>
        </is>
      </c>
    </row>
    <row r="55">
      <c r="A55" s="1" t="n">
        <v>53</v>
      </c>
      <c r="B55" t="inlineStr">
        <is>
          <t>learning_rate</t>
        </is>
      </c>
      <c r="C55" t="n">
        <v>600</v>
      </c>
      <c r="D55" t="inlineStr">
        <is>
          <t>0.0213331</t>
        </is>
      </c>
      <c r="E55" t="inlineStr">
        <is>
          <t>&lt;class 'numpy.ndarray'&gt;</t>
        </is>
      </c>
    </row>
    <row r="56">
      <c r="A56" s="1" t="n">
        <v>54</v>
      </c>
      <c r="B56" t="inlineStr">
        <is>
          <t>train_input_images</t>
        </is>
      </c>
      <c r="C56" t="n">
        <v>600</v>
      </c>
      <c r="D56" t="inlineStr">
        <is>
          <t>[b'1024' b'1024'
 b'\x89PNG\r\n\x1a\n\x00\x00\x00\rIHDR\x00\x00\x04\x00\x00\x00\x04\x00\x08\x02\x00\x00\x00\xf0\x7f\xbc\xd4\x00\x00 \x00IDATx\x9c\xec\xbdy\xfc\x7f_5/\xbeN2\\\\E2\x87n\x862T2t\xb9E2+\xdd\x10\xc9XH\x8a\xc2\xafP\x94p\xb9\x94yLd&amp;D\xcape,S\xc6\xc8&lt;\x942\x94!\n!\xa2X\xbf?\xce9\xfb\xec\xbd\xa6\xbd\xf6&gt;\xfb\xbc\xde\xaf\xf7\xfb\xbd\x9e\x8f\xfa|_\xefs\xd6^\xeb\xb9\xd6^g\xef\xb5\xf79\xaf\xd7\x01\x08\x04\x02\x81\xeb\x02\x9c\x91&gt;\xac\x7f\xd6\x1a\xa0*/\x1d,\xfe\xf4X9W \xc0\xc9h;\r\xad\xc1L\xffk\xb2\xe1\xebtCAW\xabA\x86.I\x16i\x11\x1e|\x15\xe0i\x92S6\xb1?\x7f\xb4\x10u\xa9\xed\xe40N\xa5\xa1\xf3i\x8f\x1f\xea\xd4\xa5\xb8\x04\x06B\x1f\xaf&lt;q\xb8^\xb1\n\x04\x02\x01\x03_\x01\x00\xb4\xfa\xd7g\x14Z\xf7\xaf\x8b\x07"\xf6\xb4+\xbb\x008\x05N\x19\x9c\xdd\x0b\x806c\x1dm\x00\x00\xe0\x7f\xc2w\x9e.[\xdacR\x113\xb4\xb5\x84\xfd\xe8\x08 &lt;\x16Ob(3\x19\xe3@\'\xec\xa0ig\xeb\xa1\xbe\xe8\x1eq1\xfc\xf8\xc8\x99@ \x10\xd8\td{\xffM\x0b\x80l\xaa\xc8\x8fTn\x08\xc4\x02\x80\x80\x04\xed\xc4\xf19\x99\xb9\x13y\xd4\xe8\x0e\x97l,\xca\xf7-\x12N\xb4m_Cv\xe5\x9e\xf6\xc2\xd4\xf7q\xfbi\x14\x97R\xaf\x92K\x0c\xcd\xebt\xdc\x0c\xcbi#\xf6\xb1t\xb2 \xe7\xed\xf9\xc8\x8d\xeb\x98\x06\x81@ \xa0"\xaf\xfc\xfa\x16\x00 -\x00\xc4A\\\x98r\xae\xda\xdc\xdc\xe9\xce\xad\xcb\xa0i\xeb\xa8#q\xd5\xd6cf\xf4.\xe4!\x13\x13\x83\x08\xec\xed\xc4l/`\x08\x9f^\x16{\t\x0c\xe2\x9fn\x86\x8c\xb9\x0bt\xd1@\xf3\xcf\x8b\x81\xb3\xb8\xbf\xf8+4\x10\x08\x04\xae\x1e\xb2\xe9\xb6y\x01 nZk\xb5\x976\xaf_x\xc11n.ly|\xa2\xf4\xba\x1a\xf6C\xc0\t\\e\xb4\xdc\x10@\x84\xbb\x1c\x1a\x8d\xca\xaeg\xaf\xce\x11\x9dx\x06\x99\x80\x88\x9f\x7f\x16\x9b\xbe\xae\xa5\xf8\x12\xae\x8b\x0e\x9a\x8d\x0b\xefS\t\x8fr\x0e;\x83\xc9\x9fc(\x02\x81@\xe0\\\xf0\xb5\xf4\xc0\xb7\xd0\xbb\x04dP6N\xe5\x02\x8a\xb9\xe3F\xe4\x13\xce.\xaf\x8e\xc6\xe3\x1c\xbc\x8c\x10\x038\x86I\xa6\xd5:\xc7\xbe\xa4q\x96U\xc2\xa9a\xe4\xf0q\x16Of\xcb\x80\xbd\x80?=\x93\xfdJ\x1cR\x1f{X\xf0\xcf\xa2O3\x9c\x1b\x1f\x00wG\xef\xee\xa3lb\xaa\xa4\xf79F)\x10\x08\x04.\x12\xd9H-\x0e\x91\x98\xaf\x00\x0e\xa5q\x9c\xf2\xdd\xb0V8G\xd6U\xcb\xc4\xc6\xaa\xb7\xd6\xbe@\xf8\xfas\x0eo\x1b\xd6\xc9^=m5\x1c\xdcS\x95\xde?\x93\xac&gt;\xb2\xfao\xd4\xf9\xf3g\x11\x10\x1d\xc7\xd0\xfb\x9d3\xf7\xfa\xd2"\x1b\x1bk\x19\x1e]\x10\x08\x04\x02-8\xed\xae\xe17\x9e\xcaP\x1b\xban}\xb4\xa97\xec*\xab/L\x0f1W8\x1cQ\x83\x9eG]\xdb\x051\xda\xdd\xee\xe4\xda\x04\xcd\xc7,\x00.\xf1\xfd\x9cS\xde\x84\xe9\xb1\xd2\xdc\xe4B:\xe2\xb81\xf9\x97Ds#\xfb\x8b\xa8\xda\xfd\x9d\x10\x9b\xdb\x89\xef\xf8\x05\x02\x81@\xe0\xea\xc0\x98B\xa4\x8d\xd5\x9e\xfa\xa6\xba\x00\x10\x1f1\xcaK\xcf\xb3\xdb\x84&gt;\xdfIwpA\x90zG\xeb\xa9\xe1\xf1\xbf\xd45\xcd)\x99{\xaaC\xe0\x94\x10\x8f\xac\xb0/\x11\xc4a\x8d|)\x02\xe1\xa9;\x025+tU\xf0_c\x08\xd4L\x04\x02\x81@\xe0(\xe0\xf2T\xc6\x95\x1dm\xd5\xed\xff|\xfa\xd1w\xeb-\x85\xd6=\x16I?oR7\xfa\x0c\xa16=\x18\xe7\x9b\t\x88\x08,\\{\xaa\xea\xd4)t\r\xd0\x90\x0f=\x16\x8f\x93\xdf\x8fQ\xf9\xb6;z\xfbh\x9c\xc1\xf7\x95/j\xbd\xc7\xd7E)\xbd\xf9\xb8\xa7\xb9i2\xcf\x97\xcdr\xdb\x96\x115\x10\x08\x04\x02\xbb\xd07\xce\xaec\xf4U\x1a\xa6\x1d\xdb\x87\x99@z\x08\xd5\xa56k;\x7fxD\x03\xa7\xacm\xb1\x15g&gt;\xfb\x1e\x93\xa8\x8d\xc6\xf8\xb0\x1b2\xebw\x10\xf9\x82\xed\x1c\xae\x8b3\xea\xfa\xd6\x85\xc1W\x9dE\x00\xaf4\xb4\xd8\x8a[\x0c\xf2@\x97.\x9frH\xac\'^\xfd\xba\x8b\xb1+\x10\x08\x04\xce\r\xd9\x94\x00\xd5;\xb9\x97\x0e\xa3g\x1d\xdc\x94\x16\xb3i\x17\xab\xf6\r\xe03\x9bD/\x80\x8c\x157DD\xfc&lt;\x1f\xa5\xf7B\xbc\x1d\xbb{ w\xe5\xd9\x85},z\xfc\xea\tH\xcb\xfd4\xcd\xe89\xdf\x92:\x03&lt;\xc4&gt;]\x0c \xfa\xb7\xa1x\xe7:\xfa\xfaa\xe2r\xa2\xd6*\x10\x08\x04\x02\xa7\x86\xb8-\xf4\xb8\x0b$t\x89\x90o\t\xbb\xeb\xf8!s\xe1G\x9eY%\x9a\xc8\x9c\xa823\x16]Z\xedbh\xaa\xde\x1d\xf2\xd8\xbd\xe4h]\xdb\xf4\xba\xaftY\xf6\xd7O8t\xb4ZG\x80\x8766\xb9\xc4\xb0\xe3S\\ -\xd5\xffA|\x02\x81@ \xd0\x89\xee\x91\xba\x1c\xe8\x85\x87A\x03\x03\xf1\xc9\x9ds\xaa\xfe0\xeeQ=\xd5\xaf\xf6d\xf9\xb3\x18\xfa\xe0d\xebv\xf9q\x92\xd5\x86\x1a\xc8\x9e\xf8\'\xc7+\xa6\xaf\x1a\xd4\xcd\xe0\xd1v\xc4\xea\x1f\xf9\xe7\xc0A\xa8\xd6\xf7;\xab\xff\xde\x86\xd1\xf5\x81@ \xd0\x88\xa2\xdci\x19|Y\xb5d\xc9\xee$yR\x9c[}\x86\xc6\xbb\x17\x8c/\xdba\xdeE\\\xe0$eh\xf3\xd3\x1d+\xab\x8b\xea\x82\x1f)\x82\xd6[\x8b\x94K\x88\xc0\xa9\xe0N\x9e\xab\xb8\x06\x1b\x86\x9d\x15&lt;\xec]\x89\xf56\xfc\xb4\xb6\x86S\xa7\x99@ \x10\xb8* \x03\xfd4\xb9\x07FD\x98\xc03\x90"b\x83\xda\xb3\xc0\x12\x95\xd3\xd3\xce\xbbc\xb5\x8e\x880M\x13"N\xee\x80\xcfrI\x17sd&gt;3\x8b\x9cO\xd7\xe0J\xe7(JKd\xf4ne\x97\x03\x94Q\xf2\x86+u\x01LE?tp&gt;\x1f \xe2\xea\xd1`\xbdp\x84Z\xd5Z%\x07rY\x00\xb8\xec\xbd\xd6\x8at\tTC\xd4\x12\xc9\xb3\xc3\r.\x9a@ \x10\x08\x9c\x11\xdaF\xf2iZ\xa7\xc6\xbf\xab\t\xb6\xce\x10\x17\xbe?7\xcdhhq\xc0vo6\x13C\x93\xf2iZ\xaah\xdd\x89[\xce\xf7\x15vs\xd4\x9e\xca\xe8\xc3\x94%\xd5!\xa8\xaa&amp;\xe1\x9a\x1f\xf0\xc9\xda\x89\xeb(QO\xea\xb3\xb99\xb7\xbc/\xf8\xbf\x83\x0f&lt;\xf96\xf6\xe8J\xef\xa5\x9b\xdei\x1ar\xcf\x04\x11\x01^l\xcb\x88\x97\x84bz\xba\x86\xb7\n\xa6i\x9a\xde\xa0.v\xc6wQ\xbe\xe2\xa2\t\x04\x02\x81\xc0%\x81t\xcfW\x9b\x89\xe5\x83\xfe\xe7%|\xd3\xc6\x98\'\xdd/%\x8c\x07\xab\xba\x9f\x8eE\x04\xf83\xcdH7\xd3\xa4\xaazdcr\xa1=\xd5\xe6\xec\xe0g\xdb\x86;\xde\xd7wg|\xa5|e\x16\xf0\xde\xcc\x1c\xfel\xdb\x19\x97\xb9\x87 ==\xe8\x91\xedM\xc2\xbd8\xd5\x13\x8c\x81@ p\xfd\xd08\xc2\xde\xe4R\x8f\xc8\x17K\xde(\x97\xfd\xc4V1Q\xf8\xcd\xa5yz\xd8\x02\xa0Jm\xa5\xd7a\xee\x88\x05\xc3E\xf5\xf5\x99\\\x1dgB\xa3\x8e\x8b\xe9&amp;\xb6\x91\x81-\xbf\xf2t%\xb0\xcfSo\xa0v\xdf\xe7\xb9F=\x12\x08\x04\x02ca\xdem_j5D\xb8\xa7\xb7\x00\xbd\x9cs\xe4\xc9\xea`\x8b\x82\xf1]^\x95\xdb\r\xf9A\xc5\x85\xb5\xf8f\'\xded\xadl\x8e\xf4\x9d\xacL.4I\xec\xbe\xde\x93\x03\x87\x87\xf1J\xc2\x0e\xf8\x85\xa5\xca\xf7\x94,.z|\xb8dp\xc6\x8a\xcb\xdc\xa7\xd5P\xa3| \x10\x08\x04\xb6\xbd\xd8\xda\x02\xe0"\x9fp8\x1d\x8e\x9c\xe0-\xb5\x0e\xa3\x98\xa3,\xa6\xbd;m\xc6\xee\xfb\x8e\xe2\xc6\xdd\xe4\xac*\'\xcb\xd9&lt;\xc2\x97\x12\xc4\xb5\xcb^\xb6\x0e\xe6\xbf\xe3W)/{$W\x9cb\x8d\xea\x8b\xd5/J2un\x83z\x01\x01\xf1=\xafB\x87\x06\x02\x81@#|S\xda\x13\xdc\xa3\xedU\x18I\x0f\x9a\xe0m\xb5.\xa3\xc5\x12\xa0\x9f\xe4\x1b\xca\xcd\xcf\xa9\xb8\xc1\xa6\x17\xa2u\xe2gu\xe5\xe7\x12\x87^\x88\x0b\xbc\x0ba\xd2\x82\xea\x1eDs\xc3\xf2\xec\xbftp\x92\x994\xef\x89\\G\xa4@\xed\xcb\xbd\xfe\xe6\x95\x86+\xb1\xcbpi\x04\x02\x81\xc0\x01\xb0g\xd6\xec\xac\xb0\xd9|\x85\xb6\xc4N\x80aQ*c\x8e\x00\x1fY\x93q\x91qwe\xab#\xcd\xf2G\xe4U\xc3F\xe3\xe5\xaf\xedN}I\x9e\xf3 0\x94\xdb\x9a\x96\xe7\xea\xec\xa9\xf1\x00\x87L\xd3\xb5,,\xae\x8e\xdb\x91Y5Go\x06\x02\x81k\x87\xdaLF\xeb\xb0uS\x16\x11\xe0\xf5\x06\x15j\x0f;\xdf\xd2\xa1\x8e\xe1uOkm\xa1vA_\xd7|%]\xef]\x10\x1a~~\xc4\xaf\x92)\x94\x82c\xc6\xed\xfeU\x1b\xc6\xb9\x1a\xc1\xcb\x8d\xd8\x08\x08h\xd0\x13\x83\xe6\xcc\xd0,\x8al\x0c\x04\x02\x01\r\xc2hK\xff$#\xb24@\xef\x1f\xb2/\xfe\xcb\xa0-\xb2K\x1d9\xbe\xe2iW\x88f\xbd\xdeK\x0f\x01\xe0\x17Fxw\x82\xa2\xb0\xd4_\xff\x1eE\xdePIlDDx9Qu+@\x84\xbb7\xf7N2q\xb5\x8b\xe3\x11\x1b\x01T\xe30U\x81\x8b\x86\x9a\x1b\xf2\xf1\x9e\xae\xbf\xda\xd7W \x10\x08\x0c\x00"&gt;\xa72V\xe6g\xbf\xe5\x92o\xec\x1dR\xa3o\xe5\xce\xe8\xc8\x1c\xa1\xb3\x9d\xc2\xb6\xc8\x19\xa2k\xbf\x9e=\xfaM_\xec\x95\xed^\\\x9f\x05\x00\x00\xd8\t\xd3\xe8\xfeK\xeb"\x01\x01\xf8\x8c\xec[\xfe\x03Ve\x83\x86\x82\xd6M\x96.\x8bW\xfe\xfa\n\x04\x02\x81}x`\xf3\x94\xb0&gt;\x8cQn\xb5\x8e\xaa\x113+G@\xe4\xb9\xd3\xd6K\xc6\xefwvMx\x07\xd0(\xf4\x8e\xd2\xa7\x99\xe0\xc7DII%n\xa7\x1d\x0b\x00\x8f/Il`&lt;\x07.\xa5\x02\xe7\x05\xf6\x90zC\xda\x1c\xb5\xce\xa4\x99V^\xc8\x9dF\xdb/\x07a\\\xf2\xc7\xe7\xf4\xd7\xcb5X\x99\x07\x02\x81\xc0\x86\x9e\'\x19\xfa\x06\xf4\xbcI\x93\xfc9\xe3\xa0\xca\xbb\x0f\xe3\xa7\xcc\xa3]\x93\xa3w\x13\xc5h\xb5|ai\xb9\xd6\xf1\x99\xc2\x07T\xa2\xd4\xd8\xa1\x0f\x11\xea\xadK\xfc\x14\xdcy\x10\x18\x8e\xe3&lt;\x12\xc6\xc3\x8b\xbaq\xd7\xba\xbe=\r\xb8\xb93\x19-s\x9c\xd50\x1e\x08\x04\x02\xc7C\xf8\x81\x05s\x04\xdc6t*\xb7\xf8\xfd\xaa.\xaa\xda\x18hz\xe8\xcc!\xebi5\xd1\xc7\xe7\x80\xf9\xaf\x9e\'\x88\xf8\x9d\xd2\xb7\x96\xfd:E\xe1-Q\x1fX.\x1b\xccHf\xe9\xdd\x19\x8a\x87\xef\xbb\x0bq\x06UH\xd4@\xad8\x87\x02\xb7\xb9~=Y\xa6\x91)C\xb4{\xd19\x0f\x91\xf6\x81@\xe0\xba\xa1\xf9\xf9\x1fOy\xe4_$\\\xe8\xbe\xcb\xe0\xa7;\x0e\xf5\xe2\xa2\xa2\xb4\xcf5\xb3\xad\x99\x00\x8fi\xd8FU\xad\x88\x89\xea\xa9\xbfG\x87\xfa\x15\xb8\r\xdb\xfeP\xeb\x81Sc\xff2\xb2\xcbZ\xcf\xbd\xdc\x838%\x13\xce\x83\xdaS\x7f\x81@ \x10\xb8X\xb4\xcdd\xce\xe2\xfe\xa2\x17\x00#1n\xbe\xaf\x94\xcb\xbb\xf5\xb7\x81tP#\x01\x8b\xf3\xa6\xd9\xe7\x17\x16\x0f\xe5\xd3\r\xd7_\x94\xf6\x14\x15\xebU[\x98s\xd3\xe5\x1f\xaa5\xaf\xe9O2"\xb7K\x7f-\x9c\x06g&gt;h\x9c\xe4ju\r\xb3\xb6\x82\x8b\xfe\x99\x81@ \x10\x08\\\x18\xa4\x9a#\x95\xb3\x9d\xb3\xcb,\xff\xcaW\xa3\xb8w\x02\x11\x01^v\x98\xee\xb3X)5\x11@\xb3\xbc\xc8&lt;r\xe9\xcc\x96\n\xe4i{Y\x03\x8b\xd8/\x02\xfd\xf2\xbae\xcb.\xad\xec\xe3\x99_i\x15q\x8dq\x80\xfb\xe7p-\xachxVm\xb8i#K\x9d\x8bjD\x04x\xf5c\xe8\xb9\xac_@?\xde\xefL2\'\x10\x08\x04.\x0e|\x08F\x05Z\xe3\xd3q\xdd\x8b\xcb]\x87\xb5\xd4\xca\x87\xbaY\xdf&gt;\xbf\xef\xcc\xf3\x0b\xbc\xcf\x899Kd!\x02\xb5\x0c,5W\xab\rzW\xa1,\xe5E22\xc9\xe4\xd4\x85\x958\xe3\xd1\xe3\xc2\x1c\xba+\xe1\xbe\x8c\xcfE\x04\xf8\xb7\x8b\xb2^\x19\x9f\xc1\xb5\xf4\xba\xc0\x14\xbd \xd3\xc5hs\x85\x933\x10\x08\x04,\xf0\xf1\x97\xd5\xfd\xea\x00}Y\x8a\x9b\x130\xf4\x99\xd8\xf5t\xc7\x07\xf8C-\xec\x91\x8f\x81g\x05\xb2\xca\xb8\x02\xc2\x92\xad\x99Q{\x93\n\x1br\x84\xfbb\x13\x16\xce^\x86k\xa4\n\xec\xba\x8f\xe1I\x18&amp;\x7f\x99p\xb1\x84w_&gt;T\xcd\x11{\x07\x15n\x17:\x89 "&lt;\xe0\x92\xa5\\ \x10\x08\x8c\x01\x1f\xf7\xfd\x93\xc1\xf1\x0b\x80!\x9a\xcfi\x95r&amp;4,\xf8w\xe2\xf7\xe3\xad\xa5\n\xe6\xf1\x17\xf5\x10\xbc\xd3\xa9z\xc9u\xa2^&gt;\xff\\\n\x1c\x8b-\x0f[\xb6\xb4I\xea\x8eXE\xd4\xee\xc29\xf8\x98b\x91\xea\x81@ 0\x1a\xda\x02`\xdf\x98\xbbw\xbcF\xf9i\xef~m\x9e\x89\xed\\\x16\t\xd7\t\x88\xf8(\xa1\xf88aG\xd4\xeeW\x88\xd5\xc9\x88kd\x0f\xf0\xe0e\xed\xf9\\\x08\xa9\xb4\x1dH\xe9\xdd\xc6\xa9\xbaH\x88\x85\xbb\xa7\x8e\xcfe\x90\x01\xe0\xff\x9c\x8c=c4f\xc7g\xa8X \x10\x08\\Q\x88\xc3\xee\xce\x81x+\x8fz\xf5,\x1a\xc4)\xe1\xb0\xdaK\x99\x81\xbc\xd3\xc9\x91\x05\xd9\x95EQ\xf4_dI]`a\xb5=\xff\xe6\x7f\xa8\xe9p\xe4i\xf6\xe1\xfa\xb3y\'dt\x1c\xf2\xbap\xa7G\x7f:\x86\x91\x89\x13\x8f\x00R\xed\xee\xaa\xa4yC\xa6\xa7\x8dGG\xefp[W%i\x03\x81@\xe0*\xa1:4\x97sO9\x97\xdc\xe1\x18F\xdb\xe4\x81\x83~ee\xcf\xfc\xdd?}\x9a\xfal\t\x80\xa7\xb7j\xdcMl8\xf6\xd4vG\xb9\x83\xe5\xe6\xe8j\xcb\xfbpT\xaa\xc6\xf6s8\t\xce0+\x16\xb8\x92\xb6\x16\xea\xac\x07\x8f\xc5\xe8A\xa0Pk\xd8j-\xe2\xf7\xb4\x1d\x88Q\xe3v \x10\x08\x04\x8eB\xa5\xa0\xa9\xce%\xf5bh\xe7\x83\xa7{\'\xad\xfd\xd3\xde\x11\xd3g\xa9-\xef\x82\x1e\x13\x95N\xbc@\xdc\xa7\x83\x92\x10\xea\x03j\x97\xb7\x83\xb5Fq*\x1fVHEa\xe4\x02\xa2v\x9f\xb0\x14z\xde\xa9\x92?\xeb\xfacm\xd9\x15|5 \xb5\xb6\xc3/\xa5\x06$\xd3\x07\\\xd1\x81@ \x10X\xd1T\xd6\xd8g\xb5\xb9\xa4\xf7\xd1\x8e\xe7\x1e3\x89.E\x03=\xd46\xd3\x88\xc2\xae\xd9\xb7\x0f4\xa4W\x08]\x11\xd3\x9e\xc9\xe9\xbf\x99\xb0f\xc5s\x98\x92\xed\xee\x96W\xd1ai\x90\xe5\xed\x95\xca\x81n "&lt;\xb7zE&lt;\xfd\x94\x17\xceijVG\x11\xbf\xbf\xed\x1f\x1d\xeb\xc3\x9dd\x9e8b\x01\x80\x88\xf0\xafq\x8d\x04\x02\x81\x80\x0e\xc7\x08[/=\x11\xf1?\xd6G\xa5\x11\x8b\x9f?\xff\xc8\xceA\x1c}\xdc\x1cz\x94\xbb\xe7\xdd\x9b\xac\xbf|\x01\x9bR\x1f\xe5\x9f\xddG\xc3kk&amp;\xf6\xba\xd9\xb7\xb7\xfd%\xd7p\x8f\xca(=G\x13)s\xe0\xe3\xd6#\xff \xa9r3\xdc\xe4_G\x13\xf0\xaa\n\xd4\x80\x88\x1f\xe5\x8d\xe7\xb8\xb0\xbf\xaa\xa9\xeax&gt;\xd5\n\x1e\x91\x8f\x9ftd\xd6\x1b\x9e\xc5\xb3g+\xf9.2{\x1c9\xf5\x00\x1b\x08\x04\x02\x17\x84\xea`\xd7=\x92n3J\xdbx\xfao#k\\\x8d\xc0e\x1b\xe5\xcb^8G\xe6y\xe5\xb1\xe7Q\xa5\xaa\x19\x80\xd7rr\xf1\x08\x19g\xd3\xc7j\x02\xb7\xe4\xd2\x0f\x03&lt;\xcf-\xdc\x82K\x95\xcf\x15\xb8}i\x1f^&lt;\x86\x06v\xb7\xa5\xa4Q\x8fp\xd3\xd2^\x00\x10i\xfe\xb9\xd6\xf0"3jg\x90\x8di\xabz\xe1_\xae\xa9!\x10\x08\x04\xc6\x03\x11\x9f \x8c\x86\r\x83c\xeb`*\xcf^\xfbp\x84\xce\xa49\xfb\xd0\xa7\x1f\xd7\xb6\xbb\xaa\xd5\xf3@\xc1P\x8a\xc9Q\x1da=\xd0U\xaf\x03H\xc5\xf31\x05W_\xcf\x9a~\xdd\xb2\xda|\x04N\xb9q{8\xec$\xb9k\xf9\xc5\x183\xf8\x87\xecn\x8cK\xe3E\xc9\xbd\xaa\xda\xee!\xdf\xc6\xd4+x\xfd\x8a\xa8)\x91\x9a\x9c&lt;\xb5\x9e\xbd\xf3\xfb\xc1\xbb:\xe8\xecG\xda@ \x108\x18\xfa&lt;\xe7\x1f\x1f{\x16\x00&gt;)\xbf\xe6\x13\xd5\x9d\xc7*\xf9\xef\r\xf5\xe8\x99\xa0\x88\xf9\x07\xf9z\xed\x85\x1d\xdeQ\x9d\x92\x95\x86:\xfe\xb3\xfb\xba\xb5R\x83\xbee\x8f\xce\x8a\xc1K\x93\t&amp;\xe4\xc2\xd4j\xc0\xeaT\xf9\xba\xa8]/&lt;!\x8f\x1a(v\x83\xb32\xab\xffzsMI\x96\xc6\xaf8\x8c}\r\x12\xbd]c]j[M\xa4K4\x9c\x06\x02\x81\xc0Q(\xc7J\xab\xdc\xbc\xd8iR\x9a\xab\\m\x8e$u&gt;\xe0n\xfe\xe9\x05\xb0 \xa8\x15(\xb9`\x9f^~\xb4\x9d%\x00 \xbc\xc1\xe0&lt;Y\x99&lt;^\xb5\xd8\x9b\x99\x97&lt;\xa5\xfb+\xb3\xb2\x7f\xd7\x04\xf8\xc1R\xfe\xc1\x9e|\xa3\xf9s\xf2\x91m\xef&amp;\xb7s\x01\xe0\xd7r&amp;\x05\xf1\xee\x8eX\x9a_\xf2k$\x10\x08\x04N\x8d\xca\x8cr\x82i\xb2n\xe2\xf4\xdf\xfc;\x00\xc3\xc3xp\xbf\xfcLG\x9b\xe3\xb2%\xcd\xf1M\xfa/\xa2\xda;\xc6\x90\xb4+&lt;\xdeJ\x8dD_+\xbb\x17\xb0\xb6\xbc\xa7M\xb8\xf07y\x0b\xe2|\xa0\x1b\x12\xc0S\x96\xd1\xfb\xd7\x00b\xf5\xbfgE1\x04{cxq\xcc\x03\x81@\xe0\x12\xc31\xf4\x1f\xbeW4\x13x\xa4k\xc3\xd8\xb8\x83\x8f\xd5J\xc2\xc3e_s\x03\xf7\xad\xd3s?\x83N&gt;p\x91Vr\x82\x8d\xed\xf1b\x17\xa5\xdf\xe9*\xd0\x13\x1e\x8b\x88\x88\xcf*;Tc\xd6\xa07\xab\xf6\x8e\xae\x12\x1c\xfdr\x88\xb9\xf3\xc7v\xe5J\x19^\xed\x9a\xda\x85\xbf\x1d\xf60\x19\xba\x00\xc0\x93tz\x91\xc3C\xaa\x7f\xd2\x16\x11\x01\xfee$e\x07\x9d\xd2:\xf4\x8fZJ(.\xd1\x05\x12\x08\x04\x02\x17\x02u.)\x8f\xb3R\x1b\xbe\xb2\xd1\xd0k\x18\x0c|\xb5o\xc1S\xa0\xdd5/\x12\x13\x8d\xe2\xad\xbb\xd1D\xfe\xbd\xdd\xa6\xd3\xe2\xa1\xb9\xd0\xe9\xc0\x90r9[\xf0\xa0\xb4\x90\x10{3/\xa7\x06\xcd\xdf\x88\'X\xc4B\x14\x1c:\xec\xe0\x93\xae\xd7\x05\x8a?Y\x8a\xe2\xe4\x8b\xff\x90\xdc&gt;\xa5\xa1\\\xcf\x9e5@\xf7\xcaa&lt;n5\x96\xc6E\xbb\x13\x08\x04\x02\x97\x14Y\xa1\xc6\xcf\xa4\x899\xfb\xf0\x0b\xdd\xc37-\x013;y\x05`\x95\x02Y\x0bN\xdb&amp;v\xbbV\xba\x0e\xb4\xedF\xb3\xb6|Y\xa5\xfd\x99\xd7\x97\xef\x9b\xcb\x88\xfe\x9e\xc9\x02\xa0\xa2D9\xdbf\xbd\xf6\xe4\xb7WO\xe00\xa8\x1d\x8a\x08\xef\x99\x12\xd5\xdbS\xb4\x90\xfd)d\x03\xc8P\x8c+\x97\xd7 &lt;@\x8aF\x8f\xfb\xfa\xd0-\xb7\x1a\x1d\xa2~mg\xb1\x0e\t\x04\x02\x81\x80\x84\x83&amp;T~\xe7w\xf9\x8c\x88\xf0\n\xd5\xa75\xacGD\xcee\x7fk\xc6\x1e2\x7f\xa6&lt;\xa2 =?]\xb5R\xe3\xf0\xcfb\xa3\xfd\xbd_\xd8}\xe4\xf8\xfa\xa3,\x04\xc7\xf4;"\xc2-\xcf#\x7f\xfaq\x08\xff\x9d\xe1\xb5\x97\xa9\xfeB\x96\xb6*\xcf\x18\x8d\xdcL/\x00M\xb1E\x05F\x00[#\xec\xa7rX`\xcf\xba\xbf\x02\x81@\xe0*C/+w\r\xfa\xa4\xe8\'\x06m\xd3\x9eJ\xf7\xb0\xea_\xa8\xbc\xebml&gt;iV\xfe\xa6\x86\xd2G4\xb1\xd6\xd6\xcd\xbe\xdbE\xf9\xa0`j\xe5\xda \xa5&gt;\xcdN\xebL\xdb\xc3\x0f\xcb\xa8a8\xa4\xb6\x13\xad\xb4\xff\x88gUg\x99\xc0\xc2i\xbb!er\xc0\xdd\xb0\xe3\xd0G\x89{m,\t\x10\xf1\x8d\x8eu\xfc\xc0\xf1vL\x97\x9d_\xbf\x07\x02\x81\xc0yb{\x1c\xff\xe0)\xd3\xac;\xad\x05\x80Z\xb3\x0e\x9d\xe6\xeb+\x8d\xfd\xb6\xce\xb64Y\xf0]z\xcd\xd7\xc0\xf9\xd8\x05\xc0@\x9d\xa0WW\xbd\xfa^\xb3\x9bHo\xc3\x1e[U\x07?\xba\xb1\x16o\xb3\xad5\xdf\x8e{\xee\x07V\xec\xb4S;\x08+\x93;\xcc\xde}Zk\x85*\xae|R\xb9_,\x00\xce\x02\xbd4\x10\xe1\xd5w\xb4\xdd&gt;\x9eI\x1c\x02\x81@\xe0\xdc1`\xf2(\x9b\x93o\x82f\xc7\xb5\x87\xfe+\xd6\x1f\xa8U\xa5\xa3\xa7\xbd\xda-\xf5\xfd\x06\x8e\x9c\xa7\xd7\xc5R\xfe\xe7H\xf5\x8d\xc2\xe3\xddtDo@&amp;_\x85Z\xaa\xa6\xd6t\xb0\xba\xd8S\xcbw\x97\xf1\xf7\xb1s\xe3\xc2#?x\xd5j\xfc\xd9\xa4I\xd3\x8f\xe9q8\xf5\xfe\xed\xc7\x00|Q\xb7\x89]0\xfd\xbd\xc5\xb8\x0b\xedl.\xd8@ \x10\xb82xT6\xb5\xe8\xb5\x91~\x90\x16\xfa\xbd\x05\xd6\xcf\x8b\xfa\xcf\xa9V;1\x04\xc7I4\xce#&gt;#\t\x08\x19\xd5%c7\xd7k\xa9+\x8c\xa6g\xd2N\x12\x9c6CcX\xa5zz\xbf\xaa\xa4q\x98\xaa~h\xd7\xe0\xc5sC\xc4\xff\xaa\x7f\x9d\xe9\xe2y\x06\x02\x81\xc0\xe5\xc4&lt;\x86\xf6\x945y\xbdn\xd5\xee\xe20\xadU\xa8]\x85\xa9\xdc\xa4E\xcf\xd1\xb3H\xf7D\xf58\x80w\x1b\xa1G\xc0\xc5\x96\xb3}}mL\xf9\x1e=c\x16\x00\xf0\x88\xee\xd6M\xf2]Vt\xdb\x95\xe7g\x86\x1b\x1a\x82\xdb\xefk\xfe\xac\x81|F\xbbv\xf8u\xe7\xbb\xba\xa9S\xeb5r\xd2a\xa1}\x10\x08\x04\x02\x81\xc0&gt; \xe2]0\xfdp^[\xc3\xa2\x86k\xdc\x93\xe3\x93\x93\xa2\xc7\xa5\x93iS\x9e&amp;2\x9a\xd7D\xcc\xe3f\xf3\x9e%\rm&lt;O\xc9]\xab\xa3s\x05]7z\xba\x8cH\x9e\x02\x88\x08o\xbcw\x99t\xe1\x1dw2\xebNC^2\x88\r\xc2\x00\xdaMEw\xf3\xaa\xf2\xf3\\KXV4C\x98]\x80\xfc\xdc\xd1\xdcD\\\x91\x91-\x10\x08\x04\xce\x1fe\xed\xb5k\x01\xd01v\xb3&amp;\xeb\x02`[\ttOE\x83\'\x12\xad\xee\xcc\\\xd8kQWu\xd6u\xffnV\x08\x80\xf0\xe4\xad\xc26\x15\n\xeb\xc6A\xc0\xb4\x15\xdaa\xa2\xdaA\xc5\xd9\x03\xf8\x8f\xac\xb9\xf7\x02\xbf\xe6\x8cvs\xc5~y%\xb8\xef9\\J\'Z\x00\x18gA\xca\xf6\xb6\xa1FX\xc0w\xe3L\x87\xb8@ \x10\xb8\x8a\xd8QVJ\x0b\x80=\xc37\xdd\xe4Fk\x01\xe054jFAD\x80\x97\x0cQE\xf4\x8e\xd79\x14f\xcf\xaa\xbb\xb3\x07.W\xc6\xad\xb8J\xad\xdbSp5\xe6\xea~\xaa\xe1u~\xea\x88\xc8\x14\xd7\xcb\xc8G\xba\xbfm\xc4\xc2~\x88\xf0\xaea\x8ao\xde_x\xad\xb9\x87\x00\x1d$M\xb1&gt;\xe5NQ\xf8\xb5\xae\xac&gt;m\xf0/\xbc\xaf\x03\x81@\xe0\xccQ)\xf5$qV\xaf7Z\xb4\xb565\x04i\xa0\x1f\xba\x00\xb8l\x18\xb1-\xd7\xeb\xf89o\xe6U2\xdc\x91E\xf9"d+\x80,\x97\x8f[\x11\xcd46\xe5/\x1b\xa3\x11\x11~\xb6\xf1\xba&gt;\xb2\xc7wDO\xa8\xfe/\x06c\xbf\x8a\xe0\xd3\xd6\xb1/s\xe0\xea=3r\x16=\x12\x08\x04\x02\x01\xb0\xb60+\xfb\x9a\xef\x85x\xdb\xf1\xfbL\x957Y\xea\n\x91\x1d\xbb\xa43\xcd\x9ee\xd5\xf7C\xe3D\x8e\xd8\xf7Ep7\xa7\x1d\x1dqq\x9d(\xdf\x10\xd8\x8e\x14\x113\xd6\xcfG\xa1u\xf9\xddX8\xc2i\x1eSq\x8b\x8d s\xeaD:\xc2\xdc\x80\x1b,\x88\x08\xf0"\xbd\xd1\xd9\x8c\x99\xe7\xc3$\x10\x08\x04\xae\x18\xf2\x9a@\xaa\xa1\xe1\xfd\xf5\xf2"+&gt;\xac\xbdO\xedD\xf7\xb6\xa8\xdc\x8aik\xaa\x8d\xc6M\xd5\xbb\xf5 \xde\x14\xb7\xf7\xf8\xb4\xb7\xee)\x95\x8e-\xf8l_\xe6S\xafS\xb9\xcb\xc4O\xc0g5\xd5\xb2\x87\xe3\xf4e\x93\xbf\xa0O\xf2gT\xdb\x01\x80/][\xd79UM\xfb\x94\xf8\xf1\xea\xd4\xbb\xb3\x89\x7f3\x8d\xdd\x0f,UL\x9f|\xf1\x9c\xdb\xbe \xbb\x81@ p\xa1\xe03bQUX\xf3\xaeoV\xbe\xc0\t\x0f\x0b\x9cf;s\xff\x04\x7f&amp;%B\x89\xc7\xeclot\x81\xddA\xcaq\xf4\xd7\xbe\x17Z\xf5\x0e1=\x8c\xfc\x12\x8a{\x1d\x10\x8d78\xf6\xf9\x9f\x86N4\xaf\xf4qk\x89N\x8c\xce\x87\xce\'\xf4vsh1\xb6\xba\xfc\xfez\xe4\x97\xe3\xae\xe0\x9c\xe1\xf0\x18\x08\x04\x02\x97\r\xcap\\\x0c\xd3\xc6d\xe9\x1b\xb2G\x96/\xab\xb6\x86\xca\xef\x94S~f\xe5\x9d:Z\x0ffs\xc9\xe0J\xb9^\xc5\xf2\nv\x98\t\xd9\xe6^/\xe6\xe6\x86\x92V\xfd\x1b\xab\xf1\xd7\x02S84\xe6\xee`\xba\xbc3\x16\x9c\xe7\x84\x0b\xa3\xd7\x90\xba\x9f\'\x84\xb1\xd6V[\xe7\x8b\xf8Dr\xeaUkW\xd6\xc5\xad\xf6\x03\x81@\xe0\xf2@\x1bI\xbf{\x9b ?\xdf\x9a)\xd7\xe7F\xf4\xaab\xf0\xe6\xe5\xca\x96\xdd\xb2p(\x18\xc5d$&lt;U\xc8\x17\rf~\xe6\x13\xe4K\xb7\x8e\xae\xf3\xdc\xe5\xcb\x91q\x18Rd\xcfA\xb0}l\x8a\xc0\x89\xd7\xc3C1\x96\xed\x85G\xa0\xd6\xa7\xfd\xeb\x13\xe9a\xb9\xaeg\x02\xcf$C(\x8d\xc3\x88]\x865a \x10\x08\x0c\x825\xca\xafEX\xb5\x941\xaa\x8aqCj^\x14R\x131p_%8\xca\xd3\xed\xec1\xa5\x80[\xa7\xba\xee\x1dP?\xa5\xabO\xd2\xd3\x9f\xf0i\xad\xce\xae\x9a\x0b\xb9\x82\xae\xdae{\x06u\xf3\x1b\xe7\x7f\xecY\x88^\xb4#\t\xecB\xc8\x88\xbd\xe9\xb8\x80\xc7T\x12\x08\x04\xae\x11\xec\xe9\xca\xb7YH\xea\x7f\xe7\xaem\xf7\x8e\x94\xb0\xc6\x88Q{,.j\xe2\xcfR\xa8\xf2\x08\x81\x9d\xb4C\x98x\xa4\xaa\xcf\x9a\xefg":\xbbS\xf9\xc7\xc6\xf5r\x1c\x06.\x00z\xf4T\x97\x8bm\xf7\x8b\xda\t\x1c\x02s~q\x0e\x1a^;qi\x04\x02\x81k\x01\xb3jw\xd5\xf4\xb4\xfc\xf7-\x00\xf6T0\x17:-\t\xb7 2|\x19|\xfa\xc1O\x95\xc0\xbf\x01\xac\x8f\x07\x1c\xb6\xf2\xb9\xa0\x08\xe7)T#p\n\x86\x15\x139\xd5q\xe5\xbe\x8bIC\xa0.\x07\x06\x94n\xc2\xa1c;\xe5\x0cq\xd7\xc5e\xc3\xebK\x993\x15\xa7\xaeY/\x07\x02\x81\xc0\x08X\x95Du.)54\x94\xf5\x88\xf7\xbb\x9cC\xb6\xa3\xeaB\xf8\x8eC\xaa\x19\xc2a\xed\x9a\xcb8\x9d\xcb\xb8[\x91B\x1fxQ4\xdc\xc5DK\xc2\x8fF\xdb\xe5vY\xb1\xd7\xb5z5|\tk\xc7\xe4\xd4\xc2\xfc\xf3\x84\xdb\xa1\xfb\x9dBD\x80G\xecT2\x0e\x97\xac\x8f\x02\x81@\xe0\x12\xa0\xb6\x95\xd8v\xbfxpE\xf2\xeb\x88\x88\xf0\xbe\x17&gt;\xfa\xf7\x16\xd9o\xdf\xd4p\x15v|\xef\xd3\xa7\xed\xf4\xd8\xfb\xc8\xfb\x85V\xb4\xd9\x97\nZ\xeeb9\xe5\x87\xe3\xa2\xc3\xb5\x13\xde\x08\xefI\xaaz|v\x9b\xb8\x18XY7\xeci\xf8\xd2\x8ap\x0f\xea\xfc\xe3\x96R\xe8\xd2^&amp;\x81@ pu\x91\x06hD\x84\xa7\xdaO\xaf\xaa:\x1a\xcdY\r\x8f-\xaaV\xe5\xdc\xcae.\xe6VT\xf8?\xd2{g\xa3&lt;\xbc&gt;\xf2t,^\xddw\xa7\xab\xfd\x81\x9f\xa3\x1f\t\xbb\xd2\xd0\x0bP\xb3Q\xfb\xaa\xfbr\xe2\xb7\xab\x9e\x16\xd1k\xf24[\xdf\xb6\xedb\xd4\xf5\xb6\xd0\xd8\x87t\x8f\xf4M.q/\x07\x02\x81\xc0\tp15(\x96\xd8\xa9\xc7/\xe3\xb4\xd5M\xc9\x98&gt;\xcf\xa1\xdcwr\x18E\xb5\xda\xc5\xc2\xd9\x07\x9e\xd1\x06\xed\xd6\x9bfUDV\x98\xa7\xe1\x7f\x0e\xe9\x148[\xf0\xbd\x06O\x93\xfd\x03\xb2\xa6\x18\xbe\xfb\xf4\xb9\xbaZ\x14\xdd\x89k\'\x10\x08\\K\xe4\xa3\xbc5\xdc\xdf\xa8\xa5\xb6\xe6\xa7\x8c2\xa8\x9cl\xbcE9"\xc2c\x91\x1f\xf5\xb4\xdd\xbc&gt;\xb2\x02\xa6\x0b\x9bGa~j\xc4\xac\xb3\x8bUS\xb8L\x91\xff\xddlZ?M\x0e95\xef\xc6\x8b\xb3\xf4\xab\xacO\xaa\xc9L\x1a\x8d\xa6zY\xb1\xaf\x9alm\x18a\x97\xe1,\xebq\xbdQy\x90}\xa7l\xc7]\x0b\xe3\\w\xdb@ \x10\xb8\x8a\xc8\xe6\x03\xa3\xb8q\x96\xcbjm\x84\x08\xf0\x155\n\xfe\xf1\xf7\xb5\xfd\xe5\xbbL\xb2\xc5\xe2\xa8\x05\xc0\xf0\t\xa6C\xa1\xa7\x84\xbd&lt;\xe8\xed\xfdB\x03.G\xb3\xab\xc0l\xdd\xf6,\xca5\xaa*\x0e\xd9[\xfd\xd0}\xcd\x03\x14\'\xcdI}69b\xd3\xbd\xc9\xb5kta\x06\x02\x81\x80\x82m\x8c6\xeaT\x7f\xd5\xd8]\x956M\t#\n\xd9\x13=\x98\xb1\x93\xaa\x14\x19\x84\xdb\x1fR\xc7_\xae\x85\xc1\x9e\xf5\x0f\xad\xf5o\xbfe "\x02\xfc\xd8\x18~\xad\x0c\xaf\\Q\xb2\xb3\xcc\xd2\x9b?\xe6"\x13u\xcc\xbd;\xef-\xb8\xfd\x18q]\xf7\xef\x808\x04\x9f\x9a\xe4;\xac\xb4\x98\xbbj\xd7W \x10\x08\x0c\x82\xbc\x00h\xdb\xc0&gt;\xe1\x0e\xd3\xd1V\xb8\xfe\xf2\x19\x9ez+\xb2\x00\xe8"\xc1\xda\xee_T\x18\xb6\x04\x85\x9f9\xc0\xc4\x89\xb2\xc2q\x97?\x0f]\xceJX\x15\x04\x8eD\x19g\xed\xb3\xd1\xb6\xb7\x9b\x9e8\xa6\x7f\xf7\xe4\xc9\x11\x17\xefqh\x1e\xc1p\xbb\xab\xd6 ?\x06\xea\xee\xd5\t\'\xa6@ \x10\xb8\x840\xca\xcd&amp;%U\x91vj\x1dV\xf6\xe1O\xa9~\xdb\xa28\xcd\xd4\xe7\x9eJl\xf1\xafg\x81\xb2N=l&gt;#E\xc9\xb0e\xc6\xf1\x15\x8f7&amp;\xc8\xa0PU\xdb\x8e\xe1{\xcd\xd1\x12\xc9\x0b\n\xbbh\xd1\xb3\x05\xe0P}!\x1e\x19wY\xdbG6rR\xd8&lt;\xf2]\x8cu\xda;a\x8e\x96\x1a\x81\x1b\x1cL*\x10\x08\x04\xce\x0e\xd34M\xd3\xc4\x87\xcbi\x9a\xe6\x0fi\xb87\xe6\x8c$l\xd8\xd9Kt%s`\xf3\x9bS\x92U\xbf\xb2\xd3T\xb3\xd2\x14\xe7\x88\xab\x1ao\x0c\xaf7\xdb\x95d\xeaan\x87\xf6 \xb7\x1e\xab\x86]s\x9f\xd4\xfby\x84\x0c\xcd\x88\x08o\xa8N\xf9\x8e\xe4\xac\xda\xba\xa8\xbd\xdb\xc3\x16~\xc7xd\x04\n\xa9\x98~\x1eq\xaa\xf4\xda!}Q\xfdF\xc3\xceD\xda\xd3\xbc3\x07\x94ad9\x95i6\x94\xb3SkC.\xa9(\xc8?O\xba\x13\xc6"\x1c\x00\xe17\xdd\xeeO\x1b\xbcM\x02\x81@\xe0ZC\xbfA\xdfU\x85\xcc\xa5@j\xc8\xdb\xbe\xa9OC\xc1\xa3\x85@+\x9aK"D\xd9\xc1};\xca\xf7D\xe7\xb7#\xf8\xf7\x04\xba@\xf8\x94N\xc9-\xc0\xf1\xd5XO\xc2dy5\xe6\x86C\xb91)\xdc\x96\xe97tD\x15\xee\xb2y\x8c\xdd%\x14\x835W\xa8\xb2\x87\xaf\xce\t\xa7\xa0\x84\x88\xdf\xddg\xa5\xad\x95wE\x8d\x19\xf8\t\xe5\x01Q\xb5\x95\x18\xc0\xfd}\xed\x1d\x0f\x03\x81@ \xd0\t\xb1BB\x04\xf8\xd0\xc6B\xa4\xbci.W]&gt;m\xdfv\xcaq\xbfy\xa2R\xa7\xcfZ\x1b\xa7f\xbb&gt;\xc3\x12\xf0\xdc1\x0b\x80r\xd9\xd6\xbf\xe8\xf2\x84e@]\xceT\xf5tJ3\x9ey\x98\xe6\x02\xc7\x17\xca\x97\xa3\xae\x1a\xdb\xa1\xc7G\xb5j\xfaY\'\xb1\xe3\xf3Q\x93l\r\x91\xa0\xe7)0h\xd7\xe6\xa2\xfa+\x10\x08\x04\xae\t\x8aiC*\xa7\x86\x8c\xc2\x98\xd4+g\x1b\x1e\xdc\x1c\nc\xca\xfchm\rs\\\xadY\xd5&lt;\xaak\xc4\xe6\x8b\xda=\xae\xb9\xd79\x97p\x01p\xbar\xe4\xd0\xcc?M]\xb5\xd3Jg\x87\x1a\x0f#\x95\xdaNV\\\x1e\x9f\x96\xc4\xca\xf8;&lt;\xa7C9,\xa8\xa1\xf3\xc5s\xe8\xfc\x15\x08\x04\x02W\x0ed\x88\x1cTNI\x8f\xf1\xcc\x86\xf4\xfb\xc5\xdc\x16;\x88\xf0vM|\xfe\xb1N\xd4\xac\t$\xf7\x11\x11_x\xd8\xbc\xe2\x8a\xfcc\x10\xe0\xef&lt;\xba\xaa\x86\xccS\x08\xcf\xab\tH\xa7\xe6\xffVM{\xb3K0\xa4.]l\x9d\xd9\xd9\xabP\x19\x9c\xa0\xac\xecF\xdf\xe8\x91\xcb\xb7Wo\xfe\x8a\xf0\xd4\x18iWQu\xce\xc9\xd0\x82b\x82\xd8\xed\xd4\x9e),\x10\x08\x04\xae\n\xb4\xca\x8c\x0c\x91\xac\xfao\x1a=\xf5\x9d\x9b\xa4\xad}\x01\x80\xdb\xc3\xa0}u\x9b\xab\x0e\xe6\x1c\xca \x98\xb4\xad\xe7\xe6[\xc9\xd6\x0b\xd9\x13\x00\x11\xe1\xcf\x11n&amp;\x07\xdcH\x0ft\xdc@`9Vc\xe2\xfb\xc1"\x8fB;\xb7O\x1f\xf3v\x8b9\xed\xcf;\xdb\x87\xa4k\xd7\x85\xda*k2b\x85\x86\x08\xf0\x88\xbdJ\xe0\x9e\xab\xaa\x8b\x87\x99\xe48K\x9c\x96\xd1 \xbc{\xd9\xdd\xd2\xceK\xf9\x97\xcb\xcd\xfc2\xbf\xd8\x115\x10\x08\x04.\x0c\xfe)\xd9.\x92\xec\xa6\xab|[\tk\xccjz\t&gt;f4_b"\xd5\xa3\xacN5w\x9d%\xf2\x7fl\x96\xb9\x8a\xda\xe7;+\xe3\xa3\x81\xd9\xbaH\x14\xf8]\xc9k\xa5\xb3\xa8\x0c\x8b\xad\x8e\xbf\xaa\xde\x17j\x80\xdd_\xb6\xe6\xb1\x9dr&amp;\xbd\xbc\x073\xf9o^\xbc\xf8\x1ezN\xbd\x17T\xc9\xab\xb1\x0c\xcf-\xc2C(IJ\x96\xacv*\x17\x07\xb4\x81\xd0.1\t\xff5\x93\xff\x16e\x98\x95\xf1\xaf\x9e\x8d\x03\xd7\r\xc9@ \x10\xb8\xe2h\x9ax\x06U\']\xe6N?g\xe7\x95nizL\x01\xd1\xb6\x00Hg.\xcd\xa4\x95\xbc\xf0\xd3nX\x00\xe8\n\xda[\x99v+|v\x12V\xd5\xedW\xd5g}\\U\xa4\xa6w\xa5\x8d\xe3\xe6O\x17\xcf\xa77\xca\x9f\x08{\xf3\x87\xb4z\x91~\x13\xc0M\xa5\x87\xc6H\x14\xbbEM\xc1yDE,\xd7v\x0e\x9e\x06\x02\x81\xc0\xc5\xe1&lt;F|\x01d\x9a\xdf\xc1\xf3Lf5\'\xc8\x9c\x97\x15:\'\x9d\x9e\xc7lFv\xb0\xddS\x0f\xf5\x96\x86\xea\xcd\x87\\\xa1\xa6\xd9Ku\xed\xcd}\x9d\xd8\xdc\xf6\xdc\x92\xdf\xe6\xf3\xcd\xfc\xac\xf1\x04`\x9b\xcd3\nB\x8e=\t\x0f;.4MUk\x13\xb8\xc3\xc8\xc0n\x1c\xe8\xa5w\xf7\xc1\xfa\x03\x81@ \xb0a\xd7\xc8(\xd7^t~\xfae\xfa,\x8d\xa5\xae\xa8\xe7\x14\xe1z\xc1w\xff\x1f\x19\xfd\x84\xc6(m\xaa\x01yR?\xf6\xee&lt;\'\xb1\xb7=S\xe2Q\xbb\xb7\xa0ix\xc6@0J\xac\xfb\t;\x8d\x00|\xf0\xc9\xb7\x1e\x8f67tAB/gA\xb8\xb3N\xd5y:\x14\x1e\x16@\x9au\rwG\xab\xc2MQrF\xd55&amp;\xef\xc0\xd1\x03\xec\xe1\x03x \x0b\xc7\xbc\xf4\x00\x00 \x00IDAT\x10\x08\\\x19\xf8\x8b\x9bll\xa5%\x14f\x9b:\x88\xe5\xb3\xf5\xda\xe3\x98?F\xe6EI\x8cUl\x07\xe3\x94\xb6\x86\xc1K\x18i\xe1\x957lr\x1c\x95~\xf1tV\x99\x15mh*\xa1\xc4V\xcbgD\x00\xf8swjUd\xfc\xbe4V\x81\xc7\xa1\xee\xf5\x8en\xaa\x1a/\x8dh\x0b\x80?!\xc2 \xd0\x1eR"\x1f\xfa\xe6\xa9\xfcZ\xf1Z\xf9\xb2mH\xac\\J\xf3\x7f\xfd\x0c\x9c\xc2\xf9\x1fN\xcen\x8c\x8dv=J\xb4\xc1e\x1b\xde\x03\x81@`$P\xaa\x05+ST.C%\x91\xcb\x90YG\x9a{D\xbbtzx\xd9r\xf6\xe1\xa67{\xc7t\x89\xf3^=\xe4\xb8&gt;Ky\xb7\xe5DV\xe4\xb8E\xfe\x8f\xa4\xddz\xe2\xb5\xcfqK\xde\x11\xbd}\xfdu\xf8\xfc\xedN\x80rQ\xd1\xa4\xfcRT!\x07\xdfX\xf0g\xb5v\xfc\x15j\x0c\xdf\xed\x0c\xe2\xec\x18\t+M\xc5\x13\xce&amp;\xed\xc3Z\xd7\x02\xf5\xa88K\xb3Lav\x0b\xec1\x04\x02\x81@\xe0\x8a\xa1\xdc:\xf2M\x12\xc8\xc4\x8c\x19z\xd9g\xb5\xa7\x9c\x96i\xc9\xa3D\xd8J$&gt;\xba\xf4\xbc3\x02\xbch\'\x19\xc2\xc7\x0eW5\x02\x85\xda\xb2\xc9\xae\x00~\x1d2\xce.\x0c\xe9\xb8.&lt;\xafE\xd8\xc70\x8bd\xb5\xe1/\x0b\x91O\xa10\xd6\xa8%\xa7,z\xc7\xc4\xb0R6\x9d\x01\xf2\xb8\xfd\x8e%W^J\xda\x95~\xce c\xc2\xc6\xdf\xbd\xd8\xd6\xfcU\x92GX\xe7\x9bA\x1bt!\x8f\xee\x172\xc2\xa0\xbel\xbe\x88\x81(\x10\x08\x04.7\xe4\x05\x806\xaf\xb0\x02\xd4\xd8\xd2\xf6\x8d\xc8?9f\xeeAD\x80\xbb\x92\xe7+\x88/\xa5_\xfa\x16l\xcb\x03!\x9c\xbc5\xdd*\x13XC%\x8d8\x7fU\xce\xd7_\x00\x13""|.\x02\xfcVMq[Glv\xadV==\x9b\x8a$\xd1\xb5\x8a\xbf\x12\xc9&gt;\x19D\x84_\xa94\x97\xda6\xdc\xccY\x93\xe4\xca\xd6.F\xfc\xcd\xfc\xf9\xb3Y\xa4\xb8Ep\xd9\x8a\xfe\x1c\xac\xc7\x85\xf3v[[\xfb\x10z\xddmwZ\x1f\x823\xa1\x11\x08\x04\x02g\x07e\xe2)%j\x05e\xe3&lt;1fDVJ\x04\x9b\t\xbd\xfd\xcdO\xd5\x03b\xfe\xf6?\x99\xd1K+\xead\xbfg\xa2\xb5\xc9T%\x87\x17O\x85u\x12aL\xbb\x9b}F\x11\x00\xe0&amp;\xa2w\x8b9g\x18\xf5\xf8\xd4\xd6\x81O\xe5\x07\xef\xe8\xb1\xe8\x85\xa3\xe3\xce\x04}&lt;\x9d\xc9i\xb7\x9d\xff\xcaO\x00\xe0o^\x86\xa0\x11\x14\x03\x82\xca\xff\x03\xb4;\x84\xf0\xe6m.\xb7F\xbe\xa5\x8f\xa4\xeb\xf1\xe2\x17f\x17N \x10\x08\x04\xce\x14\x9eaZ\xde5\xa7Z.`\xf6U\xc9\xec\x19\xf7IY\xac\x95\xecD^\x93!A\xabjk\xe1(w\x87Mf\x87\xd1M\xb9GP[\x169M\x98\x92w\x1a\xe2\x1d\xb7\xd2Z\x1e]\x12\x1c\xe2\xce\x12\xa8\xd6X\xfd\xcd\x12\xe1Gv\x05\xb9\xc8\xed\xa7\xd2kJ\xe8\xb8O\xf6\xf4\xe6\x85vw\xe6\x91/\xf7\n\xaf\xab\x03\x8exv/g\x91\xd5Mw_;\xe3\x89]\xb1\x0b9\x10\x08\x04\x06\xa3e\x94\xfct\xadr\xf5\x8f\xfe\xf49u\x86\xafh\xe0s,\xe4*v;\xed.m\x05-;f;\xa6\x87&gt;\xfb.*/\x9bx\xb7\xc9E%\xb5\xdb,+&gt;\x9a\xb9|\xf7J+\'\xc3c\x8a\x98]\x9b\xd3G\xc3\xd7k\xe7\xb0\xe7\x9a\xf0q \xf7\xd4\xc0\xcc/\x0e\x8b-\xce) 22\xf2v\xe2\xd1\xfdu\xd1k\xe7p\x94\x87\xb2\x97\xb8\xa4\xf6\xe4\x1a\xce\xf0R\r\x04\x02\x81+\x006}Z{~m\x8f^\xe8\x03\xf7\xc8\'a\x06\xaaBD\x80\x87\x8a\xc7\xab\x86h!Lk\xdc\xff\xea\xe3\xb3\xe8\xa9\xba)-Z4\xc5e\xa7\xabE\x15\xd7\x83J\x85\x9ad&lt;\xdd\xe1\x0f)\xb4t\xb1\xc6m\x8f\xf5a\x90Kd\xf1\xfe\xc6\x85\xd4:\x8f\xdeczt$\xfd\x1dt\x11]\xe9\x85p\xdf\x89\x1ca\xf2\xceK\x18&lt;7u\xc9\x00r\xa7\xb3\tQkg\x9dk\xff\x06\x02\x81\xc0\xf9C\x1b=i\xa9Z\x9c\xd0t9\xac-\x05\xeb\xc1\xd5\x0cB}\x9a4\xdb;\xaajTCTo\x91)/\x0b\xeevU\x1d\x0e&gt;\\nEtz\x0b\x88V\xebU\xf857\x89\xbd\xe9\xe8\xe5\xc7(x\x92\r.n\xa7SJZ\xb8\x90\xa5\xc8\xca\xa1\xdeAE?\xfe\xf6\x19\x16\x88\xd6]\x11\xdd;zCR\xd6\xfd\x8b\xf5\xeb\x97\x8c\x90\xa7Mx\xf5\xfe\xa1J#J\xfc@ \x10\x18\x8ey\xc0\xe5#\xef\x05\xcd\r0\xa8\xb0 \x0b\x00R\xb8\xb4U\x96b\x04\x90\xc1E\x8b\t/\x7f\xde\x07\x89@Ma.6\xf8.\x87\x9f\x00\x00\x02\xdc\x8b\x1c\xdf\xcf\xa7)\xe5\xec\x08dz\xe4&lt;\x17M\x8f\xcc\xf9\xa6\x07\xd0\x0f~\xaeio{\xb2j=mY\xf6\xd02\xe1=\xee\xa0oeuI\xe0\xdc\x85\xd9\x1e\xef\xe9U.iT\x15\x8e\x0c\xaf1\xd2\x0e\xb4\x12\x08\x04\x02\x01\x80m\x1eUG\xde\x81%\xe6\xe9\xc1\'\x0fg1T\xc8\xe8\xd3\x92T1\xbb\xeaK\xdd\\\xa6\xadV\x8c\x0e\x9d\x1a5w\xb6\xd3Z3~\xc8i\xc3P\xeb!\n\xd2\xda\x15\x11o"\xeb\xfc\xda\x8c\xb0\x8b\xa1/\xed\x07\xc4?\xf1G&lt;\xea\xe6\xd8\xceT!)14\xf1\x9aY\xb8\x83c\x88]\xd6\x01\xcd\x03{\xd0\xb0[\xda:\xcbi\xa2\xb5;\x06\xa0\xe6T\x03\x13C\xd5E\xe4v \x10\x08\x9c\x13.h\x9a\x178hLzf S!\x11r\x12\xb3IBY\xe1\xb5q\xb6\xd4\x0e\x9ezM_\x10{6S]\xab\xa6\xea\xa4NdDz\xa2\t\xd0\xe3\xacu\x81\xc8\xaa\xc6\xd0\xa2\xad\xb7=\xe9\x95\xd5\x12p\xab9\xc8\xf1?\x11\x9e\xe55jx:\x1fyE\xb1\xcd\x1en\xfb\x918?t\x17\x93\xe4\xf8\xff\x1b\xc6\xacT~\xfa\xe5\xd3\xd6\x95]\xa9[o\xc5\x04\xa6V3\x81@ p\t\x81\xe7&lt;\xdc\xe5\xb3\xf24Q\x9e\xe9,?\xe5\xd6\t}\xeek\xe5\x82\xc4D\x96m\xe2\xac\x11\x98`\xf1a4f\xc6\x93\x1d\xff\x8a\nD1\xbc$\x1c\x92\xcc\x96\x93\xbc\x8b\x17\xc7\x95\x8ec\xca5\xce\x8b\x83F\xf3}\x1dT\x10\x11U!\xe2\xce\x1ch%4%\xb7\xdb\xed\xf2$\xdeE~\xd6v\x8c\xfb4\x074C\x88\x07\x11\xe8\x86v\xc9\x08\xf8`\x84\'\xeab\x888;\x8dV\x90\xd7Ki`\x10\xc6\xcf&amp;\xdd$\xdb\x1bn\xe4o\xd0j,\x10\x08\x04.\x1dN\xb5\xed\xb5\xcb\xcc4Y\xc3\xf8\xbe2\xed\xf0\x9d?\xcf\xb3\xca\xe6\xd9\xdb[\x0c\xdd\xd3[\xe3\xc6\xed\x94\xc7u\x9a\xac\xd5\x97h\x0b\x96\xa9W\xa07\x95\xb0;p\x9a\x96\xff\x91\xe6J\xab\xa6{A\xa2\xb9E\xed\xee*\xc6Xx&lt;\r\x00\x1e\x9e\x9e\x80\xea\xbd\xbd\xd0Lh\x9ac\xd7Y\xf4\x0e,\x13]\xdb\xc8s\xae\xdez\xc4\x13V\x9a\x01fp\xbf\xad\x9d\xa8^\x0e\x1b\xd6\xea\xff\x7f/\xb1|\x9d\xfc\xe4\xec\t\x9a\xd5?l\x97\xd2@L\xca8\x83\xec\x83[\xe3N\x8e\xac[\x1f\xade\xdf\xc5\xf7\x7f \x10\x08\x9c\x12\xf2]\xf2O\xbb\x00&amp;\x12\xecR\xa18\xdbroz\xe7\x13\x11\\\xc3\xa2G\x7fNI\x10\xce$\x00n\xde\xc7\x01\xe0G[\t\xb7\x1b\x11\x9e\xa5\xd9\x13\xba#\xa1\x07\x99I\x82R\xf3em+\xcf&amp;9\xc9\xc8\x15og\xfaaj\xdb\xd2j\xfe%\xcf\xbd\x9d\xb5\xf3\x92\xe1z\xaa2)hMF\xbd9pv\xd9\xdb\x8a\xf2\x89\xac~wz:Tm\xb2\xf4\x9a\xfcT\x9e\xdd#\xa3G\x15!&amp;\xa2\xfe\xb3\x1c\xca\x02\x81@\xe0\xe4\x90\n\xa0=\xbb\x95c(){6\x08\xf0\x9a\x9b\xd0B\xcfO\xb2\xdf\x1daJ\x9b?|\xac\\(\xfbg\xc1V\x1en\xd1\xc76\x9aFZa\x10\xc3UU\xd97\x1f\xdc$w\xe1f4\xc2w\xb6\xe5Eb\x85\x86O\xad\xaf\x01Z\xbc\xfbm\xde\xdc\x87\xc3\x0bn\xb1\xd5\x1e\xa35&lt;\xcd\x9f\xbaZ\x06Zm^2\xb6\x94\xdc\xf0\xb5D\xe7E\xd4\x8e\xf3P\x8c\xd9W2\xc6\xe8&lt;\n\xe4\xaa\xc4\x0fRl![&lt;\xec4\xab\x9d\x10\xf9\x8d1\x1a\x08\x04\x02\x97\x16\xb4H\xed/[\xef6\xb4\xcc}\xa1\\\xab\x99\x8dr\x02\xa2d?C\x1e\x161&gt;\xa8 _\\!"\xfc\x85\xb0t\xf1\x06|]\xf6T+\xa4\xc6N$?\xb3#,\x00\xe0\xcf\xcb\x83wE\xc4\xa2\xd5\xd2p\xdf=\x96\xf4\xa7\xbf\t"\xc2\xefTrc[\xc3H\xbd\x06i\xe7\xbef\xb71\x85\xc6\x17\xfdbR\x89[\xb0n\xd3[\xab\xa6&amp;\x07a\x08\x8d\x91c\x11;4F\xb3\x8doP\x06\x90\xf3\xe8#?N\x96W\xca\xc0\x15\x08\x04\x02\x01\x19\xbcV \x13\xcfrPk\x9d\xcfL\xbe\xf1W\x95I\x16U=\xf5\x89d\x16x\x95\xf1\xb3\x0e\x8aa\xf1\xc8\x16\xf2\xdb\x91-\\Y\xc9\xfb\x0cg\xf5\x99\xd4&gt;\x88\x9e\xfa\xe1\xfe\x15N\xfe\x97\xe8\x0bmP\x1eONUC$\x9ee\x86\x1a\x16\x00\xd5}\xd9B\xb9\xfaH\xc0\xba\x06\xf0ap\x82\xb9!F\xf8\xa2\xc8\x98\xe8\xa6t\x86\xbe\\\x0f\x98\xf7\xfd\xfar\xcc9f\xf6\xa1P\xbbcsg\x0c\x9b@ \x10\xb8\xecPk\xbeL\xa0{G*+\xb6T\xa3\xa2\x00\xd0\x83\xff\xa7\xca\xbf\x89W]\xe4;]\xd5-\xa7\x91\xcb\x17G\xb2\x99\xd5\xa7\xd3\xb6\x9e\xdd\x19\x187\xe3*\x9d\xc2;\xab\xc1\x9c\x91W\xad}\xe7lb\xe5\x15Us\xe2\x05\x80\xc1\n\x00\x00^\x87QR\xf2\xaa\xd5l\x9b|\x83\xe2a\xb9wA\xb8(\xf2\x17\x164\x96\xfc\xf42\xef\xd6\xdb\xac\xa4\xd1\\\xae\x19\x11\x01\xfeW+G\x18v!\x07\x02\x81\xc0%\xc7\xcb\xf2!\xb8\xacP\xef?\xb2\xe2\x91\x8eZE\x98P\xf1\xe8\xf3\xca]\xc7\x8d\xe9E1\xddT&amp;\x8a\x92\xd4M\xf5y\x1eK\xabv\xc2\xb0\xeb\x86\xd55\xb6\xdd\x06\x1bz\x93F\xf2$g\xfa\xbdn\xea\xd9\xdd\xe0\x9b\xf7M\x01\x19\xc2\xb3m\xcd\xd6\xa0\xf7D1&lt;\x02VL\xbe\xa6}\xa1\x0b\xf5\x95\xe7.\xec\x8b\xb3|\x97\xafd\xbb3\xd3\xb6\xbbj\x9a\x9et|\x19\x0ck\xb1\x92\x94\x0cZ\xae\x04\x02\x81\xc05\x03\x1d4\x97?\x95\xb2u\xa0Y\xedI\x0cc\x9e`\xa7\x0e\x1f\xeeY]\xe8\xac\x14\xb5\t\xb5\xe1\xa9\x15Mm\x85\xa4\xd4}M&amp;z\x1bz\xf1\x8c\xe4\xb8\x12\xc6\x96d\xa3q\x162\xb9\xe5Q\xa2\xc1I&gt;\x08ub\xfd\xb4\x8f\xa9J\x87\xc4\x90+y\xc2Ev\x8d3\x97\x0c\x05\x85\xae\xb2O\x85\xcf\xb5E\xf2\x0e&amp;\xba\xd2Y\xf3\xfb\n\x83\x7f\xb7V\x80_\xb5\x13x=^\xac\x16L\x85M\xcb\x03\x19w:\xcb+=\x10\x08\x04\x0e\x85\xba!M\x8e\x14\xf2\xa3+\xa4\x0e=;\xe7\xa1\x1d\xb4\xe5\xf8\xac\x07\xd5\xfa\x15\x11\xf3\xbf\x86\x90a\r\xb7m\xb3\x81\xbd\xd3\xc1\xcb_\x1byBA3\xd0q\xc7\xa0p\xbf3 \x97\xb4 \xb8\xc0~\xef\x83kI\xc6\xc4\xfe\xc8\\W\x0ct\xff\xa0H\xfe\xda\xa2]HNy\x84Q\xf9\x1d\xd3\xdd\x8bZ\xe5z\xec\xd6\n\x0e\xc2\xd9Xj\xad\x01&lt;z\xda\xef\xd2\x1cu+,\x10\x08\x04\xce\x0c\x0fS\x17\x00\xd9(\\Hp\xe1\x9d;a}\xa5j\xaf\xdd\xcc\\uNuRz\xf7mV3\xa0\xb2\xfd\xb5q\xf3\xf7\x1a\xc6\xd2\xee\x18\xc5M\xe2\xdd\xc2\x9a\xa1\xd2\x97j1\x84\x00\x0fM\x9fGEcX7\x8d\x84Z\x1b\x9d\x9e\xca\x0eT\xd8b9\xec\xe8\xf2[\xfe\x9fq\x19W\xa4\xa26\x1c\xa1\xf9\'W9\x9a\xe4\xa6Z\xb26r}\xc5/L\xcf\x05\xeb\xba\x9c\x11\xef\xbd\xe5C\x9d\xc7\x91a\x0c\x04\x02\x81s\x83\xf4\x14M1\xfe:\xb6j\xf6\xd7U\x1dJ\x10\xf19\xedv\x8d\xa9\x85\x14\x19w\xec\xaa!\xc4\xa2s\xf8|i\x9ffd,\xaa&gt;n\xf8-\xc7M\x8dk\xc4\x0c\x01e\x17\xf0\xbf$MIUjB{\xa1\xa3;HT\x01&gt;&amp;#&lt;\xe6\x0e\xd8{\xefzh\xe7{\xf6sHLz9\x9c\x12\x7f)\x9a\xde\xd9\xcb\xe3\xd04tx\xaf\xc1\xaa\x96\xd6&amp;\xcc\xba(/\xd2\xdbu\x07\x80j\xb7\x06\xe4=\xc3\xd7&amp;\xf0\xe6Q\xd9\x07\x02\x81\x00\x85&lt;26\x94\x86\x03\n\xdc\xf1Ur\xd5\x948\xb5H\x04v\xb0\x1a\xedQ\nQ\xfe\xef&gt;u[\xd8\xed*&lt;?&gt;\xb8\xb3\xca\n@\x</t>
        </is>
      </c>
      <c r="E56" t="inlineStr">
        <is>
          <t>&lt;class 'numpy.ndarray'&gt;</t>
        </is>
      </c>
    </row>
    <row r="57">
      <c r="A57" s="1" t="n">
        <v>55</v>
      </c>
      <c r="B57" t="inlineStr">
        <is>
          <t>steps_per_sec</t>
        </is>
      </c>
      <c r="C57" t="n">
        <v>700</v>
      </c>
      <c r="D57" t="inlineStr">
        <is>
          <t>3.0957382</t>
        </is>
      </c>
      <c r="E57" t="inlineStr">
        <is>
          <t>&lt;class 'numpy.ndarray'&gt;</t>
        </is>
      </c>
    </row>
    <row r="58">
      <c r="A58" s="1" t="n">
        <v>56</v>
      </c>
      <c r="B58" t="inlineStr">
        <is>
          <t>Loss/RPNLoss/localization_loss</t>
        </is>
      </c>
      <c r="C58" t="n">
        <v>700</v>
      </c>
      <c r="D58" t="inlineStr">
        <is>
          <t>0.109109014</t>
        </is>
      </c>
      <c r="E58" t="inlineStr">
        <is>
          <t>&lt;class 'numpy.ndarray'&gt;</t>
        </is>
      </c>
    </row>
    <row r="59">
      <c r="A59" s="1" t="n">
        <v>57</v>
      </c>
      <c r="B59" t="inlineStr">
        <is>
          <t>Loss/RPNLoss/objectness_loss</t>
        </is>
      </c>
      <c r="C59" t="n">
        <v>700</v>
      </c>
      <c r="D59" t="inlineStr">
        <is>
          <t>0.010107943</t>
        </is>
      </c>
      <c r="E59" t="inlineStr">
        <is>
          <t>&lt;class 'numpy.ndarray'&gt;</t>
        </is>
      </c>
    </row>
    <row r="60">
      <c r="A60" s="1" t="n">
        <v>58</v>
      </c>
      <c r="B60" t="inlineStr">
        <is>
          <t>Loss/BoxClassifierLoss/localization_loss</t>
        </is>
      </c>
      <c r="C60" t="n">
        <v>700</v>
      </c>
      <c r="D60" t="inlineStr">
        <is>
          <t>0.25913414</t>
        </is>
      </c>
      <c r="E60" t="inlineStr">
        <is>
          <t>&lt;class 'numpy.ndarray'&gt;</t>
        </is>
      </c>
    </row>
    <row r="61">
      <c r="A61" s="1" t="n">
        <v>59</v>
      </c>
      <c r="B61" t="inlineStr">
        <is>
          <t>Loss/BoxClassifierLoss/classification_loss</t>
        </is>
      </c>
      <c r="C61" t="n">
        <v>700</v>
      </c>
      <c r="D61" t="inlineStr">
        <is>
          <t>0.18455191</t>
        </is>
      </c>
      <c r="E61" t="inlineStr">
        <is>
          <t>&lt;class 'numpy.ndarray'&gt;</t>
        </is>
      </c>
    </row>
    <row r="62">
      <c r="A62" s="1" t="n">
        <v>60</v>
      </c>
      <c r="B62" t="inlineStr">
        <is>
          <t>Loss/regularization_loss</t>
        </is>
      </c>
      <c r="C62" t="n">
        <v>700</v>
      </c>
      <c r="D62" t="inlineStr">
        <is>
          <t>0.0</t>
        </is>
      </c>
      <c r="E62" t="inlineStr">
        <is>
          <t>&lt;class 'numpy.ndarray'&gt;</t>
        </is>
      </c>
    </row>
    <row r="63">
      <c r="A63" s="1" t="n">
        <v>61</v>
      </c>
      <c r="B63" t="inlineStr">
        <is>
          <t>Loss/total_loss</t>
        </is>
      </c>
      <c r="C63" t="n">
        <v>700</v>
      </c>
      <c r="D63" t="inlineStr">
        <is>
          <t>0.56290305</t>
        </is>
      </c>
      <c r="E63" t="inlineStr">
        <is>
          <t>&lt;class 'numpy.ndarray'&gt;</t>
        </is>
      </c>
    </row>
    <row r="64">
      <c r="A64" s="1" t="n">
        <v>62</v>
      </c>
      <c r="B64" t="inlineStr">
        <is>
          <t>learning_rate</t>
        </is>
      </c>
      <c r="C64" t="n">
        <v>700</v>
      </c>
      <c r="D64" t="inlineStr">
        <is>
          <t>0.02266645</t>
        </is>
      </c>
      <c r="E64" t="inlineStr">
        <is>
          <t>&lt;class 'numpy.ndarray'&gt;</t>
        </is>
      </c>
    </row>
    <row r="65">
      <c r="A65" s="1" t="n">
        <v>63</v>
      </c>
      <c r="B65" t="inlineStr">
        <is>
          <t>train_input_images</t>
        </is>
      </c>
      <c r="C65" t="n">
        <v>700</v>
      </c>
      <c r="D65" t="inlineStr">
        <is>
          <t>[b'1024' b'1024'
 b'\x89PNG\r\n\x1a\n\x00\x00\x00\rIHDR\x00\x00\x04\x00\x00\x00\x04\x00\x08\x02\x00\x00\x00\xf0\x7f\xbc\xd4\x00\x00 \x00IDATx\x9c\xec\xbdw\xfc?OQ\x1f&gt;\xf7\x15,\x88\x82T\x15A,((\x82\x05\x89\x91&amp;\x96XP\xd1(b%\x8a-\xf6Dl\xd8;b\x14\x1bh,\xf8\x13Kl\xa8`\t\xa0\x06\x04\xc4\xd8b\x03,\xa0\xa2\x88\xa2\x08\xd2\x02V2\xbf?\xeenow\xa7\xec\xcc\xee\xde\xbd\xee\xfd\xf9\xee\xf3\x01\x9f\xef\xeb}7;\xf3\x9c\xd9\xd9\xd9r\xaf\x02\x00\x80\x88\x88\x18\xbf\xd8\x01\x08\xa0i^M\x9b\xad\xbf\xb7(\xb9\x9b\x0b"T\x8b\xf9\xad\xe3\xe9Q\x02\x01\xbbZ\x01@\x90\xad4\x10\xf8\xf5\x03\xf8o\xb8t\x7fIP\x82\xe0\x1bJ\xfd\xd1j}sm\xc7\xe0Wh\x96\xfc2ec\\\xe2ta\x9b\xe3-\x91A\xf8\xa4\x0e\x81m\x1d\x83_\xd8\xads/^T%XC$\x0f\xe4\xa3\\\xb3Z\xb1\xf09\x90\xf6\xc0\xc0@\x1b\xd2\x15\xe1&gt;\xe3VS\x8e\xb3\x80G\xd3\xde\xeb\x1b\x14^\xb7k;\x05\x0e(\xd0A\xbfl\x88Y\xe5\x18\x89\xa5k_\x8b#\x97]\x10;\xe1\t\xc2n\xf6\xdb\xd6\x97\xab\x1a]\xee\x93\xd5\x81\xfc\x19\xb5\xe9\xe1\x002{\xd4*\x13\xbf=7UMm\x866\x13\x1d\xdc\xe9\xb9\x8cv\x95\xd6\x1eyr\xf9Q\x89\x88\x00\xf7\xd8S\xb9\xc9\xc7\xaa\r\xc0\xa5\xa3\'s\x1e\x1b\x80\x81\x81\xab\x81p\xd8v\xcc\xa0m\xa9\x0e}\xf7*\x12\x93\xf8\xe2\xa8eg\x04"\xfc\xe0\xe8\x94\x1d\xd1\x9e\xf3\x86\x81\xe3\x1d\xc5\xf1\xd8\xef\x02,\xafA\xfb\x9d50\x1b\x80\xf4\xa4\xdfX\xd6\x10\xf1UI\x04:o\x00Hx\xf7\xdb\xa2\xcc\xee?\xb9Y\xff\xd9\xb1\xd3$\x82\x88\xca\x93\xf0K\xa1\xd7\xec&lt;00p\x10\xf8\xf2d}\xa8\xddb\xce\xdb\xbc\xfb\n\x80\xb7\x11\xdd\xb2\x9e\xea\xd9o5\xe0T\xbb\x91e\xdf\x18\xff\xcd\n\xedd\xdb{T\xb929E\x00\x8f\xea\xc7S8K\xd1\xb0\x8d\xb779\xc1\xbb\\R=\x9b\xaa\xff\xd3tp\xaeP\xear\xbcB\xfe\xdc/\x8bN\x9a\x9f\x1d\x81\x11\xbak\xee\xabP\xc3mO5\xf5\x0c\x0c\x0c\\\x1aYQ\xb3W\xba\x9dNDz\x9f\xd5\xd5?\xba-\xde\x92\xcc\x16e\x0exK\xba\x91v\xbc&gt;8d\xadP\x8d81OH\x8f\xa2\x8e\xa4\xf2\x86\x19\x84/="s\xbc\xc86\x90\'D\xaf\x84\x89\xd3\xafs\x1e\xae\x0f\x13f\x9dOn\xd5\x9c\x90\xbc"\xe3\xe5\xcc\x983\xfc\xfb\x85\x8dk\xfcD\xe8\xdc\xa1\xf6d\xc2H\x9b\x81\x81\xeb\x1d&lt;s\x06\x99fjJ\x86\xb9\xc9\xd1\xf5\xa8v\x01g\x0b\xdd\xac\xff\xc5\xbb9e\x9b\x8d\xb8w/t\x7f\x7fv\x0f-\x10&gt;dr\xe2i\xc92jJ[\xac\xaf\x10\xe4/\x0f\x89\xc6y\x18\xf6@\xe1Qa\xfc\xba\xbf\xd7\x8c\xceZ\x13\x8b\x9e?l#\x94+\x05@\x80\xffw\xd4\x18\xdc\xefmK}!\xef\xb5\xae\xe2\xb8\x88\xceY\xfe\xf0\xdc\xf5v``\xa0?\xbc\x07\xe7\rs\xa1u\xb3q\x05\x0eW\xaa\xb0\xdf\x89;\r\xec%\x16j\xd7\xb3\x03H\xc3\xc3\x1f\xff\xa1lM\x00\xcb\x03\xb3V\'\xbd\xe8q\xe7tK\xba@\xde\xbb\xfbe\x85\x8bq8|8&lt;\xa6\xa3.\x7f\xea^\x18\x87ReN\xc1J\xb5\x9d\xa1w\xf1\xd8"\xc5\xa5)\r\x0c\x0c\xf4\xc6:\xb0\xd9\xe1\xed\x1d\xf3\x17{CK\xbf\xf2\x84\x88\xf8\x13\xb4^\x1f~\x04\xd2\xb1\xe6n\x15&lt;z\x87O\x17\xcd\x8a9\x91C\x1b\x9e\xdd\xd0\x11\xc5-\xd6\x91\x93\x1c\r\xc8\x0e\xd6\xd3Em\x8c\x7fv\xbd]\xa1,\xe3\xea\\f\xd1|\xe9\xe5E\x88\x83w\x03 i\xd3\xa3a\x0e\x17\xd2oO\xaa&amp;\xc5r\xa8\xc8\xba+\xb8"&lt;\xbat\x93\x0bz\xb8\x18y\xbb5\x07\xb3\x12~$\xdd\xb4\x8c\xd5\xff\xc0\xc05\x0eyl\xbf\xac\x8f\x81\xaf\xb9r\x15\xc4B8\xc8\xec\xf6\xad\x17\xd1\x8a\xa4VA\xfeF\x05D\x04xf\x1fz\xaa]e\x03\xd0\x9a\tU\xcd\xe7%]\xb0\x8e\x88\x00\x9f\xd5D#\xc3\x0f\x97Xq\x0fa\x10\xf1\x11\xeb\xf5=\xc6H\xeco\xb6\xd0\xcfr\xa3\xa8\xc7b\xcaK\xac\xa2\xc91G\x0c+\xb1\xff\xd2C\x89&amp;c\xd4Ta&gt;\xfe\x03\xf8h\xb7\x8c\xc7\xabU\xcf/\x8c+\xb7\x8c\xc6\xe8\x9c\xe8j1\x1f\x18\x18\xf0\x01\x11\xe1\x1b\x1a\x87w\xf9\xac\xcbZD\x8e\xad5\x9f\x83\xe2\xec\xa87\xecU\x19c\r\xdc\x12\xa7i\x03@\r\x1d\x13[\xde\xd0\t&amp;\x92@\xa0\x7f4j\x8fQ\xbb\x11 \xea\xe1\xbe\x98\xf9\xdb\xaa\xb0\xb2\x1d\xb3j\xaf\x88\xff\x91\xd9\xdbE\x8d\xcd\x90\xc1\xd6Ww\xa80\xacSg_\xdb]C\xef\xf6$\xa1&gt;\xb9_I\x91&lt;u\x92\x0c\x0c\x0c\xb4\xa0\xdf\xf0\xd6\xe6\x18ZG\x04\xbb\xdd\x8a~k\xe5:x\xad\\.\xb5\xad\xddtL\x1d_M0\x1b\x80\xbdM{q`4\xf8[\xb5\x04\xcaoP\xc9r\xe9\x84Sx\x15%\xe3C\xb9\xab\xb1p&lt;fu\xa5o\x00\xce\x1b\xa8\x9f2G\xe6C.\xe1\xc2\xaf\xa0?z\x7fuX\xb4\x97\xd0-\xd1{\xad\xea4\xdb\x1a\x9e\xacz\x0c\x0c\x0ctD\xf9\x11?\xc8s\xb6\xb8\xe6\x8b\x04\xa4\r\xc0~\x93\xd0\xae\xca\x81\xac\xed\xf2\xc8|\x1bz\x1d\xd4\xd7.\'X\xc3\xc5\xd6\x1f)e\xc2\xa5I^\x19\xec\x1a+\xba\x01\xb8\xf8R\xaf\x03\x87\xd2n\xea\x98%uG\\-\xb6\x07B\xecJ.\\\x17\x88^(\xec\x8e\xbe;p\x19\x1dO=-\x83"4\xbc\xcd\t\n\xc8\xc0\xc0\x80\x8e\xc9.\x8a\x88\xd3d\x95_\x84\x11\x11`\x9a\x12CsY1\xa8B\xc4\\,.Iv2=1\x13\x98&amp;p\x06\x04\x88\xe3\x88\x98F\x06\x11a\xbe0;n\x0e\x94\xc9\xdc\xf1X\xe3\x83\x00\x13".\xaf2&gt;K\x86L\xa4\x15\xaf\x11.\xe7\xce\xc5\xb1t(@\x1a\x04t\x8d\xe2\x82\xf2\x13\x85w\x1b\xeb\x15\xac\xc4|\xa3\xdaC\xf8\xf6\xf7\xdd\x1e\xe4\xbc\xd0\xade\xc7S\x00Cb82$\x0f\xcb\x89\xf2!\x80\xba\x93\xacTIX^\xf9\xbax\xe3\x7f\xbah\x19\x84-\x90\x93w\xd6P\x14w\x19\xf8\x9b:n\xb9\xef\xa5\x9a\xe6\'\xf4e800\xd0\x17\xd7\xd9E]\xb5`^\xf9\xad\xc7\x89\xf9\xad)_\xc1\xb0G\x05\xd3\x99\x96#+\xa6\t\x0b\x13\xb9x\xec1\x8b\x87sMR\x1f\xa7\xf5\x9f\xc5q\x12\xa8\x1a\\\xf0\xb0pZ\xb6I\x0b\x07d\xf9\x90d(\xb8\xbc\xbb;\xa7?\xb5\xda\xb2(\xfa\xbb\x8c\xc2y^\xbf\xa1\x16?ChAX\x96\xd7n\x80u\xed\xd34\x01L\x13L\xd34\xff\xa7\xce\xcaN\xc8\xb7\xc9\xeb\x13U\x97\x8e\xa5\xd3=\x8d\xe2\x9a\x83\xe1\x9f=\xc0\xbf\x99s\xbe\xa3\x1d\x1es\x9f\x15\x02X\x99s\xd9\xf2\x06\xfft\xb9\xbe\x8d\x1e\xa9\x01"|7b?.\x9d\xbd\x9a\x9e\n\xb0&amp;\xde:\x01\xb9\x14\xd09\xf1\\cj``\xe0H\xac\x8f\x11\x7fD\xa8\xe6\xdb#Q\xc74\xe3z:\x89;&gt;E\x15\xdfx#Y,\xbf\xeb\x00\xdd\xd1\xd0)\x15\x03\x85\xad\x16\x8d\xac,\xfd\x85\xc2\xeb\xe8jW\xb648?^\xfb\xe0\xfb\xfc\xd8\xb9\x97\x93\xf7\xe9\x01 \xc0\x97{\xc2x\xb2\x80?z\xdf\xf7Y\xb5kP\x95\xbcC.\x1a\x0b\x9b\xcb\xa6\xab\xcc\xdaaP\xfb\xa8\xec\xeer|\x80\x08\x8f]_\xb4|\xd9\xf4\xb1\'\x08\xb4\xe6\x1f^^\x0e}\x13\xd1g\\\xd2\xd3\x81\x81\x01\'\x9aG\xa9\xda\xfcK+\x0b\x81\xd6\xca\xf5N\xca3\x15\xdc\xbdg\x02\xaa\xf0\x1c%\xf8!\xe0Z\xfa\x88\x92\xdf\xbb*\xe9\xb6\x018\xdd\xd2S\x05\xee\xb4\x9b\xdd\xb2\xb1\xc3\xce\xb3"\xbd\xcf\x91\xa5\x1b\xf6[\xf5\xbaz\x90\xed\x91R`_\x8f\xb3\x89\x00\x00\xb7\xae:d\xe9&lt;\xdc\x8c\xc77[\x94\xa2\xcc\x0cO\x10\xcf\x95-)\xe88\xa2U\xff\x08\xfe\x87X\xf9\xb1\xd8J\x9c3Gz:00pA\xec2\xc8\x9b\xcaG4y4\xb2\x08\\\xda\xf4P\x9d\x1d\xce\x02]\xe6.\t\xc3\xc4o\x0b\xc5\xb6N\xed\x12=\xd7j\xec\xea\x00\xc3#\x17v\x05\xc97\xa9Z\xa1\xa6:0\x7fQ\x94\xbf|\xf0[\xb2\xd1i\xc9\xad3^E\xe5\x0bJ\xaf\x1e/\x818\x19\xae\xeb\xbfO\xd6\x15n\xa3\xdb\x9c\xc0\'\x02\x13\xe7W\\`M,\x1b\xea9\x97%\x1ea\xd2qc\x0300p~8&gt;\x03\xc0\x0c\xe9u\xbc\xf7\xe5\x04Mo\x7f\xc7\xf0\xce\xc3\xe67\xd0O\xd1\xbf\xbd|\xcc\xde\xd9\xdc\xfa~\x00\xa390m9\x1e\x14\x89\xc5\x9b\xa82Ia\xb12S(\xf7B\x10\x91\x19~0"\xdci\x91)\xea\xd3\xf1a\xf0\xd3+\xcf}\xde\xf9\x9d\x87\xba\xd3\\h\xe8A\x04\x98\xfcK\xeb)Y`V0K\x94\xd9B:M\xf6w\x08{63|\xdb\x8b\xacE~,2j\xaeE\xa1I\xf4^|l\x89\xc0\xf6\x81"bBi\xb3\xbd\xfa\x7f\xd3\xd4\xfb\xcd\xdc\x8a\xc2\xa4\xa3&amp;\xcd4\x86\x8d+\xf4\xfb\xf1\x93v0\x1d\xfd\x86\xd3\xf6\x01\x059\r*\xb6\x88\xca\xbd{\x89w\xbau\xe5\x9fg\xf6\xa7i\xf9D\xcdI?\xbd700\xd0\x1d/?E\xd9]\xf1\x8c\xdd4\xefr(h(\xfa\x98!\xbb\x05/\xd8;\xfe\x18\xfd+\xcaP\xc4\xf7\xa0y\x1d\xc6\x18\xe8\xf2\x04\xe0 \xf4Z\x83"\xaa\xef\xcaX\xac\xd4\x85\xe8r\x0b\xe5"\xbadNv\x8e\x0er\x02\xf4\nBq\xc9\xce\t\xe4\xf2\x15K\x7f\xca\xff2\xddZe\xd4C\x15\x85\xce\xbd\x8a\xf0exiD\x1c4\x90e\x1a\xd7F\xa7\x0c\x0c\x0c$8\xe1\x90&gt;\xef\xc2E\xc5\x9f\x15i\x17W\xbd\x87y\xed\xa5\x9a\xddj\xef\xa3b(N\x8e~\x84\xcd\xef\xea\xb9\x86\xe0\x8c^q\xf9{S\xe1\xba$_\t\xcb\x06\xa0\x8b-E\xcf\t\x07\x0bv}{\xcf\xa9\\kB\xc5\x06\xe0\xc7\x85&amp;\xbb\xf5\xb8\x9aK\xc9s\xe3k\xa7_\x06\x06\x06\xba\xc3\xb2\xa04*9}\xb9Q\xcfk\xa56\xfc\x92\xf7\xc7v#\xa9C_F\x84\xbb\xf4qA\xcf%\xbb{\x03\x10$O\x91\x1e\xf9S\x91Cm_`\x8ct3\xe7Z\xfd\xdb\x85Y\xc9N\x812\xbd)\xa5[\xa7\xd8*\t{\xab\x83u\x97\x9e\xc0\xe4+N2*\xcf\x83\xac\x8a\xeax\xc1a\x9b\xfcPB\xf5\xc2\xcb\xcdV\x03\x03\x03W\x08\xc9\xe8\xad\x1c\xc3\xc6V\xe6Jg\xd1D\xebf\xfd\xa9\xb3\xa7\n\xbb\xf1\xd9f\xcd\xb4\x9e^\xba\xa4j\xcc\xf5EF\xf7x\xda\xa2\x81!\r\x8a\xdavf\xb2\xaf\x06\x8f\x9d\xfd\xde\x1c\xb2\x9f\x17\x9f\xe3\xd4\xec\xd8\x00(\xcbb\xc1\xa8\x87\xc9S\xc2~X{\xb7\x86Ca\x03"g\xfb[\xf4\x0f\xf0\xdd\x0bZ\xac\x1f\xcfr\x04P@&lt;\xf9\x02\xdc\xec\x0c\xcf\xf1\x1cs\xd0\xb9f\xab\x81\x81\x81\x1a`\x98\xffv\x9aw{#\xaa\xf2\xe9\xc5d\x02\x88$\x0b\xea\x12\xc7\xab\n\xd9\\\xc1W\xa3\x99\x06c}tT\xde\xa8\x89\x9bj\'\xa4SW\x93"\xdbT]\xb0\xe5\n\x9ak}@\x16R\'\x9a\xe7\n\xfe\xee\xb8=\xc3\x10\xc6\x10\x1fs\x01\xb9Xb\xf3\x0c\xf3\xfe\xede\xe5\xf2yr\xa6\xc5\xd9\xbe4\xc8\xa0\xeenh\xc7\x84\xecVK\x89\xf6\xbb\xf8\x03\xfey\x9e9\xc8;a\r\x0c\x0c\x9c\r\x87?\x14\xde\r\x81CX\x91T\xe9p\x973$`\xef\x16\x17\x9d.\xd3F\x9dAX\xbf\xefm\xd2\xa9\xee\x87\x03\xfbJ%a\xe2\xb42\xf1\xd3N&lt;\xbd\xfa\xf3\x9c=g\xec\n=\xc9p\xc9\x00\x86l\xa1\x17{\xb2\x8a\xa3q\x9bnj+H:\xbbf_\xec\xcf\xe1\xac\xca\xe5\xfa\xe6\xed [\x00=:?\xa8i\xd7q\xaa\x04\x1b\x18\x18("\xfd\x1aPD\xf5k\xc2\xf2Q]\x1c\xea\xbd\xaa\x00\x9d\xa7+\x10\xbey3\xb02\xd0[\xbe\xba\xcd\xfe\xb5f\x05\x9d\xd1]\xa3m\xa3\xe9\xf0m\x7f\x16a\rK\x0eH{\x80\xc2\xe1\xe8\xab\xeb\xcd\xe2\xc7cx]\xab\xc5\xdb|\rn\xe5\xd7\xd6M7\xbcR_w\xc7\x0c\xd59\xb9/\xc5\x06\x96r\xd3\xb4\xe6h&amp;\x92\xb8o\x1eF\xa1\xf4\xe5;\xa8\x98Rx\xbd\x0c\xe4\x17\xc0\xe2l\xf3\xdb\xc6*Z\x9d\xed\xbb\x19\xf7\xe2\xb3\x1c\xf7\xec\xa2{E\x03s\xc3\xd7\xaa\xce\x81\xd1{\x19\x11-\xf1\xb3\xc7\x01\x11\xf1g\x9b\xe2\x16\xf39Y\xae\r\x0c\x0c\x14\xe0\xde\xb8\x17\xe5\xd7\xbbF\x9d\xcc\xc4\x99\x1a\xb2\xd8\xd2\xaed\xd7_\x8d\xe2\x97*6,,\x92\r\x06\xbbG:\xeb\x19Ia\xeb\xb2p\x16\xc87:\xb5\xb6\xfd\x9b\x96\xb0D\x04~\xd8\xdb\xd0-\xdf\xdc}\x07\'\xc0AYg;\x05\xe4Gt\xb8\xb2&gt;\xc6\xb1\xd8\xab \x18\xf6\xb1\xb9\x89\xa7oInP\xc31\x8c/\xb2&gt;\xde-Q^\xd5#$\xbce%\x08y\xcf\x9c\xad\xf8\xf4\x84\xcdG*s\xa2\xb00\x99\x93\xde5R\xf5J\xb6\x97\xdfk&gt;\xbb\x06\x06\xae_\xc0\xe5\xf7 \x0f\xc3;e\x15\xc4_V\x8cO\x0cP\x924\xdb*\xecI$\xe6\x17)\x91\x02\r\xdf\xf4\xb0C\x95/?\x90\xd9;\\\xc7w\xc7E\xa6\xc9\xc3,\x163d\xbdK\x05\xa2\x86\x86Ux\xd5\xd3\x83d\x7fN9\xdb\x17L.\xfd\xac\x86\x8a4\xa0&lt;\xb3\xd7j\x8b\xcb.\xd1\xb8\xfe\xda\x87\x89\xc5G6\x01\xda\r\xb3W\x9dZ&gt;S7\xb1R}\xa8\x81\x8e\xcd\xa9_\x92\xc6\xa3\x15\'\xc8\xae\x81\x81\x81.x|\xfb,\xd8\x19\xe6\xf2\xb4\x9du\x85?ua\xcfu\x86\x95X\xef\xceV\r\x17&amp;\xf5\x94\x0e_C \xfcll\xeb\x1ca\xec\x85\x1e\xcf\x10"|^cwx\x9b\xb7\xe7\xc0\xdc\xfcv~\r\x18\x87\xae\xc7\x81%\xf9\xb3\xad_V\x9dEUu\xe6\x92\x01\x88Y\xb9;b\x03\x10\x9b\x0e\x17\x14\xf9\'\xe4\xef\x89za\xa6\xaf\x9aI#\x8e)\xceY\x17\x1b\x8cj\x8f\xbf\xa4N\x94u\xba\x1e\x14\xf8&amp;&gt;\x99\xd7\xb5U\xab\x07\x06\xaeW8\xdf0\xb6\x92A2#\xea\xe2@\xde\xc2\x0bZ1\xa5\xf8i\xc9\x96\'\x86}V\xb7\x88\x08\xf0\xbbF\xd9.\xe6\xf6\xce\x90kaR9\x15m9\x8c\xae\xf0\xf6\xea\x8eE\xcf\xbf\xf7isYO\x92g\xfd7\xae\x12\xb8\xade\x11\x1e\xd5u\\8O\xa0]\xfa)\xbcM\xbcv3}\x99r\x80\xdb\x1a\x9b\xc6\xcd\x1a8\\UD\xf9F\xf0\x97sL\xc4\xe9 \xea;n\xcej\xdf\xd4\xb5\xc9_\xedB=000C\xaa2\x97B\xa1\xdc\xbc\xc3\xc2\xb6\xdf\x0c\xc7\x98\x12\xcb\xabp\xac.\xd3H\xaf\xf4 &lt;\xd3\x934\xc8\xca\x15\x8bud:\'L\xc8\xc3\xea\xf8\x08S\xa6_U\xad\xf5\xf3\x0c"\x903\xc1{\xbd\xc2lQ\xc2\xa2g\x13\xb6\xb2\x8a\x93g\xa1\x11\xe5\xc3._\x0f\x1f\x05m\x97\xae\xcf\xcb\\\xa9z\xc8\xf2m\x05\xa7q@Y\xad\x00"~\'\xf5\xee\n\xaf2\xc5\xac+v\x8d\xd2\xd1\x1df\x10\xee\xb2"\x9f5)\xe6\xe1\xc0\xc0\xc0\xd5\xc0)Gr\xc2\xe7\xfe\xa1\xdclk_\xd3t(\xab/?rU(Q\x19\x9d\xc9\xc2\x1cD\xda\x1e\x17\x9e\xa70\xac\x8bF\xe3\xfa\xa0?\x1a\x12\x92\x86\xb7\xca\xbbj\x02\x08\xf7\xde3\x92\x1dO\xe2\xcd\xd7-\nIb\xf7\t\xc26\xeaM\x1c\x92\xd7\xeb\x15Y\xc3\r\xba\x91d/v)\xaa\xc8A\x0f\xaf\xd0\xa4\x95\xc8\xae%B\'\x999\xd2+\xb6Ay/U\xacr\xb6P\x03\xc4S\xc6;wR[\x8fY\xe1\xfb\xc5:\x7f\x94&gt;\xf6\xc9\xe5w\r\xdd\xc0\xc0\xc0\x01pO\xd8\xf6\x91_\x94\x0cK\x07\x8b\x1eD\xbc\x87s.tC\x9f2\xa35%\x91Q\nbB5!\x1f\xadQ\xbeY=\xd7g52\xbe\xb7U\xe4\x93\x14\xf4\x96\xa9%\xcd\x8d\xe5\x12dWv\xc3\x95\x98\x14\xb9\xcc\xc9\x82VS\x10\xc8\xc0\xecC\xd58\xde%\x8b\xbbT\x89\x12\xc8\x00\xef\xa0\xca\x18[V\xfe&lt;9Y\xc7$\xeb\xfd\x8e}\xfaj\x0b\x1fD\x80[\xb4\xdb"Z\xe3\xde\xf9\xf8\xee\xfa+\xc8\xb4\xc9\x9f%\xc7\x06\x06\x06\xcc\xf8h\xff\xf4\xe0\xa9\xbf\x8arZA\xf4Y\xdc\xb2\x0e8\x1eUSZ\xecE\xe2\xd4\xa9\\\xdb\x15\xfab\xaeq\xc9\x12k\x88\xd3\xe6\x0e\xed+\xa1\xb7U\xb9\xc5N\x9df\xd5\x95\x81\xe5\x1f\xaf\x14+\xe2\xbf\xdf\x8a3\x8c\x0b]\xad(\xf0\xa3=\xc9\x18\x11\x91y!@\xd3\x82\xd5\x1bX*\xdf\xb7;\x82\x95\xbaV\x86\x86\xc6\xc7)e\x02?\xd1u\x17\xdaE\x15U\xbb(_L&lt;\xca\xde\x1a\xde\xa9\xf3\x13\x00\xf8y\xcc/\x95\x86\x9b\xf4\xe7\xc0\xc0\xc0)\xd1e\x94\xf6\x9aT\x88\x06\xcb\x1c/\x94\xfe\xdf\xdai\xaas\xc0@`\xb9+\xcd\xd2\x17w\xe1\x1c\xe8\x11\x84\xfb\x13}\xbb\xc7\x96\x9b\x11\xffb?su\xd0\x82\xb0\xde\xaa\x88\xd2\xce9\xfc\x98\xd9\xc2\x93*\x8b\x83\x1b\x8d\xfc\x938\xb4\x86\xa5&amp;\xb0g.)n2\x97\xe5\xbf[\x00\xcf\xd5G\xe4iU\xc8\xde\xdf\x15\xce\x0b\xc2X;\x05\xff\x81\x81\x81"z\xcc\x91\xdb\x81\x9c,\xd0\x07\xae\x9a\xa2\x96\xa1\x03j\x13S\xc7\x95E\xc9|\xeb\xa9\xdc\x12\xa1\xe0u\xed\x1ab\xff&amp;\xa2*\xb3X2\xa3t\xb2\x1e\xd4\xef\xfch\xe5\xf5\x12\xfd\xa7\x9e\x14\xe7Pt\xe5\xb6\xffR\xa6\xa0\xb9\xaf\xe9\x0e\xaa\xd6\xb1o\x8bLa\xc8{\xbd#\x15\x856\\\xae&lt;\x16\x11\xfea~\xfd\x02\xa3r/\x08\x81\x9a\x87K})y\tT\x95\x0e\xdf\xb3\x9a\x8b&gt;\xf8e~"3\r;\xed\x022\xcd\x9d\xb3\xd6\r\x0c\x0c\x04\x84ZSS\x91\xd7\xb7\xacXJ[\x97rVW\xf7\x99V\x7f\xde&gt;\x85\x14\xce\xf5\xe9\\\xab\xcd\xd9\xf1\xad\xf8M\x17\xfe\x99\xdeD\xfdr3hyn@\xcc\x0f\x9f:tV\xa4|\xa0#\x8a\xf1\xbc\xdb.\t\x0c\x86\xf5="\xfee\x8d]^\xfeC\x18U\xd5\x1e\xe9\x0bq\xfb\xd6\xc5WTu\xa3\x8b\xaaD\xa0\xa5\xcb\x8c\xef\x15\xe1\x99\xe8\xbe\x87\xc2\xd8@\xef`d\xf1\xe4\x99G\xbds\xdc\xea_\x9d\x9a=\x1c\xe4-\xe5\xc0\xc0\xc0\xd9\x91\xd4\xd3\xd7\xf4?mm\xa8\xd7{=l\xadh\xb4\xb5\xd55\x84:N\x8e\xff\x95)?\xbc\xa6M\xb2\x8b\x16\xae\x8d\x02l\xa3\xf6\xbe\xa8Z\x0e^\xf60\xac\x1a~\xceWiM\x03]\x1e\x1aT\xef\rJ\x89T\xf3\xecH\xd7\x99]\xaff\x0eQ\rQ8DkA\x9e\x80rQR\xa9\x8b-%\xee#0\xb4+i.X\x95hl\xb7\x10\x01\xde\xb8B\xb3\x14\xbdX\xc2\xabv\'\xb4\xe4\xc9\xce\x9a\xd5\xac\xf0+\xff\x83l/q\x9a.\x18\x18\x18\xe8\x80\xfdj\x99m\xb5\xd4\xe3\xa0bn@&amp;Ws\x93\xf4\xf9\xfb\x7f\xc95(\xf1\x91\xa6\xe1\xe2\xb2#]\rd\x92Z\xab\xa2S~|U\xf1|NGq-\xc2\xdfz\xf0U\x99KN\xfe\xe0\xbbcV  \xfef\xa7\r\x80\xb4\xb4\xd5\xd9\xcawCC\xcb\xc2\x97ac\x94\x85\xff\\8\xd3\xad@&lt;\xde\xbf\x7f;hX\x8e\x1e\xd8\x06\x8a\x9b\x98\xa2h\x97\xbbR\xd7\x05\x1a\x13{\xb8d\xda&gt;_.\x88g\xeeC\xc6\xd2\xa7\x1a\x1e\xba6\x7f#e\xbb\xeb&gt;#\xcb\xe8Ur\x1b\x18\x188%\xea\xd675\xa5\xdf\xa8\xb6\xbee\xe3{\x03x\r\x85\xa5\xade\x9e\x8e/n/\x9clSU}\x0b\xf1-v\x9e\xcf\x1a\x94\x1f:\xe5|\x14g\xbfu\xdaC\xf2\xe0\xa8E\x97\xa0\xff\x02\xf8.92\xf6\x11aC\x94H\xe6wS`\xf4p\xcfh1\x92\xec\xb9\xd6A\xa4o\xfc\xc3@/f\xcb\xf2\xd1\xe1\xe5\x02!!\xfb\xa0\xb27\xe3?\xf8\'\t\xa4M\x03\xc9v0\xf3B\xf4\x82\xd2\xaea\xdbXj:\x14\xdb\x81\x81\x81k\x11\xd6\xf9R\xbcu\xff\xca#yQm|\xbdiJ3\xd82\xeb`\xafZL\x0b\xe7y?=\x8b\xb0mj\xf8\xa9\r#\x81\xb3\xcc\x01\xdeN\xa1&gt;\xa2\x7f\xa7Du\x1a\xf3?\xacE*\x9a+\xa6/\xbdv\xc9\xb0\xd7N\x0f\xe0\xcd\xe1s-\xcao\xc5\xea\xd0\x1f|E\x89]\xb3m6vA\x90\x9c_\xfcvs]b\x99l\n\xa3\xd4\x92L\xd0V\xb9\x92k\x02Ew.\xeb\xa9\x85^\xb8\xdb\xd6/\xcaN\xc3\xd2\xb6\xf1\xa8\xe5\x1aI\xa7\x81\x81\x81\rJI\xca*\x17+\xd0b\x14\x85\xe3\xcf\x8cR\xed\x94\xd6&gt;\x1d\xf6,y{\xcfR\xd1\xba\x81\xb9\xbe\xd7\xb2\x80{*\xe2imJ\x80\xf8bt\xbd\xd5\x97\xd7\xd8\x02b\x19\x1d\xecm\x03\x05AC\xfc6\x8fc\x177}\xd3c\xeb\xb2x\xbc{\xda\xeb\xf7\xafS\xab\x93\x91\x9e\x91R\xe8n:\xa0\xba\x0c+E\xad\xc4Sj\xd2\x85\xcfyP\xec\xa3\xb8&amp;\x1c\xc0\x87%`\x08x\xd8\xf0?\xa2\xda\x8e\xf0zw\xf0]\xf0a\xd7N\x8e\r\x0c\\o\x90T+q\xb6\x88\'oE\x13\x00\x02\xbc\x1c\xe0w\xb9[\x9b\x1eQ\xb9\xf9\xfcU,\xb2"\xbd\xa6\xe9\xb0\xa2\x95\xdc\xe4\x98\xf9\x98\xef\xac\xc5\xf4&gt;\xcb\x02\xa9g\x9b\xb5\x8a9S\x14\xf3\xd9hXa\x9b\xad\xd7?\xcf\xc9\x07\xc8\xb7v9\x87;n\xdaF\x02o\xfb}x\x05\xf5\x0eJ\xab\xf0\xefH\xeb\xee\xf6a.\xa8]n\xb1\x1d\xa7\x05\xd6\xedZY\x8cp8\xc9\x120\xde&amp;\r\x1c\x83\x11\xed\x81\x81+\x07f\xa2\xe2\'\x8f\xe2\x9c-.S\x88`=\xdb\xd4\x16{Z\xac\x9b\xab\x9c\x15\xaa\xd6+R\xc4*W?N,&amp;\x0e=3\xde\xcb)!\xa3\xf40b\xf4\xaf\xc3P\xa4\xd0\xd7Mh\n5\x11X]S\r\x89\xab=\x80O3\xd2\xe3\xf5\xee\xd0_\xa5N\x99\xa3t\xdf\x13\xbd\x8b\x80[a\x17\xf0\x9b\x990\xe6Z\xfa\x8dq\xa1\xa8\x16v\x02\xac\x1a\xd2\x84oh\xd4I}lp\xb9_&amp;D\x03\xca\x1c\x9c\x81V\x1c0\xa3\r\x0c\x0ct\x063Q\t\x87\xd6A\xbc\xa8\xcaP\x08\x0e\xaa\x14\x11\x99\x97\xb6\xab\xa2{\tv\x8d\x18\x16\x82J(\x0e+\x97\x8b!\xeby^\x07{\xec\xd5o\xd9\xcd\xd9tY\x93\xdd\xb1\x05\xf9\x03y\xb14\x99w\xe4\xff/k\xb6\xecd\xa2\rG&lt;+\xeb\x81\x0eOB\xcc\xb4\x85B\xc7\xac\xfe\x8f\xd8\xe4\x97,\x8a\x07\x10\x8d$i\x10.\xd4\xf5W\x1e\xa5\xa0\xed\x16\xd2GvK\xd1\xd1\xf5\x03\x03W\x1a\xad\xa3\xd7&gt;\xfe\xcb\xfb\x84R5\xb1\x95\x1b\xba^\xef\t\x8b\xc2\xbdj\xa2Gm1V\xf3"\xe0\xdeG\x9c\x96\xf5\xd2/\x1d\x85\xa6BWaNRI&gt;\xd0\xa9\xec\xf5[\xd9\xf4\xc1Ic\xde1\x19\xa4\n\x86\xd1\xce\xff\x90\xdc\xbb=\xb7\x07`\x88\xd2k\xe1\xaf\xfa\xfe\xba\n\xe3\x0b\xde\xfd\xec\x0f\x01\xf4Ti\xdc\xa4\x19\xecv\xd2\xcc\xb8p\xea\xb0\x0f\x0c\x0clh\x9f\xb1zm\x00,GS\xc5)\xf6J,\xfe\xae?X{s\xc7\xc98J\x98\xab\xf4\x06\x80n\x89j&gt;\xbd\xee`\xebBh/Pt)\\\xf7\x069\xdb\xa6\xfa0`x\'\xa7\xb0\xd6\xc7\xfc\x92\x8f\xde\x99r\xe6\xef|\xe3\xfaJ\x14\x81\x0c\xf1\xec\xb6\xcfD\xe6\xc9\x81\xf5\x11\xe8\xd2$&lt;\xae\x1c\xd3\xeb\xc0\xc0\x15\xc74\xff\'\xd4\x82i\x9ajU-:\xcc\x1a\x10\x91\x17F\xc4i\x02\xe9\xee\x15\xc2\x1c\x11\xc9\x0bDl\x896\x00\x84\xeekD&lt;\x13\xec\x11\xf3l\xa6\xb9\xea\xddz\xa5\xd1\x96u\x17Fw\xf2\xfa\x08-\xb6\xee5\x00w\x05\t\x9a\xb7P\x1f\x8c9\xaabl\xd7.\x83\x86\xe0\xf7,\x9e&amp;{\x1e\xce;T\xe3d\xaa\x8d\xe6\xfa2\x9f\xc0&lt;\x90Z[\x85,*+\x19\x18\x188\'\xae\x83n\x87U\xd3\x0c\x97\xbct\xef\xda8\\\xd0\x03"\xdc\xcaN}\xa4C\xa0\x89)\xbbl\xd4~\xd2\x1b\xca\xec\xdd5\x1dz"x\xba\xbc(\xf6\xee\xec\xef]\xf7&gt;\x06\xdb\x1f{pn\tE\xf4y\x89\xab\x18\xcf\x86\xe5\x10\xef\xaf\xb3d\xe5\xad\xab\xd9\x1c\x89\xcc\xc1sw\xfb\x0b\x10\xe1=T\x8ak\x8f\xd5\xee\xd9\xfe\x10\x01\xab\x9b{,\xa5\xeb\xf8\xe9#\x8dF\xfb\x9f\xc5\x84A\x1f_4\xc6\xf0\xb5"\xf1i\x9a)\xcd\xad\xc2v\xe2J&gt;c\x19\x18\x18\xd8\xd0uA\xd0\xe3\xb3\x04\xad|0F&lt;\xe9\xb9\xd4^z\x9d\x94}\x98\xb8\xf2\xbd\n\xd2\xea\'\x13\xdb\xd5\xd9\xe0B\xc9\n*\x18\xd3\xcc\x8a\xe68 \x02|A\x0f&amp;{\xa3\xe7\xbb\xf6!\x19\xfe\xbds\xe9,+\xeb\x0b\x95\xac\xe6\xf7\x84|b\xa9\x04\x91\x1et\x83N\x07-\xd8\xa5`\xce:_\xc7\xf7\x06\xad\x9d{\xfc\xa7D\xab\xa3,\x0f\x0c\x0c\x04t\\G\xb6+I\xd7\x8e\xc9\x15\x83\xe9\xed\x8d\x8f\x17,p\x88\xf1O&amp;\xa5\xd7\t\x1e]ZX\xc3\x8b\xf6_\x1c\xf0\xfa7\x17\x8a\xf1\x8f\xe7\x95\xec\xc5eV6\xd7k\\k1\x8f\x87\xf6v\xa9\xc7\xdb\x9aO\x13\xa8\x0b\xd4+\xcf\xf0\x0cKpN\xb8\xfc\xb1\x8a\xa6\x82\xdcwz\xba\x9eW\xa4\xb1\x01\x18\x18\x18HPW\x16\xb7V\xd1\x1a\xb1\xa4\xa4,C\xf5`\x04\xa9\x89t\x08mw\xa3,)4\xe6*iL@{\xffF\x90\x918h\x8et\x9c\xc6,\x9b\xab;\x97{\xcdr\xb1\x12?1\xa6+#\xe2\x84y\xce\x85\xb9\xd4"K\x1bdV\x9f\x85a\x1e\x97\xa6+\x8b}Wi\xf6\xe1\xa9\x85\xda\xa6D\xa8\x93&amp;dm[J\x8ac^\xd8\x19\x97\xa2\xc1M\x91\x97\x8f\xc6\xc0\xc0\xc0\xee\xa8Ye\x96\xb4q\x05\xa5,\x9c\x9f\xe7q\xf2&lt;C\xf5Y\xb3\x91\x8c\xd4P\xba_4g\xb7"\xe9\xd7o\xed3U\x88vs\x8b\xb7=\xc5\x94\xe9B\x91\xf0\x95\xf3\xc8\x05yj?\xac+\x93\xad\xefv\xf9mj\xacs\x9c\x0b\xc3\\\x8e\xc0\x8e\xd0\x0b\x94\xa5\xf9\xa6as\xedoZ)u\xfa\rG\xaa\xc7Q\x00y\xb1ky\x0c\xea\xb8t\xfd\xa9\x99(\x07\x06\x06\xce\x80\xeb\xe6\xff\xc4\xe3\xd62\x8c\xa7\xe72\x1fQ\xaa\x1e\xfc\xb1\xa6i\xd2&gt;L\xcc\x99\x08\x9fI\xe2\xad\x8b\xaa\x00\xbe\xb7k\xb5\xca\xb8\xa55q^"\xfb\xb4\x15\xe2)\x84B\xf0\xd7\xf8y\xb2\x87\x18d\xb6\xa5\t"\xc2\x9b\xa0\xae&lt;\xf9\xf6\x89\xe7\x9f\xf6\xbbGD\xc4|\xd9\x1e\xb9r\x1e\xb9\xf0\x8e\xcb\x7f/\xeb#g\xfd9\xe2\x90\xd7\x141\x9d5Iw\xd318\t\xd7\xfbcV\x8e\xeb6\xa0\xdaVx\xc7\xcc\x8a;f&amp;\xa8aE[\xf4\x01\xd0\x16\xcc&amp;\x1a\xf4,}\x94R\xfd\xc8z}W\x1d\x97\xae?\xdd\x96\x01\x03\x03\x03\xe7\x007\xeb\x94\x06v\xf51\x80\xe3\x08!\x17M\x84\x11\xeeb\xb1kbH\xac\x98\x9eMo\xf2\x05\x8f\xf2\x1fx\xb2\x07\x8dU\x9bn3DU\x9a\t\xb1\x95\xf6\xa4\x1e\x0b\xe7\x94W\xfd\x8d\x13;\xa1KL\x10\xe0E\xf5\x8d\xfb\xf4\xcb\xc5:w\xc9\xf6\xfd\xdf1\xc2\x0ea\x7f\x89[\xdaY.fe\xc4k\xeeY\xd1\xd8\x94K%!a\x13\xeb\x00D\xf8|\xd6\xc4\x13\x8e\xb0~}\xc4\xee!\x8df\x1f\xb2\xe5\x1c\x18\x18\xb8\n\xc0\xf4\x05;\x8c\xad+T\xaf\xe9\xb7\xf0\xccU\xf2\x86\x01\xff\xba_\xe9\x89\x95\xaf&amp;|{\x06i\x02F,TI[\x00\xc5\xa7\r\x1d\xe7QK_\x14\x1a_S\x93\x81\xfb\xd0\xd4\xa4\xa1Jg\x14\xdb,\xb5\xba2q\xab=\x18\xdb\xd8\x97H\xb6$a:\xa0\x92\x07_\x9dr\xbbT\x07\xdaF\xb4\xb5&amp;\x04\x01U\xb2\xd9_\x04xj\x9b\x06\x8f\xb1\x8b\x17\x9fKY\x8f6\x8d\xcdA\xf8\xc1uY_\xb6\xb8\xbe\xbct\xd8\x07\x06\x06&lt;\xa0k\xc7\xff,\xd7\x8e}\xc6\xf6\x8b}5\x8b\x10\xf6\x1d\xf2Y\xacT\x14\xb2&lt;\x8e\x02\xbc\xc7$6Ij\xa5\x19\xbc\xaal/\xe4\xd8\xc6\\pn\xe8g\xbaI\t&amp;\xfbI\xf1m\x18\xf6!\xf0\x00&amp;\xbb\xba\xb1\x8dM\xf5\xd0\x93+U\xee\xf5\xd4\xe6\x0f\x02\xab-\x0eo:\x96\x0b\xcat\x9d^n.,$\xcbV6_.8H{\xa2c\x19\\5\x92\xd2W\xa6p\x87}"\x99\xf9\x95vq&gt;\x93\xba\x83\x10\xcb_\x03\x99000P\x04\xb7R\xe5j\x07S\x11\x1e\xd3\xb5\xd4:V?\x84\xea\x1b\xb9lX\xf4[Y\xe7\xad\x92*\xcc\xd25\xeaq\xd1\xa8\xa0\xad\x08\xab\xaa*\x8e\x9c/{\x90\\\x88\x8c\xb1k\xdai@9\xfdLy\x12\xee\x1e\xc5\xfcH\x9c?\xa9\xf8\x98\xd3\x8b\'\xec\x9d\x02\x993Q\xadF[\xcc\xc5\xed\x1fz\xdeN\x86\x887\xe9G c\xc2\x11\xcbe\xea\xa6\x83H\xfe\xbf\xc5\xd73!\xbb\xce\x81\x81\x81\xd3\x03\x19\x98\x0e\x00jk\x8d\xaeQ\xba1\xbf\xb8;Y\xfd\xcc\xb7]F\x84:[\xefK\x16\x07IOQ9\xdb\x11\x16&gt;\x15\xe5\x1e\xe0y\xbd\xb4\xb5\xb4*jm?\xccVX\x91\xf9r\xf7\xe9\xcd\x9e\x00v\x95\x8dF\xfb\xb6\xda\x07\xdd\x0e\xd1\xe7\xd8\xfeAo\xd7\xa4\x8esu\xe5\x9e\x01\xcf\xe9\xed3Z/\x8f\xea\x1a&gt;\xb7\x96\x14\xb6\xeb\xe9\x0e\xa9d)\xb3\xcf"\xfc &gt;K\x8bn^\xab9300\xb0\x8c\xef\xe7\x9ep\x84\x0b\xe5\xaco=jT\xd8\xa3\x862o3\xf8\xee\xdenB\xcd*\xd3}\x92\x84\xe9;^\x14a\xf8\x05]&amp;\'\xf9\xe4\xf4\x91w#\x90 \xdc8f\x16g\xd9\xf45\x9d\xeb&lt;\xe1\x00\xafB\xc5\xa0`3\xbf}|\xf1)dhF/\xb5\xd0\xb0\xd9\xcc\xa8^#\xc9\x10\xa1\xa17\xf7\xdc\x80\xed\xa6\x99X\x9a{V}2@\xf3\xbf\x14\xb4k5[\x06\x06\x06"\xb0K\xb7\xf4\xcf=\xaa\x80\xfd\x8cv\xbb\xd8\x9fD[\x8d\xdb*\xaf\xacG\xa1\x1d\xaco\xdeEo"\x02R\xd3[x\x82m\x81\xce6\xb6\xe8g\xa7\x19I\xccl\xfb\x93\xe1\xfb\xb6\xc8\x08\rUm\x9f\xaa\x99\xa3sdE\x9a5e\xe6\xb7\xb6g5\xafa\x8f\xc1r%\x81\x18\xfay\xf9\xbb\xaa\x97\x89\xd6.\x0fX\x8e;6\xee\xe2\xf5\xb5\x86=\x03\xb2\xd5pY$M\x00\x0b\x13t= \x15\xfb]f\xf5\xa7\xd9\x84;\x12f`\xe0\xfa\x00\xe3h\x8fV\xccm\xa5\xa1\xb4,\xce*\x17W\xa9\x9f\xd5D\xa0\x0f0\nH\xb3"\xf1)\xad\xfd=$\xfa\xa3\x86\xee\xd5\xbc\xf0\xe6\x87\xf4\xcf\x8a%\xc8\xb6;\xfa\x8fB~\xb6M\xe1\x1d6\x00\x17\xc4U\xe4|a&lt;\xbe2\\;D\xd8D\xa3\x9f\xddn\x95*S\xdaWao\x94+\xe7^\x86K\xca\xeb\x92\xd05\xde\xfd\xf5!\x99p\xa5\xb6\xa3\xec\x0c\x0c\\\x83\xb0\x0c\xe9\x03\x06\x7fnB8\xf7\xbdX\x19\xbaY\xc7c&lt;r0\xa3\xbeSSp\xb6[(bC\xae\xa3\xa6\rw\xd2f\x8bjzL\x10J\xcf\xaf]\x9as\x92\\/\xd4?B\xd9\ri`ODl \x03\x9b\xffB.%b-\xf9v\xaa\\\xbd\x14\x94 $=\xf2\xd5\xddO\xbb\x0b%\xb4K1,\x8aV\x1d\xbblV\xf8\xb6\x97\x9ay\x07\x06\x06:"\x1f\xc3\x7fU\xf9f\x8f\x16\x02\xec)21\xc1\x1f\xfd\x1e_\x86\x04\x8b\x08O(\x9c\x85\xb7\x9a\xfb\xe2\xed,\\\x91,j+LrI\xc0\x1f\xdc-\xb0\xad+\xd4$\xe6\xcbk\xe1i\x80?\xf2\xc8"\xbe\xbd\x11\xd8-\xd9T\xb5\xf6\xe7?\xc7\xf0\xd9[\xf95\xb8\x99\x89\x93Gw?\xef\xca\xc37\x00G\x96\xd3\x03\xf0\xf1\xa5G\xcd\xe1\xf5\x1a\xf9n\xee\x1f?=I,\xaa\xb2h+,\xcf!\xe7A\'\xf0k``\xc0\x07\xf2+\xe2\xf3\x18\xde~n\xbd\xfc3\xe3\xf3\xb0_~\x90\x1c\x11\x1b~\x9c&lt;\xab \xb1\xce\xe4\x8aAM\xcb\x0f\xa4#\xa2\xddP\x80\xde$\x89R\x1bbUf\xaaKSK\x87\xea\x86/\xfd\xcb\xf3\x0c\xa4\xd8\xc6\xdd\xe3\xa2Mg\xb2\t\xc2\xa0\xf0\xc6\xbc\x12\x95V\x10a\x9a\x02\xffn&lt;_\x86x\x93$\x08\xc7\xa2~D\xdb\xc7]\xc7\x11\xeaB\xd1\xee*\x00\xd1\xe0\xad\x1e\xc8U\x91D\xbcP\xbf\xef\x07k\x00;\x0e\xf6b9\xf2d\xe0\xac\xcaF,\xe9&gt;\x04\xdc\xe6w\x7f2\x84\xb8\xe1\xbaR\xb8\xc6\x12c`\xe0z\x84\xeb\xf2\x0b\xd3\x14-t\x94\xb3\x9f\xa4\x96M\xa1\xa0,\xff\xe9s\x12\xb0\xd5\x98\x15\xb6vvI\xb1\xbd\xdd\x90\x9d[\xafZ\x19\x9b\xb3\xeb\x0c\x07\xd6\xf5\'\x88\x8e.\xa8\x81zt]\xc3\xf9\x83k\x990{\t\xf5n\x7f\xd4\x1d\xff\xaf\xcf&amp;\xd2\x0b=p\xd3i\x8a*\xc3\xc1X\xdf\xf7W\xe9K\xb1\xbf\xda\x0e/m\xcf[\xe4\xbbZ\\\x11\x01\xfe(\x08\x06\x13\r\xbd\x1a\x992kA\xf6\xe5\xe9\xa1\x1e\xde[3y\x8f\xc1\xde\xac\xf1\xb1\x00\x93CM\xe6\xc2\xf6\xa7T\xcf-q\x8b\xf7\xa2\x14\xd6\xdf\xe4\x19\x18\x188\x17\x92\xe7\x9e\xc2\xc4\xc6Nx\xed\xcf7\x91\xa0QUu\xf3\x03\xb0\xf9\xb8?\xcf$\xa4{\x99kxV\x8e\xf9\xcf\xa5\xb9T\xadM\xde\x85\xbd\xde\x90\t}R\xb1\xa8\x1d\xc8{\xb1$\x8b\xc5\xc8\xd0\x11\x14:\xfd\x98L\xd3\xb9\x85\x7f\x9d\xed\x96\x94\xf8\x80\xdd\xdem\xd5\xd4\xbf\xe4\xed\x10\xc9\xad\xe8\rc\xb9\x95\xb2\xd1\xed\xed(`\xe8}\x17\xec.c\xe4\x05{\x9f\xb0:G\xe1\xfd\xb2\x93M\x01\xa5\xcaf\xce\xc3\xfa\x81l\xd1\xdf\xaf\xdc\x9d)\xf8\x03\x03\x03\x04\xfc\x83\xc8\xe2\xdbK\x101}$\xbd\\\\\x946\x9d\x9a$\xc5\'W\xb5&gt;\xcd\x14\xb8a\xe3\x9b\x7fb\x06\xbb\xea\xc9*\xecQ\x0fR\xfb\xc4GR]\xfd\x16\x91,s\x94\xc4S\x9a\xa7\xd6\xb3,Z\xee\x87\xcbV\xfdi?\xf5\r\xdd\x9a\x1e\xe1mw\xf1\xe1,\x1f\x81(P \x1c\x01\xf2s\xf7l\xe5\xb04S\n\x8b\xb7s/\xfbf\x03?[\xd2\x1e\x00\xb8^v\x15\x99\xd7A\xfc,+\xcf/\x00\x00 \x00IDAT\xe7ijx\xe7\x0fO\xcc\xe1Z\x94V\xa4\x15_UZC\xd7\x01\xfd\xc2u\x9c\xad\xb2\x9e\xfa\xe9\x89v:\xf3\xe6.\xefp\x13\x07{%\xc9\x81\x81\x81\xa3@\xde\x024\xaf-\n\xa3\xd7\xf3\x06D7\xb4\xa2\x11\x0e\xd3\x04\x91)[E\x19\x0f&lt;\x18-z\xe5\xda\xcer\xdc\x07*\xf3q\xda4M\xd3\xd7\x06sE\x1d\xbd\xb0\xe3{xj\xde"\xb2\x9e\x87M\x93\xfd}M|\xc0\x1f\x01\x10v\x86\xd2Ik\xb8l\x0c\x02\xcd\x9e~gc\x11\x8d*}\xca;J8C\xb0k\xd7[8\x84\xab\xd3\xf4\xfd^m\xb7[^\xf4&lt;\xff\xb6\xa1\xd1\xdc\xd6K\xb4\xbf~\xc8c\xe2\x9f\x97\xbe\xeb\xb6\xfa\x87l\xb3\\|\xb6\xb0\xa6\x0f\xc7\xa0cj]\xdd3\xe3^\x11\xe88HI\xb1\x9a\xa6i\xfa\x10*\x96\xb6\x99\x05\xed&amp;\x98\xe4\x9e\'\xe8\xb1\xf8\x1f\x18\xb8\x8a@\xfda=\xbb\x0c\xc2\x08\xbdH\xc8\xc6M\xcfI\xed|V1\xc73\xf1LyxM\xd7\x9e\n\x87\xbe\x0bJV\xff&gt;\xef\xfax{\xd6\x9aKE\xc7l\xd1\xb3\x91\xa2L\xe9S\xdcm\x1b\xf9\xdb\xb3\xd4\xee\x05\xc9\xc9#VW\xe28\x12\xae\x1bC\xba\xeb0\xd9\x07\x88\xe4\x8dml\xa2^\x80VJf\xbf\xc4n\xc3\t)\xb5\xe1\xd88/\xddZ\xb0H\x93\xd3\xf2\xb6\xb4UR\xf2H{\xc3\xd8\xc0\xc0\xc0Y\xc0&lt;\x01H\x87mzt\r\x00\xf3\xe7\x8f\n\xbb\xfb\x0eo\t\x95\xde\xe1\xe3Q\xb0j(5[\x8f\x9f\xad\x07\xc3 \x8b\xe6\xb4\xcd\x1f\x116\x14k7\xa6i\x9f_l\xc6g1=\x81\xe0\xea\xe8i=\x97n\xe7\xe3VQ\x8a3~w}\xdb\nx&gt;\xe0\x1e\x13\xe1\x13Fz\xef\x10\xf2\x1d\xd4?\xeb\x98\xd4X\xd2eyD\x13\xdf2:\x1e\xbef\xa0\x9d\xdeQ\x98 \xa2\xeb\xfc\x1a\x83\xc3\x80p\x97\xf0&gt;4\x84\x87\x9fg\xd1v\x1a"\x1clkk\xd2j\'6A\xff2\xc8\x85\xf9\x9bG\xf2V\xc2R\xd07\xbf\x97\x17\x92\x91i:s\xf7\r\x0c\x0c\x88\x88\xce\x03jN\xc4\xbb\x9f\'Q\xe5\x15\xfa\x8d\r-\x9a\xa5\xf8\xd8Y\x85\xb6\xf1,\xd2#z\xc8p\x8b\xf4{\xe6 \xcb9\x10c\xfe$K46g\x8a\x11.\xb6\xda\xda"\x02\xdc\xf4xg\xbd\x8e\xc4\x7fJ]&amp;\xebq/q\xbeq\xb7\']q\xf3FU\x87!\xc4\xf6\xf9rX*R\x08\xd5\xa5\xe7\x12j\xdb\x03"z\xa5\x8eRG\\\x8c\x80/EQ\x19\x1d\xa1D "\xc0\x1bg\xa9\xdb\x9a\xbd\xa55:\xb1e1\xe7\xab*,&lt;&gt;\x0c\x0c\x0c\x9c\x02\xecg\x00\xd67\'\xa7\x83:\x9e0t\xa5\xd5\xc7\\\xce:RSt\xf4je\xfc6O\xf6\x89\x81\xfdxom\xfb\x88\xf9\x8f\xf4\xd6\xc2\xd2\xa8J\xc2\xf6\xee\x83\xd5e\xfb#\x8e\x99\x88W`\x8d*i\xf8\x81\xf1L\xd9e\x9e\xd8\xeb\xdbl\xde\xc7\xc1\x00\x10_z\xe4\xac\xc7\xe6\xad\x9er\xe4\xd4\x9c\xfdx\x80\xf2u~\xee\x0fu|\x81 ?M\xd3tw\x97&amp;\x16\xeb\x13\xc8\xd3\x9d\xa3k\x98\xa6\xe9v\xf2\xe7\xb9\xebR\x08\x8b\x0beC\x84*\xbeJ\xf8\x00\xc8\x9fn\xdf\x17\xe2a6\x8fI\x1a\x1d\xeb \r\x1d\xfb\xb7\x9d\xbf9\xa0L,\x13L\xac\xb3i\xc3&gt;\xb2;\xc9Q\xce\xc0\xc0\xc0\xc1\x08\x8bF\xe6\xa0\xe8\x1d\xb8\x85H\x9f\x03$ai\xce\x1d6\xd4?\x01h%\xd9\x86\xd4\xc1\x95\xccB\xe9\x01\xf1\xd5\xba\xa5\x81x&lt;\xc3\xd5\xf8:\x17\x14\xd3t\xcb\x08\x17\x9aK\xa48\x14\x12\xa0\xd8li\xbbH\x1f\xe9\xd7j\xfaGq\x8dj\x92K\xabS\x84\xa4U\xf7N{\xaa3\xe1\x18\x07\xb7\xf8+\xbd\xc0\xa5S\x8d\x89j\x86]\xf9\xb8\t\xc0]\xcf\x90l\xe4|\x0b\xa3\x81px\xd52\x06_\xac]M\xe6\xf0\'i\x95S\x93D\xae\x8a\x9bx;\xc9\x81\x81\x81\xe3\xb1\x96\x18\xd7\x94p\xc7\xfe\xf3G\xb6\xa6i\x9b\xa2\xbe\x8e\xdd\xd5T\xf0\xa9\xb2\xbe4\x0fv3\x1a\x91\xe6p\xbd\xb0\x860\x98\xb28[\xe9Q[\x0c\xbb@\xf3N\x9b\xa8T\x02J\xc3\xb6\xf4\xeb\x80\x8c&lt;\xa6\xafOBr\xa0\x98c\xb5\xfb\xb4\xd4De!\xfa7\x9d\xd0\x1e\xeb\xb6\xcc\xd3\x1e\xf9\xb9S\x86_r\x04\x19\x8d\xfa\xb9\xf1\x1eIz\xf4\xec\x8d\xab\xe8\xa86\x03\x03\xd7 \xa4\xc5\x04\xb2G\x8f\xfb\xe2\x07\x14&gt;U\xa8\xd7\xa0Z\xe7\x15fs\xaae"L\xdc\xdc\xe7\\\x16\x93i\xfe\x02\x1b\xa1v\x14\xf3A\xcd\x19\x04\xe5\xfb+\x0c[\x80\x9d\x9c2\xc001\xf7\xb7\xa9\xa9m7\xbas&lt;3\xe5\x06\xb6\xb9\xc0E\x9e\xf3\xec\xa5}/\xcd,\x1e\xcf\x14\x99s\x8c#\x11\x17\x1c\xe9F\x8b~b\xb1;\xcc3C7\xd1\x92\xb1q\xf6?0p\x85\x91\x17A\xb2\x84\xf5V\xc6\xc6bJ\x8ar\xfd\xb1Yce\x8f\x02\xc2\\\xbf9\xe6\x13^\x05\xe1^\xce\xea&amp;\xe0\x1b\x92M\xdd\x15C\x9a\x90\x82\x888\x91o\x7fVm\x00\xfa\xb9q\x06&lt;\xb1(\xa1z\xdd\x1e\x13\xfcu\xeemc;\xc1\xc76\xef\xf7[\xedG,3\xb8\xb7\x99\x8a6\xfd\xf4G&gt;\xbe\xe0\x8c\xa3i\xff\xc1\x8e\xd1\xbf\xb9\xe9r\xe3\x1ab\xfcl\xd2\xd7\xc7k\xb7H\x0e\x0c\\\xbf\xb0\x9d\xf4gC\xda;\xc8S\xf9\x07C\xd5\x8a\xb3\xd7\n\x8c-\x82\x96v\x1c\x8b\x85\xc9\xd7a\x12\xab`\x89\xb9X\xcb\xba\xad\xf9\xa6\'\xee\xc4\xf8\xaa \xff#\x9d\xecv\x87)\xa4-9\xc3\xf4\xb4UU{w;@\xf8t\xc9\xb7|\x7f\xa5\xeb\xac5\xa7&gt;1\xeb\x15C\xaa\x07\x11^W\xdc\xf5e\xf2\x9d\xc6\xaf\x1d=\xcd\x1d\x99\x87\xb9\xe1\xb2i\x04x\xd3#\xc8\xd4c\xb7~W+\tZ\xa6\xa7\x86\xc7\xd7l\x86WhSL\x1c;d\x06\x06\x06v\xc3:\x98\xf3!m\x1f\xe1QE\xa8/\riei\xdf\x00\xb8[AN y*"1&lt;O5l\x0f\x9d\xd1\xcc\xfc\x1f\xe02\xa4\xd3\xf4\xc0k\x90f\xd3:\x8b\xa8b\x16\x91ZU\x18\x82?o\x08\x08\x97r\x92(\xdc\xb2dh\xc2L\xe1\xa6\x93\xbc1F2T\x8c\xb9\xd2/}\xc7\xcb\xa6\xaa\xac\xf3\x11\xbb\x8f\x0e\rY\x8251A\xa6b\xdf\x85\xea\xec]\x97\x92S\x12W\xc3]+$Fg1\xfbYqa\xeb\xe8\xbf\xa6\x94\x9c$\x9d\xa1\xf6)\xaf\xc12?\x9e*\xe0\x03\x03\x03n\xbc\x82Y\xf7\x18!\x1d3\xe0\xeb\xd4\x15\x85z&amp;\xb9\x82\xecl\xde\xa4\xf3\xb3\xa4\xe3|\xcby\xe1\x8eu\xd0\xa0y\xb5nXX \xe2[\xee]\xb2\xbfU\x8cvi\x01\xb4-/\xe2&amp;E\x83U9\xf3"\x9a\x1e\x19\xb7Lgur\xb6\xa4t\xa6\xa4E\x03\xa7/\x7f\xb0 \x0fj\xa1}\xe9Q\twT\xdc!\x1aT\x1f\x98B\xb4\xe38\x15\xf1\x98\xfc\xa4`\x0b\xddJ;\xb0\x93tP\xd7B\xf3\\\x86dl\xd2\xa7m\x0f^*\x87\x80\xd2\xe4\xda]&gt;f\xbd\x9c\xdd:\xdf\x9a\xde\x07R0\x07\x06\x06\xae \xe8\xac\xbf\xb7A\xed^[MAd\x16\x1c\x0e\x9d\\\xbd\xee\x19\x9f*\xef,\xc2\xe6\x05\x90:\x19\xef\x0f2m`v\xa7]\xb3mfE\x1d\xb1\x10}\xd4\xe3\xe5I\x9c\xad\xc4y\xe6\xda\xdaA\xba\xd31\xed\xac\xf0YQ\xef;V\xd2^[%%\xec\x19&lt;\xbf\x8d\xc4u\xdf\xbeI\xde\x8b)&gt;l\xb4)\x01\x96UmOi\xf0*\x949\xb4\xeeFJc\xea\xe5\xd5\xca\xab\x11\x06\xfb\xe6\xb5\xd4Sl@\x8e\xa2\xf8\xabj\xe4\x8bi\xc3\xa4\xf1\xc0\xc0\xc0\x80\x8eP\xb5\xd9\xaa\x81\x04\x8a"\x97Qc\x9d\xc2d\x01\x91-\x04\x13\xfe.\xe3\x19\x8dKV\xccK\xd7\xeb$\x087\xb73\xd1\xe2\x86\xe8\xfa\xba:\xe4\x12\x8diKTUv_e\x8f\xcb\x03\xc4\xad\xcad\r\xe1\x85\xf9{\xde$\xc9\xba \x00\xdc\x1b\xcc.\xb8\xf4\xe7\xc2Z\xdb\x0e\x01,\xa4\xa2_\x9f\xbc\xafp\xa5\x1c\xd3w]\x12\x86e\xe5j\xbeG\xd2\xaej/\xbf\xfa\\\x98\x94\xeaI\xdc\xe0Cwc\x8e\x88\xff\xa3\x94\xff\xc5\x1e)\xf0\'b\xb5d\x07\x06\x06\xae-\x90\xa2\x9c\xd5\x88x%]\xd4$~\x8dcVzJe\xa8[\x85\x92\x0cISQ6K\x89\x153{3\xc0\x8e\xb3\xda\x85\xeb\xf5&gt;s\xc6\xb6~B\xc4[xV\xb1d\xb6.Lx=Y\x97\xf8\x89g\x87~e\xf0\x1e\xa6\x80\xd8\xf6\x87u\xdd7\xbb\xf3*\x93\xe8\x95]U\xf4\xa5\xcd\xe6\x80"\x9ego\xa7\xb1\xd6\xac\xa1GL\x84\xad\xb8\xc6\xedv\x07\xfd\xec]B#\xda\t\x14\xdb\xed\xcc\x8b3\x99\x97\xbb\x82\xb8Q[/z\x03\x03\x03\xc7a\x1d\xbd\xb7\xee\xab\x955T\xa3h{DNj\xd6\xb9J\xcf\xc6\x84R\xca\xae\xf0\xb4\x93\r\x00#p\x8c\xa7\x8a\x17\xd5\n;v\x93g=\x84\x88\x08\xb7\x11\xcfS)\x8eY+\x18\xb1\x06\xad\x9eR&gt;\xcd\x1f\xe4\x1d\xb1r\xf7-\xbc\x9e4\xb8\xec\xd0N\x92\xb6\xb1#\x1a\x99$\x7f\xe81\xf1\x1cL\xd4r\xc8^\x1f\x14\x96\xac\x86\xa4\xb9\xdd\xc2\xc1\xd0\xf6\xfd\xb6\xe73\r\x86\xa8\xddo\xb4\xc8\xfdV2#\xf4\xd9G\xe5u\xcf\xd9\x88\xbd\xde\x81\xd8\xc0\xc0\xc0\xc1`\xcb\xe8\x81\xa3\xfa\xbd\x8dr\xeeU\x9a\xc6\xdf\xe9W\xef8\xcc\x8e&lt;L\x9c\xadyy\xaeG\xb0\xf7\x1c\x1cL\xf4\xe9}2\xd3T\xe9l\xdb\xf2\x91\xf9\x8e\xc1\xa9\x96\xfe\xbd\xe0\x9d\xe3M\xf8K}L\xb1)\xea=t\\[^\xfa9U\xfc\xfa,K\x9co\xb7\xd0\xd8\x95*f}\xda\xac\xcd&amp;\x97\x16\x90]r[5]_\xbe\x9c\xb6\xb8+\x18\xbf\xe8a"\x0f#+\x976\xca\x03^7\xa8\x07\x06\x06N\x04v\x0c\xeb\x03\xfbR\xb3\xb8O\x95,\xec,\xe8\x9c\xcc\'\xac\x17_\xc8,wZ \xf5\x02;1\xd8\xeboE/t\xa9\xec\xc8\xa1BC\xa6n\xfe\xa3\x99HF\xe6\xe89\x0c\x11\xff4"p\xcf\xdd\x9e\xbd\xe0\xfap\xc9\x9c\xf3\x9aN\xc9T$\xd0\x94\xab\'\xc1\x95#\xdc\x82\x06\x1f\xf7\xdel\xac\xaf\xbc\x0c\xfb\xf5]\x97\x81c\xb7\x05\xe9 \x8a\xbc\xf87\x80\xb7@D\xb8\x07\xf6\xa2\x14\xe9I\x0fA\x9e\x98D\x8f\x8e\xdf\xe5E\xf2\xd4z``\xe0\xaa\x81\x1d\xbd\xea\xe4\xe7-\xac\x17XW\xa97\x91}\x9c\x8a\x04\xe1\x86l\x82\x8dR/\x7f\xdf^[\x7fHlUT\xcc\x88\x8d\xc5\xfd\x8dhX[6\x00\xeb\xdf\x00\xf0\'\x82\x1eE?e\xf2=\'\x9a\xba\xb2\xa7\x10\xcc\xf7\xf4\x8b\r\xe1\xadt\x89\xaf\xee7O#"\xc0\xb3\xd7\x17\x98\x0c\x81\xaa\xfe\xcd\xd4\x97\x1f\xc5\x1cx\xe2+ao\x02{`e.U\xb3\x13:\xd5\x1a\xea\x1e=\xb5N\x16Gu\xfa_m\xa7\x1b\xc1b&gt;O\xb1\xd7+!\xe7sH\xf5(\xedO\x98$\x03\x03\x03\x07\xa2b\x16,69jN\x8di\xc4\xcfU\xa3{\xcc4\xcf\x1fy\x86V\xde\x1d\x91\xa3\x92\xaa:\xbd\x1dq\xfc\xf2%[\x17\xaa\x04\x96\x8b\x1fY\n\xce6\x15\xcdzR\x85Ww}\x96\xf5\xb5}\xb9iY\x9d\x98\x94\xb8gw\x84\xcf\xa0\x83f\xdf\xf8[L\x989h\xeb\x1e\x0b\x00\x93O5\x1c\x92{\xf5+Q\xd1\x8b\xd3cO\x92k%)\x9d\x82\x1d\x1e\xa8\xc3\xec\x8a&amp;V\xebW)U\x06\x06\x06\xf6E]9(49\xf4\x01\xeb\xf7+\xf7\x97\xff&gt;\xc4\xb5F\xf7\x05\xe4\x80bZ\xaa\xe9\xcc\x1d\xff\xc2\xc2"\xff\x92\xee\xcb\xa30-\xb1j\xaf\xe4D\xf5\xd1\x85G\x16\x85\xe6\xdc\xb3,x&amp;\xa6\x17\xf6\x1c_yA\xe8h(W\x95\xf5&gt;\xcb\xc5\x90\xc9\xb2\x12i\x99\\\xc2\xaa\xed\xc8\xcd\x80\x0f\xc8o\xc5\xcf&gt;v\xf6c\xc5u\xa2&amp;\xd05V\xa6\x14\xdd\xb1G\xfc\xe7w\x87=\x03\x19\x18\x18\xd8\x05Y5!\xa3:|)A\xe1\x80m\x8f\xc5\xc4\t\xe7\x1e;\x9c\xe4{z\xea\xec\x8eB\x1d\xb7;\x82\xdb;\xa98\xbcA\x87\t\xcc\xd2|\xcb\xe1~\xefr9\x12\x91\x8f\xc2\xcf\x85Vf\x0b\xf3&lt;\xa1Y\xe7\xb1\x90Wf\xba\xb8QR5\x18\x99\x0e\xe1bo\x0b$\xcf\x9f\x87\x19\xe7}\x97\x9b\x97\x86\xec\x9d\xe5\x84\x1bo\xb9\xdcMvw[\xe5\xa9\xe2\xb3\x8d\xc1M9M!\xef9N+\xae\xd5\x04\x18\x18\x18\xc8\xdf&gt;\x88i]#\x92\x85G\xe4^\xe3:\xb1\x96z\n\x17\xac\\\xa6h&lt;\xa4Z\xb1E\xcc\xb7\x9e\xab\x0f\xd46c\xc1F\xef5\x82\xfe\xa6\xf5\x04\x86\xdd\x85C\xc3q\x1b\x80\xdeV\xb6\xf5e\x0fU\xda\xd2\x16\xe0\x13\x9aM\x1c\x89\xe2\xe2\x0c\xc2\xd1{\xb6D{\x8a\xdc\x84U\x98.\xe5\xdf\xd9\xc0\x88\x81\xd9\xaf\n\xd4\xea\xff_\xa6\xfa\x10\xbb\xe0\xf6\xc5\xf2\x90\xea\xd2\xf5YsJ\xf3w\xbd\xfeL\xccv\x0b\x8b\xc2f\xbf"=\xb7\xb17\xdag\x0f_\xf7\t</t>
        </is>
      </c>
      <c r="E65" t="inlineStr">
        <is>
          <t>&lt;class 'numpy.ndarray'&gt;</t>
        </is>
      </c>
    </row>
    <row r="66">
      <c r="A66" s="1" t="n">
        <v>64</v>
      </c>
      <c r="B66" t="inlineStr">
        <is>
          <t>steps_per_sec</t>
        </is>
      </c>
      <c r="C66" t="n">
        <v>800</v>
      </c>
      <c r="D66" t="inlineStr">
        <is>
          <t>3.0272212</t>
        </is>
      </c>
      <c r="E66" t="inlineStr">
        <is>
          <t>&lt;class 'numpy.ndarray'&gt;</t>
        </is>
      </c>
    </row>
    <row r="67">
      <c r="A67" s="1" t="n">
        <v>65</v>
      </c>
      <c r="B67" t="inlineStr">
        <is>
          <t>Loss/RPNLoss/localization_loss</t>
        </is>
      </c>
      <c r="C67" t="n">
        <v>800</v>
      </c>
      <c r="D67" t="inlineStr">
        <is>
          <t>0.10364388</t>
        </is>
      </c>
      <c r="E67" t="inlineStr">
        <is>
          <t>&lt;class 'numpy.ndarray'&gt;</t>
        </is>
      </c>
    </row>
    <row r="68">
      <c r="A68" s="1" t="n">
        <v>66</v>
      </c>
      <c r="B68" t="inlineStr">
        <is>
          <t>Loss/RPNLoss/objectness_loss</t>
        </is>
      </c>
      <c r="C68" t="n">
        <v>800</v>
      </c>
      <c r="D68" t="inlineStr">
        <is>
          <t>0.023157166</t>
        </is>
      </c>
      <c r="E68" t="inlineStr">
        <is>
          <t>&lt;class 'numpy.ndarray'&gt;</t>
        </is>
      </c>
    </row>
    <row r="69">
      <c r="A69" s="1" t="n">
        <v>67</v>
      </c>
      <c r="B69" t="inlineStr">
        <is>
          <t>Loss/BoxClassifierLoss/localization_loss</t>
        </is>
      </c>
      <c r="C69" t="n">
        <v>800</v>
      </c>
      <c r="D69" t="inlineStr">
        <is>
          <t>0.24962796</t>
        </is>
      </c>
      <c r="E69" t="inlineStr">
        <is>
          <t>&lt;class 'numpy.ndarray'&gt;</t>
        </is>
      </c>
    </row>
    <row r="70">
      <c r="A70" s="1" t="n">
        <v>68</v>
      </c>
      <c r="B70" t="inlineStr">
        <is>
          <t>Loss/BoxClassifierLoss/classification_loss</t>
        </is>
      </c>
      <c r="C70" t="n">
        <v>800</v>
      </c>
      <c r="D70" t="inlineStr">
        <is>
          <t>0.14210045</t>
        </is>
      </c>
      <c r="E70" t="inlineStr">
        <is>
          <t>&lt;class 'numpy.ndarray'&gt;</t>
        </is>
      </c>
    </row>
    <row r="71">
      <c r="A71" s="1" t="n">
        <v>69</v>
      </c>
      <c r="B71" t="inlineStr">
        <is>
          <t>Loss/regularization_loss</t>
        </is>
      </c>
      <c r="C71" t="n">
        <v>800</v>
      </c>
      <c r="D71" t="inlineStr">
        <is>
          <t>0.0</t>
        </is>
      </c>
      <c r="E71" t="inlineStr">
        <is>
          <t>&lt;class 'numpy.ndarray'&gt;</t>
        </is>
      </c>
    </row>
    <row r="72">
      <c r="A72" s="1" t="n">
        <v>70</v>
      </c>
      <c r="B72" t="inlineStr">
        <is>
          <t>Loss/total_loss</t>
        </is>
      </c>
      <c r="C72" t="n">
        <v>800</v>
      </c>
      <c r="D72" t="inlineStr">
        <is>
          <t>0.5185295</t>
        </is>
      </c>
      <c r="E72" t="inlineStr">
        <is>
          <t>&lt;class 'numpy.ndarray'&gt;</t>
        </is>
      </c>
    </row>
    <row r="73">
      <c r="A73" s="1" t="n">
        <v>71</v>
      </c>
      <c r="B73" t="inlineStr">
        <is>
          <t>learning_rate</t>
        </is>
      </c>
      <c r="C73" t="n">
        <v>800</v>
      </c>
      <c r="D73" t="inlineStr">
        <is>
          <t>0.023999799</t>
        </is>
      </c>
      <c r="E73" t="inlineStr">
        <is>
          <t>&lt;class 'numpy.ndarray'&gt;</t>
        </is>
      </c>
    </row>
    <row r="74">
      <c r="A74" s="1" t="n">
        <v>72</v>
      </c>
      <c r="B74" t="inlineStr">
        <is>
          <t>train_input_images</t>
        </is>
      </c>
      <c r="C74" t="n">
        <v>800</v>
      </c>
      <c r="D74" t="inlineStr">
        <is>
          <t>[b'1024' b'1024'
 b'\x89PNG\r\n\x1a\n\x00\x00\x00\rIHDR\x00\x00\x04\x00\x00\x00\x04\x00\x08\x02\x00\x00\x00\xf0\x7f\xbc\xd4\x00\x00 \x00IDATx\x9c\xec\xbdy\xfc\x7f_5/\xbeNs!J\xd4\x0f\r\x97L\x89\xd0p)JI(2dNt\x15e.7\xf3\x90\xc8\x94\xc8\x1c.Wi@\xa5\x90dLr\x0b\x95JQ\xa6\xd2\xa0k,\xddJ\xd1`\xfd\xfe8\xd3\x1e\xd6\xdeg\xed\xbd\xd7\x9e\xcek?\x1f\xf5\xf9\xbe\xde\xaf\xd7&gt;k\xad\xbd\xa6\xbd\xf6p\xce\x01\x18h\x1a\xc8o\xc9G\x1cEN[\xb6\xb4\xe2\xc0\x10]Y\xf8\x0bDD\xa8)\xbf8f\x85\\\x1d\x00\xe0\xfb\xce\xd4\xaf8 \xc0\x8bk\xcb\x10\x86\x88\x80\xcd\x8b\x7f\xc6\xcf\xcb/\xcc\x03\x10!\xb9\xd7\xcb\xe5\x8d\xe8m` \x19\xd2\xd9\x00\x8d\xd1]\x82\xe6@\x93@_i4\x95\x94d \x1c\x18f\xa3+"\xbem\xf98\x01\xc0\xa4^\x1bH*\x08k\n\x99&amp;\x17\x8bwE\xfcW\xe5GiI\x10\xe7\x0e\xc7^\xbdD\x88[\xfe~\xa0\xa7\xf33\xf4(\x19\xb3JHU b\xab*\xda\r\xd9\xaa\x84\x99\xb0t\xdc\xca`a\xd7_\x98\xd2\x06\xce\x8d5(X^\xad\x8e\xf5\xcb\xc8\x0cGe\xfe\x88\x97\x08\xe8\xa9&amp;g\x89\x95\x07W\xa8-\xc0\x80\x1f\x81\xfe\xf4\xf6i\x835v\xe6t\xcd\xe9\x06~\x06\x88\xff\n\x00\xcb\xaa\x9c\xfcr\xc3X\xc1\x00\x00\x80\x0f\x19\x8b9\xc1\x98&amp;\xc8\xe1\x91\x12Pb\x99\x8f3\xd8\xdf\x95\xc1\xd8\xd7GN\x1cj\xe1\x04&amp;\x1b\xc8\x8d\xe9s9C\xf8-\x10\x9e\x83\xfa\xfa&gt;,\x9bjG\x97\x8e\xa1#\x1a\x8a\xaa\x87\x0e\x07\n O\x1d\x9d\x06\x8f&lt;\xeaV\xe3]\xe4\x19K\x9d\x19\xe8\x1cH\xa1\xb6P\r@\x1d\t\x07\xea\x01[\xccZ\xf51&lt;\x93\x0fD\x84\x7f\x0c\xd4\xd5-.B\xb7d\xf2OG\x93\x95FC\xd0\xc6\xd9\xb4Q\xa6\xca\xa8=v\x00\xfa\xc3\xec \xdbY\xd9\xda\xe2\x00\x00\xfc*"\'KL\x00\x00O\xc9-L\x04z[2$A\x18`\xec\xea\x82\xa2\x97&amp;B\xe5\xb2\xd1F\xba\x8a\xc3&gt;&lt;?X\xba\x1b\x1dk\xa5(\x10\x00\xf0\xba\x10\xa40|NW\xeb\xb2Q\xa2\xe6\xeb\xe0Vid\xa2\xdf;\xb4\x116e\xdfR\xd7p\xb1E\x81Q\x1f\xf4\x07;\x1ak\xd7yxx&lt;\x11\x97\xa3r\x90\xc7\xe5\x101\x1f\xf1n\xa0:Fm\x97h\n\x9b\x7fB\x94\x87\xf4w\xb2\xb3U \xac#]\x9f\xfe\xb9GX\xf4\xfd\t$\xd1\xd6s\xd7\x9a^k\xe3g\x10\xef5\x7f\xe2\xfb\xcf:\xf4\xb4 \xff!\x8eGR\xe75\xf91\xed\xff\xe9B\x99\x9d\xc1o\xc7L)b\xec\x00\xf4\x07\xf2V\xc6\xf2b(\x98\xe7\xbd&gt;\xef\\\'\xc6\x99\x12\xc7|N:oVB\xc47\xb4\xbd\x102MQ\xa7\xc6\xcf\x8fM\'\x91j\xf9\xcb\xb6\xed\x1e\x8eZ\xdd\x99\xba\xa9\xc4h\xec\xc2Kk\xb0e\xa5\xcc\x1b\xce-\xec6\xdf{\xfeOh\xf5?\x7f\xcc O\x04\xd0\xf7\xc0\xba\x1f\t%V\xd4(\xa8m\x08\xc8*v\xa7\x86\x88\x00\x7f-A\xb3.\xc2\x96\xf0\x0f\xed8\xf6a\x06T\xe8\x07\xf5\x062\xe3\xc35m\x0f\x85_\x16N\x16e\xd5\xfbR]\x80\x81\x10\x84\xa6\xbe\x86\x82\xa5\xb5\xa4=\x0b\xf3]N\xfd\x04T\x8d\xc4\x81\xfdd,\'\xfe\x9f\xccnO\xdc\x80g\xfc\x19\xd0\x97\xeds#\xc6JC\x80\x12\xc2l4p\x91\x18\xe6\xaf\x89\x0b\x0e\xc2\x9f\xa8-@}4l\xf4\x1f\xae-@\x04p\x19\xe3\xd5\x9ac\xa0a\x84\xa4\xbe\xd8$\x19\x17b\xdeK\x18b\x97\xbe\xfd\xda-L\xa0$A5#\x0f\xa6\x00\x11\x14\xe2\x1f\xc8qt\xc9\xdd\xfbK\x11\xbe\x1e-*\xc2\x08-{I\xe2\xf6\xd1\x9fT7:-\xef&lt;\x0el\xb83\xe2~\xef\xac\xe0\xf1\xd3\x01.\xf4\xc8\x9b\xa6k\x00\xbc\xb9\x9a0\x03n\xcc\x86\x12\x8e\x91\xd5\xfa\xad=\xef\x19\xdd\xc7\xc7=?\xa9m\xe0\xe0@EJO\x17\x9dQ&lt;\tt}6H\x14\x88\xd8\x966T\x9b\xb9\x05C\xf8=\x80\x8f\x8d\x0c\x90\xbd"\t\xe8\xf8\x81\xa2\x14\x9a@\xc8c\x06uG\x08/\xb0\x8f\xe0\xcf\x15q\xfc\xa6i\x12J\x95\xa8\xdc\x84r\x90\xd0fk.\x1fZ\xb9wE\x05\xa1K\xf3\x95\rJOI\xcd\xbb^h\x03\x9b\xce\x91;\xfc\x8d{\x00:\x80Z\xfd\xc3:m\xac%\xcc\t\xc1Y\x834\xa3iT\xffMC8&lt;\xb6\x93\xdfH\x16\xb5Y\xe1[\xf2\x89\xbd\x94\xcb:\xed\xe0\xa9v\xd3\x85g\x01\xcb\xbak\xe5\x1c\xc9-\xb6\x17\x1f,DG\x0e\xbc\x12yZ\xab\x7f\x88\x08\x10\xe5\xee\n\x84{q\xbb\xec\x97K\xb9!\x8aj7\x1d\xdf\xbaV\n\xa1\x07f\x04XN\xe6=c\xfe[\xf8"\xdf\xc7\xe7H \x88\x88\xf0\xd3\xfcn\xcc\xa5\xb0\xfb\xf7\x07\xec\xbfm\x8b\xdf\xcb2xc\x95\x12Q\xfd\xcf\xf7G\xce\xbe\xb8\xdbb\xda~\r\xbf\xa5/\xfe\r*\x03-\xc2\xb1\x13\x14\xb3\xc7\xdaZ&lt;\xb4\x01\x8e2Y\xdbp\x03\xd5\xb1\xdbH\xd4L\xed\x99\xfe3\xd3\x859\xeaQ\xa8&amp;\xb9\xe71\x8e\x94)\xa6\xe4\xc8T)\xc25\xc9:\xeb\xb5\x0f\xa8!\xbf\x03\xd9\xfd\x7f+\x18\x1b\x8a\xb2\x02\x889.\x1f\x8d\x149\xa5\x98F\t\x13|O\xed\xca\xa2-_b[\x84&gt;\'\x96l\xc4\x81\x0e!\xe2\xcd)D\xf6k#\x9d\xafq\x97e\x89\xe7\x88\xdb\x11\x93\xad\xdd\xb6\x95%\xf5\xcf4?\xac\x11C\xbf\x1e\x83n2\x8bDX\xc6\xe0\xcbSN\x87Q\xa5\x86\x00S\xa9\x1b\x1b\x9a\xca-\xc5\x94\x990\xd0t\x07\x04xV\xd8\x05\t\x10\x90\xf71\x02|\x95\xefsY\xb9\xa9\xc0Q\xc0\xb5\x08"\x02\xdc\xd6\xf5\xd3+\xe4\xba6v\nz\xc0\xea)i\'\x9bq=\x8f\x17JAs\xd4iz\x1f\x80\x97E\\\xdf\xc6f\xab\x006u\xcc\x87\x0c\xb7\xcf\xabb\x11/\xe8\xa5\x04\x8b2.\xa0\xbf\xad\x9c\xfb\xdf\x91\xff\x84kH\xe4b\xb9\x93\xeb\xfc\x8eo\x99\xf3,\xc9\'\x19InL\xf9\x83|\\\\\x05\xf1?\x01@\xeaN\x1e%C5\x05e\x1ca\xcb\x96P\xd5\x8a\x85@\xa0\x0cB|\x8b\xa5\x97\x1b\x00\xbc\x92\xd5\x10\x11\xd3\xde\xd8\xe0\xbf}e\x9an\x00\xf0*\xf7\xaf \x12wWJ\'1\x90\x1b\xa8|H\xb0\xf9\x14w\xb1\x15\xee/\r\x95\xe2d\xa3\xafQ\xf7[\xe5\xfe\xa4\xcc\xb5N\x0e\x14r\xcd\x1e\xe0\xeb\xde\xeb\x10\xdf\xa5\xb8\x93\x17PyH\xa9W.\xca\x03:~\xb2\xd4\x93\x88\xa5d\x89w\x1cJ\x9d\xf2\n~\xcb\xb4\xdd\x0e\x99L\xeb\x89\x15\xee\xda\xe1`\xab\x05\xef\xcfh\xbb\x89\x9fP\xfd\xc7^I\xd0\n\x90Cn\xd2\xb1\xfeG\xac\'\xdb\xd2\xd5\xa4\x7f\xfb\n\xfbK\x1a\xd34\x05\x9eJ2\xae\xf6\xd3\xf6\xfd*\xa7\x89\xd6\xe2b\xc0\x82\xee8\xe5G4\xcbqa\xb8\xcd\x11\x02n\xc3\xef\x1a\xaao\\v\xadUa\x02$\xb8\x0e\xc4\xe79b\xbf_`\x8e\x07d\x9d\x1fY|~\xddK\x81C\xe2\xca\xaeK\xe4\xfa\xbf\xbc\xc5\xd9\x82H\x0e\n\xf2\x1b\x9e\xc5\xb2\x19\xa1\xafD\xcdH%\xff\xf1\x14\xa0\x9e\xe0\xb1v\xb6suMyH\x9b\x07\xfbl\\\xe2m\xf8n\xdf\x93;\x81\xda..\xc4\xdc\x17\xd1\xcd\xac\xa7\x93\xeb\xe3\x07j\x0b\xd0\x19\x16\x9f\x7fgQ\xaf\x08~79"\xfcY4\xb3\xd8\x0b\x9d\x04k\xac\xf6\xc8\xb3,\xd4\x07\xc7\xd0\x97\xe4K\x97W_\\08\xb7\x8cX7\x97\xa4\xa7\xaa\x8d\x88zO\xdb\xd5\x93\xc9\xa6\x00\xf1"\xee\x0f\xeb\xa7\xfe0\xbc\x8e2M\x81[\xbe\xf2\xa1\xe9\xa9KF\xc1Z\xed\xb24l\xb7|\xc4Q\xb2\xed\x17\x19\xfa\x85\x00\x7f\xc3\xb9\xa9\xb1\x7f\xd8#l}\x19\x98\xc8\x16\xce\x1c\xd6\x15\x911=""\\\x9b\xab\xd8\x14\xe5x\xdb\x0bt\xb0\xa9\xf5\xdd\x01\x0e\x10\x18Epb\xe8\xcd\xfe\xb6\xdd\xa4\x04\xfbZE\xe5\xe7\xdf_\xc0\xfe5\xf64\xc7Ql\xe1\xda\x90\x9cn\xb5|\xe8\xa6S6\xda4I\xc6@8w\x88m\xc0\xed\x9f\r\xf7&lt;yz\x11\xc2Z\x93 \xde\xb8\xb6(uP\xbc\xba\x8dd8m\xff\xc8c\x9a\xa6\'\xfb[T\x9c\x03\xe0\xfe\n\x02a\x19f\xaa\xf8\x1a\x81*KD\x9e\x14\x8c\t@\x07\x98\x87\xa4\xed\xfdp\xf3\xc4\xf3pf\xefp\xaf.\x17bW\x18Gk\x0e\xfb\xd2aO{\x13y\xda\xde\xa7\xe3\xda\xd1~N\xc7%\xd5\xb4v/W\xb5\xfd\xf6\xde\xec}" Q\xff\x03\xec\xc73\xce\x06\xc1~i\xb7\xa5\x01|\xac\x08\xd1\x01\'b\xab\xff|\x89k\xc1]s\x07Jj\x95\xbc,\x9dK\xa6YO\x97\xa9\xaa,\xa2Hc\xf1\xfa\xd41t\\0\xcc%I\xd6\xde\xdf\xdf\xf3\xf7\x9e\xean\xe1\xf1\xf8\xb6\xb9.\x9b\x8c\xba\x9a\xcf\xb9e&lt;`\xa2\x81\x8d\xf2\xd3\xc3\xa9\xe16\x0e*\x0c\xb4\x08D\xfc\x1e\xc31\xb4G\x9e\x95\xf5\x19\xe7\x11\x1b\x1f\x8a\x0c\x8e\xe8\x97\xed\xcb\x92e\x88\x0e\xcfM\t\x19F4\x95\xb2\xcdScwl\xa6#\xfc\xd4B\xd0l)\xd2\xaf\x13\xaes\x0c\xa8Q\xa3.\xf9l\xdf\x9er}k@\x04X\xf4\xa5\r\xcf\x04\xbc\xf5\xd9\xcft\x1d\x00\x11C\xb4\x8d\xe5\x1e\xb7\x7f\x12\xa0\xf3\xbd\x1c\x18\xfc$\xef\x81R\x18\xcf\x9bZ\x10]\x01\x17yD\xd8\xb2\x89\xe6\x1119\xbeR&lt;!\x9f\x17\xe1\xfa&lt;T\xe3)\xa2f\x89uh&gt;\x86\x99\xe8^\x04\x0e\x1c4\xc6\x11\xa0S\x82(\xfa\x89\xdf\x06\x06,\x94=\xffp\x9b\x0b\xaf\xfe!\xf8U2\xf9\x04\xb9&lt;\x9c\xed\xa8O\x17\xce\xf1E\xcag\xd7\x8a\xf57\x8a\x1f\xdb\xa8\x8a\xd3t\xc4\x81\xbc1\x94B\x9dsm\x84u\xb6\x19\x0fA\x7f9\x10+\t\x9a\xda\xa9R\xd7\x80,\xc8m\xa6\x82;\x83\x03\xf1P\xcc\xf4#\xb5e\x19\xa8\x02\xb4\xce\xe0\xe9!&lt;\xc0\x06\x7f\xab\xbd:\xec\xf3\x03\x81\x97v\xd0\xcd\x7f\xdb\x85$\x8fC\xb4.\x7f\x0c\x12\x8crx\x80\xc4\x03\xc1\x1ex\x04\\\xfe\xf7\xbbn1\xda\xf6\xc9\x08\xaf\x0bRo\xb2\x99\xf8\xb25\xad\xe7\x81\xc2(\x9f\x0b\xaaA\xefi\xef\x9d\xb5\xb3\'\xb3G\xbb\xad\x1b7z\xe3\xe2\xd5\x059&lt;\x18\x9f\xebI\xd7\x1f:\xca\x81\x7f\x1e\x9b\xc1t\x87\xf9\x86\x1c\xb2\xc9a\x9f\xd3R\xc5P\x07f\nG\xad\t\x80\xa42\x1dA\xf4\x9am\x0e\xe0\x95\xa4]\x1cIH\xfc\x14\xd8\xa9C3E\xcb&amp;\x80\xb1\x8bpZ\xa8\xaes\xae\x9dn\x0bz\x94\xb4\xdd\xd9EV\xf7\xc9\xbf\xb5\xc1\xfc\x17\xf7\x1c\'\x9d(\x1aU\x05^\xf4\xd9\xeb\xd9T\xee\x07\xda\xee\xa6\xdc\xda \xe2\xf4R\x80\x1b\xaf\x9f/Tu\xb3^X}\xc7\xf5M\x99\x9b6\xcb)\rE^Y\x1av|\xb9B7\x93\xa1\xc8\x0c\x8d\x97"\x88X\xe5\t\xd4)\xf5\xdf\xd3\x01n/#\xb0&amp;\x85e\xacma\x82\xbe\xb8y\x87D\xf7]U\xf4O\xa1\xb1\xe67\xa2\x87\x08\xe6\xbf\x1fo\xdc\x03pZ,\x0f0\xec \x02\x93\xa1\x9c\xe5m\xbc\xab[*p\xe7\x84I\x7f\xf4$3\xc5\x98$\x0e/\xf92D\xb8V\xa5\xb5\x99\xb3\x9d\xbd\x8e\x81[\xf5\x8afT\xaf\xbe\xf1\xfa\xf9RU\x17z\x9a`~P\xc7T\xfa\xb6\x16\xc4\xf4]\x9ae\xe1/\x80\x88\xfe\xa8h\'\xd5\xa6\xcecL+ZO\xdb-)\x8d\x8f\x8f\x01\x10\xd9\x04\xa0\x1e\x86\xa4\x7fu\xa5\xaewn\xa6;\x86^0\xcf\x81\x8eR\x8a:Op\xb5=$r\xb1\xd9~`\x00\xb2\xe5\x95j\xe9\x8a\xb1\xfd\xf7\x97y\xc8j\xf82\xb3\xfd\xefF0\x1d\x88\x86\xa2y\x97\xb1:\x1eQ3"\xea\xe8mV\x89\\\x9c\xd3,\x88\x88\xf8n\xf4\xa3\x06#\xa9}^\x1dm\x9c\x00?TWo\xe4\xb9\x11&gt;2\xf1W\x1b\x00\xfa\x1e\x06\x9a,@E\xa4\xc8o^\x9bU9q\x04;\xb7\xce\xc0@\x0cjf\xa5\x8c\xf9q\xa1\x16\x7fs\x92\x98$\x03:\xd02\xcdP{n\xec\xea-\xaeg\x19\xcb*7\xf3\xa4\x90\xd2&lt;\xedO\x87\xb3\x05\xc3\x0e\xde*\x02\xa4 \x07{]!7\xf1\x88\t\xf0\xc24\x05\x94@\xaa\x96\x184\xc3M\xf3\xa9\xa1\xec"z1\xf6\x17\x06.\r\x88\x08\xd3\xf4\x12\x80\x9b\x94\xe5{e\xc4\xb7\xd8\xdf\xd6\xde\xe3\xdb\x93F\xfb\'q;\xc5\xa6b\xf2\xe1\xd0\xb5\x1d\xc0\x0b\xe5\x86\x95\xde\x80\x9b\xecGw\xdd\xb4\x80MZ\xe2\xc0q\x8a\x87\xd8\xbe7\x10\x06D\xf6\x8dX\x99\xf8\xa7\xd6\xa6)\x9e\x7f\x13\xc4\xbf i\x82\x91\x16\x9cb\x0e\xc7Sa\xab)P?!\xb7\x061nF\x1a\xf7\x00\x0c\\\n\xae\x8a\x08\xaf\x98\xef\xaa\x81\xe2\xd5?\x90\xd5\x7f\x03\x18\xc7\xf1\xcb\x01\x97\xf3\xe1\xdd,\xc4\xf6\xfcX\x96\xfd|\xf9\xea\xe1\\?\x17X7\r\xc4&lt;R\x93\x91\x98\x18\x9e\xbc\xf3\xca\x82\x9d\xbdB\xc7.C"\xf8\x16\x85\xe6\xba\x9f\xe2\xcb/vt\x9dCr\xeat\xe9 \'\xa8H\xbc[\xc8\xb3\xfe\xc2\x98-\xc3\x8d\x9b\xfe\x98\x00\\6N\xfb\xe45\x02\xff9Mp\xc39\x9b\xf7\xf40\x87\x02\xe8\xe3V\xbcn\xa1\xaa\xf5\xd3\xcd\xdb\xb5\x93\xa9\x8b\xbb\x96\xb2=]\xf6\xf6Y\x19\x90\xb1\xd6`/\xfe\x17\xe2\xab\x95S\xfe\xa1w\xfd\xf2Q\xf4\xf1G\xf8\xf6\xb9O\x19h7\x9dB\x154\xe7i9\xf0TN\xa3\xa6\xf7\xdc\xb2C_G\xd0\xb6|\xd5\x88D|\x02\xaeO,\xb0\xceV\xd9\x08\xd5\xe7\xb4\xf0~|\xe0u\x03\xe7\x82\xf9\xfc\x07\xc9c\x82\x03G\xd8\xf5\x1cv\np\xe0\x0c0\xcc\xad\xff\x99\xe8\x00\xf2^\xc4\xf6\xcc\xdd\xa5\x05\xb9\xb7\x80\x87\x14\tL+\x13\x9c \x1b\xbcU\xe8\x1ehy\xf4\xeb\xa8\xa4\x9f\x84"\xc5\x1cn\x9a\x07\xad\x12;\xde=\x14%\xd8\xea\x02\xc0\xc7y\x14+a8E\n\xa7E.w~vQ@\xfd\x81\xb2\xb6+4\xb8Bv.\xa0z\x9az?v\x0fc\x97\xf4\xfc\xd8\xc2M5\xb7\x11\x92\x89\xc4\x05\x1di\x97v\x9a\xdcGN\xcd\x14r\xa6\x04\xa2k\xe0\xa0-&lt;\x16\xe0\xf3\x04\xce\xe8C\xebw)p!\xe5\xd8\xe9\x82\xa8\xcalF\xaa`HU\xd2\xd1\xde\xe5\x12@W&amp;\xd1*\x9b\xb6\x97\x1d\xb3i\xba\t\xc0K\xf2\xb0\x90\x86\xe38&gt;\xd3\xb8)\x99A\xcf0&amp;\x91q\x04\xe8\x12`:\xd9_\x95d\xdd\xf4J\x80\xc8B\x05\x87\xc8v\x98B?\x18\xd9\xe1\x804\x10\x8a\xfdy\xe7\x9a\xe5\xc5N\xd7&lt;\x17\xb6\x9d^\xf1X\xa3%\xa4\xfc=\x8au{K\xc5\x00p\xd7\x80\xb6\x13|n\x12/\xf5N\x85\x06\xab\xff\x88\xf4\xd8\xc6\xb1\xb1\xe6\x9c\xaa\r\x88\xa9E\xb7\xf0\x9d\xc86_\x94i\xe8\xdf\xa7r\x99\xaa\x7ft|N\x80#"\xd8\xaf\x12\xe3\xb4\xd9\x96\xf9\xff\xb7\x8b\x85\xbd\x0fP=P\x07J\xe00\x8f\xe7\x9b\xac\xafS\xdff=-\xe4\xb6z\x17\x05d\x9fw\\6\x02\xe6\xff\xa7\xb3\x1e\x18\x10\x86o\xfd{\x7f"\x8a\xbd\x03\x00\xe1\xce\xbc\x13\x89\xc8?\xa8\xbc\x9c\x15\x89G\xe5$\x05W\xbf\x0b\xc6\x82\x08\xd9\t9\x01\xe6\xce6\xd8S\x99=\x00%@\xc3\xfaH\x1f\x1d\x99\xbe\x1c\xe0\'\x8eZu\xe99z2\x11\x1e\xa3\xed\xc4"u\x1cC\x89V e&amp;\xf7\x8a\xc7\x0e\xc0E\x80\xebQ\x19\xa6\xec+\xe7k\x89Sn\x06\x01\xaf\xec\x85y\x9dV9\x1220\xd0\x14\x96\'\xe6P\xbe\xa9\xba\xae\xbe\x9f\x11\x03\xe3\xa6\xa4\x18\n\xa0\x1d\xb4\x05\x00\x80\x7fZ?$&gt;&lt;\xe7\xe0zD|b\xd3{\x9b\x02\xe8\xb0xK\xc3\x13j\x0b@\xa3\xb2\x19\x1c\xec\x7f\xbc\xac\x14\xe5\xb0\xd7\xdf\xb272\xd0\xb7\x04\xe8\xeb\xf12\xbbg\xae\xdd\x06\xf5?\x03\x17\x06\xc7\r\'\x86\x8f\x8b\x0fi\xdb#\xa8N&gt;X\x06\xa2Im \x02\xdc\x81\xfc\xe5-\xdd\xdeBw\xe1\xf8\x8f8\xab9\xae\xa2nJ\xfb@\xd7\xede\x0c&amp;j\n\xc2\xe8\xe3\x82\xba\x00\x85\xbc\x14\x11\xe1\xcd\x97\x10\x11\x8d\xa4\xee\x16d\xa8\x06\xcf\xd8\xcdG\xc2q;\xb2f0H}\x8b\xdd\xac\xff!CV~TU\xb4|w}\x8fJ\x07\x06\xe4\xe0\xcc\x0b\xf99\x03\xbc1?\x97\xfePJ\xffL\\\x8bLC\x98V\x9c\r\x9c\t\xa2\xee\xfa\xb9V\x16\xbac\x1c\xfd\xf2q\xd4X\xe4\xb6\x83|E\x0c}\xca\xfcBpT\xdb\xb3\x10\x92\xc0\x8d\xd9\x02\x9bT\x85\xea\xa2\x1f \xcew_\x0e\xcd\x0cT\x00\x9d\x14\xdc\xcd\xe1\xba\xc3G\xb3B\xb5B\x13\xaa\xde\xe4\xf9\xc3\xbc\x9bB\\a\xe6A\xe8H?M\xa8\xeeb \xa6m*\x11Y\xb6\xfew\xfcq\xdeHYr@\x1d\xc5\x8d\x03Y\xb3\xd9Ek\xfb\xa8\xb6g\x81\xadC\xb2&lt;\xb0\xa3\x95%iR\xb7\xe3Qg\xb9\x8a\xd9_\x86f\xca\t?\xce\x03]\x0c\x10\x91\x7f\xaf\xde\xdc\x18\xc6\x89\xb1|\xd0\x92@\x0b\xf7I\x1bY\xa9\xe6\xfd[V\x82t\xea\xc7\xf1x\xb5\x81f\xe0\xbc\x8bn3\xf2b\\"A\xcd\xb7\xd7W\xb0/"N\xd3\x8d\x01^J\xfe4\x7f\x90\x0e\x10\\\x9f\x14\x1cG\xb6\xfa\x13\x05p\xbdE\\^\x0c\xbc\xec{\xb2\xd3+i\xe6\xf8b3Ro\x87U\x9ed\xed"\xd5\xc6\xa0\xb6J\xb1&lt;\xc8\xf8\x1f\x01\xaeWB\x8c\x10/-\x19\xad\xe8y\x10\xcb\xb8\t\xf8b\xb0?\x86\x92\xd98\xf9.\xbf\x93 \xd3t|\xf2\xfe\xd9\x02P\xf9\x9f(\xdd\xc3\x15)B\x19\x0e\xfd\x0c\x17m\x1dN\x03M\xc6G\xd2\xe8u\xec;\xdf]\xfc\xb7\xe4o\x99$R*\xa7\xf9\xd3\xa3\x02\xaf/\xba\rBay\x9ai\x06\xca\x1d-\xff#|\xa3@\xc2\x144e\xca\x13f\xf5k\xa6i\xfa\x8di\xba\x07\xbb\xfa\xbfE\xb5AmRn\xa6\xfd)\x80\xeb\x16c\xcbw\xff\xe2\x9a\xe9(\x86\x06\x06J\xe2\xa0\x18\xbd\xa0\xbd\xfer;\xa7\xf7R\xef\xda$\x9f*\x1f\xb3y=\xd0\x19\x8c\xddp\xaf\xadO~\xc8\x878\xb3\x11,\xc0)\xc3\xa4\xbb$ \xe09\x06\x05\xe2@\x0f\x1b\xe1\xb2\x1b\x897\xf8\xe0P\xe1\xc0\xb9(t\x15\x08\x03\x03=\xe0\xd7\x0e\xc6\xda\x11ou0&amp;\x00\x17\x00O\xb9/mtv]Rq\x02\xa0\xf2\xbf0\xb7\'\xba\xec\xa8)?\xa6\xac`M \xb2\xfa\x0f\xf7aj\n\xc1 \xd2_\xf5_]\xce\xf8\xb9\xd9Az\xec\xc6\x04\x03\x03\x03\x03n\xf46\xa8\x14\xc4\xd3N] f)\x7f\xf9\x04kx\x9d\xc21\xbaz\xcb\x89\x8f(\xcf\xd21\x01\xb8DDN\x00$\xb81\x02Gi\xdc\x8d\xa5\xea\xe6\xcf`\xebd\x8a\x85q\x82v\xa0W \xf1\xfa\xcf\x8eP\xed\x06GA\xe0r\xdb\x13\xc4f\x92\x83{\xa1\xb6d\x97f\xe8\xe5\x96\xb0\x04\n\xcd\xe1\xbf\x10\xa7T\xb5\xb4\x8c\xca\xb7\xb4.\x8e\rE#\x14\x11\x95Pj\xc8i\x93\xc3&lt;\x89\xef\x8c\xf3\xba:\x13\xc1\x85_\xb2\xf72=p\x17\xac\xc6]\xbf\x98p\xeb|\xf5\xfb\xe6\x03\x90)\x06\xc7M\xc0\x03}\x02\xe7\x1b\xf5$^4Vg\xd1"\xe2\x06\xc7\x1fI\xe3(\xd7M\xb3.guD]\xbd\xf8\x8c\xd9px \x95P\xaa\xeb&amp;\xcb\x1fa_`;q\xe2na\xc1w\xf6\xeb\xc2R\xe8\xa3{\xe4\x8d\x9b\xf9P\xde(\xd34}\xdf\xfc\xa14\xe7\x06\x11\xae\x83T\xad\x85y\xa0\xebF\xfe|P\x13Ex\xca\xc0o\xa9\x9ddB\x10Q\xfd\xf7\xb5!30\x10\x82\xf8\xedNs[\x93\xb9\xcbY\x18\xf7&amp;\xbeK\x8b\xe7\xc0\x14i\xabT\xe0\xce\xb6mO9H\xe7\xf5\xebA\xd8\xa5o@\x84\xe5\xa4x{N+\x83\xeaznJ\x8cFP\xf3\x8c\xc7mNj\x05\x89\x03\xfa\x1e\x94\xca\x0f\x85\xd9Y\x8cg\xee\x0f-\xfa\x90\x80b\xbc\xb8\xd0_\xda\xd0\xe1-\x19\x03r(\x9e\x02j@q\xf1\xfb\x1d\xf4\x14\xa9\x8b\x94\xf6-\x06\x89\xd5\xa3\xff8\xb6\xe9Q\xcc\x07t\xd3A*YQ";65\xd0B&gt;M\x18\xdd{\xd2v#\x89k\xd6\xf3\x03\x8f-\xde\x84\xb4\x05\xb0\xfb^\xe9(\xb8\x08\xf5\xf2\xe0\xaf\xf9MdV]\xe5BS\xed\xe9\x7f+(@\xddQ\xc0\x86\xae\xff\xc5\xee-\x0cX\x03u`e\x81s\x82\x9d\xe3\xf66\x94Z\x10\x9eQWE\xf6\x98j\x0f\xb4\xc7\x06\x157\xfa\xb9\x9d\'\x14\xa5\xc6T\x96\x0c\xa1bD\x99\xb2\xae\xf5\xeb;\x1e;\x94\x98\xb68C4U\xc9\t\xdd\rdi\xd2\x1e\xb8\x13\x06\xe2\xb6\x99\xf4\x16\x9b\x8b\\\xe4\xd2D(\xe3\x1e{\x15\x91\x9f\x17\x17f\xf7\xd9\x8b\xa13N|\x94t`E9\x7f-Z$\xado\xfb8:\x15\xe7\x90e\x89\x99\xef\x07\xf8ha\xc1"\xa0\x97\xff\xf6\x97\x99^\xaf\xe3=\x7f?]\xfc}w4\xd2\x95\x12\x19\x1d\x9b9B\x8f\xdb\xae\x17\xb2\xf8\xaec\x89z+ja\xcc)d;\xe9\xf4.5d\xe0\x83yT\xba\xe5p\xba\x1a\xf1\xddM\x88\xa2j:N\n\xb2u\xa1IZ\x96`&amp;\xc4\x9a\x199\xbb_\xa1^\xf4\x07\x91\xc2xaZB\xd0\xb1\x03Ll8cv\xf7X\xc97\x18\xc8\xbbH\x07\x15Qs\x92\x0fD\xe0`\xcak/\x03\xe4\x1f\xc8m\x8e\xed\x80\xde\x01X\xd5\xd2\xc2\x0e\xfe\xb3\x88\xef\x10\xe1\xee\xf6\t\x1c\xdf\xe4\xbeU\xfd\x0f\x18\x88\xb7N\x01\xe3\xb6\xe0&lt;-\xc8\xd0\x1e\x8a\xea$:\x93\x88\x0f=\xd4\xc8\xd2B\xd2\x16\xc5\xd6\xbb\xe7\xb2\xbaf\x0f\xf1\x1e\xc8\xea\xea\xeb\x0c\xe2\xa2\xa1\x1a\xe1rc\xd4K\xc1\x98\x10t\x04\xc2\xc3\xc9\xc9(\x19\t\xf4\xb4Uo\x1a8\xb5\xbd\x1a\xe2\x9b\x01`\x9a\x88$\xd0\xe0,y\xc6\xd6\xe3\x1a\xcf,\xcb\x0b\xd5\x98\xcd\xea\x7f \x15\x88\xc5\x9f\x1e\x8b\'\x8b\x94(\xa8\x1b#U\xb8\xff5\xc0\xfb\xcb\xd0B&lt;|F\xa4\x92\'\x83\xbaL\x97a)\xe9\xc81\x9c\xc1\xc9|\x12\xd7\xe7&lt;"2\x9f\xe0\x19P\xf1N\x9b\xfb\xa6\xa5\x0e\x9b\xa5\xf0@\xe3Kn\x88H\xb2[\x84:\x9fK\x14\xc08\x02\xd4\r\x98\xd1\xaeU\x81.B\xdbm"\xf6\xb5\x01\xd3\xe8\xff\xf8\x85\x10\xc1\x1a\xc1\xb4\xe2|\xc9b\xee\xd6\xa9\x1f\x0f\xdf\x1a\x10\x00\xe1\xa3\x92\x02 x\xe1\xaa\xbcq\x1fa~\x91ce\x91\x81\x08v\x82\x8b\x9453\x06"\x00\xbc\x9f$\xc1#\xc7\x8b\xcb!e\xc6\x82\xb6\xb3\xf7/\xe9\xa1\xc1\xd5\xc8&lt;*\xcd\n\xe4]\x13pHs\x97&amp;)l\xb5\x0b\xb3\x0c4n\x82\x8bft\x0f\xd3\x8b\x98f]b`@\x06\xf6f\xa8\xb7\x05\xd9\x18\xd1\xd9(|+\xcdM\xa1\xabiA\xe7\xb8\x17\xf7fh\x00\x18\xd6i\x0b=n^G$\x8aD^\x00\xdb\xf3\xa3"\xae\x8e\x999\x84_\x92\x0f\xc2\xdaf\x9a/\x9c\xe9l\xa3\x9f\xb1\xbeIE\xdc\xd8d\x93I\x97\xe4\x98\xc7,\xa4vSf\xf8\xe5\xe1l\xd79\x1d\x0b\x87\xaax 9m6\x89\x94\x86!\xbc\xd5\xa9\x81\x81K\x87?\xec\x01\x00\xde\xc4\x98\x00\x84\x85\xd3W!\xfcj\x1a\x05G_\x1a\x1b\x86#\xc0\xca\xb6"\\\xfc\xc9}\xf9\t\x11^\x8c\xb7\xb8\xc0\t\x80\xc7\x1b\xeb\x8f\x1cx\x95\xfa24\x8b\'1K\x16\x17\xe2rQS\xf5\xc4\x1e\xda2R\x1d\xe4\n\xa3\xa5\x04\xc7T\xb0\xc7\x14W\x9b\xe5\xf2W\xc9vG\xfe\x05\x05\xe9\ng\x0c\xedG\xa6\xf7\x0e\xe2\xb3\x13^1M\xc8H(!\x10\xdc\xa9\x81\x81\x8b\x00#\xe0\x99\t\x82\x8f_\x03\xf8\x944\n\xce\x8e$\x12\xa9\x0e\x14\x1b\xb6\x0f\xb8\x1c(\xffB\xf3\xe3\xf1k\x07\xce\xe1f\x05PIK7\\\r\xf4Ce\xf96\xe4\x12\xff$\x97T\x01\xb4dq\xd8\xcd\xce\xa2\xc3\xa1%\xc1Q\xc9\xa0)EM\x14\xac\xf1]\xb1\xfe\xbd&lt;\x97K\xca\xf5u\x89\x03\x90&amp;\x92-d\x16\x99\xcf\x8eqj\xealp\x05\x80q\\\xcf\x1f\'q\xf7\xd3\x184\x93\x0f\x08\xa2\xe3\xa6\x9fF\x81\x88\x94\xde\x10\xb0\xc0\xb9m\xd3\x9e\r\xdd\x11\xb5\xde\xd4V\x83\xf3\xa2\x14\x8f6\xe66\xd3\xfe\xff\xf9\x926T7\xb0\x19\xa8p\x1e\xa8p\xa7\xb5\xc1\x7f\xee\xf5"\xcb\x06\t=\xec\xb9\xe2\x90\x9a\x12\x1d\xbdG\x84d\\+\x89\xe5\xe0\xa1\xa8\xdf\x86\xf0\x1d\x15T\x17V\x06+\xd9qR/\x17\x0c:\\\xee;\x874\x13l\x07\xab\xb4\x99\xc4&amp;\xe7\xee\xae\xd0\xaa\xc7"b\xael\x86\x11\xbamRG\x03)p\xc4&gt;\x7f\x02\x90P;&gt;\x17\xf1\xe6$\xbbK\x00U\xa9\x04\x8c\xb5B\xfcw\xb4`\x02U\xa6\xf2e\x84\xc6\xdd\xc1\xda\x0e\x84\x86\xe6N\x03\xd5\x103\x9aJ\xb1\xf6To"A\xcd\xae_\x03Z\x1e\xf2\x9c\xc9\xa4\x11\t`\'^\xc2\x92\x0c\x0e\'\x00EV\x7f\\\xf3\xd5\x83i\x80\xb6\xda\x91YHD\x94\xb2\x05{\x9d\xb1b\x08\xbbd\xd8\xdc\x12\xca\xc9\xe6]\xcb\x18O\x01:\x1dxaf\xb7\x92x&lt;\xce-\x14"\x17\x87\xc9\xd4\xaa\x91\xa9roM\xb6\xaev\xdc\xfei\t\xcb\xa3\x93\x96\xa7\'\xc14\xdd\xb7\x81ac\xa0:\xea&gt;\xf0\'/\xf8y"6\xa3\x10\xe7M\x10\xa1\\\xf8c\xb1\x87\xa1\xf9{41\x9f\xb5\x9a\n\x9a\x0b=\x14O\xd3\xfa\xc36X\xe7WT\xf1\xb1iv\xb9\xba\xc3\x8d\xc9\x9f&lt;\x9b\x96]\x8a1\x9a]$\x88;}\xa9f\x8fh\xb0&amp;;\t\x8e\x95_\x92i\xba\x00_\x9c(P\x15O\x1b\x07C\x07z\x83]=\xbb\xd2H\x89\x98\x8a\x8a\xdc[\xf1\xe4\xcf\x84\x12\\Dz\x94\x98\x15Cd@x\xfby\xee\x01\xe3u\xbcfg-\t\x11\x00\xe0\x9d\xb5\xa1\xf0O\xe6\xcfEn\x11&lt;\x8d\xe9\x07\x02p_#\xf9V+\x83f\xd6\xffb~yvT\xa8&gt;s\x8d\xb8Z\xe6\x8a\x93HH\x92\x81\x1eQ\xa7x\xed\x16\xae\xfa\x19\xed6\x00\xf7\x8d\xe6" \xa9\x8b4)\xfc\x99\x92\x80HZK\x9e?D\xa7\xe5\x81\xbc\xb8\x17\xed\x1ez g\x1d\x16\xd1X\x05\xce\xc6h\xa0aPCHiWX\xf8~\x03y\xff\xfeo\x14\x16\xa68\nk\xfb\xc3Ay \xb4\x18\xd5\x84!|$\xa0\x01\x00\xb0\x02a\xf8\x83\x0fj\xba\xd6\x13\xe6\xff6\x1aFk\xf2\xad\xe2!\xa9\xe4\x07z\x02`\xf9@\xd7\xc5\xab\xc0\x90*\xf4X\xa7\x10\x01\xe23\xf9\x05@R\'\x07\x13\x80`\xcf\xf1\xb5DD\xf8Sbu`g\xf7\x07\xb8\x12y*\x9b\xe3\xc0)@%bI\xda\x87N\xac\xf3\xd5%\x19i\xa8\x0b\xa4:O\xc7\xc3\xbc\x06\xcd\xdb\xc5z4fG\x03\x16\xb4p\x8b\xae5=WI{\x1d\xc2\xdbP]}X\xf9\xd2CO\x9e\xf1\xa8(\x04\xba\xf0\xf9\xd5\xd6\xe3\xfaU{/C\t\xaddF%\xb6UJ\x00\x00\xf0\r\xfa\x97NF\xb8O*l&gt;\x8b\x9bE$\x90\x81v\xc1\x8fd\xd2\x1b\xe4\xf8#\xc0\xd5\x0e\x9b\xbe\x935\x01\xa0\xaa\xff\xe1\x9dm\xa2\xfb\xd1Z\x04ha=\xde\xf6\xf8D\xb2\xc3\xf3\x07,\xe0\x17\xa5\x86\x9b3l\xdd\x198\x9e\x15 \x02|\x8f\xf7\x16\x86\xd3N\x00\xa2z1\xa2&gt;\x18\x0f\x94,`\xb2c\xf3\x8akl\xeeqT\x86\xd1C\x0c\x80\xaf\xcbjc\xe5\xae\x03\xcb9\xfb\x0e\xb7\x01\x03\x8au\x1fzd\xd4\x0c\xd96:\xfd\xcd\xed\xff\xcfp\xc4\xb6\xe0\xcd\xaaGi\xebB`gg+\xed\xc6\x93\x95\x12r`@\x87\xb3\xce\xf0\xc6r`b\xdf\xa8\xb9\x82\xc4$\xf5&amp;\x91\xd8\xa9\x88\xc4\x0c\xb0_\xfbN\xbdj\xa0&lt;Z\x1e\x838\xc1rP/\x99\x1e\x85\xf0\xe2\xbdv\xdf\x1a\xf9\xae\xb2~\xb0\xdb\xa9-\xc6#\x82\xba\x85n\xc9\xf2\x8f\x80$&lt;)@\x06l\xd7\xf70\xc7;\x80\xda\xe9\xafK\x12Dt\x1aQ\xb5\xf5%?&amp;\xdfN\xdc\xfb\xb3\xb4\xd3|\x06\xe5\x9e\x93=\x90\x86vB5#fO&gt;~A\xde\xdf\x00\xbc_pVw\xd57\x15=|\xed\xaf\xa4\x00[7\xdf\x15\xe0\xb5\xa1Y\xd1\xd2\x91e\x8b\x8b\xf0\xc3P,v\x84\xa4\'\xd4V}\xb1\x1d\xfe\x07\xc2\xd5\x18/\xa5Q}\xd5\xac\xb5\x1c\xef\x1a\xb2~"\x18\xc0?\x01\\oo3\xde\x03\xd0+\xeci`1\xce\xe4\x146\x90}\xf5\'4\xbb!\x9b\x1a\xdeg\x9e\xcdK\x92L\x83\xf5\xa2\xe2\xbd\x82u&lt;\x10\xda\x1a\xaaB\xd8\xfdC\x9b\xab5RXu\x97J\x87]\x9a\x84(s_\x16\x92\xd8\xa0\x08Z\x0f\xce\x81VW\xfe\xe2\xe1_\x0e\xcc\x89\xe5\x01\xf1.\xce\x9bH\x01\xd5?(\xef`\xbd\'\xc9\xd1\xc9,\xb3\x122\x11\xdf:\xf4\xdae\x19 \xc0?\x89\xc3\xaf\xc4\xda\xc2\x80\t\x99\x17\x17\xd4T\xed\xe4\xaa\xfe\x81\x88\x114\x92\x9e\xd2\xf5\xed\xac\xbfz\xf9\x0b\x8f\x98Oj\xf5?\xd01\xac\xdd\xd52\xa3\x08zPD\x80\xce\xd0\xf2\x96%\x17\xebv\xe4\xd7\xa6ls\x9f\x02z\xb8\x95\xefZ\xe8I\x03\x99\xd8l$\xc6\xab\x0b \x8eF\x14Ka\x99\xf2\xa5\x118\x1e\x1dJh 7\x0b\xb3\x9b&lt;.\xef\xba_\xf2\x82F}`\x80\x05i\xc3\xad\xce`E\xd0\xca\x08\x89\xd6\xc3y.\r\xa6g\x14\xf1\x00\xca\'\xf3g\xf0\xbe!b\x9a\x8a\xba\x95\xa9\x1d\xfb=\xe9k@u\xf5\xb0!?\x81\xe5\xb2\xb8\xf8\x8d\xe1j\xbc\x8e@l6\x13\xe3\'q!\x05-hu\x97C6H\x19nS\xc0\xafJ\x8cPq\xe3`#\xa6\x1fH\xc5of1\xa2\xbb\xc4\xd2\xd9\xbd"\xc9\x8b\xc6v@w@@\xea\xcc\x01"\x12\xe7\x08\xa5y\xbb]\xad\xea\xb9\xba\x81|\x88?\x8az\x15\xc4\xffT\xfe&lt;\xc9\x19\xf79\x04\xb2\xf5\x05\xf7\xc3\xd90\xdfb\xe0\xb97\xa3\x0c\xd4\xa8\x0f4b\xfa9fD&lt;\x8b\xe74\x8d|z\xf6\xf8@\x19\xe3\xee\xfe\x9b\x95\xd7\xc6f\xb8k-(&amp;\x80\x13\x14\xb7v\xb9\xb5\xba\x96X\xe0\x8c{\x00\xba\x83\xef\x00\xdcXP\x18\x90F|\x96\xf9O\xe3\xefsx\xa7\xe3\x04*"\x02\xfc\xab\x00\xf9\x85\xda\xae\xad\xbcc\x19\xe2?\xf2\xec2M\x92\x95\r"^\x8b\xf5\xd0\x8c\x00\x82I\x02]:\xa6le\xab\x87l&gt;\xa6L\x01D\xd9\xccU\xe7\xa8\xfe\xab\xe1T\xd5?\xac7&lt;\xa8\x98\xbf\x17Luc\x02\xd06\xde\x81\xbd\xbf\xb3:|\xd6\x81\xf0\xc2\x92\x1b\x02&lt;\xa3\xb6\x0c%\x90\xc9g\xcc\xb1pK_\xbd\xdf\x14\xe1\x00\xe2\xbb\nP1cl\x9eod\x0b\xbci\xcapW\xd8v\x80\xd5\xdd\x00\xe0\xb5\xe2l\xf3:\x15\x93\xf8\t\x1d\xbbw\xcc!U`\xf0\x1a\xd5\x7fUL\xd6\x07\x15\xbfx\x9a\xd8T\'\x03\x03g\xc6:\x8a^\xff\xb0a\ti\x16V\xdbiQ\xe3tZ\xf5\xe8B\xb8k\x0bbH\xa1\xdc\t\xd1\xac\xe6#*A\xf9~\xb5lt\x84\x8fDx\xef\x00\ts\x1c\xc8.\t3-\xfc\x8e\xd9\x11=i\xf8\xbb\xc9U\xc2\xbfgQW#\x99m``\xe0\x18\xe3\xb6\x8a\x81S\xc1\xba\xaf\x88.\x0b\x1eD\x96\x0b\x92\x91@&lt;\xb5\xccz\xfa\xc1\x01\x85\xcc\x91\x89\x80x\xdd\x9e\xcb&amp;\x02\xe5\xfaB2\xfa`\xa8\xabO\xf7\xbd\x83\x8co*\xc3q\xffV\xc0\xf5y\xe4\xca\xcfT_  \xefs\xddub)\xa7\xb1\xf1{L\x00\xde\xb7\xb6\x00\x039\xd0\xb4KG\xd7\xf1\xcd\xacE\x0e\x0cH\xc0X*s-\rR_\xf2\xca\x0e\x8d~\x9ch\xdc\xcbsGf\xa5\xe0\xc7W\x9f2\xe3\x04\x1a7\x93\x08\xf0\x87D\xad\xdfX\x8d\xe8\xc1\xa2\xc0\xc7!\xde\xb3\x8f\xa9\xe9\x95\x04hh9\na\x0bL\xb5\xfb\x8ak\xa9?\xcd_\xfeP;\x8a\xe2\x16"\xcd\x08,\x07j\xeez\xc2n^$\x10\x11o\xdbN\x94Y\x88\x9e\x00\x0c\x84b\x1c$j\x1aj\x18L\x93r_\xa0z\x02\x0c\xe9\xe7\xff\xe0\xfe8\x91\x83w\xbbz\x9a\xf1Dk\xe3\xec\xe3\r\x11_\xee~^\n\n\xbe\xdf\x17\xb7\xff\xce\x9f\x92\x1f\xd2\x92\xfe\xb0\x14q\xa0\\\xefb%X\x1c\xb85\xcd\x0c\x1cbw\x1cp=D\xe8Zx\xcd\xd7\xc2\xeb\xa7iM_\xc2O\xb7H\xc7&amp;\xf6i\xee)\x0c\x025@\xc0\x05\xea\xe1d\xd8\xbd\x1a.\xee\x96\xbeLP\x12E\x7f\xfa\x1c7\x01w\x8f\x83#\xb4H\xec\xaaKL\xafw_\xb7\xfc\xfey\xc9\xc4\xa3\xf0\n\x00\xa76\xc4\x96\x13\xb6\xd5LT_\xef\x9b\x1a\xf9\r&amp;\x8e\t\xb6\x07\x0fT\xcak\xc6+\x0f\x07\xa2PE{\xd3\xfa\x00S\xf7\xb9\xc4\x7f\x9b^O\xbc\x8b\xb6\x9d\x9b\xdb\x94\xcd\x90\xe1\x80P\xf90 \x07\xe3\xf8\x87\x1f\xb75\x96\xd5[\t\xb4\x1d\xcd.\xfc\xb3\x05kQx?\xc6\x04\xa0#(\xa3\xa3r(h\xfd\xc6hl\x1e\xbau\xfd\xb4\x11\x8f\x91\x86\xba\x1b\x1d\xf1\xc3\xe0Z\xb5\xca\x0e\xf8I\xd7O2\xf9\x8e\xe8W3\x894\x93\xce+vo\x9a\xa6\x8fX&gt;~J\x7f\xb9\xb5\r\xd44\x1fXk\r\xfdX\xf1m\xfb\xc7\xc3\x08\xcfPwV\xaf\x84\x1c\xdb\xa8\xad\xcf\x03\xc8\x05\xaf\x01x4\xfe\x81\xf2W3\xd3l\x05^\xab\xd5\xb5\xa9\xa1-\xebh\x1c\x85o\xaes \xb9,\xbb\x81\xec0\x8eb#\x00\xc2\xc7,\xf7\xd8\x01\xe2\xcd\x88\x93\x9a\xfae\xd4QN\xeb{I\xbfA\xc4W\x9e7\x05\xbb\xb5\x9a\x85\x19\xcf4\xdb\x96\xc4i\xd5&gt;\x90\x1b9j;2\x0bQ!\xd3\xa4\xdf\x86E\xf7;J\xb3\x7fd\xc2\xb5\x1e\xb1CT\xed\xb2_\x93y&amp;\xb3\x84\xdeT\x9cK!\x82Cs\xd3\xb6\x83\x86\x97\xff\xc1\x92\xcd\x14U\xad\xa3\xb4!\xbbt\xf5/^\xcb\r4\x81\x88\xd4\xe6N\xdc\x8b\x9b.\x7f\xb6\x1ar\xed\xc2\xd0g6\x052-\x9eG\x98\xe7\xc6\\4|\xa9[|[\xc6\xe2\x00\xdf\x9d\xc8B\x03\x19\xa1\xa4z\xf2\x97\x00\xfd\xbb\xc6\x91\x06\x8d((\xde#u"\xde\x9f\xb3\xea;\x00\x00 \x00IDAT\x1c\x9b[!\xe9dQ\xbd\x17\xbfA\xc3\xadh\xb7\x1aq:\x83\xa9\xd8*\xf2#T\x16` 7\xc2\x93o\xfe\xc4\xfdQ\x0b\xb5{_\xac\xcfeL\xa6|\x93\xc5\x1a\xd7\xd3\x1e\xe1\x17.\xd6\xa6}a\xcb\xf8\x02\xf6\xcaZ\x1cd\xc8?\xfd"\xbb\x12&lt;9!\xca\x04\xefD\x0e\'\x82\x02KAJ&lt;\x83\x82\xa7\xef\x8d+\x04\x00\xe0\x0f\x0eO\xff6\x83\xeb7Z\xc2\xaa\xf6\xb5&lt;\xe1\x03\xc0\x11Ve\\B\x17\x86\xe2\xd8\xacg\x0e\xb0\x11\x93|\xa9\xa4\x9d\x9e\xa7\xc8W\x80](\x9c!\'A9D\xc3k3\xb6-|\xed=\xa9d\xa0%\x1c\xe4\xfdX\xaar\xa44\xb2M\xe7\x8ar\x82\xadz\xf8\xd2\x12s\x80o\x17\xd6y\x079\xdf\x11\x14\x02\xf3\x01*!\x1b_fSK\xdb:OG\xeb\xe5\xc4\xfb\xef\xc6u8\x03\xc2/.\xbb\x01\xdbE\xea\xe7_\xac\xb7\xb6\xe2\xd7j{\xf7\x82\x0cP\xb0M\xc8\xb9\x8f\'\xee*\x9b\xcc\xea\'\xb4#\xb5xGQ\t,\xda\xc8\xd1}U\xd1\xec\xa7\x10bz8G\xf1\x1d\xa8\x02-\x18\xcb\xc7 "\x9e%\xf0\x11\xb9\xcf\x1eM\r\xf9\xcdf{p\xa1\xe0\xe3\x895V3\x9f\x0c\x94\xbb\x81\x9e\xcd\x92Ta\x8c|\x1b5\xd7\xf7\xa2\xc88\xd0T\x87\xa5@\xf09-"40*i~\x05\x00\xd34\x7f3?\xa8\xbd\xf0\xb8y\xe8\xe4\xabl\xb4H\xe3)@} .\xf6\r\xab\xc7&amp;\x90\xc9\xfa\x90N\xf3\x04\xc8\xd8\xf3\x9f\x89ad?\x8e\t\x11\x11na\x1eZuS0N\x0b\xf0\xd8\x0e\xd4A\xa1\xc0#\x17\x90\x96oN\xe2"\\M\xaa\xab{\x11l\x1c\xcb\'\x11\x948\x98\xaa\xd7Ig\xc2\xe107I=g\x8e\xa4M=mO\x0c\xd5\xa2\x98\\\x99\xf6u\x13\xa1\x89\x9d\xe9I\x81j\xf5#E\xaa{D\xe5\xba\x91\xd7y\x06\n\xe2K\x1b\xd8)[\xb9\x9fd\xecOG\xde#@\xb1z&amp;7\xac\x83.:\xd8\xd4\xae\xed\x87\x03\x00\x9c\x03\xa0B,H\xb6\'J\x02a\x87*\xe3:^\xc0X\x03:\xa2\xd2 \x83\x96\xf1}"e!Dv\xb6b [\xc3M\xd8\xd5Yd\x8a\x00{\xd0T\xaf\x10&lt;\xd6\xb5\xf2U\x1f\xf4z\x07\xf5g\x11.\x03M\xa0\xfe\x10r\xaa\x81\xbfQ$\x0eZ\xd1\x89\xd5Ld\xeek-?\x14q\xc8\x92~\xf5\x91\x00\x0f.\xc8.#\x02sB\xa0\x92\t\x17\x12+\xaa\xbaCZ\xaf/Wo\xd5\x10__\xfah\t\x08&amp;\r\xb4\xc0\xbf\xb0b1\xbdK\xfb\xba\x16\xb5\xca\x00n\xd5\xfc\xde\x97\xba\x1er=D\xc4G\xad#x\xb3\x1e;\x10\x8ba\xd4$\xf4\xb1\xfc\x96\x92G\xcc:&gt;\xf2\xc2\xa0\xe6\xdd9d\x1fn\xc0A\x90\xa1\xf9\xc6\x95\xe2x&amp;|o\x7f~^\x00\xea*@\x83\x10\xab\xc9\x1aNtv\xfd\xdfCxv&lt;|\x980\x95_\xaf;\x9a\x03\x9cB\xb7\x03&amp;\xb2E\xb8\x91&gt;\xbeM\x9a~\x03\xb8\x8cx\x88\x0e\xfb\xa0t\xdc\xf3\x04 +\x10\x00\xbf\xa2\xd11X\xc0R%\xcd=\\\xabI/\xda\x91\x98\x04F\xf6H\x07Q\xfe\xe7\xd2\xaaE0\x9a\xcb\x81\xb4\xdd\xf9\x03\xd9\x9d*\xbd\xd0\x949\x82\xeb&lt;@\xc4\xdb\xec\xb6\x947j\r\x0f\xae\x13!5\x98v\x83\xa0\x94\x91s\xb0\xe9\x18U\x07\x00\x0b&lt;an\xd7\x8e\x05q\x7f\xb9uI\xd7B4\xde\xe5\xd9\x04\xaaF\xd6\xb16\x92+N\xe5\xdaE\xf9m\xe9\xbf}P\xb5t\x8e\xc01\xd2\x08\xee\xb5\xe6-\xe3\'~\x9a\xb4\x9b\xc0\xed\x85!\x03G\xfa\xbf\xd7\xd2\xa9\xdc#&amp;"\xdeI\x99\x00t\xa8\xc9\x01\x0b\x05*-\xca}\xf3\xb9\xce\xca\xe21\xc3;{GF\x9f\xec\x14\xb9C5\x04\xcc\xbc\xd1\xce8\x91\xbb\x8e9`\xdc\xdc=NU\xef\xf8b\x8c\x02R\x83Ecj\xef\n\x1f4\x9b\xe0Q9u\x88\xf8\x7f\x95\xd0H\rO"\xcagR\xaf\x10\x13\xb88\x88\xee,\xca\xd1tU&gt;\xb3\xb90\x1e\x0f\xd4\rT_\x99\x9f&gt;\x9b\x95E&gt;.6\xab\xf1\x98\xaa\x81\x93a\xf3o\x96oc\xa6\x87\xc1\xaf\xc4\x01\xb0\xab(\xb3\xc7\xc52\xc2\xcf|\x9b{\x03FV\xf78b\x8d\x0c\x85(\xde\x0e\x00SM\x81Y\xc0\xb6\xec\xdb\'\x94`\x818}\xba\xca\xdf\x8e2\x95\x01\xb2G\xf3\xfb\x01\x94?\xa7\x02\xb5\x1c\x13\xe3=\x00M\xa3\xf2\x1c\xb1\x88_&gt;\xb6\x00\x8f\xfe\x90\xfd\xe4U\xf5\xb5\x87sc\xe2W\x91\xb9-1M\xd0\xdb\xa3\xa0\x85^`\xb2\x83\x97H\x7f`c\x98\xca\x8f\r\xd4\x97T\xe9F\xb5m\xc7t\xd0]\xcaw\xc9$\x88\x04\xd6E\xd8\xdart\x8f\xf5\x01\xf3\xf1o\x9c\xa8\xed\xd7R8&lt;#g\xfc\xa9\xff}\x16-\x0c\xc8C\xddZ\xd5\xb7\x8d\x8c\xdbe\x0c\x17\x8c\xcenS\xb1\xcd\xa9F\xb6\xc0\x1a\x84\xbeu\x98\x91\xc5P~\x1c~JFo\xc6\x19\xf7a\x8b\x1c\xb0\x0f\x18\x1c4.|\xfeG5}\xce\x90\x8c#\x8b/UO2\xf8\xbc\x14\xdf\x05\x95\x13\xe1\xad\x02\xd5\xee\x8c\x88\x93A\x92&amp;\xdfh\x06h\xd3\xfeCA\x93\x19\x11\xe1AT\x97\xec\x0e"^e8\xe1\x80\x1fVH\x90\x11b\xce\x07RBHO\x91\x03\x91HQc\x99&lt;\xd8a\xaam\x06\x91z\x9b\xe3\xf4\xad\x1b\x91\x9e\x87\xbd.@\x0e\xbd\x877B\x14\x85Q=\xac\x7f&gt;^P\xa44\xef\xbaS\x88\xf6\xb6\xbb\xa8y"\x15\xf7\xf9\xa0\xbe\x0c0\x80wI5\xa2\x99\x03W\xd3tc\x1d;\xbe\xcc\x9cS9\xcf\xcfLoT\x9c\xef@2\xdcN\xb3\x06\t\xb1\x98\x91\xe6d\x953cO\x91\xefB`\xcdAS\x80\x87e?\x05D\t\xf6\x83\x99\x99^(vg\xf8/T\xbf\x854?\xe9\x07h\x05\x85\x00\xc9`\xaeu\x06`\x1f\x10\x11\xe0\x8e\xdbg[H\x01\x99oW\xa0\xd7a\xf4k\xd9\xa2\x05O\xd8\x8a\xc2*\xdc[\x83\xd7"\x1e\x155\x17\xc8:\xda\xc9\xea\xea\xbe\\\xe3J\x1b\xb0\xe0JU\xfb\xf7\xb4\x87\xfdT\x19\xf1\xce\x8b\x94\xd0\xb5\n\x8e~\xa2.m\\\xec\xa6\x9b\xe5\xe1q\x866\x0bS\x15\t&gt;\xfc\x88\x8dB\x86\xda+l\xa5\xb9\x8bH\xa4\xf4S\xbd\x868\xc2\x83"$l\xa16\xaa\x83\xf6\xe3\xbd(\xec\xd4\xa0o\x88\xd9\x17t\x10\x11iV\x16\xf7\rE\x92\xd6\xf56\xa0a\x9b\xbaQ_\xcf?\xbd\xdc\xbe\xa8\x8clihYHt\xa8=\xe4b-\x9d\xb5\xdcY\r\ti\xab\xb3\x9e\x16\x86_\xb1\x8d\xd7\xa6q^\xa1\x14\xdf\xbd\x86Cy8&amp;\x00\x036:u$\xb3\xcc\xed\n9d&amp;\'\x00\x08Z\xd9\xda\xdf\xacI\xc9~1\xd7\xea\x17&gt;\x05\xba\xea\xfb\x80 |K\x86\xa4O4^L\xcch\xdd\x9b\x11o\x8a\x08p\xe5\xa8K\xc9\x8c\xd6\x07d&amp;\x00\xa3\xc8;\x19f\x97xk\x98M_OM\x00\xdaOM\xad\x81\n\xc6\xa1C\x80\xc7\x8e$\xa3\xa1\xaf\x81f\xc3V\xf1;FLc7 \xa8\x83\x95\xcf\xdeDY\x84\xae\x19\xa2\xba?pR\x1cU\x96-:\x8a+\xb0\x0fp\'\x84\xfb6\xd7\x17?~\x8e\x9c\x00t\x92\x9a\x93\'\x00\x00\x00\xf0\xc9\xf8\xcf\x9d\xf4w \'\x9e\xbb\x0eZ\x913\xe1Nk\x9a\xec@\x04x\xd5\xf6GMI\x06\x1aBw\xc1b\xa6\x05\xcf\x04\x00\xfa\x19C\xa3\xe1\x98\x02i?\xd5\x92m\xa0\x1d8\xbd\xa4eD\xcb\xdcW7gPS\x80\x8e\xba\xd0\xe2\x04r\xa0G$\x86@\x9e\xd8\x89\x9d\xdc6Z\x824(\xd2\x80\x13\x88\xf8\x11\xdb\xed\x98\xf2\xee\xd4\xa33h\xc3\r9%`\xcem\xf6k\x7f\x9a\xcc\x1b_\xa8pl\x0e\x87\x05CoU\xc4@.\xb8\x1c\xa5\xe9l\x92T\n\xf7\xe7\xf7\x11\x13\x00O\xd9]\xb8\xf2x\xf6H4\x03"\xd0\xfd\xff\x16\xd1\x97\xcb\n\x05\x81dw1~d\xc4E}t\\\t=6tP\xb0aT\xc6\xca\xf7\xcfmd\x82\xbau-R\x18\xa5k;)\x8e\xba\x98c\xaeW\xb6j\n\x0c/\x18\x06.\x14%\x1ce\xa1,J\xbc\x13\xb7\x96\x92\xd06\x93\x9f\xf2=\xfc\xb4\x84\xa4\x1a\xd80T\x9a\x1d\x89i\xea\xe8\xdaw\x88\xa5|\xff\xb0\x0b\xf7\xf8\x1d&gt;S\x1d}\xbf\xc3\xcb\xae\xf3T?t\xbb\xa5\xf9\xc6@\xed\xda\x80Q\xa6\x04\x04\xc5\xd8\xea\x10N\xc0r\x07\xdc\xff\x87\x00w\x13\x11O\x16.\xaf\x08%#)\xd3@\x83\x10r\x94\x9d\x1e\xfc"\xbd\xdf$A\xfc\xc2\xc1\xb3\xd4Pui\x0c\xf7\x8e@\xfc\x82e\x02G\xe7@\xfe\xcdEs\xd4\x17\x17\xe12p\x88\xe0}\xa4\xd6\xe0\x99\x03X\xc5+\xd5\x12\x8d\t\x80M\xaa\x91\xb4&amp;\xb6\x94&amp;\xbb\x0307|\x8f\xc6*\x1c9\x0b\xb6\xd2\xa3\x81|Ps\x81a\xefP\xf3S\xd1b\xfab;9\xa5[x\xb7S\x9a\xcaD\xa7\xc7\xe6\xdb\xf7\xeeW\xe7\r\r\xf3~\xe4\x15r\x04\xce\xb9\xb0\x0cj\x8c\x1a\xaeo\xdc\xd2S\xaaZ\x1a \x9b\xb9\x9b\xc8+-\x82\xb2R&lt;\x88q\x0flN^BL\xab\x8e\x85,\xe2\x87\x96\xc0\xe7\xf4\xfc\x810`\xd09\x9c\x98\xf8?H.\xdbw!4O\x00\x0c\xd3|*\xfe\xa8\x8d\xe3\x9b\x17\x81\x1ccda\xcc]\xb8e\xe7\xbdh\x06\xe5\xd4\xa89\xde\xaf\x0c\xf3i(P\xcb\xb6\x83\xc7x\xbb\xc9Q\x02\xa9\xae\x1cJ\x0b\xa5\x9cC\x8c\xf7\x0e\xbfc\x07\xed\xe2\xfe\xda\x08&lt;\xdd\xda\xe4J\x0e\xd0\xe59\x0e4\x8a\x90@\x8a\x8f\x7f\xd3\xdb|\xe1\xf1\x7fC\x89\xf7\x89\x93\x0f?\x17\x8d\xfe-\xeb\x1c\xe1\x06\x02\x91\xa9f:\xe45\xd2\x8b\x8d\xdc\x85ls\xf0v\x93\xa3\x04[c\xf2J[h&gt;\x9b}\x10@\xa8rMIn\x0eU\xa0~b\n\xac0|)q\x15\xc2\x0f\xa9\x99\xb6\\\xa2(\xc0h\xa0u\xb0]\x01\xbdU{\x18C7\xa96\xf3\xf2*\x0f"\xdcKL\xb6\xaa\xdd\xcc]\xd8qOU\x0e\xb4\x89\xc5vcXJ\x86\x92\xe8J\xed\xf2\xaf\x95G\x02G\xbe\xc0\xbf"a\xb2B\x8b\x91\x9b~N\xe9i9\xf1\x03\x00o\xf1\x9f2\x8dE\xa2-\x12\x9c\xfc\xa3\xe5CR\xe9\x08j\x83\xa0~\x0f\x86\x9fF\x91d;B`\x00\x006\x8f|\xf8\xa1+\xa0HUw8\x850\x02\xa6\x01\xec\x95\x90\xb4`\xd5\xfa\xb8[!\x97\x9e\x11\x9e^\xae\xee\xb9$\x1c\x9a\x0c\xe5\xca)\xed\xcc\x9e\x04\xc1#~\'\x1d\x93JO\x00\x92\xf1+\xbe,\xad\xfdt\x98\xcfy(\x94%\xda\x1b\\.\x1e\x91\xfe\xb3T#\xbf\xe4\x0b\xab\x16\x0cm\xfb\xdb\x81T\xcf*5b\x86e\xa4 M\xd6W\xfb\x00\x1b\xa8#\xb7\xf31\x06\x0cDD\xb8+\x7f\xc6\x9c\x17z\xad\xdc\xa1gSb\xeb\x16\x0f\xa0\xf5c\x88_P\xe3&gt;\xad\x81\xba8\xe9\x04`\x9b,\xe1\xfegV^\x99!\xa8@D\x84{\x13\xa4\x8c\x91b\xff\xf3+\xe3\xf8\x16\xcd\x0f##eB\x8a\xe3\x85^\xcb*Wd\xe6\xa5\xe9\x98ex\xa2\xf6\xf7\xf1\nNs\x085P&gt;I\x06\x84\x81\x16\xca\xb0\x13o\x9fIxV\xba\x91\x87\x18/R-\x11=\x8a\xd4\xc3\xc8\x05\xa5@;\xbf`9(fJw\x9c\x96\x1d\xb3\x8b%=\x95_n\x0e\xc5VpP?\xee\x1c\xd9\xb5\n\xe5\xf8\xc8H\xf2H\x8e#\xe9\t\x00\x1c6(\x04U\x86\x9c\x85D\xf6\xa8\xffs\xb7q_\xae,\x07\x805\x12]!\xabd\x03\xb2\x98\xa6\xda\x12\xe8\x98V\xd0?o\xb1\xa4lI\xcb\x06\xc3\xe4\xf9+#&amp;)^\xd3\x04\xd3\xaf\xd8_n\xc4\x99\\^\xac\x12\x0c\x90\xad5\x7f\xba4L 6\x93\x14\xa1\xe2\x9f\x92LE\xfd\xa5\x8eo\xe6\x9c\x03LSj\xdeX\n\x14\xb7\x90j*V[E*\xb3\x82\t\x1a\xccH\x08\xf0\xbb\xb5eH\xc2\xec\x15\xcea\x9aA \x84\x17\xe7\x9aE\x96\xb9"\xd5~\x99\xdd\xbb\xd4BCzHr\x90\xbb7\xd34\xdd\xd4m\xdc\x1b\xae\x02Lr\xc3\xcd@!\xa0\x8eb\xec$I\xa1~W\xb1x/\xd8\xb3\xf6\x8f.\xbb\x84Y\x10E\x9dd@\x14\xd1S\xe2\xfd*A\xbb\xfb"\xb4\xca\xf9\xec\xaf.\xb7L\xd8\xc2\x92\xa4\x17\xdc\x18G\x0be\xe4\x1b85\xe2\xb6\xa3\x19m\xca\xd4\t\x0cdb]7\x007C\x8cl\xd0\x1f\n\xe7q1F_b\x88\xad}\x96\x904\ng\xf5~\xd3I\xc6\xae}\xeb\xd0\xa3,]\x81\x9d\x1da\xef\x07\xf8#Mu9\xa0@YR\xc1=/\xd1j\x03\xf2`\x86?\xb3bA\x0b\xc6/\xd5\x8e\xa7f\x18C\xdb\x98\x00\x14\xad$\x07dPx\x02\x002\xc3\xbc.\xf3F\xadV\xf5\xffJ\x95\xef\x19]?\xc0I:;\xddxV\xf4\x98\x85y\x03\xf37\x9e\xc9%\xa4g\xd42;\xab\xe9D\xba\x16\x80\x8d\xfeB\xac\x19\x10\x0fc\xe5\xa4,\xab\\\xe1N\x00L\xee\'\xca!\x00\x01+\x8f</t>
        </is>
      </c>
      <c r="E74" t="inlineStr">
        <is>
          <t>&lt;class 'numpy.ndarray'&gt;</t>
        </is>
      </c>
    </row>
    <row r="75">
      <c r="A75" s="1" t="n">
        <v>73</v>
      </c>
      <c r="B75" t="inlineStr">
        <is>
          <t>steps_per_sec</t>
        </is>
      </c>
      <c r="C75" t="n">
        <v>900</v>
      </c>
      <c r="D75" t="inlineStr">
        <is>
          <t>3.0736036</t>
        </is>
      </c>
      <c r="E75" t="inlineStr">
        <is>
          <t>&lt;class 'numpy.ndarray'&gt;</t>
        </is>
      </c>
    </row>
    <row r="76">
      <c r="A76" s="1" t="n">
        <v>74</v>
      </c>
      <c r="B76" t="inlineStr">
        <is>
          <t>Loss/RPNLoss/localization_loss</t>
        </is>
      </c>
      <c r="C76" t="n">
        <v>900</v>
      </c>
      <c r="D76" t="inlineStr">
        <is>
          <t>0.036281828</t>
        </is>
      </c>
      <c r="E76" t="inlineStr">
        <is>
          <t>&lt;class 'numpy.ndarray'&gt;</t>
        </is>
      </c>
    </row>
    <row r="77">
      <c r="A77" s="1" t="n">
        <v>75</v>
      </c>
      <c r="B77" t="inlineStr">
        <is>
          <t>Loss/RPNLoss/objectness_loss</t>
        </is>
      </c>
      <c r="C77" t="n">
        <v>900</v>
      </c>
      <c r="D77" t="inlineStr">
        <is>
          <t>0.012686865</t>
        </is>
      </c>
      <c r="E77" t="inlineStr">
        <is>
          <t>&lt;class 'numpy.ndarray'&gt;</t>
        </is>
      </c>
    </row>
    <row r="78">
      <c r="A78" s="1" t="n">
        <v>76</v>
      </c>
      <c r="B78" t="inlineStr">
        <is>
          <t>Loss/BoxClassifierLoss/localization_loss</t>
        </is>
      </c>
      <c r="C78" t="n">
        <v>900</v>
      </c>
      <c r="D78" t="inlineStr">
        <is>
          <t>0.4268849</t>
        </is>
      </c>
      <c r="E78" t="inlineStr">
        <is>
          <t>&lt;class 'numpy.ndarray'&gt;</t>
        </is>
      </c>
    </row>
    <row r="79">
      <c r="A79" s="1" t="n">
        <v>77</v>
      </c>
      <c r="B79" t="inlineStr">
        <is>
          <t>Loss/BoxClassifierLoss/classification_loss</t>
        </is>
      </c>
      <c r="C79" t="n">
        <v>900</v>
      </c>
      <c r="D79" t="inlineStr">
        <is>
          <t>0.14123543</t>
        </is>
      </c>
      <c r="E79" t="inlineStr">
        <is>
          <t>&lt;class 'numpy.ndarray'&gt;</t>
        </is>
      </c>
    </row>
    <row r="80">
      <c r="A80" s="1" t="n">
        <v>78</v>
      </c>
      <c r="B80" t="inlineStr">
        <is>
          <t>Loss/regularization_loss</t>
        </is>
      </c>
      <c r="C80" t="n">
        <v>900</v>
      </c>
      <c r="D80" t="inlineStr">
        <is>
          <t>0.0</t>
        </is>
      </c>
      <c r="E80" t="inlineStr">
        <is>
          <t>&lt;class 'numpy.ndarray'&gt;</t>
        </is>
      </c>
    </row>
    <row r="81">
      <c r="A81" s="1" t="n">
        <v>79</v>
      </c>
      <c r="B81" t="inlineStr">
        <is>
          <t>Loss/total_loss</t>
        </is>
      </c>
      <c r="C81" t="n">
        <v>900</v>
      </c>
      <c r="D81" t="inlineStr">
        <is>
          <t>0.617089</t>
        </is>
      </c>
      <c r="E81" t="inlineStr">
        <is>
          <t>&lt;class 'numpy.ndarray'&gt;</t>
        </is>
      </c>
    </row>
    <row r="82">
      <c r="A82" s="1" t="n">
        <v>80</v>
      </c>
      <c r="B82" t="inlineStr">
        <is>
          <t>learning_rate</t>
        </is>
      </c>
      <c r="C82" t="n">
        <v>900</v>
      </c>
      <c r="D82" t="inlineStr">
        <is>
          <t>0.025333151</t>
        </is>
      </c>
      <c r="E82" t="inlineStr">
        <is>
          <t>&lt;class 'numpy.ndarray'&gt;</t>
        </is>
      </c>
    </row>
    <row r="83">
      <c r="A83" s="1" t="n">
        <v>81</v>
      </c>
      <c r="B83" t="inlineStr">
        <is>
          <t>train_input_images</t>
        </is>
      </c>
      <c r="C83" t="n">
        <v>900</v>
      </c>
      <c r="D83" t="inlineStr">
        <is>
          <t>[b'1024' b'1024'
 b'\x89PNG\r\n\x1a\n\x00\x00\x00\rIHDR\x00\x00\x04\x00\x00\x00\x04\x00\x08\x02\x00\x00\x00\xf0\x7f\xbc\xd4\x00\x00 \x00IDATx\x9c\xec\xbdy\xfc\xbe_5\xef\xbf\xefFQR\'q:\x88J\xc7\t\x91!\x8e)\x9d\xc4/\x11N\x852\xcf2e&amp;cBR\x86R\x92\xb9\x0c\xc7\xa1:\x94)\x94!t8Hr*C()\x95\x08\x1d\xca\xb8~\x7f\xdc\xf7u]{Xk\xed\xb5\xf6\xde\xd7u_\xf7\xfb\xf3z&gt;\xf8\xf6~_\xd7\xdek\xad\xbd\xf6\xdak\xaf\xbd\xef\xfb\xf3\xf9\x8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a "\xa2s\x1bq\xc5\xd8\x8d?/vr\xe9\x9c\x96\xd3\xa0\x19$\x85\x06Y!\xdc-0\xddsQ\x89\x16NQ\xa9\xbdj\x1b\xd1\x08\x9f\x08\xa3\x9e\x94\x1e\xdf\xf2\xda\'\xab(\xdc\x96\xca\x97\xe1\x0e\xbc\xf1\xa9\xe4\x10\xb5\xc9\xfc3\xfd\xfa\xc7\x9a\x85\x82?\x19\x8fU\xa6\xfb{\x96\xe7w%:\xb6\x7f\x82/6\xf2A\xa5\xafJ\x0f\x08B\xd2\x8e\xc7\x01\x9amX\xfa\xad\x93\xf1(v\xa4\xb7ok\xc7+\xc2\xe1\xdc\x06\x00\xb0k\x8e\xa9\xe1p\xb8\xf2+\x85\xf4lp\xf2C\x08a\x13W\x10\xd1\xba&gt;\'Zy \x9a?\x93\xd1\x11\xd1\xb9\x03lh\x90+\x03O_\xd9\xa6@\x8f\x04\x9b\xe5D4\xd2\xc3\xaf%z\xbd\x93Rv\xb0\x8a\x07\xbe&gt;\x84/\xcf-S\xd1\xcd\xce\x86\xcfJ;De\xd7\xe1\x10f\xdb\xb2\xc6\xa5\xa2\xd2\xf3j\x17\n\xaf\x0bt\xc3XQ\x08\xe1 L\xd0I\xd2\xd1\x85\xb1\xd0\xd8B^\xab\xd0xnu\xd4\x95\x19_\xca\x98f\xef\xb3\x89\x1e-\x88O\\Wtg\xdc\x15\x0b\x9f\xa2\x9b\xb1\xe1\xf8\xd6&gt;\xa2L\xacb\x83d\x8f\x97|f\x13\xb9\xa7\xf8\xa6\xc2Z\xc1\x1e\x9a\xa7\x98\x9d\xdcp8\xf0qkK\x0eBG\x9a\xedSz\x87\xe8\xb0y\rl\xf1\x0c\xd79\xb7\x01\x00\xec\x973^\x0cl\xae\xbaL\x7f\x9fW6\xda\xc4&amp;Rk\xbe\x1f\xd5\xfb\x86\xeb\xd8.\xc6\xce\x99\xeei.\xd8B\xd8\xe8@\xa53\xd4\x04Y\x16\x85\xe1\x11t8\x1c\x0e\xbfWi\xd3W\xfd3\x06\xdf\xe8p\x98\x04\xb2\xb5\x8br\\\xf9\xb2\xbc\xe9"\xea\xd43\xf9u\xc4\xc4\xa4\xf6)\x02\xcbr3\xaf\xda\xe3_\xbe7{GK\xf5\x7f\xfa\x95\xc4$\x16\x97\xca\xe1p8\x1c\xc2\xe1.q\xc7\xe3\x8d\xec\xab\xa7&amp;/\x92\xdcpR\xc1\xdd\xe0f]\x0e\xdc[\n!\xab\xfe\x0fY\xcb\xc3\xe1\xc5\xbc\xe6\x92\xb7\x8a:\xcd5q\xec\x81\xc5\xc2\xa8\xe8,\xe5\xe83~\x8a\x96\xc3\x81\x8d\r\xfe\x93\x9c\xc3\xc7\xaa"9\xa6\x0f1f\xc7\xce\x8e9\xce\xd7\xf4\xdf\xe8\x88$\xc7\xea4\xc5\x87\xdc\xbba\xd2!\xda\xe0O\x17\xa7\x99\xadW\xffs\xfb\xf3\xa7_\x00\xc0zt\xd5\x1c\xb5\xcf\x07{&gt;\x7f\xac\xe8\x1d(l\x80\x88\xfd\x7fT\xfa\xe1d\xdc3\xda\xb6\x96a\xec\xd3\x87\x92U\xe7\xb6\xb6\x16r\x96\xa9l\x1e\xc2\xf2\xf5\t\xb1\x85\xcf?\xe2\xb7,29\x85X\x12F\x9a?|\x87\xf4\xfb*\xf1\xb7L\xf2\xee\x9f@\xa4\xbceM\xa4\xacK\xfe\xf6\xe1e#"\xa9{9\xc6\xe4U\xfc6\x7f\xfe\x10VZ4\x90\xe7-\xf25\xa5\x94%p\xa6\xe5\xed\xe5W\x9c\xf5\xe5H\xa2J\x9a\xb1g6\x83\x1bE\x98\xff+)e\xdd\x97=Z\x06\xcb\x8c\xe2\x9e\x89F\xd1\x13\x95Q\xbfx\xea\x1e\xbd\xb9m\xdcF2\xf9\x87\x9d\xea\xe4A/\xa3H\x1dh\xc1\xa8\x0b\x00\xd0\xce\x7f\x1d"\x85\xf8oX\xaeE5\x13\xd1\x9c\xc4\xaft\x12\xf1$\xe5\xf3\x10\x9b\xe7\xdc\x00v\xcb\x15\x18B\xe8\x1dEm\xf5Uc\xb2-h\x89(\xdc\xbc~\x00\xf0J\xed\xe8\xc8\x9e\x01\xf2\xea\x87}\x97}\xfd\xba\xad\xdeJ\xb4,b\x93\xb7\\A\xa6)\x95\xb4L\x95+\x95\x9dC\xa0;F\xe3J\xa4}K)\xff\xdbx]DD\xf4\xbf\xa6\xe7\xbcmQ\xe9l\xb1&lt;.=\xb3\x96\xa9\xc0\\\x05\xab\x9d\x92)+\x95\x9e\xce\x12\xe5\xb4f\x93\x92\x07L&gt;\x84\xbc\x8b2Y\xe5\xa89Sy\xbf\xe8o-\xba4\xe2^\xbfd2)\xeb\x7fU2-\x00 g\xa7k;NR\xbe|\'J[\x8d\'4\xe5\xe5\xf3\xb1oS\x87\xee7\xdfr\xc6av\xaa6vonvz\xf2\xc8\xca\'x\x17\x8cT6QYkN\xbf*\xb7\xbc\x8a\xa2\x8f\xb2\xb5O\x1f\x9e\xfe\xe8ji\xecs\x16\t|M\xf9\x8c\xf4*]\x18k\xc2\xdd\x8bb\xba,\xc4Y\xbf\x85\x7f\xe2\xce-w\xcd{\x9d~\xcd\xa5\xb1G\x94\xe5I1\x8a\\\x93&gt;\xae\xd4\xb1\xb9d"\x8a\xaf\xd5\xd8\x91r\xa4b\ry\x92\xb8\x99\xf2h\x9c\xf9\x02E\x08;p\x13O\x89{\xe9\x12\xdeHH\x14\x97\x9d\x07\x00\x00+BDo?\xbe\xa0,w\xac\x012\x07\xc9)\x84\x0e\xb3po&lt;n+E\x1fL\xe9w\x12,}8\xcf\xe7w\xc0\x83v\xafU\xc2f\xb8LI\x95R\xa0\xc8C\xbb\xbc\x90\xd6\r\x8ek\xa0\xf9\xc9\xec\x81\xb9\xda\xcb*K\xdb\xea\xb6\x94h\x99\xab\xf9\xe2~\xfeJ\x0c+$\x96\x1f\xfd\\\xffv\n\xa9g\x9b\xcclm \xfc\xd9\xe9\xf4\xe8\x11\xb3=\x8b\x9f\xa3;\xfe\xf0%\xe1\xe3\xa33\x98p\x8c\t\x8c^\xd1\xd4\xc8\xa4\x10\xc2\xfb\x15\xa7\x9a\xb7-%lX\xcer\x0e\x94\xf8~at\xb1\xaci\x1eG\xda\x98\n\xe7\xb4_X\x12\x00\x00l\x8a#\xcd9\xf9\x1e-1\xed\x87\xa3m?tn3V \xba\xb1\xdb@Y\x08\xe1\xe9\xce\xb9^b\xe3\xcdW9\x82\xca\xbfz\xbbg/\xf512\xd5\xa1\xe9\x031O}p\xee5\xf5n\x06\x97\xf2\r"\xb3\xcb\xab_\xc7\x88\x92\x8a\x90q\x05\x85o&gt;E\xd7\xa7\xd2\xdc\xa6\xa2\x82qi\x9a\xc1\xd2J\x94?*(SC2A\xfd\xca\xbe\x91\xaa\x01\xb1!\xa9\xd3\xbe=\x89j*\x85,]\xe2\xe7\xc7f\x8fY\x86P\xf2\x91Q\xdf\xaf\xae:\xe7\xf8\xf3\'\xd3\xfc\xe5\xaeR\xf2&amp;\xc7\x00\xa2\x10\xee\x90\x99\xa7\xb5\xceg\xc1\xa5j\xe9\x95\x0b\xa9I\xe3\x02\x00\x00\xb0!E2\xbd(\n\xcb\xc7\xe5\x91\xf8&gt;\xec\x1e\x83d\xee\x84\xb3Lw\x83\xd2-"\x93\xd9\xbd&lt;\xbbQ\x7f\xbc1\x9b\xdf]\x8d2\xc5\x1bt\xd5\xdb\xae\xb7VW\xc8id\xfb`\xab\xd5\x13Ob\x1a\xc8%`.\x97}\xe3-\xec&amp;Q\x95\x82&gt;\x0eH\x8b\x85l\xf7\xb9o\xf6\xab\xd4KYt\xa5Im\x84\'2g\x06\xf6v?\x8b\xc0\xe2\xad6\xeeh\x8c\xccC\xde\xb0\xba#\xd5;r\xee9\xdbV\x1d\xc2\x10\xe4?uP^\xb4?\xb9\xd1\xaae\xe0\xff\x98\xfd\xb9\xf6I\xb2\xa9w6Y\x00\x80\xad\xd8*\x1f](p\xce(v\xea\xc6\xb2\xbc\xd8xE4\xaa{\x0b\xbd\x97x6\xa8\xea*K\x16\x93=\xf2\xcd\xa8\xa9{3\xdc\xf5\xb9\xee\xd2\xe6)&gt;G\xa5\xc2\xd6U\x13\xdf+\r$\xb9\xef/\t\xf2(,~\x93d2\x0fC\xfeCi0\xdb}2o\xfa\xf5\xb3\x97\xaa]\xbd\x14\xa0\x10\xc2\x9b\xe5\xa2"-\xdc\xf7\xf5%\xc3N\x029\xc3h\xf1\xe1\xb7eB\x98\xa1q\x7f\x04\\\x1e\xc2\x18\x88(\x84\xff\x9d\xfez\xfa1u`4\xa2&amp;-\xe5\xf4\x19\x17\x08\x154\x18\x00\x00\xe8\xc2\xb2\xf6&gt;g\xcc\xe2\xdc\xfb\n\xbfBi\xc8\x92\x85\xbfa\x0bC&amp;\x86:v\xf8\x1c%{\xd8h\xe1u\xe5m\xdd\x1a\xfcP\x1f\xa0X\xc4\xc4z\xf9~\xc2\xab3,(}\x98M\x05G\\\xcb\x8e\xc2,\x8a\xad\xab\xf8\xca)~R\x96X\xf5\xfaLl\xc0\x0bKe\x12\x85\xbb0&amp;\xc5\x02J\xe1\xd3\xc3L\xe0\xd7\xcd\xaf(/\xfa\r~\xcb\x9d\xf3\xe8\xc2`\xa6\xb9"%n#\xc8aF\xc7\xc9d\x16\xd4\xe9\xc9\xef\x8f\x0c-V\xb5\xde\xa5A\xcd;NsW(\xaf\x7fx\xab\xcf\x08\x00`#\xd8\xbc&lt;\\\xc5\xba\x8b\xbcW\xb8\xa5\xbb\xb7b8#\x8a\xb7\xcfc\xd8\xc0\xd9\xef\x16%w7\xec[;\xc2[\x151\xbd\x8aw\xc5:\xcd\x9fH\xdd\xf7\xe5\xb7J\x8d\xdb\x94\x8e\xc6\x1f;\x1dM\xb3\xb9\x9en\xa0\xb3\xb1\x14C\x8b\xaaRb*\xd4\x9a\xa2\xf8q\xf6\xbd\xf6\xe8\xc5Q\xf2\x8b[\x8e\x16e\x85\xdd05r\xb9\x99\xbbE\x92\xaf(]\x9e?xn\x93\x89\xa2X\x97\xc1\xd8\xd9\x99a\x9e\xa0\xc8\x80\xd9\xcf\x7f$\rG:i\x1b\xfcF!?\x8fY\x8d\xb6\x0e\x90\xf1\x8c,\xf3\xae\xda\x87Q\x00\x00`\xc2\x90\xce\x9e\xd4.\xfd\x17\x1a\xca\x05`\xa7\xe5&amp;\xdb\xd0\xeauRg\xaf\xba\xfd3*&gt;\xcbZ\xaa\xa9V\xde3\xa6:xM\xd5\x8d}E\x89E\xf5\xbfh\x99k\xcaf\x8e\xbeb\xae\xba\x13\x03\xe4qifO\x13\xc1\xda\xef8\xd0\xaa\xbd\xf2\xa3\x05k\xaa%\xc83\xc7\xe6\xd2nqR\xa4\x8b\x98L\x8a\xca\xfdDx\xfd\xa8&amp;\r\xa46\x11KCO\xe3R2\x85\xf0\x1eyH\xfcB"\xcd&lt;\x8fW)\xab\x00p\xa9d\xab\xf4"\x97\xa5=\x9d5K\xd7\xdf\xaf\xa5\x1a4\xb3\xa7Iq\x975~\xf9\xa3$\x15F\xee\xc8\x8d\x17\xce\x1a\x01\x90\xff\xa5\x96#sQ\xad\x92[^\xb9UK\'\x93H\xdd\x1d|\xe5)\x11\x85\x1f\xa0\xfc\x11\x11\x11\xdd9n#\x1b\xa9\xbf-[s\x8d\xad\xf5.\xe7+\xb9\xef\x1f%\xbe\xe5\xc7\x92\x0eY\xb7\xdc\x95\x8eb\x99R\xc7\xf4ad\xc6\xbb\xdb\xfc\xf9\xb3\x14\xc2\xf33\x91\xa6\x8e\x00\x80\x1e\xc6o\x1b=D\x9b\xd9y\rqqY\xd6\x82\x99\xad&amp;\xae\xbe1\xf7Z\xb2\xce@l\x99aWgc\x97:k\x19\xd4?\x8aI\xd1J\xde\x18+6\xb1S\x0e\xdd5\xcf\x1eF_\xa5U\xef\xbd\xd2\xafEqV\x89\x1feX\x16)\xab^\xb1K\xd0\xebG\xfc\xce\x12\xff\\\x89\xeaj\x03\xa9\xcb\xfc\x9b!\xd5\xdcRp\xbe\x0bl\xa9\x00\xac\xcf\xbe\x0e\x00{\xa4\xf1#c\xb09\xee\x19\xd9f\x12O\xd1\xb2\xa6\xae\xb1\x03\xa1\xa8\xb0\x93\xbeV\xb1\x92\xea\x16\x18\xf7Z\xaf6-\x93R+\x98Lg\xa45\x03`h\x02\xe7\xb6\x83y\xf8\xb2\x96\x15?\xdd\xd2a\xea\xfd\x8e\x8f\xda\\\x9e\x14\x95Z\xb7T\xef\x07&amp;\x8a\x9d\xbf\x96\x994w9\x06\x1e\xe7\xa2fL\xd1\x8e\xba\x02\x80\x0b\x00\x0b5C\xdd\xe4f\xde\r\x1e\x03V\xd6_b\x83\x85_TlO\xbe\xfd\x9b\x86n\xd5j\xe6Sj\x13\xb7\x87\xe49\xd8\x06^\x94\x16\xc3\xe7\xf5@V\xe3\x86u\xbekW\x8eQ\xa9\xaa\x89(\x84\xf7S\xac\x1do\x1b\xf7iL\xe2\x90\xa6\x03\x803\xb4N\x1fsEZ.)\x93\x00pmr\xfe=l\xf7&lt;;\xcb\xda\xf0\xd8&gt;\x90+\x12\xd3\x04m4\x89k\xef\x85\xd5"u=\xd5\xe7\xa7\xa9\xa2\xca"D\x9c\xa0\xa4\x00\x92\xf2\xe4\xb9\xdc\xab\x7fP\xb3\x96\xba\xe2\xf1&gt;\xfe\xee\xacW\xb7\x14\xb8\x13\xfa\x99\x87BxTe\xea\xf3\x83\xc7\xbb\xf3jX\xf3\x1e=\x97\xe9U#\xed\x1fX\x15\x16\xb6|\xc7\xa9\xfa\xf1W\xd14;\x8c\x01\x00\xc0U\xe0\xf1\xc7t\x16}\x1b\x12\x0c\xa1c\x9fP6\xa7\xb3n?[\xd7\xfa\xb5\xc1^\xce\x87\x0f\xc3pU\xa5Z\x056\x0f\xf0\xbc5\x8d\xac\xbd\xa1\xd8\xb2}gis\xcc\xe7v\xaec\xa0\x10\x9e8_B\xdb{\xeab\xa3\x0c3\xc0!rel\xa8\xb3\xcf\x1d{\xc2\xb9"o\x16~\xaf\xfd\xee?R\xb4\xcf\xac\x02\x00\x00\xdem\x06\xc8L\xfbJ\xcf\xc6\xaf5i\x10;\x1c\xad\x9c\xfa\x9d]X\xd8\xc8\x95\xb8\xe7\xd3\xebNJ\xd9\xd2\xb0\xd2\x08\xe5\xa5K\x9aY\xa1\xf5\xd6\xd9\xa1]\xd5\xd8\xdcw\xb5\xaf\xfdh&gt;\xf7\x1a\x9c\xf6\xf2\xe6\xbd\xb3\xc4^\xf6\x95\x9e\x10\xf8\x99\xfa\xbb\xe5E\xfbJ\x89C\xee\xe2\xb3\n\x00\x00\xc4\\\xe1\xa4\xd6\x9d\xb2\x7ft\xbcs\xde\xa6\xbe\x15\xa5%\xce\xb9n=/\x99\x8b\xb4\xdf\xf5u\xbe\x1d\x1c\x00j\xb5\xf8\xf83\xb0g\xc8\x03\xdc\xa2\x9e\xc1\xce\x17`\xb5C\x97i\xe0\xd3\xc4\x15.\xd5\x0e\x00\xa7f\xdf:\xbf\xbd\xff\x90\xf0\x13$T\xe6\xba|\x1bW\xea\xf1\xc1 \xbc\xa32\xa8\x9a\xf1\x93\xcc\xf3\xae5\x00\xae!\xd4}\x05\x0c\xe1\xe7\xcem\xc0\xca\x1c\x93u\xef7y\xd6\xa0\xba\x8b\xec`\x9b9\xbb\x01~\x12\xa7]\x9a\xfd\xfe\x8cG\xa1\xe5\xaf\xba\x1f\xc8\xfb\x87\x8f\xe8q\xf8M\x1aTny\xe6\xa9\x96\x9ez_\xce!c65U\xfb]\xed2\x8a{t\xdb\x87*|\xc1\xdd\xce\xa7\xa9\xa7,U~\xfe\xdc\x1c\x1bs\x03[*\xc6\x01\x00\x80-\xc12\x03!\x84\xee\xfd\xb2\xa7\xfb\r6\r\xc2\xbd\x05\xfc\xde\xec11\xc4f\xbf\x90\xae\xaf\x88D?;\xbf1\xbfe5\xcc\xaaO\x0c\xfe\xabml\xa0@\xf4\xf9}\x07\xfb\x8a\x82\xa3dE\xbe\xad\xc4d*\xd7\x016/w\xf6\x895m\x92\x7f\x83z%L\xddW\x9f\x8eY\xd3I\xd7\x9f+\xc6&lt;X5\xe6E\x99\xb5\xf9\x1f!\xc8\xfe\xd84\xcdJ]\'%\x00\x00\x00\x97\xcb\xb6u\xd5\xb02N\xd9\x9f\x1e5B&gt;\x18\x08\xa5%\x9d#\x00\x96r\xe4&lt;\xdfN\xee\n\xd7\x8eB\xaa}\xb0\x16\x83\x07Vx\xe3\xb3\x07\x97"\x88(\x84\x8fn\x90\x14\x8f\xb1\xa7\x82o=\x82\xfe\x8f\x0eU\xd5O\x0c4\x9e\x96\xcfo\xfa\xf3\xf5\x8eo\x1f4?\xfaZ\xa2\xdfJ\xce\xda8\x00\x00\x00L\xec-S\xfc\xd9\xf1\x7f\x90\xc5&amp;^\x8f}\x1a\xd5U\xdbAD\xe1\xddz4&gt;9T\xf6\xf2+&gt;\xe9;\xfc\xd8\xb0^1D\xdf.\x98\x1f\xd9\x85o\x1b\xa5\x8e:O/\n[\xab\xc6\xbesr\xad\xa3\xa1\xbe&lt;\'\xa3\x0ckw\xfe\xfa\xd2,\xba\xfa\x02^\xf7!+\xff\x9b\xce\xfei\x1b\x00\x00\x0c\x03\x89\xac\xcaJg$\xc5\xed\xef\xe8\x9f\x91\xcd\x0fr\xed\xdf\x13\x18i\x85\xa4c\x8f!};K\xa3&amp;\xcb\xb3\xa2\xa4\xe5+\xf5!\xbc\xab\xb9\xa6tEZ\xa5Tj\xae\xb3-\x89KZ\x14\xd5\xbe\x95\n\xef\xcc\xd1\xa5\xba\xcb\x93\x07\x86\x1f\x00\x86\xc8YM\xfe\xe9\x0b]\xaa\x9c\xd7Z\xcc\xc0\x01\x00\x803\x81U7\x98+~\x19\xdcOG\xaeo\xfbb\xc3&gt;\xeb\xd7Q\\\xe1\xa1E\x98\xea\xb0a\xae\xe0\x8a\x12\x9fps\x90\xfb\xd6\xc2z\xa5\x92\xe5\xc4+\x1d-,g\x92}Vx\xc6\xa3\xcb\x06f\x9cc!\xff}Ogb&gt;a\xd32\xad~z&lt;\x93\x07\x00\xb8\xc6H\x97h\x9e\xdd\xf6\x99\xa6w\x06\xfcs\x81\x8c\x0cl\xf6\xeb\xc2`U6\xac\x0f\xe6\x8a$\x9fV\xa7\r\x96\xa8h\t\xcb\x878\xdb\x9f\x99Q\x15\x1e\xe7\xa8\xde\x900\x9cL6\x88\xba3\x9e\x8e"\xa5\xee\t\xa2\x10\xc2O\xc6\x96\xbf\x82\x1d\x05M\xe2)&lt;\x04\xd5\x05\x00\xe0\xc2\x9173d\xb7}\x11\x17\x1f\x96\xbd\xe7Cm\xb7\xb6\x86\'\xe0R\x89\xaa\xb1\xabz\xf5\xbb%\xeb]\xff\x7f\xdb\x08\x997&lt;\xfb\x140\xfe9\xc3y\xa0Q]j9\xe3\xc9\xb8\x81p\xae\x06\x00\xec\x16,W\x96}|TR\xb3\xe1\xfc\x16\x9e\x91eg}G\x12\xaeo\xb5\xed\xea\\\x9c\xdd\x80\x82\xbd\xd9\xa3\xf2\xc8\xee\x19\xdc\xee\x00@D\xf4\xf8\xc1\xd3\xbd\xaf\xc92\\\xff\xf7\x18\xbc\xaf\xc1\xb61\xf9\xe7\x8b\x8b\'\x1b\x1b`k\xf6 \xf1\xf3Ov\xae\x13\xe1\xa8\xfe\x01\xb8(\xb0\\%\xe4\xcb\x8cms\xf7f\xba\xd6a=\xfb\xa7\xddh\x15\x17]3;\xd9\x85\rS\xaf5]B6`\x88\xb5`\x87\x0et\xff\xb9\x0e\xfd\xc9\xbapI\xb24@\xa9\xef\x8fi\x16\x17\xfc\xcd\\\xe7\xdc\x06\x00\xc0\xf2\x8d\xbbL\xaf{\xe0\x10$\xd7\x1c\x0e\xdb\x191Z\xd7\xe6\x15\xc9\x1a\xbe\xa20\x15\xae\x87\xc3\xe14\x1dc\xc7E\x9b\xce\xf299\x94\xa5\xc0\x9ek\xd6\xe3\x82\xe8\x9c\x9a\xc3\xf0e\xa5*\xba6\x02i5\x8e\xc5\'[w\xfe\xf49\x8a\xd1\xd7\xf9\xaaw\n+\xa4q\x1fs\x92\x9c\xd0?\x01\xcbFw\xea}\x08\x87\x17\x87\xc3\xf1w\xcf\xdfj\xe5\xb4\x15\x00\xd0\x85{\xc9\xe1\x9a\x8a%\xba\x11a^mo\x0f\x98)\xa7f\xec\xa5\xda\x15\x9d_\xfe\x8f\xb5d\x1f\xf1oi\xd0\x19\xb9\xb0\xa4w\xa9\xf3r\xa1f\x8fc\xa7\x13\xc7~6E\xca\x96\xc7\xb5j\xfb\xf3T\xd7"\xf8\x04\x00l\x86\xe3\xb2\xe1\xb8\x86qM\xc5\x02\x8f\\\x10\x87\xc3\xc8k\xdd+y\xfb/\xec\xd7\x89\xdf\xf6:\xee\xe1e\xc4\xf2!\xd2\x1e\xc9\x8a\xb3\xfd\x1aZ\xe5,\x01\xf5\xc1\xcc\xb3.\x1fv\xf4\xdd\xe9\x8a:\x84\x93K\xe2\xa1\x1d\x0e\x87\xc3\xa7\xea\x9fWdU\xff\x7f\x88\xfe|0\xf7\x17\x04]p\xe4\x02p\xd5\xb9\x86.\xfc\xbcL\x17$\xf8\x04`\x7f\x94_E\xdd\xf7t|\xd7p\xf3\x9a\x04J\x91|!\xc1&lt;\xd0\xc8w(\xbf\xeb\xbc\x9a\xae\x06.\xf1nuW\xc64\xf0\xee\xe76 \x81\nVR\xd1m\xd7\xa5\xcf;\x00\x00\x14\x10\xf7\xcf\xa0\x9c\x89\x15/\x91\xe2\xaf\x7f\xac\xa7e,\x99\xa9\xfb\x98#\x95\x1d\x9bG\xd3\x1f\xef\xd3\x1b\xc5\xed\xf7\xee\xed\x1az\xedr\x11\x03\xdc\xc1\xf7\x972\xedw\x1b$U?\x98]+\xcc\x07\xd4\xb4\xd4\xa6\xe3\xbb5t\x11Q\x087\xd0\xda\xdd7\xb2$\xb1\xea\x86c\xed\x01\x00\x0c`\xff\xdb\xd8\x8e9\x15\x01e\xad\x99\xfc\xfc\x03\x1by\xb8o*\x7f`\xf5H\xf8\xcf\xe7\xdd\xb3/\xa0b\xd8\xfdb\xb4W\xbd\xbf\xb6\xae!\x9b\xa0\x0c6)\xb66\xc7r\xfc\x98\x8b\xb0mL\xda\x12\x97\xf3O-\x07\xf8\x81\x06\xff\x15\x02\x1d(\xc3_\xe7\xd2\x9d\xbd\xcb\x17?*,\x19j\x0c\x00`\x10;Z\x9c\xfb\xb1\xc4G\x9e\xe0\xe2\x94\xb7e\x95\xd09\x95kGBu\'X\xcfW\xc6\x82i\r\xd5.z\x8a\xb6m\xec\xaf{Rh\x90\x15m\x97V\x19\x10s\xa49\xdf\xd2v\x1c\x00\xaey\x88\xe8\xe5\xbb)\xdce\xec\xe6\xd5\x0f?+T\xde\x99@\xedL\xc5T\xff\xbf\xbfs\xe7\x03\x00@#\xefQ&gt;Z2\xefv{\xb0\x96\x91\xad\x12\x96\xff\xae\xc1z%\xf8\xdfU%\xd7\x85\xef\xa3Zj\xde\xb6\x87W{l\x9da:\x9f,\r\xbeW\xba\x11d\xe9\xb6v-.\xb1\x98\xbe8\x83\xd7\xc0\x1fZ\x0f\xc8\xfa6h\xbcS\x8b\xe7\xad]\xecg\xbf\xd1g\x80\x10\x19I\xca\x07\xaa\xda\xba\xb6\x18s\x81k\r\x00`\xe5\xca-o\n\xff\xdf\xf9G\xc4\x96k\xd1\xab\x0e\xb1\x8b\xe4\xc7]\xb9\xb9\x8b\xd9\xc5\xd0\xf6Sk\x0e\xb1d\xb3\x03\x00\xab{\xc0\x9c\xaed\x1b\xd8\x04Ohqg\xdd\x96\xf8\x99\xbe\x14zR\xfa4\x83X\xc7\x87~g=\x00,\xf2_P\xfbv\\\xa4\xddy\x00\x08!\x84/\xef5\x11\x00\xb0S\xae\xe0n\xda&lt;"\xfb\xdd|\x9b\noGO\xe3K\x9b\xc7uJ\xcc\xe1"\x9bd\x9eo.\xe4:\xc3U\xfc\x17\xb5\xc2\x08\xc3\xc2\rz?UX\xc9\xb6\x8b\xe5\xd2\x8eC\xb7\xdf\xe4OAh*Jw\xf5\x7f\xd2\x15}\x0f\x87S\xb7\xf6\x01\xa0N\xa2\xfd\x03\xcf`\x00\x00`\x0b\x8a\x14sI\xdb\xc3\x96\xf4\xbb\x85\xab\xb1\x0c\x9d6\xd8\x03:\xe5\x9f\xe7\x8b\xd4\x1c\x9f\xe4\xff,~\x8d/\xdeH\xfc\xe2X]\xfd\x94\xf5\xb1\xbb\xea_\xf1\x0c0\xf2\xe3\x8b!\x06\x9d\x83\x8b6\xbe\x9f\x1d\x8c\xfd\xe3\x1b\xae\xc0y\xe2hd\xc3RXS\xbddr\x88(\xfe\xae\x14\x00\x00\xcch\x1f\x0e\xee"#\x8f\xe6\x07\xcb$\xcb\xa5\xe6u\x94\x9b\xce\x00\xeb\xa8\x8e\x14\xf8T\xe4\'\xc6-k\x14U\xd7g\x1a?3Y6\xd7\xf1\x96\xcb\x02\x97?\x81\xb7\x0b\xf2\n\xa3\xbd\xec\x1f\\\xaf\x8cb/V\x9d\xdd\x80}\xa3l+\xde\xb9\xdb\xb3\x9f\x9fS[/m\x0b\xaah|\xf3\xe9+I?\x9b5)\xdb[\xcc\xbe%\xa2\x17\x80k\x9c8}\xec\xa7\x82\x19G\xf9!o\xcbm\xfdJl\x91\x7f;\xb2\xfc\xef\xaeRFK\xd4\xecd\x8caf\xf3\xb4\xff\x8d\xb6\\\xdfV\x8fk\xe7\x1c\xbb\xa9^]\xd1\xb0\xda\xbf`\xe3q\xb2#&lt;\xfbW\xddd\x1bv\xe0\xa2= :\xa1\xea\x9f\x1de\xe9*\xc2\x02y\xbbj\xcb\xe2\xfd\x7fO~\xfb\x90S\x1b\xd2\xbe\\\xc4\x1f3\xec&amp;[\x16\x11\x82\x19\x80=\xb0\xee:\xbc\x06\xd6\xf9\x95\x1f\xe0Eb\xde\x8a\x86\x7f@a)\xdc\xab\xdb\xaa\xc1\x8c\x0f\xb0\x9f\xae\x07~1\xc0X\xca\xd3t\xb3x\xd6?\x19|\x06\xd6\x1b\xc2\xec\xd8\x01\xa2\x8c\x9f}\xed\x8fyE7\x18\xef9\x00\x0c\xfd*\x7f\x03\xc6\x05\xb2\x87\x15t\xd3cX\xde\xdbbC\xf2\xed\xc1\xe3\x0f\x1fw\x15V=\x00\x97I{\xd6\xc0\xba\ra\x7f\x9b\xe8\x8e\xbeT\xbd\xf0\xac\xf1^"\xb5\xb8\xd7\xb6\xa2\xe2\xd3\xed\xf9E\xfc\xbc\xdf@\xc5\xb6\xb0\xdc\xee\xdbK\x10V\xd26e\\o\xe1.t\xe1\x8f\x13\xeb\x0f\xa7\xce\x99\xcd\x10\xfc@D\xdf\x95\x84k\x8f\x91g\x19\xa0\xa6\xd4\xe2\xf3,lz\xf6 %\xd8\xb2\xb40\xfd\xfa{\xcd\xba\xfc\x88\x8b\xa20;?c\x97\x82\xc6ZU\x9a\x18}4Z]\xc2\x14\xc2?\xc4\x96\x03\x00VGOv\x1b\x1bs\xd1\x94{\xc39\xadY\x91\xa2\xbcx\xdey\xab\r\x87\x04oU\x9a\xa9\x88\xcaS\xad\xafE\xb8\xd1\xe06\xe2\x02hU]L\x91.T\'\x8a\x8cYRV\xdd\xf6\x89]\x89\xa8\xb2\xd9Jc\xa9\xbe\xda\xec\x9a\xa4R\xef:\x04\x99C\xb7\xda\xf2\x8e\xdaW\xb6z-\x94\xb4\x13\x91\xa1\xd9\xc8u\x94\xa9\xa8\xad\x91&lt;\xaf*_4\x02\x00\xacH\xff\x86\xba^\x1e\xb9@.\xdax7;(\xc8\x163\x86\xb6\xe4\xc7U\x1d\xaf\xc5!\xfbq\xda\x10!\x12~K4\x87\xf7\xc8\x1f\x8fa~7\xb3\x05p\xc8S0&amp;~n7\x0b\xd3\xad`w\x84!1\xbc\xabTs\xd4\xf2\x1c\xe7\xaa\xa7\x8d&gt;\xa5\x04\x00\xec\x0c6+a\xef\xbc\xac\x8f\x0eh\xd3\xabP\xcd\x0cc\xe4\x18\x9a)\r\xaaZ\xfe\xe1\xd8\xe0\x87G\xec\xca\xab\xad\x05\xb1\xdan\x91%V\xe7\x83/\x05FW\xff\x0f\x1a`\x99\xc0UHb\xe3\xed\xdf\x8fC\xb6\xb2D^\x05\xa3\xd6\x88\xb4\xdc\xda\xd6\xcb_x\'\xbd\xd4\xe2\x9008K\x00\x00\xae\x04\x97\xbew\x8ea\x9c\x13\xec\xfe\xf4gds\xa1\xb3\xd1\x15\x94\xdb\x92?I7\xad\xce\x9b]\xcb\xd7\xf7\x07}K\xa1*&lt;~\xc6\xb6\x1b\xaam\xad\xea_Q3V\xc5 N\x01\xf0\xf5\xdc7.R\xb7\xd4\xff\x98\xca\x1a\xf6Y\xd9\xa9{/\x08\xd2\xa7x\xed\x13r\xc3bt\x85\xdc\x80\x95\xb8\xee\x9fI\x00\x00\xec\x8c\xf3olc\xc9\xc7R\x0c\xed\xa2\x06\xdb=;g\xfefv[\xc7\xf4\xe7\xfa\xad|M\x1a\x15by9\x93\xb7\x1f\x9e=\xd4;Vi-\xc1[\xf4\xca5\xc7`x-{_\\\xf9W\xa2\xe3y\xd1\x1du\xa5\x92\xe4\xb5\xca\xb6\x9b\x9dr\x00XQ\xdd\xf1\xe7\xbe\xcc?\xf7\xbdZ\xb5\x01\x00 \xa1\xb14\xd93\xc9v^\xe6\xafU\xc7\xbbB\xba\xe4\xbf\x81\xad\xb7I_\xf5\x9b4\xec&gt;\xa9\xd6&lt;\xb6\xb6ZM\x9e\x1aw\xfa|\xf6gY\x11\xc6\xc2\x17\xb7\x9f\xca\xdc\x86j~\x83U\xa6\xd4\x1c\xbd^\xca\xa7c\x8c\xa2se\x9e\xf7\x17\x0c.~F\x014\x18\n\xe1\xfd\xb6U\x17\xc2\x94[\x86\xac\x05^\x8d\xb0\xd7D\x1aGT\xff\xea\x11\xa2&amp;\xdf\xf1] \xaf]\x00\x80K\xe4\x0b\xf7\xb0\xda\xd7\xb8f\xe0\xb3\xe1\xca\xa7\x9d\x8e\x81\xcc\xdfT\xa9\xab\xc8\x9a)\xbd\xd6p\xecp\xda\x8d\xec\xdcP\xaf\xb7\xd4\xfd\xb3DI\x8b\xce\x9f\xd4\xbe\x864`\xef7 W\xe4#\xc3\x9e\xa8\xf2/\x06\xf8D\x9d\x89\xd4?\x99I\xd2\x91\x80\x911\xfa\x84p\x01\x0b\xb6\x85\xd9\xabuw\xfd\xd9\x1a\xea\xa3\x04\xcb\x86\xe8\x80\x13\xf2\xfa\xc1\xdc\xb8\xca\xd4\x93O\x9b@\x00\x00\xb8&lt;\x06\xdc\x19\xf7\xa8V\xdf\x1a\xb30\xfb5\x06\xa9\xed\xe6#\xcd\xed\xd9\xe9\xbe2\xfbM\xae\xe1\xa4\xfa\xd6]\xf5\x9e\x1a\x98\xe7\xc2\xdb\xbej\xb1\xf0\xd5\xde\xc6\xa9\xf9\x8be\xbcnW\xe8\xe6\xb7vl\xd5\xb7TE\x99\xea\x1b7\x8bdF\xb1\xca\x1a\xdc\xe9\xb2\xd29\x85\xe2x\x87\xdc\xc9\xd6\xec!\xca5|g\xf4F\xb1\xb4\x16\xc5*\xab\xe8\xe2\x16\xe6\xb2l\xe3\x0f%l\xa3\xee\\\xdd\x00\x00p\t\xac\x92\xe9~r\x8c\xc0\xd80s\xa5\xb8a\xd6&gt;\xff&amp;\x11\xefv\xb5\xeb[]D&gt;\x16\xe6\xe8\x95\xb4\x14\x05n\xe3\x10\xd6\xa8\xd9\xb0\xf9\xfe\xf5\xa3\x949R|\xf2\x12\xee\xf34^\xdd\xbe\xa0@\x14~\x9b1L(\x8f\x04!\xdc\x97\xf1l\xfa\xf7\xe6\x10;#-\x9f\x9d\xdc\x1e$l\x80\xbd\xbf\xa5\xec\xce\x8a]\xed\x00\xc0\xd8V\xcf\xb1\x1bE\xbe9\\\x8b\xd6K\x17\x8f\x9d\xf3\xc0\xf7\xbb\xba\x01\xb8V\xc0\xda;3\x96\xf4GD!\xbc\x93)A{\xc4f=\x9c}\xcf\x109\xe7\xdb0~\'\xd2\xdb~\x89\x1ej\x7fa\x08K\x9b\xab\xab\x8e2y\x92\xb7h\xb6\xea\xae\xf1\x17!$i^3d\x8d{\x81\xe6o}\xd4\x0e\x00\xaa\xd9\xd9\xab;\xa4\xf2\xaf&amp;+\r\xad\'B\x1a\xfa\x9ag\xf9\x03\xa4\x85\\]\xda\xdb\x87=\x1b\xcfkhI\x07\xb5\xeeG\x1c\x00\x00\x11"\n\xe1f\x1b+\xfd\x89\xab\xbb\xbd\xed\x04v\xf3\xd8[\x15\xd5F&lt;\n\x9an\x92\xbc2Z\xd5R\xb8\xa3{\xbb\xf2m\xe4R\xf1\xdbZ\xa0tZ%\x9b\x93|\xf4\xaf\xdaiRaQz\xd6B\xc1\xa3:\xfd.\x93*3z\xbb\xb4\xfc\xe8\xbd\x95D\xd7\xdd\x7f\xeaX\xcb\xbc\xca\xbd~u\x11\x9d\x1a0\xcd\xea\xe1A\x9bT\xe4\xb1\xbe\xcdt\x01\x00\x80\xc4\xae2\x91\xdd\x98\xb40=\x1bDD\xe1\xdfV,\x98\xceX\x8d\x9d\xc9\xb7-Ux\xdc\xb3Q_\xc4\xc7\xfb\x84\x10\x11\x85w\xab\x1c\x00\x1a\xcc(\xea\x9e\xe2\xe1c\xcbkN\x96\xfb\x84p\x7f\xa6\xb2\xafk\xdc\x98\xa3\xd2o07\xdfU\xee\x1a\x05\x85\xf0\xc8\x15\xa5\x13\xdd\xf8r\xfc\x96\x06d\xd7\xc7\x0ezH\x9f/\xe6\x01\x00\xd7&lt;=\t\xaeS\xef\xee\x12\x9f\xb3\xfc\xaa\x8aZ\xc3\xb7\xb3\xd3V\xf0\xde\xce\xa6cs\x9ab\xb2\xabr]\xbf\xfc\xed?\x00\xf4\xd4\xe8\xc4|\t\xf8\x03u\x85\x1b\xa4\xa3!\xf2\xdd\x93E\xd4\xf6\xf7\xc0\x9e\x8b\xab\xf3\xf7\x14\xdd\xeb,{\x8dm\xbdl\x15\xf3\x00\x00\xc0\xd3\xf6-\x8b&gt;\x95\\\xe2\xe3s\xe5F\x86\xc5\xc9\xfa--\xadW\xb6g\x15\x16\xb3/\xd3\xfe\x95\xa1p7\xa7[*{|M\x9aV[o2A\xef\xa0\xd6\xe2b\x8dn&amp;\xed\xa5)KZ\xae:\xf6N\xe1\xcc@\x0c\x9d\xf4\xd1m\xb9\x18i\x85\xe2^VV\x1e{6\xafw\x0b\x9fo\xa1\xdd\x10\x1b\x14\xbe\xa3iM9\rYM\xb2\xae\x16\xa7\x1a\x00\xceDCNY3\x07\xf1\xea\x8cF\xae_\x10\xe4\xf6\xd84"\xbb]}\xea\xf1\xf9\xdc\xda\x1e\xaf\xc6I^Gn\x7f\x00P\xaap\xa2\x10\xc2\x9b6\x16\xe8e\x17k\xf5\xbfq"\xf2\xc3|*b\x9a,y\x98\xd3\xcf\xa2\x9c\xdb\xae\xf2\xd1P\xbfL\xc7\xa8m\xea\xe8\r\xd7\xf8N\xfcF\xcb*\xb1\xdc8\xe4K\x08x?\xd1\xa4_\xc1\xd1\x01\xb0c\x96\xbd\xf6\xdc\x96T0\x1a\xb9\xc5@\xe6\xba\xdf\xf5\xf5\x86\x9d\xb2\xdew\x84\xae"\xff\xd0\xee\xa5S\x00\x97~\xf6\x04\x92\\\xfb\x0e\xb8\xa8n0`\xb1D\xf8\x03\x00D\xf4\x87i\xa1S\xd6\xb2\x89\x9c\xcf!\xb6hV\xe8\x19\xce\xfa$ni\xe9\x7f\xea\xb8\xf9a\xef&lt;x\x1c\xc5\x84_\x08\x81B\xf8\xe4\xd5\xcc\xeb!\x1fT1\xad\xfb\xa2%\\\x1b\x82&lt;Y\xc8\xed\xcb\x04\x000\x9eiA\xfe\xf4\xb9\r\x19\x7fJ\xa9\x08|\xbe\x9c\x9d+f0\x1f\xd9w[\xde\xd0\xdd\xb8\xbb&lt;\x17\tw\x1c\xa6\xfb{\xeeY{\xfd\xed6\xb1\xe8\xc5\x95\x98\x0e\x03\xe2\xee\xca+V;\xa5\xc7\x86\xf88j\xc7\xeb\x01\xcb\x08\x8b5\xbe\x8e\xae\xb5\xb8\x14;3\xdcs\xba\xb4\x9f\xfe\xcf\x1e\xc92_\xd6\xd7\xbd\x84?\xa3\xee;\x9c\x98\x89 .w\x89\xab\xdb\xf3\x99\xc6,\xea\xa2V\x19\x00\x80\xe1\xec\x0b\xd8\xb1\x7f\xac\xa0&lt;)b\xc6\xcb\x17\xf9\xb4\xd4\x8ahk\xdc1+\xb8h\xac@\xefaOh\x17mr\xe5Cc\xd52\xa8\x02f\xda\x13S\x94;\x0c8\xd9\xaf\xbd5\r\xed}\xe4\x8f\x11T\xd5\xc7A=\xcb\xe9\x07\xcd\x12i\xe0\xa3\xa2\xeb\xd9\xab\xaeJ\xf1S\x91\x95\x942W\x1e-Rz\x9d\xec\xed\xb8Yb\xdcu\x06\x96(\x16o\xb6.\xd8\xa5==\xcc\x0c\xd4\xc4\x88\x00\x00 \x00IDAT2\x83A\x0bE\x1f\x06\x0e\x1d\x07\x00\xe0\xc2)\xf3\xc8\xf4\x84\xc9/\x9e$\xb2v\xae\xd9C.\xb3\xd8p6;\xfb\xd2\xfd\x1e\xdck\x82\xdb\x0e\xcb*\xd6\xd0\x9f\xaf\x80\x07\x7f2\xe6\xb5"D\x9b\xb7`\xa1u|\xb5\xb1\xb6\x08\xf7!\x084\xeb2N\xc7R$\xb9\xac\xeb\xa3Y\xd7\x06_VYmBU}\xdb\xe8\xbaD\xe2\xa5\x1d\nw\xc5\xafB\xa0\x10\xfe\xaa\xe8j\x9a\xd0wgZ~\xdc\xc8a\x00\x00\x06q\x9et\xc9\xe5\x11-\xb9\xa4\xb9i36\xd08@\x05\x11\x85w\xa9\xdc\xd8\xedd_\xdc\x89\x19C\x88\xc2U\xfa\x04\xc0\xd2{l\x05LG\xd9\xbe&gt;5\x1b\x92\x876\xe1Q\xe3\xcaHe\xd5\xc3BE\xf6\xe7g\x8cRQ\xd1\xee\xfc\x02\xcc\xaa\xf6\xcc\xaa\xd6\xceo\xd1lnz\x00(Cw\x1b\xed\xbb\'_\xbfR\xb6\xe1&amp;\xae\\\xa1\xd6;\x85p\xb6\xed\x1b\x00\x10B\x08/c\x93\xe0Y\x93#\x11\xd1\xdfL\xf5\xc1\x9cM\xb6\xdc-\xaa|\xfd\xf2\r\xd4}c\xbb\x8e\xdd\x8fc\x17\xf6\xed[}\xea\xd9\xbd\xb0\xa8b+}%\xfa\xac\x1eu\x00\x88\xe4|P\x83I\xcfU\xc5W\xc6&gt;t\xddm\x1cf\xf9\x97(\x0cm\xaa\xcf/\x11\xa2\xcd+\xbf,\x84\xbaW\xd3\x95\x81s\x82\xb0)\x08\x89\xc8\x9a\xa0\xca\x1cr\x8d\xcf\xc2\xf5\xcem\x00\xb8\xc6\xb9\xd5q\r\x1e\x0e\x87\xe5\xd9s\x8a\x05I\x14\xe2\x06\xeb\x12\xdbB\xb3\xe6\x83h\xc0\xb1\x8d\xcf\xbc|\xc8N\xae#\xee\xc6\x14B\x8f\xa3\x8e\xdd\xe3\xffva\x14\xb1\xe9\xf4\xda\x180\xf85\xd9\x9b\xbb,\x10\x85\xc3\xa7\x9f~l\xf6\xee!\xc4\x83oYz!\x84\x10\xee\xd8S\xc6O\nG\xc4\xc8vqv,w\xc2\xe1\x10\xabduK\x06]`\xcc\t\x9c\xa6\xfe\x10?\xe9J\xc8\x16J\xf9\xf3\x93c,\x9a\x0c8\xe5\xca\x81qs\xbeT\xf7\xabD\xef\xc5\x8e\xfax9o\xcfr\x87\xec\xa6\xa3\xea\xc9\xb8\xc1\xda\xf3\x0e\x00\x08\xfa\x81&gt;{\xb8\x9b\xdb&amp;\xcf\x97\n\x1cR\xfbG\xc7]\x85N/\x14]4\xfd\x01JA\xec#\xe7\xbb\xb1\xcd\xaeF\xf64\xdd\x9b\xb1\xeax\xc5\xcb0\xef%\x19K\xa7Y\r]\x0c\x06\x90\xe5{#\x94|\xacW\x1d\xe8\xc8\xb1\xb3&lt;y\xc3K\xe8t\xecn&gt;\xfaj\xdd\x92\x12Q\x08\x7f\xe3l\xbf*?[j\x94\x95\x8e\x0b\xc5[[\xe4\x9ca\xea\xa5\x01\xa6\x8b\xb1\xf88ky\xf5z\xd2g\x08\x00\x80\xbd\xc0\xee\xac\xcd\xbb\xd4Y\xe9\xb59v\x82\xcd\x03s\x9b\xb7\xf4(\xc9\xb4h-\xd7\xdf\xf6:\xd9\xb9y[3\xcfW\xb4\xacn\x9e\xbe\xaf\x94\x80\xeb\x17\xc1\x8e\xeef\x1b(\x08\x99D\x12\xd8V\xfdw\x8f\x9d\xb1H9\x00\xac\xa2\xb1U\xe0\nc\xf7\xe9?\xab@z\x9c\xf0\xc7NVt\x8bv8\\So?+\xdb6\xb9\xfd\xa9!P\x08/V\xdb\xec\xd8K\x00\x00\xe3\xb6\x9d=X\xd5\xa46\xd6\xdd\x0c\x86\x91\x18\xa9\x1aL\x83\xb6\x995|r\x16W\xef\x7fr\xc3l\xe4\xb2\xac\xb8?-\x17\x1ep\x86\x03@[w\xd9\x86X\x8e\xf5\xbb\xbc\x89\r\x96\xa1\x0e\x1a\xbbnO\xfa\xec%s\xfd4\\\xe3p\xfb7d\x954\xa2\x8a\xa5\xa8M\xd1,\x0e\x89G\x0b\x1fI\xb9\xbd\xcd\x7f^\xc77\xc5\x1f]\r\xa1\xff\xd2\r\x00pV\x98\xed\xfc\xec8\x12q\xdef\xe8\xfd\xe8?FW\x95}b\xc73\xd7a\xb2m\xffs\x9a\xd9\x01\x97\x8e\xaf\xa3\xfc/\x7f\xcc\xda\xb6\xa9\xb8Rp\x97\x94\xd9\xe7\xe0\xd5Xr\x16\xc1\rn\x17\xaa%\xbfIl\xd3\xe5\xe7W\x95\r\xd8h\xb4\x8cXU\xda\n\xeb\xcf\xe9\t\xe5\xc3q\xca.~\xa5\xa2$\xdd\xd5\x929\xcby\xber\xfd\x11\xfd\xcc\x9e\x9d\xe2\x7f\x0bL\x12\xe2\xb0\xa7\x0c\xb0\xd3\x13N\xfeo\x8c\x8e\xc6\xfdq\xb5G\xb7\x17\xf0\xa7\x1f\xc0\x199%\xb1\xfcO\xe1\x10\x91\xe9\x8f\xe6\x1cs\x84+\x86\xa9h_&gt;i\xe2h\xf3[\x84\xf0\x92\xfe?\x83[\n\x0e\xc1\xf9g\x95h\xd5?\xd36\xd9t\xfa\xc3h\x9c"2\xfd\xb16:\xf6/\xfb\x1e\x0e!v\xc5,\x8d\x88\x0e\xff\x1a\xc2\xf5\x0fi\xf33\xfcA\xaeu=l\xb6B\x8a\xde\xc9&lt;oxW\xea\x8a\xe5\xcf\xe0Z\x17\xa9I\xa5.G\xb7\xc9b\xc3\x14?\xe1\xe4\x8d\xa3\xf1\xcbo&amp;;\xc7Nw\xb9\xae\xa3\'\xff:\xfd\xfd\x1c-\x1a3\x7fN\xab)4\x0b\\\x9fAI\xd8\xa8\xac\x96\x9a\xb8\x06\xa7\x84W\xa4&amp;m\x01\xceB\xa2)\xa8(\r\xe9\x1fsoK\xfe\x17\xcd58\xe43r\x9ds\x1b\x00\xaeQ\x8eW\x18\x87\xc3\xa1\\\xe7\xe6\xb3\x7fC\x82(\xbbX\x85\x98n\\\xfe\xdc\xdc\x92G4\xc6;T!{\x0e\xbaV\x99\x85s\xd3\xe7@\xb8\x8d=\x8aN\x15\x9e\xd4\x1c\x0e\x07\xba^\xf6g$x\x1b\x9e\xbc\xf2\r\xd9&gt;\xf6\'9`&amp;\x87\x99E\xd1\xfc\x1f\x8b\xc2\x86\x92-\x9d\xb5Hd\xab\'\x0f\x07\xef\xa9x\xfa\xe1\xd4\xff\xf8\xff{\x98\xc7\x10\xa68&gt;\x1c\x0e!\\\x9f\xbb\xf9\xf5\xdd(\xc7b\xa7a\xeee\xa4\x05\xfb2,\x8a+\x8aJ\xff@D\xc7\xbf\x10.n\xab\xc99\x8a8}ty\xfa\x08sz\x99\xcf\xe6\xe10m\x86\x87\xf8\xe1\xe9\x95\xa2\xe5\x8a}\x14p\xdf\x10\xc2\xde\x02\x02\x000\x16\xf9#\xf5w\xdf\xde\x14[\xabK\xca\xb3\xa5\xb5\xcf%q\xef\x19\xa3\x8f\xfd\x94\xbc\xd6)m\xb3|\xe5I\xf0\xb6\xf2-\xa0\x82\xbb_\xd2|\xf5\xf3=\x8aC\xe2/\x960\xfc\xb4\xf2\xa5\x97\x98\xceo\xb8\xb5\xad\xa0\x8aIN!mZ\\\xba\xcchb\x8b\xe7\r\xffb\x17\xbf\x82\xd4\xb7+\xb1\x86\xf7\xdai\x9b\xcd\xefju\xda\x06Q4Z\xe6\xd99\x8d\xe8\x1c\xb1\n\x00\xd8\x11\x1b,~\xb7\x8a\xd5\xb29\xa3\xa8y\xd79\xfeo\xfc\xa4\xd5\xec\xb6a6:G7\xd23\x8a\xdfk3\xe0*2{\xec\xa9\xe2\xbbJ\xed\xcb\xc5\xe1\x16{\xf3i\xa2U\xdbF\xe8\xa8{\xe0k\xfa\x15\x95:-\x0et\r\xb6\x985\xfeu\x9b\xd1^h\xfa\xf3\xd6\xbb\xfa\x13\xab\xe3&lt;@\xe1\t\x069\xd3\xf21N78R\x84\xf1;\x86@\xffm\xd8\x1f\x8c\x01\x00\xec\x89\xcd\xb6\xa5!l\xb3\x8fvhY\xca\xa6XT\xcb&amp;\xd4n@\xd7\x19@\x7f{Y\xd1rv\xb2\xba\x90\xa2\xa2\xc4P\xfb\x9e\xdf\xd5\x9ay_1U\x99\xa3%\xaf&lt;|]r\xe3q\xab0\xbe\xe4\xd9\xaf\xbf\xc5\xda9\xe5\x1fg\xaf\x7f]\xc3\x94\x0cyN\xdd\x89\x91\x8a?g\x0f\xc6\xb1\xac\xbe\xce\xf5\xa8.\x07\x00\xc0\x0e\xa8\xed[\xd7,\xcfm\xee\x19;\xf3\x82\x1c\xdb\xb3C\xef\xaal\xdd\x0f\xd52W\xad\x80w\x81l\x1eca\xc5\xec\xfd\x0e\x7fV\xfa(c{\xbe\xff.\n\xd3O\xf7{\xef\x97\xd7\xb0#B:\x96\xc4\xb1$\x06\x15\xeb\xed@\xa5\xcc\xf3\xba\x9dBxE\xcf\xfd\xcb9\xd0\xac\x9d\xa7\xe6\xf4\xc3\xff\xf6\x8ck\x97\xa9l?\xe0\xcfZ\x80\xbd@\xb5\xbf\x9c\xc1"\xc3\xf2\xf73\xec\x10Z\xe7\xaf\x94)\xc4^\x92Or\xe8\xf8\xd7\xce\x84\xca\x10\xa64\xbf\x8f?\xa4\xbb1\xcc\xfcvn{\x83\xdc82\xf0\xca\x11e\x7fq\xca\xe1\x10H\xfb\x8b\xa1|.Y?\x90N\x01\xdb\x17\xba\xc724y\xa4.\x16R]\xd4\xcf\x9eSMn\xdbi\xeb\t\xc7I\x08\xc1&gt;\x05D\xa7\xc0\xfb!\n\x1f\xbd\xfc\x05SG\xce\x93\x82\x88B5I\xee\x8e\x95\xa2%_\xe9\xd7\xe4\xa6\x00\xc0\xc5\xd0{F\xdf\xf4\x94\xbf\xfb\x1b\x85/\xd8\xbd\x85v\xec\xb78\xc76_t\x85\xc6nB\xba\xb6\x8c\xbe\x81}\'\xfb\xb5w\x97\xf7\xe6\xbe\xece\xea\x88y!"\xa2_#R\xee\xf2\x97v\xd1\x13\xe3\xf0osj\xffc\xac\xe6\x01\xf6\x0bc28\xa7\xfe\xd58\xf3\xf4\xedx\x81,3\xb8&lt;\x1a$\xb5\x94l\xfdz\x15+r\xea\x98\x7f\xd3\xd26\x9b\x06\x05\xd7Z\x1e\xe3iv\x02\x89\x93\x0e\x00\xb8t\xce\xb2\xb0\xd7*k.\x84\xad|\xce|R\xef\xe8\xbc\xb3?z\xb8&gt;\xbe\xc1\xea\x15p\xbb\x11\xe7\xd9k\xd9!T\xeb\xfc\x13\xd7\x9f\x0e\x12\xd1\xb7\xba5]\xc3M\x1f+\xcf\xdc\xf2\xad&gt;\xf3\xec\x0b\x84\xf2\x02Zm\xd9\xadL\x08\xef\x81\xc5z\xa4\xe2y\xfd\x02G1"\xc6\xce\x15\xf6\x9f\xeeM)E\xe3\xcb\xfa6\x14\x00\xd7\x12\xe5\xf26\xac\xf6\xec\x8a\xf1&lt;\xcc\x96\xa7\xfb\x87\xd1\x1e~\xd4g\x1c\x8e\x9dAFV\x84\\\x84+\xf6\x01\xfb/\x92V\x96\x86R\x10\xf7\xed\x97\xe7\x9a5\xad\xe2\xaf\x9e\x05\xced\xf3YY\xe1\x0f\t8=y\x9a\x9a\x95\x8c\xc9\xb8\xb38\xddr\x008s\xb2\xd2\xb2{Y\xb53bQ\x9f\x13\xf3\nM&gt;\xe2[\xdb\xaa\xab\x01\xfe!0pN\xa2\x85J\xf9\x0b\xcb\x1f\xef{\xf5j\x96\x19H\xff\x15\xb3\xf2\x87z\xef\xecw\xb6\xdd:\xb9\xacKf\xf77)\xc9\xf0\xa5Odp\x07\x9c\xb3*\xffF\x9b\xf6o\xb8u\xf8\xde\xf2\x15\xadv\xe9\x1a\x8780\x0f\xd9?0}8\xfe\xebN\\\xb7\xe8_}\xdag\xa9\xd4\x95\x01\xe4b\x88N\x93u\x83v\xe1\x05\xce\xccp8\xcc\xb3\xb2\xfc\xc3[k\xf1\x9b\'\x95\xb9\x91\xf3\x97\xc5X\x03\x033(\xee\xb3\xdfZ\xd1\x99\xff\x13_\x15F\xfaa\xfa\x97\xbb\x07\x8b\xdd\x12\xef\x86\xf3\xab\xdaK\x1c\x0f\x00\xd8\x07\xf1\x15]\xf6\xd0( \x84\xdb\xafd\xdbE\xa3\xfap~5"\x0f\xae\x93L\xb7\xbd\xc8\xb9\xec\xfd\xa0\xdbW\xcb\xd7\x97\xfb/b\x89\xf6\xb0$\xa7\x9aN*\xe8\xe5\x1b\xdf\xcc\x8dYj\xba8\x94\xc0X\x7fh\xbb\xf2\x9b\xb4F\xe2dh\xdft\n\xb9\xc65H\x14~Di\xb3\x96\xc7\xf6\xb1*\xb7\xa0:\x0b\xf8\x88\x00\x80\x1d\xf2\t\xe76\xc0\x87\x90Av\x94V\xb4\x8d\xdf\xfa\xb7t\xb7\x0c\xa7\xf3\x1au\x87W\xb0\xfb%\xfd\x83\xad\xfd\xe2\xfc\xdfd+-\xda\xd3\xdc\x11\xfdE\x9f=\x97^+\x9c\xf1\x00\xe3(\x8b7\x81M,\x15\xf3,\x9fgM|X\xf7\x1f\xbc^\xd3Q\xbb\x98\x82a\xbcM\x9</t>
        </is>
      </c>
      <c r="E83" t="inlineStr">
        <is>
          <t>&lt;class 'numpy.ndarray'&gt;</t>
        </is>
      </c>
    </row>
    <row r="84">
      <c r="A84" s="1" t="n">
        <v>82</v>
      </c>
      <c r="B84" t="inlineStr">
        <is>
          <t>steps_per_sec</t>
        </is>
      </c>
      <c r="C84" t="n">
        <v>1000</v>
      </c>
      <c r="D84" t="inlineStr">
        <is>
          <t>3.0433955</t>
        </is>
      </c>
      <c r="E84" t="inlineStr">
        <is>
          <t>&lt;class 'numpy.ndarray'&gt;</t>
        </is>
      </c>
    </row>
    <row r="85">
      <c r="A85" s="1" t="n">
        <v>83</v>
      </c>
      <c r="B85" t="inlineStr">
        <is>
          <t>Loss/RPNLoss/localization_loss</t>
        </is>
      </c>
      <c r="C85" t="n">
        <v>1000</v>
      </c>
      <c r="D85" t="inlineStr">
        <is>
          <t>0.262561</t>
        </is>
      </c>
      <c r="E85" t="inlineStr">
        <is>
          <t>&lt;class 'numpy.ndarray'&gt;</t>
        </is>
      </c>
    </row>
    <row r="86">
      <c r="A86" s="1" t="n">
        <v>84</v>
      </c>
      <c r="B86" t="inlineStr">
        <is>
          <t>Loss/RPNLoss/objectness_loss</t>
        </is>
      </c>
      <c r="C86" t="n">
        <v>1000</v>
      </c>
      <c r="D86" t="inlineStr">
        <is>
          <t>0.051018815</t>
        </is>
      </c>
      <c r="E86" t="inlineStr">
        <is>
          <t>&lt;class 'numpy.ndarray'&gt;</t>
        </is>
      </c>
    </row>
    <row r="87">
      <c r="A87" s="1" t="n">
        <v>85</v>
      </c>
      <c r="B87" t="inlineStr">
        <is>
          <t>Loss/BoxClassifierLoss/localization_loss</t>
        </is>
      </c>
      <c r="C87" t="n">
        <v>1000</v>
      </c>
      <c r="D87" t="inlineStr">
        <is>
          <t>0.28046435</t>
        </is>
      </c>
      <c r="E87" t="inlineStr">
        <is>
          <t>&lt;class 'numpy.ndarray'&gt;</t>
        </is>
      </c>
    </row>
    <row r="88">
      <c r="A88" s="1" t="n">
        <v>86</v>
      </c>
      <c r="B88" t="inlineStr">
        <is>
          <t>Loss/BoxClassifierLoss/classification_loss</t>
        </is>
      </c>
      <c r="C88" t="n">
        <v>1000</v>
      </c>
      <c r="D88" t="inlineStr">
        <is>
          <t>0.10444018</t>
        </is>
      </c>
      <c r="E88" t="inlineStr">
        <is>
          <t>&lt;class 'numpy.ndarray'&gt;</t>
        </is>
      </c>
    </row>
    <row r="89">
      <c r="A89" s="1" t="n">
        <v>87</v>
      </c>
      <c r="B89" t="inlineStr">
        <is>
          <t>Loss/regularization_loss</t>
        </is>
      </c>
      <c r="C89" t="n">
        <v>1000</v>
      </c>
      <c r="D89" t="inlineStr">
        <is>
          <t>0.0</t>
        </is>
      </c>
      <c r="E89" t="inlineStr">
        <is>
          <t>&lt;class 'numpy.ndarray'&gt;</t>
        </is>
      </c>
    </row>
    <row r="90">
      <c r="A90" s="1" t="n">
        <v>88</v>
      </c>
      <c r="B90" t="inlineStr">
        <is>
          <t>Loss/total_loss</t>
        </is>
      </c>
      <c r="C90" t="n">
        <v>1000</v>
      </c>
      <c r="D90" t="inlineStr">
        <is>
          <t>0.6984843</t>
        </is>
      </c>
      <c r="E90" t="inlineStr">
        <is>
          <t>&lt;class 'numpy.ndarray'&gt;</t>
        </is>
      </c>
    </row>
    <row r="91">
      <c r="A91" s="1" t="n">
        <v>89</v>
      </c>
      <c r="B91" t="inlineStr">
        <is>
          <t>learning_rate</t>
        </is>
      </c>
      <c r="C91" t="n">
        <v>1000</v>
      </c>
      <c r="D91" t="inlineStr">
        <is>
          <t>0.0266665</t>
        </is>
      </c>
      <c r="E91" t="inlineStr">
        <is>
          <t>&lt;class 'numpy.ndarray'&gt;</t>
        </is>
      </c>
    </row>
    <row r="92">
      <c r="A92" s="1" t="n">
        <v>90</v>
      </c>
      <c r="B92" t="inlineStr">
        <is>
          <t>train_input_images</t>
        </is>
      </c>
      <c r="C92" t="n">
        <v>1000</v>
      </c>
      <c r="D92" t="inlineStr">
        <is>
          <t>[b'1024' b'1024'
 b'\x89PNG\r\n\x1a\n\x00\x00\x00\rIHDR\x00\x00\x04\x00\x00\x00\x04\x00\x08\x02\x00\x00\x00\xf0\x7f\xbc\xd4\x00\x00 \x00IDATx\x9c\xec\xbdy\xfc~\xddT\xff\xbf\xceM\xa6\xc8mHT\xc6\x0c\x19#\x99\xa7o\xc8,\xc9\x90\xa9A\xa6\xcc\x94~\x11\x8a/\x193Fd.R\x86\x84|M\x19\x92\x10\xa2\xccC\xe61\x842\xe5\xd6\xcd\xfa\xfdq\xaes\xce\x1e\xcf\xd9\xf3p\xae\xd7\xf3\xf1q\xbb\xde\xd7u\xce\xdek\xaf\xbd\xf6\xdak\xed\xbd\xcfu\x11\x01\x00*\xc3\xea\xdf\x13.\x17W\x85[\x92\xe7\xde\x01\xc2\xb0LK\xcd\x99\t\x93\x8d\x89N\x98^\x80\x06a\xa2W\xf8\\\xcc\xa2\xb5\xa2[ex\xf5\xcf]r\x0cm\\\xb0\xcc\x86\xed\xa0\x8dPU`\xdb\x84n+\r\x00p\x94\xac&amp;\x00\xd5Qd;\xfb\xe6\xf5m\xbb3%\x05hST}:q\xb8E}\x01\xbaf\xecG_+=\xcel\x01\xc6\xbf?\x98\xe8\xdfj\xcb`\x83\xe9YLt\xc5\xe9/\xe3 \xdd4E\xb6\xbc\x06\x00\x1c\x11\x8d\xaf\xf3\x1dd;\xad\xdfzF\x83\r\x19y\x9e\x92\x02\xb4*j\x9bR\x81R,\xcb\x8a~\x1bA\xcc\xfc\x8fi\xd2Z\xf6\x19\xc8^\x17\x03_ZW\xecY&amp;_\x9a\xce\xa3~3E!\x01\x84\x08/$\x00\xf3\x98\xdd\xd0\xc3\xbco\xd0\xc9\xe6?\x00 \x0bK0\xfaw\x89\x17\xa4\xd3\xf8\xe2\xb6\x03\xe5\x00\xe4\x04 P\xe7\xb9\xb5\xb1\x1bm\x83 \x02\x13\xd4\xb5\x9c\x81\x99\xff\xc4\xcf\xda}\x12\x00f\xa2\xd3\xfb\x14\x0e\x1c\xe9\xc0\xf7\x8a\xe1\xacb\x81\xab&gt;v\xbaR2u\xa7\x00:\x0f\x01)\xb7Z\xc2\xcfO\x89\xd0\xda\xc6\x9d:\x01!\x01\x00\xe0X\xc9t"%y\x81\xfb\xc2E\xe7\xd0^&lt;\xd0a\x0c\x01\xdac\xa2\xef\x98\xde\xbfxf\x87\xf0\xe9l%\x83\x1e`\xa6_`}.\xd3\xf2X\xa69U0&amp;\x00n+\xe8\r\xc3\xe40\xf92\x1bt%\xf3\xc8\x83\x120\x89\x03\xb0kdo\xb8\xf0C\xfe%H\xef\xeck\xe5&gt;\x13k\xeb4\x05\xc5\xd8\x1d!\'Xj\xd1\xa0\x90\xd7L^b\xc4~\x17\xc8\xc7!\xc8\xdb\x85\xbb6\x06\xb5\xcb\xa9\x18i\xd9\xfbp\xc1[\xc5\x1b\xe7\x89,\xf5\x8a\x18\xd3Y]u\x1b\xdd\x0b\x97\x9a\xa6\xf2\xb39T\xb5\xdaLW\xab\xe8\xddl\x008\x1a\x9c\x9d\xda8\xf2\x1f\xecq\xb1X\xf2Nf\x94\x15^\x93?\x9a\xd9\xab\xeaJ\x90y\xbd9%\x1d\x89Z\x8f[f.\x9f\xb5\x17G\x01k\xd4\x96(\x12{C\xd4\xd0\xdfr\x1b3}/\xf9\xe4\xe5\xb8\x94\xfe\xe4\xe9\xb2\x1fKQ\xa3\xc3Ef]}z\xfeP\xd8\x0f\xb1\xf1\xc7S\xa8\xf0\x82`Y\x01\x00\x85ps\xf1L\xa7\x0b\xf0\x80\xc6\x1d\x00\xdb\x05\xfd\xf3\x88}5g\x87\xf4\xd1A\x9f\xd8y\xaa\x9c\x00u}!u\xe1\x93\xa7bz\xe7\xb1\xf5\xc2r$\xa6\xff\xe8\x7f\x84\xe9\xbc\xd6\xa7PV\xadH8\xfc\xf3\xa4\xd4\xd1\xff\xe1EV\x82\xca7O\xd3\xd3f\xc8o3\x11\xd1\xf3\xe53T\x86\x8a\xf6a9\x00\xec\x1d\x07/\xff\xd7\xc2\x8a\xc5\x05\x02j\xa0?c\xa2\xeb\x99&lt;E\x0b\x81\xce\xec\x8b\xe3\xc5(\xd9\x90Lz\xc3\xa9\x0cw\xf2)J\xec\xdc\x7f\xcdUG\xcf\x11^V\xe1\xa3\x0bw\xb9\xfd\r\x17\x8f\xab"\xe2\xdeU\xbe3\xda\xde_\xe7*\xffH9\xf5\xf4B\xdb\x1bw\xa5\x9d\xa1\xaa4a}&amp;zy\t\x89\x00\x00a\x08\xbb~\x9b.&amp;\xcc\x07\xadM\x87\xf2\\[\xde\xc7\x89{\x9a/-^{8\xd9\xceS\xb5\x90\x92\xed\x83\xcf$*\xa7\xd90\xd7\xbb\xc2\xa4\x85e\xb4\xd2\xe8\xed\x05\xb3b\'\x85\xff\x9c\xf0Ws\x03-\xeb\xd6\xca\xfe\xf0\xefA?\x07\xbbu\xea\xa6\x8a\xafV*]\x97\x01\xb6\x04@\xc3H\x87\x1ds\x0c\xd7\xed\x92/4_\xea&amp;@2!\x85V\xffT\xaa2\xb3\xa0M3\x9e\xfd\xb5ypS\xe0\xf6p\xd91\xfcg\xea\x02\xf3\xcd\xf1\xf9C\xbd\xdf\xcd\xfd\xe0u\x96\x92S\xc4\xe5\xd6\x04`&gt;\\\x14\x9a\x00\x1487\x02\x0f\xe0H\xd8r\xfe\x9b=J\xdf\xf0\xf3\xb5:kY\xb3k3\x8f\x05\x008\x91;\x01HT2\x8b\xa5%\xf38\xf9\xd2\x1e\xb9\x9a\x0c%\xb8+a\x9e\xa5\xe0\xa6\x0b\x90~O&amp;\xc5\xd8\xb1\x95\xf0\xd4\xb8\x92\xd79%\xdd)w|\xd0Z\xf0\xb1q\xa6|q\x86\xe1~\xac\xa9\xf6\x1e;\x99\xa7\x0f&amp;f\xfa\xbb\xd5*n^w\xc7\x06\t\x00\x00=#\'\x00\xb9\xca\x8f\xdcR\x9f\xe2\xd7Wf\x10\xd5\xf1\xecS\xbf&gt;.\xe7\xf6\x0ep\xe2\xeeDg\r\xbd7_\x02\xf0\xe3EL"\xaf\xe1\xb5\x15|l\xbb&amp;\x9e\xfd!"\'\xb0\xcdh$\xbfe\xdd\x01\x90\x17\xefx|\x8f\x88\xe9\x12\xc5L\x0bg\xc6\x00\xe8\x96\xe6\x13\x80I\xb6\x07Dn\x9d\xc7\xd0u\xf4\xac\xcd\x10\x99\xab\xcb_E/\x88\x86\x1a\x97\x00ga\x97\x01h\xdd\xa1\xea\xa8R!P\x03\xc7\xc9\x1b\xb6Me{j\x96.\x10\xcd\xa9\xb0i\xc1\x92\x01\xe8\x13\x9f\x04 &lt;\x88\x8f\xb9\xd7\xbe\x80\x8d\xe3\xb0\x0e\xcc\x9d\x9b=\xda{J\xe6\xf2;\xa4\xe9\x08{s\xc8\xf7\xf8c\xba\xf1v^\xf7\xf6\x80\xea\xda\xb31\xe46\x06d\'|\x98\xd4~b\xedj^\x99\xfb\xd4\xab\x88n\x9d^d\x00\xc0\xbe\xc9\xbd\x03\x10\xcdJ\xf0\xcaDo\xc9\\\xf3\x0ef\xb2\xb9\x15\xafHU`\x93\xeb\xd9m\xd2Vc\xb5\xa1TU\xbc\x94\x83kZ\x01e\xa6\x9b\xa5l\xd4V\x04V\x9b\x93F\xf1\xee^[\x0e\x85\x865V\x12\xd1r\xfc\xe6\xd9s:^\xec\x90$\xf8\x82\xbe\x03\xe0hp[i\xa8\xc5\xeb\xe8Ac\xc8\xf2\xd8\xe5\xbd\x92_T\xc7L7nM\'\xd5\x89O\x00\xfe*\xf4\xc6\xeehJ\xe62\x1bA\x8e\xcc\x0e\xe7\x93\x91\xa5\x8c\xff?\xfeK\xef\xc4\xd48\xac\x11\xed\x89\x14;\xdd\x07&lt;\xb9\x84\xd4/\xce\x93,\x131=\xbc\xd6\xaa\x1cl\t\x80\xe3\xa2\xd8)\x11O\x0c\xab \x85\xdd\xe2\x9dz\xf6\x86\xb9\xce\x8e\xe7)v\xab\xd6\x16\x13\xd4u\x1a\x8c\xcc\xda\x11fv8Q\xc9\xa4\xe6\n\xd2+&lt;\xa9\xc3\xc96$\xd5\x8d\x9dv:z\x93\x8eD\xf5E\xef\x08\xf7\xc6\xb6\xb3-\xdf\x979\x01\x00\xfc\xe0F\x8f\xbb\xe8[\x13?7\xbfs\xe5\xaa\x92\xb5O;\xf3\xc7\xb12\x06\xb8\x7f\x8e.0\x92\xc2\xe1\x18,&lt;\xd3*F\x824#\xefx\x94~1\xaa\xbd\xa5\x1c3\xa7jq\xd5)=b\x03\xbf\x19zc\x15X&lt;"\xf0\xde\xfd\xf7\x14\x00G\xc8\x1cg_T?\x1f\\7+\xd0\xcfM\x96?\xad\xf4\xacR\x15%\xc5\xb0y\x026I\xb8f\xdf\xec\xb1:/2\xc6gq\xc6y\x88w\r\x85\xe4\xb7\xf9\xd0\x9e-\x90\x00L\\\xa5\xc1\xdd\'\x03\xfd\x0f\x10_^S\xb0\xae\x14\xbae\x03]\x98\x16\x00\xc0\x01q`\x1b\xe6\xa7\xf5\xd1\x9e\xdf\x0b\x18\x04c\xbatI\xef\xd3\xa9\xa7czt\xa7\x92W$\xe9/\xa6\x9d\xdc\xc24\x19)\x00_\xff\xe8B4\x07ZL\xed\x8c\xf2$\x970S\xf0\xd7\x94&amp;\xdd\t\x10\x9b\x89.\x92^\x10[]\xf1\t\xa7)\x01X\xd2\x80\x07\x1e\xc3\x06\x0e\x00\xfbE\x1b\xd5\xe6\xab\x0c\xcen\x99\x05\xcf\x92xVxGK&gt;\xe5v\xad\xcd\xf4 \x17\xc7q \xc1\x17\xd8? "u\xaa\xa8-M\x0bl*\xe1\xdb\xe255\xf4\xf6\x82\xd8\x02\xfe\xd8\x9e\x01\xc0\x18\x00\xe8\x1d\xe7\x91\xcc\xc6{\x84\xf7\x7f5\xa1PI\x0e\xdd\x02\xe0\xc3\xeb5\x93\x06Y\xe9Q\xcf=\xca\x9c\x06\xc4|*\xb7\xe6\xad\xaf\xa4{\x85)\x01\xe8Jusw\xdf\x825\x130\x86\x01\x00\x80~\x08p\xebe\xa7\x81\xcb\x1f\xe3\xac\x93\xa6\xa5\xf0\xcb^\x1c\x99\x8de\xc4\xd1\xf0\xfaS\xb5\x16\xf40\xdd1\xb4\xb1\xcb\x17\x98\xe6&amp;\xd93-\xa6\x87\xb2J\xca\xd0 \x9b{\x86\xea\xc2Yo\xaa\x98\xba[\xe8\xfd\xf1\xff\x1fP\xce\x80\x01\x00yh;\x018\xb6\x95\x06\xd6^\xc4\x14V8\x9ce:S\xcf\xbdslIfF\x96q*D\x0f\xf3Gdz-\xddEDD\xe7\xc8\'_0\xaa?r\xfd&amp;S\xdd\xae\x82-\xcd?\xf2\x0e7i^\xed/\xdf\xa2\\\xae\x9ak\xdc\xe30\xec\xd4\xbd\x1c\xc4\xbe\xfe\xf8Gea\x00\x00)\xf1O\x00\x84\xb5R\xeb/\x99\x0b|7\x91h}z\xcfr\x98\xceM\x15N\x00\xda\xf9\x95Y\x7f\x16\x1b\xbb^g\x92[\xa8\xdb\x17R\x020\x8d\xdc\xf7\xca)n\xd2t\xb7\x10\xa1\x1eI[.\xf5\xb8\xf7q\x07]\xfdt\xa0\x0f\xecG\xbd\x979\xb4\x94\x99\x89~\xad\xb64\x8e\xfcKm\x01\x00\x00 \x18i5\xcb\xf5\x9e\x9c\xf3\xcaa{\x1d\t@o\xd4}\xe2-\n\x0e\x19\x05!\xf5\xe4,&lt;9\xf3\n\xf7\x19\xc3n\xd7F\xae1\x01\xd0*m\x1aNb*\xff\xcf\xe9\xdeY{&lt;\xff\x15\\c\xf30\xfd\xac\xe4\xf9k\xcb\xb3\t\xef\xbdG\x14lc\x16\xdf\x9d\x00@\xaf\xccKS&gt;\xd1?\xcf\xcf?\xad\xdf\x18\xba\xcdm\x08\xfe\xe1ez\xa2\x93)|A\x08U3\x8am\xaf\x82o\xd6\xe8\x17lG\xc9\xe3\x93\xba\x8b\xcd7^\x7f\xe9\x18I\x12s\xe8\xac\xf7\xd8&gt;NQ\x83n\x90FM\xb6f0\xc1\xa8\xeb&gt;m\xc8\xb3\xce\x05\xfa\xdc\xc8\n\xa1\x99~\x01\x00$" \xbc6\x84\xe6\xf6k\x83\xdc\xe2\x1d\xac9\x00\xe8\x85\xfc\xc1tr\xf2\'\x00\xab\x96\\!\xcb=\xa1@\x07=\xcc\xb1Q\xcctRO\xd6b\xe7L\x96.\xdeh\x9d\x1c\xf1{%N\xfb\xe2\xda\x8dx{_WP]\xe0\xbc`\x16\x06`o\x04E\xd8\xe2D\xf5C\x86\xa3\xe7\xd2\xebp\x7f\x81\x04\x00\xec\x0b\xc1\x92Wr\x00\xfa\xd9\x92\xf2\x14\xa8\xa5jlT\xbe\xea\xeb\x89q\xbc\xdf\xadR\n\xeavo\x87\x99\xf6\x16q\xcd\xc9e\xd2\x0f\xe9A\xc9\x19G4fa\x00\xf6\x86\x16a\xc7\x0co\xf1\\Pz\xe9z\xf0\xbf\xa0\x18}\x1b\x83m\x91\xb8\xa8\x9d\'\x9f\xceM\xc2\xd7\x18\xbcb\x8aU\xc5NB\x13\x80\xb0\x9aL\x1a^\xcb3+\xc2Lo\xcc+R\x8b\xad\xde\x05H\x00\x00\xd8\x1b\t\x97\xd8sD\xea\xb2l73^b\xaf\xae\xc1\x9c\xa15y:\xa5\xc1\x9e\xf5\xc68RJ\xcd\xafL\x19Bs[\x8b\n&amp;\x00-\x1c"/\xd8X\xcb\xfaHB\xaf\x9e\x96"\xf2\xec\xc19h\x9c\xbav?\x8eZ\xbd\x02\x11\x13\x9d\'I\x89\xa7LR\n\x00 \x98a\x18j\x8b\xe0\xce\xb7\xb4wf\xaf\xc8\xc3@D\x83\xf6&gt;\xb5\xd4\xbe\x1b\x13=\xf4\xf0r\x94\xaf%\xe1\xba\x81\x99\xc7\x9e\xee\\y\xc6\xa1Wr&lt;\x0e\xa9\x03%\xa3\xec\xc30\xd6\xe3\xd5.\xdf\xeb\x0fw\xc5\xc6H\xcc\xf1\x865\x8dl[\x13X\x18\xfa\xb1}-7\xf7y\xc6k\x9a\xf21\xce\xb2\x84\x19\x80\x7f=\x9d\xc0\x1c\xfem\xda\x89\x04\x18\r\xe9mD\x17!\xfa\xe4\xfe4\x0c\x00\x88"\xc7\x82\xd3\xc6:\x96\xba\xd0\xc5\xfa\xbb\xfeAN\xa6\x85\x16\xc3\x12\xdd\x1eW\xaa6Ha$\xcc\xcc\xa7ii]s\xe2\xb6\xfdt\xe8\x947\xa7T\xe3\xdc\xb3\xef\x8d-\x82\xf9&lt;\xf3\x01\x9e\xeb8I\xc8&amp;\x88n\xc9\x1e\x07B\xf8\xc3\xcct\x86x\x85\xd8\xcd;\xf9\xc2\xbc\xb5\xb4\xe9\xcd\x16\x87\xc9&amp;/\xe9S\xecU\xe2\xbc}\x03;9ly\r\x00\xd8\x15O\x89\x18\xe1\x89]\xc3\xfd\xd6\'K\x16\xe79\xe1\x9a\xc7\xeb\xf3\xe2\xbb]\xab\xbcZ\xa6\xb8\\\x9a\x8c\x9bO\x00\x98\xe8O\xb2\x94k\xe8\xd0\x00%\xb4\xa9:ffzT\x83\x82\xe9\xa4\x172"\xe56\x14r(\xc7\xb9\xb4\xe5.f\xf1\x08\xbeg\xe4T\xee\xc8\xfe\xa6T\x96k\xb4wJ\xc7\x85]\x98wk\xc4fb\xfe\t@\xd6n\xba\x1b\xcc\x00\x80\x1d\xf3\x02\xa2G\x14\xaa\xea\xe0\xda\xbe\xbar\xc5\xca)\x7f\xbbglp\x01L\x8az\x99\x99\xae8\xbf\xf3\xe1\n\xe2X\xc9\x99\x9cL\xd1\xcf\t\xcb3\x9a\xb1\xe76Z\x9a\x8d\x9a\x12&amp;!\x8e\xcf\xf7\'[\xd5N\x94\x16\xa6[kO\xcbk\xb7E2\xe6\t\xb5}Z\xab\xfaT\xb9]m\x01\x14\xa2\xddB\x0e\x87\xdc\xf4\n\x14\x00\xa0\x16\xcbZZ\xa1\xba"&amp;\x95\xb5\xf4 \xb4\xcc\x02&lt;\x87\xe8\xb1\x05\xaa\tZ\x94\xcd9\xc7;\xaf\x80\x828^\x97\xd4\xfe\xfb\xed\xb5\x0f\xf9\x1a\xbf\xf3\x9b\xb9\x11wT\x0eC\xb8v/03\xd3\xd3\xc7\xdaOnlyE\xa4\x90`\x05\xfb"\xd7\x96\x9dh]\xc6K\x1a\xeee\x00@z\xc4\xc9&gt;\xf7\xe0_\xf1&gt;\x1e&lt;\xf1H\x173\xbc\xd6\x11\xef\x97Y\x12W\x83\xe1\x92\xe9\xe5Qp8-#\xeb?\xf9\x88\x18#\xbf}\xf7\x9a\xd1,#\x97\'"a\x92\xbcq\xad.H\xab\x96\x8a\xa4\x91\x99\xa7\x93f}*ad\xb6%\xb3Q\x05e\x9b\xbbw\x11\x00\xec\x9c\x82\xab}N\xe7\n\xb6\x0b)\x95\xae\xac\xf0\xa2\xad\x088\xb1l\x8e}T$\xdaf\x91\x9c\x15\x99k/^\xa3\x1b)\xd4\xee`\xd8\xac0\xbf\x8f\x14\xcb\x0b\xbb\x01\x87\xf9\x16&amp;bz~\x8a\x13n\x81#\x8b\xf3\x1f,|E\xe6\xf2\xdbe\x17\t\x80\x88\xc1P\r#\xc2i\x9e\xdd\x87B\x008RJ\x06s\t\x02\xf7\xaa\xd1\xa7A\x8c\x95\x0f\x957S\xd4\xe6\x12\xe7\xe5\xdf\xc6\xa9\xd6\x05\xf5\xfb\xddJ\n\xc16\xb5\xaa\x86\xff\xd3\x95qj\xb9s\xe8\x8d\x9bx\xec\x14\x15fM\xd5\xfe\xc1\xb7&lt;&lt;\xa7u\xd6\xe5O\xf7\x02\x83\x02M\xc9\x1e\x9aS\xf5nh\xd7\xf9\x8406\xe4_\x85w\xee)\xd8\x0f\x9fd0\xe9\x95r\x00\x00]R6\x98s\x0ca\xddb\xa0\xb4\xa2\x99%\xb1\x7f\xb42\xdd\xa6\x9e\x8c\r1_U\x82\xd7)#\xabmG\x039p\x8a\xe1\x8c\t@\xc4^|\xbe\x90\x91\x99\x99\xae\xc9\xcc\xfc\x94\xf6\xbale4\xb1\x93\x8f2\x14%G\xe1\xd31-o\x8b\xf5\xed\x11&amp;\xb5\xf6\x1c \xb5\x10\xb9Rm\x01R\xa1\xf5\xe9hB\')\x89+\x12\x00\x00\xf6\xca\x92\xe8\x17\xaal\xb5\xae\xcd0\xa8X(\x1c\xa3\x93\xa4\xe2}"r\x82\xcf2yk\xc2\x14\x08\x11\xf6\x97\x00H\xb3\xecf\xf4\x7f\xe0\xbf{9\x90\xc0D\xd4\xea\xd7\x8f\xac(\xd0O`5\xfaW\xdb[\xc0\xb5\xa6\xd9V\xc5)2\x7f\xf6\xa61\xd9\x8c\x01\x00\xfb\xa7\xf0hw\xd8U\\\xbd@]i\xcb\xc3V\x1eR\x0e\xb9\xbd!\x05$\x16\xa8f-\xb7\xccPf\xe5\xb3d\xc4L\xf4\xed\xc9\x98\xfd\x8e\x8bd\x94l\xcfD\x0e(cab\x99\x8fIP\xac\x8f\x04\xc9N\x18\xf6A#r\xe6\x9d\x80\xaa\x10\xb7\xd2\x04\x00\xe8\x8c\xac^\xec\xbd\x96\x92\x99\xde\x13\xfe@\xb0e\xc9-\xf1Q\xe6\xb1\xf0\xd3\xd7\xcf\x01\xe0\x91\xd9a\xe3h\x93\x87$\x13\'=\xcb)\x8e?\xafoou\xc9\xdbv\x93\xebp\x11\xc9Q*\xfdJ\xbd\x96\x06\xfbW\xc9^\xda\xa6!O\xc8\xcc\xfc\xaffa~\xa7\x03MZ8\xfa\xe9\x06\x80#"\xab\xd3\xb7\xb9\x12\xfd{\x0c\x03K\xe6y\x1f \xb1\xc3zi;~\xb0\x95\xe9\xb9\x92*\x12-J\x9d"\x99@y\xc0\xda\x1b\x8d\xfb!y\x8b\xf7\x8d\xfe)f\xd0i\x1dZ{\x08\x9b9\xda\x04 \xb6\x9cn\x94\xe6C\xe4\xbc&lt;\xfdw~\x08^|\x1f\x00\xd0\x1c\x05\x12\x00S\x0e\xd04\x07\xc9\xdf\xd6B4\x86\xd00v\x96-\xa47)#\r\xba\xf7X{yjr\xe6\xb6\x17U\xaf\xd4\xa1M\xf7\xa9\x8f\xe15\xdd\x90\xc2t\xd1\xb9\xde\xc4\x0c\x90\xc5\xfb\x1d\xad+\x03\x00,t\xea"\xdb\x8a\xc6\xbe\xdc\x920\x1dR\xe8)\x08\xcf\xa5e\xc3\xbdG\xd9\xcbB\x93\x99\x89\xbe\xd4\xa1\xbb0\xf0yV\xfa\xb4\xe5F\xb9K\xd8r+\xf2\xb1\xd2\xea\xc6{\xb6,\xb3\x15e~B\x0f\x00\x90\x03\x8cX"jr\xd1\xbd\x830\xa2Y\xca&amp;\x00\x01\xd5\xf5\x14,&amp;g\x19e\x87\xf4\xa9-\r\xfc~\xe8\x8d)\x93\xbaf\xac\xa2\x111\n\xd2\xf7\x90\xfc\xcct&gt;\xb6\x90\x0f&lt;\xfc\x1f3\xd1\xdf\x16\xa9\x11\x00\x90\x8c\xd9S\xb8\xfb\x8bN=\xe3*\r&amp;\x00\xbd\xee\xa5\xe4\xa2\xb1\xde\x99\t\xec\xa3#\xde\x01X\xd8\x99\x06\x12ft\xf9\xd5\xb2\x13\x9d\xa7\xe7m];\xde:+\xf1\x9a\xadv\xaa=\x00\x8e\x88\xf7\xa8\x07\xf8\xb6\xa7\x9csfx\x00\xb7\x01\x1a\x8d\xc6\x98\xee\xd0\x94&lt;\xe5Y\x9a_\xbb\x83\x98\xe8=\xd3\xeb\xef\x8a\xefG\x88t\xec\'\rj\xf7i\x06\x9a\x89\x1d{\x8eb\xb3\xb2\xa9\x93\xdd\xd9d\x05\xa0=\x00\xea\xb3&gt;\x0e\xe7\x19\xe2\x94A3\xf1\xae\x06y\xab\x871^)\xed\xd2\xbc\xaa\xb0x\xd5\x15\xb2l1\x1f:\xe8\x05U\xe4QF\xc7\xd2#y\xcc\xe6\x1a\xa64{\x87q\xc9\xd8\xa2\xafu\xd6\xa8\xf2\xd2\xda\x96u\x83\xed\x81\xe9\xfe}\xe9&lt;!L\xf4\x06\x87k\x8ew*\x8c\x00z\x00\xa0\x196\xa2\x13\xf9{\xbb\xbcC\x19\xd7\xc3\xbb\xbd8\x85Y\x03/\xa8-\x89\xcc\xd2/\xc1\xb1f\xcc\x12u\x0b\t\xc0?U?0#T-\x8e\x94\x1c"M\xd1\x9e\xd6\xd7\xfbI\x00~F\xc8iKg\xdd\t\xbbL\x94&lt;a\x13\xae*V1\xef\xcd\x9a\xc6\xfe\x0esB"\xd2\x14\x9b\xa3\x81\xbb\x99\xb6\x14\xc4C\xf9\x9d6\x01\x00\x90\x82\xad\x98I\xf6\x11\xcb\xc5\x8e\x8eC\xf9\xea_\xa9\x14m\x89\xd4Op\xcf\xeb}\xb1N\xa5MN\xa8\xf1\xd3\xa1\xd4#\r\x84\xf5\xbe\x9cJ\xee\x9d*\xc2?i\xfc?E\x92\xff\xce%\x8f-\r8\xbcYU\x15\xf10\xd1#\x84\xd7\x05+\xce2\xc6\xc7\x8e\xf8~\xd22\x89\x14\xaf\xd4\xae\x83rd\xd3\\\xc7\x0b\xee)/-=\xa7\x80d;"\xdf\xc2\x04\x00\xa0+|&amp;\x0c%\xaa\xf0\xc9\x01\x8cU\xb2\x12\xa9xH\x9d3&amp;\x98\x82*Y$u~\xdd\xa1\xeb\xec:\x01\x90:\xe8T5\x7fnF0i\x0e3\xef\x0424\x90\x0e\x89\xbc*\xee\xf6vv\x00~\xca\xa8O\xd3\xf5\x85\x04\xdeQ\x02`\xde\xd4\x12/\x10|\xaf\xf2\xaf"\x1d\xa8Z\xf6\x03J\x02\xd0\x81\xfc\x00\x80,\xf8x\x81),fw\xcfk\xbcL\x98\xa5\xde\x186c\xbd&gt;\x9b\xdbZ\x99W\n\xcf\xaf\x15C\xd80\xaeLt\xf9\xaa\x02\xe8Qo\xadTM&lt;\x8fQ+ \xfb\x8b]l\x024\x88A\xaa:\t\x805\xf4g\xa2\xb3\xa5\xaa\xa3P\x84=\x0b\xbfa\xae\xc2e\xcc\xcc\xfc\x16\x8f\xc9(\x13mZ\xa9\x84\xe8\x12\x89\xf9\xb4\xc2\xd2[\x17\xf2\x03\x00\xb2\xe0\x11\xfd?K\xf1\xb3\xe7\xd8\xdc\xaeef\xba\xa7\xf9\x9a\xd9\x8f\x17\x0c\xa9]h\xc4!\x8a\xaanD\xa4M\x98\xe8Vu\x05P#\xa1\x9a\xa6\xb5\xf4Z3\xb3l\xb0\x0cU\x84\xbf\xaeP\xef\xdd#\xca\xb9\xe7T\xcecc%j\x0cs\xf4\xdf\x8a#\xf5A\xcb\xdb]\xaf\x96n\xe9\xb0\xe1\xe5\xd0g[(\r\x00p\tG\x170:\x8bw\x88\xefl\x85V[\x0b\x0c\xaa\x1f\xcf\xca\x1d2\x97\x9f\x16\x9bw\xeey\x9a/\x01\x8bV\x15\xba\x04\xdeN:\x9a\x96\xa0\xf9\xbe\x15{\x8b\xc8^\xa6\'\xb3\x85\x8c:!\xd54c\x88\xfe\xdd7r\x1bB\xf4iN\xf2\x8f\\un\xf5W\x9ahN\x90\xab9\xdc\x9a^\x1as-\x88\xfb\x01\x00\x02\xa1&gt;\x8b\xb6\xe3{\x97\xfb\x0b%\x00L\xf4\xc6\x9c\xe5\xa7e\xd4\xea}\x8c\x1fyN\xf6\x8d\x93\xaf\tS\xc9g\xf5\xd3\x95\x98&lt;\xe4\x12\xad\x16!\x8d\x12\x8d\xed\xdeY\xa4Z\xad]x\xfd\x8a\xc0"&amp;\xf9\xe5\x85\xcf}\xa0\'\x00\xdb\xb7\xecA\x03KW&gt;\xb6\x9d\xb6\x14\x99\xc8\x00\x00 \x1dq&gt;+\xce\xd9\x15J\x00\xc6\xa9\xe2D\x9b\x0c\xd9\xea\rfm\x86\x96\x13\x80\xde\xe7\xf2\xe6\x84\xf7\\\x8c\xec\x86\xc0\xbcq\xfb\xae&lt;\x99\xd2\xb9\xb5.\x08\xf9\x960\xa6\xb9C/:7\xe4\xd3DD\xf4\xdad\xa2\xd6\xc5;\xab\xe9\xc2\xaa\xbb\x10\xd2\x00r\x00\x00@OTuX%\x12\x80\xed\x08\xa696gt\xfd{0V.\x03+\xe8O\xb4\xcf/\xdeRS\xae\xd4\x84\r4!\x1dZ\xbb*R6K\xb5\x92a\xfb\xfa\x87\xb9\xa5s\x13\xb4\xb4y\x17C\xa3\xc2\xd3\x9c\x05*\xea\xb8w\x90\x00\x00\x00\xba\xc1\xc9a\xe5\x9a]J,\xff\x87,|V\x86\x85\xc04\xaa\x1cLE\x1b\xcc\xe6w\xab\xf4Qli\x93\xbb\xf0F\xd2\x18\x9e\x00\x94\x1f;\xe9\x12\x80\xe9^9\x01P\xbf\x12\xb1WX\xa6\xb68;\xa1\xb8&amp;\xb9S_-X]\xdf\xe3\x08\x80#\xc5e\xe6\xc87\xbb\x84N]?\xe3[AWk\xe1\t\x17)\xdbi\xf5)\xc7\xffk,R\xc9\x97\x1f\x9e#u\x81k8\x8c\xa3\xb00\x91\xe9]\xab\xd7K\xcb\xea\xbe\xac\xeeq\xc99p\\\x1fI[\x01\x96\r\x9f\x1aD\x0f\x04$\x00\xc9\xa9\x90\xf4.\xdd\xd7Y\x0f\xcabw&amp;&lt;\x00\x80\xdc\x82\xe3s\xe6\xac\xdf\xe6\xf8N\x9a=\x8bv\x8d\xab\xaf\xecsv|Hm\x01\x92\xb3\x84\\\xc9\xfa\xe2\x0c\x1duh\x14N\x91\xc1\xa6\x91\x7f\x9f\x99\xf9\xdd\xa9GADv\xbdi\x06\xe2\xa8\x7fL\xb2\x04`)\xa4\x81\xb3@i\xba\xa3\xfa\x1a\xc7\xfb*\xd5\x9b\x85\xf5q\x94g*\xe9\xf5+\xf9{\x9bX\x01\x002\xc2\xbc\xd8\x9a\x03b\x1d\xdfu;\xcf\x04\xa0\xa9\xe6W\'\xad=0\xd1?\t\xaf\x93\x14x\x1c&lt;+\xc5\x02a\xbe\x08#$\x02\xb84\xf9\x1d\xb4\x88\x11^\x1c\xfb\xac\xbc_0nf\xa2\x9b\t;N9\xca\x0f\xf8\xa8,w\xce\xd5\xf6\xa9\x1f\x139\x96\xd5\x9d4b&amp;\xfa^\x86\x19\xf3\x01A\xdf\xd3\x05\x00\x00\xa1\x98\xc2\xeb\xf4|!\xac\xfc\x87\xac\xe4\x00.(7n_\xdd\xd0d\t68\x9e\x9e\xf2Jb\xcd%\xb4\x97\xde{\x12\xfa\x05\xa6\xb2\xdeX\xff\xf4CEB.I\x98,5\x9e\xbcRy\x86\xea\x94\xf2\xaf\xb4\xf6\xf1\xd4\xea\x1c\xc9\x8f6;d\xe6\xf2S\xa6\xf1\xbb\x99&amp;\xcd\x9e\x07)\x00\xa0/\xca8\xd0\xf0\x1cC\r\xfd}n\x7f\xa8g\xd3\x90\x00\xf4\xc4\xf1\xf4\x14k+\xc7\xde\xd1p\xe3\xeaJ\xed|\x94\x81o8Ix\x08\xc4\xaf\xc2\xf4\x8a\xe2\t@\xd1\xbe(_\xa3\x91\x17\xf6\x99\x00\xe8\x93\xce\xf2\xbbr5z\xb3S^\x05-\x01\xd0$\xc2\xdaL\xce\x15\x94C\xf9\xef\x0f]\xc9\x0b\xf2 \xbe\xed\x827o\x9f\xd3\x11\x9d\x94\xa2\x9cT}\xfd\xa9B6#\r\x81\xbb\x96\xa8q\xaa\x98\xe8AS\xdc\xb3\xd9R\xe3X{\xa4S-\t\x9d\xcf\x9b\x94\xb0\xd0\x908\xf1\xb2\x12_\xb2\xfbr\xbbYS\xc5\xccW\xcb\xb2P\x1dPf\x96\x86gK\x00\xa6y\xe7\xa1\xac\xbc-\xa6\x91\xbd\xe5\x00\xe5EUL\xa5\xff\xddH\x00v\xc4\xff\x96\xaa(x\x8e\x8f\xf1\x17p4e\xf8\x11\xb9s3f\x92\xe9\n\x8f+g\xca\x9c\xb5/\x96\xc9D\x95Ys\x8eo\x9c\x02\x1dS\xb4\xed(v\xda\xe8MO\x00\xd4\xc2\x85\x04\xc0\xbbp\xa2\xeb\xfa\xdf\x92\x89\xb1u6y2\x99\xe5\x1f\xf0b\xf9\xc7\x80\xbe\x03\xd0k\x02P\xa3\xd7z\xd2\x0f\x00\x00\x00?\xb6V\xe0\xda\x8c\x15\xf4u)\x8f{G\xbe0%\x00\xc5Wv\xb3\xb3\xf4\xa9s\xbb\xceeP\x82\xeb\xe6[\xd2\xd0d;\x01\xf0*%N\xb0\xac\x01\xd0z\xeb2\xd5\x1b\xab\xd8\x0ea\xc5\xa8j\xcb\x13N\xf1\x1c\xc0Z\xd7\t\x05\x85\x00\x00x\xb1\xcb\x15\xcdHz\x94\xb9\x04\xc3@D4X&gt;e\x1e\xb5\xd6\x9e\xea\x98\xe4&gt;=\xb3\xfb\xad\x03\xd1@\xf4\xe3\x03\xd1 \xce\xa7\xca6\x08\x13\xfdm\x029\x8b#\x858\xc3\x93\x1co\xfa\xcc@\xc3\xa0X\x81\xcd(\x14V\r(\x01c\xd1\x81\x16\xd8\x9e\xe1\x12\x11\x13\xfd)\xd10\x0c\x83]qy\x14*\xa9#c\x9f5\xc3\xaev;\x86\xa1\xb07&gt;\x06\x0b\x01`o\x84}\xb1\xda\xfa\xf5? \xba\x15\xd1\xa3\x8a&lt;u\x90\x89[\xd4\x16`\x85\\\x0b~t\xb5\xa8u\xd0V\xfbz^\xc2\x9c\xfe\x85J\xf8(C\x03\xcb\x9c\x0b\xcaEP\x97\xc556\xc1r\xf2\xb2\x9f\x13\xbf\xfc?\x97c\xb9\x9d\xef[s\xfd\x9b\xe97tc+W\xbb\xafb\xa3\xfb\xa2\xe6|\xa1n\'\x85\x8c\x8b\xd6hP$\x00@\xa3$\xdc\xf0U=\xe9\x93[\xdaG\x8e\x9ecn\x9aL\x14o\x94\x84Mx}\x9d\xd8\xc8,z\xf6\x8d\xca\x1f\xb2\xc1\xcc\xfc\x9f\xcctn\x97\x06n\n\xff\xb2\x84r\x111\xd1\x1f&amp;+P\xab\xc0E\x06\xb7\x1e\xff\xab\x14\xf2$A=\x99\x9d?dL\xeb\xb8\x98\xe8\x1as\xb1\x9e\x92\x97\xdf\xaa\xf5\x9d\x0ef\x0f\xe0\'\xeaA\x0f\x97\xca\xd1\xa1\xde\xd9KX\x13\xda\x99\xdd\x00\x00\xc0\x97{&amp;\\\xb07\xae\xa6$J-\xe2\xc9\x1d1\xa8\xd5E\xdc8\xfe;qy\xe7w\x1552\xd1\xb9\x97;~#\xa6Q\xe2wx\xb7\xd0M\xa9X&amp;u\xc1\x0e\xef\\K\x18E\xac U\xfb\x05d\tL=0$:\xdc\x1c[\xbbZ\x1a\x8b}J\xf4oT?\xed\x14\xe5\xf1\xbb\xb1\x8d\xb1f\xdc\x19\x0bkQP\xf5\xe6\xc9\xa2&lt;\x1d\xef\xe6\x01\x00@0\x97M\xba\x03\xab\xc7\xfd\xed8\xd6\x8eb\\\xd6\x82\x1b9\x14K\xde\x10sTz\xee\x96\xbao\xc4\x7fa\xf2eL\x1f\x0f\x0e\xd42p\x7f\xfe\xa1\xfcbD\x0c\xe7\x93\x0fz\xbb?3\xf3k}-m\xbe&gt;\xb1\x89\xca\t@\x1b\xb4\xb7\xc6\xe1\x89Q\xec\xb19\x8f]\xdf.K\xd3\xd8f\x12\x00\x00\x00\xd83\xdd\xceR\xc9\xe8\xab\xf9\xab\xd2\x16\xea\xca\\?\xf0Y\x10%p4\x9cv\xe8\xca*\x9c\x89\xd8g\x10\x92%\xaf\x12^&amp;\xea9\xb1\xd9\x08_\xc7\x94\xac\xcchzJ\x00\xd2e\xbf\xcc\xfc\xcb\x86\xa2\x14\r\x84\x9c\xc0I\xd7\xb9\x9f\xb1\xd5\x95\xa8|\x00\x00\xe8\x06e\x05\xb4\xf9\xe9*\x90\xb66\x1c\x8aK\xe2[\xa3\xcb\xf5\xbd\'\x00th\xe6\x13\xcd\xad\xd8\xf1\xbacp\x02\x10\x9a^\n\xe9bj\xad\x1eJ\xbb\\;\xa3\x9b\x88\xd4\xe8\xb5\xb64k\xa4\xcbR~\xd7\xd2\xd86\xb6\xd7\x0eH\x92\x886\xd9\x92\x90;\x03\x8a\x05\xa0I\x96)\x8a\x99n\x16\xb3j\xa5\\\xff\xde\x96\x02n\xa2[\x1f\xdau\xcd&amp;\xbc|r\xcd\x9co\xeb\x82\xf7x\xd5\xc8\x1b3"\x0bW\xb5\xa0\xcfH\xbe{U\x93\xc1\'Y\xc1e\xe6\xab$P\xd1\xf9\xa3KP(&lt;6\xa5\x9d\x96\xe9\xc5\xffMUx\x8b\xab\xecj\x02\xd0\xd4\x02\x84D\x8a\x04\x80\x89&gt;*o\xa6\x89\xa5\xfdA\xac\x88!\xf2\xcc\x87\xcd\xd6.\x93\xfah\x0f\xae\xcc\x91\xf2\xcbO\x00\x80\xf6\x10\xa7(\xc9\x1b^\xd1q\xd0\xf2\xbc\xbc\'Or1\xcf\x08\xa6\xa7\x97\xd5\xb8\xd4\x046vKWb\x17\x9f)\xac\x8a6\xe0\x0b\xcf\xa7GL\xcf;F\x1b\x8cXBC\xc3\xa18\xaa{I=\x0c\xbf\xed&amp;CI\xde\xa2&amp;\x00\xde\xe7\xa6\x8aq\xfa\xe8\xd8WZ\x11\xd0\xfa\xb7t\xb69\r\xe7\xcd\xc4f\x19\xfb\xc755\x1cOK\x01\x00k\xc8kT\x9e\xd3\xb3:\xa9/\xb7/e6\x82\xd8\xcc\xea4"\x86\x1dW3h\xe7\xbb CPC4\xebG\xb1\xe5\xb7\xde\xddy\x91~2\x99\xeb\xc4\xc19\xd6#6\n4x\xc5\xbd\x9bA\xbd\x96*\xabN^\xb5\x8b\xbbRG\xc2\xf1\xb4\x14\x00\xb0\xc6\xa3\x04\xaf}!\xcf\xc0\xdd0\xc3\xb5\x9a\x00\xd4E\xdc\x1e\xb9u\x9b\t\x00k_.\xb4\xfbIQ\xb3^\xc3\'1\xabe\xc7\x13\xf9\xad\xa2/.\x94\x8e\x0e\x93\xd6\xebq\x9e\xc7\x94\x03\xa4\xa5q\xd3\xfaE\xff[Bte\xbb\xde\xb3\x9c\x965\x99\x94\x8b\x95n\xa92\x00\xf1\x13\xc1\x00\xb4\x03\x13\x8f\x83r\xa0\xe9\x95\xf0!O\x1f\x99\xef\x9d\x1d\xec\xb0\x940\xf2}\xa2S\xe6\x10\xb77\x98yVN\xcb\x8cf0H\xef\x105/v8Jp0,m\xd7\xad:\xaa\xfc\x81\x14\xc5J\x17\x0c\x87a\xb7[=\x8f\x864*\xc3\xa6\x8a\x8cU\xf3d\xc7\xd1]9\x0c\xa2\x7fs*\xcanc)\xb8 \xd3G\x97\xb2S\x96\\\x8feP\xf8\xb5H\x99\xb9\x16\x93\xa3\xe4j\x07\x9e,\x9ep \xa2\xe1\x84\xaa\xc2\x00\x00D\x06\x1a\x069v\x9f8\xac\xea\xaf\xdek~g@\xf4?\xf1\x1f\x03Q\x1f\xd3\xb3*\xe3\xd0\x87\xd8\xa1\x98\xc2\x02}I5\\\x03s\xf9&lt;\xff\xc7\xc2\xe6\x05\x19(\xb9x&lt;,\xffW\xcf\xa0\x98)\xb4\xc9,\xbc\x18\xbc\xc6\xc50\x0c\xc30\\\x7f\x91!\xa1\xce\xff\x87?2\x7f\tj\xbaRk3jlU\xc3\xc6\xd6\x0e\xda\x9f\x93\xd5\xed\xd9\x87\xf5\xc1f\x8f\x02\x00Z\xc3}7v\xe7gE|\x88\x9f\x8d\xcbk\x92\xf3\x1c\x92^\xa9\xae-\x04#?\xa8"\xf5a\x95\x8d\xa2\xceT\xe7\xd8t\xd6\x1aY~\x11s\x9e*v@\x89\x07\xbaB=U\xbc\x8b\xfb\xf5\xd4\xc7\x9f\x96v\xfd\xd2Q\xb8_\x8e\xf3T\xfb\xca\x93\xa2\x80\x1e\x00\x00\xab\xc8GW\xe12\xdc\x88?\xe9{\x8b\xd2\x81\xe0\xe7\xd0\xd1\x06\xa0\x8a\x00\x16\xa5\xfd\xd6\xf48\xe6\xed\xe6\xe1\xf0\xcaP\x952\x13\xfd R\xb0)\xfd\xa8\xbeT\xe1\xf1\xfc\xc0f\xbe$\xb9\xe8\x8d\x8b?\xe0#d3|jqJK3/\x11\xdc\x83i\xbf\x8b\xa9\xd7o\x0e\xcd\xf38\n\x00`G\xb4\x9f\x00\x8c\xb2\x9d\xba-_\x16\xa9\xab\xdf/&gt;\xa9\xb0B\xd9\xda\xc3X\x11\xb2\xd7Yy\x07\xcc!\xdaS\x16\xa7\xd1Hw\xb4\xe2\xc1\xdc=\xaa\xdb`TF\xae\xf5zCi}\x8c\xf7EB!\xcf\tO\x00\xd2Ng\xcdk\xcfLW\xae\x1e\x00P\x83^\x12\x80\xc6\x1cY\xa6#@w\x16:b\x8a\xab\x0c\xabY\x01\x13\xa4\x9e\x00\\&amp;J\xfc\x12L\xcd\xbf\xdb\xd4Ry\x99p2\x89F\xed\xd6\x8d\x80q\x17\x1f\x18E\xa0\xda\x91h\xae\x81%F\xc9\xd3*\xe9]\x96\xa4\xf0\xd5J\x97\x0b\xf4[n\xd8F\xaa\xa6#\x9c%K0\x13\xa5\xf4\t\x8dM=\xae\x08]\xff_\xee[R\x00\x80#\xa2\xdb\x04\xa0\xef/\xa7\xb7\xa9Z\xeb\x88\xc3tx\xad\xc3\xbc\xfe\xe9\xe9\xfd\x0fz\xd7\xa7\x06m\xd7\x0c\x12\xbb\x18\x82\xa8B@3kF4\x89_\x88\xfb\x1e\xcf\x8ax\xc6\xd0\xf3\xe1\x96\x90\xc6&amp;\x19\xe6\xa6\xf8\x7fNSAV\x1c\xbbo-\x01h\xd9\xcf7L\x97\xea2\x0c\xd2\xa8\x86\xb0\xf0_\x00\xc0^\xf0\x8cBJcH\x00\xfe\xaf\x9e\x0f\xe4\xad&gt;\xb5Z\xac\x05Z\xb2\x9d\x14U\xaa\t\xc0\xf7\x93W\x91\x12ff\xbe\xae\xeb\xbc\xc5\xf4\x81\xe6\xec\xd6\x05i\xe89\xb64\xf4+n\x92\xd9\xd5$\xb0\x16^\xf4N\x05\xef\xe7\xac:e\xf0z\xd5\xb0\xdc\xc5\xcc\xf4\xe5\x1d\xf4T\x04{0T\'\x12\'\x00\xccD|\'d\x8f\x00\xec\x97\x06\x87\xb7a\xda+\xb9\x8e%gG\x86\xcf\xc3J]\xdb\x93\xcd5E)1\xc4-\xf3\xd4\x92\x90\xd6L1\x0b\xb3u\xe5\xb5\xea\x90\xc27\xae\x17Fe\xa3\xe7\x7f&amp;\t/\xe8,Ly\x93sI\x00\x94X\xceOH\xf9\xae\x80\x06\xeec\x18\xce\x9d\xab9\xde\xdd\xa6\x04c3?\x93\xe8\xfcO\xa3\xeb\x83\x00\x80\xddb\x99\xf6\x98^R\xce\x13\x05L\xba\xce\xa5\x16v\xa9\xe2w_\x82v\xc8\x9f\x00\xf8O\xde\xccL?\xd9\xeb\x94\x1f\x1a1\xbf(\xa3LF\\:]\x8d\xffc\x12\x80\x10\x11Co\x8c$a\xbd\xcc\x87%\xf0;/\xdaP\x0e\x16n\xe8\xa7\xc3\x81\xb0\xb4qw\xbf"\x01\x008\n\x96\xd9\xeb%%k\xcd\xef.\x99\x98\xbfR\xc7/\xe7\xa8\xf4\x9d\xc74\xc1dJ\xa2\xda\x9a\xa4k$\xa8\xc9\xd0"fS+\x9ePqQ\xf3G\xe7%\xd5mC\x8a\x88\xfe\xc5\xfb\x83\xe4\xac\xa5\x9f\xb4Cl1\x03!\xfa\xf7)\xfc\x84\xfe\x06\x82\x94\xea$\xd0\xe4c\x12\xc8\x04\x00\xe8\x81S\xd4\x16`\xe6\x8e\x05W\xac\xe55\xa1\x8c\xb5t6\x978\xb0\x8fS\xe0\x8e\xe8\x8b\x88;\xa4\xdb\x04\xe0p\xd8\xdd!h.\xb02\xbaR\xf8M]\xabf\xa6\xed\xb6\x84\xe1r\xac\xf1\xa7\x92\xd6\xe8F\xe2\xc6\xce\xbf\r\xc7\'\x87&amp;Q\x89$)\x87\x98\xfd\x06;+AW\xfdi\x00\x00\xe0M\x9e\x99&amp;\x9c2\x81\xc8\xa1\x96/d\x8e\x06rM\xe4\xa0$S&lt;\xc1L\xf4\x86\xda\xc2d\xa3W+=\x1c{\x10\x03\xa0\xca\x12\xc5\xc2\xd1\x9b\x00\xd6b\xcd\xef\xd7\xa75\'\xd9\x8e$\xee\x88q?\xdf,p \xf4\xd8p\x00@0%&amp;N\xa6\xcb\xbb\x97\x9fW\x18if\xcd&gt;\xe54\x9d\x00\xec%`\xca\xcdtt\xa4\x84\xae\xeavG\x8f\x96\xc0D\xb4\xb3L[\x8e\xffS\x1e\x8e7V\x15q\xfb\xce\x98G\xdf\xff\xab,H4\xbb\x19\x0b\x00\x80\xccdv\x16\x0e3\x19\xaf\xfe\x99^\x18"&amp;\xbaw\xbeZ\x94\n\x9b\x9c;w\x153e\xa6\x94\x8a\xbe\x97\xcfZ\\\xcal\xc1\x12\xc24\x90a\xbd\xbc\x9e6\n.R\xb4\xe9\x9a\x00\x00\x00\xec\x01qn\xb6\x1f\xcf\x05\xc5q\xe8\x97dU\xa1\x8b\x1d\xc8\xd9\x1d\x8df\xa1\n\x1f\x0e\x8f\xe3S\xaa\xceW\x86\xf4\xe9G\xa9\xb1\xd9\x85U\x18y\\\xc2\xb2J\xb9A\x00\x008.\xc4#\xd4\xf0\xb0\xc9\x89\n\x14*\xec\x00`\xcfa\x85\xc4?@!pAG\x0b\xb9o#\x8b\xdf\xb5d\x90V\xdf\xb78\x91Y&lt;\xb2\x9fn\xb5\x9ee1r\x1e\xce\xec\xd4\'\'t#\xbf\xc6\xa6N\xefS-\x00\x80\xa3\xa5\xde\xdc\xc9D\x1fp\xbbl\xe5O r]G\xfd\xf45uUH9\x80\x07iW\xb2C\xab\xaf\xb7^\xe0\xe5B-az\xb4\xd8\xac\x12[b\x0e:n\x00\x00 \x00IDAT\xe0VU\xf9\xca\xcfF|\xbau03\x8b\xaa{\xd4I&gt;\x0cO\x8fT\x90\x02\x00\xb0B\x81\t\xc3Vs\xc0\xb1]\xb7\xbb\xba]\xa3J\x83K\xca\xf4l9\x04a\xa2\x17f\x97k\x1b[ \xb5\xcf\xef\xd3\xac\x94x\xbb\xe3(\x9e\xe6@\x8a\xb7\xabP\xf4\xbfR\x85\xb3}j\xb1\xe3&lt;\x00\xfdD\x91o\xe1\x7f3\x17\x9b\x87\xd6\xed6\x17\xa2z\xcb\xe4Z\r\xb3i\x03\xda\xa7{\xffZd\x00\xfaC^?+Wm\xd0,\xe2t\xcb\x11;e\x13\xf6#"B\xa0\xf0\xd3\xa3n\x7f3\xcb\xd4\xee\x17\x1b\x9d\xfeX\xfa\xce+V\xe3\xab\x95\x8d6b\xe2\x9b\xe6\x13\x9b@R\xb4\xeb\x7f\xd4\x04\x80\x99\xe8?\x8d\xb5\xb9\xcb\xb5d\x11+]v,\xc3j\x85\xd8\xe5\x7fy\xda\xca\x9fh\xb5K\xb0/:Nu\x01\xd0*\xa6E#im)\xc7\xa0\xcd\xbbL\xb5\x83\x04 *\x1f\x93ot\x0e1s\x9d\xe5\xf0&lt;\x1dq,\x93\x84W\x84\xadD\x8d\xf9\xa9\xb4.\xd08\xb1\xc6\xc9&amp;\xec[^au\x99\xca\xcch9\x1dYH\xa4\xa8|\xf5\x8d\xe1\xd0\x8b\x1e\x12p\x91\xe3q\xd4\x00\xec\x1d\xeb`\x9e\xa6\x8d\x1b%\xae/gl\xf1\xf4\xa8\xa9nTE\x8d\xdf\xb6\\xZ\x9c~\x94\xde|\x90\xf3-s\x94p\xa7\xa0z\x13\xc0\xccD/\xaaU{I\xb6B@\xfb\xc5V\xab\xf8vr!Ab\x9c\x12\x80\xe5Wi\xa7w~/U\xadq\xe5X\x8b\xcfRlz\xf0\xad\x12qt\xd3\xd1\x00\x80\x148\x06(a\x05g\xf3\xc5\xf1\t@eJ\xae\xf5*5\xb7\xd0\xfc\xde\x08\xd1XX\x02\xf0+\xd6\x8b?\x8a\x8e\x0b\xa2\xb4\xd2\\\x12\x00f\xa6k)\xdb\xb0i\xea$\xfax\\QYql&amp;\x0b\xa7q~C\x8e\xe9\xc7\xd7g\xda\xba\x17\xd80mF\xcd\xaf\x90&gt;\x01p|(\xee\xd5\xd7\x0b\x18\xd6\xb7\xe0\x88\xb7`f\xa6gV\x88N\xb0Hf\xc7t\xc6\xda9CV\xd39\x9f\x04@\x89\x1b\xcd\xb2\xa1\xd7\xfc\xc9\x96c\xafw\x875\x01\xf8\x15\xa3I\xfcj\x12!\x99^\x9d}M!b\xd9\xc2i\xc3S\xcf\x9dd\x97\xe5\xa4\xf6\x9c#%\xb2\xe4\xff/\x8d\x14f.\xedp\x8d,\xff\xc5::\xdf\x05\x00\xc8\x0b\xd39\xa3b\xf7G\x8a\xbe\xfb\x85\x8d{\x96\xecY\x8aW\xfc\x97O\x0c\xb9\x9e\x80\t\xb2\xf1~L\x83i\xe1V\xfa\xc0\xe5vc\x91\xee\x0b\x9f\xf6\x04 \x7f\xf4\xbf\xd1F\xd6^t\xc8\xd9R\xa9\xd1\xc5u\x98{\xd3\xc7\'\x04\xcb\x96\x11\xa3\x9d\xbb\xdf\xedX\xbe\xa0\xa5_$"\xa2\xa78\x8b\xe64Z\x03a\xfeV\xf4\xd7\x8c\xa6\x91\xc4P\xac\xd1\xae\\\xe6\x9d\r3\x8e\x15\r\x00\xd0\t\xb7&gt;x\x84;\x04\xceO\x9a\xfbn\xd9}\xe4N\x00bT\x91Uos\xc3/\xe4/\xcc\xe6\xe4\xdar\x8f\xafaH\x00\x0e-\x1d\x9c:\xd1\x18vx\xf6\xfbj\x02\x10I@\x02\xb3|\xf8Lf\xfa\x9c~r=\t\xbe!K\\]g\xd5\x83W\xdf\x1a\xdd\x95\xa0\xf7&amp;\x1f\x9e\xfe\xefx\xd9uj{\xb68[\x1e}\xdb\x97\xce\x0e-\xff\xd4\xc3\xf4\xfa\x16:\xce\x90R\xca\tg2!{\x98\xc7\x01\x00\xc9\xb0\xad%8\xdf\xdfG\x0e\x90}\xf9_\x0f)s\xd6\xe5\xcb\x1c\x850\xfd"\xbf\xc1s\x95\x9an\xb2\xd2\xb4\xa6\x9a\xe9\xceK\xd4&amp;IM+d\xcc9G\x8d\xcbR\xdf\xea\x0e@^\xd9t1^\x96\xba\x16S\xc5a\x03\xd3\xef\x16S:\xd7\x967\xe8\x02\x16\xbc\x96\xf0\xe6\xc1 \x9fG\xb2\xc3\xed\xd6\x11y\x93u\xc2\r\x1b \xc7\xd6\x05\x00\xec\x06~J\x8a\x98\xb5\xd5\xc0W\x81\x89\xce\xe3|\xe5:W\x11\\\x1e\x131]$_\x02\x10]\xd4\xe5u\xd9\xae\xe6X\xb5=J&amp;\xa2;\xa6Y\xab\xae0y\xe8-\xd2S\xc4\x12"e\x1b51*\x15\x16\x05\xde\xdf\xf2p\x0e ,R\x89\xb4O$\x00\x01\x08cS\x1d\xa1\xd2\xa6\xc4&lt;~={\xb6\xdf\x80U\xf1Z\xd5\xe9b\xea\x07\x00\xa8\xc81\x103\xd1\x95"\xcbJ(\\E\xb6}\xeb\xdd\xcd\x11\xa4\x1cM\xa6\x92%\xbe\xa8\xa7k\x91\xae\x87\x00z\x16 }\x1a\xc5\xb4\xceW)\x01h`\x06=4?\xf5\xd8\tn\xda\xd4\x1d\xe7+\xb0i\xe6\x0e\xff~\x89\xce\xb2\x95_\xebIz\xf1\xfb\x15\x1a\xe9\x88\x9c&lt;\x7fYR\xd1\x91}\x05+~\xc9\xb7*\xbbC\xcb\xc3\xb3\xd2\xf6\xe0\xa6\xfb*\x99s"\x01\x00\xa0C4\xf7\x1a[^3\xb3TnI\x94\xb9\xc7\xbd\xba\xd0\x98\xac6q\xf3\xe5\xe6-\x15,\xe7\xd0\x90\x9fc\xe9\xcf:s\x18\xa7\xa8=\x89\xe4\xe2\xb9\x8b\xfaVG4}\x8dU+\xd9ZQF\xab\xf8fJ\x17\x9d\x96w&amp;*g\t\xfaG\x0b\xfc\xa0\xe2m\xd4\xef\x05\x12o\x0cT\x8b\xea\xd0n^@\xb7i\x97\x84r\x9b\x84G\xe1H\x00\x00\xe8\x02iT\'^\x02\xf1\x8e\x86\xf3\x91?\x923nI\xdb/\x965S@?\x7f\x92\xb6\x16\xb7\\\x91\x89Nk\xbb\xb9\xbeU0\xd37\xa4\xe8A\x90*&amp;\xbd\x89\x97+I\xd5\x89\x12\x80\x1b2\x11\xd3o6\xd0_D4\'\x00Mx\x95\xdc\x88\xfeA\xdaN4\x8d;\xa6\xdb\xd5\xd6I\xa6\xe7C\x985\xef\x9a\xba\x8ey\xb8\x9d\xc6\xc5\xad5\x08\x13Q\xf1\xd5\x8a\x95\xea\x90\x00\x00\xd0\x01zd\xcc\xf4\x98D\xe3V\\\xb0\xa9\xccC\x8a\x9c\x16p\x99\xa2\x94\xf9[\x9c\xe03\xf2\x8d\xd4S\x9as\x90j\x8fW\xaab\x11\x9e\xb5\xcf+\x18p[\t\xc0\xf2\xa2\x98\x12\xb6G\xd0\xde\x13\x80\xd9\xeax~c\xab\xd5\xcc\x87_\x91\xabJu\x01\x82X\x86\xdb\x1f\xca\xa3\xfeQ]6\'?\xdb9Ro\x19\x14\x00\xc7H\xceQ*\xc51\xd5}A\x91-\xdd\x8d\xc6\x8e\x1f=e\x99`\xa6/\x99\xc9-X\xfa^p\xef\xdc4\xe1lb6Eb\x13\xc2\xe7o\xae+\x9e\xed&gt;\xe1E\xaa\x04\xa0t\xb4\xbdnT\xad\x19Rr\xec\xc3j\xa3\x17\xdap\xb3]"\x05\xfd\xe2x\xef\xcc\xd2\nIkq\x89\x00\x000\xd3\xab\x1b\r\xc7\x102\x9a\xdb^,\xae\x12$9\x7f\xe2\xbaN\xe51\r\xb4f\x03.\x92\x9f\xdb\x94\x00\xb0x{f!\xaf\xef~\xa9\x18\xbe\x90\x94[\x9e\x18#A\xa9\xf1+\x95\xbf\xae\xdb\xdd\x87\x1d\x82\xa5]\xc9\xf2\xfe&gt;h\xad-\xa2]\x99~\x11\xbc\x15\xac\x13JQ\x81%\xfd4\xa8%\x00@M6\x83\xe0]\xa2\x07\x8di\xe7\xb9\xb3\x04\xc8\x93\xf1\tN\x8f\x1c\xa01\xdc\xf2\x16Ko6\xd7\xe4y\xa0\t#.L&lt;u\xd5\xb9H\xd0\xd9Z,\xd8&amp;\xfbR\xd1\xbft0/\xe47~\xef\xf2\xbfb\x16\xa9V\xc6".c}\xb9l\xd5\x00\x80F\x91c\xa6\xe6\x1d}R\xf4\x901\xb0\x04\xfd}\xe1(\xf0\xef\xb8-\xab3\x91\xb8\x1e\x1c\x83Y\xa4^\x13\x007\x0c\t\x007\xb9:8%\'g\x8dI;\x99\x99\xf9\xf4\xccD7 "\xfaz\xc9\xf3?-)3\x90+\xe4,|\x07\xfa\x11io\x04\xd9\xe8a\xfe\xd2V(J\xd7\x8e\x1c\x1e\x000\xd3~\x02\x90\xe3\x0c\xb7\xb4&lt;\x1c3\xc3\xa9z\x934\xe9{\xce;o/\xc8\xbd\xfc\xba\x1cUTEO\xe7Z\x9d\xed\xa6\xedx\xcf8@4\x8c\x87M\xf7\xbe\x89\xa4\xe5\xcf\xf6\x1a\xbbg\xf8g\xf5\xee+\xbe\xb2\xeb\xe3\xbb\x02|]\'\xd1?\xd1#\xa5\xd1\xd4\xda\xc0W\xbdS\x95\xb4\xaab\xd5\x00\x00_\xf2{\xb1\xdf\xd1c\xa6c`I\x00\x12\x9d\xba\xb9\xfc\xa1\\\xb32\xef\xe5\x1e\xe4e\xec\x85\\\x1d}\x9etE\xc5!6\xb0\xc8\x0cw\xa8\xeb)\xf9\x06\x8eXl\xb1i\xfb\xfcG\xe3\x07\xe2h"\x90\xf2\x90a\xef\xc1\x9f\xe8\xcf\x9373j\x8c\xabq\x7f\xd6\xd3\x9enR\x94\xad\x1a\x00\xd0"L\xd7\xe2\xf9`\xe21M\xfcyV\x88_\xd1z6\xe5/[#\rq\x93AS&gt;s\xc6\xaf\x08,\x9co\xec\x84\xfd\xe8\xea\xa2\xb5\x05\xf0\xe5\xb1\xfd\x04\x7fan\x87\x89x\xfc\xed\xde\xb4\xcd\x8ct\xe9j\x02@L\xf4\xe2\x84\xe2)\xb5\x89\xff\xa6\xea\x98\xa6\xad\xc2~l\x00\x00P\x88\xa6\xc3\xd6&lt;\xb8$\x00!\x93\x90\xe8s[c\xec\xe5s\xbaN\x00\x8d\x98Dh\xb6\xa6.w]!\xed\xc2[c\t@\xebS{3\x8a:f\x82\xed\xbfd\xc7\x05\x8f)q\x16+\x9f\x00\xac}\xaa%\x00\xe7N!\xd7\x9d%\xf1\xa6\xa7\x9e\x16/gX\x8d\xfa\xd2\xf1M\xf4\x00\x80m\xaa\xecKV\xc3-z\xdb\x9f6\xbc\xbc\xff\x1d\xd3\x99\xc4l]O\x0e\xb97(\x07`u\xfeK\x1e\xac;\xc6\xdc\xe5\xce#%\x9a\xda\x0b\x9ch\xea\x94\xa85`\xfb\xed\xf9\xd3H\x16\xbf\x99\xa0}|\x85\\\x0683\x13\xfd?\xcb5\xcb\xba\xb8g\xaa\xdc\xf8\xe4\xc8\n\x9aB\x0e\x97\x89W6\xdc\x1c\x00\x00\xc8\x89\xec./l\xbc\x04.2\x11\xda\xd4\xeb\x1d\xeb\xf0a\x0e\xf6\xb9Q\xce\xf1\xb8\xda,^d\xe5[\r\x01\xb0\xd6\x9e\x9e\xf00\xdd\xd0;\x97R\xca\xc9\xda_wm8\xec\xfbm\xa2\xaf\xad|\xec \xf3b\xed[\x96\xafG\xc0\x1f\xdb\x90\x8e\x99\x99\x9fa\x95\x81\x89^\xb1QB)\x16_\xb7\xf6\x15\x14H\x00\x008B0\xe0\x15\x0c\xeb%\x86\x0b\xe6\xa5\x94\xb2\xc2\xed\x977\xc4L?~7J\xf1\xd6\xde\xed_\x8d/\x91\x00\xa4$M\xd8\xa4eh\xc5\xfaH\xa97\xbc\x98t"-\x85\xae\x17\xfb1f\xfa\xc7\xcd\xb37J\x02\xb0\x9d08\xfa\x04\xf92\xa6\xef\xb1\xfai\xdb^eR\xc8g\x94\xb7\x1b\x17\x1b\x00P\x91\x96\x1c\xc4\xe2\xd3\xd3\x8a\xa4O\xc6z\xf9s\xf4\xcfD\x97HZ\xfb\xfe\xb1G\x1b\xfcVf\xa2K\x96\x11\xe0\xc8\x02\xe2\xa6\x9a\xc9OT\xd5\xde\x94x\x8e(\x8e\xe2\x04\xc7\xbb6\xcb\xac\x92\x00\\\xb3\xb9\x81\x90rl:gV\xa9\xf4\xdf\x9a2U\x04\xd7\xd7\xba\xa8\x00\x802l.\x05\xb5\x93\x00\xe4[3c\x1d\xfb&gt;o#\xda\xb0\x12\xb5\xb0\x97\x814+\x8e\xab5x\t\x91\xad\x07\xad\xdbGDg\xcfScOh\xbd\x9f\xd3J3\xf5\xf2\x03\xd6\xd7\x08\xba\x80\xb5\x17\xed\xe0\xa5U\xa6w\xaf]\x9cy\xb0\x87\xd3\xa6T\x00\x80\xe3c#8{kCS]\xae\x18\xee?\x97\x13\xe1j\x0e\xe0-\xa2\xf0\xaf\x1aI\x17\xb9\x13,\x8ci\x99U\x156\x05\x88\xeb5{\x03\xab\xb6\xba)\xca)!W\xf0\xe7\xe3\x7fz\xeb\xf7\x14\xea\x8a\x1d\xe3V\x19\xf4\xecq\xb3#\x92\xda\xc0}L\xa3;\xac\xe4\xban\x10\x00\x00DF\x7f\xd4\x83K\x9a\\\xe7K\xd3\x96*\xad\x17\x86\x87\xaa\x8dD\xbai\x11g\xd0\xa0\xd9\xf4\xe4V\xd4\x92Y\x00\xb1\x81\xbf\xaa\x7f\x90\xa7\xd2\x9e\xc8\xe6dLe\xde\xd6W\xe7\xcc\xcct\x7f\xc3-b\xf7y\x99\x10/~\xd5Q\x92\xd2Fr\x90\xf0\x8c\xe2\xe1\xc6\x14%F\xf5\xb2[\x02\xb0\xe9O.\x97p\xb0\x1b=Xx\xf9\xbd\xcc\xb6\x00\x80\xf6a\xed\x1fpG\xf8\xca\xe4\xf9\xad\xc3\x9f\x9e\x9aT\xa7\x89}\xf4\x85`W\x11O\xeb\xb6\x90\x00\x8c\xb2d\xee\x14\xa3\x96\x82[\xdd\x80\xc6\x12\x92\xa3!\xafO\xd2\xa1\xf6a+\xbf\xe9i\xc6\x87\x1b].\x16\xb2\x85\x02\x8c\xcd\xf9\xd4\xd2\x96d\xf5\xfeb\xa6V\xa8\xfd\xf2\x82u\xc9S{`\x93\x07\xf3\x19\x9b\xfb\x98\x0b\x00\x00\xcd\xf1\xba\x83\x7f\xb9\x8d&gt;3\xc1\xefl1j\xeczIf\x0b-\x03\xe8\xfb\xac0\x91\xb8\xe4\xf9\x81\x989\xf5|\xa3\x1ev\x15\xce&amp;\xc6\x906\xa4\xd6X\xe3\xa6\xf8\xa8\x90\x9b\xa2\x87\xad&lt;N\xd5\xd2\x84\x81\xfc\\i\x93\xc7=\xf2s\x1b5\x87b?\xe2\xbd\xeb\xe8y\xfd|\x97\x94\xcf$4\x8cLc\\\x9f\xda\x84\x8e0\xc8\xbf\xda\xa8\x90\xf6\xea\t@\xc0\xbd\xbe7z\xf2\xe1\xcc\xe5\x03\x00\xdaE_}l|\xcao\x80\xc4S \xcfS\xbe\x96\x06\x88\xd7\xac\xdc&gt;s\x16\xcfz\xb3\xa0M]\t\xd2\xa4X\x99J\xa37\xf9MN\xad\xf01\xaaR!B\xb3\xb8\x84\xd4\xe6\xb5\xdeD\t\xc0\xda\xa7\xd3\x05\xbc\xe1.\x8cC~\xfc\xf3\xc3N;\x06\xbe\xc2?;tSn\xba+q\xf4O\xab\x96\x1cc\xe4\xb6\x04\x80\xd95\xc5""\xba\x97\xbb\xb7\xd7E\x8d\x17&gt;\xed\xe8\xc69"\x00\x80+H\x06\x8c\x1c\xa6\x90\x84\x05Z\xb6\x02\xa6O\xbf\xc7D\xdft(\xe7\xe3\xce5~\x7f\xd7\xb1c\x8a\x94#|\xf6\xb5\xa5p\xce\x87:\xbc\xaa9Tt\x8b Q\xbb\xc6e\x18f\xb2\xf0\xed\x04\x80\xe8\xc5\xf2\xc5\x1b\xd1\x7f\x98\xc1lqv\xa2\xb3jo^(</t>
        </is>
      </c>
      <c r="E92" t="inlineStr">
        <is>
          <t>&lt;class 'numpy.ndarray'&gt;</t>
        </is>
      </c>
    </row>
    <row r="93">
      <c r="A93" s="1" t="n">
        <v>91</v>
      </c>
      <c r="B93" t="inlineStr">
        <is>
          <t>steps_per_sec</t>
        </is>
      </c>
      <c r="C93" t="n">
        <v>1100</v>
      </c>
      <c r="D93" t="inlineStr">
        <is>
          <t>3.0088332</t>
        </is>
      </c>
      <c r="E93" t="inlineStr">
        <is>
          <t>&lt;class 'numpy.ndarray'&gt;</t>
        </is>
      </c>
    </row>
    <row r="94">
      <c r="A94" s="1" t="n">
        <v>92</v>
      </c>
      <c r="B94" t="inlineStr">
        <is>
          <t>Loss/RPNLoss/localization_loss</t>
        </is>
      </c>
      <c r="C94" t="n">
        <v>1100</v>
      </c>
      <c r="D94" t="inlineStr">
        <is>
          <t>0.14319892</t>
        </is>
      </c>
      <c r="E94" t="inlineStr">
        <is>
          <t>&lt;class 'numpy.ndarray'&gt;</t>
        </is>
      </c>
    </row>
    <row r="95">
      <c r="A95" s="1" t="n">
        <v>93</v>
      </c>
      <c r="B95" t="inlineStr">
        <is>
          <t>Loss/RPNLoss/objectness_loss</t>
        </is>
      </c>
      <c r="C95" t="n">
        <v>1100</v>
      </c>
      <c r="D95" t="inlineStr">
        <is>
          <t>0.011523931</t>
        </is>
      </c>
      <c r="E95" t="inlineStr">
        <is>
          <t>&lt;class 'numpy.ndarray'&gt;</t>
        </is>
      </c>
    </row>
    <row r="96">
      <c r="A96" s="1" t="n">
        <v>94</v>
      </c>
      <c r="B96" t="inlineStr">
        <is>
          <t>Loss/BoxClassifierLoss/localization_loss</t>
        </is>
      </c>
      <c r="C96" t="n">
        <v>1100</v>
      </c>
      <c r="D96" t="inlineStr">
        <is>
          <t>0.4185185</t>
        </is>
      </c>
      <c r="E96" t="inlineStr">
        <is>
          <t>&lt;class 'numpy.ndarray'&gt;</t>
        </is>
      </c>
    </row>
    <row r="97">
      <c r="A97" s="1" t="n">
        <v>95</v>
      </c>
      <c r="B97" t="inlineStr">
        <is>
          <t>Loss/BoxClassifierLoss/classification_loss</t>
        </is>
      </c>
      <c r="C97" t="n">
        <v>1100</v>
      </c>
      <c r="D97" t="inlineStr">
        <is>
          <t>0.2181012</t>
        </is>
      </c>
      <c r="E97" t="inlineStr">
        <is>
          <t>&lt;class 'numpy.ndarray'&gt;</t>
        </is>
      </c>
    </row>
    <row r="98">
      <c r="A98" s="1" t="n">
        <v>96</v>
      </c>
      <c r="B98" t="inlineStr">
        <is>
          <t>Loss/regularization_loss</t>
        </is>
      </c>
      <c r="C98" t="n">
        <v>1100</v>
      </c>
      <c r="D98" t="inlineStr">
        <is>
          <t>0.0</t>
        </is>
      </c>
      <c r="E98" t="inlineStr">
        <is>
          <t>&lt;class 'numpy.ndarray'&gt;</t>
        </is>
      </c>
    </row>
    <row r="99">
      <c r="A99" s="1" t="n">
        <v>97</v>
      </c>
      <c r="B99" t="inlineStr">
        <is>
          <t>Loss/total_loss</t>
        </is>
      </c>
      <c r="C99" t="n">
        <v>1100</v>
      </c>
      <c r="D99" t="inlineStr">
        <is>
          <t>0.7913425</t>
        </is>
      </c>
      <c r="E99" t="inlineStr">
        <is>
          <t>&lt;class 'numpy.ndarray'&gt;</t>
        </is>
      </c>
    </row>
    <row r="100">
      <c r="A100" s="1" t="n">
        <v>98</v>
      </c>
      <c r="B100" t="inlineStr">
        <is>
          <t>learning_rate</t>
        </is>
      </c>
      <c r="C100" t="n">
        <v>1100</v>
      </c>
      <c r="D100" t="inlineStr">
        <is>
          <t>0.02799985</t>
        </is>
      </c>
      <c r="E100" t="inlineStr">
        <is>
          <t>&lt;class 'numpy.ndarray'&gt;</t>
        </is>
      </c>
    </row>
    <row r="101">
      <c r="A101" s="1" t="n">
        <v>99</v>
      </c>
      <c r="B101" t="inlineStr">
        <is>
          <t>train_input_images</t>
        </is>
      </c>
      <c r="C101" t="n">
        <v>1100</v>
      </c>
      <c r="D101" t="inlineStr">
        <is>
          <t>[b'1024' b'1024'
 b'\x89PNG\r\n\x1a\n\x00\x00\x00\rIHDR\x00\x00\x04\x00\x00\x00\x04\x00\x08\x02\x00\x00\x00\xf0\x7f\xbc\xd4\x00\x00 \x00IDATx\x9c\xed\xddy\xf05M{\xd0\xf5\x9e\xd7\'\x015\x11\x14--M\xe1\x02\xb8@\x04dQ\x8c\xa1\xb0\x10\xf5MD\x017\xd4B!\x91MP\x16%\x11\x81\xa0\x82(H\x90X\x94@\x81\x16\xb2\xa8\x80\xb2\x88"(X.\x89\n\xaee"\x88\x0b.IDT\x14#a\x17\xdb?\xe6\x9c\xf9\xcd&gt;\xbd\\\xdd}]\xdd\xdfO\xc1\x9b\xfb\xb9\xefsfz\xb9\xba\xa7\xbb\xa7g\x8es\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0\x98\xa6\xd6\t\x00J\xf0\xc46\x80\x12\xbc\xf7\xcb\x9f\xa7iZ\xff\xe7\xfc7\xf9\xc7_\x0e2\x1f&lt;\xf0\x98\xdb\x84\xb9\x84&gt;p9\xc2\x9c\xaf\x9b\xf3\xde\xffk1\xde\xfb\xb8\xd2x\xfc\xf0\xf2\xb1u\xde\x8f\x9f9\xfd\xcb\xab\xcf\x07~ \xeac!_\xbf?\xd4M\x81\xa4\xa5\xe1x\xc0\x90\xa8\xc8\xcb\xef\xeb\xca\xde(\xfc\x12\x9d\xc5\x98\xcb\x1c\xa2D\xf5\x0cW&gt;\x95\xf3ed\xf2\xde\xbb\xed\xc5\x03B\xcct\r\x00L\x9b\xa6i\x9a\xe6\xff\x9dDF\xff\x0f\xff|\xfb\x81\xe9\xe3\x83\xe9i\x98sq\x9f\x97&amp;\xc3/\xef\xdd\xee\xb4\x97\xa5\x119&lt;\xba)\xd5\x87\x1a\xc9\x939\xfa\x9f\xbf8m\x0fus"\xc1:=;\x9d_\xfd\xef\xe6\xa3\xc1Gx\xf4Ja\xa3\xf0K\x89\x84\xe5[\xb2\x81$\xd2\xdb|"\x92\x14\xa4\xf0\xde\xb1R]\x8aw\xde\xed\xaf\x15\x00 gu\x01\x16\xebj\xcen)\x9c\x9f\xf22=\xa9\xe3\x8c\xd8\x01\xcaz]s&gt;\xf5\xe3M\x03\x97=t;\xce\x01\xceMST9,\xc5.8\xb2\x0cI\xc2\xe3\x9d\x96\xc03-7\x8cnJg\xfb/\x9b\xa1GB\x02\xceR&gt;\xadW\xe8\xdd\xf6\x1f\x0e\xe725\xf6y\xe7G.HT\xe4\x9d;\x00\xed0&lt;-\xc6\xfb\xe3*\xc4\x88\x8a\xae]\x01c\x92Z\xec\xbf9\xfe\xf6\xcf)\'\xaa\xbfD\xda\xa4\xb79\xdd\x99s\x95\x92\xd3\xbf_\xaa\xf2\xaaN\xef\xeb\xfa\xf0O\xebS\x04UAbM\x9d\xe6\xf1!\x9d\xbb\xc1z\xec\t\xbds?\xf6p\xcc\xe3Y\x02Y\x1a\xff\xe4D\xf64\x95\xee0`\xd3MW\x85\x1c\x14,\x801%w}\xb1\xdd\xe6\xea\xc3\xbf\xce9\xff8L\n9\xfe\xe3&gt;\x96\xdd\x07v\x7f\xe3\xdf.\xbf\xfb\xbf\xf9\xd3/&amp;\xc9\xcdN\xd6\x89\x9fr:\xff\xd3\xef\x95\xbb\x14&amp;\x1c\'\xb3\x90o\xf2X\xd9}\x81\xc7\x1eg\xf77yI\x03\xb0\xa5\xa4\xd7\x00\x80\xca\xa4\xf6\x1c\x17\xe9B\xb3\x8fy3~z\x1c\xa2\xadK&amp;\xf6F\x81\xb2\x0b\xcaC\xfa\x8f*\xa7O\x84\xf7A\xb3\xca\xbc\x05\xfa\xf0\x94\xc8\x1c\xe7\x18\xb1"GN\xc3\x16 \xf4\xc7dg\x17i\x84&lt;\x02\x88&amp;\xb2\xd5\xa0\xd4\xd2u\xf6\x91w\x99\x0b\xd9\x85\xb2\x9cq\xf7O\xe7\x055?\x9b\xa7}\xdc&lt;\xc4n\x92\xe0\xfdoeKC6\x0cv\x1b\xfc\xd8\x18\x84\x86\xd4vp\xe9tw\xdc8A}\x01z\x94\xebBc\x8f\xfc\xfa\xfc7&gt;\xbe\xdf\xe6c\xd4\xfex\xd2\xc74\xbc\xff\xb5\x83N)j\x1a\xd3A~\x8bhry\xfa\xa2m\xc4\xd6O\x00F@`\xa1=:8`\x04\x89\x13\x80\xd5\x7f\xde^\xb3\xee&amp;\x00\xfeli_\xfdJ?\xcaR[\xfb\x1f\t+\x99B^\x03:8n?\xa1\xb9\xd7\x859\xeff\xa8\xa9\x97\xca\x011\xbc\xf7\xf9\xbf\x1c\xa4DT3\xdf\xfd \xda\xfcwW\x1f~\x1c&amp;\xddt2\xd9\xfd\x0f\x0c\xf2\xde9\xf7\x8bJ\x1d;\xfd\x85\xa1\x9b\x11\xff`q\xa9q6\x06\xa0\x18\x16\xe1\x80\xb2L7\xb1\xb0u\xfa\x1fq\xf9&amp;\xa2_\xe6o\x8e`\xe2&amp;@|\xf2Tg\xa73\xc7\xf81\x11T\x1aQd\xc0xd\xde[\x02\xb4\xa29t\x05\xc7"M\xb2\x99?\x9c\xba\xf9\xfaq\x97Q\x8d&lt;2:\xec\x08c}1\x14%\x00\xa0\x02.7\xb1\x1aN\x002\x0fQ\xef\\j\xcer&lt;)w\x06\xa0\x1d=2\x00\xa04&amp;\x00o\x94\xc3K\xa3\xcd\x1b\xde\x85\x9d7\xf36H\xf2w\xcf|\x81\xe8\xd1\xba\xa5\xb9e\r\xf5t\x01\x00\x00\xd8\xf2\xde_\xbcA\x7f\xb0G\x10\xd7?\x1a\xe0\xaa\r\x90&gt;N\xea\x0e\xbftp\xf8\xe4h5"\xa5I\xd1\xad\xc2\x89ZC\x00\xcd\xf3E\x00@\x8f\x8e\xd7\x9dA\xafDRw\x00\xc2\x0f\xb2\xd9\x9c\xf3\x9d\x8b\x16\xbbwf\xc7\x18\x85\x1e\x02\t\xfcv\xa3Sc4\xc4\n\x00\x00\x86\xfd\xe2\xa4\x19\xd4\x0f\x95O\xc8\xf0r\x86\xe0\xbc\xcf\x07\x00\x00\x00\xe9\x18G\x06\ny\x16"\xf2\x06KKj\xa7\x10\x9fj\x9d\x803\xbfPcI\x01\x80Q:/?@\xafN\xc7|\x8a\xf6\x81\x07\xfcjZ\x95t\x9c\x93\xda1\xef3~\x8dK\n}/\x0c#|\x01`\x00J\xd7)-\xf2\xde\xab\xdd\xcd\x1b\xb0\xadEi\xca\x17!\x81\xaad\xdd]\xf3&amp;"\x95w\x00\xa0\x8c\xce\xd8\x05\x00\xfd\x83\x15\x0ch\x9a&amp;M\x0b\xfe\xb1\xb4\xa7\xdc\xdcKu\xcc%\x18\x00\x00\x00\xd8P\xbb\xaa\xbdP\x92&lt;\xcd\x05\xc5\xa4\x04\x00\x00\x00\x81^cZ\x16\xb6Mc\x0b\x10\x00\x00\x00\x82h]\xd1.E\xc9\x12\xbex2\x98\x00\x00\x00\x90E\xc9\x10\x01\xa8f\x90\xe5\x7f-M\xbb@2\x98\x00\x00\x10\x10\xd3K\xea\xe8O\x01!Z\x86\x08\x06QtP~EP2\xcd\xf1\x9b\x94\xc8&lt;W\xc0\x04\x00@U\xdes\xd5GW\x94\x0c\x11\x80:&amp;\xc9\xe5\xff\x96W\x83\xb0\'t\'\r\xf7:\xa6iZ\x9e\xda\xe5\xfa\t\x00\x80\n\xcci\xfbf\xa3~\xbd\xaf\xb5\x9an\xa14\x00\x00\x00\x00\x88\xd0\xfcj\xcba\x08T\x01[\x80\x00\x00\xc0P\x18\xbff\x91\xdd\x15\xa3g:\xa1\'%\xf7\x8c$\x13\x00\x00e\xac\\\xe9\x95a\xe9w,\xbe\xde\xb6"\xd4\xc6\x1d\x00\x00\x18\xdc\x88\x17x\r\x0f\xf6\xe9\xe1\xbd\x0fYT\xecc\xf0\xcf\x0e\x96H\xb4\x94&gt;Q\xaf\x00\x00\x0cm\x1e\x10\x8f0)Z\x86\xfe#d\x16\xb8\xc1\x1d\x00\x00\x00F\xc7\x80\xb8_\xdc\xee\x00\x00\x00\xc0\x90\xd8\xfc\xd3\n\xc5\xae\x10w\x00\x00\x00\x00P\x04\xa3\x7f\x00\x00\x00`$\xdcx\x01\x00\x84\x1b\xe7\x9a\xf1\xde\x99\xb0\xc9\xef\xd7\r\x93}\x000\xc9r/\xcdC?H\xe6\xbd\xe7\xb91 \xd3f\x9a\xf3nP\xe7s\x1f\x9a\x1b\x00(a\xfd\xddYV\xd3\r\r\xbc\xf7vC\x1f\x85y\xba\x97+9w6hq\x00\xa0\x8a\xd1\xb1\x10\x0f\x01\x03(\xc1^oXG\xe6\xbe\xa6q\xb6E\x01\x80~v\xfbd&amp;\x00\xc8g5\xfaQ\x88\xdd\x0e\xb1&lt;\x81\x92\xe1U\x86\x00\xa0\xc4\xf4\x99\xd17f\x8fO|5\xc1*\x1dr\x19\xbd\xf9\x05Tw\xb7\xb3\xdf{?\xb9W\x97\x1c8\xbc\x17ow\xb4e\x00(J\xcfoQ\xd3\xd7\x03@\r\xc7\xe1\xff\xb4\x0c\xf9W\x9fZ\xfe&amp;d\x99\xbf\xf9%\x04\x00\x06\xd0\xe1Sml\x01\x02\x80\xd2\xae6\xed\x1c\xaf(\t\xb7\x92\xd1\x06{\xb1\x80a\x08\x8c\xfe\xb5u\x17L\x00\x00\x94\xf6\xfb[\'\xa0\xb1\xcd\x8b&gt;_\x0b\xff\xcf\x8b\xf7\xd3\x14\xb4\xbe\xaf\xed\xa22\x94\x90A\x01\x15\x04\xf4$u\xe6\xaf\xae\x1f\xe8\xed\x8e\x06\x00h\xb3\xbeZDn\xda\t\xba\xd0\xb0\x11H\xb7\x0e7\x0f\x00\xc3\x92xV\xea\xd5\xb1\xb7\xed\xba\xb9\x03\x00\x00e-\x9d||g_\xf3\xfa\xa0n\x81\xaa\x17\xdaG\xff\xdc\xa3\x00\xc2e\x8e\xda\xf5\xec\x1cd\x02\x00\xa0\x14%/;kn\xe9\xee\xbf\xcb\xe1_N\xcagWh\xb5F\x8fJ\xaeI\xa8\x8f;H@\x1d\x9b\xbb\xc1\r\xd3\xe1\x9cc\x02\x00\xa0\xb0\xe6\xbd\x9c\x16\xd3\xe4\xfe\xd3\xc9\xbd\x07\xf7\xdfw~0\xf8\'\xec\x87\xdd\xde;\xe7}\xe4\xa2\xac\xc4\xe0\x9dQ \x00\xd4\xd3\xba\xcb\xa5\xc7\x07\x80r\x96\xbd\x9e\xcb\xdfL\x87\xbf\x9f\x0e\x1f_\xff\x13\x8f\x01\x00@\'\xe6\x0e]C\x8f\xfdI\xeb\x04\x00@\xff\xb6\x8f|\xbdG\xff\xce97m\xae\x07\xc7\xcb\x02;s$\xf0\x1bg\x00\xb0\xc6\x16 \x00e\x8d\xfd\xba\xf4i\xf3\x7f\xb66\x85r^D\x1a\n\xae\x87\xea+:\xfa\x1f;\xc2\x01D\x98\x02_\xf0\\\x1e\x13\x00\x00e\xe9\xe9\xefZ\x99\xf7\xf2L_\xfd\xfa\xcf\xedX\xd1O\xd3/u\x97\x0b\xfd_\x1et\xfc2\xc5\xfb\x1e\xd4\x8e^}\x000;\x9b\xea3\xf9\x07\x80f\xb4.\xc1z\xff^\x1e\xf6\xcb\xc0\xdf\xaf8\xef\x9d\xfb\xceg\x97\x90\x9f1\xbf#(D\xb9\xb4\x07^\xdbX\x02\x07\xd0\xbdc\x97\xb8\xea\xc6\x93\x0f\xd8\x0c\xeb:\x00z\xa0s\x93\xf7\xd2\xbfO\xd3\xf2{P\xd3\xae\xd7\xdf?\x07\xfc\xfe\xea\xfb\x08\xcfg\x99\x9c\xfc\x0b%\xdeO&amp;\xb8\x90\xcb\x84\x9e\xc7\xda\x00\xa0\x8eU\xf7\x9e\xd2\xf5e~=\x1f[\x80\x00\xf4\xa0r\x1f\x1a\xb6r\xb3\xfd\xcct\xf8\xc3\xc5\x7f\xaf\xce\x12\x96\x98\xa0O\xc5\x89\xfa\xed2\x86\xfe\x00F3\xbde\x1eD*=\xb1\x98\x00\x00(\xab\xf4N\x95&amp;Bz\xedM\x8e\xbf\xc5\xeb{\xbb\xbf\xd7;t\x8e\xbc\xb0\xe9\xcd\x08\x00\xe0\x80\t\x00\x00\x14\xb1\x1e\x13\xff\xfc\xdf\xe3\xdcw[\xfe\xde9\xe7\xa6\x87A\xf3\xd4\xd7\x8c\t\x18\x9a\xb6\x9fE\xeflE\xc6\xa2\xe6\xaf\xc7`\xcd\x06\x80%:\xf7\xfa_\xd9\xfc\xf0{\xd8~\xfa\xd3\xef\xde3T \xc0\x98Tu\\&lt;\xb4\x03\xa7\xf2\x0e\x00\xb3R\xa0\x13\x85v\xfe\x18Z\xbb\xca\xb9\xc46\xbb:\xdb)^\xc0\nU\xa3\xed\xe6k\xcf\xfd\xb2\xd4y*\x9c\x00\x98\x0c\xca\xfe\xb68\x03"\xc4\xaf2Q\x97\xae\xa8VY\xba\x15{\xef"/\x0f\x8d:CF\x06\x00\x020\xf2\xd93U\x18\x9f\xb4N\x00\x80n5_d*4UH6\xcf\x01\xde[\x81d\n\x87\xd1:\x80V\x9aw\xf2\xba\x98*\r\x85w\x00L\xe2\x86\x1a`Z\xcd\xf6\x1b&gt;\xd5\x08|\x07grJ"\x99Z\xdd\x02P\x18\xc3\x1e\xd3\x98\x00\x00\x80su\xa7\xf1\xdb\xed@\xde9\xef~\xc5\xd9oL\xd6IM(.\xf6\x00\xd0\t:t\xa4\xf1\x04\x0f\xfas\xf3r\x8c\x9c\x97x\\\x8d\xe4\xdf\x07\xfc:\xe7&gt;\xe7\xe3w\x82\x9ds\xce;\x1f\xb4\xde\xce\n\\gT\xbd+\x06##\x14\xbb\xc73\x00H\xe1\xbd\xad\xadn\x95\xd0cv`\xfaG.\xfe&gt;\xeb}&gt;\xd3\xe9\x1c\xe0=\xdfp\xceMn\xf2\xab\xbf\x0b=lr\x92\xa0\x13U\n%\xe8^\xbaG\x05\x03\x18Z\xb5i\x9b\xf8\x8e\x1e\xae\xd0\x00P\xc2\x08?\x95\xc03\x00\x00\x86\xb3\xfd}\xaeJ]\xbc\xec\x89\xfa\xbe2\x01\x00\x8ab\x02\x00\x14\xe3\xbd\xe9\xd7$\xdbM\xb9ZR\xa3vF\xff\x00P\x8e\xf2W;\x8a\\\x9d\x99\x00\x00\xc5\xcc\x9b\xbb\x15w"\xf7\xec\xa6\xfcQ\xc3\xacM\x93\xfb\xee\xceM\xd3\xf2\xff\xbe:\xfe\x08\xdd\xd6\x0b\x80D\xac\xd7\x8cD\xe4*\xc0\x85\x04\x80y\x1d&lt;~\x1d\xb8\xa2c=\x9b\x00\xd4\x9a;\xd2\x0e\xbaS\x00\x88v;\x0ec\x89\x05U\xfc3\xcb\xe6\xb1\x8f\x90;\xfe\xcd\r\xb6o\x01\x08\xb7\xd9\xadJ\xef\x01h\xc3E\x1d8E\xd3\x00\x80dt\xa1\x00\x00{\xb8z\x01\x806\xa6_\x83\xd1=\x1e\x02\xae*\xa6%\xd0l\x80P\xecX\x05\x00 \x1c\xbf\x04\xac\xd3\x8f\xb9\x19\xfco~=\x14\x00\x00@\x9f\x84\xa5\x19\x1eA\xae\x86R\xd6\xe8\xe6W\x8a\x96\x7f\xaa\xdfBF\xf8a&lt;\x00P\x82\x91\x10\x06D\xd8W\xc3\x16 \x8d\xfe\x81\x8b\xbfgS\x10\x00\x00\xe8\x15\xa3\x7f\x8c\xed[\x9d\xff\x82\xac_i\x92.\x00\x00\x00T\xc3\x90o,W\xa3|&amp;\x00\x00\xd0\xc4M\xc7K\x9f\x0c\xa0\x84rC&gt;\x1e\x02V\xea\xfc.\x18\xd7\x18\x00\x00\n\xe3\x997\x94\x90\x10W\xe5\x82\x90\xe06\xc6{?\xb9\xd7;\x80\x80S&lt;D\x05\x00\xc9\x1a\xbel\x03\x1d\xbby\xbfK\x13&lt;\x04\xac\xc4\x97\x04~n\x9a&amp;F\xff\xb8\xa7\xa1g\x01\x00\xd34u\xa4\xdc\xfc\xefM\xec\xae\x9e\x12\xbb\x80\xf4\xc4\xf7\x10\xae\xee\xfe\x84\xad7x\xea\x0b\x00\x00\xc0\x9c\xdd &gt;|\x86Y\xe8\x96\x14\x03JK\xd8\xda\x01\x00\x00\xa0\x93\xf7\xfe\xfawZ?\xa6\x00\x11c\xb9\xf7\x97\xc4\x87\x7f\xc6\xb6\x00\r\xfe\x02\x1cF\xff\x00\x00\x00\n\xcd\x03\xd4\xf9\x7f\xce\xfe=i\x087\xcf\'\n\x0c\xffx\x0b\x90\x19\x9a_J\xc0\xad\t\x00\x00\x00\xe7\x9c\xf7\xe7Ok\xa6\x8d\x94\x18_\x8d\xbe\xfc\xaf\x19\xf5\x02\x00\x00\xc6\xc6/5\x95A\xb1\x02\x00\x00\x00\x99\x8c=\x03\x80\x810\xd9\x03\xa0\x04\xdd\x112\xb0|\t@\x80\xf7\x9e\xb7\x02\x03\x18Y\xe5\xe1\x14\xa37\x00\x9d\xe1\x0e\x00\x9e\xf5\xb1z\xd1A\x16\x00\xccj&gt;\x15\xf7\xfa\xfdu\x00\xe8\x08\x13\x00\xa3\xb8\x1eE\x0b/2\xa6\n\x00\x16\xfc\xfe:\x00`P\x83\x8d\x89\xc52;X\xb9\x01\x00\x00\x08\x19a\x145B\x1eG\x13\xf7\xb4\x06\x01\x80$t\x1dUP\xc8\xfdS\xd8\x94\x14&amp;\t\x00\xf0 \xea\xd9\t:z\x003z\x83&amp;(v\x0c\x85g\x00\xf4\xea\xe3\xd1\xdbp\xfde\xf6\xf5\x9c\xe2/~\xceW\x7fy\x07\x86\xf7\x9f\xb7N\x00\xe2\xf0{\xab\x00\xb4\x18d\\8H6\x01 \xc4h\xab?\x00\xd6\xea4\x7f\xee\x00\xa86\xc8\x82\xc4 \xd9\x04\x00\x00\xb8Qm\xf2o{\x02\xc0\x1a\t\x80:\xe8mP\x13\xcb"\xc0\x80j^h\x0cO\x00\xb8\x1e\xc3:b\x18\xc0\x11\xa3\x7f\x00\x00\xba\xc5\x04\x00\x00\xc0{f1\xe3\xf9\x1f\x00\x00\x80J\x18ua4\x86\xb7\x00\x89\xa0\xcd\x03\x000.\x86\x01\x80\tq\xbf\xae\xda\x17\xa6+\x00\x00@\x15\x06\'\t(\xb4hl\x90\x02\x90\x86\xde\x03\x80"tGh\xc7\xd2\x16\xa0\xf9\xca=M\x13oH\x809\x8c;\x01$\xa3\x03\xe9\x0f\xab\x11\x00\x00\xd4`\xee\x82k.\xc1(\x86H\x00\x00\xc0\x02Fo\x00\x00\x00\x00\x00\xa0Wc\xadz\xf0X\x11\x00\x00\x00\x00\x00\x00\x00\x00\x00\x00\x8c\x80[\xc3\x00\n\xe9\xb8{a_\xcd\x0e\xa5\x81\x12,\xbd\x06\xf4\x8d\x96\x00\x00@\xb7x\xd9\xf7\x1a\xa5\x01\x00\x00\x00\xa0 n\xc2\x8c\xc0\xe2\x1d\x00\xc0.\xef\xbe\x9e^\x15\x00\x00\x00\x00\x005X\xfe\x04\xd07\xee\x00\x00\x00`\x0f\xb3\x14\xa0\x1c\xda\x17\x00\x98@g\r\xe0\x19\x03\xbb\x1b\x14\xce"\xb6((\xba\xe2x6\x05\x00\x00)\\R\xf1\xc6\xf8j V\xb7\x00\x11\xa3\xb7(\x9c6\x08K\x00\xe5I\xf63m{-\xef=\x17,M&amp;^9:\x0e\xab\x13\x80XC\xdd7\x18&amp;\xa3\x1a\x8d\x13f\x00\x12dv\x11\xe2\x97\xb2ij9\xe6\x9b\xa6\xc99F\x9c\x00\xc2$\xf4\x7f\xf9\x13\x00\x06vxD\x90\x00\xb81\xd4R\x14\x80&lt;\xdc\x1f\x13B\xb7\x0b-\x08E`P\xb4}\xe7\xb8\x1ccH\xcc\xff\xdb\xc8,w\xea\x0c\x00\x00\x00J04\rGI\xa1\x10\xa6\xf5\x00\x00\xa0\x9e\xde\x06\x1e\xbd\xe5\x07\x00\x00\x00\xd0d\x94\xb7\x00\x01\x18\r\xab\t\x00\x00\x00\xc0@\x98\x00\x00(\xae\xaf~\x86n\x13\xaa\x10\x8e\x00\x80\x1e0\xc0\xea\xcb\xbfH\x85\x02\xa5\xd0\xba\xa0\x01q\x08 \x1f=\t0\x94\x98\xb7P\xd29\x00\x00\x00\x0c\x8a\x81 \x00\x00\x00\x00\x00\xe8\x15\xf7\xc7\x01@\xcc\x00=*W\r\x00\xb0\x8f\xae\x1c\x00\x00\x00\xa5\xb1~\x00@\x13z$`\\\x8cI\x00\x00\x00P\x0f\xa3O\x98F\x00\x03\x00\x84qi\x01\x00\xcd\xe8\xa5G\xd5\xa2\xe2\x896\x00\x00\x00X\xf1\xa9\xd6\t\x906M\xadS\x00\x00\x00\x00\x00\x00p\x8b{\x89\x00\x80:t\xde\x01H\xbf\nF]AK\\n\xb9\x84\x03H@\xd7\x01\x00\x00\x00\x0c\xc4{\x9f3\x07\x08\xfe.\xd3\x0c\x00\x80\xd2;\x00\x00\x808!s\x00n3\x00\x00\xdc\x80\x13\x80\xfc\xfb\xec\xdc\xa9\x07P\xc2T\xfe\x1d\x06\x15N\x01\xf3\xb8\xc6\x01\x03\x18n\x02\xe0\x18\xc1\x03(#\xa7o\xc9\x1f\x9aO\xd3\xc4\xd0\r\x02\x98%\x02\xc0Q\xd25&gt;kw/0\x82_D\x1bypW&gt;\xf40=\xc9| D0\x11\x8d\xd3\x00\x00z\xd0\'\x02\x00\x00\x00\x00\x00\x00\x00\x00\x00\x00\x00(\xf3\x9b\xd9\xd0\x81\xda\x8894\xc2\x066\x00\x00\\\xed\x0b"\x17_8&amp;\x000\x83\t\x83\x08\x15\xcft\x02\x00\x1aQx\x15\xf8\xa4u\x02z\xb3T\xf049\xe7.^\xa6\xc6K\xd6`\x04\xa1*\x85\x92\x04\x801i\x1b\xfa\xa3\xa0\xff\xca{\x85\xb3=\x00\x00\x00\xd4\xe1WZ\xa7eo\xdcU)\xef}\xe6/\xef\xcc\xd5\x19p\x90W\xbd\xf3\x1b\x9c\x00\x00\x00\x83\x08\xda\x15\xd2\xc8\x88\xbf\x04\xbc\xc8\x99\x90\xad\xbe\xfbo&gt;}R\xe0t\x00\x00\x000g\x9a&amp;m\xa3\x7f\xa70A\xd5\x04\xaf\xdf\xdf|\xdb\x85\x1d\xe1\xe4\xc3\xf9\xf7\x1f\x00\x00\x00\x80\x04\x8cASy\x1f\xfeX\x9f\xe6{@\x00\x00\x00\x00\xee\x9d&lt;\xcc\xf1~\xc2\xe3\xb8\xc9\xe7\xe3/u&gt;\x05\x02\x00\x00\x80\xa1\x0c\xfd\x0c\x80K\x1a\x94{\xbf\xd9\xf6\xb3=\xc2~u\xdf\xfb\xfdK\xff\xfb\x9b\x030\xb1\x01\xaa\x19\xad\xad\x8d\x96_\x00\xa8c\xdc\xdf\x01\x10\xb9\xae\xac\x0fr\xb3!hw.\x1e\x00\x00\x90\xc0{?\xfd\xa8\xd6\x89\x00\x00\xd8\xc704\xce\xcd\xb4\xe1t\x7f\xff\xd5\xe7{z\x18\xc0{?9~\xe8\x08\x00\x00\xc0\x86\xd1\xb7\x00\x89\x8a\x18\x01\xf7t[{\x9a&amp;F\xffZ\xf4\x14X\x00\x00\xa0\x0c&amp;\x00\x02\xa6ibK\x0fT \x0e\x01\x00P\xa1\xec\x13\x92\x99\x07g\x02\x90k\x9a\xbe}\xeb$\x00\x00\x00@\x11\xe5\xb7\xe4Y/\x8cs\x9co\xdd\xaf\xfd\xdf&gt;3@\xe1\x03\x00\x00\xf4f\xf5\x03PE\x06{y\xbff\xeb\x9c\xce;\x00j\xdf\xfbv2\xfa\x7f\xfa\n\xa3|\x003^\x98\xdb\x16\x85\x0f\x00\x0b\x85\x13\x00K}\xb4w\xcf\xf7x\x98\x01\x00@s,\xc7\x00\xa8F\x7f\x87\xa3n\x02\xa0y\x8d\xe6X\x9d\xd3\xd3|\x855\'\x003\xfd\xd7\x03\x00\x80\x94\xa2o\x88\xc9?8\x17\xa4h\xdb\x1f\xff\xba/\xc0\xcb\xf1?C\x01\x94\xc0o\xcc\x01\x00\x80G\xea\xee\x00\xe8\xb7\x1e_\xdd/\xf0_\x8f\xfe\xbfN4E\x00\x00\x00\xd0\xec5(\xf4omS\xc3ba\xa2\x90\xfb\x00\xa7\xb5\xdb\xd3o\x00C\x1b\xee\x00\x00\x00\x90\xa6\xd05\xf4q\xac\xdf\xe4\xc2=\xe2\x1d\x00\x91\x89\xd7RY7\xb5v\xf1/\x8c\xcfP\n\xa3\x7f\x00\x00\xf4\x08\x19p6\xb9\'\xf0I\xcd\x93\xe9\xf0\x93\x9c\xcc8\xe9\xf1\x18\'5\xc9\xf8\x0c\x00\x00\xa0{\x9b\xad"\xce\xb9)\xe0=7\xde\xdf\xad+#G\xc99\xd6\xa7\xbd\xf7\xab\x89\xdc^\x99\x93\x02\x00\x00&lt;[\x8dF\x18\x93\x14\x140\xf0k?V\x1cp\x9e\xe1\x87\xcc5\x00`p\\\xfeF\x97\xff\xf3\xb1x\x14\xfa\x1b\xc0\x17\x83\xfdjO\x8a\x0e\xf8\x0c\x00q\x8f\xae\x0cs\x7fi\x84&lt;\x02Eq\xf93\xa6D\xdf\xce\xe8\xbf\x82i\n(\xe7\xcb\xf7\xc7T\xfaI\xac\x01\'\x00\xe8\x1b\xc3\xc4\x0e\x8d2\xc7\x01\x80\x0fEF\xffWkFt\xb2R\xc2\x97\xf0/\xdf!\xb9\xfcOIL\x00\xf2x\xcf\x88S\x99\xae\xd66\x02V\xf7\xfd\xe1\x0f\x1db\xc9\nC\n\xbb\xbe|\xf6\xe5g~\xcd\xc7n\xef\xf8\xfe\x81\xe1`{\xf2\xbf#{yA\xa1\xba%\xfd\xd3\xe1\x1f\xbd\xfaA\xdf\n\x15\xc2e5\x8b\xf7~r\xb7\xaf\x02U\x80=\x7fF\x05V\xdc\xcd\xc7\xa8z\x94\xf4\xdeP\xcek+\x00#\xb8(\x947\x8f\xdc\xe3J\xf8jbV\xb4\xa6\xb8\x03\xf0\xecf\tv\x9a&amp;\xfdW&gt;\x9a\xbaQW\x0b\x03\xb1\x1f\xfb\x03,\xed@\xda|kjyi\x85\xc5\x07Q\xcc%\x18\xc8\x17xYA\x9aUG\xf8\xd3\x9ds\xce}\xfb\xc0\x9bo\xd3\xf4\xcb\x8a%\n\x00\x0cb\x94\xa6\xc9~\x94\xcf\xcb\x8e\xed\xdbWh\xc13\x11\x1e\xe8\xdc\xc7\x92\x88\xfb\xaau\xaf\x18\xf0\xf2\xff\x16\xaf\x04e"\x08@/_\xe6\x87\xd9\xa5(O\x9e\xa0\xeb\x9d\x03\xde\xb9)\xf4\xb5w\x00\xd0\xadWG8\x1d~\xf0\xeb\xb2c\xf4\xde\xdd\xce\x0f\xd8\x02\x04\xa0\x81y\x93G\xdb40\xa0T\xe2\xfa\xadv\xf3cP\xaf\x7f\xf2\xef\xbdA\x15\x93\x86t\xac\xcak\xc4\xcd4\xeb\x82k\xaf\xedkd\x98\x00\xdc\xa3\x11b\\&amp;\x1eqi\xcb\xf4\xfc$l\x90\xf1\xf9\xef\x01\xfdCN\xd7;\x8b\xe97M\xa8;\xcadP\x1b\x8ab\xb2.\xbc\x06\xdb^@\x0c_\xbd\x00\x00E\x1d\xf6\xf6&lt;\xbc\xe0b=\xc83=;\x82,^&gt;\x13n\x9c\x8d\x85M\x14-\xdeW\x9c\x1f\xe6\x00\x17g\xf4\xee\xe9u\x9fl\x01\x82\x16&lt;\xe7\x07\x8cd\xdf\xd8\xdfW\xb7\x8bO\xd39\xe0\x1a\x83\xda@\x8a\x0b\xea\x07w\xd0\xc6\x0b\x16\xef\xbf\xf3\xee\x1f\xb7\xa7\xb89a\xdb\xe2T\x1bg\xc03VJ\x80rN/\xf6\xa7\xcf\x01\xcf\xbf\x04\x10\xfa\xdc\x1bF2\xf7\xd2\xf4\xd5\x1d\xe06\xce\x13\xff\xfeM\x94i\xdd}^\xfe\xdco\xc0\xf0\x9f;\x00\x00\x00%\xb6\x17\xad\xf7MA\xfb+\x83\x00\xee\xf0\x1b\x02O\xd6\xc5\xf3\xfa\xf3\xf5\xeb\x7f\x1a\x8f\xfe\x1d\x13\x00\x98\xf6\x99\xad\x13\x00\x8cgsMb\xd8\x8f{\xd349\xf7?\xb5N\x85!\xdf\xb7u\x02\x90cZ\xf5\x90\xf3|\xe9\xf8D\x00\xbb%\xafQ4\xc0\xd8\xe8\x01T\xb8\xf8a\x9a\x1f\x1b\xf8\xd9\xda\xc9\x1d\x1b\x05\x0eXq\xf9\xbb_u\xbbP\x95ws\xde\xbb\xa8\x00\x88\xb0\xb5w\xd3Vj;\xb6\xbb\x02\xcd\x0bY\xe1\xfbY\xa9A\x00\x1dK\xbfT\x05\x8c\xee+\xf4\x9f*\xb7\x00q\xd9\x00\x1e\xa4\xac\r\x18Z#d\xec\xa8\xc1\xbe\x16bv\x00S\x83(\xe1\xf3\xedtb\xe8\xcd\xd9\xaa|bG7\xbd\x9e\xa7\xb8\xfa6\xbd\'\x001\xcb-EC\xd3\x00(\x10z3\x9a\xfd?\x80B4F)\xd2=\x9bw?\xa3\xcd\xce\x9f\x05\xd3\x8c\x0ey^\xb8\x86;\xde{\xed\x0b\xb4\xc4p\x94\xa2\xc5\xb5\\\x90\xeeO\xb1\xdf/D\xf5A\xb1A\xf6\x19\x066^\x94\xb6\xaa\x88\xf9\xbf\xcfo\xe2\xbf_!Z\x89\xca-@\xc8CC\xc7-\xed\xafrc\xc9*V\xd1\n]\x0e\xee\xbd?\xec=\xf3\xef\x1f\xb3\xecn\xf4O\x10\xf6\xceJ\x94\xe6\xf7\x87Vr\xda\xb1U/\xea\xfc\xd5\xe8\x7f\xf9\x9fZ\x08\x0b\x00\x9ax\xef\xab/\x84\xe0\xdez\x08\xb2\x1eL\\\rM\x18p\x00\xc0\x96w~u\x0b\xc0M\xde\xfb\xd5\x85\xaeA\x9fI7\xdd\x11\xde\x9e\x84\x1e\xcccJ"Y\x97\xf0eHF\xffz\x0c\xb2\xd1\x05@\x02\xfa\x05\x00@\xa8\x9b\x99\x00\x03Mmx\x96fd\xd4&gt;\x00\x00(\x84\xbd\xf2\xcdQ\x05\xf6\xf8y3x\xb1G\x9ex\x1f\x17\x1e\xf1\x10\xf0\x10\xe8\x05\xb0\xc6\x85\x01rXbl\x8e*\xb0ir\xa5_\xcd\xcc\x1d\x00\xdc03\x01`\xbc\x92\x8c\xb7\xbfcg\x8a\xf9E\'\x88\xa2\x19\x02\x98\x87\xe6t\xc2h\xc9\xcc\x04\x80\xf1\n\x00\xeb\x86\x9a\x86\xb3\xe8P\x9e\x8d[y\xdcr&lt;W\xb2L\xfaX\xe5\xf9\xb5\x84MI\xe6\xe3\x03\xf7\xae\xde\xdf\x07\xa0\x05\x9f\xdc\xeb\xdaz\xa3\x8b\xad\xd4\x1aE!\x9b\xc6\xaft=\xf2\xde\xf3J\xe8r\xcc\xdc\x01@\x1az\x96\xee\xb1\xb4f\xca(\xed\xb1\x8f\x05H\xa04\x9a\xc9\x13\xca\x07\x8d,\x8f\xea\x03@Sz\xf7Q\xa8MX\xc7z|\xcdKOy\x01\xb4\xe3\x0e\xc03\xfa$\xa0\x82\xbe\x8627\x92\xb39\xf4\x9a\xba\xdd\xf0(\x94\xf2%\x16\xec\x96\xcc\xdb\xb7\x9e\xff\x8f\xf7\xce{\xef\xfey\xeb\xd9\x01\xd0\x95\xef\xd3:\x01\x00\xcc\xebq\xd5\x16\x0f\xcaU\xb7|8\xb5\x8eL\x9a\x06P\xcd\xb8\xebI\x00P\x13O\xe4\xa3\x8c\xf4\'\xcb7G\xe1\x99T`$l\x01\x02\x80J\x18Y\r\xa8\xfc\xaa\xb6dT\x11\xa2\xc0 \x98\x00\x00\xf5\xb0\xfdcdR?\xfdC\x08\xd9RhA\xbdXg\xc2\x0c\x00\x18\xc2\'\xad\x13\x00\x8c\x82q\x1b\x1c\xfb+\xa0\x15\x91\x99\xc0{O\xb9\x01\x00\x00\x00\xe3`Y\x07\x00\x00\x00p\xaf-J%\x8e*~L`L&lt;\x03\x00\x14\xc3\x8e\x7f\x00C*\xd4\xf1\xb1\xdf\xe6\n\xd7\x1a\xa0 \x9e\xe0\x04\x00tM\xea\xb7\x054\\+5\xa4\x01P\x8a;\x00\x1d\xf2\xde\xd3\xf1i\xc0t\x11\x86\x0c\xb2\xc0\xd1C\x1e\x8b\xd5\x94\xe8\x815,\xd5kH\x03t\xe9\xa1\x07\x10\xc2[\x80"X\xb9\xf9h%\x9d\x00\xf4\x18\xa1\xdf\xe8\xe4\xda?\xcd+&lt;2\xbf\xff\x05\x0ce\x84\x8e\x0e@[C\xac\xa7\x02\xe8\xc6 w\x81\x00[\n\xb5JfB\x00\x00\x00\x80:\xcb\xe8_\xfc\xde\x05\xcf\x00\x00\x00\x00\x00J\xb1s\t\x00\x00\x00\xe8\x9f\xf7\xde\x15\xdb\x95\xc7\x1d\x00\x00\x00\x06\xc7\xd6\x7f@\xe5K\x14Y\xfb\x07\x94\xd3\xd8q\x9c3\x91H\x00\xdd\xe2ic\xa09&amp;\x16\xb8T\xee\xd1\x93N\xf1V&gt;\xc0\xa4\xf5`\x94\xee\xae\x8e\xb9\xcc)m\xa0\x15\xb6\x00\x01R\xda^\xc9XN\x03R\xb0\x14\x9d\xe8{xg\xe9\xce\'\x80\r&amp;\xdf\xb8\xc4\x1d\x00\x00\x03\xf1\x9e\xed\xb6q\xde\x17\x89\xd8k\x04\x17\x17\x00\xd0\xcb\xbf\xb5N\x08\xc2\x8c]S\x04*P_\x93vGc\x07\x00\xe0E\xfdEq\xd90\x00@\x17k\r\xd3Vj\x01\x00\x18\x9b\xb5q\x06\x80\x0b\xb4e\xa8B@F\xe2!`\\b\xac\x86\x87\x956\x9e\xff\x03\xb4*\xdd\x81\xfb\xf7Y\x92O\xc4.SH\xe2q\x92HL\x00p\x87\xaey6\xf0U\xea\xaeO\xf5\xcey\x1f\x17$&lt;\xf3\x07\xd4Q\xba\xa9\x99n\xcb\x1du\xe9}\xe4B\x84\xe1\x80l\xe2\x93\xd6\t\x80R\xbc\xa49\x93\xf7^m\xe9\x85\xa7-\xe4\x93\xf3\x074\xe7\x17\x89x+\x8em5\xea\xcen\xab\xb7\x9b\xf2\xad\xf4\\\xec~\xfe\x82_\xc3\x18\ru\xdc\x86\xfe\xd1\x92\xfe\x14jp3M\xa2\x00a\x9a\x9a%\x80z\xbf\xaf\xa7&amp;\xcb@q\xf77@\xa6\xc91&gt;\x04\x8a\xe8\xe5\xe6\xe33\xef\xbd\xfb\xa2Q2\x0b\xf4\xc6\xfb\xb6\x8f\xd6\xd5\xec*;\xda\x16\x02\xec\xf9\x03\xe7\x9cs?y\xd9D\xb4\xf9\xa7\xf3\x0f\xa3+\xcc\xf00\xf3\xde\x17Y\xfabQ\xadc\xdc\xe5\x18\x13\x8d\x1a0g7\x88\x0fY\xe3?|\x85&amp;\xdf\x15\x1e\x02\xc6l*\xd4\xb6\xa7R\x07F{T\xed\x80X\x0b\x04\xba\xf0\xdc{\xd3\xc3\xf7\x8d\t\x80mF.\xc6t"\x96\x18\t*\xb4t30 ~\xd0;c\x11~\xdc\xc3\x13&gt;\xb2\xff\x8bV\x7f\xfe\x1c\x9av_\x18\x99\xd9\xc6\x1e\x0c`F[\xa8\xc3{\xcf\x03\x82\xf7\x08E\xe8!\xf2n\x1f^\x10\xa4\x8a\xd4&amp;L\xee\x00 \x9b\xe8\xaa\x00\xcb\x87H\xc3e\xa9\x8ei\x9a\x18\xfd\xa3\x17=_nv\x0b\xff9=\xe4\xf6\xbb=\x17\x9a\x15\\\xef\x00\x00\x00\xb0Q\xe0\x1d&gt;\xbb\x03~Z\xe2\x98h\x899\x04\xb8a\x8d\xe2Nc\x8c\xc0\x03\x80\x12J\xbc\xc0\x87\x97\x02u\x86-@84c^\xfa\x8b\xf2\xde[\xc9\x01\x00\x92\xce\xae\xe0\xb9\xd7\xf4\xe31\x19\'X\xc7\x15\x18\x00\x00\xa0\x13\xc7\xa1y\xfe\x83\xfbW\xc3\xfd\xa6\xf7\x01\xea\xfdLx\x97\xb8\x03P\x92\xe5\xf9q\xeb\xc9\xbd\xe7I#\x8bZ\x87\xcd\x07=)1m\xe0\x1f\x01\x1d6\xe3\xe8\x90\xf7n\x7fI\xfd\x01\xcf\xe1\xed\xbdw\xbf\xcc\xbb\xdb\xee\xb4i3\x19n\xf4?p\x87\x0c@1U}\x93\xaa\xc4\xd8\xf5.\xc6\xe1J\xd2{\xff\xa3G\x8a\x1f\x1a\xcb5s%\xf3\x17\xf8\x0b\xef\x0fx\xf75\x97\x8dz\xdb\xde\xbf\xcd\xd5\xa1\xa4\x9f0F\x90U\x99\x0b\x14\xfb\'\xf9\x87\x00\x00\xa7\xf2\x990\xad\xcf\x19{\xef5\x16\xd7\xb5uR\x7f\x91\xf7?\xa8b\xe2\xdb\x94\x95\xa9\xda\x110Z~\x83u5\xba]\x0f\xd6\xa7\x8b\xe5\xf3%\x12\x18\xd9k\xb3\xae\x11\xef\xef~\x8d1\x10m\x1e\xa8G\xebx\xb4[:\x0b\xdc\x0b\xfd\x8cKi\xcb\xf5\xa6aR\xad\x94\xd5"\'\xc1:\xc3\x15\xd6\xfcF\xef\xff\xda\xc7\x0fM\xee\xf6\x07\xbdc\xc6\xff\x04m\x1d\xe2oa\xe2\x19\x00T5\xf8\x1d\xc3\x0e;\xca\x1f\xa5\xba6u\x16\xf84M:\x13\xb6\xa3!\x91\n\x92\x80\x9e\xf5x=\nzC\xff?x\xfb\xaf\x8c\xfe\x15\x12/jj\x0eUmnA\xae\xa2\x99\xa5\xafT\xbc\x06\x01\x05\xd10Q\x13\xf1\x96/|J3M\xd3e\x81\x07\x1f\x85\xfa\xaaI\xf6\xae,w\x00\x10\xeaf\xf1&gt;\x7f\x11e\x9a\xa6\xcf\xecp%\xa6\x82A;\xdf\x1e\xd7\xed4\xe2\xea\xaeM\xc7\x91\xdfq\xd6\xb4\xba.\xf0i\x9a\xa6\xe9wWL\n\xea\xa3s\xc7\xa3\xd7\x1a\xf3\xd5\xdeV\xa9M\xba\xe66\xfb\x02\x03\xe0\x16\x93"}/\x90s\t\x90\x122\x95\n\xffe\x80\xc7\xa3Qe\xd5\xc8\xde\x01\xa0\xda\x10\xaaB\xef\xcc\x05\x00P\x85&amp;\x89kL\x0e\x95\n\x9b\x00D\xd4\xdd\xcd\x01\xf3\x7fb\x0c\xad\xb0\x05\x08\xa1\xaa\x8d\x01\xb8\x11\x0c(a\xe5ye\xb4@`\x98\x94\xd0\xa8\xaf&gt;_f\xf4\xcf\x00 \x80\xc40\x89\x06\x8c\x10\xe7c\xf2BS\xff\x11\x16\x1d5\xbc`q@}\xef\xa0\x00j\xea\xae5\xd9\xbb\xa1qU\x05\xf7\x8bh\xc9\xef\xa8=\x1c\xc7\x15+1\xef\xdc\xc4U\xf2\x86\xc80\x89;\x00xp\xf3\xdeN\xef\xa3W\xeb\x03oMv\xfe\x02\xfa\xc1\x00\x00 \x00IDAT\xdf\xe0\xff\xdb\xd6\t\x18S\xf7q\x05T\xd3]k\xb2\x97\x9d\xeb\x85\xf9:y)z\x16F\xff\xc5Q\xb28w\xf6\x93\x13\x17\xf7\x01\\\xf8\xf6\xa0\xd7\x11h\xd2/"\xbf\xe6\xd7\xb9"\xcbr\xde{\xb6\xae\x96\xd3\xdd\xda0\xc4)\\nW\x98\xa4tWkm1\xd7\xeb\x87\xa3\xd1\xc6\x8b\xba\xefEE\xfa\xd8O2\xbf\x8f.]\xdcz{\xfd\xd7\xae/\xf0\xceM\xa1]\'=\xc6\x16\xc5\xf1\xa4\xdc\x14\x89\xc9W!\xef\xfe!q85\xc2\x0e@\xa8l}\xea\x12T\x84\xd0\xe8\x1fE\xd5y\xf3\x12[\x80p)\xfc\xf6"\xfdC\xb2\xa4\xbe\xd5_\xfd&amp;\x83\xa1\x9e:0\xa9\x85\x06\x82#l3km\xb8\xe2\x15l}\xde\xfb\xbe\x1f\x85\xa4\xf5\x95F\t\x9b\xf6\xaf\xb5N\x00\xc6\x15p\xf9\xf1;\x95R\xd6\x9d\xf0\xa2\xdb\x97\xb8\xf1\t\x00\xe4\xfd\x96\xceG\x8d\xaa\x89v\x834d\x088^3\x12\xe2\xea\xec \\\xf4\xfb\xc0\x1c\x11{!\xdb\xa3\xd9\x11(%p\'\xdf\x98\x05\xceVr\xe0\xe0\xb79\xf7\xedZ\xa7\x016H\\8\xae\xde\x01H\xcfl\x1e[\x80\x9c\x1b\xe0~k\xacU\x83\x97-\x96\xd4e\x83?\xd4m\xed$\x8f\xfe\x070f\xae1\x90\xa4\xa6\xcd\xe8\x1f\xa1N\xf7:\x86\xac\xdf\xdf,\xf4\xb3\x7fR\xdc\x8f\xf2&gt;d#\xf5\xdf;\xe8H\xa00\xeeg\xad\xfd\xbaWixw^2\xdc\x10\xac\xad\xd3\xd2\xee \x0b\x88\xd0E\xd0\x02&amp;\x9d_D\xe6\x0b\xfd\xc7\x02\xa8w_\xeb\xef6\xfdtr\xe9Qa]\x92\x81\xa5\xba\xaa\x02\x99Z`\x1a\xd7-\x9f\xba}b\x8e\xc5i\x15b\xeb\xe3\xdcD*\xab\x02\x85\x9c\x969\xa5]GB;\xf2\xbc\xc7F\x99\xe4\xce\x10\xe8\xc7\xd9\x85dy\xc1\xf74\xdd\xadA\xd3|4\xd8U`~\xa5\xb0\x05\xa8[\xc9\xc11M\xbf\xc2]O0?75=V\xc8.r\xdc\x1c-\xed,\xd3[\xe0\xd9\x13N\x81V\x96\xfa\xa2\xe2\xc4Q\xa4\x18\xdd\xe5\x85c\xfe\xfb\x9b\x7f.\x9b.\x01\xfe\xe3\xc6E\x95\xb3u\xd2\x99\xe8\xafX41/\tL\xeb\xb5\xcc\xc7\xa0g\x91`\xb1\x94\xdbq1x\xfdO\xc3\x96\x98\xf2\xbc\xaf\x93\x97\x9a\xd4\x94\xb7\xe0\xcf\xe7\xe2\x06\x828\x8a\x14\xd8\xba\xec\xa0\xd6\x17\xfa\xb4_\rk\xa5\xdae\xa5\xe1\xf5k\xa9\x1dz3\x94s\xb2;m\xb7wP\xcd\xbe@\xb5s\xf1\x87\xc2\xe9f\x15!\xc5\xdf\xd7&lt;l\xee\xb5L\x9b\xee\x92AW\x884\x9c\xe1\xb5(B\xfe|J\x12&amp;=\xeeFP2\x01\xd0\x8b\t\xc0\xe0\xd9\x87*&gt;\xecU\x1bQG\x94&lt;Z\x0b4C\xc0\n\xf1\xb1\x16\xcf\x00\xe0\xcaq+\xc2&amp;\xf2\xe68\x9c\x9c\x9b\xa6\x1f\xc7\xdd\xa8\x04\x1d\x17\xda\x1c9\xf7]U\xc7\xd9\x87N\xf3&gt;g\xe9#\xaa\xf1\xbf$&gt;S\x14\xf21\xe6\t\x80\x124F\xb4\xb0z\xf9\x14\x0b\xff\xcf&gt;\x8ah\xd0R"H\x80:\xfe\xe2\xe2\xad\x8cV\x8c~\x18\xbd.\x0f&gt;\xa2@\x90B\xa3.m\xe39=)9\xa5\xaa\xacZi^\x02\xcd\x13\x80:\x86\xab\xe8\xd1\xf2\x0bH\xd06\x8ci\xeb\x93\xd6\t\x80\x19\xec\xd9@,b\x06u\x0c\x17i\xa3\xe5\x17\x10b\xa1\xaf8\x7fG\x93\xd7\xfd\xf6&lt;\xa8\xc0\x04\xb7\xb2\xd3\xd2N\xa8\x02\xef\xbds\xdfB"EQg\x04\x00\x00z1\xae\xc3\xe8\xe66\xf0\xf7\x97n\x06\xbf(\xee\xf8W\x13\x80\xa4\xe6:\x7f\xeb3\xe2\xbfx\x9e\x00\xba\x0c`\xa7N\xbb\xa0\xe9\xa1\xb2\x91C\xce\xca\xc5.9\x9d&amp;rg\x83\x95X\xd1\xaf\xdc\xf3\x06\xbb\xff\x16?\x85\x14\xd9\xec\xcb&gt;\xe2C\x9c\x03GL\x00\xf2\xf5\x9d;\x8b\x06\xef\xed\xadd\xdfD"\xfbf#P\x86\xf6\xaa\xa0\xc7\xdf"\x00\x02\xf1\x13\xf1x\xa9?V\xb02:\t\xd4Yv:0xup\xbb;\xcd\x98\xbf\x030\xf1 \x85v\xef\n\xf2\xfb\xdf"\x18\x11\xfd\x9a\x80\xc2E\xc8\xe5\xc7\x90i:{\xc2\xae\xf8I\xfb\xeb\xc4j\x07\xfc\xd2\xc4hk;:\xa3\x8bj\n\xd4\xaa\xa0\x86\x9b\x00\x10\x91\xa6\x04L\xd5\xfej\xbdS\x7f\xb5\t\x1bN\xf9j\x98\x03U\xc3e\x98\x90\x0b0\xf9\xba\x05\xa5!0\x04\xbd\xb3S;S\xdf\xdc\xa9\xde\x0e\x8a\x9d\xce\xc2\x1e\x00BIM\x00\xd6\x07ax\x07\xe4{\xb5\xcdZ\xad\xa9\xe6\xb9\x80\xf1\xfca\x96\xdb\x120?\x03\xe4\xad{\xa2\xf5*H\xfe\x8e&amp;?\xe6\x9b\x80\xbd\xf7\xac\'\xc1(\xa2\x17\x80&gt;\xc3m\x01\xc2\x90\x1a,\x0cLo\x1f\x89`}"\xd949\n\x10\xd5\xc9,+2\xf4\xc7\nk\xd5P\x82\t\x00:\xd7\xa4\xb3-\xb7\xda\x97y\xe4\xdae\xc1u\x0e\xf6\xe5\xb7\x9ai\xfa\xca\x9a\xa7\xeb\xd9Y\x87n\xae\xc4\xb8\x1d\xa4\xc3\xaf6\x179Hc\xbb\x9a\t\xd3d\xaa\x96[\x02\x12S6\xa9z\x8a\x020\x81&amp;S\xd9}\x81\xab\xea\xcfa\x1a\xb1\x04\xbd\x88\xce.\xb5\xad\xd3~\x83\xaa\xcbLa\x14\xb9\xad\xf2o0\x13\xff\x8f9e\x02\x00\x00#\x12\xfcE\x0f.\x15\xa7b\xca\x84\xd2\x03zV\xbf\x87\xf4O?vN\xa7\r\xd4\xc13\x00(e\xee\xc73z\xf3\xac\xcb\x00W\x91+\x81\xdbO\x99=a0#\xbe\xa9\xf3\xbe3(\xd1\x05L\xd34\x1fu\xbb\xd6s\xfe\xda4\x00\xe50\x01@\xb6\x8b\x8bDZ?\xbe\xfa\x16\x97\x81\xc6:\xba\x12w2\xb0cNV\xce\xfc\xaa\xce\xd5\x7f\x0eR\xd4\xa7m\xfc5Bw\xc5\xe6\x00\xdb\xb3\rS\xd8:P\xdc\x00.\xb5\xef \x04\x12\xd0\xf8\xaa\xf2\xbc\x01\xe97\xb4.d\x00\x9d\x10\xed\xee\xb6K\xf4b\x87=9\x8f\x8a\xb1\xbf\x864\xd44Z~\xd1\x15\xc27GH\xe9Q\xc2\x154\xbf\xf8Q\xcb\xc0\xe8\xee:\x01\xff\xb8__\xb9\x92]\x9c\xe1b\x01L\xa3\xed\x95\xc5\xd0p\x04\xd4r$\xf3\xc5E\x8dc\xedq\r\xa2\xf9"\xc5\x9c\x88?]C2\xa0\x11Q\x81\x82\xbe\xb4u\x02&gt;\x08\xbe\x1e\xa7\x90\xdf\x17\x94\xb6\xa0\xf4+\xcf)`\x11m\nk\xdd\xc4\x03\xd7\x0b\\!0\x80\x18\xa9\rF\xb4\xa5\xd1\xa1\x03@Q\x16\xfb\xd8\x934_mU\xe2"\x02\xa0g\xf4qzQ5\x19X\xd5\x03\x90\x83&gt;dH\xb5\x1f\\I\x8d1"\x13\xd9\xe8\xe3z\xa7\xa2r\xe756\xcb\x91f7\xe5\x00\x80\x81\xd4\x19\xd7\xf1;\x00\xe6M\xd3\xd4\xd1\xfb\xda\x13Y\x1e\x98&gt;RS\xb9\xd5\xcb8\xb3Z\xd7}h\xcf\x01\x02\x00\xe8P\xd9\xeb\x16\x13\x80f\xa2\x077\x0ca.\x9c\x96d\xd7S\x82\x06\xa6iru\xa7\x9a\xfe\xfd2r\x91\xa31I\x06\x00\x00\x1b\x0c\x16\x8f\xac\x94\xc9\xd5\xcb\x91\xde\x7fi#\x17Q\nU\x8d\x95\x1a\x07\xb0\xe6\xbdw?\x95\xc6\x8b\x0c\x7f\x83w\xee[\x96;&lt;\x17\x97Xl\xed\x1eZ\xf3\xea\xcfL\xc0\x7fx\xf1\xf5\xf0c\x86\x0f\xdf/\x92\x9a\xfe\xd6\xd4\x84o\xa9\x9dl\xccy\xb1\xf1\xc2o\x00\x07\x8f}\xcb}\xe3\xf5\xdes\xf7\x18\x00\xcch&gt; \xcbL\x80_Y\xfe\xce\x85\x8e\xad}\xce\xf0\xfd\x98\x86\xa2_Y\xbe\xea\xfe\xe6\xdc\xfaJ;\xbbH\x9c4\x8f7\x00\xd1N\xba\xd9\xf3\x8f\xd4LT+\xbd\xe4\xb4\x83,@R/\x81\x1dO4\xe7\xa3\x16b\x92v1\xe7\x97\xf3\xe7\x1e(u\x02\x90|\xae\x84/\x1e\x0f\x920\x01\x90:u\xe6A\x008\xe7\xaa\x8d\xe1^m\xf6\xaf}\xb8?\xd0\xe9\x1d\x80\xabm\x9f\xa6\t\xac|\xa13\xab\x90 0R\xbd\x0b\x91\x12\x0c\xd2\xba\x1b\x929{\xad\xe5\xff\xcb\xe2\x8a;Z\xd2\xd9E\x02\xbbx]sI\x03\xea\xba\xe9\xd0Zt\xef\xff{\x89\x83\xae3\xd2\xfa\x9a%\xa3\x83,@P\x1fQ\xdd^\xce\xf0nD\x92\xeb\xca)KPM*+g\xf4\x7f\xbc\x14\xb5\x9ds~\xdf\xfd\xa9\x89|` \xfe\xfa\xb7;\xba\xb9\x14\xeez\xdd\xb6\x89\x01\x00|H\x9cw\x1d\x86\xd4\x9a\xf9\xad\xf5\xdf\xad?\x92p\xd8\xcct\x1d\xfeP\xc6\xdf.v|\x13\xd5\x8d\x19\x95e\xd9\xbf\xdcM\xf5u\x93\x11\x008\x11\xd5\xc75\\u&gt;J\x1e\xc7\x8bL\x00j]\x1b\xf6I=\xfd\xcfV\xd9\xe1\x02\tqV&amp;\xe7\xb8\xd2Q\xf5u\x93\x11\xa8\xd3Q39\xc1\x0f\x815\x16\x18^\xb1?b\xe4\xbd\x96\xc0M\xfe\xa1\xe2\xda\xbf\xdc\x94U\\\xfb\xa4\x9e\xe6z\xf9\x8b\xe4\x19QR\xdaT\x84\x01\xf4\x8b\n0~\x7f\xdc\xba\xc4\xfa\xd38\xf1#\x10\xb5\xd0\x17\x1b\xb9\xf2\xbb9\xcde\xc2\x04\xc0\x88\xe7(\xfc\xb9\xee\x1dj\xef\xdflU\xd4-f%\xe6\xbfKo?\xa1\xe7\xf5&gt;\xa0\x84\xd3\xbd\xab#\xb7R\x92\xbe\xae(\x0c\x8e4w\x8ex\xa2:\xb4\x90\xe1\xf2v%\xcd\xd5\xae\nw\xedT\x8d:4P~\x81\xa3\xb6\xa0\xd72\x9f)\x1a\xa8\xef\xb3\xe4\x9d\xe2\xdd\xd0\xbb\xeb\x01=\xbd\x04d\x14\x9efC\xce\xab;\xeb\xae7\x03\x00\x03TO\x1c{"8G\xf7\xde\xfft\xdd3\xfe@\xca\xd7-f&amp;\x12\x89\x05\xf5U\x06\xa5\n\x00\x06\xd0Y\x87\xb28\\\xf0\xfd\xfc\xe6N\xcb\\\x04U\xbd\xc6\xbd\xc8@=\x86\xde\x93\x06\xe0\x06\xadx\x08\xf4\xd7\x90\x17\x1eQ]\xc5^Oy\x01RpA\x01\x06Q\xa2\xb1\xf3\x10p=\xab\x1d\xed:\xc9\xbc\xaa\xb2\x8a\xcf\xb5\x90\xc8J\xbc\xdb\x8c\xec\xefJFq\xf0\xc5R]\xff\xaa\x13\x87~\xa8z\xd9\x03}2P\x0c\x8d\xab)##\xe3tR\xef\xaaO&gt;}\xccg\xb5LT\xe2\xd2P&amp;\xc1\xf7?A\x80\x182\xe5F\xf9\x03\x00\xd0\x89\xf5\xb8\xaa\xcb\x0b&lt;\x03\xc7XQ%V\xb4x}\xe0\x1d\x00\x00(\x8f^\x08r\x18\x99\x94\xa2\xe5\xee!\xb4\x91y9\xe6\xeaJ\xa0\xe7Vu#\xbcO\x13\x80&lt;\xa9\xbe\x1aP\x88\xf0.g\xb8g\x00\x98J\x86(TJ\xf3aG\xad\x02\xf5\xfd\x97\xe5z\xe9\xfb\xee\x1cp\x85\xe1\x11\xfa\</t>
        </is>
      </c>
      <c r="E101" t="inlineStr">
        <is>
          <t>&lt;class 'numpy.ndarray'&gt;</t>
        </is>
      </c>
    </row>
    <row r="102">
      <c r="A102" s="1" t="n">
        <v>100</v>
      </c>
      <c r="B102" t="inlineStr">
        <is>
          <t>steps_per_sec</t>
        </is>
      </c>
      <c r="C102" t="n">
        <v>1200</v>
      </c>
      <c r="D102" t="inlineStr">
        <is>
          <t>3.0525215</t>
        </is>
      </c>
      <c r="E102" t="inlineStr">
        <is>
          <t>&lt;class 'numpy.ndarray'&gt;</t>
        </is>
      </c>
    </row>
    <row r="103">
      <c r="A103" s="1" t="n">
        <v>101</v>
      </c>
      <c r="B103" t="inlineStr">
        <is>
          <t>Loss/RPNLoss/localization_loss</t>
        </is>
      </c>
      <c r="C103" t="n">
        <v>1200</v>
      </c>
      <c r="D103" t="inlineStr">
        <is>
          <t>0.22735895</t>
        </is>
      </c>
      <c r="E103" t="inlineStr">
        <is>
          <t>&lt;class 'numpy.ndarray'&gt;</t>
        </is>
      </c>
    </row>
    <row r="104">
      <c r="A104" s="1" t="n">
        <v>102</v>
      </c>
      <c r="B104" t="inlineStr">
        <is>
          <t>Loss/RPNLoss/objectness_loss</t>
        </is>
      </c>
      <c r="C104" t="n">
        <v>1200</v>
      </c>
      <c r="D104" t="inlineStr">
        <is>
          <t>0.02560259</t>
        </is>
      </c>
      <c r="E104" t="inlineStr">
        <is>
          <t>&lt;class 'numpy.ndarray'&gt;</t>
        </is>
      </c>
    </row>
    <row r="105">
      <c r="A105" s="1" t="n">
        <v>103</v>
      </c>
      <c r="B105" t="inlineStr">
        <is>
          <t>Loss/BoxClassifierLoss/localization_loss</t>
        </is>
      </c>
      <c r="C105" t="n">
        <v>1200</v>
      </c>
      <c r="D105" t="inlineStr">
        <is>
          <t>0.38433638</t>
        </is>
      </c>
      <c r="E105" t="inlineStr">
        <is>
          <t>&lt;class 'numpy.ndarray'&gt;</t>
        </is>
      </c>
    </row>
    <row r="106">
      <c r="A106" s="1" t="n">
        <v>104</v>
      </c>
      <c r="B106" t="inlineStr">
        <is>
          <t>Loss/BoxClassifierLoss/classification_loss</t>
        </is>
      </c>
      <c r="C106" t="n">
        <v>1200</v>
      </c>
      <c r="D106" t="inlineStr">
        <is>
          <t>0.21876378</t>
        </is>
      </c>
      <c r="E106" t="inlineStr">
        <is>
          <t>&lt;class 'numpy.ndarray'&gt;</t>
        </is>
      </c>
    </row>
    <row r="107">
      <c r="A107" s="1" t="n">
        <v>105</v>
      </c>
      <c r="B107" t="inlineStr">
        <is>
          <t>Loss/regularization_loss</t>
        </is>
      </c>
      <c r="C107" t="n">
        <v>1200</v>
      </c>
      <c r="D107" t="inlineStr">
        <is>
          <t>0.0</t>
        </is>
      </c>
      <c r="E107" t="inlineStr">
        <is>
          <t>&lt;class 'numpy.ndarray'&gt;</t>
        </is>
      </c>
    </row>
    <row r="108">
      <c r="A108" s="1" t="n">
        <v>106</v>
      </c>
      <c r="B108" t="inlineStr">
        <is>
          <t>Loss/total_loss</t>
        </is>
      </c>
      <c r="C108" t="n">
        <v>1200</v>
      </c>
      <c r="D108" t="inlineStr">
        <is>
          <t>0.8560617</t>
        </is>
      </c>
      <c r="E108" t="inlineStr">
        <is>
          <t>&lt;class 'numpy.ndarray'&gt;</t>
        </is>
      </c>
    </row>
    <row r="109">
      <c r="A109" s="1" t="n">
        <v>107</v>
      </c>
      <c r="B109" t="inlineStr">
        <is>
          <t>learning_rate</t>
        </is>
      </c>
      <c r="C109" t="n">
        <v>1200</v>
      </c>
      <c r="D109" t="inlineStr">
        <is>
          <t>0.0293332</t>
        </is>
      </c>
      <c r="E109" t="inlineStr">
        <is>
          <t>&lt;class 'numpy.ndarray'&gt;</t>
        </is>
      </c>
    </row>
    <row r="110">
      <c r="A110" s="1" t="n">
        <v>108</v>
      </c>
      <c r="B110" t="inlineStr">
        <is>
          <t>train_input_images</t>
        </is>
      </c>
      <c r="C110" t="n">
        <v>1200</v>
      </c>
      <c r="D110" t="inlineStr">
        <is>
          <t>[b'1024' b'1024'
 b'\x89PNG\r\n\x1a\n\x00\x00\x00\rIHDR\x00\x00\x04\x00\x00\x00\x04\x00\x08\x02\x00\x00\x00\xf0\x7f\xbc\xd4\x00\x00 \x00IDATx\x9c\xec\xbdw\xfc\x06KU\xdf\x7f\xe6r\x01\x05\x15P\x13\xcb\x05l\x88F\xf9I\x11\x0b\xd8\x1bU\xec\x05[4\x16B\xa2FAc &amp;"V\x8c\x05{7Xc\xac\x80b\r\xd1\x88\x8d&amp;\xa2F\x83(X\xc0\xd8\x011\xa0\xd2\xce\xef\x8fm3\xb33\xb3\xd3\xcb\xee\xe7\xfd\xba\xe5\xf9&gt;\xcf\xee\xcc\x993g\xce\x9c);K\x0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x08\xdb\x0f\xcc,\x88\x98H\x08\xeb5 \x02f\xa6I\xefP,\x00U\x98\x1a\x1d\xc1\x9b\x01\x00\x00\x00DDt\x83\xe5{\x9e\xff\x05\xb9\x99B\x90\xeb\xe9\xd6Q\xe2\xeb)\x03\x00P\x0efx\x15\x00\x00p\xe3\x98\x0f\xe3\xa3\x0b@4|5\xc5\xce\xeb\x1e\x98\x7f\x05-\x80\xf9]\n,\xf8\x00\x00\xc0!\xb6\x15\x00"\x12W\x0bR+r9\xc5\n\xecx\x02\xadY\xe3BpbP\xcb\x00\x00\xe0\x83c\x00\x90\x08\xbc0\x90\x10\x18O\xae\xa0i\xd4\x05\x11\xa1\x01F\xa0\x0c\x00\x00W\xa6\xdc\x00\x00\x00\xa0\xc3\x88\xbb\xaa\x03}\x8f\x03/#\x93\x0c\x95\x86\xf9\x06\x00\x00ppck\x01\x00\xb8\x10B\x08\xfa\xff\x10\x91\x82\xe6\xf4\xb7=\x9es\x9f&lt;\xd1]\t\x01\x00\xa0#\xdc.\xf2r\xcf\xaa\x02\x00N\x86\xbc\xe6"\x04\xc1\xa7\x9d\x9b\xe5\x81o:QE\xa3#\x06\x00\xe4\x07n\x05\x80\xeeYb\xd8\xfe\xa6m\x07@\xdbt\x05\x1d\x02\x00\x00\x00x\x06\x00\x80\xde\xc1\x9e\xa1\x14\x10\xf0\x03\x00\x00\x00\x1ax\x06\x00\xb4e\x9e\x9f\xc5\xbc\xac\x03(\'\r1\xd4\x18j\xbf\xdf\xa3\xc1\x0e\x10\xe9\xcd\t\xd8\x7f\x02\x00\x00\'\x04+\x00 \x94\x9c\xb1\x14\x8e\xc4\x01\x15\x90GP\x9d\x1f\xc3d\x92\xae]\xfc}#3\xf7\xae\xb1\x19\x9ei-\x07\x00\x00\x8c\xc19\x07\x00S\xaf\xd5Z\x8a\xf30\xf7\xac\xccK\xf8\x94I\xb7\xa8#P\x8bQVQ\xba\x90si\x98\xfc\xca\xb6r\x84\xd0\x81\xda\x00\x00` \xa2\xb7\x00e\\\x17\xce\xbf\xc4,\x84@p\x99\x8bmRMP\xde\xf8\x045\x04j\xd2El=\x00\x1f-7\xcc\xa9\xd1\xb7\x12%\x84\xb16z\x01\x00@cb=;\xf3 \xbd\xc29h\xb9\rW\xda\r\\$\xe5\x89s\x1d\xdb\x07\xc0\xa8\xac\xadr\x9c\xd0\x7f\x86\x991\xc6\x03\x00\x00O\xce\xb9\x05\xe8\\4\xde\x86+\x84\xc8\xdb\xad23\xd1c\xf6\xf9d\xcc\x02\x00\x10\xc7\xd4\xd6\xff\x86\x06\x8b\xfe\t+&lt;\x00\x00\x10\xc2\xfe\xb8\x89\xfd\x97\xa01\xf3\x1c&lt;\x8d\xd7%\x9b\xd8\x8e\xfd\xd9\xe6\x1a\xf7\xd3\xffXb\x02\xa0\x198\xf9\x07\xa8\xc0!\x03p:\xb4\x15\x00q\xa6\x9d\xf3\xa7y\x14X\x08:\xd1\x06\x99\xad\x18\xd2\x8c\xdd\xael\xe8l\x00h\x06Z\x1f\x909E?\n\x00Pi\xee\xe8\x0bN5\x9dk\xe2\xfc\xac`\xd1\t\x00\x00\xfa\xa5\xdcc`\x00\x80\x86\x9c\xfc\x19\x00D\xff#0J\x05u3\x0b\x86\xf3\xce%&gt;\x13\xaa\x00c\xf0\xf3\xad\x05\x00\x00\x80\x8e\xf0\xe9\xbc\xd1\xc1\x83\x0e`\x86)\xf6\x07\xc6B`\x04\xde\x98\xc7\xdd\x92\x8a7\xac\x01\x00\n\xf1qG\x17\xc0\xf5\x00\x00\xcc 4\xb9*\x18\x90W\xe3\x16\xad\x05\x00\x00\\\x94N\xbc|\'b\x00\x00@\t\x86qq\xbc\xd0Z\x10\x00\x00\x18\x95!\x9e\x01\xe8d\x8fx\'b\x00\x00@~\x86\x0b\xa7\xe1\x91\x01\x00\x00\x00\x00\xc0\xe5I\x98\x17\x1flB},i\x01\x00\xa03\xba\x98C\xc1)c\x99Yzr\xc3\x0b\xb6\x00\x00\xe7\x05\xbe\x14\x00\x00\x80\x0fCl\x01\x02A\xf0\xe7.g\x9fb\x8e\x0c\x80K!\x10\xfb\x83\xbc\xe0q\x0b\x00\x80\x93$\xef\x00\xffR\x82GB\xab\x00\x00\x00\x12\xc0\xf3\xd6\x00\x000\x1e\xf0\xda\x00\x00\xc2$\x0b\x88\x05\x03\x00\x00\xce\n\xb6\x00\x9d\x19l\x07\x00\x00\x00\x00\x00\x00\x1a\x18\x00\x9c\x95i\xce\x06\xd36\x00\x00\x00\xa2\xb8\xed\xdc\x83`*\t\x00\x00\x86\x01\xeb\xb6\x00\x80\x19\xb8\x02\x00\x00\x00\x00\x00\x00\x00\x00\x00\x00\x00\x00\x00\x00\x00\x00\x00\x00&gt;`}\x19\x9c\x87\x9fk-\x00\x00\x00\x00\x00@\xf7`\xaf9\x00\x00\x00\x00\x00\x00C\x90\xe7\x14 \x9c\x10P\x05\x8c\xb2\xbc\xc0\xd3\xcf\x00\x00\x00\x00\x00\x0e2\x1d\x03\x8aC\xc2*p\xa5\x986\xfd\xed3\x18\x03\x00\x00\x00\x00\x00\x18)\xfa\x1e\x00D`Y\xc1(\x0bd\x00\xad\x12\x00\x00\x00\xb8:\x05\x07\x00\xcc\x98\x85\x05I\xc4\ry\xa6\xf7\x1fc\xb4\x04\x00\x00\x00\x00\xd0\x00\x0c\x00\x00p\x80\xb75\x03\x00\x00\x00\x00\x00p!0B\x06\x00\x00\x00\x00\x00\x00\x00\x00\x00\x00\x00\x00\x00f0e\x0e\x00\x00\x00\x00\x90D\xd1\x87\x80\x11\xab\x01\x00\x00\x00\x00\x00\xd0\x17E\x8f\x01%\xcc\xd7\x82\xdc\xe0t\x1fp\x19\xf0J;\x00\x00\x00e(8\x00\xc0a\x8c\xa0\x0f\xee\xdaZ\x00\x00"@\xec\x0f\x00\x00\x00\x00\x10I\xd7qT\xe2\x0b\x8f\xc1\x89y\x0cl\x03\x00\x00\x00\x00\xe0|03\xa6z\x01\x00\x00\x00\x00\x00\x00\x00\x00P\x0f\xbc\x97\x10\x00\x00\x00\x00\x00\x80\xf3\x81\x10\x1f\x00\x00\x00\x00\x00\x00\x00\x00\x00\x00\x8c\x00\xe6\xb1\x00\x00\x00\x00\x00b(\xfd\x1e\x00pi\x8a\x1dq\xf3=\xccx\xd3\x1c\x00\x00\x00\x00\x00\x00\x9dQ\xf4\x8cK\x1c\xa0\t\xf603\xd1\x17\xb4\x96\xa268K\n\x00\x00\x00\x00\x17\xe1\xfb\x98\x99\xbe\x10q\x0f\xd8\xb8\xe0\x98\x90\x17Z\x0b\x02\x00\x00`\x18\xf0\xa6^00S\xd0\x83wN\x83+\xb3\x86\xfeB\xa0\x15\x00\x00\x00\xf0\x02\xcf\x00\x80\xe1\xc1\xd4\'\xb80\x88\xfe\x01\x00\x00\x04Sa\x00\x80\xe8\x0c\xa4b\xdb\xe2,\xc5&lt;03pE0\xfa\x05\x00\x00\x10A\xe6\x01\x80i\x1f*\xe6\xa5F\xa4\xbb-\xc5\x16i\xe6yO\x1c\n\x04N\x84\x97%?\x03\xfb\xfe\x01\x00\x00\xc4\x923:\xc7V\xd4\xf3\xc0\xcc\xc3\xd4\xe3\x16\x05\xe1a\x00p\x02\x98Y\x90\xb2\xbce\xbbl\xfd&lt;HS\x05\x00\x00\xd0\x0b9W\x00rtB\x98\xd0\xea\x03!\xc6\t)\xa4m@0\x1f0&gt;B\x04\x0cc\xc5HM\x15\x00\x00@/d\xde\x02\x94\xd8\x1b1\x13\xc6\x00 \x14!\xfe\x03" p"BF\x00\x00\x00\x00@\xaf\xf8\xc6\xf48\xcd\x1a$\xc0\x18=\x82+\xa1\x18&lt;&lt;\'\x00\x00\x80\xbe@X\x0f\xf2\x01[\x02`\xe6kY\x19\x00\xa0i\x00\x00\x00\x00\xe0\x84 \xca\x01`\x85Y[\xf5B\xd3\x00\x00\x00\xe0\x05^\x04\x06F\x02\xcf;\x0e\x00Fh\xb5\x10\x82\x88~\xb1\xb5\x14\x00\x00\x00\x00\x00\xe0\xda4Y\xa29\xcb\xba\x90\xad\x14\xb7HN\x01\x80P`K\x00\x80@\xb0O\x03\x94g\x0c\x03c\xe6\xb7\x8dm\x0b\xc36\xa2&amp;b\x0f\xaa+\x19\xb6\xbd\xf1\xfa\x14\xa5\x03\x00\x00\xd0\x11\xf97T\x9c\xe2u`\x8cc\xf8zf \x1b\x9bD\x8d\x93\x93\x99\xf1j\xb3K\x91b-\x00\x00\x00\x80?\xf9\x9f\x018C\xefu\xef\nyLS}\xb7\xaf\x90\x13h\x88\x10\x87otu\xdc\x8b\xf3\xe0\xaf\x85\x10B\x88\xd7R\xbf\xc3\xdc?\x00\x00\x80Q\xf0\xdd\xbap\xe5\xbe\r\xbb\xa4\xe2Y\xf6\x98A\x81\xa7\x05\xdb\x08\x01\x00\x00\x80Sb\xdb\xedz\x15\x10\xdf\x80\xa1\xa8l\xae\x11\xd9\xa1A\x01\x00\x00\x00\x00\x00p\x1d\xbe\x11\x03\x00\xd0\n\xd8\x1e\x00\xe0\xbc`\xdf\x05h\r\xb6\x85\x00\x00\x00\x00\x00\xa4\x12\xfc\x100\xf3&lt;\x12\xf8\x08\x84b\xa0.\x93\xc5a\x0cp\x1dP\xd7\xe0\xe2\xe0a\x18\x00@\x0f\xb0\x06=\x19\x8e\xe9\xdc0\xd1?\xb5\x96A\x01}\xe1\x95\xc0\x92#\xb8:\x18\x00\x00\x00\n!\x889\xf4\x9cB\xd9\x1f\x9d\xe1\xd0O`a\xa0\xe3\xf6\x01\x18\x92p\xf7\x0b\x00\x00\x00\xa4sC\xc4\xdc\x82\x1a\x0ebr\x02\x00\x7f\xd0^\x0087h\xe3\x00\x80\x01H}\x11\x18\x16\'\x17\xb0]\x01\xf8\x80\xe9^ \x81\xe9\xff\x13\x82:\x05\x00\x0c\xc0\r\xe8\x802q?\x8a\x1a\x0e1\xf3\xc3z\x1dEMK=\xe2\xe1\xad\xe5\x00q`D\n\x00\x00\x00\x80\xbcl\x8f\x02\x03"\x9aw\xcc\x87j\xe3\x1f\xcfr\xb8j\xe9\xd7\xba\xc1\xd8\x00\x00\x00\x00\x00\xba\x00\x01Y*s\\\x9b\x18\xda6\x8f\x8c\x0b\x8fa\x94\xb3\xa7\xfe\xbeua\x01\x00\x00\x00\x00F\x06\x1b\x80V\xb8\x996\xf4\x93@\xdaI\xd2+\xda\xdc?N%\x02\x00\x80h\x98y\xda\xe0\xd9Z\x10\x00@3R\x1f\x02\xa6\xb3\xbc!\x98\x99\x88~\xbeM\xdez8;\x96S\xf6\xdf\x99\x13o!Z\xc4\x8f\xbd@\x00\x00\x10\xcdX}\x0c\x00\xa0S\xde\xf1&lt;\x0f\x03\x9c\xa0\x08u\xf9p\xff\xaa\xcf`!\xcaF\xa0oCe\x81k\xc1\xccD_\xb2\xff\xf2\x14\xbe\x17T&amp;l\xce\x0e6\x06\xc0\xf9P\'\x02\xe2\xdeJ\xb3\xf8\x06,)\xb6b\xaa\x81\xb8\x8d1\xcc,(\xf28B\xff7\x85e}\xa7\xd8\xd6\x19a/P&lt;x\x05\xd5x\x186\x07\xa6\xb4}\x00&lt;af\xd8\x18\x00\'c\xbf\x05(|\xa0\xbf\xf8\x85\xd6s\x04\x97\x9c\xa2\xb8M\xda\xe6+f\x1aOq\xe8\x87\xd2\x99*~\xaa\xf9\xd1\xea\xff\xba\x18,_\x08\x81\xc8\xac\x1c\xd2awh&amp;\x00\x80S\xa1\x0e\x00\x84\x188\xba\xe2\xf6C\x90\xca03\xbfd.t\xe7A\x80\x10\xe2\xe9]\x0by\xb5\x0e^\x08\xb1\x0e\xdd\xbb\xad\x14\x00\xfa\xe1\xd2\xcd\xa4c\xd7\r\x00\x88\xe4\xb8U{.1c%:\x10fNR\x97\xbc)3z\x0f\x0fe\xa8\xb8y*9|\x03X\xd2aG\xd9\xec\r;a\xe6\x91\xcf\xc5\x95\x00\x80\x81\xac{\x17\x01\x00\xa0#n\xcc\x95\x10\xfcc "m\xcaY\xbd7A\xf7\xc9OnL\xf7rx \x9dd0\xb9\xec\rG\xae\x12\x06A\x008A\xe3\x00\x00\x9c\x0f\x1f\xcf\x96:W=\x14\xdb\xd6\xe8\x9e\x8b\xdc\xdb\xb9\xf8)O\x12\xb7\x06\xf3\xdf\x00\x00\x00\x00\xb8\x16&gt;\xef\x01\xb8\xd4Cfb\x9b[\xbf\xfb\x00\x9b\xc2E\x07\xd1?\xcd\x0f\x8f\xb4\x17#\nA\xf4q\xade81\x034"\x00\x00\x00\xe0j\xe4\x0b\xda\xb6\xc3@\x07\r\x04\x15\x1a\x9ezv\xbc\xebT\x9a\xff\xc7\xd1\xab\xa0gpz \xb8&lt;\xd8f\x08\x00\xe8\x91\x0co\x02\xde\xf1\xd2\x02i\xd6\xa6\xe7\xa8E\x9eS=\xe3\xb9G\xc6"=\x15s\xc9]rpzR\xcf\xedh\x14\xfc_\xf5\x85\x97\x82u\xc8\x90\'-\x03\x00@\x10\xe8~*!\xbf\x10W\x1b\x0e\x9cV\xff\xfcE\xa7-\xda\xb8\x0c\xfb\n\xf0\xa1\xc4\xf6\x15\xf5&lt;od?\x1b\xccL\xf4\xee\xad\xa5\x00\x00\x80b\x9c\xa2\xfba\x1a\xe6\x9d/\xba\x90xa\r\xa8\xca\xd0\x11\xe7\xa0b;\xe9\xbe:z\x96\xad(\x97-8\x00\x00\x0cB\xf1\xf7&gt;\x96\xec\x9e\x8dk\x02\xe5\xb2\x03 \x8f\x81a\xd4z\r\xfa\x1e\x9c\x00\x00\x00\x18\x89\xa7eO\xf1Ws\x0e\x00\xfe$G"\x01h]l\xf73\x82\x9d\x02\xa5\xc9`e\t\x00\x00\x008\x19xD\xaf\x1c\xeb\xbb\xb1Z)\x99\xfb\x7f\xa1A\x9f\xe0\xb5\xd6\x12\xdbh\x08\n\x01\x00\x00\x00\xceA\x89S\x80\xc0\x84\xa0\xc6;\x8d\xc5\x9f\xe4\t\xda\x9e{\xca\r\xd3\xc0\x0b\xd4&lt;\x00\x00\x00p5\xb0\x17\xe2\xea\x0c\xfd\xa0\'\xc8\x01\x0c\x00\x00\x00\x00\x00\x15\x89\r;\x18ak6.\xa2\xc9\xd3\x17\xf0\xda\x9c\xdf\x80\x01\x00\x00\x80\x00\xfa\xdd\x02\x94%\xea\xbc@\xe4\n\xd2\x98\x1fo\xc5\xee\xf6*x\x0c&amp;\x8b\x8c\xde\xf1\xf4\x02\x00\x00\x00 \xd1\xef\x00`\x86\x99\xe8\xa3[\x0bqa0\x80\x02\xf9`\xed\xff\x00\x00\x00\x00\x00\x1a\xcc\xf1\xaf\xe5\xc2.\xa0&lt;\x94~1B\x17\x9c\xb8hc\xf2\xc5\x8cM;\x00\x00\x00\x00\x00\xad\xc08\xea\x04\xa0\xfa\x00\x00\x00\x00\xb0\xd1\xfd\x16 \xd0\x98\x8fi-\x00H\x07;\xe0\x01\xc0#a\x00\x00\x00\x807\xcbF,\x00\x80\x8dN\x1b\xc8\xbb\xa0\xe5.`S(\x00\x00\x80\x16\xa0\xef\x01\x00\xb8\xf8\xd4\xbc\xc9a\xe8.\x83\x01\x00\x00\x00\x806\xf8\xf5=\xe8\x9f\x00\x00\xa9\\.\xde=,\xe9\t\x15\xf2\x96\xad\x05\x00\x00\x00\x00\x00\x00\x8dY\xa3[\xbe\xdc\x00\xc0\xcez\x88\xd9\xe9N3;SY\x00\x00\xb5\xc1C\xc0\x00\x00p\x0e\xc4\xee\x03\xd8\x10B\x9cK3\xe5\xca\x82\xa1#\x00\xe7\x07\x03\x00\x00@!N6\xe1:\x12B\xfa\xef\xc5\x11\x82\xa0\t\x00\x00\x00\x00\x00\x00\xae\x03\x1e\x86\x06\x00\x00\x9d\x91V\x00\x0e\x17%\xb1j\t\x00\x18\x933\xac\x96\xbc\xb2K\x0f\xfc\xe3&lt;\xbef\xe3y1\x11\x11}\x18:G\x00\xc0\xc8x\r\x00\xe0\xe6\x00\x00\'\xa6c\x17\xd7o\x94\xd9\xad`\xd5\x80\x06\x00\x00\x00\x00\x00@~\x10e\x02\x00\x00\x00\x00\xd8\xc1)\x8d\x00\xd8\xc0r.\x00\x00\x14e\xa4g\x00\x00\x00\x00\x9c\x9ei`\x1c8:\xf6\x19N?-V"\x00\x00\x00\x00\x00\x00@1\xe6\xc51\xbf\x11\x00\xab\xb8/\xfbf\xac\xb9\x01\x00\x00\x11\xe1td\x00\x00\x00\xdd\xc1&lt;\x1d\xe0\xefq\xa1\x12\xd3\x0b\xf3]\xf3Ux\'\x00\x00\x00\x0c\xcd\x97\xb7\x16\x00\x00\x00@{&lt;\x9f\xa5\xf1_R\x00\x00\x00\x00z\x06\x9d\x19\xe8\x02\x84V\xf5\xc1\xe3\xe3\x87\\\xf6!\xfb\xd0\xddS\xa5\xe5\x01\x00\xf4\t\x1e\x02\x1e\x15\xf8m\xd0\x0f0F\x90\x8d[d\x89J\xafm\x92\x1e\xbb\x9c\x10\xfa\x03pq\x86\x1e\x00\\\xda\x7fY\xb6\xba\x02\xd0\x00\xd8bM\x96Cr\xce\xb9\xf0\xc2\xff4\xff?-\x19A\xe4\xf9\x10\xc1\xd9\x10B\xa0E\x02\x00\x0e\x19z\x00\x00\x1f\x07@{\x848E\xa8\x953\x98\xaet\x86\xfd\t\xc3\xff\x8dT\x8bB\x1c\xec\t\x96\x02\x00\xb8&amp;C\x0f\x00\x00\x00=p\x8a0K\x10\xd1\xff\xca\x97\xd6\x8fgJ\xca\x99M\x86qWw\xc1\x9f\x10\x02\xcb\x9b\xd5\xe9\xce\x0c\x00\x00\xa5\x81\x9f\x05\x00\x80k\xc2\xcc\xd8LxQ\xfc\x8eO\x05\x00\x9c\x16\xac\x004\x07S/\x00\xb4%\xbe\r\xda\xcfQ\xa9\xb4\x0b(\r\xcc\xb5\x03\x00\xc0E\x19w\x00\xd0\x7f\xe7\xea\x05\xb6_\x02\xd0\x9a\x12A06\xa0\x87\x81#)+#\x0f\xfd0\x0e\x04\xe0\x82\xdc\xd8Z\x80hN\xe2\xb0\xc4/\x11\x11\x9f\xa68\xa0c\x98\xf9\xccg\xa3L\xe1c\xe5W\xbd"r\xcaB\xbe\xd0\x1f\xbe\xd4\x1f1\xcd\xa3\xc1\x86\x01\x00\x00\x80\x13\xc3\xccL\xaf\xb7\x8f\xb4\x1e\xd9@\x96\x8c,\xb1#/\xb4\x15\xa7Cf\xb5t\xac\x99\\u\x87\xda\x0f\x02\xed\x05\x00\xd0\x0fpF\x00\xd4\xa5\xa7\x08 4"Y\xae\xff1\x92\x83\xc8\x9eJ\xe4EI\x81Y\xa2\\.\x89\xf4/\xe1IY\xdb\x0b4\x0f\xc0\xe5\xc0\xda\x1f\x00\xc0M\xd0Y1I{0\x96m&lt;\x01)0\xf3t\xbd\x1c&gt;bW\xc3\xc4(:Y\xe5\xecY\xc8\xb1X\xdb\x05\x00\x00\x18\x19\xf7!`\x00@\x10\x91\x93|Sl\xd6\xed\xec\xec\x1a\xe5L\x1f\x84@\x10yIz\xb5\xcfF@\x1b\x00\x80\x93\x82\xf5b\x00\xbcI\xda\x04\xb2\xde\xfb\xc8\n-\x0e\xed:7Wp\x95W(cq\xb0\x0b\x0b\x80\x8b1\xeaTY\xc4V\x01\x00\xaeI\xe2&gt;\x90Q\xb6\x91\x80\xcb\x82\xee \x1d\xec\xc2\x02\xe0j\x14\xda\x02T|\x16\x01o\x8b\x07 \x8a\xc0\xb6\xd9\xe3\x8c`\x87"\xa5\xf0a\xad\x05\x18\x05k\xbd\x0b\xf4\x07\xc9L\x1a\x84\x1a\x01\x00\x89\x0cx\x10\x07\x00\xa7\x84u\x88\xee\x16w7\xd1\xfb\x14\x93\xf2T\xf4z\x12Q\x87"y1\xc4AF\x00\x000\x16\x18\xee\x03pn\x94\xa8)\xf4=Y\xd2\xc6\x80\xb0\x1b\xaf\xcc\xb2#e\x1e\x05t2\xab:\xee&gt;\x19\x18!\x00\x00dg\xdc7\x01\x03\x00|\x98C&gt;f\x16D\xa1\xf1\xd3\xf4\xb2P\x04^AL\xearLW\xb7\x8a\xc5\x87\xaeB\x18!\x00\x00d\x04\xfe\x14\x00\x00\xf23G\xf94\x87\xae\x86\x9f\x06\x9c\x8c\x07\x00\x00p\x0e\xf0\x1e\x80\x1e\xc1VW`\x02V1\x12\xc2\x12\xfd\x03P\r\xb9+a\xbc\xf1\x17\x00 \x81\x01@w,.\x1b\x9e\x1a\xec\xc9f\x15\x18d\x16G\x08[\xf4\x8fA\x01\xa8\xc3\xba\xca4\xb5w4z\x00\xc0\x8a\xcf\x00\x00&gt;\xa3\x05\xd0:\xd0\x11\xb9\xf6\xec-\xd1\x00\x8c\xac\x15B\xfchk\x11\x00\x00\x00\x00\xd0\x17\xb7Cd\x06\n\x82C\x15\x01\xb8\x16\x0fB{\x07\x00\x9c\x1c\xf88\x00\x8e\xc1\x00\x00\x00\x00\x00\x00\'\x07\xe1\x0e\x18\x95\xb7\xc3\xa3{\x00\x00\x00\x00\x00\xe1`\x00\x00\xc0\x95@c\x07#\x81\x1e\n\x00P\x99\xab\x9c\x02$\x84\xc0\xa9\xdb\x00\x00\x90F\xf1 U\x8b\x83qxe\t\x96\xf1\x06\x14\x0b\xc0u\xb9\xca\x00\xe0\xe2`z\t\\\x0c\x8c\xf6\x83\xf0\xf7\x0f5\x14+\ts!\xafU\xdfd\xd1\'\x00pe0\x00\xb8\x10\x98\xf2\x01\x00\x98\xe8v\x81t\x12\xacO\xd9r"\xeco\x8d\x08t\xda\xf2\xc5\x1fr|5\x06\x01\x00\x80\xd3s\xe5\xf0\x97%Z\xcb\x02\x06\x00;\x04\x00\xe8\x86\x98f\xf8\xf5No\xcf*\t\xb2\x01\x00F\xe5\xfc3++\x93\x9b\xebu\xa2\xab,\xb2\x8b\xbf\xa6\x06@\x10\xab\xc1\xc0Z\xcaqe\x8f\x04Js`]\xccS\xe7?5t\x18!\x00\x17\xe4\xc6\xd6\x02\x00\x00\xbaC\x08bFX\x10\x01_jV\x05t\xcbA\xe3]~E\x13\x07\x00\\\x82+\xafub\xb5\x17\xa4P\xdfx\xc60W]\xc2\xa0}SLtSfy\xce\xcc\x97\xb5\x16\x00\x00\x00\x00\x18\x90\x17bW7\x88\xa5E8&gt;\xc0\x00\xc0$a\xef2\x8f\xc8\x18\xa3A\x00\x00\xb8\x12p\xca\x00\x00\x00\xc0h`L\x05\xc0\x85I=\x06\x14\x0e\x04\x00\x10\x05|\x07\x00\xcdX\x96T\xd0\x0c\x01\x001`Y\x16\x80+\xc0\xc1c}x\x06\x00\x00\x00\xa0W\xd2V\x00\xd0\xc5\x03p\x01\x98\xc3\xdb:N\x17\x01\x00\x00\x00\x00\x00`Xp\x84T9\xa0U\x00\x00\x00\xb5I}\x06\x00\x00P\x9awj\x7f|\x13\xe6\xf3\xcb\x01\xdd\x82\xda`&lt;\x0f\x00\x00\x00t\x0f\x87o\xc1\xcf/\x02"\x06\x00\x86\xe5]\x94\xc6\xbb4g\xb4h\x00\x00\x00\x0b\x88\xf3.\xcbQ\x94\x0f\xc3\xb0\x82\x01\x12\xe8\x98]\xb8\xffS0W\x00\xae\x0eV\x9f/\x0b[k\x9f\x19/\x88\xbf"KD P\xfb\x81\xac\xb1\x14T\x07\xba\x84\x99I\x10\xc1\xb1\x03\x00V\xf0\x0c\xc0Eq\xcd\xfe\xa0\x93\xb8$\x1e\xf3\x81\xff\xbe\xbc\x14C"\xc4\xf4\x0f\x1a\x0e\xe8\x93\x87\x11a\xba\x0f\x00\x00\x00\x11\xb6s\x80=\x07\xfbX\xb0g\x00\x80\x1e\xf1h\x98\xd8\xf1\x0f\x00\x00\x00\x00\x00\xc0Y\xf0\x8c\xec1\x00\x00\x00\x00p\x04\x1ej\x04\x00\x00\x00\x008%x\x06\x00\x98\xf9\x19"\xc2\x89@\x00\x00\x00\x00\x00\x00\\\x07,\x02\x00\x00\xc0\xc9\xe0\x05\xc7\x055\xe5\x01\x004\x01+\x00\xc0\x8a\x10\x02\x07\x9b\x00\x07\xccLt\xb3\xd6R\x00P\x13\xf7\xd3\xb4\xd3OO\xad$K0J\xdco\x0b\xf4\xe1\xf5\x01\xb8\x02h\xe8\x00\x80\x18\xb6\xc3\xef\t!\x03\xd0\x99\xcc\xe3|3\x08K\xb9\xc8\xd8{2\xb3\x98\xde\xb1\x92\xbb\xe0y\xf4\xb9\x0b\xf9\xcfWA\x00\x00O\xb0\x02\x00\x00\x88\x80\r\x9f\x00\xb8\x06\xccd[\n\xe0"\xc3a\xde}\x00\x00\x80$0\x00\x00\x00D\xb0\xc58\x98C\x04\xd7a\xda\x17)\x84 \x12\xbbE\x805:\xcf&gt;\xfd\x9f)!\xf1\x14\xe5\xafL\xa9\x02\x00.\x0ef&amp;\x00\xb8\x16xL\xdc\x1f\xc6\x9b\x98\x06\xc7\xc3\xda\x0f\x1e\xae\xb5\xddt\x18\xe0\x1f&gt;\xb6\x1b\x9a#3\x7f\xb55\xb5cy\x00\x00\'\xe0\xc6|I\x95\x9bM`LU\x00P\x14f\xb6mkv m F#=@\x10\x11\xfdUk)@\x12G\x8b]"f\x8cW\x7f\x05\xed`\xe3\xbf@S\x06\xe0\nd\x1c\x00\x94\x03\xde\x08\x80\nD7\xb4ij\x92\xf1@\xa1\x0b(gp`\xde\x00\x803\x81g\x00\x00\x00y\x82\x1bl\x07\x02\x17G\x88\x7fW6\x03\xa5\x89\xa1\xb9\x01\x00\x00\x00\xa0\x1d,\xf1t\x0c\x03\x00\xc8\x8d\xe9\x19\x0044\x00\x00\x00\x00T\xe0~\xb6\'\x11\xe5!\x00\xe2\x12\x00\xc6\x03\xef\x06\x06\x00\x0c\x07|S&lt;s\xc4\x06\xff\x0e&lt;X\xe2\xfb\xc37\xa1\x02\x00\xce\x03\x06\x00\x00\x9c\x8fs&lt;\x03\x80g\xb3R\x81w\x07!8Z\x1c\x1a#\x00\x00\x00\xd0;C\x9c\x02\x04\n\x12up]e&amp;\x01\x11Y\xb6\x07\x07\xa1\x00p=\xba\xef"\x00\x00\xe1\x9cc\x05 \x91\x14\xef\xf6\x05\xd9\xa4h\x85r\x94\xfbt\xcaDo\xee~\xff\xc6M\x00\x00\x005\xc0\xf6\x1f\x00\xc0\xc9\xf8\xed\xe5C\xae\x90wh7\xd9a\xdc\x0fN\x80nTxJ\x18\x80&gt;q&lt;\xc4\x8f6\x0b\x008\x11\xf9=\x1a\\$\x00\x1a\xe6\x01\x00\xe2\t0\x08\xff\xab\xb5\x00\xf5@\xdb\x04\x00\\\x02x:\x00\x1aP;\xc8@3\x07\xb10?\xefr\xc6s\xb5\xf2\x02\x00\xae\x07\x06\x00\xe7\x82\x89\xbe\xc6\xef2p%\x98\xe9\xbdQ\xe9 \x0b=\x1b\x12c\x1b\'\x00\x00x\x81\x01\xc0\xb9\xf0\xaaJ\xbc\xf1\xa0%m4_/\xd3\xa37$\x80\x81\xe9\xbc\xbf\xf8W\xeb\xc2\xda_\xf7+$\x00\x00\xf4\x01z\xeb\x0b\xd2q\x17\x0e\xba!\xc6H\xb0\x7f\xfa\xec\x8cP\xb3\xc7\xef\xe9\x03\x00\x80\x99\x8b\x1f\x03\x8a\xc3%/Fw\xc7\xd8\xa3\xab\xee\x8e\xb8\x18\xbe;\xcb\xaa\xcb\x05F&gt;#T\xb0\x10\x84Y\x0e\x00\x80\x1fc\r\x00r:6n\xd3iaz\x06\xcc`\xbe\xb8Ob_v6B\x80X\x88\xf9)\x0bXs\x1c9;\x05!\x04\xde\xd6\x07\x008\x1f97p\xabK\xf6\x95\xba.l\x12\x00+0\x06p\x1a`\xc9\xd1\xc0\x0f\x00\x00\x9a0\xd6\n\x80 \xf1F\xa5R\xae\xc1\xad\xaa\xe4\x02\xc6\xe0zsu\xbf\xd3Z\x00P\x8a\x81-9d\xd3|\xa1H]\xd5\x1d\x06\x03\x00\x00\x90\x8d^\xce~a\xe7CZ\x98\n\x02\xa7\xa5\x0b\xdbn.\x00\xe8\x8e \xaf[\xc6\x86a\x96\x00\x80\x06\x8c\xb5\x02\x10\x8d`"\xa2wo-\xc6\xfc\xa4 3\x1e\xd4\x02\x17C4\x99$\xd6\x06\xdb\xc3\xceRGr\xcf\xd6\x02\x8c\x81\xbfa\x961\xe1\xab\x99%\x00\xa0\x0b\xae\xe3z8_a\x13\x93\xdaf\x91v!QF!\x01\xb8:SK\x1bxw\n\xe8\x83\xd9\x90\xa8\xf7\xc3\x9e\x98\xb9\x7f!\x01\x00\x9d\xd0b\x05 z\xf2;\xe9\x84\xe3\x8c&gt;11\xa9\xed\xf6\xdd\x822\x1c\xf7u\xd8\xaa\xfe\x02Gw\x9f\xbbt\xe0\x12to\xc4\xff\x9b\x06\x10\x12\x00pa\xe2\xdf\xc6\x9a\xb4\x8d\xf80\xc6\xaa\xea9Y\xa2\x95\x0c;N\x1f\x86vE?\xf5^\x816\x05\xbc\xc0\xc8\n\xd4a\x84\xb7\xbcM\x12&gt;\xa0o!\x01\x00\xd7&amp;\xbaW~\xc7\x04/\xec\xba\xb1\xfe[&lt;-\x03\x00\x00@F\xd0\xb8@.\x98\xde\xb1\xb89%u\x07\x05_\x03\x8cv\x04\x00hMB\xd0||\xfcN\xedp\x1c\xafm\xcf\xc9\xffi-\x00\x00\xe0$4\xf2\xcci}Pt\x17\xe6\xbc\xc5}r\x1d\x00`\\\x06\xdbt\xbez\xb7\x88\x07\xfb\x98\xd9v\x97\xe64\x85\xa0\xe14\xd3\x0e&lt;\xb8\x0c6\xf0\xdc-8\x01\x9eO\xd32s\xde\xce\xc2\xd1I\xf9\xdc;}\xc8\xda\xfa\x1cGV\x00\x00\xc6\xa6\xd91\xa0\xf5w\xbf\x04\xf8\xaf7-)\xc7\xd9@\xaf\x00V0M\x08\xce\x80\x10^\xd1?\xe5&gt;\xcf9%\xc8.\x13\xa0\xcf\xa9"\xfa\x07\xe0|4k\xd5\x113\x85\xf2\x80!\xaf?\xda\x0fE\xe0\xef\x00\x00\x008(3\xe9\x0e\x00\x005\x18\xe6E`E\x97\x0b\xe0\xbeO\r\x1e\xb6\x06\x00\xe4G\xea8\xe0^\x00\x00\x83q\xe3\xf4\xbf\x94\xad\x87q\x84e7v\xf46\t\x8f1F\x1b&amp;\xdb\xc1\x10\x0f\x00P\x08f\x1f\x0f\x13\xfc\xb8\xd4n\x85\x81\x17o\x06w\x06\x00He\x88\x15\x80\x1a\xe1\xbf\x10B\x88\xd9=\xe7u\xae\xd3k\x0f0\x03\xdd\x86m\xa7Yl\xad\xa2\xe2\xc0\xd9\xd9/\x91a\xd1\xcc\x8fYE_\xe7uqB\xc7\xe2\xf9\xbc\x01j\r\x00\x10\x8e\xbf\xd7h\xe1_X\xc7\xff\xa6\xd2\xa2\x8d"Fo\xd49Z.]\xf98\x02\x0f\\\x00\xdd\xc2\x074\xfb\x00i\xb5\xa3-\xa3\x0b[\xfa\xfc\xe8-\xf1\x0f\x99\x06\x00\xc7\xef\xd0D_\x03\x00(\xcaw\xd6\xcf2\xc2\xd5"\xf2\xee\x99:\xb5c\xca%0\xd3\'\xc1\x84\x008\x0fjW\xe2\x1bX{$U\x88\xe1Fb\x00\x80S\xd3"\xb0V\xe6l\xc0\xe8Dw\xba\x11YU\xc9\x05\x8c\xc6\xcf\xc1\x9f\\\x12\xe3\x00 5%\xd8\x12\x00\xe0*&lt;\xb9\xb5\x00\x00\x80A\xe9"T\xc2\xf2`1FSl\x82%D\xecM\x05\x00\x00\x00\x00\x00\xe0T\\5\x0e\xc6"\x00\x00\xe0\xcc\xc0\xc1\xf5\x0c\x13\xfdIk\x19\x00\x00\x00\xa4\x80\xb1\x04\x00\x00t\xceE\xe7\xba\xce\xcd\xcb\xd2\x93\xc0~\x00\x00\xa2(\xd1j\x06k\x8c\x91\xdec\xa82\x02\x00\x9a3\xc4{\x00:ev\xd2p\xbb\xe7\x82\xf9V\xa8S0.\x83?\x90\xaa\x1f\x96\x9f\x1e\xbb\x8f\xd6\x9ac\xc5\xc5\xdb\xc1\x00\x00!\x04\x0f\x000\xb5\xa9\x01]\xec\x19\xd8B\xa61]r2_\x95.\t\x00\xe1\x0c\xdc\xf4\xc0\x8c \xbc7\x1e\x00\xd0#\x18\x00,\xe0\x008+#[H\xa6!\xee\xe33\x88\x02@ \x98\xa0\x01\x00\x00P\x8a\xcfF\x07CD\xca\x00\xe0\x99\xade\x01\xd9\xa8\x14Ba\xdc\x08\x8a\x80\x01\xc0\x8eq\xdb\x1a\xaa\x12\x00\x00:d\x8a\x14\x7f\x1f&gt;\xfad\xbck\xf1\x10\n\xa7\x86\x03P\x8da\x9b\xdb\x882\x03\x00\x86\x01[\rS`f\x12x\xf4\xaaG8\xcd\xb6\x13o?L~\xee\xd8a&lt;\x00\x94fjm\x83\xb4\xb5-\xe6\x17\x84\xe7z\x01\x00\xa0_0C\xd3\t\xec\xfc\xb3Cn\x8e\xe9=\x00\x80\x0c^*\x0c\x00\xa8\x06\x8e\x01M\x0434\xed1u\x97\x89\xf5\xc2\xe5w\xdf\xbe\xb2p\xfa\x00\x80\xd1\x0fE\x05\x00\x80R`\x00\x00\x86G\x88\x11\x97\xca\x11\x94\x00P\x9aQ\xdf\xd42\xc8\x86%\x00\xc0\xc0\xdc\xd8Z\x00\x00\xd2\xc9\xdeY\x8a\nK;\xe8\xe2\x01(\x8c\x88\x1bi\x1f&gt;6P\xf4\xb9\x02x\x06\x00@\x05\xe0i\x8a\xc1\x0cG\x0eF\xa3\xf0\xd3\xcf\x00\xd4f~\xde&gt;\xe0\x06i\xc9\xc0\x1c\xe2\xe3!~\x00\xc0\xf8\x9cp\x0b\xd0\xfc\x04\xd5\xbfo\xbc\xee\xcb\xd8~\n\x06\x83\x99\xe9\xbdG\xdc0qA&amp;/\x87\xca:FD\x8fiM\xf1=\xcf?\x88\xf3D\xffx\xe0\x18\x80kr\x12\x17\xb6!9\xb3\xc6\x0ez\x9b%\xa2\x13\xea\xd9\x00&amp;\x8f\xc7\xc7\xbal\xe5{\xe2\xedPG.\x0e\xcc\xea\xe7\xa0\xea\x120s]\xc5*Ax\xad\xac\xb7\x07$`E\x00\\\x10&lt;\x03P\x8c\xc5\xa7N\xeb\x00\x17\xf0\xb0\xa7/\xe0\x05\xb0Z\xa9\x10X\xcb\xea\x08V?\xa3\xe9e\xa6\xb2\xbb\xd6\xa6\xe0\xeb\x0c?\x98I \xf4\x07\xe0\xc2\x9cn\x0b\x90(\xe1\xd0\x92B\x9fu \x90E\x14\x00\xda\xe0\xd7\xae\xce\xb45b\x08\x98\t{\x81\xce\xc77\x16\xaf\xd0y\xe6\xbfp.\x00\x00\xd0\x80\x9ez\xc4\xa9\x97F\'\r\x80\x8aG\xa3\xc0\x834\x06\xa4\xd7E1\xbd\x15\xf43&lt;\xbc\x03\x83:\x00\x008\x03[o\r\x80\xca\xa5\r\xe38\xca\xf9\x95\x1ab\x8c\x06\xde\x17\xdb\x94\xf2\r\x16c\x00\x00\x008\r\xe8\xad\x81\x11Dr \x02f~\x00\xcc\xa6\x0c\xfb\xe0[\x1d\xa5C\xed\x00\x00\x00\x00\x00\xd9\xe0_\x1e2\xa8\x1dN\xe6)\xc0\x1dN\xec\n0\xfd\x8dqu\x05\xba\x02\x00\x00pV\x98\xe9{\xd0\xcf\x81f\x04-\x86t\xb6r\xf2\xbe\xad\x05\x08\xa5\x1f\xd5\xf5\x82\xbe\x0b\x1f\x00\x00\x00\x00\x00\x14BzB&amp; \xeaB\xa0\x06\xb2\xb2{\x0cw0&gt;\xafd\xe2\xc3i\x03\x00\x00\x00\x00}\x13\x1bo\x8d\x18\xa5\x01O\x1a\xd4\xec\xc8\xd1\x7fQ\xf8\x81P\x08\x00\x00\xe0&lt;\x1f\x002\x83\x90\x0b\xe8\xb4\x1c\x00\xc4\xe6~\xaf\xcc\x02\xf5\x01FD\x00\x9c\x12\xbc\t8\x12f\xbcD\x05\x80L\xe0\xe5a\x17!\xc0o6\xb0\x08!\x043\x8b\xa8\xdc\xa7\x10\x19\x86\x0c\x00\x18\x85\xd3\xbd\t\x18\x00_0\xa7\x05@U\x98\x88\xe8\xfdZK\xe1B\x08q\xd5\xa9\x1d\xb3?\xc4\xdc?\x00\xa07\x9a-Jb\x93(\x00 +\x1d;\x13f\xa2?\xcd\x97\xd8\x89_n\xf5\xa8Sv\n\xe8\xef\x00\x00\x9d\xd1n#&gt;\xbc!\xc8\r,\xaa\x0eP2 Z\xde\xeaU\xe0i\xaes\x1a\x18\xba&lt;\x00N\xc95\xd7:\x01\xe8\x88\xb5s\xedu\x031\xc3Q\x80\xd3\xb0\x8fe{mwv\x98\xb9\xb2\xd8x\xe8\r\x80\xd3\x81g\x00\x00\x00.0\xf7\x07N\x8cG\x18\xddS\x03\x98\x96,\xc4\xf4\xb1\xa2`\x88\xfe\x018\x1d8\x05\x08\x80VL3\xeb=\x85\x17\x00\\\x03\xcf\xe9\xf3\xe5l\x9f\xc2\xd2\xf8\xb3\x89\xc2\xe3-\\\x00\x00z\x02\x03\x00\x00\xda\xb0,\xaa\xcfc\x80n\xbbs!\xde\xbc\xb5\x08\x00d\xa3\xdb\x86&amp;\xb1M\xee\xdb\xa4\x1d\xa1\x14\x00\x80\xae\x81\x13\x01\xa09\xd8d\x0f@\xb7\xd4n\x9e\xf2\xde\x1e)\xd0\x87\x97\x00\x00\xe4\x04\xcf\x00\x00\x10F\x81\xa3\x0c\xfb\xef\xd7\x87\xd8\xa7\x84\xf7s\x83\x12\xb4l\x9e\xd3\t&lt;O\x98\xcf+\x82y\x03\x00\xb2\xd1\x7f\xe4\x01\x00\x00\x87\xcc\xd3\xa6\xd8\x1a\x01\xc6\xc7\xfa|/\xcc\x1b\x00\x90\x0b\xac\x00\x00\x00N\x00B#p\x1a`\xcc\x00\x80\xe2`\x00\x00\x8a\x825kP\x8d)h\x82\xc9\xcd&lt;\n;F\xcaRT\xbd\x02\x83\x00\x00\x00\x00\xe3\x90\x7f\x7f\xfc\xe5\x98v\xfd~\r\xd4X\x95\x13j\xdb\xf4\x9a[&lt;&amp;1\x18\xccL\xaf\xc5\xd4\xe8\xb5\xf7\x00\x00\x00\xc01\xbc\x801@4,\x81.\xbf\x10\xbf\xb1\xd9\xe7\xfe\xc3I\xf9\xb5\xa9\x80?K\xf4\x1d\x8d%\x01^\x9c\xdd \x01\x00\xadi\xb8\xc8\x88C\xcd\xce\xc6\xfa\xe4\xdar\xbc=\x08F{\xfa\x0f\xdb\x00\xf2\xc3\xcc\x8bb\x99YPW\xefy*\x07\xfcm.\xa0I\x00\xc0\x19h\xf6\x0c\xc0\xdf`\x82\xe3\xcc\xa0\x83\xac\x8cq\xed\x85\xad\x87\x89\\\x19)\xdc\x17\xe2\xd3&lt;Mu\xfc\x05\x194\xc9\x0c\xcc+sc[\x02\x00\x00\x10\xb5\xeb\x15\x98\x19\xb3\x9bgc\xea\x1b1\xfdoe\x9a{&amp;\xd7\x94\xb31d?T\xa9\xf2\xe6 "\x12t\xf8&amp;Q\x10\x043C\x93\x0b\x93m\t\xcb\x9f\'Ejc\xb0\x04\x00\xc0\th\xb5\x02\x00\x07zB\x84\x98N\xae@\xe5\x1aXg\xe3\x99\x82_\xe8sx\xb9\x10\x0f\xdc.&amp;\x9f\xe8\xbf\xff)\xcc\xbe$\x84M\xaf\xa8\xebL\xf3\xb2S\xd6\x15\x92\xbe\xaa~"P\xa6\x1e\x8b\x00\x00\x00=\x03\xbf\t\xce\t\xab\xf8\\\x19\x97\xbet\xd2\xcb\xb3\x12\xe4\x9dSm\xd7$\xe1\n:E2N\xcd\xa4\xf3TY\xaf\xa7\x08L#w\x9f\x86\x19\xd3~\x01\x00\x00\x80s0\xfa\x9e\xe9\xccxF\xff\x9d1\x90\xa8\xa0\x1e\x0f\xdd\r\x002\x9a\xcaP\r\xc4\xc0\x80\xcd\x1c\x00\x00\xce\xcam\xd6\xcd\x17p\xca\x95@/h\xa2\xcf\xa9M\x00\xfc\x91\x97\x98&lt;g\xc4#\xb2\xe80)\xef,\xe1\xfa\x00\x00#p\xfe\xad\xad\xcb\x93\xa9b\xfd\xd0Z""I\xaa\xd6\x82\x94B:\x12\xf4\xb4e\x04\x00\x80=\xcc\x8c\xb3\x10\x00\x00\x9d\xd3\xec\x18\xd0\xfa\x88~\xde\xad\xfe\x9b\xdb\xfcY[A\xaa0^\x191\x81\x07\x00\x88\x06g!\x00\x00\xfa\xa7\x9e\x93\xe2F\xef\xdc\xe9s\xae\xfd\n\x13\xe4}j\xfe\x90+TM\x97\x18\xdf\xaf\xd4\xe4\xa5K\xd78\xd7\xb2;\xb6c6[J\x91\x9bA\xdd \x00\xe0\xf4TZ\x01X\xdf\x9e\x82\x89\xd5\x89+\xf4\x07\xa2\xa35\x97`\xc6\x95|XL\n\x7fUu)\x88\x88:\x99\xbe\xbd\x9a\xab\x14\xe8\x1c\x00\x00\xe0l\x948,B\xcb\xe1z\xfd%\x00\x00\xe4\x05^43\x98\xf3\x02\x00\xf4I\xd5g\x00J\xee\x8cl3U\x08\x00\x00\xdd\xa0\x1e\xce\x13\x11z&gt;\'\xb3@\x99\xf8\xbd\xd6\x02\xc4\x83\xb5D\x00\xc0\xc5\xb9\xe8,H\xaf/\xb5\xb9.%\x94\xcd;h\x00\x00 \x00IDAT\x97\xa1\x00h\xc9j\xdb\t\'Q\xa2i\x00\x00\xc0%\xa8\xb6\x02\x10=\x0b2v\x87\x84\xc9\x9f=\xcd\xd7\xc4\xdb\xe5\xff\xd9\xad2\x8e\xa5\x82\xa6\xfe\xb0\x936~\x92\xa3\x9f\xa4\x12D\xcd=\xc3c\x01\x00\x00\x00 7\x85\x1f\x05\xe9\x98s\xc4\x97y\xf8\x81u\x10\xd6\xcf[\x93T1\x864QY\x8d=\xa8\x14\x00\x00\x00h\n\xf6\xe14\xe7\xe3\x8a\xbe:\xb4\x7fz\ts{\xe0Q\x92*z\x1b\x00\xa8c\x80q\xe9B\xa5\x00\x00\x00@\xcb\x19\xd0\xf2\x11\x06\xfaZ\'\xff2\xf6\x91\xc4&lt;tP;e-p\xc8\xe9\xea\x19f\xfa\xa2.\x84\xefg(\xd2\'\xbaf\xa0(\x00\x00\x00&gt;4\xec\\\x8bg\x8d\xbe\xd0\xc9\xaf\x14?\x04\xf6\xd2t\x1b\xb6\x8eU\xe39\x07\x00]VGn\x18\xebZ\x9d\xf3\xe9\xccD_\x96\x9e\x0ej\x19\x00\x90\xca\xf7\xb6r"C\x05"\xa7\x83e\xd6/[JT\x15f\xe6\xd7\x94\xb4\xfcn\xbb\xe7n\x053\x93s\x05`\x9cR\xa7!\xb5\xeb\xab\x149+c(m\xb0\x86\x0c\x00\x00+\xe8\x9fZ\xf2\x11\xda\x00\xe0J\x15a\x18\xf9$\xa5d\xd1^\xa7*\x1d\xaf\xba\xb3E9C\x95:\x81\xf1\xaa\xb8\x1b\x06q\x89L\xf43\x18\x00\x00pb:\xf7A\x0e\xee\xeesQ\xd3\r\xe8@\x1d\x00\\\xa5"~\x9dU\x12\x93\x1b!V\x00\x00\xf8\x92s\xcbY1&amp;\x9f\xd3\xbf\x9c\x00\x80X\x98\xe9\xdd\xce\xdd\xbc\x9f\x8d\xc8\xa9!\xbc\x83\xe8V\xad\x85*\xc7\xbe\xb8\x19\x07\x00\x00\x80s\xf01\xfd\xefM]\xa6l\xe0|\x008!x\xed\x0b(\xce\xbe\xf3\x10\x82\x06\xb7=\xb6\xc9o\xec)\xa3^\xc9\x04\xb2c\xad\xb5\xd31\x19\xe1E\n{V\x9a\x9b\xeb\xec\xcc\x84\x98d\x819\x01p*\xaa\xbd\t83\xa5\'D\x97\xf4\x1fP.\x8bk\xf3W\xad\x05H\xc47\xfa\x17\x02\xd1\x7f?\\\xa6"\xfa\xd8j\x87i\xe3\xc1\x11B\x90\xf8\xc3\xe9ccQ\x00\x00`&amp;\xd3\x00\x80\xe9A\xe6D\xb0\xe3"#\x86\xfd0\'\xd5m\xdem?\x00,\xdc\xa6\xb5\x00\xc1\xa0\x15$\x03\xd5\x01\x00\xc0\xcc\x97\xaf&gt;1K\xd7\xf2\xcb\xe8\x9f\xaa\xb0\x0b\x8b{\xdf\xf9\x9aB\x8aE\x9dxh\x04\xae\x86_{\x87\xb5;\x80r\x00\x00`\x86\xe9\xb7.x\x90\xfc\t\xc0\xbc\xb8\x17P\x0e\x18\x04/CU\x07\x00\x86[`\xf0N\xa0\x1c\x00\xc0iY\xbb\x87\x1aY\xd5\xc8\x05X\xc0\x00\xa0G&gt;\x1eu\x01\xe2\xf8m\xcf\xebrm\x8a\x93z\x8a\xaaF[\xaf\x87\x02\x00\x80v\xd4tsU\'\xf2?\x0c\xa1gk\xea\x0e\x00\xce\x91\x05\x00\xc33\xfaS1\x18\x00\x00\x00\xce\xca\xf2l?3\x9f\xf3\xb0\xc2\xe9$5^\x8e3\xb3\x16p\xed\x9c\x84\xf4/\xc8\x85\xdc\xf7\x175\xb3)\xa3\x90cF\x999B\xa4\xe6\'\xf4y\xc3\x8c\xf3\xfb\xceN\xd7\x87~*m\x9fp\x9a$\x00\x00t\xc1r\x0c\xe8\x19c\x7f"Z:\xc5\x80~\x87\xb7\xbb@6\x8c\n-1\xbb&amp;\xe6\xbc\xbcjp\x9d\x94\x0c\x9f\x9b\x1c\xc5B\x06\x9ct\x051T3\xc8`\x83\x12BL\xadR\x081L\xbb\x01\x00\x80\xb3s\x19\x7f|\xb8\xc41_@\x17\xd2I],s\xf3-\xa7\xd2\xb7e\x9f\x1c\xf5.\xa5\xd6\x95\t\x8d\xb3X\x01zG].c\xc6b\xe9\x89\x80\xa3\x00\xe0Z\x8c\xfa"\xb0@&lt;f\xad\xc4:Q\x05j\x92W\xe1\xd1\xf3\xdd\xd9\xa2\x7f\x8aYO(\xca)M\xba+\r_\x07!\x0fn\x99\x88\xb97k\x07\x11\x0c\xfa\x80\x06\x00 \x89\x8b\x0c\x00r\xc6@\xdb\x03mp\x99!,\xb1\x83\xa3.^\'&gt;\xf5\xa8\xddDB\x88\xffUfO2\xba\xd3\xa21:\xe2\xce\xae\x90\x8e\xfb\x04\xe3\x81\x96\x04\xc059\xe5\xec\xa0\x91\\\xeb\x9bJ\xe0\xd1\xd9f\x8f\xa1\x89\x7f\x901\xed\t\xe3"\x86\x11%\t\xf0\xa7\xeb\xc7^/\xc2~\x0c\x06\x9b\x1f\x11\xe7\xdeE\xec\x0b\x02\xe0\xb4\x9cx\x05@\xeb\x9c\xf2x\xb1\xb5\xcb\x13\xe8\xed2\x13\xbf\xffJ\xbd\xad\xd5\xe3\xbcB\xe2\xc7`\x1a\x85\xc1n\xbd\x1e\xc1\xb2\xcc\x88\x08\xcb#P\xcb:7/o\xec\x01\x00\x80\xfe)v\xf2\xf4\xb8\x07Z\x9f\x9d\x9b\x11aS\xd6\x88\xa0\xca\x06\x85\x8d\xb4\x96\n\xc4\xf1\x9b\x86\xef\xb6:\xc5\xfe.\x00N\xc89g\xd1\xb4~(\xf3T=\x0eV\x07\x85YNL\x82\x99\x81~1\x86\xfb0Z\x00\x00\x18\x82\x13o\x01*\x06z8P\x89\xc3Y7L\xcbuKT\xd5\xfc\xdcH\x15\xaa\xf9A!\x04\xa2\x7f\x00\x00\x18\x88\x91\xba\x1co~\x1cK\xd2\xc0\x9b!\x8c\xc4 $\xcc\x1b4\xe7\x12n6\xfc\x8c\xa3K\xa8\x05\x0004\xe7uR\xb9\xcb\x85\xa3\xee\xb2r^\xc3\xcb\x0f\x82\t\x00\xda\xb1\xcd%13}\xaaOK\x94w\xcf\x03\x00@\x8f\x08f\xc6\xba\xed1j\xfc\x05\x8d%\xd2\xebKs\x01\x00\xf9\x19\xbf\x97\x99\x8f\x9def\x9f\xb7\x86\xc3\xbf\x01\x00\xfa\xe7\x06x(\x0f\xf4\xd9WL\xc7&amp;2\xbf\x12\xec\x84\xa6w\xf3\xd6\x02\x8c\x05\x0en\xba\x04\xf7o-@2\xf3\xb1\xb3&gt;o\x8bG\xef\x00\x00\x00\xe7\xc1|\xe2\x1d\x1c\xfdI\xc0J}+ji\xfe\xcf\xd1`\x81\x06\xef&gt;\xe4HT9:\x13\x00\x00\xfa\xa5\xfa)@\x08\x9dAg\xf0&lt;\r\r\x9b\xacO\xa5\xf7y\xdd\xff\x8d+d\xd25p\xb9:\xef\xb2~\xcao\x81&gt;\x0b\x05\x00\x00p-\xf2\xcc\x9d\xd7\xee\xcc\x98&gt;\x05+\x00\xe0\xe4\x9c\xdd\x9e1)\x0b.\xcf\xd4m\x9d\xbc\xa5\x03\x00\xbch5K\xc1\xf1\xb93\xb3\xfd\xe1*\xcf\x87\xb4B\xb3$u\xd0Q \x0bP\x02F5y"=\xb6HP\x1a\x00\'en\xe8h\xe6\x00\x80V/\x02Kp=\xae\xd7\xcd\xe8\x91z&amp;\xf6\xeb\xb9p\x9d\xa3\x80\xb9\xae0\x98\xb3,\x05\x9c[\xed\x1cq0|\xdf\x9c\xa9,\x9e\\\xb0\xc8\xb4\x9d\xbc\xf0\xd0\xb6b\x00\x00\xdasc\xbb\xac\x07\x8b\xa1\x85\x10g\xdf#qJ\x063\xb3V\xec\xcc;q\xf1\xe4\xdcj\x17\xa7+\xdfM\xad\x05\x00\xb5\xc0\xc1\x7f\x00\x00\x00\xce\x0e\x06l\xa1\xbc?\x1en\x01\xb5h`f\xb0m\x00\x00\x00`tp\xdc^\x15p\xac!(@\xa3\xa1&amp;\xcc\x18\x00\x00\x88\xce\xbeR\x0f\x00HC\x8a\xd1\xb0w\x00\x80D\xf0\x92`\x00@\'\xb4z\x08\x18\x000\x02\x08SB\xc0R\tp#\xc4\xfc\x0f\x00\x00\xb4\x05\x03\x00\x00\xda\xe2\xbf\x11\xa2Md)\x05+\xfd\x87\xb6\x1d\x9cq\xde:\x7f\xd0\x02\xffV,\xea\xbc\xff.p,\n\xab\x05\xe0r\xe4\x1e\x00\xe0\rY\x00x\xb0{\x9b\x9cO\x93i5m8\xe7\x9b\xbbY\x97\xf0\x12\x8dgV\x05fwg\x9eu\xa9\x8e`*h?\xe5\x9d$\t\x11\x07F\x0b\x00H\x01\xaf\xc8\xbd.\xa8\xf1\x00\xf6\xaf\x94\xbe\xc7\xd6dz\xd4\xa4\xd4\xae\xf3\x89W\xd7Q\x9c\xc8)=\xb3O#YQ\xdf\x95\xde\xb5\xa8\xb9\xe8\xb2\xd7\xbb\x8a\xf2\x01\x00\x1dp1\xa7\x0fV\xfa\xeb\xfcz\x87\xa7\x17n\xe9M\xe6/\xdb\xef`1\xa1\x86t9S\x8d\xbb-2\xb3.u{&gt;Tk\xf9\xb9\xd6\xe2\x00\x00\x00\xa8\x01\xbaX\x00\xbcy\xf8\x18c\xe62\x03\x80xa\xe2\xee* |{m8\xe9\xa2\xbe\x00\x00\x00\x00\x00\\\xc1\xae9JK\n\x91{\x8f\x81\xa6\xa5\x80\xd6R\x1cRn\x00\x10\x9e\xe0\xe3ce\x18@\xcfy\xb9Zy\x89\xbe\xce\xaf\xc8\xb3%?\xaf\xb04Cs=\xe3\x01\x00\x00\x90\x1d)\xccu\x84\xf2\xb6\x10s\xba7\xb2C\xea\x7f~}\x08\x8aM\xff\xf7&gt;B\x03\xa3\xe0o\xa2\xfd,g\xf5\r\xf4\x03\x00\x18\x068\xac&gt;\xe1e\x00\xc0\xee\x15\x00\xd4\xe0i\xc10\xcc\x17h)\x12\xff\x80\x1e\x03\x00\x00\x008\xd9{\x00p\x96Y\x9f\x081\xff\xe7\xf0\x0cl\xd4\xe09aJ\x8cl\xbb\x8d\xd8\xde4sz\x1d\x16q\x10\xbe\xce\xfb\xca\xe9\xa4V\x9c\xd7\n\x00\x00\x00\x00\x10K\xd8\xf1_\xf1[\xb9r\x0c\x00\xba\x8f\xaf\xcde\xec^\xec&lt;\\\xa4\x98\x00\x00\xd0\x9e\x93\xad\x00\x94\x06\xfd\x138d\x88\x87zs\xb1\x15V|\xb4\xef\x1dq\x08!\xc4\x15\xe6l\x05\xd1\xe7_\xc7~$\x98\xb1\x00\x08\x00\x00\x00\x80\xfa&lt;)}\x8c\x972Q\xdd\xeb.\x17;as\xff\xad\xe8Y6\x03\xe3\x99\x01(\xc2\xf46\xdf\xce\x1b\x17\x00\x00\x80.@W\xe1\xe0@9Y\x02\xaf\x94\x80x\xb4\xc8O~=@\xbfaJ\xcf\xb2Y(\xb4\x88\xc4s\xca\xccD\xffy4\x9d\x8cI|=j\x8d\x0b\x00\x002\x83%\xd7\x93\x81e\xf4\x14\xa6\x8e6Q\x81\xccLq\x9bU\xa6\x9e~\x9c\x8d.Jd\xd2\xad\xd8\xa3i\xb5\x14\xfb8\x12:\xe9\x19f\x16\x82\x98\xe7#\x14Z\x8b\x03\x008\x1b\x8a[aft\t\xa0$\x18\x9f\xb8@\xa8\n\x8a\xa1\xc7\xffB\xfa\x17\x00\x00\xc0\xd5\xd8?\x04\x8c\xd5FP\x04,e\x03\xd0\tB\xac\xc7\xf2\x82\\\xc0\xbb\x01\x00F\x02\x1d\x00\x88f\xed\xf0R\xac\x88\x89\x8b\x9f\xc8=-\xa6\x8f`\xedY\xf6 \xed\xd3\xec\xbf\xe0\xa08\xf2\xf8\x1b\xabL\x00\x00pqp\x0c(pa|\x04m}2m~\x9e\xf0\x96\xf1S_\xcc\xc7O\xe6F\'\xbe\xf0\xaa&lt;\xc9T"gd\xb6&lt;\x9d;L\xe1A-`\x12\x00\x00pi0\x00\x001\x08\xb1\xfe#\xe8\x9f\xe2cV!\\\x01\xef\x12\xben\x03\x8ey\xd8\x11\xc6\x8dC\x1c!/\x151v\xb3\xd4\xee\xb8\x9b\xa9\xcc\x9f\x9fA:p2\x06h\x0e\xadE\x00\x00\x803\xd3{7\x00.\x8c5\x06\xe8?\x9a\x8f@\xd9\xa1A\xc5\xb7E\xd9d8\xa5n\x01I\x06V\xb3\x8a\x13\x9ek\xc7\xd65\x00\x00(\x08V\x00\xce\xc1\x19\x1f\xb0m\x14\xfd\xb7\xd2\xa4\x90\x90\xa3\xffj\xc7\xd8\xfb\x15\xfctfv\x19\x9a\x0c\xed\x12\xf2t\xdf\t;\x04\x00\x80$\xe2\x07\x00\'\x8c8\x07\xa6N\xd7^\xb5\xc6\xf7\x99U\xd8\xc93YuG\xb6=\xcb\xd3Z\x0cp\n\xe6\x1dw\xcf(mOr\xfa\xf9\xdb\xac\xe5\xc9\x16\x0c_\x01\x00\xa0\n\x1d\x05I\xa0\x06_]\xf9\xcd\x94\xf2\xd6\xff\x94\x9e\xdb\xf9\xaaZ\xf9\xa1\x02i\x03\xfe\x15m\xdbO\xcfW\xd4\xcc\xa9\xa8n\xe1\xf9\xdfj\xbc\xc8\x8f\xe5k\x00\x00h\xc05\x83\xa4K\xa3F\xe4\xf5r\x0c\xbf\xef\xa7\xd7@\x96UL\xc9\xf3\xafl\xdf\xef\xa</t>
        </is>
      </c>
      <c r="E110" t="inlineStr">
        <is>
          <t>&lt;class 'numpy.ndarray'&gt;</t>
        </is>
      </c>
    </row>
    <row r="111">
      <c r="A111" s="1" t="n">
        <v>109</v>
      </c>
      <c r="B111" t="inlineStr">
        <is>
          <t>steps_per_sec</t>
        </is>
      </c>
      <c r="C111" t="n">
        <v>1300</v>
      </c>
      <c r="D111" t="inlineStr">
        <is>
          <t>3.020716</t>
        </is>
      </c>
      <c r="E111" t="inlineStr">
        <is>
          <t>&lt;class 'numpy.ndarray'&gt;</t>
        </is>
      </c>
    </row>
    <row r="112">
      <c r="A112" s="1" t="n">
        <v>110</v>
      </c>
      <c r="B112" t="inlineStr">
        <is>
          <t>Loss/RPNLoss/localization_loss</t>
        </is>
      </c>
      <c r="C112" t="n">
        <v>1300</v>
      </c>
      <c r="D112" t="inlineStr">
        <is>
          <t>0.22589499</t>
        </is>
      </c>
      <c r="E112" t="inlineStr">
        <is>
          <t>&lt;class 'numpy.ndarray'&gt;</t>
        </is>
      </c>
    </row>
    <row r="113">
      <c r="A113" s="1" t="n">
        <v>111</v>
      </c>
      <c r="B113" t="inlineStr">
        <is>
          <t>Loss/RPNLoss/objectness_loss</t>
        </is>
      </c>
      <c r="C113" t="n">
        <v>1300</v>
      </c>
      <c r="D113" t="inlineStr">
        <is>
          <t>0.072038785</t>
        </is>
      </c>
      <c r="E113" t="inlineStr">
        <is>
          <t>&lt;class 'numpy.ndarray'&gt;</t>
        </is>
      </c>
    </row>
    <row r="114">
      <c r="A114" s="1" t="n">
        <v>112</v>
      </c>
      <c r="B114" t="inlineStr">
        <is>
          <t>Loss/BoxClassifierLoss/localization_loss</t>
        </is>
      </c>
      <c r="C114" t="n">
        <v>1300</v>
      </c>
      <c r="D114" t="inlineStr">
        <is>
          <t>0.34187555</t>
        </is>
      </c>
      <c r="E114" t="inlineStr">
        <is>
          <t>&lt;class 'numpy.ndarray'&gt;</t>
        </is>
      </c>
    </row>
    <row r="115">
      <c r="A115" s="1" t="n">
        <v>113</v>
      </c>
      <c r="B115" t="inlineStr">
        <is>
          <t>Loss/BoxClassifierLoss/classification_loss</t>
        </is>
      </c>
      <c r="C115" t="n">
        <v>1300</v>
      </c>
      <c r="D115" t="inlineStr">
        <is>
          <t>0.13417314</t>
        </is>
      </c>
      <c r="E115" t="inlineStr">
        <is>
          <t>&lt;class 'numpy.ndarray'&gt;</t>
        </is>
      </c>
    </row>
    <row r="116">
      <c r="A116" s="1" t="n">
        <v>114</v>
      </c>
      <c r="B116" t="inlineStr">
        <is>
          <t>Loss/regularization_loss</t>
        </is>
      </c>
      <c r="C116" t="n">
        <v>1300</v>
      </c>
      <c r="D116" t="inlineStr">
        <is>
          <t>0.0</t>
        </is>
      </c>
      <c r="E116" t="inlineStr">
        <is>
          <t>&lt;class 'numpy.ndarray'&gt;</t>
        </is>
      </c>
    </row>
    <row r="117">
      <c r="A117" s="1" t="n">
        <v>115</v>
      </c>
      <c r="B117" t="inlineStr">
        <is>
          <t>Loss/total_loss</t>
        </is>
      </c>
      <c r="C117" t="n">
        <v>1300</v>
      </c>
      <c r="D117" t="inlineStr">
        <is>
          <t>0.77398247</t>
        </is>
      </c>
      <c r="E117" t="inlineStr">
        <is>
          <t>&lt;class 'numpy.ndarray'&gt;</t>
        </is>
      </c>
    </row>
    <row r="118">
      <c r="A118" s="1" t="n">
        <v>116</v>
      </c>
      <c r="B118" t="inlineStr">
        <is>
          <t>learning_rate</t>
        </is>
      </c>
      <c r="C118" t="n">
        <v>1300</v>
      </c>
      <c r="D118" t="inlineStr">
        <is>
          <t>0.03066655</t>
        </is>
      </c>
      <c r="E118" t="inlineStr">
        <is>
          <t>&lt;class 'numpy.ndarray'&gt;</t>
        </is>
      </c>
    </row>
    <row r="119">
      <c r="A119" s="1" t="n">
        <v>117</v>
      </c>
      <c r="B119" t="inlineStr">
        <is>
          <t>train_input_images</t>
        </is>
      </c>
      <c r="C119" t="n">
        <v>1300</v>
      </c>
      <c r="D119" t="inlineStr">
        <is>
          <t>[b'1024' b'1024'
 b'\x89PNG\r\n\x1a\n\x00\x00\x00\rIHDR\x00\x00\x04\x00\x00\x00\x04\x00\x08\x02\x00\x00\x00\xf0\x7f\xbc\xd4\x00\x00 \x00IDATx\x9c\xec\xbdy\xfc}_=\xe8\xbf\xceW\x88B\x86\x8bp\xdd\xa4A\xeaJ\x86B\x94!"C\x99\xa9$!37C\xe2"C\xc8\x9c\x0c!\xb9)\n?n\xae\xccs\x97\x90\x0c\t\x89P\xc8\\$!\xd3}\xfd\xfe8g\xef\xbd\xf6\xdek\x9e\xf6\xda\xfb&lt;\x9f\x8fo\x9f\xce\xfb\x9c\xb5^\xeb\xb5^\xeb\xb5^\xeb\xb5\xd6\xde\xfb\x1c\xa5\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v\x84\x0cl(\xa1%g=\x93\x14\xfew\x11Q\xaaV7\xedf\xbc(l\xa8\xf3\xb8Y\x15\xc7@8:\x1b8|\xee2\xc3\xa7\x8b\x02\x1f\xb26\xd7\xa5\xa4\xa6sN\xbb\xbd!+r\xaa\x07\x96OU\xd6\xddtb\x17\xa0W\x18G\x88\xa0\xeab\x07\x00}\xf0HQjJ\xc8\x12X\'=yIC\xdd\xa0\x93\xa6\x9b\xb9k\xab\x10\xb9(\x10k\rS\xf9\xf3\xd0X\r\xbb4\xfb\xa5\xc0\xa2\x98[\x01\xff\xa8\x99\x15\x1b\xc5\xfe\x9bQ\x82\x9c\xab\xa9\xaf1\x98(\xdcU\xaceD\xd4\x0b\x96\xa6v\x8b\xb2\xb5\x10_\xe5\x95\x9dm\xa5g\xcf\xa6\xa14\x14Y\x17\x1f_\x9b\x94Ij]\xfb\xeb\xbb\xafe\x0fp\xec\x8c\xe7\xc0]\x83\n\xb0\x01H%u%\x02\xd8\x80\\g]\xa7tQ\x13\xc0Wk\xf3\xb9$\x8b.N\x1f,\xbb\xbcL\xdd\x92\xb2\xc0e\xba\xac\xd4mtY\xeb\xf2v\x03&gt;(\xdcz\x97\xea\x1fl.\xbf\x92/\x8bl\xc9\xa2\x80Y\xe7(W\x19mky\x7f\xf6\xb7R\x8frK\xb3\xb7`SCO\xc4\xf5kG\xff\x12$4r\xe8u_r\x94\xb9|:\x15\xfeX\xb56\x88\xa6s$wYj\xc3z\x06pm|\x1f\x1b\x80D\x88\x99pE\xc8\x8a\x98\xeb\t\x11\xb9`+^b\xff\xe8E\xfa\x1fQ\x89\xecX%&amp;\xaa&amp;\xdbDn\xe6iH\x94\x92\xef_mf\\z\xe8\x05\xder\x99\xa4\x9a\xd2V\xe7\x95%\xf3\x95\x8a\x8b(c\xd32\xab\xf2x\xa3\x826\xf5\xdd6\xbf\xd4}g\xd7\xe6g\xcc\xbc\xe7\rY\xb7\xaci.\x1dPkm\xd2\xbbE5\x11K\x9dY\xd9\xc9L\x07\x88\xa0\x9b\x15\xaa\x05=\xad\xc8!\xf4\xa2j|\n\x04\xb0G\x9e\xb7:\x7f-pw\xcd\xe2\x06\x1b\x7f\xed\xf0vl\x85\xa7\xd6o\x18t\x10Q\xea\xa3C\x1a\x8d\xdd\xf3\x0c\xdd\xfc\xb5P\x9d\xbf\xd7r\xf7\x8b\xe3&amp;\x13\xff\x9edP8f\xc8V\x89\xaf!M_n\x00B\x85O\x92M\xc6\xd4\x1ddv\xf8\xedS`\xe4u\xec\x1f\xd9\x957i\xa0\x0cvp\xf6*z\x11}\xfd\xbd\xad\xbb\x00p&lt;\x12b\xd7\x81Y^\xf1v\x15\xc5np\r\xe8\x8e\x9e\x94\xeb\x18\xa4\ry\x98\xf3\xf0xU5P\xbc\xb7\xf5\x88\xed\xc4\xf2I\x80\x1bB+F\x1f\xea{\xee\x9f\x11\x11\xa5\x9e\x1dxC\x8e\xab\x9d\xbf\x15\xa5\xde\xc1\xa3\xb7G\xf3E\x944l\x18,\x12f\xdaZ\x1a\x92E\xa7\x16\x89\xb8873N\xcd\x17\xb6r\\F\xf0\xb3\xf4\xa2\x98\xfd\x95~\xe9 \xfb@+_\x02\x00\xc4r\x98I\xc7\x06\x00\x00&lt;\xcc\x92\xce\xcc\xf07O}\n\x87\x9e\xc3\xc42\xd3\x06\xc0\xbcI\x88|\x8a\xeb\xe3\xd4wx\xf6H\x81\n\xae\xab\xac\x146\x08_t\xe4\xabW%g\xd5E^\xa0\xef\x15_\x18\xb9\xdb14\xad\xeb\\\xc4\x8dG5\xa2\xce\x8d\xd6\x03\x1a\xabL\x95\xe9\x03\x00^Jl\xdd{\xa1\xd0I\x04\x00\xec\x10\xfdHR=\xa5M\x14\x10\x11y\xf4Q2\xf5$\xfc\x87.\xf34\xba\xa5\xad\x1cG\xe3~5\xa6\xecV\x16\xd9\xad\x0c\x9f\x8f\xeb\x8du\xab\xa0g\xc9\xc3\xa7wY\xeb\xe6\xd8i\x18\x15\x93\xa5J\x1f\x14R\xd1\'2\xe86\xa1u\xdd\xe0\xf2\xd7&lt;M\xe0\xc8\x1c\xe6\xb0f\xdf\xc4D\xd1\xfc\xc6\xeaH\x95\x90%\xb5$\xceC4\x80\xddp\x9e\xfc\xaf`?f\xdeP\xa5\xad\x15\xd9\x96oL\xad\xd8\x97\xdd\xa64]D\xdd]\x0c\x976V\x87\xfa\xfa&amp;A\x89(u\x1f\xf3\xa7QKW7\xee\xad\x94J\xbepQ\xa9\x95cq\x9d\xbd\xde\x88\xd4C\x8a\x86I\'\x1c\x1bQ\xdf\x1e\xf7\x9c[\x81&amp;q]8\x16o\x10u\x9e\xaaa\xdc9d\x06\xf7{\\\xcd\xf2\xf0\xe8\xb0b1\x07\xc6\xdb\xdb\xcdvNo~_D\x94\xba\x85V\xf7\xd3\xcfo\xfe\xc0\xa5#\xdf\xba\x94npT\t1Q\xd8\x06`U@\x82\x84\xc7\x88\x8d\x92\xc6\x06\x00\xfa%\xd99\xfb9o\x82]\xb3\x91\x17\xe1\xb7p@R\xe6\xd2:!+\x14\xdc\x0f3\xc7\xec\x1d\t&gt;\xbd\x8e\xbc\xc5&lt;D\x8d\x9c\x1b\xd0\xfdZ\x8c2m\x1bK\xcb\x15\x80\xdf\xd2?s50+P$G\x1fE-\xfe\x14\x89~\xd0b\xce\xffM\xdbZWD\xf2\x0f\xccB\r\xd2Q\xaf\xa1\xdc4\xc9\xd0\xc0\xf0-[\x00\xc9\xe0E\x00Y\x94\x9fB\xc4w\r\xa3\x1d\x02n\xb5\xcf\xfb\x1e!O\xe9\x8a\x03d\xd8\x10:u\x080\x85\xb1\x81Y^^x\x0fs\x11\xb8|\x14\xc1[\xcb\xf2Ag\xd3!_\x1f\x11\xf9\xefy6\xb9V0\x88\xac^\x00\x00\xc0\xae\x10\x11\xa5\xdetk-:\xa1\xccC\x0b\xa6\x83\xed\xd0\x8a\x8eL\xfa"\xf6\xa7\x0b\xde\xa6\xe5T%&lt;\xbf,|\x0bA\xa9\x1e-\xefV\xf2^0\xe9-\xc5\xafMh\x7f\xaf\xc9&amp;a`\x90#\xc1h\x02\xc0\xf5\xf1\xc0\xa8&lt;/\x9bn\x12,\xd7)o\xb6\xe4g\xa6\xde\x99\xe30\xce3\xe7\xb7\xdbT\xb7a\xcd\x86\n\xde\xea\x93\xa1\x84i\xef\xd1\x8d\x7f6\xe2\xda\xfa\x0b;\xe7\xda}\x95\xd9\n\x00\xc5\xd0\xee\xc1H\xaa\x98X+\xb6\xe2}\xed\xb5\xd2\x02b\xe0\x8f\xfb\xc6"\x16{F]\x01p|\x14\xb1\x01\x18\xd4\xb8K`\xd3\xeb\xea\x87\xcf\x0e\xd7\x1d&lt;|\x97\x01\x00\xae\x16\xc2;\x80\x8e1\xe3qL\x12\xcfS\xa1A\xed\xc5\x7fI\x91\xe9\xcd\xcf\x8dmz\xef\xc4\xed\x9d\xf2r\xd9\xb4maij+\x90\xb6\x1d\x05\x00\x80\x024\xce\xc8\xd9\x00\x00\\H=\x8f_TO\xa9\x17\xd2\xa8O\xfe\xc1\x0ekS,\xa9=;\x1b\xbb\x91\xdb\x8a\x8a\x8fD\x03DrH\x07\xfb\xd0\x83\xf6\x0b\xf6\xc6\xa1\x16h\x80c\xb1\xe9m\x1e\xfem\x80w\x7f\xd2^s\xb7\xb9\x12\x8dY\xa8\x17\x96\xbbY\x08\xc1W\x02\x03\x1d\xcd\xa1\xef\xf8:j\xbf\x006\xe6\x86\xad\x15\x00(\xc0\xe9t\x1a^n\xb3Z\xb8\x17\xdfA\xbb\x93\xbd\x80\xf5\xa3JXZ\x14\x95\xb3\x1b)\xd4\x8b\x85n\xe7\xbf\x0e\x97\xde\xd4\xea\xcf\xdes\xc1\xd6\xba\x1fboy:\x9d\xda\xc7\x90V\x1c\xb5_\xb0Wv\x1d`u\xd8\x00\xc0\xc1\xc8Y-\x92f\xf5_\xd9\xaa\xcf\xfel\xbf&lt;{\x83\xd4J%\x19\xde\xaf\xa3P:\xa7}\xe67n\xfb\xd7\xeaN\xdfv\xf2O\xb1\xd6\x03\xdd\xb5\xb9\x00\xa07\x0e\x92\xfd\x03\x1c\x87\xcf\x9a\x1d|\xa6M\xd1\x9c\x89\xdd\xd79b\x93\xdbf:\xea/\\7\xb8\xe2\x81ap\x01\x00\x8eL\xd9(\x7f\xed\x0fh6x(\xe20\x97A\xa1\x0bf\xee\xe4v\xad\xbe6\xdb\x00\x00{\x84[\x80\xa0\x07\xce_\xd5XpQ\x8f\xb8\xae_\xba\xe9.(t\x1b\x85\xcb,;\xbc\'\xe7Z\xb8\xe5\x0e\xfdy\xae\xb1\xdb\xb5N\xdc\xb8\x03\x00\x00\xb0g\x86L\xa5\xd0qu\xc2-@\x87\xfd\x95(\xbe&lt;\xa7/r\xefO\x8b\xe2V\xf5\x9b(\xcaA\xe7 \x1c\x1f\xfc\x16\x00 \x81\x1e\x92o\xaf\x0e\xed\x95,\xd2b\xfd\r\x00+_\x04=\xb8z\xbf`\x1c\xe8\x8c0\x87\xc4o\x01\x00R\x10\xa5z\xf8\x95\xd6\x10\xda+Y\xa4\xc5\xba\xcf\x00t\xb9\xf8\xf5\xa9\x95b\xbf\xe4\xa0W_\xea\rL\xd4\x8e`\x87dP\x00\x00"\xe1\x06\x95\xaa\\mRu\x9d\xbd\xde;\x8c\x1a\x00\x00\xc0U\xd0m\x86\xba\xadb\x05[\xef\xd3\xbc\x1dq\xe5[\xd0\x1e\xddC\xd4\xbbd~\x1b/\x00\x00\x00@"\x1bf\x12\x15\xb7\x1f\\u\x99\xb3\x97;\xd0&amp;\xba\xdd6\xf7\xc0\xc1-s\xec\xde\x01@[\xf8\x1aP\x00#\x1b~\xcf`\xdd_\xbd%\x8b\x18\x11Qr\xc4\xac\xf1j7\t\xc7\xfej\xdak\x1cQ\x80\x16\\\xe9\xdcb\x03\x00\x9br9\x90\xfe\x80\xb2B\x8bJ;\x14\xa7S\xdd\xdd\xc5q\xe9\xc5\xa9\xc2GpW{\x00\xb9\xfc\xfb\xda;\xd2\xb95\xcc\xdc\x8ei\xe3\xb7\xcc\x0e\x00\x00\x17\x07\x8e\x92\x9b\xdd\xc0\x13\xf8\xa5x\xd5\xf5(M\x83\x9fL\xde\x04\xee\xf5\x02\x00\x00\x008\x02\xdd\xa7\xaa=\xebf\xa5{\xab\x02\x00\x00\x14\x86[\x80\xa0[\xde55-\xfb\xd4\xc2\x8a@(\xc5oQh\x91\x97\x0f7V\xb0\x07\xe8\x04\x06\x02\x00\x00\x00&amp;23\x83\xa8\xea\x9df!\x9cUW\xe0\xcb\xb6V\x00\x00\xda\x91\x11E\t\xbf\x00\x00\x9db\xbb\xf5y\x8f\xb7z\x1b\xfb\xb2\xaf.\x00\x00\x1c\t"pY~mk\x05\xac\xec0g\x00\xb8v\x963VD\x94\xc8\xfd\xc5\xf6\xa5\xef\xdd\xcep\xb3\xc2\x84$\x00\x80m\xe0\xf1\xfa\xab\x81\r\x00\xc0\xee\x19\xa6\xb1m&amp;3\xc3\x01\x00\xc0\xc42\x05\xdc\xdf\xaf\x07B\x1a\x87\xcf\xfey\x08\x18v\x89/\xa7\x9f1&lt;\xe5i{D\x95o\xd7\x06\x80^\xe1\x182\x88j&amp;Z\xae\x0f\xa7C\xfez \xe8\\\xc9\xd9?\x1b\x00\xd8#\xa2\xfd\x7f\xc8,\xb5\xfev\xd25Lr\x00\x80\xa3S\xef\x1cg\xb5\x038=\xebtR\\:&gt;&lt;\xfc\xf4\x1e@\x87&lt;kz\x99\x9b\xc1\x13\xc4\x01\xfa\x81\x1b\xac\xd3y*\xc7\x19\x00\x00ph\xa6u.\xea^\xa0\xb1F\r\x9d\xe2\xe9D\r\x80fx|\xfeJ\xae\xbc\xe7\x81}\xb6\x00\xb7\x84\xc3\xc1-@\xb0?DV\xe18"8\x9fT/w\xfepy1\x96\x9bl\xad\x00d\xe1\x9dv\\r\x0f\x00\x1bm\x01V\x07\x00\xd8\x1c\xd1H\x16PX\'\x80\xce\xc0\xc9\x8f\x05\xa3\t\x07\x03\x97\xde\x18\xae\x00\xc0\xdeI\x08"\xd6g\x82\xa1!D\xff\xba\xe0\xe2G\x82\xdd\xdc\xe6\xb4\xbd?-\xb0\xa1]\xbb\xc5\xe6!j\xd7\xd6+\x00\x1b\x00\xd8\x1fz\xf6.\xa1_\x04\x04\x9d\xc1\xc0\xd5fO\xbb\\&lt;\xc1\xc3\x9e\x06s\t\x83\x9b@\xe0x\xef\xd8-:\xe0\xda\xadw\xa3\xad\x15\x00H\xe04.*\xd7&gt;\x83\xf7\xcb\xff\xd8Z\x01\x80=\xb1\xdfP\xf7n[+P\x86+\xbbn,{v9\x0084|a\x08\xc0q\x10)\xfe\x8bW\x91\xdf\x0f\xd6\x03\xfb\xd2\x16\x00\x00\x00\x00 \x89\xe9\x99\xfe\xf2[\xfa=\xa5\xd4\x93\x11\xbeaOj\x1f\x1e\x0e\x9b\x00\x00\xf6\xca*\x82\x13\xd0\x01\xfa\xa1R\xf6\xdf\x1daa\'\xf6\xb7M@)\xbe\xf6\n \x12\x1e\x02\x86}\x91\xb24\x8e\x0b\x83\xb6B\x9c\xefnt\xcay\x07\x96\x138\x1e}z\xf5\xe9t:]\xcd-\xc7\xde!8\xffVI\x03M\n\xd1\x8f\xae\xfdh\x02\x00\x00\x05I\xfe\xfa\xff\xbc\xdf\r\x00\x00\xc8\'4\x04\xed+X\x05\xa8\xda\xe6\x82\xc6n,\x06\x00\x00\xd1\xecki\x04\x00H\xe0PQn\xcfA\x9b\x15\x07\x00\xa0\x13\x08\xc7\x951\xdcd\xd5\xd4\xe0\xf3\x15\x97\xb1\x06\xd8\x04\xa6\x9eR\\=\x86\xe3\xc23\x00\xb0;\xc2\x7f\xc7\x97\x90\x9d\x82\x18\xee\xa4\xf5\x1a\xbc\x9e\xa9\xaf\xe5\xc6\xf0&amp;0#\xf6\xc5\xb6\x8f\x02\x1fb\xea\xb9\x12\xf7\x87\x84\x08\xd0\x96\x1b\xa6\xcf\xb5\xc1\x88\x03\xec\x93k\xfd&amp;\x8d"\x87UWh7\x80\xde\xb8\xc6\x83\xe7\xf0\xc7$2\x8b\xc5\xda\xf6X\xd7\x01\x1e\xb3\xb5\x02\x00\x00\xd5\xb8\x92/\x16\\p\xacU\n\xf6\xcbun\xbf\x0bS\xe7\x14\xe3\xefJ\x0b,\xc3\x10\xbb\x1am\x00\x12\xbeM\x8e\xd0\n\x07\x02g\x068\x1c\xacR\xd0\x07\xf8a(G\x9e\xb3\xc1]\x8b\xfc1\xb8(\x8b\x952\xef&amp;\x8dVe\x17JB\x05\xfe7C\x0f\x00\x00JUH\x05X`\x8e@\xab\xcd\t\xcf\xda\x024\x85\x87\x80\xe1\xda`\x81Q\x18\x01L\x84&lt;\xf4i\xf0\x1c{\xd2v\x88\xa7H\xb7\xe7\xcb\xb6V\xa0,\xe6,\xff\xfc^\xf0\x17&lt;\xc0\xe6\xb0\x88\x00\x00\xec\r\x11Q\xea\r\xb6\xd6\x02\x0e\x02\x07\xb7U9\x9cm\x8d\xde\xd2\xf3\xf1\x7f\x9fZAY\x8a=,\x0e\x00\xfb\xa3\x83\x15\xe8\x976m\x1d \x81k|\xd4\xbe-Wc^\xcd\x91\xb6\x0e\xc50q\xad\xdf\xa7w\x01W\x04\xe8\x04w$\xca\x99\xa8\xc3\x11\xd4u\x07;\x80H\x98/\x87\xe6WE\xa9/j\xdf,?\x05\xb8[\x18/\x00\xf0\xf2\x8b\xc5O\xdc\xbfx|\xa5\x7f\xa3\x9ch\xd8\xeb\x8a\x92\xe1\xbf\x83s\xf8\x0eB3D\xa9\x97m\xad\x03tE\xe1\xf0r\x8c\xf3\xd7\x1d\x1d\xa2G}\x19+\x00@\x1a\x85\x03\x8d\x9e\xe5wp?O4\xbb\xfc\x01\xaf\xaf\xdc\x99\x91\xa1$$\n\xd0\x17xc.{\\:\x01\xe0\xaa\t;\xe67T\xa9\xaaU\x1c\x05\xd2\xa9\x88\x9f\xd19\xdf\xef\x94\xb9\x07\xeb\xcb\x80\xd0\x02\xdda\x18\xfd&gt;\t\x19\x97w:\xde\xe4=^\x8f\x00\x00\xc0\x85\xcc\t\xac\xf5\xc8\xa9|\'\xcbFK5.\x1b\x80_\xec\xcb\x02\xb0\x07H\xb3\xfa&amp;$\x06\xc6F\xcb]\xf0\x8b\xc7\xea\xce^\xb0|\xaf\xeb\xd1\xbc\xebx\xf0\x9d\xbb\xb0wfA&amp;\xe1k\xa4\xcf\xf5w\xf4\xfd\xd3"RV\xdb\xddY\x00\x00\n0|\xf7\xfe\xd6z\x14\xa3xl\x0480L\x15\xd81z\xee\x9f\x1d\xf7e/\xd3\x81|\x1d\x00`\r\x1b\x00\x80\x01\x7fJ\xc3/\x01\xc3^){y\xf1|?|A\x81\xb1&lt;.\xbau\xae\xae\x02@\xb7l\x10\xa0\xc8\xfe\x01\x94R&lt;\x0e\x03\x07\'\xed\xbe\x7f\xb7\xb4\xadnn\x8e\xef\x02w\xed\xc3V\xf0\x040\x04\xf0\xb5\xb8\x07\x1c\x89\xa7\xec\xeba\xb9\x90\x8c\x82\xed2\xf4\x83\x88\x84\x1e\xe1\xac\x9d;\xff\x16\xa0\xe1\x86\xd8m&amp;\x05\x17\xaf\xa1!\xb97\xbc\r\xf7\xa1\x9d\xff\xc2o\x01\xe0\xc8\x8c)\xc7\x1e\x96\xe9\xd0\xf0\xde\x7fO\xe0\xf0\x8c\xce\x1a\x9a\x82\x1b\xb7\xb6%\xa6\xe5\xc6{\x00\x80]\xb1\x9b\xc7f\x00\xa04W7\xfd\x8fwH\xc73\x00\xb01\xc5n\xbay\xcblA?t\xf9\x7f\xee\x9e;\n{\xbab\xbbC\x8a\xad\x85\xf6\x19\xc77\t\x02\xf4\xc9\xa1R\xe1\x10\xf6\x93\xfd\x133a/\xfc\x9b\xe6\xacaw\xe1\x8b\x85\xf3\x87\xc9\x8a\x14|\xa2\x00z\xe0&lt;\x94Og4{\xc7&gt;\xe9\x98\x8c\x00\x00\x00\x07\'x\xb1wl\x00\xc2\xd3\x85\xf5#\xbfe\x9f*\x86\xcda(w\xc2\xed\xf7\xf5t\x1d@{\x88cWK\xbd\xa1\xe7\x16 \xe8\x85@\x1fwM\x06\x91\xd3\xb2\xa4K\xaa\xbbE\x02n&gt;\xdb&amp;v\xda\x15[\x86\xb2g~\xf7t:]\xe1\x1d\x05\x00\xe1\xec\xe6\xf6\x13h\x8d&lt;\xc7\x90\xab\x04\xad\xbc7\xaa\xa1\x0e@29\xcf\xd9\xc8 \xe2,\xc1!gJ\xeeE\xd4\xe9D\xae_\x88\xe5ca\xa7\xd3\xd9\xc0[\xe9s\xf6\x81\xeb\x1c\xdc\xab{D\x0f\xe0\xd00\x9d\xaf\x14\xc7\x02jK]\x02\x7f\xe3\x9b\r\x00tH\xbb\xdc\xe5|\xdbP\x9b\xb6\x8e\x8e\x98\xc6\xad\x87\xe7\xa6\xb6\xd7`\x0b\xae\xb3\xd7\x00\x00\x07\xc3\x1a\xccW\xeb\xebe\r\x0e\\w\xb9\x05\x08z\xe1t\xbe\x0f\xe0\xa4J\xe4.\xe4\xf4\xed9\xa9\x93\xc2\xf2\x00\x00G\x84\xd8\xbe\x01q\xb7\'D\x0e\x11W\x00\xa0\'\x8a\x1d\x17s\xfc\xb9\t\x98\x1d\xae\x13n\xb8\x82\xc3s-\x1e&gt;\xfc\xca\xe1\x0e\xfb\x1b\xa93W\x00\xe0h\x84\xcc\xdb]\xcem\x00\xe8\x12\xee"\x048\x0c\xa7SG\x8f\\W\xcdU\xd8\x00\xc0\xceh63\xfb\t\x01\xd7\xc7\xbb\xf2\xbd\x90\xa0\xd1\xbb\'p\xa0\x00\xb0-E\xbf\xc9\xe3Z\xbe\x94\xec*:\tG\xc32\xd7\x13\x96a[\xd4(\xf4(\xc2\x11\xd8\xe4\xf7\xcfw|\x11\x16J\xd3\xca\x19\xb8\x8d\x07\x00z\xa1\xc1\xca\xcb\x15\x00\xd8\x1f\r\xce\x03\xb9\xa6?\xe2\xf8\n\xb2\x8a\x8d\x9eNd\xff\xd0\x12\xa6&lt;\\\x07\x1d9\xfa\x1e\x7f\xa8\xb1\xcd\xd5\xe96fa\x03\x00\xfbc\x9d\x19\x9eR\x0f\x08I2\xfdXm\x84\xed\xa0\x05\x83\x9f\xd5]\x11\xd9p\xc2u\xd0\xc6\xcf=\x99\xfdpY\xef\xac\xcd\x03\x9b\xa8T\x80\xb3\xdaoR?9\'\x1c\x01X\x919\xef\x99\xba]\x16\x0b]\x1d\x93\xec\x9f\x1e\x8c\xc9\x98\xee\x15\xe6#@K\x8a\x1c?\x07\x0b\xd9\xd3\xd4ny\xc9\xa2\x81\x01\xd9d\xc0N\x99\xcd\x8e\xf3O_\x14\x10t\x96v\x15\x9b\xeffw&lt;\xcb\xf0\xab\x84[Z\x95\x87\n\xfa\xc6\xe5\x8d\x9b&lt;\x85r0\xb0!\x9c\xa3`\xc8\xe3mD\xcb\x1d\x913\xb5\xb9\x05\x08v\xca\xcc\xe3s\xb6\xe4\x8b\xc9s5A\xafE?\xbf@D\xa9\xd3\xe9\xf4E\x9b[us\x05b\xe8\xe4H\xec}\xbd%\xca\x9d\x87\xb9\x86gWc\xd7)$sp\xb9q\xe5\x9e\xde\x82\x9d\xc4\x1f0\xf2\xcb\x8b\xbf\x99\xdap\xb5\x14\xb8igu\xf3\x0f\x1c\x15\x06\xb7,9S&amp;\xb6\xd6\xcf\'\xb5\x02\x00#A\x13\xf6\x00\xeb\xe09\x1f\xa8w\xeb\xe0V\xf69\xc0\xd0\x00\x04\x11\x9e\xd6\'e\xf0b\xaa\xca\xd4:6\x8coY\x985\x00\xd0)"\xa2\xd4\xd7\xeao\x94[\x02~\xad\x90\x1c\x000\x11\x95\x94\xebI\xfc\xcf\x85\x9dp\xacR\x7f\xf2\x98# "\xf6/td\x88\x0bSz\x03\xc0\x00]\t\x0c44`\xedf8\x1e\xc0\x1e\x88J\xcd\x8d9\xbd\xad.G\xfe\x87F\xd4m\x19\xd6\x1c~,\xa6\xb0c\xbb\x05`\x84\xc0\xdb\x03\xcc\\\x00\xe8\x98\xe4\x8b\x00n\xc6\xf25u\x07+\x97\x8d\x99\xc8\xeb0\x04\xfb\xe7\xcf.\xdbl\x86\x12`7p\xfe\x05\x00\xfd\x13\x9d[\xac\x13}\xee\xf0\xe9\x8c\xbf8\x0fk\xeb\x15\xe8+\xf0\x04\xd8\x12[\xd6\xb5y\x8c"\x17\x04\xb8B\xf8\xfe \xd8#\xcd\xbe\xc3~_`\x16\x17c\x96\x13\xf2M\xd8\x00\xe5Y%\xda\xe7\x1f0\x91\xe1WQ\xcfo\x0c\x7f\xb6sQ\xe1W\x02\x00\x00\xa0\x7f8\xc75\xd3\xe9U]T\x02P*\xf8\xfb\xca.\x9f\xf68\x977\x04k\xc05R\xf5\xa6e6\xfd\xb0?D\x84C\xdc\xe30\xfcPp\xcb&amp;q\x9eT0]"\x8b\xf5\x9b\x13\xf7(\xda_\x15\x018&lt;\xfc\x120\xec\x0f\xb2\x7f\x0b\xbb&lt;$\xbb\\\xcdi}\xde\xb9K[m\x0e\xa7\xd2\xa9\xa4\x1b\xae\xcd\xf3\x9a]^&lt;\\\xb1\x0b%w\xcbu\\Z?|\x07\x01\xf6\xc8\xdb33\xaf\x16\xa9\xf2\xb5t\xa4\x0b\xe59\xbeI\x8b\xa7\xc2\x81w\xfe\xf8T\xaak\xf9\xfe7\x00"\xa2\xde\xbdw%\x0fD)S\xf76d\xbd\xe9\x03\x00\x00J\x85G\xe7\xecc\xd1\xae\x97\x81\xeb8\x8a\xbb\n\xf2\xb3\x7f5y\xfb\x03\xca\xea\x06`\xa3\xff\r!\x00\\\x1b\xff\xb4\xb5\x02\xd0\t""\xea\xfe\xacR\xd03\xe6\x1f!\t\xa9\xa6_\xbf\xca\xdc?\x00\x00\xac\xe1Fj\xd8\x17&lt;\x83\x08\x03"m\x1f\x1d\x06\x88c\x9d\xb2\x07&gt;\xc6\xbax\xe6U\x97\xc3\x83\xb0P\x1f\xd6\xd9\xab\x80\x87\x80a_\x10\x95\xf6D\xdd[Y\xfa\xcd\x84\x0esX{\x98\x8e\xf4\xc2\xecj\xc0\x7f\xf8l{cc\x01F\x04jsb\xe2_\x03l\x00\x00\xa0\x16\xdd\x9fV\xfeQ\x9dt\xaa\xf3^\x87B\x0eP\x97\x1b\xf9\xfc\xe4\xe5\xd3\xef\x82\x01\xd8\xc1C \x056\x00\x00\xbd\xd1\xe2+\xff\x1af\x15=g\xc3oZI\xbd\xeew&gt;A\x9cN\xc7\xe8\x07\xc0\xb1\xc9\x9f\xa5\xeb{\xd5\xb2En\xc2\xc7\xb0\x17\x8a`\xa7\x83\x0c\xc0M\x8a\xe9\xf0\xab:W\x00\x13d{\xdc\xdbl\xe3\xef\x99\x88\xc8\xe9\xe4\xba\x01\xe3\xa4\xf6\x9b\x9d\x95\x02\xdf.\xcc\xd9\xeb\xb6\xd6"\x1f\x1c#\x0e\xae\x00\xc0N\xf9\x83\xad\x15\xd81\xc3\xc1.\x87%\x87\xe5\xb8\xb7\x8d\x1c\xe9\xb1\x84\x87\xac\xde9\xff&amp;\xde\xa5\x83\xe6\x9c\x8c\x0c\x07\x13\x94\xe6\x10\xd9\xbf\xc21b\xc1^ph\xceKi\xf07o\x0cGrW1/\x8er\xea\x93\x85\x88\xb4\xfaa\xe9\xf1t\xaa\xe01\xd59S\xac\xa4\xbc\x88t\x98\x19\xf4\xa9\x95\x19\xd7A\xbe\xb3\x0b\xce\x8a\xeaJ\x02T$\x9c\xfe\x02\xc4\xc1\x15\x00882\xfe\x13\xc6\x8b%\xae\xfc~9\x9dx\xbe\xf0|\xe0ZLTX\x99\x82i\xca\xc9)-\xb3c\xa7\xd3\xe9\xcf\xf2$\xd4`G\xcf%8\x92\xf8\xafp\xd7t\xf6q/\xddo\xcd\xd5G3\x808\x08%p%T=+\xdd+\r\xcf\xbf\xaf\x9d\xe1\xfaR\xac\xa9S\xcf5E\xa4\xd8\xfd\xe2\xa2\x84\xfb\xceS\xb0\xa5\xa4\xe1\xe3\x92\xfcK\x02\x00\xe5\xe0\xea\xca1\xe1\n\x00\\\t\xee\xb3\xd2+\xe5tjl\x96\x9a?\x0b\xd0=\t=O?\xd3&lt;\x9d\xd2Z4\xab1\xfe\xe3.b\xfe\x84/\xb3_\x11\x92\xc4\x8b\xa8\xf3\xa6\x11`K\xce?K}\xdd\x13\xb6\x0e\x9b[\x95\r\x00t\xc5\x1f\xa8\xd6_R\t-9)u\xdb\xadu\xd8\x86\xd3\xadRr\xf2\x9c\xe3\xdeS\xb1o\xf1\x0cyb\xdc\xda\xd0\xb4yXN\xea\xe3\xcf\xf1,\xf3\x9fN\x97\xfff\xef\xb1#\x80\xc6\xe0r\x00P\x18\xc3\xf2\x7f\xfe\xe1\xd8\x98\x9f\x8f\x8d*\x0c\xb0!\xa2F\xf7\xeez\x7f{\xaf\xb2\xe2\xae{3/F\x12\xa4\xdc\x93@\x07\xb58\xbc_\x1d\xbe\x83\x00\xbb\xc2\xbc\n\xc6/r"\xa2\xd4O\x94\xd1i3\x08OW\x82h\xff\x1e\x86\x83u\xa70\xd9\xd9\x7f\xe2\x9e\x01\xa008\xe1\xe1\xb8\xd1\xd6\n\xc05\xb3z\xb4(\xfe\x81\xd4\xa3\\\x13\xe7)\xabk\xe0\xa4\xfd{$\xf0\xde\x18D\xc2\xef\r\x9a\x92\xae\x93(\x9e\x08\x80\xed8\x7fc\x1a_\x1aq$x\x06\x00\xb6\xc1\xf2\xf8\xe9uF\x16\x1eP\x86\xfd\x82\xf7\xbaX\x9fPH\xc4mQ/\x19\x84(\xb2\x7fh\xce\xccKO\xa7\xd3\xe9\xbb\xb9\x0c\x00\x00\xb0%\xc5b\xf0\xc3\t\xe7\x00\x951?\x07\xe0|\x14$\xa4\xcc\x95\xc3\x9dQ\xf5\xc1\xbc\x00\xb03xZ.\x84\'\xef\xfa\x11\xea\'\xb3\xfc\xef\x83\xbd:Xq\x8c{\x80GL_{0+\xb3\xad\xaa;a4\x14\xe6\x02\x008"aI\xea\x98\xcb\x8a\x92E^\xcb\xf2`\xe7\xe5\xbb\xcd\xcf\xae4O\xdaY\x97Ig\xd7LY\xfe\xb7\x8b\xfd\xf2\x00F\x83\xfd\xb0\xdb\x83$\x00\xe8\x1c\t\x88/\xd3\xc2\xf9\x9d"?p)\xff\xe9J)\xa5\x9eJl\xb2\xf3\xfb-\x8ds\xabq\x93\x06W\x04\xc3\xed\xa6\xb7\r\x00\xe3\x05q\x94\xf3\xd8\x7f*!\x04\x00\x8eC`\xd6\xf8\xd2\x16\xba4\xe2\x90k\xb0\x9c\x7f\xdc\x94\xe3\xa2\xeb\xe3\x13\xb6V\xa0k\x96I\xff\xc6\xc7\xff\xcc\xcd\x1c^\xb2\xb5\x02\xbb\xe6\xe9[+\x00\x00\x000g\xebs\xd9\xc2\x1c\xac;P\x0e\xbc"\x07\xac\xb7%\x845\x00\x00\xa8\xc0\xb1\x96\x16VJ\x008\x14;\xd8\x00t\xae\x1e\x00\xb4\xa4\xf7\x80U\x8a\xfeC3\xc0\xb5#"J=\xa8\x94\xb0Br\x80\xed\xfaa`\x1c\x01\x8eG\xfa\xd9\xc3\xf5\xdc\x13\x7f\r\xdd\xdc\xae\x8f\x9fQ`\x8bE\x9e\x01\xc5\xc0\x97\x00z\x81\xc9\x08P\x91s\xfau\x97\xad\xd5\x80m\xb9g\xab\x86\x8c\x01\x9d(\x0f\tTr\x9b\xe5\xd1\x06\xdbK\x00\x00\xb0\x11\xf4\xad\xff-\x14\x01\xe8\x97W\xd9\xff,\xd8\xbb\xfe\x10\x80\xc8/\x92\xf4\x97\xe4\x1b\xb6V\xa0\x1a\xbf\x84\x9f\x00\\5=\xdf\x0c\xd3\xadb\xd0\x03\x0f\xdfZ\x81\xbdA^\xd8\x88d;?\xb1L\xf3\x97o\xfe\x05p\x83\x93\x00\\5/#\n\x00\x00\x94#\xe4Te\x15x\xcfO4\x95I\xdc{&gt;\xd6\x01\xb8B\x98\x8f\xd0)\xb8&amp;\x00@)R\xf2o\xed\xb7\xc9\x08\xc80\x81K\x1c\x01\xae\xc8\x01\xf4\x01S\x11\x00R\x08\xf9\xd9\xa3\xe4\x9fFb\x03\x00pln\xd8Z\x01\x80\x1d\xb1\xbcJ^H\xe4\xef\x14\x90S\x97\x17\x90\x07\xe4\xf1O\r\xda\xe0f\xebk\xe3t:\x9dN\xae\x02\x05\xbeu\xe7\xadr\x05\\\x0b\xf7f\xea\x01\x00\\\x07\xd7\xf5\x95v\x8f\xbc\xa6\xce\x96\xa7\xb6\xf5d\xf5\x02z\xa6\xcd0\x89v\'O\xba\x90\x84V\xaf\xcf\x0f\xc3\xfb{m\x96\xb9\x12\xc4\xf2\x1a\x00\x00\xae\x93\x16\xbb\xc4\xcdn\xd5\xb8\xae=\xf0\x0eqo\x00\xb2\xf7\x06\x07\xa1\x80\x11\xc2%\xdc\x13\x83C;\xa6\xcb\xc2\x0f\xc5\xf1\x00\xa0.\x9f\xb6\xb5\x02\xd7\x08\x1b\x00\x80\x0cpc8&amp;"\xa2\x1evvo\x9c\x1c\xa0#\x98\x90\xc5\xc1\xa4\x00\x00\x00\x00WA\xe5\xb4\xef\x19\x95n\xb1\xb8\xc2;a\n\x90\x03\x00\x00 \x00IDATe\xeb\xc3\x994\x00\x00\x00\xc0\xd1\xb9E\xe5\xfb\x1fd\xb8\xc7\xfa5\xaa5\x01\x87\x87\x8b\xb0p4\xae\xf2a\xdfd"\x9e\x12\xe6\xce\xba\xfe\xd8\xd3\x88\xf0upp-\x94\xf8\x9a\x0b\x8f\xf8:\x92\x01\x00\x0c\xec%\xe6\xec\xf0\x19\xe2w\xde(\x93\xdb\x9d\xa1`\xc6\xde\x86o_\xda\x02$\xa3\xffb\xe5\xcef)\x00\xc0^\xd9\xe1\x06`3\xb2\r\x85\x9d\xb7e_\xf6\x0f\xd5\x96\x1f\x02\x83\x9d3\xfc\x10\x8e\xc8\xd9\xeb\xf75Q\x01\x00v\xc9\xe9\xa4&lt;\xbfC\x06\x03\xd8i\xe7\xeci\xfcDT`"\xb4\xa7^\x01\xd8\x18\xcfWN\'U\xc5\xabE\x06\xa9L\x19\x80@$`\xbe\x84\x94\x01\x00f\n\x00\xc0\x8co\x1c^4\xb8\x05\x88\xcb\x0b\x00\x00W\x0e\x0b\x01t\x8a\x88(\xf5k[k\x01\x00KX6 \x1c\xbc\x05\x00\x00\xa2\xf0/\x1c\xe3\x1d\x13&lt;\x03\x00\x07\xe0\xbe[+\x000P\xec+\xd8\xb8\xdc\xdf\x01\xefr\xe0m\xd8;W\x90y`s\x1d\x1a\x1e\xe6^\xb2_\x83x\x16\x8e!\xfb\xff\xd0\x06\xaa\x00\x00\\\x11"\xf2\x93|\xe3\xc7Q8\xeeW\xddW\xfaq\xc3\x8b\xf0:ba{\xeez\x05[\x85\xcb\xd7[}\xe7\xf1{\n\x00\x9b\xd2\xc5ovl\xae\x00@\x8f\x88\xc8\xc7m?=\xabP\xf9K&lt;\x8fi4\xb8\x06D\xffnq\x00\x00\'\x84\t\xc8\x04\x17\xea\x13\x92\x804\xfe\x1f?\x11p\x95\x18\x07\xfdK[k\x91\xcb\x8d\xf1^\x80\xbd\xd1\xe3\xa4\xedP%\xe8\x93\xbf\xdfZ\x01Xs\x7f\xc5A`"\x18\xad&lt;$\xa6\xad8\xb2\x9d\xf1"\xd8\x92:W\x9f\xa5\xf2Emk\xbb\x19\x9f\x02\\\x13\xb5\xa6g\xd5Yv\xfb\x9a\xc2\x01\x8e\x8acV~M;-@Gfi\x12_4\x01\x1bp\xf6\xbf\xd2\xbf"9%\xff\xfc&gt;%\xc0\xd5s\x0e\x07\x84\x02\x80\xa6\x88\x88o\tfnn\x83\xf6\x93\xa9\'\xc5\xd7\x80\xc2\x86\x14&gt;\xad\x17\xeb\x1f\x00pu\xf4\xf0t\xfdA\xe1\xf9Hp\x10p\xfev"\xfb\xdf\x90q{\xc6\x06\x00\x8e\x02\xf1\x04\x00FN/WJ\x91\xa7V\x82\xcd\x15\xd8a1N\xa0\xc5\x8c:\x9dN\xdc\x1f\x01\x1dP\xe7\xeb/y\xba\x05\x00\x06\xb8\n0R\xd2\x0e\x1b=m\x05p`&gt;~k\x05\x00\x00\xa0\x05\x9f\xb5\xb5\x02W\x02y*\x1c\x07n\xbe\x828\xc4\xf5\xe5(\\\x0b\x000"\xcc\x0e\x00\x0b\xcc\x0e\x80\r\xa8\xf3\xfd\x19pL\xb4G~\x15\x11\x1b \x90\x1a\xbf\x02\xd8\xe6\xd8\xe6\x13\xab\xb7\xd0\xfb\x11T\'\xbaun\xa5,\xe6\xe7I_\xbe\x99\x1e\x00W\x84(\xeeq\x05\x80\xa3\xd0i,\xdb\xf1\x1d\xaeE\xb2\xf3\xdeS|#O\xdaZ\x8157\xd9Z\x81Zp\x1f\x02\x00\x00\x00$#\x96\xd7\x9b\x93\xb3\x01x\x9f\x92\x8aD\xf3\xca\xf9"d\xbckp7y\xde.\x94\xec\x9f\xbd\x0c7\x00\x1c\x03\x02\x0e\xc0\xd5\xf3r\x11\xf5\x93\xfd\xfc\xa4\xeeugB"\xf3=\x00\x1c\x07\xdf\xce\xf6\x1b\x1a\xe9\x01\x00\x00\x00\xa0\xfe\xbf\xeb\xce\xb9\xbbc\xfc\xea\x80\x02\x83""J\xfdD\xbe\x1c\xc8\xc6}i\x8b9\x08\xb0\x0fv|\x9f\xea\x8e\xc1\xe0\x00\xb5`v\xf5B\xd9\xfb\x7flk\xd5\x07\xed\xe6\x16\xa3\xe3\xf1E\xc3\x0b\xec\x0fW\xc1\xc12\xe6\x83ug\xcd\xd0\xbb#\xf7\x11\x00`c\xd6\x0b\xc9yuy\xf3r\x0b\xcc\xaa\x89\x0f:\xbfM|/Bl*0\xde\xdce\xab\xe8\x17\xc8\xe6\rv\xc5\x91\x9e\\\x9fn\xd1\xb4\xf7h\xb5C\xd8]\xdf\xbd\n\xef\xaeG\x00\x00\xdd\xf1\xaf\xeb\xb7\x0e\x7f\xc2T\x87]Xl\xfai\x18\xfb\x10{:\x82{\xf4\x01Cpl\xac\xbf\xe24m\x00,\xdb\x00\xfd\x8b\x1c\x98\xaa\x1bs\xb1\xff=\x8e\xb4\x0b\x05\xd8\x06\xc2Y\x05L&amp;\xc5\xce\xd1\xc4Z\xac\x82\x85\x97k\xcc\x1f5jw{Ht\xe0Ph\'\xfd\x86\x0f\xbd\xf1\x99\xe9\xd0\x0b\xe7\x81H|\xac\x8eA\x04X\xc2\xac\x80"l\xe9H5V\xe8\xc5w7q\xe6\x040\xb2\xbf+W\xfb\xd2\x16\x1c\xf4\x17\x8ao\xd8Z\x01\x00#\xe6k\x9a\xc3\xfb_\xcd\xefZ\xef\x90\xc0\xf0\xf7\x96u\x9a\xee\x91\xd3\xa9\xbc\x1b\x9f\xd4\xe5\x97\xdf\x01\xc2\xa8\xf8\xb4\xe5\x7f\xee.\xe1\xaeH\x92\x1d\x98\xcb\x87\xe1t"o\x01\x88F\xfbbzQ\xea\xef\xba\xcd\xe7\xc0\xcd\xa6\xc7o}&gt;RV\xb7Q\xe7-\x04\xb0_\xfe\xad\xa8\xb4\xeaN\xa8\xd4\xe3\xab6\x11\xc9\x06\xd3\x81\xdfT\x81\x0ea;\x02\x1d"\x0b\xcf\xd43\x98\x1a\x87\xa6\x11\x9c5\xe1T&amp;\x89\xf38\x9eN\xaa\xcb\xc8\xb3\xf4:K))8\xfa\x83AjYc\x9c8\x01M\x84u\x1f:@D\xb8\xce\x03\x00\x00W\xc1\xfc"@\x19\x91)\x95\xbeQDD= \xf1\xbbS6\xa2\xa3[\x0f\xb9%]\xa7\x8c?c\xd2\xab\x83\xe1\x06h\n+\x17@A\xa2\xe7R\'\xf73t|1\xd7\xa0\xd5/F\x18-\xaaS\xfc\xa0l\x11DD\xd4\x1bfZ\xac\x90\xb5\xfd+\x1c\xc3\n!\\\xb7\x9ft\xba:\xec\x9d\xed\xac\xea\xf9\xc6d\x00hB\x0f\x1b\x80\x8e1[\xe6%\xad-\xc6\x06 \x9c\xe2\xd7\xb5r\x08\xdb\x00\x04\xfdFX%z\xb0\x12\x1c\x8c\x9e\x9d\xaag\xdd\x16\x8c\x8f\x92\xd7\xd0\xb9\x87\x08\xf9\x95[+\x00\x00\xb0\x03\\\xc1\xba\x83P^\x90\xdc\xbeL?\xe8\xb3=a\x9a\x88\xa8G\xf7\xa0-\x14\xe4\n\x07t\x17]\xde\x85\x92-8\xd6\xaa\x01\x00{\x840\x14\x848\x8f\x82\x8ed\xc3\x02\x1b\x80n\x9cJ\xbf\x1c\xf1\xa5\x8b\x8f\xa2\xe4\x94T\n\xcc\x945\xf2\xdb\x14\x95\xb6\x0b\xfa\x99w\xe5iq\xa6\xd0\xd6zG\xd8\x00\xf4r\xd0\x03p}\x14\xba\xd1\x82\t\xbck\n\x0e_\xd8\xfd0^~\xb77\x8f\xca\x9d&amp;GX\xaa\xe1\xe8\xf4t\xe5\xcd@\xfcj\xd5iG\x00\x00\x9aa\x8d\x83\x8b\x90\x9a\xb6\x1f\x88\xa8\xd2\xd1\xc9.\xf8H\x1c\xa9R\xdf\xe1\x03\xd7\x06\x83\xbe9\xe3\x06\xe0a[k\xb2 \xe1\xb9\xa0\xdb\xb2\xeb\x06\x80\x03S8\xc0\xcdO\x80b\xd2\xfa\xab\\\xbc\x1b&gt;\xa8*J\xfd\x9f\xca-\x0c\x1dy\xe8e\xf4\x93\xbav\x8dn\x00p\x0c.\xc1\xbf\xb3x&gt;\xff\xb6\xeb\x8e\x14\x03\x00\xd8\x86\n?\x02\x90\xae\xcbNd\x16&amp;cMJ\xa8\xd5\xc8 C\x8f\x12\x8f\xff9\xbc\x8f\xa4\xcc=x\x1d\x04\x81\xfd\x91c\xb4C&amp;\xa3Z@\xeb\xa8k\xc3\x13A\x1d\xa9\x04\xf5\xd8&lt;\x94\xdd\xb0m\xf3\x00{\xa3\xc6\xafoF\xc9\xdc6d\xa4t?&gt;\xca5\xfa\x89\xd3\xd3\xe5\x9f\xd4\xe6Nj\xeb\xe1\xc8\xa4\xb1\xf2\xfcr\xedf\xe4\x98\xfet\xca\x98#\x9d#\xaa\xab\xae\x9dN\'\x15d\xed]\x87\x1d\xd0a(\x01\xbc\xf4wZs}|\xcaF\xed\xf6\xf90\xdc&amp;\xde(J\xdd\xd4\xf9i\x8c\xac..\xa9A&gt;\x0cb\x02\x9d\\R\x86\xebf\xba\x15\r\x00&lt;\xb0\x07\xd8\x10\xeeL5\xb2W\x83\x90\x00mJG\x96\xbfR7(\xe0\xff\xdbV\x87\x03psnk\x04\x80R\xd4\xcb\xd1+\x9c\x99\x9d\xefy}\xff~"`\x92\x1aK\xe5;}\xe6!\x98~\x86\x03\xda`\x1a\xee\xc3_t\x9d\x1dg\x14\xeffow\xf3\xf7\xa3\t\x00@G\x1c\'8\x9es\xf4\x07WI\xe0\x86\r@9\xe1\xb3\xc7\xbb\xd3\xc5n&gt;|\x8b\x95&gt;B\x1f\x11Q\x1f\xb8\xb9\xfes\xf8\x12\x92\xab\xe3*\x87\xfb!U{\x1d\x1b\xd0\xb8%\t\x00`\x036\x0f\xbbZ\x12\xec\xc9\xbdD\xa9{\xb6\xd3k\xd1v\xe9\xd4p\xcc\xfe\x7f!g\xe5\xdbs\xb6\xda\xe5\x92\x7f\xf4\xa3_X\x129\xd6{\x9eq\x85\x08\xe9~\xd2\x06\xa0\xc7\x80P\x96\xc3w\xd0H?\xdfd\x08\xb0\x0f\x8e&gt;U&gt;^\xd6\xb8s/S\x04\xd9\xb1\x95\xe6\xbd\xae\xd8NM\xe1Y\xb4Z\x12\xa2\x1f\xa4\xe6"@.\x0f8\xec\x85\x94\xa3\xf6+\x98\xaa;\xe4k6\xeca\x99/\xf1\xbd\xd0\xd1\x17`\x01h\x8c\x93\xe4\xb8.\xfa\x1a"/Y\xbew:\xc5\xf5w\x8c&amp;\xb1\x15\xabq\xd6\'T\x99V\xfaK\xcf\x8e$"\xdd\x0c\xdf\xc000\xdd)\xd6\x82R\xder1b\xb76&lt;\xeb\x97\xa0^\x8f\x1e\x0b\xd01z\xde\x7fRJ\xf51}\xf8\x1d\x00\xe8\x95\x8e\xf6\xc9\x15\x90\xec\xec_D\x89h5\x12\xecU\xe1\x10\xeb"2T\xec\xe9t\xfa\xa7\xc2\x1a\x98\xdb\x19^|C\x8b\xd6"!\x97:(\xa7\x93R\xa7\xd3\xbfn\xad\x86\x8d\xf4\xb9\x8f\xc7\xf6@</t>
        </is>
      </c>
      <c r="E119" t="inlineStr">
        <is>
          <t>&lt;class 'numpy.ndarray'&gt;</t>
        </is>
      </c>
    </row>
    <row r="120">
      <c r="A120" s="1" t="n">
        <v>118</v>
      </c>
      <c r="B120" t="inlineStr">
        <is>
          <t>steps_per_sec</t>
        </is>
      </c>
      <c r="C120" t="n">
        <v>1400</v>
      </c>
      <c r="D120" t="inlineStr">
        <is>
          <t>3.10681</t>
        </is>
      </c>
      <c r="E120" t="inlineStr">
        <is>
          <t>&lt;class 'numpy.ndarray'&gt;</t>
        </is>
      </c>
    </row>
    <row r="121">
      <c r="A121" s="1" t="n">
        <v>119</v>
      </c>
      <c r="B121" t="inlineStr">
        <is>
          <t>Loss/RPNLoss/localization_loss</t>
        </is>
      </c>
      <c r="C121" t="n">
        <v>1400</v>
      </c>
      <c r="D121" t="inlineStr">
        <is>
          <t>0.056501534</t>
        </is>
      </c>
      <c r="E121" t="inlineStr">
        <is>
          <t>&lt;class 'numpy.ndarray'&gt;</t>
        </is>
      </c>
    </row>
    <row r="122">
      <c r="A122" s="1" t="n">
        <v>120</v>
      </c>
      <c r="B122" t="inlineStr">
        <is>
          <t>Loss/RPNLoss/objectness_loss</t>
        </is>
      </c>
      <c r="C122" t="n">
        <v>1400</v>
      </c>
      <c r="D122" t="inlineStr">
        <is>
          <t>0.025704354</t>
        </is>
      </c>
      <c r="E122" t="inlineStr">
        <is>
          <t>&lt;class 'numpy.ndarray'&gt;</t>
        </is>
      </c>
    </row>
    <row r="123">
      <c r="A123" s="1" t="n">
        <v>121</v>
      </c>
      <c r="B123" t="inlineStr">
        <is>
          <t>Loss/BoxClassifierLoss/localization_loss</t>
        </is>
      </c>
      <c r="C123" t="n">
        <v>1400</v>
      </c>
      <c r="D123" t="inlineStr">
        <is>
          <t>0.29888624</t>
        </is>
      </c>
      <c r="E123" t="inlineStr">
        <is>
          <t>&lt;class 'numpy.ndarray'&gt;</t>
        </is>
      </c>
    </row>
    <row r="124">
      <c r="A124" s="1" t="n">
        <v>122</v>
      </c>
      <c r="B124" t="inlineStr">
        <is>
          <t>Loss/BoxClassifierLoss/classification_loss</t>
        </is>
      </c>
      <c r="C124" t="n">
        <v>1400</v>
      </c>
      <c r="D124" t="inlineStr">
        <is>
          <t>0.09141466</t>
        </is>
      </c>
      <c r="E124" t="inlineStr">
        <is>
          <t>&lt;class 'numpy.ndarray'&gt;</t>
        </is>
      </c>
    </row>
    <row r="125">
      <c r="A125" s="1" t="n">
        <v>123</v>
      </c>
      <c r="B125" t="inlineStr">
        <is>
          <t>Loss/regularization_loss</t>
        </is>
      </c>
      <c r="C125" t="n">
        <v>1400</v>
      </c>
      <c r="D125" t="inlineStr">
        <is>
          <t>0.0</t>
        </is>
      </c>
      <c r="E125" t="inlineStr">
        <is>
          <t>&lt;class 'numpy.ndarray'&gt;</t>
        </is>
      </c>
    </row>
    <row r="126">
      <c r="A126" s="1" t="n">
        <v>124</v>
      </c>
      <c r="B126" t="inlineStr">
        <is>
          <t>Loss/total_loss</t>
        </is>
      </c>
      <c r="C126" t="n">
        <v>1400</v>
      </c>
      <c r="D126" t="inlineStr">
        <is>
          <t>0.4725068</t>
        </is>
      </c>
      <c r="E126" t="inlineStr">
        <is>
          <t>&lt;class 'numpy.ndarray'&gt;</t>
        </is>
      </c>
    </row>
    <row r="127">
      <c r="A127" s="1" t="n">
        <v>125</v>
      </c>
      <c r="B127" t="inlineStr">
        <is>
          <t>learning_rate</t>
        </is>
      </c>
      <c r="C127" t="n">
        <v>1400</v>
      </c>
      <c r="D127" t="inlineStr">
        <is>
          <t>0.0319999</t>
        </is>
      </c>
      <c r="E127" t="inlineStr">
        <is>
          <t>&lt;class 'numpy.ndarray'&gt;</t>
        </is>
      </c>
    </row>
    <row r="128">
      <c r="A128" s="1" t="n">
        <v>126</v>
      </c>
      <c r="B128" t="inlineStr">
        <is>
          <t>train_input_images</t>
        </is>
      </c>
      <c r="C128" t="n">
        <v>1400</v>
      </c>
      <c r="D128" t="inlineStr">
        <is>
          <t>[b'1024' b'1024'
 b'\x89PNG\r\n\x1a\n\x00\x00\x00\rIHDR\x00\x00\x04\x00\x00\x00\x04\x00\x08\x02\x00\x00\x00\xf0\x7f\xbc\xd4\x00\x00 \x00IDATx\x9c\xec\xbdw\xfc=MU\xd8?\xfb\xf8\x08\n\xa2RD\x94\xa0\x01\x11\x8dQc\x8b\xbdE\xc5\xde+\xf6\x1e\xbb\xa2\xb1\x12\x8d\x05k\xd4(\x185\x16,?\xbb\xd81V\xec\xbd\xc7\x12\x95 \x1a\xb1\x83\x82\rA1\x9e\xdf\x1f{wwf\xa7\xec\xd4\xdd\xd9{\xdf\xef\x97&gt;|\xbe\xf7\xce\x9e9s\xe6\xcc\x993\xb3\xb3{\x95\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P"""J\xe4hEz@f2\xae\xad\xaf\xceV\x8d\x97\x8e\xdb\xd6\xb6T7I!U\xb2C\xff\x08\xe1A\xbfM\xd3*P\xc0\xa3\x83G\xdaF\x01\xff\x85\xa6\x08\xe7\xc7fK\x03\xf2\x03\xa6\xdb\xb0\x95\xfe\x91\xb3p\xa4\xe4\xd5\xb7\x1f1\x16p]e\xfcsT`]f\xcbX\xb6&amp;\x1e\x03\x1a\xb5l6\xc9\xab\x80\xb7\xd8oD]\x1e\xdb\x9a\xd1\xa4.Q\xe2\xeb2\xa3\xf0\x96\x97N\x05D\xa97\xf5\xb9\x8d%!\xa69\x8b\x9e\x93\x90GE6\xdf\xdbw\xe9x\xbb\xb3\x82\xfc\xba\xd2\x00\x00\x0e\xe4\xfe\x04\xb2\x05m\xfaL\xbb\xae\x896\x1d\x11\xca,KfD\xe7U[U\x84\xd3\x14\xb7\x84\xbc\xdc\xc2Y{L\xe1u\xb1\x08\xfbX6\x94i= ?\x1f\xad\xbf\xa5\xc3b.\xa7\x84\xa4\xbe\xf3\xf7H\xa8\xd8\xfc\xf1\xbb\xb9&gt;\x0f\x7f\x12\xd0\xca*&amp;\xf3\xc7\xe1K\xe6\xe4x\xb9\xd0\xd7\xaeh\xcf\x9c\xbe\x7fT\x8c\xe61\rr\x8e\xb8_\xf1T\xed\xd3*C\x87Y\x95\xc0\xb7\xf1\xad\xd9\xaa\xeb\x13UP\xf9t\xfd\xf5\xca7\x05V\x10\x9e\'\x01\x00\xa0\x1f\xae9\x90\xb5\x0f\xd3Wa\xbdwO\xce\xffV\x1f~WA\x86\x1d\xae(\'E\xb0\x8b\x15/\x00\x02[\xf8s\x15\x0e\xf5b\xb4\re\x15Z\x06?\xe5\xb8\x81\xfd]\xcb8\xa2\xd4\x87\xcc\x7f\xafL\x11eI\xbf\xf0\xd5U\x93do\x01\xa7)l\x85#\xb5\xf2\xe9 ^\xe3\xf8\xe4\x7f\xf7f\xd3|\x95\xeaj\xeb\x85rb\x82\xa3j\xa7Rit\x1b\x9dV6T\xda\x7f\x0b\x9b\xb0\x8f5\xb4n\x02\x0081\xd7\x1c\xc8n$L\xef0\xd9\x9bS\xe9\xfa\x8bl\xa9\x81\x9di}[W\xfbD\xfb\xe7?\x06\xea\xfdj\xaf\xc2\x91\x9aE\xe7\x10N\xdd\xb6\xae]\xa7\xad\x01=\xc7\xaf\xbeq-m[g}\xab{\x13M\xccc}U\xf8/Y\x12\xdfu\x99\xe0z\xc3Vx\xb3\x8d\xab\x0b5K\x06Z\xa4\xfd\xfd0o1q\xb9\xdcJ\r\xfb\x12\x11Q\x8f\xceLR\x9d\x9f\xbb\x8b\xbaX\xd6\x84\xeay\xbc\x05\\w9\xe6O\xee\xbe\xb5Oo+Y\x85I\xf9\xf5\xba\xda\xd3\x8aT\xd9as\xa9\x1a\xa1\x92s\xb3\x00\x00}\xd3h\x02k\x89\x9dWm_\xb2W3\x8f\xddS\x9c\xaa\x8e\xc9\x0c\x8ar\x88\xb5\x00\xf5{\xcb&amp;\xa5\xaf\xa4\n\x9e\xc70/\x9c&gt;I\xcbu|\xd2&lt;:\xbf\xc1\xda\\"\xa2\xd4+\xf9\xd3\xa3u\xf1\xd1\xe0\xbfd\xfe3\xd9t\xe1\x94\xda\xd4\xe1\x1f\x13\xac\xe1\xce\xc5]\x97\xaf\xcd\xf5\n[\xb5x\xec\x13*\x19c\x16[\xb8\xf3\xdbpE\xcb\xb5\xd6"\xcaY\xdb\xe6\xfaoS\xd5\xb4L7\xc1\x1a\xb6y\x9d\xea\xfd\xfb\x84\xda}\xd25\xad\xfe]F\xa3&lt;5\x14K\x00\x00\x80\x86\xa4\xcd^\xe9\x13C\xe5\x9cx5}&amp;\xe5\x16\xe7D\x94z\x8f\xedtd\xe9\x9a\xd7\x9b\xaer\x97qM\xfc\xdb\xb9\x8eK\x98\x95$\xbd\xb4[\x8e\xfe\xa1\xfd\xb7X)\x9dK\xc7\xa9dDB\xf6x=\xb5\xdd\xd4\xd9R\xc36\x8e\xa6\xb6\x98\xe5\xbd2W\xb5^\xfe\xf8\xcc\xf5f\xfc\x87x\x12;\x9f\xd6?i\xf6`\xc0\x14\xf3\x85S\xedv\x15\xab\x1e\xf1.\x15\xdc\xe6s\xe13x0\x02\xd8_\x05\x1b\x18\x1c\x02\xf6\x85\x9b\n\x18\xfa\xbb\x1b\x95P\xdd&amp;)\xe5\xb7\xcc]#G\xb7\xa4U\x14\x0e\x00\x007\r\x13I\x01S\xfa\x121\xf1/G\xcc7\xb6\xe1\x1f]%\x9f\x90E\xa0+-\x8e\x14\xa2\xdc\xc9\xd9J\xabh%\xa7\xf2\x9bj{-\xe0\xb1\x89\xcbV\xeb\xd5\x82\xbag\xdc\xce\xb4\xf9\xf9\xaa\xc8\x9b{\x1b\xe8(\x1f2\x85\xb7GV\xf6q\x94q\xb5\xf4\xb5c\xf2Q\x87J\x1bz\xba\xbf\xbd\x88\xca\xc8A?\xd7\xb1\x98\xcc\x08A\x11\n$t\x84ua\x9a\x1a\x1e;W\x88\xab\xff\xcb\x10\xf8R\xca\xeb3\x00\x00\xbd0\x1c\xad\x00TFD\x86\x81n\r`L\xca\x8b\xadD\xd4b7Q\xa2d\x1c\x1e\xfa\x87\xe3x\x11\x11\xfdB\xd7\xcd\x93\xf8.\xd0\xaf\x1d\xccd\xa4J?\x1a\xf2\x87A\xff$(\xffRJ+\xb3H\x9a?\x8c\xcfo\x86AM\xd1\xc6\xb4\xff\xf8\x9d)\xc8\xa5\x98\xa3*\xbd9\x9e\xa6\xd9\xadPJ\xa9\xdf\x14y\xe9\xa9c\x1d\x05LO\xd0Z\xfdvJ}\x87\xae\xd2\xdc\x02\xbd\xa8\xcf1\x86a\x98\\H\xc6K\xc3\xb6\xdb\xee\xfd\xd1\x0f\xd5\xc5\x80j\xb1\xf0J\xc3\xb1\xda\xaec\x82m\xbafU\xac\x17#\x83\xc3n%\xf2}\x8e\xb4q\xf1\xac\n\x00\xc0&gt;\xdcy\xb4\x02\xbb!U\xa2\xfc!\x88H\xf4,\xc5\x86\xd3&amp;F\x86\xa6\xff\xa5\xd9w\xb8\xe4hN\x93\x0f\xc3`\xday\x95U\xe4\xe51\x83R\xbf\xe7\xd1\xb2\x84Y\xb7By\x8eT\xff\xee\xd1\xd9\xff$\xc36\xa8(5X\xb9\xbd\xbdh\xb1\x16G\x8b}tC\xf9\x8c\xb6Z\x15\xbf\x8c\xd9a\xab\xa4\xcd\xd0\xf2oBb\xb7\x86\xe4&lt;lg\x91\xd3\x7f\x87\xa9I\xcb\x8a%\xd9\x85d\xfa\xef\xa0\xc4\xad\xc8\xf3)\xf57cM\x9d\x87\x85\xd2\xec?f\x05\xae/e\xb5\x0fU\xady\xc1\xa1\x7f\xa0E\xae\xa5\xf3Y\xe7\'\x008\'\xb7\xb1\x00\xb8l\xd9\x96\tyNQ\xcfVf\x94\xdegQ\x914y\xafs\xd3[CD\xccm\xfb0\xee\xdc\xd15;\xaf\xfaz%\x7f\x18\xec46R\x03\xad\xde\x07Gm\x85.\xf7&amp;\xfc\x9f\xf8jP\xd1\xeed$\xdc\xab\xb6\x99\t\xfa\\\xaf\xd7\x02\xa2\x94\xbal\x86\xfe\x80\xfb\xdb\x10\xf36\xf7%a~\xb6RwI\xe8_\x8fx}\xff\xdf\xbc\xc2\x10\xfd|\xc6\xe2 \xe8\x03+\xad\xf5\xdd_o\xc9\xe9\xb6\xc0\xf4g\xfc=\x15\xc7m\x1c\xeb\xca\xbf\x89S\xf5p\xc4\xe7\xf0\xeb{,UH[i\xc4\xef\xe2\xa7p\xd31\x1a\x00\xfa\xe0\x8ez\xa2:\x8eiC\x85\x18.\xff\xa4\xec\xb4/\xeaB\x11\xa5\xfe\xac\xa0\xe6a\xda.L)\xde\x05\xd5_`\x17w\xa6\xb6\x89\x056e\xba\n\xa4\x1f\xbf\x1e\x86\xc1\x97\x0c\xcd\x87\x8a\xc7|Z\xfbt&lt;F\xad\xe2\xc6`\xacqFE\xf4s\xcc\x83\xdb\xb4\xd1\xd6\x16\xa5\xe4\x8dR=\xc2|tV)\xa5\xee\x92r\xf90\x11\xf8z\xa5\xa4\xcf\x92"J=h&gt;2\xeem\x86\x88\xbc~\xcab\xd0\xf4\x91\xd8\x902\xeeh\x98\xca\xaf\xf6&amp;|\xdb\x132\xfd_7\xf8z\'Z\xc7\xc1\\\xb6\xd5\n\x00\x17\xd7\xb7\x9e\x84.=\xdc\xef\xba\x96s\x9b\x00\xb03U\x16\x00\xfd?\xec4\x14o#\x15\x1e\xac\x7f\xa1\xa2\xca\xfb\x98\x1b\x9e\x958\xf3M\x89i5\xcf\x88K\xfe+\xd8\xea\xb2\xe4\x1a\xd2\xdcf\xa9\xfa\xe7\xc6#\xde\x97\x07\x0c\xabX`%\xc3)1\xa9\x9e\xa8C&amp;\xc6\xa1\x14\xa5\x86A\xfd\xb8-dz\x92R\xb4\x92\xab\xbaFi\xfe\x8cn0\xf1(3]\xfd\xb3\xee\xef]W$[^|\xc2\xc6\x9bkO\x9a\x97\x07\xe6]\x15\x11\xa5dx\xc7\xcb?\x1f\xbf\x08\x13\xf5ZQ:\xe8O\xa3\x0e\xc3\x1f\xa6\xaamI\x0bd\xcfC\xdeS\xc1\xed\xf1,\xba\xa2X\xed\xf1T;\xd3\xaf\x94z\xc1rY+\xc9\xda\xdf\xe3*\x8e\xec\x1f\x00NI\x83\xd7\x1d\xd4\x9e\x9d\xfeO\x92\xc0\xeas\xe3\x86\xc0\xce\x17O\x1a\xa9\x0b\x80\xca\x8eq\x8e\x17k\\\xd4\xd3w\n\xc3\n\xc7&amp;\x886\xea\xc3\xcd\x7f\xd6\xb6\x8c\xb3R\xb3\xba\xb9;\xdeN\xcd\x1f\xae\x8aM\xa2\x94v\x89Y\xc0\x99\xf9\x19\xdfn\x95\x17\xa5\xbe\xc4\x16\x911\x96\x17\x9d]\xcef\x7f\xa2\x94Ro\xe7\xfd\r2_\xeb\x1c2/\x8b(\x97|\xb7\x86\x01\xe1\x1bU\xbb[q("\xb2\xac\x9b\xb4\x8f\xcd&amp;\xc4\x04\xd2\x06\xd1f\xb6\x95\xe5\xd5e\x82\x97\xbbI\xbdu\x07\x00\xdc\x0256\x1ed&gt;a\xdf\xdf6\xc6\x14YS\xb6X\x02\xb7\xceU\x8b6\xcay\xde\xdb#\t/\xebX&amp;\xb5J\xad\x13\xe7\x1b]\xbaen\xbfW\xe1\xc59\x95\xdf\xe5\x86\x954\'\xd3\x0bf\xe2,\x13y\xacy++\xb9\xbc{\xc6\x10e\x9c\x980\xdb\xf5$\xa5^\xcc)\xd9i\x9f\xc9\xd3.\x12\xf4+,s\x89\x9a_\xadS\xc17\xe6T\xde\xa5\xde\xc5\x05/\xdf\xb8\xae\x16\xfd\xa5F\x1b\xcfr\x8c\xdc\xa9\xd4?\x1b\x0fQXo4rW\xe7\x1f\x8c"\xb2z\x81\xd5\xfa\xeb\x94\xe7dv@,G:\x1e\xd3\xfe&gt;\xdd|\x93EH\xf0|\xb7lP\xea%\x95\xfa\x9dK-}5\x1f\x00\xae\x9e\x1aG\x80.w0\xbb\x8c_\x15\x95\xca\xde`\xdd\xba\xec*C\x7f\xfd-\xadSe\xff\xca8G\xe4d\xb1\x90\xcbV\xe3f\xb0w\x151\x0cj\x18\x1e\xf9\xaev}\x11\xc8\xfc\x9fP\xa1K\xc5\x9ft\xa9k\xfd\xfd0\x0c\xf3\xae\xb7\xfe\xb1^\xc0\x1c~/\xa6\x95\x9aR\xda\xe1\xd1&gt;\xfb\x0c\xc3;y\xa3\xcaZ\xf71]\xae5\xd8\xbd\xa1l\xde\xb3\xd5\xefsXW\x0fJ\xa9\'\xc6\xd5t\xd9\\~\xf6f9\xe5S\xc9c\xbdap\xf6\xd9J\xa4\xf7\xe3\xfd7\xa4{&lt;\x03\xa3\x1dH\xf3\xfb\x83dE\xbaaYB\x92\xfd\x03\x00t\xc1\x1d\x81\xdb\xbb\xfd\xdd7\xef\x1b\xeb\x06\xfa\xed\xe1r\x18\xb1\x8ax\x8f\x9a8?7\xed\xe9\xfb\xfd\xaf\r\xb5\xb6KDt\x9cO\xc98\x15D\xa9\xb7\x0b\x16y\xfd\xb1\xa0]W\x95a\x18\'\xe4m\x8c\x0b\\\x04\xe4G\xa9\xea?bd\xd4"\xf26\x95\xc6\xd1\x8bz\x14\x9bV7=\x1e\x10\xb29\\\xc9\x02o\\N\xfe\xd4W\x0b\x00\xe0\xea\xd8)V\x06\x02\xba\xe7\xab\xafk\xad\xd2i\xa9\x96\xab\xedE\x0bUc\x17\x00\xfa\xe7u3\xdd\x1c\xacz\x1f\xe3X\x0f\xe8J\xd6\xd5s\x96\xb6\xfc.B\xdd\x05@\x86(g\xf6\xff\xc1[\x0b\x80&lt;\xc5\xb4\x0f^\xa4\x853L]\xa6w\xdc\xfc\xf7\xd3\xa7\xba\xde\xb9@|h\xf5x\x91_\xd0\x9c\x1a\x06I\x97\xe0_\xa2\x9f*\xca\x01\x00\x9c\x8c\xeaI\x86\xaf\x1e\xff\xccT?\xd1\xb9fN7)\x1e\xa5\xb0\x95@\x1c\x98X\x88\x7f\xa0\xb9N)\xd5\x1d\x11\xc1\xc6\xd6\xcd\xb7~\xca\x10\xb5)\xed\'m\x05\xb6\xd5\xc8S\xd2\xb51\x1f\xac\xae\xd0\x14\x9en\xcd\xb7\xb0l\xae\x0c\x8b\xfb\xb1\xd4\r\\\nl\xb8\x81\xab\xc6\x07\x1br\xce\x16\xee\x00\x006!\xae\x014%\xeaPP{-\xf4z\xbf}\xb3\xb4\xf6_\xa5\xd4\xab\xef\x93\x03E\xa7\xec\x1bb\x02\xafs\xf1$\xfa2\x9f\xb6J\xed\x9d\xe2~lx\\\xa4\x86\x8fy\x96\x10\xef\xb0\xb1h\x99\xad\x9a\xea\xea\xe1\xd5E\x92\x84\xb9\xdem\x1d"\\%O\x19\x00\x80\x1e!\xbaM`\x01\xb8\x01b\xc7\xfb:\xd7?(J|X\xdee"\xab\x05\x80\xfb\xf0U \xfa\x05\xf2Z\xbb\xe4\xbef\xd9\xff.e\xc9!\xa8\xd4\xf9\xe5\x9d\xca\xb3\x7f\xe5v\xd7&lt;\x81we\x8a\x04\x80\xabD\x0bm\xb1\xd1\xed:\x83 \xf1\xbd\x9cl\x03\xa6\xb8_f\x05}\xf8\xed!\xa9\x9b;\x91MM\xb0\x12\xa3\xc4\xc1\xc8\xf8K\xbdFp3v\x82\xa7\xe6\xcf[\xef\xf9\xd1o\x12\xf5\xd5"\xf2\x12%\xf6\x89\xc92\xfb\xcaD\xb7\x95I\xca\x9e;L\xb5\xc5\xa4\x8f0\x02\x00PN_Am\x7f5\xd6\xc7\xb2wW\xe0H*O\xb4\xd9\x8e\x946\xe5\xbfbF-\x9d8\xf9\xee\xc9M|u\xc7\x1b\xa7\x01f\xea&amp;\x19\xe9~ru\xa5\xd7k\x89\xa6\xb3\xef\xba\xca\x8f5\xc3n\x94q\xe9lvG\xafy6\x0b\x00\x0085\xfe\xdf\x01\x18zz\xb1\xff\xc1\xa1\xb5\xc7\xd7T\xb7\xa3M\x0e\x91e\xc0A\r\xd1/\xc9\x16\xf9\xe5\x0c\xc5\xfb\xfd\t\x8b\xb6\x8c\xbf\x04\x15nx|&gt;y\xba\xd4g\xfe!\x82\xf1\'\xc4\xe6\xffo\xe4\x0cQ\x01\xc4\x9f1\xaf\x0e\\\xd9\x7f)5\xe9\x1d\xf9#}\x11e\x8a\xb8\xbcA\x7f\xa5\x8c\xe9O\xf6O\xc8M\x85\xc6\x96\x89R\xef+\xb2\xee\x90\xe9\xab\x12\x1a5\xff\x06\xc3\x08\x00\\)\xfd\xec\'\x9d0\xc381\x957\xb4\xf2\xbd(\xeb \xca9\xe9P\xf9H\x95\xce\xbf\xf7\xa9\xdf\x07x\xeb\x03\xdb\x12\xb0\xf6j\x9b\xb9d\x84\x1ex\xa3\xc0\xa1\xb3\xad\x8c\xa3i\xab\xad\xf6\n\xf7R\x8a\x05,\xbd\xc0\xf6?\x00\\!=%%\x9d\xa8\x01\xc98g\xc7\xb8)\xd3\x9aY?\xf8z\'\xda\xf3\x9c\xa1\xbfF\x964n\xbf\x88\xe7\xc8\x1d\xf7\xa8z\xceY_\xdc{\xb7a\xe7Q\x16\x15\x07.\xb6z\xa3\xd2\xbd\x7f)\x1bhz\xc6\xbf\xfc\xcd\xc8\x05\x00h\x06\x11\xb6+\xca\xba#z\'o\x95\x1e\x9dt\xa7-*\xa7|\x9f~\x16\xdb=\xd3\xdeD\x07&lt;\x86\xb1_\xbf\xeb\x9b\xd6\xaf\x1aj\xa9\xbc\xe6\xb5{c\xae\xf1\x8d\xd8\xf5\x98\x06\xdd\xc7-\x05\x00\x80\x13\xd3\xd3\xcd\x93\xfe\x88\x9f\xe14\x1b\x9et\xb3-~\xa9s\x94\xc3\xd4\xa8w\xbf\xad\xeb\xeaRk\x0bL\xa9;a\x19\\\xb3\xc6\xcdzo v\xf9\xec\xf0Uqm\x9f\xc2WmC-Z}\xc7\xd5w\x01\x00\x1cL\x95\xe7\x96\xac\x07\xb5n\x9eq\x16\xb9\xa9G\x87S\x88w\x18}\x01p\xf9\xe3TV\x95\xa9\xad\x1b:\x1f\xe70\x97\x84g\x18\x94H\x8e\x02"2D4\xb0\x8c\xf1\xc8u\x0b\xfb\xf4\x1e\xbb\xe6|tx.\xa5\xfe\xb1TU=\xbb=\xd58\xaa\x8c\xd7\x0e"\x9b\xa3\xf52T\x95R\x83\x9a\xc6N\x1dKZZ\x8d\xff\xbc\xddn\x02\x80\xa6\xf8\xdf\x02\x14\xcd\xf5\xef\x16\xa5c\xbf\x00\x03\xb28\xbd\x11\x1f\x19W\xec\xf2\xd6\x94\xe3\xb8\x8c\xe2\xaf\xcf\x1b\xcc\x8d\xb3\xff\xcb\xe2\xa8\xc9\xfby\x1a\xc8\x8cg\xdb\xda\xc3\xf466yV\xcd\xea\n\x9a\xed~\xa4\xa7\x9b\x9b\x06e\x9a\x8c&gt;\xe6x-\xe9\xaa\xd4\x18\xdf\xc7\xff\xad\xefB\xa3\xcc\xe9\xfd\xb4\x9d\x18\x16\x00\xae\r\xee\x00\xd4ADnyGm\x07\x96\xad\xd03\xd9\xf9\x04{x\xab\x84\xa97\xf3\xc6\x8c\xac]\xeeBTG\xea\xee\x1f\xfb\xaa\x98\xe5\x17o\xff\xbb\x15\xdeg`F\x06\xd8\xe9N\x9a\xdar\x06\x99\xf6\xfa\xadb"\xb2||\x98Gq\xaf\x06\x00ZS\xe1\x0e\xc0\xd9\xe6\xdd\x16\xb0Ic\x83M\x94\xe3\xbd\xf2\xfd\xed\xe7u&lt;zE\xa9\xa8\xec?Y\xf0\x0b\x84/\xd9\xe7\x91\x86\x1d*1r\xc7\xe2\x8e\x1e\x86\xaf\xf6&amp;\xa3\xad\x93\xd4D\xf9\x9b\x85]?S\xb0|s\xd9\x80O\xf4\x04\xbbp\xe2\xe5&lt;\xfb\x0b\x00g\xe3\x93\x8fV\xe0p\x88\xday/\xfa\x8c\x90;=\xfb\x1b\xf3\xf0bO\x9cp.\xef\xc1\xb6\xe9:\xe4y\xc5/v\x90ly\xd4n\xa8\xd8\xd9\x06Q\x1eUbQ\xe2%U\x9e\xa4\x17Q\xea\xe3\x94RJ}\x9dRg\x0cz\x00\x00p\xebT{c\xcf4\xff\xc94A\x9e\x83\x86\xd3\xf6y\x8c\x90\xcad\xb4\xafM\xbd*\xaf\xae\x8c\xabj\xe0\xad\xb7\xd6\x9a9T\xb7T\x1b\x98N\xc9\x1d\xa6\xaa\xc6\x8b\x8f"\xd5\xcbiH\x95\x86\xcb\xf4\xbc\xfbIw=\x00\xe0Lt|\xff\x1fNK\xc5w\xda\x9c\xf4}J\x8d\x9e\t9\xcf\x83\x109\x0f?D\x1f\xe0\xae\xc2AO.\x89x\xde\x0fPW\x9f\x1d\x1e0\xb0*S\xfb\xd5\x18\x8f\xa9\x9b\x8a1\xb2\x88\xb8\x1f\x0f\x08^T\xaf\xfb\xa6\xbe\x9bGQg&amp;\x05\x80\xeb`|\x06\x80\r\x86Rv\xd8\xbd\xdb\x19m\xeb\xfdHN\xf1&gt;%{\x8b.i\xce\xce\xd9\xe4\xfb\xcb\x8a\xfd\xd2bK\xd8z\xf8aS\x89I\x87\xbd\xb6;\x0f\xf0\xaa`/\xd7\xd4G\xff\xfd\x8c\x8ab}\x0c\xd6\x1f\xfd0\xbeFiz]O\x94\x82\xde\xc7\x03\x82\x17E\x97\xdc\xec\x91\xe5\t\xe4Fo\x19\x02\x00P\xd3\x02\x80\x10S\x85\xab2c\xe1{0*\xce[\xe3\xcd\xf0\x9e\x8f\xbe\x94\xb45\xf3\xfe\xfe}\xf2k\xb4\x14h\x94$&amp;H\xbd\x91C\x0e\xe3\xab#\x8f\xd6\xa2\x01\xc3\xf4B\xcc\x1e[wye\xe7\xd1j\xccD\xdc\x82\x18\xff;\xc6\xbc7\xbf\x89\xa1\x01\x00WI\x85\xf7W\x9b\xfcvm\x81\xd0/\xc6\x11^\xd5\xe4\xa6\xc4\x83\xf2eV{\xc8\xe1\xc0\x0c8\xab\xf6m\x8b%\x89]\xf5r\xa22\xd7F%\x7f\xb8M3\xee\xf3\x06\xa7\xb6\x03\x96\xe1\x00\x00\x00\xbb\xd0\xf1\xfe\xabk\x01P\xbf\x8a\xbcY\xb6\xca\xf4|\xf8\x02 \xab\t\xa2^\xa8\xda\x02@L\xd2\x959\x01I\xae\xd2\xa5\x1d:Tig\x96\x9b\x90\xee\x0e\x8a\xb5O\x8c\'\\\xf9p\x00\x00\x80N\xe8x\x9a\x99_\x01\xd4V\xc9c\xdf$\xd3\xb1\xfd\xdb\xb3\xe3~\xe7ao\xfeIj]\x7fi\xdf\xa4\x7fw\x8a\x1d\x83\xc3\x14)\xcb\xdd\x1b\x1f\xef\x00\xd0\t&lt;\x04\x0c\xaa\xa7\x03\xb2+\xe6I\xb5\xf5)\xde\x1c\xe1\xf5\x0e&lt;wk\xff\xfd9\xa2\x97\x9b\xe7di\x8d\xea\xed\xb9\xcfy\x102O\x8c\x0c\xc3h\n1?\x8c~\xc2X\r\x8a\x05\x15\x00\x1c\r\x0f\x01C\xcf\xf4\xec\x99\x07\xbdG\xf2\xca\xd0\xdf\xd2x\x94\n\xed\xab\x98\x9e\x8f=\xb7\xc3\xd8)\xeemf\xb1\xf3\xcbx\x97\x8f\x82\xd9\xbfm%[\x00\x00\xc0\xce\xdcqP\xbd77g\\/\xbf\xd1\xbe\x8a\x1e\xe7\xc9\xdbK{\xdas\xd0\xcew\xfc\x0b"K*\xe9\xd3\x8dc\x18\x9c\x7f\x9e\x83\xcc\x8d\xf6\xe9\xc8\xd6w;\xbf\x1d\x86a\xbd\xdf?\xd6\xe2:\x084~\xb2\xfat\xd8\xc9\xeb\x00\x00\x00\x9a\xd0\xfc15\x11\xa9\xf9\xce\xcbjp\x07\xbf.X\xb2_\xbcO\xa3v\xff\xa0j\x9ez1\x0f\xa5\x88\x88\xfa\t\xd1\xaf\xc8\xfa\xfd`\x00\x80\xc3`\x07\xa2\x90\xdb&gt;\x07"\xa2\x9a\x1fl\xe8\xd6\xc2\xdd*\x06\xa0S\xe6\xa8SVk\x9fq\x9f\xf3\xdd\xde\x1eZ\x88CD\xdc\x9a\xaf\xf2\xf8\xed\x86\x8b\\L|J;\x00\xc0\x8dB\xc0\x02\x00PJ\xcd\x0b\xda\x91k\x88\x8dc\xaaZ\x92\xa0\x87$\x8c\x89\xef9\x9fm\x08\xae^\xd6[\xf9V\x19\x16\xff\x00pz\x88b\xa5\x88\x889=07\x00\x00t\xcd\xc6\xd2\xc8\\\x02$\xad\xa0&amp;\xc9\x8a\x89\x00\x00\xe0f\xe8\xfeP\xec9\xd9\xe1w\x00\x00\xe0\xf6\xf8\xa3@T\xc9\x08\xe6\xaf,&amp;\xa5\xea\x01\x00\xc0Q$\x05q~.\xa7\x117&lt;\x9b\xdef\xab\x01\xda\xb3\x9d\xa6\x7fA\x96\xbc\xec\x05\xc0\xa3\x98;\x00\x00\xba\xe0\x86\xf3\xce~\xb8\x89\xed\xb4\xc0\xfbF\x00\xae\x84\xb7\xe8\xcb\xc3\xeb\x06\x16;\xfb\xbf\xfa\xa8\x05\x00\xa7\xe6\xce\xb6\xe2EN\xfdb\x84a\xd8\xd8\x91)\x7f\xc6n\x96\xc4\x81Q\'\xcbO\x01G\x18\xd9z\x1e\xe34pb\x18\xae\x1b\xedd|/\x0c\xc3\xb0\n\xbc\xb9\xf1\xdc\xc8\xf3\xf5W\x03\x01\x00tK\xe3\x1f\x02\xeb*\xde\xe7`\xfd\xe0\xcb\xfa\xeb\xa9\x89\x85\xd1\xfe\xa7\x8a\xae\x06\xb5L\xb8\'\x9dv\x93s\x8e&amp;Z\xdc\x04\xdcl9\x80a\xe8\xf3m\xa1\xb3J\xdan}b0w\xffFB\x81N\x00\x00W\xc1\xdb\x12\t!\x9f\xf8\xdb\xe8S\xc9\x93\xf9[\xd6F\xe1\xd8\xcc\xe7\xaa\xaf\xcd\xf5#\xc5~r2\x07\x83\x18\n\x0e\xed\x18\x07~\xbe\x97#@\x00\x00\x13\xb7\x12\x01\t\xf7\x87s:\xfbg\xfa\xcc\x87\xf3Z\xa4l&gt;P\xca\x1e\xd3?\xf9\x8d&amp;p\xa3\xe5\xeb9\x0br\xef\x03\x00g\x8bH\x00\x00U\x91\x06\xf9J\x7f\x815w\xfe\xe8\xae!\xb0\x1b\x99\x0b\x80\x13\xde\xe8\xb8\x12\xcey\x97\xe9(\xbe\xb6\xbf(\xed\xa5\xd1\x02\x00\x00\xe0\xb6)\xbf\xed\xee\x90\xd8\xdb4L\xc4\xdf\x01\x8c\xcc\xde\xff\x81T\x8fc\x17\xbe\xa8\xa6\xc0N\x06\xc8\x87\xdf\xd0Pm\xbb\x00\xb8\x193\x02\xc05r\x1dy[D+\xca\xdbx\r\x86jD\xab\xf4\x0b \x8e\x16;\xbb\xb5\x05\xea\x03\xe4\x115\xa4\xdd2\x7f\x12Y\xae\xed\xf6?3\x02\x004`\xaf\xd72\x88\xa8\xebx\xd1\xe1N/6\x15%\xa7y\x87\x92\xec\xf0\xf2Mm:\xed\xf2]"p\x13\xc8\xf2.\xcbkq\xc2\xab\x89\xcc\x87\xe2L\xf7\x89T\x00\xd03\x8d_\x03:3\x0cU\xe7\x98\xa7\xd4\x13\x95HnLO\xda\x16\x129\xd1\xce[\xebg"\xaf\xe2\xe6\xd1\xf5 \xb7\xfc\x04\xc2p\xc9\xeaN\x9a\xd8\xb9z\xed\xc4\xcd\xe9\x88a\x18\x86\xc1\xb0#\xc9?\x00\xc0H\xec\xbd\xd48\xce\x94\x7f\\\xfbcam\x1b\xf5`\xc7\x8d\xf5\xeb\xb3\xe1\xb9\xa0\x0b\xfa\xe1S\xa3K&gt;\x90^\x0b\x82q\x00\xe0\xb6\xd8m\x9b\xe2F\x7f\xe9v\x95\x1co\xde\x14\x9e\xce\x18\xdc\xa2\xad&lt;\xac\xd7\x17\x18\xc7\xe4FG\x16@-\xe6\x10\xa3\xc7\x16B1\x00\\7{\x1d\x01\xba\xcd\x1cEK]\x87a\xe3G\x85\xc7\x0b\x9a\xaasN\x0c\xa3\x9dv&gt;nw\x9f\xe4\xa4\x06\xe9\x8d\xc8\xde\xe1\xeeG\xf7h\xf7Z\xa7?\x9e\x18.?\xfe\xaf\x1eZ\xe6\xd1Z6l\xb9c\t\x00\xfd\xb2\xcf\x02 .\x02^\x82\xf57\xaaky\xf1\xd9\xf2\xdcj\xe2\x05\xd7\xd1\xfc\xea\x9c6\xfb\xe75\x1e\x9d\x13y\x17E\x94z\x18+\xae\x18\x0e&lt;\xee8\xd6:\xc7\x8aaPJ\xbdx\xe8\x82\xf1\xa9\x0e\xedY\x08K\xf3\xbc\x86\\\xc40\xf6\x01\xe0FIy\xf2U/y\rQ3\xe3\xdc\xff\xf5&gt;*\x00\x9b\xd0\xe9\xd7\xc4\xbf9Z\x81\x9d\x98\x82\x95\xac&gt;&lt;u\x1c+~\xe2\xa8\xf4\xb9\xaf\xf3\x9a\x0e\x00\xae\x93\xe4\xa8\x94\x14F\xaf\xf0gts\xa6\x10B\xff\xeetbpQ\x7f\xdd\x89&amp;7\xc5\xbbu\xe3\x00:\x1d\xaa\xe4\xc0\x97\xe6\x9e}\x01PN\xe1\x02\xe0,\x0e\x00\x00` "\xd3\x8dO\x11\x91\x8f\x8a\x8c\x809\x81\xb2\xe7C\x96\xdd*\x06}\xd2\xb33_-Z\xb0\xda\xe3\x97\xe6\xe2\xd2A\x97\x1a]\xa6\xd4\xee4\xb74\xf7=\x0f\xfe\x06\xde\x8a\x05\x00\xe0\xb4\xdc\xd9B\xa8vV;\xe5\xd8v\xc6\t\xefo\xba\\\x99|a[.a\xff\xb4G\xd6\xbbFD\x06u&gt;\xe3\xce\xa9@`HX\xbf0\xc5\x1b~va\x18\x94\xf1\xdc\xa7\x1a^H\xd4\x9f\xb7\xb0\xfc|ZfC\xf80\xffg\xba\xb0\xf3D\xd2x\x7f\xce.5\xca\x0e\xbf?hV\xa7\xd6\x83\xf7\xf2\xa0\xb1\xf5\xb9\x9a&gt;a\xfc\x02@\xc7\xa4lQL[\x1a\xddLF}\xee\xaf\x98\xe7Gc4|Fs\x9d\xae\x8d\xf3m\x96\xbf\x18\xdb\x81}clf\xb7\xe9\xa9\x92-\xe1\xf4k\x7f\xac\x9d2+!\x96\x9c+\xbc\x03\xe0o\xce\xf5\xb4\x11\x00n\x8b\xf8\x18]|\xa8\xb1\x0f\xda+\x9fj\xa5s\xdb\xf30\xd2\x1e\xadn\xa7\x07\\#\x19\xef-hKbE[\x85\xa7\x18\xf5\xc5e\xfak;\x1dN\xf1W3\xee.\xcdy\xed\n-\x1a\xcd\xf5:\x15\x94\x02\x00(!)F\x17\xac\x01z\xd9\xaf\xddaN\xf2M\x8ap\x08t\x87\x1fl\x92\xcf\xa9\xfd\xaa\xden\x8eW\xc2U,\x00\x1e1\xfe\x8ff\xab*\x0b\x00\x00\x80\x0e(X\x00|\x7f\xea\x85\xe9\xdae\x10\xaee\x0f\x1d\xc2\x8d\xbd\x8ay\xf1L`p\x805\xd7\xb6C\xbfP\xa7Q""\xf2\x9c\x97\xc3`umu\x856\x07\x80\x93\x92vg\xb9\xde\xd6Q&gt;\x87+P\xc2y5?)\xed\rN\x87\x02t\x82\xdc\xbf\xc6)\x9d/\x1e7\xfb\x19\xd7\x00\x00\x0b\xdf\xa8/\x00\xde\xcbS\xa8m\xdc\xec{\x01p\xd6S\x01\xb7\x89\xef\xb6~\xbc\x83u\xec\x8ap\x8b\xe0\x8d%\x1c7\x9c\xe95\x00\xe8\x9e\xd0M\x80\xc7\xef\x91\x9aw&lt;\xc3\x1d\x7f{\x04\xe2\xd1:\xcb\xfd\x14\xa3\xff\xd2\xdfm\xaa\x18@\x1e&gt;\x7f\xdeY\x8bCk/B\xd6\xef\x80:q[\x00\x00\x8a\xf9\'\xf98-&amp;\x86O\x01\xf93\xa7[\x88\xa4\x93YX\x00\x9c\x81\x1e\xce\xb3\x01\xd4\xe0\xae\xe3\xff\xf4\xe0\xcc=\xe8`!*!2\xf7\xa6&lt;\x00\xc0A\xacw\x95:\xd8d\xfa\xf6\x0etp\xd2\xe5\xe4\xb7\x17gk\xf8^\x0b\x80\x93\x99\x05N\xc8\xc5\xc7\xb4\xa8x\x94\xd7\x89\x88\xfchg\xa1@LjI\x8d]Ntf\r\x00\x800K\xa0\xacx[\xb9\xce\xee\xf8\x1c\xc7\x8bD5\x0b\xca7\x1b\xeeO\xd8\xf0\x88\x9c\x80\x17\xff\xdd&amp;\x7fp\xb4\x02y\xdcC)u\xe8\x83\xe9\xf2\x0f\x9dm\xcd\x88E\xb1z\xb2\xdcR\x88\xab\xb9+\x83\x00\x00\x84\xb0\xc2V\xad\xf8\xf5Q\xaeZ\xd2\xa8r\xccfj\x1dq\xf9\xa69n\x86\xc6\xf1:\xe6\xdc\x19[\xc4&gt;\xf7\xe2\xf3\xf5\x9b\xd9Y\xbek\xe7\xff\xf9\x93\xce\x96\x9cU\xc3\x8b,\\\xfb~\x05\x00@\x1c;\x84\x9e\xeb\xdc\x1a!^\x9f\nk.\xa7\xfb@\xdf\\\x10\xa5~\xa5A\x15\x9f\xd9\xce\xd3\xe2\xe2\xeae\x0f\xa5|\'%\xab\xf6\xbd\x19\xb5z\xca4\xd2_\xa0`\x01\xe0\x7f\x17v\xcdV\x97\xacU\x00\x00\xa0_\x08\xeb\xedYr\xb8\x7f\xd8\xfa]6-ka\xd2\xed\x8d#\xfb\xa2\x8d3T\xf61\xd7\xb6\xf4\xb6\xf0\xb8\x14\xf3%S\xf5\xbc\x08|\xbdnGP\xfd5O\x15\xac^c\x01\x00\x00PHz\x18\x15\x11\xf5\x92U\xc3.\xc7\x9d\x11\xa5F\x00\x00 \x00IDAT\x8d\x0e@\xdf\xc4\xdd\xb0\xfc\xe2!-&amp;\xdd\xef\xec1\xe1\x80(\xda$\x8b\x15}\xcc\xce\xfe\xa3%\xaf\xca\xbb\x87I\xe4rb%3\xba\xfc\x01\xf4\xa8a\x87*\x01\x00\x9c\x9d\xd4}\x94\x96\xfb.\x84\xf8n1\xdepU\xbb\xf7\xaf\xb0\xdf\x13\xf3\xc2\xf3\xf2o\x8eV DA\xf6o\\\xae\x02\xf7$%m\xcb\xbc\xc7\xf4\xda\xa0s\xf5\x00\x00vb8Z\x81\xe6\xcc\xe1~\x18"\x1a;\x95\x8e*\xec\x97r\x0b\x86\x85\x1bFD\n\xc7HEnt\xb89\x13\xd9\xf4N\xd9\xb0^Z\xfc\x9c.\xe8\xc67\x00\x00\x00\xa2\x90\xffX\xe7%q\x00\xb0\x037\xbc\xa1\x9b\xb87\x9f[C\xce\x8d\x05\xce\xbc\x01\x00t\x0e\xfb4g\xe1F\xb79\xcf\x87\x88b\xfb\x13\xae\x81%\xed\x1f\x94\x8a\xf7\xea\xf1\xb2aP\x84,\x00\x80n\xb9c\xff*\xbb?$\xda\'\xb7&lt;\x95\xee\xe0-\xab\x9f\xf5)xu\xf7\xe5r&lt;\xbc\x1d\xa7\xb6\xedi\xa2\x9f\xa1f\xfa\x9a\xf6$\xad\x04\x00\xb8Q\x1a-\x00N3\xc9\xc1\x19h\xbd\xf8\x11\x91)\xa9\xbc\xbc\xe7;/\x7fY.\xc9\x95\x00\x91\x9c\xd5\xb6"\xe7[\xcaG\x1f\xe8?k\xa7t\x02[c\x00\xb0\'w\xb6\x11\x1b\x9a2\x92\xee&amp;\x03\xb4F\x9fs\xe7\x83VY\'\xaeF\xb7\x9f\x96\x12\x9ah\x9e\x89\xac\xca\xa0\xd4\x9bN\xe7LNf\xd8\x13)\x9c\x1e\xa8\x8d\xc2\xe7ih\x17X\xa9?g&gt;\x01\xa0-\x84\x18\x005\xcf\xbf\xc3\xf3(\xf5\x8cZ\x83B;BM6T\x97\no\xeb\x92\xe5\x7f\xe9\x1d\xa5&amp;\x83`\x8aCX\xc7\x8a\x93\xaeo\x01\xe0D4\xba\x03pF\xd8q\xe9\x84C:\xa2\xc5T\xcb\xf4\xdd\x88\x1a\xe7$d9\xb020\xf6o\xe3\xd9\xf5\xaaY\xb5L^S.\x8d\x83?\x00p\x00\x07&lt;\x04| \xfe_/\xca&gt;\xf6\r5\x99\x7f\x95\xc8\xff-\xc7do\x1c}\xaf\xb4@\xcc0\x0c\xc3*w\xfb\x13\xa5\xee\xa3\x94\xfa\xe4\x9bt\xb0[zi\x8f{\np\x17\xbd\x04\x1c\xfb\xdb\xa1\x85\x97\xac]\xfa&amp;]\x11\x00\xa0&gt;\x81\xdc\x91wW\xf7@8\xbf\xcf{+9\\\x0f\xb9?y\x1b)]\xa9\xf7\xa8-\x13:"\xe0&lt;\xcfv\xb9\xd3\x96\xa7\x89\xfe\xbe\xaf\x12\xcf\xd4.4\xa4\xa5\xca\x01\x00\x80*\xf02\xc7\xbd\t\xcfyG,\x00\x9eo\xaf\x8a`\x1b3\xffglB2\x1e\xe7q\xbbS\x82\x9b\xc9\x9aD\xbd\xfe\x04\xaf\x06\x00P=e\xde\x9d\xa8\x01\x873\xce\xcd_{\xb4\x1a7M\xff\xd9\x7f\xe7\xea\xdd&lt;\x1e\xff)\xee2+\xffO\x15\xa8]\x85\xf3\x00\xc0.t\xfb\x10p\'\xa7Q;Q\xc3\x81\x88h\xc7v\xaf\xe3\r\x1e=?\x8b\x19|t\xb0\xe4\t\xca)S\xe8\xf2\x91\xe1\xaezdI\x8c\xfa\xd1)\x85\xae\x8cy\x93\x8co\xfa\xb2\x9fv\x18\xc6M\xa7\xe5k\xfb\xca\xe0\x1b\xbd\xcaRvs\xad \xfaS\xe9\xb7\xf0h6\x00\x1cD\x9f\x0f\x01[!\xaf\xe9\xa6\xc8iw\\L\xc5\xdb\xcc\x13\xa75\xce~\x14n\x1e\x0e=\xff0FWji\xca\xf4j/\r\xc3)\xa6\xbd]F\xd3\xa1\x0c\xc30\x0c.\xaf\x9e\xb2z\x8f_\xddG\xff\xa9\x10G\'\x16-\xde]&gt;1m\xeb\x0c\x9e\xef\x01\x00\x8a\xc9\\\x00\xec=\x935\x9d\xee\xfb\xcf%\\X[XM\xb8\xa2nn\xc6%\xab(\x12p\xd6\xb6\xef\xce0\xf4y\xab\xe4\xc20A\x87\x9e\nQj\x08\xac*\xffr\xfd\x8dc\r\xb0\xf1\xefht\xf7\x16Q\xea\xb1\xb9\x82\x00\x00\x82t{\x04hE\xb3\xed\xed\xf3N\xd5\xc30\xb4_\x86\xed\x9bk\xf5~FBDz\xce&gt;\xaf\x1c\xf1\x9ds;\x81\xdb(\xd7\x0f\xeb\x8aH\xcfw\x7f\xae\x85M\xf7\x10\x115\xa8\xf0a\x9bAO\xfa\x9d\x07s\x86\xc1\xbc]\x9a\xd5\xabFx\x91\x9bz7+\x00\xecM\xe6\x1d\x80}\xd2\xa0\xd6\xf7\x19d\xfe\xcfIy\xfa\xf8?M\x1f:\xdcm\xfa\xf9\x90\x8e\xcfG\xe8O\xe6\xf5\xab\xe5us\xea_\xec\x1d\x06\x8f\xf6gj\xd2I=\x7f\xc3\xc2\xf3#8\x11\x85b+\x1a\x17\x03\x91ay\xd0X}A\xf6\x0f\x00\x00Nd~}\xc4\xd1\x9aT!\xbe\x15\xc7\xb4WD\x94z\x95\xba"O\x9bW\xedO\x15C\x9d\xc2\xda\xf1\xaf\x82\xf9\xe6\xb6\x8a\xc0\x84\xf1z\x9f\x88\xde\xb9\x96\x98\x0c\x00\x00\xdd\xe2\xfdy\xe3\xd3\x11\xd9\x8a+{Y\xde\xd54\xa4\x7f\x9c#e\\?\x8b\x8a\xce\xedz\xe2\\\xda\x9e\x9b,\xf7x\xc8\x15\xc5g\x00\xb8\x15\xaa\xc5\xac^\xf7BD\xf5\xab\xdb\xcd\x91t\x1fC\x0e\x98S\xf1\x93kE\xac\x1f\x18\xee\xa3\xaf\xa3\xd2\xcd\xfb\xf4\xa2-\x00\x00\x9c\x8a\xc03\x00\x95N\x1f\xf6\x9bas\xbcr\xc5w\xf5\xba\x03\xba\xce\xc9\xf6\x7f6\xaeG\xab\xdc(\xd5{\xc2~\xaf\xd0\xaf+u\xf7\xda\xb5x\xf0;\xd6\xe4\xf4\xe1\xf6\xfe%\xf9?\x00\x004&amp;+\tz\n\xa9\xd3Yx\xa9\xc3\x8e@l\xfcv\xa6\xc8_\x1d\xefE\x8f&lt;Z\x01\xa8B7\x1b\xfc\xf3]/\x8fo_\xbe\xfd\x8dMm{i\x0e\x00\x00@{D\x94z\xc4.\xf5\x9cb~\xeds\xe7&gt;\n\xf3\xf4\x85\xe3K\xd5\xfc)g\x9f\xfc\x8e\x92\xc5\x1b\'\xf1d\x8eh\xff\xdd,\x96M\xb1o,\x0b\x00w\xeb\xee\x1e^\x18C\x15\xfa9\xf4\x05\x00\x00\x1b0)\x9a\x9c;Kxh\xe8\xf8\xf5\xd4\xae\xe9\xf3\x17j2[\x9f\xd8z\xb7@r\x1e\x1cU\xb2\xb0\xd3W*\xc9\x92\xc7\xe7\x88\xf5)s\xee\xa1\xdd;sl\xc1\xc2\x00\x00\xe7\xa0N\xbcfr\xed\x84\xf8\xe7/\x9bu\x19n\xd0/\x1b\'\xc4rxB\x8d}_\xfd\xf2\xd5c\xc4\xd5H}(\xb9\xa3\x87\x98O\x03\xe6\x02\x80[\xa4\xd1\x93\x94r\x8aGl\xc7\xa9\x9a\xdfv\xed\x80K\xd6\xb4\xd9\x17"\xd2\xe2\t\xe0$\xb1r\x86\xdf\x03nd\xa8C\x98S\xeazf\xaf\x1c\xa0\xec\xa4\xff(\x0f9\x85s\xf6\xcd\xe5\x87\xc1\x0e\xd6\x02\x00\xa01\x99\xbf\x04\xbc\xc59\xa2\xa7\xe3\xc7\x17\x0b\xe0~\xc2\x0e\x0c\xd6\xafcjf\xcf4\xfex\xb9\x88\xfa\xdc\xed\xdd\xd3\xd2\xba\xf6\x82$&amp;L\x13\xcb\x0c\xf6\xfb\x84v\xe7p\x05\xce\xcb|\xff\x86(\x0e\x00\x00\th\xd9?\x13H\x12E\x07\'\x96k\xf3\x0e?\xfc\xd3\xea\xf0\xc6\x96\x84\x9f\x88+v\x0c}jU\xceh\xf3O\xdd\xa7\xae\xd2\xeb\xc9\x1f\xcf\xc9\x12\x04\xec\x1e\xfcT\x8e\x1d\x02\xc0\xb5\xd1\xe1v\xd19\x8e\x0fAMDT\x85\x9d\xcb&lt;\xcf1\x12\xb6a\x18"\xe4t\xeb\xa2\xdd*V\x88\x88\xec\xb4\xb7-"\x83R5\xbc\x11N\xc6t"TM\x83h\xbe\x8d\x16{@1\xb5\xae\xba2\x01\x00\x92ht\x04\xa8\x04\x02\xe2\xed\xb1=\x0b\xc6\xdc\x98\xcf\xf2\x1c=\xfb\x8f\x95\x83\x8b\xee\xcaF\xcf\xffN\xcdGo\xa7#f\xec\xce\xde\x1c\xd3\x89\xd0A\x99\xef\x99\xfb\xc3\xda\xbe\xc0="\x00\xb8N8\n\x0f\xb5\xa9\xffr\x95\xb5h\x11\x11\xb9\xfb\xd9\xfd\xf6\xec\xfa\xfb\x08\x9e\xb9\xf2\xbc{\xa7\x96)\xae\xd4\xa47Jto\xae\xdc\xe9\'\xab\x9c\xfa\xbb&lt;&gt;\xd4\xe8\x85Q\x00\x00\x07C\\\xdb\x02\xfb$\xd2\xce\xa3\xc4A\xea\xd5M\x14\x83h\xac\x877^\xb4\xe5\x9b\xddE\xfd\xad\x8c\xf7\xa3\xe8zHD\xec\x88s\xb4J\x00\x00+\xb6\x03ShCN\xfdj\xb7q\xad[\xc5\xc0\x85\xffGRk\xc8^\xf3}\xc9\xf3\xb1(\xf5\xba-t\xeb\x8c\xc3G\xcd\xc6\xab\x99v\xd2\xe2]\xec\xec\xed]w\xaa\x1a\xae\x83\xb5\xff\x1c&gt;\xb2\x00\x00\x8e\xa6z4\xb4\x05\xb2\xe3\x92\xc8I\xdf\x87\xf7Q\x91\xe5\xd8\x87\x8b#00\x1b\xdbM\xef\xa0\x0e\xfa\xa8\xe4f\x11\x80RJw"\xb2\x7f\x00\x80\x91\xca\xd1\x90\x19\xfa\xb4\xd0k\xbb\xd1\xb5\xa9\xbb\xca\xb6\xd9\xb8\xbd%\xfek\x8d\x1f\x8a\xbe\xdegr\x00\xe0\xaa\xf1D\xae\xf3D\xb4\xc33\x06\x80\xce1s\xd9\xee\xc6KT\xf6\xffCIj\x17\xb41.\x9e\x9cqy\xd0\xc3\xfa\xaa3*,\xf3X+\x02\xc0\xb9\xe8e\xbf\r\xe0\x0c\x88R\xef\xa5\xd4\xdb\x1d\xadF\x1e\xbdg\'\x97\x93?\xa1X\xb4[\xa4\x8a\xb5\xd5\xf9"\'\x01\xdfAy\xee\xceL\n\x00\xa7\xa2\x9f\x1b\xee\xe5\\A\x13 \x86F\x1d\x1d9\n:9\x9e~}\xc4l\xa0\xee\xb2\xc3\xfa\x01W\x13\x12\x83\xf4\xbe\x1a\xdc\x9b\xd2\xee\xce8-F\x17\x00\xc0\xae\xdcy\xb4\x02M\xb8\xf6\xd9:\x17\xef\x0f\xee\xcay\x7f\xdc\xea\xf8\x9f\xd2&lt;\\\x81+&amp;\xe0\x98\x971\xde\xc8\xf8\xa2\xcc$\xf0\x9a\xfbXDz\x18G]Q\xcd\x1a\xb1r\xa6\x1f\x1b&gt;q(\x06\x80s\xe1\xfe%`&amp;\x83k\xc4\x9d\xfd_\xff\xe6fKz\x1a)\xd7\xd4\x8b\x0f\xbc\xfc\xaf\xdf\xbc\xad[\xbb\x1e\x14\xa9\x1d}\x9eAE\xca\xd9\x80A%\xba\</t>
        </is>
      </c>
      <c r="E128" t="inlineStr">
        <is>
          <t>&lt;class 'numpy.ndarray'&gt;</t>
        </is>
      </c>
    </row>
    <row r="129">
      <c r="A129" s="1" t="n">
        <v>127</v>
      </c>
      <c r="B129" t="inlineStr">
        <is>
          <t>steps_per_sec</t>
        </is>
      </c>
      <c r="C129" t="n">
        <v>1500</v>
      </c>
      <c r="D129" t="inlineStr">
        <is>
          <t>3.1208606</t>
        </is>
      </c>
      <c r="E129" t="inlineStr">
        <is>
          <t>&lt;class 'numpy.ndarray'&gt;</t>
        </is>
      </c>
    </row>
    <row r="130">
      <c r="A130" s="1" t="n">
        <v>128</v>
      </c>
      <c r="B130" t="inlineStr">
        <is>
          <t>Loss/RPNLoss/localization_loss</t>
        </is>
      </c>
      <c r="C130" t="n">
        <v>1500</v>
      </c>
      <c r="D130" t="inlineStr">
        <is>
          <t>0.12252932</t>
        </is>
      </c>
      <c r="E130" t="inlineStr">
        <is>
          <t>&lt;class 'numpy.ndarray'&gt;</t>
        </is>
      </c>
    </row>
    <row r="131">
      <c r="A131" s="1" t="n">
        <v>129</v>
      </c>
      <c r="B131" t="inlineStr">
        <is>
          <t>Loss/RPNLoss/objectness_loss</t>
        </is>
      </c>
      <c r="C131" t="n">
        <v>1500</v>
      </c>
      <c r="D131" t="inlineStr">
        <is>
          <t>0.03788551</t>
        </is>
      </c>
      <c r="E131" t="inlineStr">
        <is>
          <t>&lt;class 'numpy.ndarray'&gt;</t>
        </is>
      </c>
    </row>
    <row r="132">
      <c r="A132" s="1" t="n">
        <v>130</v>
      </c>
      <c r="B132" t="inlineStr">
        <is>
          <t>Loss/BoxClassifierLoss/localization_loss</t>
        </is>
      </c>
      <c r="C132" t="n">
        <v>1500</v>
      </c>
      <c r="D132" t="inlineStr">
        <is>
          <t>0.3814507</t>
        </is>
      </c>
      <c r="E132" t="inlineStr">
        <is>
          <t>&lt;class 'numpy.ndarray'&gt;</t>
        </is>
      </c>
    </row>
    <row r="133">
      <c r="A133" s="1" t="n">
        <v>131</v>
      </c>
      <c r="B133" t="inlineStr">
        <is>
          <t>Loss/BoxClassifierLoss/classification_loss</t>
        </is>
      </c>
      <c r="C133" t="n">
        <v>1500</v>
      </c>
      <c r="D133" t="inlineStr">
        <is>
          <t>0.100863025</t>
        </is>
      </c>
      <c r="E133" t="inlineStr">
        <is>
          <t>&lt;class 'numpy.ndarray'&gt;</t>
        </is>
      </c>
    </row>
    <row r="134">
      <c r="A134" s="1" t="n">
        <v>132</v>
      </c>
      <c r="B134" t="inlineStr">
        <is>
          <t>Loss/regularization_loss</t>
        </is>
      </c>
      <c r="C134" t="n">
        <v>1500</v>
      </c>
      <c r="D134" t="inlineStr">
        <is>
          <t>0.0</t>
        </is>
      </c>
      <c r="E134" t="inlineStr">
        <is>
          <t>&lt;class 'numpy.ndarray'&gt;</t>
        </is>
      </c>
    </row>
    <row r="135">
      <c r="A135" s="1" t="n">
        <v>133</v>
      </c>
      <c r="B135" t="inlineStr">
        <is>
          <t>Loss/total_loss</t>
        </is>
      </c>
      <c r="C135" t="n">
        <v>1500</v>
      </c>
      <c r="D135" t="inlineStr">
        <is>
          <t>0.64272857</t>
        </is>
      </c>
      <c r="E135" t="inlineStr">
        <is>
          <t>&lt;class 'numpy.ndarray'&gt;</t>
        </is>
      </c>
    </row>
    <row r="136">
      <c r="A136" s="1" t="n">
        <v>134</v>
      </c>
      <c r="B136" t="inlineStr">
        <is>
          <t>learning_rate</t>
        </is>
      </c>
      <c r="C136" t="n">
        <v>1500</v>
      </c>
      <c r="D136" t="inlineStr">
        <is>
          <t>0.03333325</t>
        </is>
      </c>
      <c r="E136" t="inlineStr">
        <is>
          <t>&lt;class 'numpy.ndarray'&gt;</t>
        </is>
      </c>
    </row>
    <row r="137">
      <c r="A137" s="1" t="n">
        <v>135</v>
      </c>
      <c r="B137" t="inlineStr">
        <is>
          <t>train_input_images</t>
        </is>
      </c>
      <c r="C137" t="n">
        <v>1500</v>
      </c>
      <c r="D137" t="inlineStr">
        <is>
          <t>[b'1024' b'1024'
 b'\x89PNG\r\n\x1a\n\x00\x00\x00\rIHDR\x00\x00\x04\x00\x00\x00\x04\x00\x08\x02\x00\x00\x00\xf0\x7f\xbc\xd4\x00\x00 \x00IDATx\x9c\xed\xdd{\xf0w]_\xd0\xf5\xb5\x1e.\'@\xb4\x04\x04\x11\x05\xc3G\xf0\x84f\x82\x8a\xe0(i\xe2\x98\xa8\x89\x072\x0b\x0f\x99x\xc0D\'\x912\x19\xca\xd2F\xcbR\x01\x87I\xc5tR@\x92\xa1TD\x81\x98F\xf1\x00\x81g\x04Q\x0e\xe6)A\t\x01\x13\x1e&gt;\xfd\xb1\xbf{\x7f\xf7\xde\xdf}X\xe7\xf5Yk\xbd_\x03\xf7s\xdf\xd7\xf5\xfb\xed\xbd\xf6:\x9f\xf6\xda\xc6\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t\x91\x8d\x97?\xd8\xfcU\xf9p\xc5\xfcn\xbe\xf0o.\xbb\x8a\xb4\x84\xb7h_h\xb4\xef\x7f%A\n\xae\xae\xf0~&gt;?\xee}\xc7\x80\xfc&amp;"\xe6\xb7\xdd\xfc\xf0\xe15W\x7fxw/\xa7\xc0\xd4,\xec\xd7r\x04iwMm\x8f\x0c\x00@^G\xbd\xe4\xbc\xbd\xe7\xb3`\x1c\x06,\xe6\x82/\x8f\x90\xec)6\x97\x9d#\xcd\xfdwS\x05#\xb7\x98$\x08\x8e\xf6]\x96s\xc9\x84"\xf2q\x97\x7f\xeb\x99\x93\x03s~\xa6\xcc\xb6\xbb\xf6\xd1\xbd\xee\x7f\xd1\xe3\x06)\xf2\xe7\xd9u\xc2\xae\x9f0`g\xd7\xcfte\xe5\xa6X\xb5\xb5\x83\x01\x00\xa8`\xd7\xf8Yk\x97?\x9c\xfe\xbdX\x18\xac5\xc6\xd8\x97?\xdc\x87AD\\\x02v\xd8\xa8\xa7z\xa2\xf5\xc5\xfd\xaf)\xeb\xc7T\xeb0Q\x96\xbf\xba}\xea%\x8a|\xe3\xe7\xac7f\xe7\xd0\x9c\xfd\xc2\xd9\x8d\x0es\xb8{\x18\x1c\xc3\x1f\x97%\x9c\x9c\xc6\xcc\xf9\xed\xdcS!8\xbd|.\xf5\xf8\x9b\xc8,Q\xac^\xea\xdb\x12\xabo\xa9\x1b\x0e\x00@\r\xc7-\xab\xb5\xb6d+\xfb\x99\xf3\xfd\x13^\xd3\xce\x12^\xf3\xf0.\x01\xbfd\x1e\xado\xec\xbc\xe34\x81\xf7\x7f\xe7\x9d\xbf&lt;{@\xa7\x9b\xa6\x8c\xff\xb3\xfe\xbd\xdf5\xb2\xe7\xea|\xb7\x98.\xfc\xd5\x1e\xb7\xf3\xe8\xd3\x17(/\x87\xf9T^\x1c\x07o\xfe\x97\xff W\xe8Ts\x89"\x00\x00&lt;\xe4\xd9\xb1\x10\x12\x90\x97?H\x13\xa4\xe4\rg\x92\x0b\xae\x7f}}\x1d\xaf\xcb&gt;~\xf8\xbf\xc9\xb85"\xe2\x19\xbf*&lt;_m#\xe7&gt;\x0cw?\xe0\x9b^\x01I\xdcT\xe7LK _{\xff\x8dD`i9b\x89\x08\x8fB\xc4\x01\x80r\xc9\xdb\xb9\xa4\x03\x80\xb7N\xff\xfe~\xdb\xd7\xaf=/\x92\xa9%\x9a\x03\xe3\xbf\x0f\xde\x88\x98\xb7\x9c\xff\xee\xbfS\xba\xdbQ`\x000\xa6\xc8\xf89\xe8\xd7\x12\xe1G\xb2\x0e\x93\xd8P\x05\x00\xe8\x90\xa4~\x9fa\xdd\xfa\x06_v\x13*\x91i\x87\xbboP\xe7\x9f7\xee\x8d\xb8\xfb-\x96\xc7\x0c\xb9\xfe\xe3\xd7\x8e\xdfv8\n\x83\x88d\xdc&lt;\xb3z\x16\xbf\r\xfd\xb5\xb6\x9b\xbb\xe7\xb1gP\xcd\xe9.\xa9L\x12\x94\xacmO6GlWO\xcax\xaf\xdd}k\xbfz\x9a;H\x82w\x00\x00\x00}z[\x9e\xcb\xc6t)6\xfb\xad\xad\x9d\xfbo%^\xbd\xb0\x1f\xe8\xf6c\x97\xaf\x96\xee\'kw\x13\x93\x8f\xdf=~gw\xf9\xb7\xdd\x9f\xe5\x9bn\x9f\xa2\xb5\xdd.\xa0\x93\xc7\xd3\xcd\t\xf1#sO\xa5\x7f\x7f\x13?y\xbc\xca\xf0YR\xe7\xab{[O\x98\xab\x88d\xbd\x7f\x00\x00\xfa\xb4\xeb\xaa\xe6\xebe\xd6\xd9.\x92\xf9\xfd\x8d\x93\xfd\x06\xfb?\xdcnN\xb8\xdf\x91\xbf\xfe\x99\xcfu\xde\xfeq}\xf1\x9c\xbb\xa1Js\xdf\xec\xb1\x8by6/\xad9f\xc8\xd7\xdf\xca\x14\x9e0=el\x85\xfe\xa1\xf90"\x17\x00\xba\x14\xf8\x8a\xad\xdf=\xeam_\xce\xda\xdbs\xec|\xc4t:]\x7fw5N8\xec\xd8\xf5\xd4\xebu\x8f\xcfu\x8f\xffon\xfa\xff\x9dDEy\xba\xa2\x8e\xa4\x04\x00@\xa1\xea\xfd\xadzw\xff\r\xbb0\\\x04\xe3\xeco\x03z\xba\xcf].}s|\xc0yP\xf4\xfc\x8f\xda\x19\x12\xe9\x94H\xca\xae7\xc6!\x05I\xfd"\x1d\x004on\x9c\xab\xbf-\x1a\x13\x80u\x0f\xc3\xf9:b\xe4\xf9\xd6\xe9m\x03q\x18N\xef\xc0\x8b\x14~\xcf\xb55\xdf$\xf2\xddM\x8d\x17\x82\x91\x87d}9~\xc2K\xc0p\xf2s\x99T\x00\x80E_o\x97\xee\x9e\xe3r\xea\xd1\xae\x7f\xda=\x02\xeef4\xd7\x13\xd8/?\xd6K&lt;g\xf3\xaf&gt;^\x12%\xa2TZ\xad\xd58*r*@\xee\x1b\xa0uI\xe6\x99\x00\xc0\x17\xcb\x8f\x17\xe6\xc81\t\xdb\xf1\x80\x05\x81\xdb\x06b\xd7\xe9_\xce?\x95\x935\x01\xaf\xbb\x03\xfa\xa9\xedD\xb1\x02\x00\x00PJY\x8b\xa9P\x96\xde\x7fNb\xcc\xe6\x14\xc8\xc9\xbeo\xc4\x9a3\xfa\x92\xbb\xf7\x7f\xfb\x1e\xce\xeb\x0f0\x00\x00\x00hd\xe7c\xf2sh\xfdu\xc9\xac\x9f\x0ep\xbf\xb2\xbd\xfb\xf9\xfd\xdf4\x1c\xe5i\xb5\x9d\xfd\xe0%\xff\xdc\xbf\xac\xfe\xb9\xfd\x8b\xf3l\xc6\x00\x007v\x19\xf7x\x83&amp;\x80\x8e\xb4\xde9\xbeU\xf0\xe9\xda\x88\xc6\xed\xe6\x9fw\xf2\xf8\xcd\xfbq\xc8\xf6o\x1d{B\xbb\x1f\xfb\xd7\x15Fcl\x90X\xdc\x1aD\x81\x9d?\xf3\x07\xf5.\xc2p\x10\x8c79\x83\x84N\xd8\xcd+_\xd4Z@EB\xcf!\x15k? \xf7-D\x8c1\xd2Z\xb5\xf9-\x99\xae{\x1d\x0f\xd6\xda\xa3\xb7&gt;\x96\xb1\x89\xa2h\\\xbd\x80\x11\xccR\x8e\x91\xd6a\x01\xb9(5\x0c\x00\x00\xa0\r)\xba\x1dN\xd2\xbeZ\xaa\x90\x9e\xae\xa469b\xc6Z\xb3&gt;9\xd4\xeb\xee\n\x17\xa2\xdaY\x1c+q\x94$4\x08Ke\x06\x00\x00\x80\x1d:\r\x1b\xc1\xe7\x11=\xfa\xbe\xeae\xee&amp;v5\xdb=\xadT\xdc~\xfa\xa0z\xcf\xbb\x99q\n\xcaZr/\xef\x00\x00\x00\x10\xe5|V\x98\xa3\xd9\x93\xd13\xf5~\xd8\xb9\x0f\xff\x10o\x9eWn\xb2\xbe&amp;~LM\x02\x95\xa7\'s^[\x87\x93\x01\x00\x00\xb4\xa1B\x8b\x0eT\xf5\x92\xe1\xbf\xb0N8nE|\xc7\xa0\x8d\x9e\xa3\x8bQk\xa7Vz\xff\x8b\xe6\x02\x0c\x00@\x05\x0e3\xbb4\xa8\xf9H\xf8\xe4\xba\xe7}\x82\xd3q\x15\xc2_\x9d6Pi\xf4~\xae\x97\xa3\x1c\x91\x90/sf\xb9\xec*\xb4\xbc\x03\x00\x00\xc0\x95\xcb\t\xdd\xe9\\\xa6A\xe7&gt;\x8b\xb0\xd6\x16\x98\xb3\x94\x98\x03\xb6\xb4/\xcdi\x0f_!\x19?\x9d\x91\xf4j\x19s\xbb\xb5F\xe4\xeb\xa6\x7f\xcdu\x0f\x00\x00\x00\xa0SKO=\xed\xd0"\xd3ewX\x01\x00\x00\x008u}\xec\x0f\xda\x15\x7fdS\xbeC\x93\xf3e\xb9\xe9\xa9y\t\x18\xc0)\xb6\x8d\x02\x18\xc3\xe9~k\xaa\xc1^\xc5\xa7\xac\xb5Y\xb6\xffe=\xefayj\x06\x00\x00\x00`hS\xa7\xe8{\x1c\xf5\x08\xfb8}\xeb\xf1\xea\xa7s\x97w\x9ca\x8fo\xda\x96x\x1f\xbd\x08\x06\x00\x00Nu\xd0\xec\x01\t\xf5\xd1\xf0\xe3\xc5#Y\xffi\xb75\x9e&lt;\xff\x87&lt;\xbc\xd2\xfdW\xcf_\xf0\x1d\x00\x00\xc8\x88&amp;\xb6c$n\x7f\xac\xb5=\xcfwl\xfa\xfcn\x8f\xd9ql,\x026\xf0\xb4?\x05\xf0|^\x06\x00\x00\x90\\\xffm\xe7\xc0H\xdc.\xf5\x9c\xacKo&gt;s\xb7\xfe\xa7\xe7\xbc8\x00\x00\x00\x005\n}\xac\xad\xb6\x0e\x1epI\xa6\x9e\x87\xbc\x00\x00\x00\xc8\xad\xcc\xd1\xf5H\x88-@\x00\x00\x00\x08\xd4\xc1\xbc\xf8\x80\x18\x00\x00\x00\x00 \x16\xd3\xff\t\xe5\xdeR\xc5\x00\x00\x00\xb0\xc1|\xde\x19b\x06x\xf1\x87j\x07\xa0C\xf3\'\x8ak\x87\x03\x000\x88\x11\xde\xe4\x03\x90\xca \xaf\xff\x16\xf6\t\x9e\x1fn\xc3\xe8\xe2\n!\x05\x18\x00\x03\x80\xe6\x89\x88\xf9.\xa4 \n)?\x00\x18\xa1\x82*\x10\xa5l\x01\xc2\xc3\x00\x05\n\xc0=\x16\x9d{\xf0\xed\xb5\x03\x80aL\xfb\xfe\xed\xaf,u\xbf\x06;+"\xe2\xfb\x01Ak-/T\xa0\x9c\x11F\xd5\x00nQ\x15\x00J\xb1@\xd7$\x92\x0c\x00\xa0\x1e=\x0c4\x84\xecZ\x1d\xfb\x06[\xc4\x16 \x00\xc0\x06+\xcfh\x08;%\x00\x00\x00\x00\xa0\x98\n\xd3\xff},8\xd4}\x8a7\x15\xef\r\x00\x00\x80\x96\xb1\x06\x03\x00@\x06}Lw\x8d\x89\xed\xd1\xe8\x80\xbel\xac*0M\xe2\x1d\x00\x00i(k\x1e\xba\xc2\x0c[}"\xc6\xfc\x90\x80_K\x1f\x92^\xe8\xebS\xe2\xd8WM_\xa5\xad\x1d\x8c-e\xc1i\x101\x08\x00\xc0\x8d\xa9\xab\x1a4\x12\x13\x9a\xdaWK\xd7\x7f:D\xbejX\x80\x11\xb1\x02\x00\x00\xc0\x95\xb8\x89jz\xb7/\xd6\xf1\xc9\x1a\x00P\x03\x03\x00\x00\x00P\xce\xa6\xcf\xcf\xf66\xa0\x06\n\x1e\x00\x00\xb7\xd8\xc9\x93\x06\x9b\x7f\x00\rX\x01\x00\x00\xe0\x16]\xd5\xe4\x88Rl\xf0^xI\x0c\x00\x00\x00@\x19\xcb\xf4?\xbd\x7fl\xd0\xf5/\x8c\x01\x00\x00\x00(\x87\xde?\x00\x00\x00\x00\x8c\x8eE\x00\x00\x00\x00\x00\xb8\x12&lt;jb\x0b\x10\x00\x00\x00\xd0\x98\x985\x13\x06\x00\x00\x00\x00\x00\x00\x00\x00\x00\xb4\xc0w5\x80\x15\x00\x00\x00\x00\xa0U\x01{\x81\x18\x00t\xee\x93y\xa7\x1e\x00\x00\x00\x18\t\x03\x00T\xc0in\x00\x00\xa8\xc5\n@\xf7\xf8\xde\nJ\xa3\xf7\x0f\x00\x00\x00\x00\x00\x00x\xf9\xa8\xda\x01\x00\x00\x00\x00\x00\x00@\xebD\x84\x8d[\x000\x0e\xde\x01\x00\x00\x00\x00\x1a\x90j\xbe\x86\x01\x00\x00\xc0X\xeb}`\x00\x8b\x06\x00P\xd2T\xeb\xfa\xd7\xd6\x00\x00\x00\x00\x1a\xc4vM\x00\x00J\xa0\xb9\x05\xa0\x05\xd5\x11\x820pDv\xe41t\x87,\r\xa07\xbc\x030\x10:f(\x80\xad\x89\xe8\x0e\x99\x1a\x00\xd02fg\x01\x00\x00\x00\x00\x00\x00\x00\x00\x00\x00\x00\x00\x00\xc8\x84Mz\x00\x00 \x0f\xce\x91E]\xe4@\xc58g\x1a\x00\xba\xc7)@C\xb2\x01\x1f\xfd\x04\xd2\xb1\xc6\xfe\xbf\xb5\xc3\x00\x00@;\x98\x9a\x01\xd0\xa2\xff2\xaa\xf2\xfaZ*\xbeBX\x01\x00\x00m.jf*m\xb4\x8a\xbc;\x82\xc8T\x16\x11\xbed\x01\x00\x18\x93\x88\xbc\xc7Q#(3\xdf\x0b\xbeI\x11*\x00\xc8N\xf8 \x13\x00`H\xd6\x9a\xd760fZ\x8d\x01\x00\xea\xeb\xf3\x8d\x04\x11\xe9\xf5\xd1B0y\x0f\x00@\xb0\xab\xee\x84\xfd\xe1\xc5\x82\x01\x0cCD\xe8\xbf\xc6\x8b\x8eF\xb6\x00\x01\x00\xb0\xf3.\xb5\x03\x80\xa6\x04o\x1a\x1b\x90\x88\x18\xf3\xd7k\x87\x02\x00\x00 \r\xf6\'\x8ch\xdd\xefg\x8f\n\x00\x00\xc0P\xf8\x0e\x00\x00\x00\xc0\xb1\x9e\x8e c\xd9\x1f\x0b^\x02\x1e\x91\xb5\xcb\x89*L\xff\x03\x00p\xec\xd1c\xee\xa2\xa9\xa4\xf7\x0f\x0c\xab\xd2\xa6\x7f^6\x00\x00\x00P\x83-@\x03\x99;\xe1\xc5\xfb\xe2vs{\x8c\xe4\xfd8@\t\x00\x86\xc2\x94\x9f\x06\xa4\x02\xd6*\xce\xc4\xc7}\x026\xb6\x13\xc9\x12\x04\x00\x00\x05p\xc6\xa0\n\xb7I\xd0\xc5\xbe6\xe0\xd2R\x0c8\xf2\x08\x00\x80\x8c\xf8\x08f#\xd8\x02\x84\xce1\x0f\xa1\x1c\t\x04\x00\xfd\xb0\x96\xde\x7f\x13H$\xf4o\xeabZN=\x02\x00\x00\x00\xa0\t\xfb&amp;\x01\x00\x00\x80D\x1c_K\xa2\x0b\x0e\x14Cq\x03\x80*x\x07\x00\x83\x98\xcf@\xbd\xe9p\xd0\x1d\x01\x00\xc0\x18\xc3\xf9\xdd\x00\xda\xc7\xc1d\x806\x14I\x00\x00\x00\x00\x000\x9c\xc2\x13"\x1c\x8a\x02\x00\x00\x00TS\xfe\x83E\xbc\x03\x00\x00\x00\x00\xa0\x14\x11&gt;\x19\xbdET\x84\x11\xe1\xfd]\x00\x00\x00c\xccm\xa7\xe8M\x99P\xc0\x15{\xb2\xc2\xf0\xddA\x00\x00\x80\x87\x9b~Q\xe5-@|/\xfa\x05\x11\x02\x00\x00\x00\x00\x00\x00\x8c\x8bm\xae\xc8\x8c\xaf\xa5\x02-\x9a_\xa7\xa1l\x02\x00\xfc\xac\x9b\x0f\x9a\x92\x11p\n\x10\xd0\x83\xd5\x98&lt;p\x17\x19\xa3z\x00\x18\xd3\\\xff?\x9a\x0fk\r\x1b\x92q\x86\xbe\x02\xa0\x08\xa7i\x01\x00\x02\xfcmV\x8f\x01T@\xb7\x15\x00\x80Q1\x81U\x05[\x80P\x9b\xfd\x0b\xb5C\x00\x00\x00*\xa0\xeb_\x0b{\xbc\x00\x00\x00P\xc12\x00\xe0\\\xf8\xc2X\x01\x00\x00\x00@\x1d6E\xef\x9f\xd7\x18\x00\x00\x00\x80\x81\xf0"\x01\x00\x00\xad\xa2\t\x07\x10\x80\xaa\x03\x00\x80V\xd1\x8a\x03\x00\x00\x00\x00\x00\x00\x00\x00\x00\x00\x00\x00\x17\xdc7\xd8\xb0\x15\x07\x00:\xc61\xa0\x000\x10\x97\x9e=\xbd\x7fh\xc5I/@\x1a\x0c\x00\x00` |m\x07\xad\x9a;\xff\x8c\x01\x80x\x0c\x00\x9c}\x1fj\x1c\x00ms\xef\xfd3N\x806K\x1b\xfc\x7f\xd5\x0c\x05\xd0\t\xaaxW"B\x8b\x08\x00@\r\xcfy\x7f\xdab\x00\x00\x00\xa0\x7f}}\xea\xf5\xd7\xd4\x0e\x00\x00\x00\x00\x00\x00\x00\x00\x00\x00\x9a\xf4\xbeW+fl\xa4\x03\x00\x00\x00\xfa\xb1\xec\x97;{g\x86S\x80\x00\x00\x00\x80\x0e\x9d\xbd9\xc3\x00\x00\x00\x00\x00\xe8\x84\xcb\xeb\xf2\x0c\x00\x00\x00\x00\x80N\xb8\x9c\x94\xcb\x00\x00\xc0\x18\xfa9@\x10\x00\x80\x0b\xcf\x11\x00\xdf\xcd\x00\x00\x00\x00\x00\x00\x00\x80#\x1d}z\x0c\xd8`\x0b\x10\x00\xf4\x8f~\x0c\xe0k.5\x94\x1d\x00\x00pLo/AD\x18\x00\x00\x00\x16\xac\x00\x00@\x02\xca;\xd8\xbc\x06\x06\x00\x00\x00\x8c\x82\xe9\x7f\x00\xc0=Z\x0b\x00\x00\x00\xa0K\xf5\xb7\x001\xd8\x00\x00\x00\x00F\xc1\xabi\x00P\x045-\x00\xe0\xa1\xe6\n\xc0\xd4\xf5\x8f\xfbD\x19M\x1a\xe0\x8e\xf22\xb2\xaf\xa8\x1d\x00\xc0[wS\x84\x9d=\x0e\x10Df\xc1Wx\xfb\xde\xaa\x06\x00\x000a\x8f\x00\x90K\xe5\x93\xe1\xe6E\x80\x90\x90\xa4X@\x00\x00TFe\x0e\x00\x85U~\tx\xaa\xf1?\x87\x11&gt;\x00\x00\x00\x80k\xac\x0c\x02@\x07\xe2\xb7\x83\x02\x00\xbc\xd4?\x064\x18\xeb\xc5\x00\x00\x00\x80\xaf\x86\x07\x00\x00\x00\x00\x00\x00Db\x1f\x02P\x1a\xfb\x7f\x00\x00\x17h$\x90\x17\x1d\x11\x00\x00\x00-xK\x0c\x00\x00\x00\x18\x08\xbd\x7f\x00\x00\x00\x00\x00\x00\xa0+L\xf9\x01Yq\x92&amp;\x00\x00Pd\xe9\xfds\xde7\x00\x00\x000\x80\x0f\xe0\x95\xbf\x1e\x88\x08g\xb7\x00\x00\x00\x00\xa3`\x14\x07 \x8f\xf7\xa7r\x01\x00\x00\x00\xc60\x1f\x0b\xfb\xe3j\x07\x04@&gt;\x0c\xf2\xa1\x97\x88\x98O!\x8b\xa2I\xba^\xaf\x11\x11\xde\xf8\x81\x8b\xe7+b\xc6\x18\xf2\x0c\xd0)\x1a\x05\xa8\xc5\x9b\xcah\xda[j\x07`\x83R\x04o\xa3\xe6\x19\xf6V\x02@ES\xe3C\xbf\x05\x00\x8a\xa2\x07\x0c\x00\x00\xd0\x18:p\x00\x00\xa0\x08\xba\x1c\x00\x00\x00P\x87Nj\x16\xf3\xa1\x11D/\xf0\xa0\xeb\x1d\x00\x00\x00\x06\xc6\x86\xf2\xac\x88^\x00\x00\x00\x00\x00\x00\x00\x00\x00\x00\x00\x00E8F"\x02Q\xa7\x01\xa9\x80\x9aj\xbe\x03@\xf5\r\x00@I\x8f\xb7aQ\x1f/$\xa0\xa67\xb5\x03\x00\x00\x00\n\xe1\xc3U\x00\x00\x00\x00\x80W,\x15\xf5L\xf11\xa0\xefN\xce\x03\x00\x00(OD\xd8\xaa\x8d\x1a\xc8v\x00\x00\x005\xf0\xe94\x00\x00\x1a\xc2\xec\t\x00\xe0\x92\xe2-@\x00\x00\x7ft\xff\x01\x00\xd7\x18\x00\x00\x00\x9a\xc4N\xd1\xa6\x91|\xc0F\xb23z\x9d.\xc2\x00\x00\x00\xba2\xce9\x8f\xe3&lt;i\x7f\xe8\xfd\xabE\xd2T\x93\xa6&gt;\xfbT\x12\x10m!\xc3\x02\xd0\xe9}y\xad"=\xa2T%\xe1Cq\x00\x00\x00t\x890\x12\xb2\xfa(\nm\x01\xa2\x02\x05\x00D*\xdf\x8e\xb4\xd8rM\xe7\xb7\xd7\x0e\x05\x1a\xc5\xb6\xbaQ\x14~\x07\x80*\t\x00z\x96\xbf\xc7\\\xb4\x1d\x99zC\xd6\xfe\xfe\x927\x8dd\x8d1\xbc\x1d\x01\xe0\xd2\x9b\xb2\xb7\xa3J\x02\x80n\x15\x99//\xdb\x8e\xb4\xf8\xa2q\x83A\x06P\x18\xa7\x00\x01\x00\xda\xd0bo\x1c\x00\x00\x00\xe8\x18\xaf{\xd5B\xb4\x03\x00\x00\x00\x00\x80\xf2\x98\n\x02\x00\x00\x00T\xe1\x1d\x00\x00\x00\x00` \x0c\x00\x00\x00\x00\x00\x00\x00\x00\x00\x00P\x18\xdf\x90\x06\x00\x00H\x8b-@\xd0\x8e\x83\xbf\x01\x00(\x85I7\x00\x00\xe0\xe5\x8f\x89a\xd5\x0e\xea\xb0\x98\xec\x8e\x88\x02\x00\x00&gt;\xd8\xb6\x07\x85\xc8\x96\xc0\x9a\x88\x84l\x01\xa2\x14\x01\x00\x80VXk-\xdbI\x01c\xcc\xdc\x8d\x7fS;\x18\x00\x80~\xd0\xcd\x02\x00\x00\x00\x00\x00\x00\x00\x00U\xb0\x8b\x15\xc0\xf0\xd8\x02\x04\x00\x18\x88\x18\xc3.%oo\'\xf2\x1d\xc6Z\xbb{\t\x90\x1d_@\xa3(\xba\x00\x00\xe0\x80\xd7\x99\x1f\x0c\x06\x80\x86P\\\xdd1m\x04\x00\xe8_\xf0Y\x7f\x8c\x01\x80VPV]\x89\x08U\x1b\x00\xa0_\tN\xf9\xb6\x86\xef\xb7oLqJ\xff\x01\xda\x84|\x07`L\x94^\x00\xc0\xac\xc37\x89\x93\xbc\x1d-\xcb?0\xa3\xfb\x00\x85\xc8\x95\x00\x00\xf8\xe9oM8\xed\'&gt;\xad5t0\xd0\x8d.\x97qX\x01\x00\x0e1\x83\x05\xe0Tg]\x81\xc3\xde\xbf\xb5\xd6\xda\xf7\xb3\x1b\xee\x17L&lt;\xa2\x00\x90\x16\x03\x00\xe0PW\xad;\x00\x9c\xdb\x9d\xeci\xecg-#\x9c\xaf\xdc\xfedg\x03\x1f\xc0\x89\xb5\x1df\xfd\xde\x9e\x07\x00\x008\n;\xd7\xdfqv\x9f\x8d@\x80Z\xac\x00\x00\x000\xa6\xbc_\xf5b\x13\x10\xa0\x16\x03\x00\x00\x00F\x14\xdcAgV\x1fh\x1d\x03\x00@)\x11\xe1-:\x00\x99|i\xd0\xe6\x9f\xe7O;\xfe8\x95\x18\xa0R\xa6a&lt;\x1f\xcd\x05\xa2\xac\xbb\xfe\xfd\xbd{\x04\xa0\xb6\xcd\xf4BP%\xe3:AA\r\x06(\x94e\x05\x80\x01?\x90\nm\'\x80\xe4\xa2{\xff\xd3/\xa6\t\x0c\x80\xf2\xb2\x0c\x00\xe8\xb2\x00\x8a\x05\xee,bK\x12\x80\x15\xe7\x86\xfe\xc7So\x00\xea\xd0S\x074Z\xba\xda\x19\xce\xe5\x08\xbc\xb2\x88X\xc3\xa4\x1f\xd0\x83g=`\x82\x0b\xb5\xc7\x84\x00\xd3\x82\x806\xbc\x04\x0ch45\x97\x99[M\xbfi9k-\xbd\x7f\xa0\x0b\xbf\xeb\xf9\xaf\xa1\x85\x9a\xe5@\x00\x00\x1a""b~\xbc\x1c\x0e\x00\xb6\xfb|\xa6\x7f\x17c\xbe\xdd\x98O\x99\xffr\xcf|\x10\x1d\x01\xa0-\xab\xf2\xbb\xa9\x07~Z\xc8%\x1c$\x7f\x00\x00\x91\x98\xcf\x03"5w\xe6\x95\x88\x1c\xac-D6\xd2,\xf1\x03\xcdX\x95\xf6\x93\x8f\xf5\xdeWk\xbe5\x06U\x04\xa0\n[\x80\xe0\x8aY\x9c\x13zZ5\xc7\x04:\xe8\xfa\xc7\'\xee\xc9\x84"\xe0\xa4\xe9y\xe2\xe6\xb2\xfd&amp;\xac\xff\xec\xe0\xefE\x1e\xff\x7fq\x11k\xdf\xb8\xdf\x91\xce?\xa0\r\x85\x12\xee\x9a\x9b\xea\xc6\xbdL\xbd\xae\x93iE\xe0\xd8\x94\x0f\x1b\x9d$\x16\x91\xb6B\xbe+\xf5/\x81\x7f\xfe\xfd\xdds\xf1)\x00\xa0U\x94I`X%\xa6\\i\xf8\x01\x85\xae&gt;5\xb8\xd9 t]~\xdf\xcd\x98\x7f\xe4R\x8dP\x0f\x94\xe0P\xa3\x93\x10Xx,\xe1\x01\xe8\x87[\xe7\xffb"\xdfq\xf4\xd0\xdc\xe4(0:\xeb\xb2\xa1I\xe6\x1f\xb5\xd6\xdeT\x06\xd4\x00\xf9\xb9\xce\xe6\xac\x8e\x816L\x01\x0f\x8ew\x00\x80\xf1\x9c7\x16\xcbQ\x9f\xd6Zk\xedE\x0b1\xff\x80\xd3\xdd\xda\xdd\xde\r\x0c`W&lt;\x1f\x85\xfb\xae|/\x7fm\xddk\x03\xa4\xf7E!\xf5\xeb\xe35\x8f\xa6\xde]AZ\x94X`,gmE\xf0\x84\x90{\xe3C\x17\x01Pb\xbb\x05\xc8\xa4\xe9\x0c\x9c\xd4\x05\x14\xfcLRM\xac\x90@\x99\x1d\x9f\xbcW\x1d+\x00)1\xcd\x89S_\xa9"o\x1cfQ\xfbh\x00\x02\xab\'\xf7j\x8d\x02\x02h$&amp;\xc9LpO\xc5[\xff\x99f\x17\xd5\xa9\x9d\xd6r}.E\xe5\x9c\x93\xb5\xef^;\x08G\x18\x00\xa4\x94d\x84\xa7\xbc\xd2A\x80\x7fSD~\x80\x82\xee\xefY\x00\xecO(\x18\x04\xb27\xa0\x8b&lt;7\x84\xa4\xa7p\xe2\xf3\xd0\xfa\xd8Sy\xfeK\xbd\x00\x9d{\xed\xaf[;o\xc3zn\xdeZ\xff\x91\xd3`\xa0~\x0b\xd5\xb1\x7f\xac\xb1\x140\x00\x00\xb2\xfbRc\x8c\x82\xfdv\xe7\xb5\xfb\x17\xc5]\xf8\x1f~\x9aW0he\x80\xda\x92\xf7\xcb\x8fW\x17\xed{\xa4\xbdK^s\x9c\xac#G[\xb7\xf85&lt;v\xf9\xc7\xa9i0\xe0t\xf9\xb0P\xa1E\xd5\xfb$\xc0\x00&gt;C\xe4\xe7T\x9e\t;\xdb\xfc\x93\xe8\x0b=\xde\xadd+\xf3\x82@\xbf\xf6\xc56\xa2T\x1e\xd7\x00\x8d\x17s\xf7\xef!\x94\xf3:\xf7\xef\xde\x91s\xa9\xa6\xf5&lt;)r#\xa5\x81!\x1c\xcc\x1b\xa5&lt;\x06.d\x9a\x8c\x96\x06\xa8\xeb\xa8Z\xf0+\x95W;\xd1\x9b)\xe0"r4\x1b\xe2\xf1=\x84B\xee\xbe\xe0\xe6{\x81\x03\xd6~\xa91\x1f\xe0yY\xb4d&gt;\x9b[T\xe4i\x00y\x1dU\xfb\xe9\x9a41A\x1b{\x94\xb4\xa9\xc0\xc8|g\x94Ed\xfe\x99\xab\xdedC\xa5{u4\xbe=\xfc\xf3\xd7\xbf\xaab\x13\x1e\x13\xb8x\xcb"\x00\x96&lt;\xc0;\x00@\xff\x8ez\xff\xc9\xae\xbdzw\xce\xff7\x01h"b\xcc\x9f\xbe(\x982\xfd\xe3\xf7\\\x1e\x1b\xd3l\x0fr;\x16\xaa\x15\n\x17\xa11\xfcmN?E\xcd&lt;\x04\xd59\x1c@\x12\xee\xfb\x7fD\xc4\xfeIc~\xea\xee\xaf\x96\xaf~\xba\\\xdbC\xb3\x1d\x05\xa0\x1f\'\xef\xef\x9am\x91wZ\xe8k\xf1\xfb\xb2\xe7\x1f\xc7}\xfcM\xbaw\xa5\xc2\xa5Z\x8ep\xac\xaf\xa9\x99;\xf6\xcc\xf0u\xc3\x01 \xb7\xe3S#\x0e\xda\xe9\xe07\xde\xc2\xc7\x0043\x80\x06\xe7\x87\x04L\x7f\xebz\x9d\x16\x07\x00f~\xfc\xd7\xea\xe8\xec\xcf\x8b\xdb\xa4OTx\xdcjk\x05\x8f\x8c\xec\xde\xd4\x0e\x00\x80\x8c\xdcz\xffl\xc6\x01\xb0\x17\xf4}\xb0&amp;;\x8eg\xfd]%\xfd\xe0\x94\xf5\xb3uLSi4)\xe1\x8e\x01\x00\xd0-\xc7\x9d?\x9f-7?pw\x97\x80\xa0\x01P\xe4\xa5\xa7\xcb\xb9^\xad\xf0\xee\xa9;\r\x01\xe8\xff\x0f\x80\x97\x80\x81Q\xfc\x7f\xc6\x1cU\xea\xf23\xc2/\xf9Qt\xff\x81\x1e=?\x89\xb5\xfa\xca\xec\xc9\x8f^\xff5\x92z\x89f\xd7)\xfd\x85\xcbOS\xad\x8f\x80\x12\x0bt\xcba\x05\xe0`\x9e\xcf\xbd!\x8f\xdf9\xd4\xe8\x8ea`t\xdf(\xe6\x9d)\xb9\x85l\xdf\x006\xfb:\xf3\x9f\x88\xbc\xcb\xf4W\xb7)\xe2Qg3\xa2\xeb\x1e\t\x0c\xf4c\xf7\xca\xda\xc9\x0b\x007_\xb9\xb7\xdb\xd7\xfe\xce\x9a\x81T\xef\r4\xd1\xcc\xa8y\x17\x10\xc0`\xb6U\xed\xd9\x9b\xca\xc6\xed\x1b\x0e\xee\xb7\xa5\xba\xeb\x1e[\x80\x80\x81\xfc\x9d\xd5\xbf\x9f6\x06\xa1\xe7\xfa\x03\x00\x12\xbb\xee\x87;W\xd6\x1c\xf5\x80\x1d\x06\x00@?\xb6;q\x0f\xaa\xfb\xf7y\xfe\xebw9\xbe\x821\xc6\x1a\xfb%\xa9C\xd68\xb68\x03\xa8bs\x00\xe8\xeb_\xdb\xd3\xff\x00\xaeq\n\x10\xd0\xa7\xc3\xe9\x1e1\xc6&gt;\xcew\xf8\x97\xc7\xbfe\x8c\x95\xdd\xd0\xe1\xf8&lt;\x08\xefW\xcf\x00\x00\x11\x8e\xeabkY\xb2E\x10V\x00\xeeP\xb2\xd0\xa6\xd3\x19\xeb\xe9\x83\x9e\'\xf9\xfa\xb5[\x7fZ\x02\x98l\x02\x80\xcc^\xf7\xfc\xbf\xfe\x84\xcb\x12\xa5\xd7\x12&amp;\xeb\x9d#`\x00p\x87r\x80\xbe\x881\xe6\xd3\xcf\xff\xda\xee;\xf6\xe7\x05\xc0Zk\xed\xafH\x13*\x00\xc0\x91M\x1d,A\x9fg\x9b~\xc5k\x08\xe0\x7f\x0b\xb4\xe1\xf9\xd6x\xddp\x00\xc8\xe7\xf6\x90\x9f\xd7\xf9~\xef\x9d\xee\xd1o\x96\xb1\xb7\x1e\x00.\xecjY\xff\xd3\x93\x97\xadC\xae\xf55\xd5r\xaf\xd6\'\xda\xb1\x02\x00\x0c\xc4\x1ac\xcc\x9be\xcdx\xb7\xc0E\x95\x0f\x00\xeayU\xd5\xdf\xba\xfay:\xf6C\x9b{\xff\x8f\xffd\x00\x00\x8c\xe6m\xeb\xffX\xb6\x8e\xbe\x8e\x07\x9c\xd0\x9c\x00\x80^\xef\xb8\xfd\xcf\xfb*\x9bJ\xbdK\xcb\xea\xcf\xb2\n\xc4\x00\x00\x18\xc8\xf1\xf2/g\\\xea\xc2\xc1\x03\x00\x9ev\xd5s\xe4\xbeKk\xad\xfd\xa5&gt;\xf7C\x07\x0e\xf7\x03\x97\x0f\x060\xac\xd5\'\x1b\x0b\x15\xbd\xfd\xe6Q\x93\xbar\xe7\x1d\x80\xf4\x8e\xcf]\x050\xac\x97\xd7\x00\xa2\xaa\x88\x8bj\x9b\n\xb9SbV\x07|\xf3\x0e\x000\x9e\xc4u;\xa7\xe4\xe6@\x03\x0c\xe0RD\xd5K\xef\x7fH\x07[|\x19\x00\x00\xe5L\x05\xb0j\x1d\x9b\xf2\xdet\xff\x01\xa0\x80]\xd7\\n\x16_\xc3\xfe\n\xfd[\x7f2\x82\x01\x00P\xd2T\xf6\xea\x8c\x00~\xfb\xf1\x1f\xcb\xe47{v\xe7\xa3\xf7\xfe\x00\x00\\\x1d\xbc\xabu\\\t\xcb\xc9\xb7\x02\xa6\x9a\xfe\xf8\xe2_\xc6\xf4\xff\x00,\xe7\xfey\x11\x11J\x05\xda\xe5\xb0s\xf4\xf9#\xeeY=U\xef\x9f\xc2\x05\x00^N&gt;\x0b0\xff\xa1\xcco\x11Y\xeb^SS\x15\x0f\x88\x15\x80+\xccq\xa23GY\xda\xfe\xa5\n\x011\x86&amp;\x07\x00\xfc\xed\xb7\x03\xc94\xb7o\x1e\xff7\xfd\xe14\xe1\xefr5\xaa\xe2Q\x91\xea7X\x01@\xebv\xad\xc0\x0f1\xe6oDg\xe9$ccJ\x16\x00\x04IP\x07\xa7?\x14\x0eM!\xedo0\x00@\xeb^\x1b\x8a\x14\xf5~l\xf3C\xb1\x02\x80\x14Bj\xe3y\xe3\x10j\xaa\xdb\xc3$\xf9\x81\xfe\x1d\xb6\x0f\xdbz\xc7\xeb\xecyz\xff\x00\xa0\x8bK\xbdL\xbf_\x95\xba\x03\x807\xb5n\x0c\xa0\xae}\xd5#bN\xdb\x86\xd5\x8b\xc2\xd1\xc7\xc8\xd1\xf9\x07\x80\xe4\xac\xb5\xbc\xba\xd8\xa0j_~\xe4%`\xa0\x7f\x07\xe7\xc7\x19c\x1em\xc5\xd4\\L_\t\xf9\rG\xbf\xbdoQ\xa2\xeb*F\x00\x00\x90\x83\xb5\xf6\x97\\\xff@\xa1\x80\xc0\x15)\x02\xa0\x049c\x8c\x18\xf3a\x17\xbf\xf18c\xe2\xd7\x881r~\x99\x1b|\x86\x06\x00\xcaZ\xaa_\xe0\x89\x91\x070\x96\xebf`\xb5C\xf4\xf9c\t\x1b\x0ev\xff\x03@IK\x9dO\xf5\x8b5r\x030\x9a\x9b\x99\xa0\xa9\x8d\xc81[D\xf3\x03\xad\xaam\xc3\x05r\x9bj|\xaa_\xec\xf0\x12\xf0\x06\x03e\x0c\xe0\xe6=\xdeL\x0b\xc5\x94)(F\xe6D\tU\xfa\xe2\xf1\'7\xa0K\xbc\x04\x8c\xf4\xd8\xed\xad\\\xf9\xbe8\xbd\x7f\x00\xc3\xab\xd4&amp;N\xa7@\xd0(c\x8b\x01\x00\xf2\xa1\xcf\xa7\x97\x9d\x95\xb9W\x81\xbb\x00\x80n\xd6V\xaa\x0f\x1fsr\x97\xfd\x7f\xde\x12\x1eM\xc7\x03\x00\xef\xd7\xde\xc9\xfd\xa9\xd0\xe1k\x88\xb5\xd6\xfe\xca|\x17\'3\xc0O\xc6z\xf8\xc7\xaeg@S\xde\x85\xb6\x03\xae*\xf5\xfe]~\x88\xbaz4\xdd\xa6w\xd8n~\xc7\xdf\xe2U\x01\xf4(e7\xc6\x1a\xbe\xf8\x85\x10"\x92\xe9c\xa5G\x1f\xdd\xe4\xdd_\xf4\x8f\x1e\x0b\x0eu\xfe\x12pXv\xa7\x90`H\xd36\xd1\xd8A\x00]\x7f\xc4\xc8W\xfd\x1e]\x99\x8c\x8aQ\xd0\xb1\xc1N\xb7[\x80\xc2\xf67\x17\xdb\x15\r\xe8d\xad\xb5\x9f\xe9\xfe\xc3\x9b"\xf3\xd8\xdeJ\t\xca\xe0{\xf3\x1d\x1f\x00A\xe8\xd8\x00\xc8\x8b\x93\x7f\x00tO\xc5HLC\x18\x00\x000\x0c\x00\x00t\x85\xda\x0c@\xb7\xba\xdd\x02\x84Jz^g\xf4=W\n@\xcbz\xae\xcd\x00\x00\x8a\xd0\xc5T\xed\xf3I\x1a` \xd4\xc6\x88\xf5y\xb4\xe9P\x8a\x19\x0eu\x8e\xce\xaa\x03\x00\x94\xf4\xe8\xb6Q\x1b#\xd8\xba\xebOF\x826l\x01R\x87j\x02\xed`f\x0b\x9dR\x9c\xb5Y(n\x0e\xcd:\x14\xea\xfc;\x00\x00r\xa2UC\xa7\xe8\xb2!\x11\xb2\xd2x\xf8\xc2 \x00\x00H\x8a\xf3\xd6\xa0\x06\xf9\x10\x00\x10\xe8\x97\xc9\x8b\xdaA\x024\xa3\x80\xa0&gt;\xeaj\x00\xc0\x9d_\xb9\x9e\xb3\x94\xf9\xff\x8c1\xe6w\xbfv\xff\x99\xe0\xec\x10\t\x1ae\xe9l\xd1\xeb\x82\x12d\xc5\xd6\xb1K\t@^\x17\x8d\x84=\xef\x18\xb2q\x16X\x88\x885\xc6X;\x95&amp;J\x07\x80H\x9c\x02\x04 \xab\xab)\xa2\x8b\xbfczip\xa4\xfe\x9a\xb5\xd6\xd0\xe9\x07\x90N\xff\x03\x00Z\x11@\xad?z\xfb\x13"\x8f\xff3\xf3?\xd9L2\x06&amp;\xb9\xcf\x101\x00\xe0\x82\xee\x02P\xd1\xd1\x1e\x7f\x11\x11\xf9\xed"\xe6{\x9f\xfe\xed\xb5\xda\x0f\x05\x8d\xe41V\xec\xdb\x7f^;\x00\x00z\xc0LB\xacawd&gt;\x1e\xdc0\x1f\x85+W/\x00Xc\x8c};\x91\xef\x08\xba\xf2\x80\x85\xaei\x92\xff\x1b\xe7\x05n\x01\x00z\xc4tA\xa9+c-\xfd\x9b\xd1\x1a\x9eaG&gt;\xf0r6\x00\xd8\x0c\x1d\xe7\x1fz\x1dO^O\xf6\x93\xfd\x00\x00C\x10y\x9do\x8d\xe9\x89\xf5\xff\x0e@1\xa3\x9d]h-\xdd/\xdc:/\x11\xeb\xccc\x1f^k\xb7\xe9\x8fO\xaf&gt;m\x07z\xdf\x81\xca\x1d\x00`0W;_\xe9\x89\xd5\xb4\xecK\xfe\x05\x8f\x04\xa2;\x02\x98\xb3\xdd\xffq\xbb\xb4/\xde\n\xa0\xdc\x01\x00z\xc3\xcbo\xda-]\x90\xb1\xfa"\xe4H\x1c\xfa_\x0f_\xd8M\x93[x3\x18\xe8\x08%7\rjB\xa0\xbeAJ uMs\x8a\xa5\xd7\xaa)\xfa\xa2|\x17g\x00p\xa4h&lt;\x10\xed\x88A\xc9M\x86\x9a\x10@\x19\xd45x\xf1\xc8\x12\x1f!\xf2V\x11\xf3\xd6\\Ka\x0c\x00.\x14\x8e\x07\xa2\x1d1d\x88\x93[\xb7rUV\xd4\x84\xf0\xc3\xab\x03\x08$\x8fw\xcf\r\xb9\x08\x0f\xdb\x96\'\xe3\x9bI\'M\x1c\xefB\x01\x18\xd6\xdc(S\r\xc2\t\xa7\x00!\xc4\xaa\x03F]\x83Y\xb1\xbcp\xda\xc21\xf5\x85KC\xbd\xa0\x85\xc1\xd8\xebC\xd3\x80\xad7\xb5\x03\x80&amp;=\xea\x18\xea\x1aT\xf2h\xe7\xb6K\x01G\xa7$\x03\x0f\x8f\xccB&amp;\x01\x00V\x00\x10\xe8\xe8\xc8v\xd4\xf0\x05\xb5\x03`\xe6)\xd5gg\xbc\xdc7"^g\xbc\xd8\xff\x8aKL\x91\xa2G\xd4{\xf0FU\x08 \xdcc\xd7\xe9\xf4\x1f\x15_\x08\xd9\xbf~P/$\x00P\xd0R\xf91\xb8\x85\x17\xb6\x00\x01\xf0\xb6{\x0bW\x8c\xb1\x7f\xc9\xd4\xecs[kW\xa1\x121\xc6\x08\xcd!\x80LD\xe41\xd10\xd7;U*\x1c\xce\xfcA0\x1a\xc8|\x84\xe8E\x97\xce\x9a\x9c\xea\x1d\xee\xd7\x80U\x0f\x12\x80\x0e\x89\xc8\xbc\xd2\xb8\xaev\xcaW8u\xef\x8e\xa6\xf1\x0e@."lG\xc6X\x98\x8b\x020\x84\xc7\xdbG\x8a:\xdct\xfe\xe1\x8b\x01@.\x96\xd7d1\x9e\xbb1\xc0\x7fZ\xf8\xd6\x8cI\x00\xe4T\xb9\x86\x99f\xfd\xb5\x8dF\x00\x00{\x1d|\xa9\xf1\xecC\xbc\x97\x8f\xf6\t\xd3oV\tU\xbe\x9b\xa2\xba\xd1\xd2w\xb4\xe7Un[\xcf\xfc\xc8\xda\xc1\x01&lt;0d\x04\x8a\xea\xe0c\x8d\xd7]\x90i&gt;\xea\xec\xe7\xb3\x9e\xcfs\xferB\xc6\x9b\xa2\xa6\xaa\xef_\x96\xf7|\xf1\x14\n\xec*\x9cA2aC:hm\xb3b\x0b\x10PT\x9e\x8f5\x96\x9b\xed\xbe\xbd\x85,\xffX\xff\xc1\xf3\xd7\x93\x87\xe8\xe9,^\x993\xed\xd5h\t\xcbN\x0f\xb5\xe8e\xea3Z\xf5\xe0\x8d\x01\xc0\x16=\x05\xb4\xe8\'\x16\xba\x8f\xe3\x00c\xf5SZ6,h\t\x07R"MQ\xd3\xd2\xe7\xa7\xf7\xaf\xd2\xf2v\x04\x8e\x115@\x0f\xca|\x0b\xc6\xbd\x1bm\xad=\xfc\xe1\xbc\xd5\xf1e\xf8h\t:\xc3\x01\x88\x00\x10\x8c\x0f\x81\x01=h\xa2\x03\x94;\x88\xc5&amp;\x84E\xf8\xca\x986|w\xe5\n\x9b\xa1\x01\xec\xb0\x05\x08\xae8P%)\xe9|\x03\xc3\x87\x1e\x1d\xca\x99\xe0\xba""\x07[\xf5\x9c2g\xd7\x11^C\xdd:a\xdd\x99\xa5frA\x05\x0e`\xc1\x00\x00\xae\xf2\xbc\xbd:"9\xe9\xc4\xea\xe7\x9e\xfc\xf2\x05\x19n?\xf76\xe5\xf8\x8fo\x7f;Y@(\x08\x8b\x9aQ\xd1p*\xfc\xb1\xc2\xf7\x9b\xa2\x8a|\x0b`Au\x00\x14\xd5\xf4\xc9q^3\x88\xf6h\xca=\xe6y\xb2\x8e\xb6\xfe\x00\x00 \x00IDAT\x0f\xf7|{\xbd\x96\x10|khVr\x7f\x0b{i\x00\xf4\x81w\x00\x80BX\x7fO\xd8i\x9a\x0fDG]*v\xde\x17\xeb\x8e/E\x98\x97@\x00\xb4\x8e-@@!\xf3*|\xedp\x94rt\x06\xd0/Iy\xfd6\xb7Q\xf5\x84\xf8\x07\x80F\xa9\xee\x8c0\xcb\x82.\xad\x8e\xec4\xca\xcb\xe0Z\xfc\nF\\q\x8e\xbd?\x95\t"\x959l\x17\x00\n\xd0\xb9\x02P\xe8\x9b\xa6@\x15\xab\xceC\x96nD\xa6\xe2\x13\x13\xd6\xdfL\x9f\t\xa9\x95o&amp;\xc8\xc3\x00\xba\xa1\xb1:\xe3\xf3.@\x14\x11\xc9Sv\x82\xfb[I\x02\x13\xd9\xdb\xa32\xe9\x0c\xef\xe3\xc2\x99\x18\x19i\xff%\xe0@\xefK\xc0T\xeb@\xa0l\x85\xe7\xf0`\x9f\x93 \x18c\x8cH\xc2mN,\tb\x836\x02\x8eD\xc8-\xc0\x1eE\x02\x80\x07\xc7i\xf8\xe4\xcdm\xed7\x10\x00\x00\xe8\x87\xcew\x00\x00`#\xb2\xfbN\xef\x1f-\xaa\xf8:\x1c\xaf\xe1\x01}\xab&lt;\x00\xe0e_\xa0?\xb96 \xd1\x87\x07Ja\xcc\xac\r\x9d%\xa4U\x7f\x05\xc0\xda\x1fQ;\x08\x00\\9u\x0b2\xbe\x83\x00h\x91o\x02\x8b\xae\x1e^1$CZ\xe4\'\x00~\xae{\'\x99?n\x10\xd85\xa2\xedDR\xcf|H\xd6\x02\xd0\xa2\xfa[\x80\xea\x06\x00@*\xd6N\x9d!\xfaC\xc8\xabn\xc3\xc1\xc6\xd5h|\xea\x07=k%o\xd7&lt;\x06\xb4\x958\x02\xe0\xa6@\xd7\xdf\xfd$\xd2\xb6q\xc8\xfd\x99)f\xf8N|\xa3n\xdb}&gt;\xb7\x8c\xa65\xd4\xb3\xad\xff\x0e\x00\x80\xb6Tl\x98\x1b\xaa[\xe3\xd1\x01:T7Zv9\x904\xf2\xe3\xd1\xfb\xcf\x1f\x18 \x03km+\xd5\x82\xde\x0f\x81\x01Pk]\xc1\xe9\xef\x947R\x1bo\xb4\xd2\x84Tam\xb5\x85 k-\x8b3\xc1\xae\xd3l[\x93\x10\xbd@^\x95W\x00\xa8C\x81\xd6-\x85\xb8\xc0H \xa0\xc2\xc8\xfcR2j\xa9\x96\xa6\r\xcd\xf0i\xb3\x8e\xb6\x97(\x94\xcb\xff\x04\x90X\xcd\x01\x00u(\xd0\x99\xfcc\x80\x80J\x83z\x06P\xc2\x9e\xfc\xfb\xed\xe6 \x00\x89\xf1\x0e\x00\x80H\xbb\x86\x9c\xf3=\x00\\\xd9O\xff\x1d\xd4\x18\x8c\xdb\x81\xbc\x18\x00\x00\x88e\xff\xd8\xfeO\x94\x8c\x01Xf\x04T9\xdc@%/?S,&lt;\xc0\xb0(f\x00\xe2\x1dt\xf8\xb3\xb5\xe2\xae\x83\x0b\xba\x11@#\xf8\xb0\x1a\x06U\xf1DcV\x00\x00\xc4\xdb\xd4_\xf3\x17\xc1\x12\x92\xe7,!\xbd\x7f\xa07\x8f\xf2J\xb1\xc5`j.\x95\x17\x18\x00\x0c\xb8!x\xb4\xe7\x05\xa6\x95\xfd\xed\xc7\x80\x7fQ\x96\x82@\xe9\xea\xd3p\xcdDb\xed\xbf{\xc3\xd9J\x18P\xcdl\x9f\xfd\xc6|\xd5\x0f\x18S\xd2\xe3\xd2=\xfa6\x9c\xfb\x891\xf1\x81\x02\x00\xee\xb2\xaf\x00\xd8Y\xee\x1b\x01Pe*\xf5I&amp;&amp;\x9d7\xfd\x7f\xdes\xfd\xa1w\xb2U;8\xd0\xe3{\xd5\x0e\x00\x80\x06\x0c\xd1R\x02\xa8c\xd53\xb5\xd6\x88\x04M\xcf;wo\xc7\x99hx\x8d\x92q\x9e\xbd}2\x15\x81\xe4\x13\xf6\x8f\x0b\xbe\xd5\x98\xaf&amp;3\x00\xb8A5\x01 \xa3G\xa7d\xb5w\xff\xa2\xc7s\xd4%\xf2\xda\xfc3\\\x85\xc6\xae\x8ff=2v\xaa\xb4[\xed\xb65\xb4\xec\x80\x02\xa2\xbc$\xaa\x0e\x1cn\x89\x885\x07\x1fU\x07\xb4YF\x02\xc6&gt;\xa7?\xcdj\xa7P\xe4\xf5\xe9\xf7\xa0!\x19\xde\x8eK&lt;\xa2\x00\xd07\x8e\x01=\xf7u\rl\xab}\x1c\xbc\xd28\x11\xe1p\x97\xee\xd9\xe5\x9c\xa0\xad$[\xd8\xe9\xfd\xa3-S7=ig=\xd3\xebvT\xce@\x9fh2OU\xfc:Cy"B\x17\n%%you.\xa1\xdaWZ\xd1\x81\xa1Z\x84\x151\xc2"3\xd0!\xcd+\x00\x95g\x1d\x86\xab\xeb\x7fG\xed\x00`$\xd3\x17\x03\\J\xd9\xebg\xc5\xac\xd9\xfd\xee`E\x15\xc5\r|\xceR\x0f\x8b\xcc\x00\xd0\x86\xf2\x8d\r\'\t\xa2\xaai\x9b\xc1\xeaP\xcb\xc3\xdcH\x16E\x0f\xbe\xa3\xfa\xf4\x16\x00\x17\xf4\x8b\xd0?\x06\x00\xd0\xe1w\x93\x15\x91\x89\x92|\xb5\xbc\xf2\x94#\xab\xf3i\x08 )\xca\x11T\xa2\xae\x07\x00\x17\n\xeb\xc99H)C\xd5\xe2\xe7\xe1NW\xfc`\xcc\'\x123\xc8\xc6{o\x1f\xc7NWr\xf0\x9a\xe3\xba~\'E\x00\xa0!Y\x1a\xd3m\xaf_}\xbb\xf0\x0c\xae\xfa\xa0\x02\xbd\xa9\xf5\x12p3\x93\x13\x81\xa2\x9e\xee\xf0w\x9d*\xc7w\xe2&lt;M\x00hA\x96S;W\x17l\xa1K\xfd\x08a\x0bA\x05\xe0\xe0\xb6s\xdf\xd0\xea\xa4zD#\xda@\xa9\xcf\x84\x88\x05\x00\xf8J\xbf\x02\xe0\xd2\x141\xdcO\x87\x98D\x13\x96\xdd\x0em\xf6V\xd9\xa6\x0c\x00\x00\x00\x04is\x00`\x8c\xda\xd56V\x00\x00\x00\xbe\x98?n\x1d\xdf@E?\x96\x8e,\x8b\x84\x00\x00\xe4\xa3\xf9K\xc0\xb8\xc7\xc4\x1f:Bn\x06\x00\xa0\x04\x06\x00mc\xa2\x14\xdd`4\x0b\x00@\x19\x0c\x00\xea\xfb;t|\x80\x15\x97a-\xbb\xde\x01\x9c\xa0r\x00\xd0\x02\x111o\xa3\xc2\xc2\xe8x\x99\x15\x00\x00` \xc2\'\xcc\x86G\xef_3R\x07\x00\x00\x00\x18\x08\x03\x00\x00\x00\x00\x00@\x12\xac\x00\x03\x00\x00\x00\x00\x00\xa4v5\xe3\xc2r?\x00\x00@\xaf8\x06tP"\xd3\xb1\xeb\x07\x1d}z\xff\x00\x00\x00\x00\x00\x00\x00:4\xe0\xd4\'+\x00\x00Z7\\\xc5\r\x00H\xe8\x13k\x07\x00H\x85.\x114\x92Y\xed\x80\xf4\x8d\x18\x06\x00/\xc3\xd5\x99\xac\x00th\xee_\xfd\xc2\xda\x01\x895\xf7\x14?\xafv@\x90\x06\xbd\xd22\x88f\x00\xf0dk\x07\x00\x88\xd6\xcd\x0c+\xb3\xc5\xfd!M\x0b zs V\x01\xf4\x84\x15\x80\x0eYk\xad\xedj,+"\x7f\xb1\xc7\xd6w\xbc\xae\xf0\xd5\xc3*\x8f\r\x111\x1f\xa77xk\x9d\x15\x7f%\x88UU~\x8c\xee\xea\x02\xd0Oi\x8d&amp;"\xd4\xb60\xdbY\xb7\xee\xb2\xc4\xe3\xe1\xba{\xaeSM\xa7\xe6\x14\xf8\xe6\x82\x1d/Sm,"\xd6\x1a\xb5m\x10\x00\xf4\x8d\x15\x00\xa8fWj\x87%\xb9\xfe\x9e\xe8\xc6\xf2\xc0=\xa6f\xb7\xac\xcd\xb58\xc3\x04.R\xf8}\xb5\x03\x00\x00\x00.)\xdf\xe7s\xa1\xdd\x90\xc7\xcb\xf1\xec\xc3F&amp;\x00@\x17\x11\x19\xf0\x1c(\xa0$\x111\xe6cj\x87\x02\x00z\xc3\xa0\x1a\x00\x00\x00\x0f#\xaf_\x018\xc4;\x00(\x8aF\x08@\x18j\x8fh\x9f];\x00\x00\x00\x00\x80\x1bz\xff1X\x01\x00\x00\x00\xd5\xcc\x1d\x11\xfa"j\x914=\xa2\xd0\x01\xd8zS;\x00\x00\x06\xc41\xa0j\x914=\xe2\xe0]\x00\x000\x00\xe6;\x01`\x1c\xd4\xf9=b\xf3"\x00\x00#\xa1\xddG\x84/\x13^}i\x9e\xac\xd4\x0e\x0b\x14!K\x00h\x0e\xb5\x16\x1c\x91U\x82|\xe1\xb6\xdbH\x1c\x9ejc_\xe0:\t-{\x19\x01\x00\x00ph\xee5\xd2c\xec\x04#9\x00\x00\x00 \x12c#$#"\xd6\x9a*\x99j\x19\x1c2\xdc\x1f\xc7\x94\xe8\xa48\xd0cYxL\xe0V\x0e\x05\xd0/\xbe\x04\x8c\xb4\xea\xd4\xd7}\xb5|\xa8\x8c\x9d\xa35\x10\xe1\xe1\xac\xed\xaf\x0e\xb4\xf4\xfe\x01&lt;\x95n\x95\xc7\xec\x04\x8c\xf9\xd4hK\xce\x17\xbc\xe8\xfd\x97\xc6\xe7\xe1\x00\xa0\xac\x06W\x00\xa2\xdbfyq\xfa\x93cv\x05\x98v\x19A\xeb\x93\xdc\xf6+\x0c+?9\x95\\\x06\x99oCj\x02@!\xadU\xb8S\x83\x14\xd4\xea_4ft#0\x1c\x11!\xe7\xe3\\\x8f\xdb\xca\x01\x00\x0f\xad\xad\x00X\x1b6%\xd5\xf6d\xa7zDo{\xac\xa5o\x87k\xe4\x10\x00\xe8Uk\x03\x80\xa06\x89\xeeifb\x88d\xa0/\t{\xffT\x0e\x00\xa0M{\x03\x00_\xb7m\x0f\xb3\\\xd1*\x9d\xfd\t\x00\x00\x00\x7f\xfdw\xdb\xae\x07\x00\xf4\xfe\x81^\x89\x08\x05\x1c\x00\x80W\xfd\xaf\x00\x00\xc5p~\xbc*\xf4\xfe\x01\x008\xd4\xcc\x00 \xb8_u\xd1\t\xa0\x7f\x00C\xaf\x1d:\x90\x0f\x01@\x95\xbe\xbfOr0\x00(\xdc\x0e\xb9\xdc.mx\xec,\xf8\n"\xc2\xd7\xb2\x90\xdb\xbah\xd0;\x1c\xc5\xf7&amp;\x95\x01\xa0\xa6\xa9\xdf?\xb5\xb9\n\x1b\xde\xb6;\x03\x8e=\x9b\xd5\x9f+\xec\xfdh\x0bO\x02\xfa"9\x93\x9f\xb9\xfe\x8f\x84}\xeb\xd4\xdd\xf4}1\x19&amp;\x81FD\x12\x03\x80*\n+\xe4\x84\xcdD\xc9=0\xb2\xba\x9d\x88\x18k\xed\x12\xbb\x87\xf3\xf1\xcb\x97h\xf8$M\x19\xeb\\\xd5ulKs\xaf\xbfS\x04F\xc0[\xcb\x00\x802j\xbd\x03\xf0\xd8\x81s=\x8a\x89\xdc\xa8\x03_\xdb\x08W7\xf0MED\xe3\xb0\x1e\xa0\xbaSe\x9ei\xa3\xae\x00\xd0\x89\xcd&lt;o\xc5p\x18\x8f)\xe7y\xc5\x00\x11\x96\xd8\xbe\x8dIf"\x81Z\xaa\xac\xf6\x88\x88\xe5{\x1e[,\xbb\x01\xe8X+\x03\x00\x04Z\xdau\xa2\x1ah\x02\xc3o\x00@n5\x8f\x01e\x1bF\x01\xd6\xda\xa3a\x1e1\x0f(E\xef?\x98\x92\x1d;4m\x004\xd4E\xd7\xb4|\x07\x806\x0f\x00\x10AN\xe6;J\xa39\x03\xa0\x7f\x1e\xa0Z=\xe5\xbe\x1f\x1d\xa9\xcc[Z\x8d\x866\xd2\x0b\x9bq\xd1(\xf6\xf3\x00\xc08\x1a\xea\xdc\xbe\xa9{{\xfd\x11\xd4\x93Fc\x9b\xf5t\x00k\x0c\xab\x00(\xd4P\xef\xbf\xa6\xa4\x9f\xbc\xa1\x83\x08\x00\x00\x80j\xf8\x98\xe3\xc3u,h\xfd\xf6jz\xca\x83\x07\x00\x00\x80\xa1d\xdb\x02T\xaa\xd7\xcb:\x0b\x00\x14\xd4\xde\x87\xb4\x01\x00;\xc7\xf5x\x81\x1d\x96\x89_\xeb\x9c\xa7\xd9\x0b\x8c\x07\xd8\xe3\x05\xa0\x0c\x85\xb5\r\xfb\xef\x81Z\x14V\x08\xbd\x1a\xe1\xe8\x91\xe3c@#\x9f\xd9e[\x8e\xb56a\xcc\x8a1\xd6\xfe\xccTW\xbb\x962\xdc\x00\x80Q\xb0\x1d\x14\x11\xe8\xfd\x973DQ%\x1b\x01\x80\x87\x92S\xe0*\'\xfc6[\x80T\x86P\xa9\x11\xe6\x14\x81\x0e\xac\xa7\xb0;.\xb0Z&gt;\x04\x068\xfb\x85\xb5\x03\xb0&amp;\xfa_</t>
        </is>
      </c>
      <c r="E137" t="inlineStr">
        <is>
          <t>&lt;class 'numpy.ndarray'&gt;</t>
        </is>
      </c>
    </row>
    <row r="138">
      <c r="A138" s="1" t="n">
        <v>136</v>
      </c>
      <c r="B138" t="inlineStr">
        <is>
          <t>steps_per_sec</t>
        </is>
      </c>
      <c r="C138" t="n">
        <v>1600</v>
      </c>
      <c r="D138" t="inlineStr">
        <is>
          <t>3.000408</t>
        </is>
      </c>
      <c r="E138" t="inlineStr">
        <is>
          <t>&lt;class 'numpy.ndarray'&gt;</t>
        </is>
      </c>
    </row>
    <row r="139">
      <c r="A139" s="1" t="n">
        <v>137</v>
      </c>
      <c r="B139" t="inlineStr">
        <is>
          <t>Loss/RPNLoss/localization_loss</t>
        </is>
      </c>
      <c r="C139" t="n">
        <v>1600</v>
      </c>
      <c r="D139" t="inlineStr">
        <is>
          <t>0.35184008</t>
        </is>
      </c>
      <c r="E139" t="inlineStr">
        <is>
          <t>&lt;class 'numpy.ndarray'&gt;</t>
        </is>
      </c>
    </row>
    <row r="140">
      <c r="A140" s="1" t="n">
        <v>138</v>
      </c>
      <c r="B140" t="inlineStr">
        <is>
          <t>Loss/RPNLoss/objectness_loss</t>
        </is>
      </c>
      <c r="C140" t="n">
        <v>1600</v>
      </c>
      <c r="D140" t="inlineStr">
        <is>
          <t>0.03213096</t>
        </is>
      </c>
      <c r="E140" t="inlineStr">
        <is>
          <t>&lt;class 'numpy.ndarray'&gt;</t>
        </is>
      </c>
    </row>
    <row r="141">
      <c r="A141" s="1" t="n">
        <v>139</v>
      </c>
      <c r="B141" t="inlineStr">
        <is>
          <t>Loss/BoxClassifierLoss/localization_loss</t>
        </is>
      </c>
      <c r="C141" t="n">
        <v>1600</v>
      </c>
      <c r="D141" t="inlineStr">
        <is>
          <t>0.16219714</t>
        </is>
      </c>
      <c r="E141" t="inlineStr">
        <is>
          <t>&lt;class 'numpy.ndarray'&gt;</t>
        </is>
      </c>
    </row>
    <row r="142">
      <c r="A142" s="1" t="n">
        <v>140</v>
      </c>
      <c r="B142" t="inlineStr">
        <is>
          <t>Loss/BoxClassifierLoss/classification_loss</t>
        </is>
      </c>
      <c r="C142" t="n">
        <v>1600</v>
      </c>
      <c r="D142" t="inlineStr">
        <is>
          <t>0.118635565</t>
        </is>
      </c>
      <c r="E142" t="inlineStr">
        <is>
          <t>&lt;class 'numpy.ndarray'&gt;</t>
        </is>
      </c>
    </row>
    <row r="143">
      <c r="A143" s="1" t="n">
        <v>141</v>
      </c>
      <c r="B143" t="inlineStr">
        <is>
          <t>Loss/regularization_loss</t>
        </is>
      </c>
      <c r="C143" t="n">
        <v>1600</v>
      </c>
      <c r="D143" t="inlineStr">
        <is>
          <t>0.0</t>
        </is>
      </c>
      <c r="E143" t="inlineStr">
        <is>
          <t>&lt;class 'numpy.ndarray'&gt;</t>
        </is>
      </c>
    </row>
    <row r="144">
      <c r="A144" s="1" t="n">
        <v>142</v>
      </c>
      <c r="B144" t="inlineStr">
        <is>
          <t>Loss/total_loss</t>
        </is>
      </c>
      <c r="C144" t="n">
        <v>1600</v>
      </c>
      <c r="D144" t="inlineStr">
        <is>
          <t>0.66480374</t>
        </is>
      </c>
      <c r="E144" t="inlineStr">
        <is>
          <t>&lt;class 'numpy.ndarray'&gt;</t>
        </is>
      </c>
    </row>
    <row r="145">
      <c r="A145" s="1" t="n">
        <v>143</v>
      </c>
      <c r="B145" t="inlineStr">
        <is>
          <t>learning_rate</t>
        </is>
      </c>
      <c r="C145" t="n">
        <v>1600</v>
      </c>
      <c r="D145" t="inlineStr">
        <is>
          <t>0.034666598</t>
        </is>
      </c>
      <c r="E145" t="inlineStr">
        <is>
          <t>&lt;class 'numpy.ndarray'&gt;</t>
        </is>
      </c>
    </row>
    <row r="146">
      <c r="A146" s="1" t="n">
        <v>144</v>
      </c>
      <c r="B146" t="inlineStr">
        <is>
          <t>train_input_images</t>
        </is>
      </c>
      <c r="C146" t="n">
        <v>1600</v>
      </c>
      <c r="D146" t="inlineStr">
        <is>
          <t>[b'1024' b'1024'
 b'\x89PNG\r\n\x1a\n\x00\x00\x00\rIHDR\x00\x00\x04\x00\x00\x00\x04\x00\x08\x02\x00\x00\x00\xf0\x7f\xbc\xd4\x00\x00 \x00IDATx\x9c\xec\x9d{\xfc}\xcfT\xff\xd7\xf9\xe6Z\xe1\x9b\x88\x1f*"R\x94\\#\xfa\xca\xa5D~I\xe4\x92{\x11\xa5(\xd7(\x12\xa1D\xf8)\xa2~%\xd7JJ\xee\x97\x84BJ\xfc\x10\x89\x8aBHB.\tY\xbf?\xce\xd9{\xcf\xec=3{.kn{\xbf\x9e\x8f\xaf\x8f\xf7\xfb\x9c\xbd\xd7\xacY\xb3f\xcdZ\xb3\xe7\x9c7\x1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x8a\xb0\x82\x94(\xa2TQ\xc5\x19\xba\x1f\xaf\xbf\xaf\r\x13\xed\xac\x8f\x97\xa6\xea\xf1\x15\xdb\x10\xcc\x07\xda9\xee\xee\xbe\xf8\xfb\x8c\xc5%&amp;\xcd\xed&gt;\xb3\xd2\x8b\xa9\xcb\x01:\xac\xf2\xa4Ui\xd9py\x1d/\xb0]\xe7\x90\xef%\xc1t\x8f\xect^\xf6E\xd7\xaa\xbb\xd0\x01\x12\xc0\x88\x83B\xf8\x06\xbdD\xce(\xd0\x06\x00R\x1c\x0e\xd3\x7fI(\xb3\x8b9(\xebr\xf3\xff\x92%\xf8p8\x10\xd15\x99\x0e\x87\xc3\xe1@\x14f\x0b{G\x99\xe8\xd1\xb3KI\xaf\x01B\ru\x98\x8f\xd3\xf8+\x1f\xdf9L\xedXo\x1c\xdb;\x1c\x8e\xaf\xcf\xaf&gt;\x9c\xec\xb0\xae\x83\xb7\xe6\xe3-\x8f\x1d~]7\xb2C\xf6d\xb44\xbf\xd5\xf5\xbf+\xa7Vh\xb1\xf7:\x0b\x19\xe7hh\xd7Y\xc5\xeb\xc2m\x172\xf3;\x17z\x1c}\xd6\xbf\xc4]\xd3\xf1\xa0\xff\x9a(oc\xec,\x1b\x0e\x0f\xb6\xf5\xd8\xd9\xd0l\x0e\x84\x1a\x00\x96\x88\xed\xc1X\xb6\xf4\x82x]\xc2\xbdU\xe0Y\xbf\x87\x17\xc9\xb4\xe7j\xe8Z|g\xbfY\xbbE\xdd=\xb5\x0b\\\x1d\x9d7\xae\xb5\xfa\x1bKY\x8e\xabM\xd7h\x0f.T\xe3\x18o]\xed\x83\x8f\xf7:\xf4\\H\xf0\x95\xe9l\xca\xb5\x13\xef\xf9\xac\xc3%=\xdc[\xa6\x1b\x9dm\xe9&amp;e\xcb\xaf\xf3\x9bB\x95\x99\xdd\xf8\x95\xeah\xf61\xeb\x01\x00}\x81gM\x00\xe4d\x9e]\x86g*~\xf7~w\xba\xaa\xa2\xdc\x99\x88fy\xed\x91Ew~\xc6Wdp\x1a\x14\x93\x14\xce$\x10\xbdy\xed\x82y~\xb6:\xc4\x8b\xa1\x9c\'\xbb\x96\xb1f"\xa6sYC\xf6I\x885\x97\x9d\xbdx\xf3\x85S-\xff\xd5\xd4\xb1/\x15\xeb\xab\xc8Z";\xa9\xc1\xcc/\x08\x9c)q\xd3j\xd6\xae\xfb\xb2y\x07\xe7\xc5[.b\xfb\x05\x00p\x81iE\x08/\x00\xe4\xe6*cv\x12;\xd3\x16\x19\xf3\xf5\xd57E\x94\\\xb6\xe9\xa3\xcf\x94\xb9\x86m\x0f\xcf\xba\x13v\x97\xf7\xf5\xb4r\x82\xc4\x998\xfai8\x0ck\xe0\xe0.$\x1b\x0ch\xca\xb9\xc3\xec&lt;kb\xe9\x81\xcc\xfc\xed\xcaP\xaa\xcf\x1f\xf4V.hRf\xde\x94\x8f\xcf8\xf3f\xd5\xe0\xcb)c\x13~A\xf2\x1d,\xa7b\xfb\xdd\x06\xdbm\xc7\xc1\xaeA\xe2K(\x00\x00\xc8\x816\xafbS\x13\xb3\xd0YV\xf4N\xff\xdc%0u^W\xe4\xa8\xc9\xdd=%&gt;a\x91}\x86&amp;\x1fQf4\x9c\xcdXBtM\xc7E~\xf2\x83\xfb\xb2\x96\xdd\x9a\xab\x82\xa0&amp;\x98\xf9&lt;\xc3-\xd6\xbe,z\xba\xb8\xf2\x05\xabY\xb2o\x01\xe0\xa1\xb3\xb7I\xb5r\xe2n\'\xf9\xf7YmB\x930\xa9\xc6D\x1f\x0b\xb9\xd7\xc6wI\x08\x01\x00\x80\xec\xec~\xfb\x03\x80,\\_Mw\xe4\xa6\xd9\x1f\xe9\xa22M\xdd\xdbx\xe7j\xfdaH\xff5{\x1a\xae\\\xeeU\xaf6\xe1\xae\x8b\x02\x9dAs$u\x9f\xde]\xa5&lt;\xc9\xf0\xd6\x05\x8fw\x1aO\xf8(W\xea\xbd~\xafW\xee\xee\xea\xc0\xdc\x8c2~k\xeaxX\x81D\xc3\x87UB\x87\xd8!\x15\xab)\x00\x9b\xa1\xd3e\xce\x13\xc7\xf2\x01\x00h\rW\xc2\x07\xee\xe6e\x16\xd5\x86\xdf2\xfc\xf0R\xdb\xa5\xc7\xff\x8fR\xe7\xbe\xae7\x7f\xc4u\xb2\xc8\xe7\xad\xd5\x02\x80\x88\xe8\xaa\xf3wm%\xcdx\x99r\xc1\xab\x87t\xd6z\xb1\'\xf3\xeb\xe5\x1cxV\xb7\x103\xd1\xcf\xfa\xdfMD\xf4X\xa4\xec\x00\x08\x82\t\xd5\x0fH\'\x00\x08\xc2\x94*\x95Va\xa5\xd1I\xb1\xb3\x97R\xa9\r|\x87\xa3\xf1\xa8\x17\xfap\xc0\xf6\xe0\xe2\\\xc6\x83\xf5F\xa7\x9d^\xb7_0k\x80\xe8\xdc\xbeZf\x9c)\xe9\x92\x83\xeem\xd6g:\xe5\x8fk+\x00\x84i;\xb4\x829e\xd2\x18\xfc\x1d\x00\xb0\x11\x0e\x97=\xfe\xffx\x12CV\xbc\x8f\xb8\x95o\x89\x1e\x8e6\x13\xd1\xe7%T\xea\x07\xef\xef\xcfv\x7f\xa3\xff\x1a\x8f\x8f\xbd\xd1\x13\x7f\xc5\x0e\xb3\xeb\xf5\xa5\xf7\xbf\x88\xe8\xf0\xa2\xd3\x15OR\xdfy\xc3L\x0eO\xffo\xfe\xdb\x17J\xc5;Y\xee\xbf|\xb5\xfcK\xad\x91p.\xe5\x90\x1d\xf1\x17*\x14\xc2tbN&gt;\x12\x80\xdc\x084Lb:\x88\xd4\xbf;\x0eQ\x7f\xe4\x07\x80\xbd\xb3r\xfa"\xeev\xa1\xed\x93}o\xc3\x04m7\x04\xadv\xef\xac\xf4\xcc\xc7\x81\xe7\xe7\x16\xf4\x8f5/\xbe\x8dg\xe1\x8d\xce\xdb\xd5{\x1f\xe2e\ro\xbb\x99\xae\xd1\xbf\xa4(\x85\xe4Iq\xa3~\xa6U/z\x82\xa6\x10\xf8\xb4O?s\x04\x00\x00\xe2I\xc8KL\xb1R4\x80n;\n\xbb{\x17r\x8a\xe6l\xa1\x9f\x1c\xf5m\x97\x99\x95\xefl\xcd4\x1cZB\xef\xf0\x1f=\x83_^\xc0\xab\xc7iL\xc2?%}\xe4\xd7\xae\x183\xd1\xb3\xd3d\xb7\x9e\x9d,j\xb3xI\xde\x83\xd2\xae5\x80\x93\xb6\x06\x8e\xd5c\xb1\rO1\x00\x00H\xe3\x02\x19\x03\\\xe39J3\x84\x9bH\xff,lxs\xc1-\x16\x19\xcaeN\xefht5\x03vw\xd3XB\xfcz\xb0\xca^\xa8\xcf"\xc4\x12\xf7\xc6\'W\x8dn\xb6k\x8d\xf6\x80\xad\x1cX\x1f\x1e\x02\x00\x008\xe1}\x1cb\xe7\x9c]r\'i\x91%\x87\xde\xefVFI\x8by\xf1bF\xfeb\xcc\xc8\x03\x12\xbe\xa4\x8f\xcc\xda\x1f \xc8\xb2|\x96\xc2\x8e\x0b\xc6\xcbZ\xce\xef\x8b\x81\x02 \x0f\xb0\xd5\x9e\xc1\xe8\x03\x00R\xa9v\x0e\xa1\xc9\xdc\xc8\x91\x8fJ[iq\xf0=\xe4V\xdf\xad\xf1\xc2Fv\x9e\xea\x11kD\xfa\x9c\x8f\x00\xc6.\xa3\x008\x02;\x80\xfd\x01\x87\xb7Q?\x1a\xe0[\x80\x00 \xa2\xd4M\xed\xc4T/!\x10d\n"\xf7\xb7\xbf\x95\xf2E=#\xa7\xddqf\xd6\xbf\xddF\xf2K\x0f\xe6\xb2}\xefJ\xce\xaa\x7fZ\xbd=\xdf\xd78\x1cV\xbfx\xaa\n\xc7S\xc7\xb5\xb5h\x91\xb4/\xb9\x02\xa0G\xe0\xf06\x10\r\x00h\x03\xcb~\xado\x1e\x93\xb2\xcd\x1cxVD\xbb\x93V\x8a\x87v\xf30\x1e\xbe\xde&gt;k#\xc4L\xe7\xe1\xa02Id\x9bv\xcf{\xbd\xcc\xfcQf\xa2\x1b\xcf^\xae\xa3\r\x00\x00\x00\x00\x80\x85\xd4\xd3\x1a\x89\xe7L\x82\xee\xf5\xb9\xf8\x01{\xcd&gt;\x17\x18\x8b\xba\xd7\x0c?\x7f\xa5e\xd0\xb7g\xbd\xe6\x0e\x0b\x01\x00\x00\x00\x00\xd4\xa4\xca1\xf1\xa5\x0e\x9eY\x9a\x8f\xb6\xb5\xb7\x9f\xbb\xc95\x97\x96\xac\xee\t\x00\xec\x8d\x9d\xcd8&amp;zgm\x1d\x00\xa0\xb3\xd5V\x00\x00@Dt8\x1c\xc6omv\x1f\r&lt;\x1c\xd6\x0f\xce\x1c\x0eD\xc7\xbf\x1f[\x03w/\xc6\xc5&gt;\xee\x04$\xf3\x8a}\x82\xb0\x8b\xaaf\xbdmq\x1c\xeb\xedXR\xd6\xfd\xc0.9t\xb4E\x026\x0c&gt;\x04\x0c\x80\xfaQ\xd1&amp;\xe2\xf2b?l\xf6\xeb\xe1@\xab\x1fo\xad\xf9\xf1P\xcbg\x1del\x9b;\xfdBz\'\xc8\xf6\xfe\xfa\xd0\xe1p \xfa\xeb:mo\xf7{\x8a\xf77\xe9\xf6\xd6_\x00\x00h\x14\xc1#@\xa9\xdf\xe6\xee\xa7I\xc5&lt;\xe0\xf5\xb1\x86*\xfaM\xfc\xa0\r0\xd0\xb2\xc0\x98\x1b\xe0\xdfj+\x00\x00\x00`B\xcdT\x98\xe8\xf2\xb1r.#\xa2\x8c\x84\x90,\x94\xfd\xbcD\xbbv\x00\xc0\t\\\x17\x00\x00\x00\xd8&gt;{Y\xef\x8b\x16\x00\xdb=\xf3\x00:\xe3\x05\x81~\x88\xe7\x1e\x00\x00\x00@&amp;\xde\xdb\xc0\xb7\xf7\x10\x11\xd1S\xdbP\xa3\x0c\x8d\xd8\x1ct\xc1FJ88&lt;\x00\x00\x00\xd0\x10\xa2\xc9\xe8\x0f\xa6i\xb1\x97\x14A\xf4!\xc0\x1b%\x84\x00OX\xf9\xb7p\xa3\x1d\xb3\xab\xd9\r\xc0\x028?\x00\xa0\r\x1a\\\x8f}TJ\xfc[c\x8903=F\xa6\xf5Sg\x1b\x1b\x02\xb0\xc6\xe8\xa2\x7fSY\x91\xdeh0\xe0\x00\x90D\x80K\xc3\xf9\x01\x00\xcd\xd0\xc2\xdf\xed\x8a\xe2\xcdUu\x16\xb5X\x99b\xa6\x93Q\xeeBI,\xe4\xd1\xf4\x19m\x00p\x10\xe0\xd2p~\x00@\x1b`1\xaeM\xc9|\xa8\x8b\xb1\xae\xfbl\x07\xe4\x06\x05\x00\x00\xc5yDm\x05\x00\x00\x8d\xd1\xd1b\xdcP^(\xac\t7\xd4\xb5\x1e\xe9\xc4\x81\x81\t\x8c\x1d\x00`\x0b\xe0/\x01\x83\xce\xe8\xe7OF25\x93\xe9\xb1\xb0&amp;\xc7\xbf\xf4\xbb\x1c\x896z\xdb&gt;\x07\xda\x82\xad\xceD\x11\x18\xc5\xdba4\x00\x00\x00\x00\x94 {\xae6&lt;\x99Ar\xe3\xc1_v\xf3\x14\xcbA\xc8\xb3\xb8\xee;+H\xec3\xcc\xcem\xd8\xbf\xc3\x03\x00\x00\x00\xc0\x00\n\x00O\xba\xfd\x14\xbb\x86g\x17P\x19\x02"\x14\x00\x004\x07\x8e\x00\x81\x1e\xe1\x9c[\xdaX\xa8"\xb1\x9c\x0b\xf2c\xa7\xf9A\x95\x1dt\x19i\x87\xc3\xf1$\x98_\x93}\x0f\xefQ\xfbKl\xe6\xef\x9aU\xa0\x9f\xb3\x9b\xa0\x190\xd7\x00\x00 +Mdg\xfe\xa9\xd5\xbf\xe7U\xa4\x04_\xb7\x8d\x87\x00\x9e\xec\xa7\xa7\x00\x00\x00\x00\x00]\xf0\xf4\xde\xf2\xb3\x8eTu\xf0\xa8\xde\xcc\x0e\x00\x00\x00\x00\xd00\xb7L\xca\xabv\x97\x93!\x13\xad\xc4\x8e\x1e\x02l\x08\x8c\x17\x00\x00\x00\xd0\rX\xb6\xad0\xf3\xcb\x91\x86\xd6\x01f\x07\x00\x88\x91\xfc\x81{|\xca\x05\x00\x00\x16D\xed\xd7\xf6\x12L{\xd1\x13\x00\x00\x80\x8d\xf4H\x8e\xb5\xa04\xb5\x9e\x03\xe3[\x80\x00\xd0\xb1N\xc5\xb8)\xda\xdaw_\xb0\xb9\x83\xaf\'\xc4}\x00\x00\xe8\x9c\xf4\x15\xe7\x80\xb5\xa00\xfe_\xa7\x06\x00(\xcd\xfaw\x99o\xe1\x08\xcd\x06\xba\x00\x00\x00 \tf&amp;\xbaMm-\x00\x00 \x03\xb7\x0e\xcc\xd7\xf1aM\x00\x00\x00\xdb\xc3\xb8\xb4a\xbd\x03\x00l\x10\xe5+\xd8\x11\xe3\x00\x00 \x17\xc8#\x93\xa9c@f\xcbaQ\xb0!\xf0\x19\x00\xb0;\xc4\x8f\xdba\x91\x03\x00\x00\x90\x81:\xa7\xc3\x0f\x87Cs\x9f_\x03\x00\x804\xf4d]&amp;wo\xa1\x00\xb8im\x05\x00\xd8&lt;8\n\x98\x15\xd8\x16\x00\x00@.\xa65&amp;\xf6,\xd0sp|\x08\x80\xcd\xb1&gt;\xa3\xf1Y\xa0d`\xbdf\xc1\xd0\x00\x006\x8d\xbe\x84G~\x18\xe0t\x17R\x01\x00\xb6\x82gf\x8f\x02\x00\x00\x00\x00\xe8\x0fVH\x97#\xa5\x15h\x12\x8c\xaf\x18=L\x96\xf65\x04\x00TE&gt;\x8e\xd5\x0c;\xf8\x100\xd8/)I\xc9\xe1\xf0\x00\xfc\xf1\x8e\xad\x83\xf1\x95\xa5\xf1\x0c\x1b\xc3\x9d\x05\x1c\x98\xec\x88z\x85\xbag\xbb\xb5\x1dI~\xd1G\xd8\x01\xa0\x1c,\xf5\x10\x00t\x03\x06\x1a\x80J\xbc\x1c\xb3\xaf\x1b\xb0&amp;\x02\x006\x8eZ\x000\xd1\xfbk\xeb\x03\xb2\x82U\r$\x02\xff\x01#p\x06\xe0O\xd3\xde\x82\xa7\x0f`\x8f\x8c\x19\xe1\xe1@\x98\x05;\x801\xca \x8d\xac.\x04\xff\x04\x00\x00\x00\x8a\x80\x93\xa9\x00\x00?\xf2\x1e\x1a\xdc\xc0\x13*\x84\xd3\xde\xd9\x80\x13\x82P\xf0!`\xb0S\x0e\x87C\xe2\xae\x1b"&amp;\x00{`\x9c\xe8\x99&gt;\xf6\xbf\x8d\xaf\x13`\xa6\xfb\xe2\x83U\x00\xcc\xc1\x8c\x00\xa0s\x96\xfb\x7f~;\x82\x97\xcc\xa7\x12\x00\xa0\x10\x0f\xdc\xf5\x0e\xb7wZ\x1f\xf3gU\x80\x1b|_\x05\x00\x00\xa4\x12\x1dIm_\x1c\xe4\'\xed\xf3\x11-\xc6\xc2\x8b\x1f\x00\x00"&lt;\xb4\xb6\x02u\x08\t\x9b\xdd\x7f\xbbZ\x83\xca\xf7nR\x00\x00\xa8M\xe2)\xde\xf6\xbf9\xf4\xa9\x8c\x02\x00\x00 KP\xdck=H\xae\xe1\xa7|\xc7\x1d\x04\x00\x80=2,N\x97\xab\xadH\x16N\xbd\xe39\xc3\x11f,Z\x00\x80\xdc\xf4]\x00\xf8\xd0{\x913C\xf9Fl\xb0/\xb6\xf0\xd9#\x00|a\xe6\xad|\xe4N\x81\x89\x88&gt;I\xfc\xe5\xeb\x97\xb6\xf1\xb5\xa7\xc6/=\xac\xf7M\x88\xcc\xb9&gt;\xdd\t\x00\x00m\x83/\xc5\xde-\x18l\x00\xfa\x85)\xfc\xaf\xdc\x1e\x0e\xa7[j\x15B\xc7\xf5\xa6\x912lP\x86\x10\x0c\x01\x10\x05\x7f\xdc 7\xc7\xd0/`d\xa5\x06\xc0\x90\xed\x08|\r(\x00V\xda~\xce\xab\x9c\xee\t\xbb-\xbeE\x91\xc7\xc4M\xad1\x832\r\xa9\x04\xc0\x06h:vn\x81\xd3\xde\x85\xed\xdd\xa0X}8\xd2\xfa\x92\x07\x84A\x01\x00\x80\x85\x86C\xa1\xe7\x19\xd4crk\xcfm\xc3:\x18Wo\x18i\xb2\x06\x00\xfb\xa1\xdd\xa9\xbd).\x0b;\x1f\xf1M\xc7\xfd?]\xb0zU\xcc\xde\xd0\xec\xff7I\xc3\xcbzy\xceV[\x01\x00Z\xe5p8&lt;\xbf\xcb`qP\xff7\xd4\x00\xcbu\x05G\xdf\x01\x00\x998\x1c\x0e\xf4a\xa6\x0b\xd5\xd6C\x9e\x80\xa3M\xa1Gk\x0e\x07\xa2?\xf3\x92\xbc&amp;0f[\xe3p8\x1c?%\x17|gG`\xcd\x03\x00\xf4\xcb\xe2k~4\xfe\xdc\xf2}\x0e\xb6\xebC\x1b\xcf\xd4\x05\x11\xb1\x00\xf8\x01\x7f\x13c\x7f\x937\xa0\xbfE\xe2[u\xfb\x7f\xa2\xb6\x02\x00\x00\xb0\x0f\xdc\x05\x80\xe3\x0b\xdd\xfc\xaf,\xaf33\x13\xfd\n\x9e\xcf\x02\x1d\xf8\x03\x90\xa2\xfcF\x03K\x9e\x9b\x04\x00\x00\xb0k\xbc2\xe9\x80\xdbsh\xa8\xfc\xf2\xd3&gt;\xa9\x7fX\x17\x00\x98c\xadx\x0b\xeb\x01t\xda\xb2\x7f&amp;\x7f`\xe7C\xd7\x1c-\x02\x00\x00\xd8\x1d~\xd9\xb3{\xd5a\xfa`\xc6T[\xd5\xc1\x9d\xe2\x1f/S\x7f\xf5\xee\x02\x00\xab\xc0\x91j\xf3\x8d\xbb\xb0\xbf\xc5\xcd:\ne\xedkX\x91-\x1b\x07\x9f\x87\x00@\x12\xce\xfc\xbd\xf2&gt;)\xbb\xf21\'\xeb\x97\xc4\x8dbr}\x07\x8e]QG\x8b\xb3\x9b\xf0\xfd&lt; \x96\xd1\x91\xe0Bu\xd9\xfa\x87J\x9d0\xf3\x18\xc4\xd4\x9fA/l{\xd4\xf05\xa0`?0\x91\xc7\x1f\xcb\x15i\x89+\x7f\xdd\x98\xe9+\xa2\xd5\xfd\xfe\xec\x11-"\xfb\xa7\xf1\xeb\xa8\x0f\xa7\xab\xf0\x00\x1d\xa4\xb1\xd9\x95\xbb\x1f\x1a\x19\x02\xa6;$\x06\x93\x98\xdb\xd5pw8\xa8Bn\x92\xa6\x0c(Dx\xf6\x8f5\x0b\x80\x9c\x94\xc9\x0b\xa3\x9e\xde~\xfb\xe9+\xfa\xf3&lt;\xf9\xf59\xffc2\x0e\xabw\xce\xa4\xe4(T\xec\x8a\xb5\xf6\x05\x1a`\xab|\x18+1H\xe6\x9b2\xc9\xddpX\xeb\xb9kXq\x00h\x9e\x82\xb3\xb4\xadX\xe0\x97\xfd/t6]\x933\xbd\xb6)\x96$IZI\xb0aX\xea\xafV\x83}\x93\xcf\x85"$\xbfY^\x8b\x0c\xf4\x1b\xabO\x0b\xcd\x93{\xd5\x1f\x00\xb0e\xbc\n\x80\x7f=\xc6\xaf\xb7\x1fo\xf9eK\x91p\xa7\xe0\xdc\xda+\xa3r)6\x97\x16\xdce\xcf[\xc0^\x19&lt;\xe4\xd1\xc8\xfe\xc1\xa6\xe0&gt;&gt;L\x0c:\xa3\x91\xf3y\x00\x80u&lt;\x93`\xfd\xd8\xe2\xfc\xa6\xe1x\xbd\xedzk\xe3&gt;\xe1\xc2\xad\xe1\xd0\x10\x13\xfb\xfeEFU\xe0\xf4\x97\x8d\x01X\x82?m\xbd\x15\xd8\xf3\x93\x97Ct\xd8\xf0\xc74\x8f\xf8\x1a\x04\xd4\xc06:\xed\x8f\x1a&gt;\x04\x0c@7\xf8\xc4\x92E\xc0Y\xb9I\x89P\xee\xea\xc2\xb3Hp\xbe}\xda\xc7:\xc4%j\xd8\x01\xb3\x00\xc3\x10\x11\x8a\xc3\xfd\xa1|\xc1N]Ers\xdc\xb4\xa9\xad\x050b\x1d\x97\xc3\xc7\\\xef\xb6\x00"&amp;\x00=\xb1\xba\xd4-\xb7\x1c\xb4Mt\xeb\xf6?3\'o\xb1\xfb\xad\xc3\xa1\x9b"\x0b\xfd\x11\xb5\x00\x00;\x82\x99\xf1\xfc\x13\x88\x83\'\x00\x00l\x84\xc3\x05\xcd\x0b\xc4\x98p\x9f\xb2gs\x92\xfe\xd7\x94\xbcY\x91i\xafC\xed\xd4\xd6w\xfa\x00\x00\xc0\x04\xb2\x7f\x00\x00\xd87\x96\x8f\xd8Z?%\xf6KDDt=\xf5\xa5\xcf\x98&gt;V;~&gt;XX3\xaf\xcf\x04\x87\x89\x8d\xd6\x10\x00\x00\xc2A\xcc\x01\x1b\x045%\xd8\x00\xfb\xfac\x93\xb6\x0c\xd8t&lt;\x86\x15\xdb\xcc\xcf\xcb\x8a?S\x0eJ\xcd}\x0f\xf3\x98\x846\xfe\xc9*P\x83\xc1\xd1O\x1f\x05\xdeWL\x00\x00\x80Pp\x04\x08l\x81]\xed\n;\xd3\xdf\xd9\x16\xfe\x81\x0e\x8f$\xba\xb9\x92\x0c\r\xd9\xff\xa1\xfa3ek\xeb\xca6\xff\x9e\xc6\x15$1\xd4\xb7u\xb5\x00\x00\x00\x00@f\x1e&gt;\xfc\xb0\xc7\x93!\xd6\xa35+\'y\x98\xf2\xfc\xf5_\x87JK\r\x13\x85\xe4P\x1el\x05\xb8\x07\x00\x00\xac\x83\x87\xa4\xa0O\x98\xe9k\x88\xde7}\x83\r5t2\xa4\xd8\xf1\x03W2&lt;}\xe9\xfe\xfb\x88/F\x94\xff{\xf4}R\xf35\x1d\xbc\xd2\xfbf\x06\xda\x08\x0e\x9fl\x0f\xc7\x98b\xb8\x01\x00]r\xb6\xda\n\x00\x10\xc5a\xf6K\xd4\xb6\x9f\xef_\x0e\xfa\x10\xd1\x85B\x96\xf9b\t\xc1a\xf8ZOC\xf7\x97/fNU\xdc\x7f\x02\x8c\xfc\xfe\x8e\x98\x986\xb5`&amp;"\xc6\xd7\x95n\x07f&amp;:\x1c\xcc\xb3g\x18n\x8c5\x00\xa03\xf0\x19\x00\xd0)\x87i=\xfeA&gt;\x1cBw\x85\x87\x832^)\xe7\x85\xbd\x93\xb9:\x7f\xb0\xfdp8\x1c\xfe\xc3}\xc1\xe9\xb2\x8cJ\x84|\xafO&gt;-\x1aa\x03\x95\x0c8\xb1\xf8\xd3\x19\xda\x9b\x07$\xff\x00\x00\x00@\r\xc2\xcf\x85\xcf\x0e\x94\x0b&amp;ku\n\x80\xa5\x0ec\xd7&gt;[0\x15u\x9c\xda\x7f\xcd\xa0\xc6\xf1\xd7;Y\xb4J\xf8\x00@u\xb3\x9f\xc0\x07\x15\x00\x00 \x11\x84\xd0\x02`\xef\x02\xf4\xce\xf8\x01\x00\xf2\xf4\xe7Yd\xc1\x0e\x9e\x14\xc6\x90}P\xfe7^h\xfb\xd5\xebS\x04\x86\xf1\xe2\xe10W\x13Cy\xecE;\xfa\x00\x00\x00\x003\xf0\x19\x00\xd07c\xc6\xc8l=\xa7\x1b)\xb8\xa5\x9c\xb2c\x0c6\xb4\xfd\xea\xf7\x19b\xc3g\x19\xda*\xe2\xda\xd2\x06\x00\x00\x00X\x80\xcf\x00\x80\xbe\xd1\x93\xad[\x85\xde\xf25\x96k\x8eu\x05\x1eB\x06aL|\xc3\xfe8\xd8Z\xee\x8c\x01\x01\x00\x00\x00\x00\x00\x918\x0ej\x87|\xe5&lt;2\xd29\xde\xa7\xf6\x03$,D\xc1\xec\x00\x00\x00\xcap\xbb\xda\nd\x01\x8f\xaa\xc1\x0eY;)\xa4d\x9a8\xce\x11\xc1\xe2S\x16\x14\x14jl5\x03\xc6\x02\x10\x11\xbez_\x02\xd8\x10\x80\xbd\x83#@`\x87\xac\xad|\xc3I\x14$\x9c"\x1c\xbfo5Q\x08\xb2\x7f0\x00O\x10\x01\x8f\xd1\x00\xd85(\x00\x000r,\x02\x90j\xc4\xb0L\xd6y\xfc\xc7\xc5\xf7\x1f\x8f\xffd\xd1\xc9\x0e\xbe\xb5\x13\xd8\xf1t\x8c\xee\xfc\x07\xc1\r\x80\xadrKz\x8aWDB\x08\x00\x00da\x99U;\xce\x02\xb9S\xf0\xac\xdb\xff\xc3\xb7v"\x18\x82H\x98\xf1\xb7\x9f\x01\x00\x8d\xe0{\xc0\x0f\x01\x0b\x00P\x01f&gt;\x1c\x0e&gt;\xdf\xfc\x8f\xd4\x1c4N\xe1\x1a\x92\x99\x0f\x84\x13\x8a\x00\xf8\xd3\xee\x87^*n\x1f\xe0\x08\x10\x00\xa04\xc7\x84i\xf5\xe4\xcd\xbf#\xfb\x07=0\xf8h\xa1\x83@\x87\xc3\x01\xd9?\x00!\x94\x9f/\x1e_!\x88\xa3\xa7\x00\x80]r;\xe3\x17}&gt;\x9a\x8fa\x11\x91\x11t\x03\xc3c\x01\xe8\x9f\xb5-\xa9[\xca\x89\x9a]\x89\xe8\x01\x00\xd8\x08\xef\n\xbf%1\x02r\x95\x0f\x10\xaf\xd1\xa0J@\x1e,\xe1%\xc0T\x02q&lt;* \x17\x97\x8b\xd8pW\x00\x00(Esy\x18\xbe_h\'`\x94\xf3\x83\xa9\x04b8\x05a/\xe7\xf9\xf8\xf1bx\x1a\x00\xc0BcY&amp;h8^#k\xa9B\xdaN^\xc4\x8dg\x8fm\x0b\x00\x90\x93\x80?H\x1f\xf9\xa7\xeb\x1b\xe7g6\xd7#\x00\xea\x82\x1a\x00\x806\xf9^\xba\xc36\x17r\x00@8\xff\xcf7\x1a&lt;g\x9bAc\xfc\xca\r$-`\x17\xe0$\x1fh\x06\xf8OiN\xd3\xff\xafay\x00\x00 \xc2\xb3h\xb0\x1b^\xc28\xc9\x07\xca\x01Ok\x8b\xf1\x1b\xa5\xc4\x05K\x0b\x04\x00\x00\x00\x80\x1c\xd92\x00\x00L\xc0\xd3\x9a\x03\xcf\xbbA!\xb0\xd0\xf4\xc4\x850X\x00l\x1a\xf5{\xe5k\xeb\x02\xaa1\x9dz\x84\x1b\xec\x8e\xf1\xb1\x0c\x86\x1e\xe4\xe6\n\xb5\x15\x00\x9e %\x00`\x17\x04|\xf9\x17\xd8(\xac\xfc}\x80z\x9e\x00?\xac\t,\x0f\xc0\xc6xX\xc2\xbd\x08\x08\x13\xf8s\xe2\x00\x00\x90\x8fi\xcb\xe9p@\xbc\x05 \x17\xcc\x8c)\x06\x80?g\xd4V\x00\x80\xa2\xe0\xc3\xc1\x11\xe00U\x02\x07"BZ\x02@n\x90\xfd\x03\x00\x00\xb0\x82\\6\x12\x18m\x9d\x0b\xd7V\x00\x00\xd0\x11X\x8c\x00\x00\xa0\x1c8\x90\xbd_j\x97\x7fp\xbc, \x8b\x02=\x82o\xaah\x86\x9df\x058\x02\x04\xf6\xc6\x01\x1f}\t\xe5\xccm-Q\xccLt\xcdL\xb2\xa3\xdf\x04\x00\xa4\x81d\x1a\xc4\x00\xaf\x01\xa0_0}A(\xf0\x19\xb0\x01\x1eZ[\x81\xb6\xe8\xae\x00\xc0\x13\x80\xe6\xc0\x1f\x10\x04\x00\x00\xa0"\xb1Tw\xb6\x12\xe0\x8bt\x01\x00;c\x03\x11o\x03]\x00\x00\x80f\xc0^\x1d\x00\x00\x00\x00@w\x9c\xbb\xb6\x02\xa0wP\x004\xc8\x9dk+\x00\x00\xd8\x0c\xabA\xfe)%\xb4\x00\x00\x00\xe0\x03\xf6\xe6u\xb6|t\x07\x07\x93\x00\x00\x99\xd8\xd5R\x82o\x01\x02\x00\x80M\xb1\x83?v\x87/\xf2\x02\x00daW5\x00\x00`\xf3\xfc[\xc1\xb6\xb0A\x0b\xb2\x02\xef\x02\x00d\x02\xeb\x17\x00\x00D\x81\x0f\xcb\x02\x00\x00h\x9eM/U\x1b\xee\x1a\x00i`nd\x04\xa7\xb4\x81\n\xfc\x01\x00\xd0 \xefD\x96\x0c\xc0\x9e\x08\xfd\x08\x7fX\x80\xb8p\x1f\xb9N~\r\x11X\xc1\x84\xa03t\xe0W[\xdeV\x04\x00\x00\x00\xf6\x00\x07~\xa0r8\x00\xd3E\x19\x90\x13\x1c\x04rR\xe9\xa0\xd4\xd8\xe2\xe7r\n\xcfH\x17\x0f\x13\xe0\xf9@\x8e\x0e\x1c\x1e\x00\x00\xb6Hp\xa2\xc6\xca\x7f\xbb&amp;\xb4v\xda\x13,]\x00\xf8\x88\xaa9\x1c\xc8\x89\x01\x88\x03s\x07\x00\x00\xea\xc2Do\xad\xadCo`\xe9j\x87\xa4\x92#q\x1c\xc5\x0b\x9e\xa3k\xc1\xbb\x00\x00YA\x90\x01\x00\x80\x9e\xf8\x0b\x04\xee9\xd3\xe1\xb4\x98[%\x1a\x97\x1c\x11N\xe8\xce(\x03N\x02\x00\xb0\xc1\x9ca\xe7\x02\x00\x90\x07\xccU\x00ll\xecdZj\x01\xa0,\xedo\x9e\xcbA\x18\x01\x00\xa0\x00\x00\xa0\x03\x8e\xa9@\xe0\\\xc5\xdc\x06\xfb\xe2\xbe\x9c\xe54N\x9f&lt;\x10v\x00\x00\xec\x0e\x04=\xd0\'\xb6=\xbf\x7f\x88\xfa\xbc)2!\xb03\x98\xe8\xe3\xe9{\xe7\xc5\xc9\xa7jGF\x00\x00\x88\x11\xfe\xdd\x1e\x00\x80\xaa\xd8Sv\xccO\x95\xbe\xd2;\x00\xe4Am\x0f\x00\x10a\xab{\x85\x87\xda\n\x00\x10\xc4q\x12\xc2o\x01\x00\x00\x00\x90\x9d1\xfb?\x1c\x90{\x00\x00\x00\x00\x00\x00Q6\xb9\xd3\xdc\x1f\xfb\x18\x853j+\x00\x00h\x04\xe1\x90\xd7\xdbAs\x00\x00h\x81W\xd6V`\xf7`\xa3\x1f\x80]\xc2\x8fE\xe6*\xc1\xc6\xfe\x12\xf0V\x8f\x81\xee\x96\x8d\xf9\'\xd8\n\xe3\xea\x03\xe7\x04\x00\x80X&lt;36\xe5\x8f\n1]\x84\x87\xcc\xe0W\xc6\xf7\xf3i\xb8u\xeeZ[\x011\x98\x99^\x07O\x18\xe9\xde\x14\xa8\xe8\x00\x00\xe903\x9d\x89H\x02@s\xf8\xfd\xf1\xa3\x17\x0e_\x8e\xceL\xc4\xff{\xfe\x04\x00s;\x9aJ\xa6c\xbfq\x07{\x07\x1e\xb2U0\xb2\xa0\x10\xd8J\x00\xa0M0-w\x08\xd3P\xcb\xc1\x01\x80\x13\xb8\xc7V\xc1\xc8&amp;\xe26 \xcc\x0b\x00\x00\x00d\xa7\xbb?\xdd\x15\x01v\xd1\x00\xe8\x85\xd7\xd5V\x00\xac\x83\x88\n\x00\x00\xfd\xb3\x87O\xacn\xbf\xc8\x01\x00\x80B\xec`\xdb\x08\x80\x12\xf45\x8b\xfa\xd2V\x18\x9c\xc8\xec\x18\x8f\x81{\x1e\x06\x17\xac\xf2Q8I\xdf \x86\x03\x00vJZ\xf8\xdb\xc1n\xb1\x13,\x1e\xd5\x91\xdc|\xc2h\x82`\xc4\xf7&gt;\xb1\x99\n\xb6\x06\xfe\x10\x18\x00\r\xc2\x94\x94\xc5\x1ev\xfewL\xf6\xfc\x07\xdb\x1b)~\x0e$\x97/\xedw0A4\x87\x02~\xc3\xcc\xdf\xdd\xc6t\x03\x95\xc0\xe8\x03\x00\xc4\xf9\r\x9cc\x01\xbd\x00G\x05{\xe0\x92DLt3\xe5\x15x&gt;\x90\x05\x1e\x05\xc0\x96\xc1\x0c\x07\x1b\xe3\x99\xb5\x15\x90\x06\xb570\x81\xcf\x17\x15go\xd6\xde[\x7f\x01\x10\xa0\xa3\x03\x9a\xbd\xe8\t\x00\x00\xd5I\x0c\x98\xc2\x9f\x04\xe0=|\x1f\x17\xa8\xc6mk+\x00@\x97 (\x03\x00\xc0\xe6\xf0M\xb8\r\x97e\xd8\xb3\xc7B\x036\x02&gt;\x04\x0c6\x03&gt;*\x08\xb2\xf2\xb6\xda\n\x00\x00\x1cX\x97\x00\xd1\x1a\x00\x0b\xcdN\xc1\x010\x00@\xe3 B\x01\x00:\xc0\'\x9dJ\xcc\xba\x86\xdb;:#\n@!\xf0\x04\x00\x80\xea\x88\xaeL,-\xb0\x10=\xea\xdc\x11\xa5\xcd\x8b\xad2\xb0\xca\xe1\x1bW/I\xf5"l\xd7\x8b\xf2*\x04j\x00\x00\x10\x04\x9f*#\xa2\x7f\xc6\xd2\x92\x91\x87\x96\xb4-+\xff\x82-QxL\x1f\xce\x03\xc9\xa2b%\xe0#\xbf\x1a0\x05\x00\x00\x14\x05a\x17DS\xd6y\x1a8&amp;\x8b\xa3\xba\x9b\xc1\xa7\x00\xc8&lt;\xd6\x1b8;$\xd5\x85P9\xbd\xdb\r\x00\x00\x00\xe8\x98\x9f,\xdaZ\x03\xc97\n\x80m\x81\xa1L\x04\xd3\x01\x00\x00\x00\x00\xd9A\xb6\x01\x00\x00\x00\x000\x9117:/3\xd1\xb5\xf2\xc9\x07&amp;\x98n\x81|\x17\x00\x00\x00\x00\xa03J%p\\\xe0\xafH"\x19\xadB/f\xefEO\x00\xc0\x1e\xd8\xc0G,\x00\x00}\xf2\xcaB\xc7\x85\xc70\x87`\x07\xaa\x00\xc7\xdb0\x18\xdc$\xf0\xa1\x11)\xc2\xcd\x88\x02\x00\x00P\x87\x87\xca}\xcd\x9c\x1b\xbe#\x16\x18\x00\xc0\x96\xe95\x99\xdbJ\x01P\xbf\x0b\x9b0#\x00`\x1f(\x05\x00\xbe\xef\x19\x00\x00v\xc86\n\x80\x16\x902\xe3\x13\x85\xe4\x00\x17\xf83y`\xef\xa8\xa1\xff@D\x07L\n\x00\x00\xd8\x15\x8ct\xa8\x19\x8e+2\x86#;g\xd4V\x00\x80\xca\x1c\xd4\x8c?{\xcc\xe1~\x1f\x94\x03\xb0\x15.R[\x81\xeea\x9d\xda\xea\xa4\x83t\xb3\x1d\x0e\x18\x8e2\xc0\xca\x00\x10\xd1\xe9A\xc0\xa1\xd0\xf6?v\x9b\x00\x00\xbdb\xcb\xf8\x0f\xca\xff@\xdf0\xc7&gt;\x0c\xc7\xea\xd6\r\x18\'\x00\x00\x006\xb0\x9c\x83\t\xcf\xcd~\x9c\xa5\x04i \xec\x94\x00&amp;\x06\xa0S\x10"\x81\x118\xc6n\xc98\xf4\x11\xe7|J=P\xcd\x04\xe6\xd1\x1e\xd8\xf5(\xe33\x00\x00t\xca~\xc3\x16\xb0\xf1\x8c\xd3y\xec\x96\xcfd\xb7\xac[\xdf\xe4;\x8a\xdf\xe8)\x7f\xce\xfay\xaa\x03|\x15l\x1b\xe4\x10\x00l\x8c\x06\xbfBa\xd7\xbb,\xc5i\xdc\xda\x8d\xab\xd71\xcc,}\xf6\xc6+\xf3\x1fw\xfa\x97Wg}\x08pl.\xffs\x06x,8\xb25O\xc0\x13\x00\x00\xb6\xc5\x7f\xb6\xb7o\xd5\x9a&gt;\x1b\xa7\xf1%\xaaq\xf5\xc0\x84-\xfb?\xe8\xe8\xaf\xcf$d\x9c\xfc\x87e{\x00ddk\xce\x86\x02\x00\x80mq\xdeCs\x1f\xbfkM\x1f`\x05\xb5Z\xc7\x1cN_\x9f(3\x88\xd6\xaf\xfaY\x99\xcd\xf3\xaa@\xb4\x06\xf8F9Q\xfe\xe0,P5\x1a={\x06\x00\xa8A\xc6p\xc0\xccDg\xe6\x93/\x01\xa2!\x00\xc0\x81\xd8_4g\x13!!H\xf8\xaf\x048\xa4!M\xdc.\x18\xd9\x8c\xe0\t\x00\xe8\x89\xdcq\x9e\xf9cU#\x0e\x82\x1d\x00\xb5\xc8=\xfb\xca\xccn\xa9\x07\x80)\xda\x1e\x8b\x10\xb1\x87\x00j\xde\x7f8\x9c^\xd0\x9aC\r\xb0Y\xfa}z\xbc\xea\x90\xf5=\x16\x05\x00\xe8\x8d\\\x81\x9e\x15\xf1\xb5f\xe6j\xb0\xeb7\x1a\x02\xd08\xb9\'\x97M~W\x7f\x1a\xdc\xf3\xcf\x00\x1c\x88\x98E*\x115\xb3?\x9c\xd2\xffy\x8ds\xfc\x155\x00h\x81\xc1\x0f\xd7\xbc\xff\xd3\xf9UY\x03\x05\x00\xe8\x8c\\1^\x91\x8bu\x04\x00P\x86\xbc_e\x19\x8b-\x06zh\xca\xa7/K9\xcc\x82\xaa@\'\x87?\xd7~\xd0\xb3+\xe5\xd7\xd0V\x98\x9f\x8ep\x0fD\xf1\xad{\xbf\xac\xfev^}\r\x00\xf0g\xf8\xde7\xca\xe0\xba\xd3\n\x85?c\t\x00(\xc4)\xab=\x07\xd1\xe7k\xab2\xe1\xc8\xd7\xdd_\xbc\xa3|5\xe7\xf1d\x8e\xef\x8d\xfe\x9a8\xbeu4\xb4\x95R_$\n@\x8b\xe0\t\x00\xe8\x89\x9cq\xfa\xf4\xcd\x15\xc8\xfe\x01\x00\xe58\xa5\x9f\x9f\xab\xad\x87/\x8e\xda`|\x8bO\x9f\x01\xc8\x92Z\xe3\xa8\x0f\x00"\x9c\xad\xb6\x02\x00\x84\x90y\xaf\x06[A\x00\x80\xd2\xf4\x17uV\xfe"\xd2A\xfbq|l+\x83\xb4\xa8\xfe\xac\xbf\x1f\x98\x19\x8br&gt;\xf0\x04\x00\x00\x00\xf6\xc9\x1bj+\x00\x8e\x1cZKC\xd7\xce\xf9\xac\xdc\xce\x86\x1fe:xPDI\xa4\x86m\x99\x1d,\xc1\x03\x9f|\xa0\x00\x00 \x1b,\xf6\x9d\xdc;\x03F+\xc3\xd5j+ \x0b\xdc\xa6\x10\xeb\xdfV\x16\xfb\xa1\\\x1f\xd4?Gp\xfc\xa3c\x1b\xf3c0 \xfc\xec\x08\xcc\xc0\x11 \x00r\xe1\xf7e`)\xe2K\x86F\xc1\xe6|\x0cS\xb8w)4\xabj\xb3\x8ae\x81\x99\x0e\x87}u\xb9\n~\t\x99\xd8(\x1c\x0e\x07\xe5\x8f\x00\x0c\xdf\xf7\xc9D\xc4\xc3\xb7\x82\xce\xbf\'\x14l\x85\xc3\xde\x82Xa\xf0\x04\x00t\x07\xf6\xf9\x8e\x94\r\x8b\x82V_\xff\xde\xc3\xe6ND\x98\x10&gt;\xdb\x90\x81f\x15\xf3\'\xc0\xed\x0e\x07"\xbaU6M\xc0\x80\xfd\xb9\xe6\xe9{\x14\x94,\xfc\xf8cb^&gt;\xfb\xda\x1fE\x9a\xf6+\xb2\xff\x86\x89\\?0\xa6\x00\x00\x07\xed\xd6\x03\xdc\xe6W|\xd7\x86\x15pD\n8\x81{\xd4\x84\x17\x10\xd1\x9f(\x7f\x97\xd7S\x82\x90:?\xa5ir\t\x1e\x15\x14\x92\x0f@\x15\xaa90\xaa+\xd07|\xfa{\x93mz2\x1e_\x1aabe\xff\x1c{&lt;\xfb\xe5\xb3\xcc\xe7\x84\x034\x8b\xe9;\xf8\xcf \xfa\xe2\xf1GO\t\xd2_\xac&lt;W\n\xfe\x03\x00\x00\xfb\x04\xbb\xec]2l\xddI\x8e\x1d\xf6\x02;c}\xfb\x96\x89\x1eUH\x19\xb0`\xf9\x04 p\xceb&gt;\x16\xe3\x8d\xb5\x15\xc8\x0b\x1e\xf5\x00\x00\x96&lt;\xa3\xb6\x02 \x98!\x8d\x10\x0e\xe8\xf6E"Ks \x03\x9f\xaa\xad\x00\xd0\xb0\xd4\x00^\xb7\xe6\xd5\x0c\x0c\xec!9\xce\xb1a\xd4\x03{\xeb/\x00b`\xf2\xd4\xc7x\xd0?0\x93\x08l\xce\xf2\x0e\xfc\xa1\x08Q\xc3::\x89k\x8d\xf7\x11{1\x8cr\x0e\x82\xca\x80=\xe4\xa3M\xb1}\x83_\xc5\xb3\xf8\\^\xf0O\x19\xb5*\xc1\xa6\x87\x15\x00\xb0uL)\xdd\xc7\xf0\xe9\xbdL&lt;\xa5\xb6\x02\xf4\x9e\xe0aU\x9c\xc1\xe5\x15\xeb%\x1c\x9c*+\xee\xb3@QO\t\x80\x08\x1b\xb1\xb6\xe3\x11\xae\xeeu\xe6\xfe*\xd7\\\x93\x88\xe9\xf6\x1b1N/\xa5\xfd\x00\x00 \x00IDATK&gt;\xf0\xe9\x19\xb07\xf0\xc1\xdcF`f|\x80O\x9c\xd6\xdc\xdb\xf3\x8fa\xb4\xa6vF\xb8\xe9\xef-Xa\x99\x9f\x1d\x0e\xda\x13\xbe\x83\xf2?\x00B89\x97qv\xf0\xfc\x1b`]"\xb0\xacx\x82\xbf\x03\x00v\x086\x06\nc4\xf8\x01a:\x03\xc1&amp;\xcd\xbaY;\x97m=\xe1\xb37O\xe8\xb5\xbf\xa69\xabO\xe4C\x17\x7f\xc4c\x9bl\xe5\xc1\x8b\xc1\x7f\x8e\x7f\xf2y\xfdN\xbf\xcb\x00\x00\x00\x94\xe1\x81\xb5\x15X\xa5\xfc\xc2\xd9\xccR\x9d\xb7\x00\xd02~\xe3\x07B\x00\x90\x80\x95\x7f\xb3\xb6\xd2\xae\x03c~\x01\x00\x80\x86~,\x15\xf1q\x07\x04|_D&gt;\x7f\x80\xa7\x11\xd1\xe3\xd5_\x96\x07\xc7\x01\x10\xe22\x05\xdah\xfc\xe3\r-\xcc\xaf\x96\xed\x03\x00\xd8\x17\xf8h\xda\x0e1~H\xb1U&gt;_\xb9\xfdr\x86\x1a\xe6 \xa6\xe1\xaea\xfa%q\x07(7\xd9\xb1\x888\xc0"\x0b\x00\xa8\x85!\xf4\xb4Z\x00|`-CmG\xd5\xfe\xd8h\xa2\x99\xa5;%\xe7EW\x85\x19\xc8\x02\x1c\x00\x00\x00@!r\x16\x00O\x8f\xbesM\x9f\x1e\xd6\xc8\x80\xb5\xfc\xbay5Y\xf0\xbf\x91g\xf8!\x9a\x94o\xaf\xe8\x02\x00\x00\x00@}"\xd3\x8b\xf6\x9e\x00P\xe4\x9fLj\x89\x90\xdc\xf1!\x11\xe2\xd7\xde\xed\xdbz\xcd0&lt;-y\xbd\x88=\x9f-!\xe4\x88g9\x017\x00\xf9\x80w\xd9\x80ej\xd0y\xce\x00@\x1dp\xfc \x16\xf7\x1fg\xadeOl6Kq\x85&amp;\xcf\xc8\x1d\xf1q0\xff\x0f\xf7\x17p\xd7\xd6\x0c\x08vN_\x0e\xd9\x97\xb6*\xbc\xf8!O3\xcd\x85h\x00\x00\xa8\xc0sV\xdeG\xac\xf4\xa3\xe1\xda\xd8[\xab\x16\xab\x17P\x12\x8c\xbeJ\x87\xd6\xd8\xc8\xfcE\x01\x00\x00X\x01\xd38\x1d\xd7\x9f\x85\'\xda\xcc\x8a\xe2@\xa6\x83M\xee\xfd\xd3ip\x8f\xba=\xd7\xa8^\xa8\xce\r\xf6q\x9f\xe4\x18\x08\x0c\xaeJ\x9b\xf5|N\x8a\x06\xb1z\xb6m1P\x03\xb0\x03D\xf3$L\xe3\xfd\xd0\xfe\x9f\x1ah;]\x98\xe6]\x92\x92M\x169@\n\x0c\xeeH\x9b\xc7\xf9\x1c\xbcZB\xdb\x7f\x11P\xc4\x97\x8a\xb6\xedhX\x01\xe8\x0c\xd7\xecZF\xd5\x84\xef\x9a\x0c\xbc\xeb\xb6Lt\x91\xa8\x86\xc0&amp;a\xd1\x0f\x91\xb7]\x00H\xd1SJ\x04\x02y\t\x06wd,\x00:\xb0I\xe4\xa7\x8f:\xe9\x1d\x00`Chq\xea\x8dz\xe4\n\x8aGL\x97F\xfc\xda\x13\x86\x15.=\x83\x87\x0b\x01\x00\x96\xf0\x90"7\x1c"\x98\xd5\xaf\xe8\xae\xad\r\x00`\x83d\x8d/)\x11\x16!OaZ\x06\xca\x9a\xe5\r\xe5\x8f\x8d\x1e\xbbyi8\x0f\x00\xde&lt;UB\xc8^f\xcd)\x906\x9dU\xab\xa9\x7f\xcbz\x02\x00zE\xfd\x86CD\x99\x86I^\x0c\x12\xee-\xeb\x18\xe7\x15Y\xf3\xb0j\xca"\x18\x1f\x1e\x8ah#O\xcca\xcb\xe5\xb7\x84\xedeP\x94X\xda\xe8\xc1\xd1\xe1\xf4\xec^F\x04\x00P\x01\xbd\x00@\xb8\xb1Q\xdf2\xc9i\xd3\xae\xb2\xae\xa33\x7fmU\x05\xc4y\xd3&amp;&gt;]wv!9\xe0\xc8~&amp;\xb5\x18\xc7Xz\x8e\xed\xc4\xc3\xcdt\x04\x00P\x1a\xa4\xfe3^R[\x01\x90\xc8\x06\xfd\x19U\xfa.\xc1p\xe7\x00\x0f\xbd\x01\x00`\x02\xb9E\xfb\x1c\x9f\x0b\xbf\xbe\xb6\x1a\x1d\xb1%\x97F\xd6\xd2&gt;\xcd\x8e\x0e&lt;G\x85\x89\xf9\xe52\x06iG\x08\x00\x00\x80:0\xd1\xab3\xb7\x903\x05\x9c\xbe\x16cS\xab\xd1\xc2\\q\x1dl\xc4&amp;65\x90\xde\x818\x98\xde\xb2\xb5)\xef\x85\xf60-\xeb\x9f"i\xd9\xbc\xcd*\x06\x00\x00\xfdpJ\xcd\xdf\x9a5\xa4\x0e\x05\x80t\xb6\xc7:\xdbZ\x18f\xdd\x89\xca\xfe\x1bO\xaf_\xb9\xbdQ\x03\xe2\xc0=\x14\n\xcd\xe8\xb8\xd0\x81\xe9\x0c\x00\xd8\x14\x08g\x02dJ\xd0\xa7\xd4_\xe2\t\xc3\xd6V\xaf\x0e\xba\xd3\xf8F#h\x01\xb8G\x15\x82\xcd\xael\xc4\x9c\x95C\xa1\xe6\x81\xa3\x02\x00\x84\xd9J\x86\xf4s\xf2\xbdP\x0b\x80RV\xfa\xe5"\xad\x08\x90p\xec\xaa\x98\xbf\xfd&lt;Q\xdcwA\x82 \xf6u\xd4*\xc7\xc3\xc6\xadP\xa0\xe4\xfe\xc2F\x16,\x00@c\xec.\xb2d:&lt;\xd3$\xbf\x19q\x8f\xb2\xedT\x86\x9e\x06\xa2\x87\xb4\x0f\x1f\x11\xceO\xe99\x92N\x92\xaa\xbb\t\x98\xd1\xc08\x00\x80n\xd8\xe6\x07=\xfd\x90=&lt;\xd3\xb0\x01#\xbb\xd9]r\x03T6\xf9\xf9\x8dt^!+\xae\xaf9R\xbc\xaa\x07\xf5\xc0(\x03\x00\xd6\xd8o\x8a`_\x08\xcb\x7f\x95[\xee\xad\xb5\xa5p\x9f\xe6\xca\xf8F\xfa\xa7r\xc1\x0cV?\xc8][\x99Mc4\xef\x85\x1b\xb59\\bO`\x94\x01\x00 \x98\xe2[\xa7\x15\x96\xe4\x96\x96\x87\xe9hA\x953\x06|\xd4A\xdf2o\xc9&gt;\xc1\xcc\xbe\xc4)K\x039\xc4\x16@ZsC\xa0\xe8\xd78N6\xd9\xa9%\x9b\xec\xe6&amp;;U\x9a3j+\x00\x00(\xc0\xe1p8\xfeP*n\x1e\n\xb5S\xb7I+\x87\x03\x9d,&gt;\xfeP\xb4\xf9\xf1\x9f\x89\x1f\xa1\xf4\xd1\xff\xd6j\'p\xde5\xfe\xf4\x97\xf9\x1a\xe9\xfe|\x91\x88\xf2G\xbf\xf9ZEf\xd7613~%XmE\xb2\xc3\xbc\xc9\xc33-E\xfbn\x81\x11\x01\xa8\x07s\xc1\xec\xf0\xb8\x06`\xca\x83b\x9c\xf2\xab\x83\x84\x93\x1fe\x89\x88\xb2\xb5@D\x9dO\x10\xce\xa3\xff\x06,3C\xcb\xfc\x0f\x07\xdaV\xef@-\x04\'`\xa6\xb9\xac\x81\'\x00\x00\xd4\xa3\xe8\xa2sll{[A\xc5\x102\xdd\x06w\xe3\xcc\xc8v\xf4@y\x8b\xe5\xeew\xff\x89\xb2\x05\x94C\x06\xc9u\xcd\xadug732\x1f\x17\xa9\xad@#\xa0\x8c\x04\x00\x80\r"\x95\xb2\xac\t\xd9B&gt;r\xfa\xd4\x81\xf4\x91\xfd\xdcY\xa3\xe7\xe7\xc8Aa\xe4\xc7\x1d\x9f\x1e\x06\x18}&lt;\x01\x00\x00\x00/\x98I"\x11\xd9\xcf.\x91|O3\x9f\xdb\xf6Qx?\xc3\xd7\x0e\x86G\x10\x89\xdfjp|\x9atV\x8aR\xa0\x7fP\x04\x02\xb0\x01J\xfe\x85W\xb0S\xf0=\xf4\xbe0\x13=\'\xee\xce\xb5w\xb1`\xab\xec\xd9\x14{\xee{y6im&lt;\x05\x02`\x0b0\xfd(2\xb3\xadr\xae\xda\n\xa84\xe4c9\x96.\x89\xbf\x8d\x9a2\x13\x1b2/\x00`gd\xfc\x8e1\x00\x00\x00a`\xd3\xddF\xa6\x02 \xd9\xe0\x18/\x00@\x7f\xec\xed\x81\x00&gt;\x03\x00\xc0V\xd9H \xdb\xcd\x99kv\xfe\xd5\xb0\x0f\x11\x11\xd1K\xd5\x972~\'f\xd2Q\xfb\xc3pR\x7f#\x1e\x08\x00\xd8\x03\x1f\xaf\xad@\x06\x10\x84\x01h\x0e\x9c&amp;\x073\xc6\x02`\xf5\x1c|nER?QS\xe2\xaf\xf6b\xfat\xc1\xce\xb6T\x81\x08\xa7\xc5\xf1{*\xccq\xb8+\x00 3_7\xa6G\xe7\xaf\xadJ\xe3 \xcf\xab\x02\x131\xbd6\xd2\xf2\x99\x0b\x80Ar\xe7K\xf5\x1e\xce\x1bl`\x98\xdaf\xab\xb6\xf5\xdc\r\x91o7\xff\xac\xfc\x1aOEr\xea\x00\xc0\xa6\x08\x9d-g\x12\xfd@\x0e=\x02\xe9z\x92\x17S\xbek+\xf5L\xfc\x02\xcc\x8b\x1a@\xf2\xaf\x01l\xe6\xe9\xd9\xe6\x0b\x00\x00\x12\xa80;\xf2\x17\x00\x97\xf1T$\xa7\x0e\x00l\x06\xfcI\x97M\x81q,I&amp;k\x0fI\xff0+\x17\xd3s#\x19&lt;\x00\xbd\x81/\xe9r\x81\\\x02\x80\x9eP6\x1a#\xe6-\xa6:\x98\xe1\xfe0.\xf0ai=\xfd\x95\xadl\xe1\x03\xd0$\x98\\`\x1d|\x0b\x10\xe8\x9e\xf1\xabP"r6f\x1c\xb6\x033\x0eD\x87\xfd|\xf7\x90\x07\x9f\x0c\xbfef&gt;V\x12\x92\xeb\x131\x1d\x96\xd7\x00\x00\xa4\xc0\xe4j\x0fd\x1a\x00d#\xf6s\x81\x99\xa6\xe5\x974\xf5$\x11\x1b\xae\xa0\x18\xf7\x98\xfd\xae?\x9d\x83+\x02\x00\xa8\xab8PE\xd5\x1b\xd5h\x14\x80&gt;\x89=\xbd\x97kn\xb7T\x00PW\xd1\xb6;Dl{\x17\t!\xeb\xd48\xe4\xca\x96\x9f\xb3\xb5W\xb4\x83\xe7#\xa2\xa8\xe7$\x00l\x89\xb0I\x170Ik\xae\xa4\xdb\xf9\xca\x01\x00\x00\x00mRf\x8dQ?1\xff\x87\xab\x17+?\xbf&gt;\x97FYhg\xc1F\xf6\x00vB\xa0\x9f\xf7P\x00d\xfd{&amp;\x8ef\xcb6\x07\x00\xd82L\xf4\x93\xb5u\x00\xf5\t\\\xcf\xb4\xa3;\xca\x17zb}\xf2\x82uj\xab\x03@\x97`\xee\x00\x00\xcaP\xe2/\xad\xd6\x88h\x88\xa1 |CK\xf9\x1e\xcf\xe9\xcfo\xfd\x1a|\xc9\x13\x14\x00\x00\xa4\x83\xb9\x03\x00(A\xa1\x93\x18EZ\xd9\x00Lt\xa5\xda:\xb4\xc7\xe9Xj\xc4f|l2\x9a\xf4e\xbb\x00\x80hf\x93.n\xee\x1b/\x8e\x89\x1e\x81\xb7\xd4\xe4\x1a]i\x0b\x00\x88c\xab_\xdc\xbe\xc9N\x85\x02#\xcc`f~n\xf1\\\x9c9\xae\xe4\xc0\x13|\x00Z\xe48\xa3O\xf3\xba\xd5I\x1a\x1dv\x88\x88\xe8\xed\xc2\xda\x00\x00\x1ad\x93{\x9389\xd0&lt;L\xf4\xbb\x85[\xfcB5Wg"\xfe\xb2\xf0\xd6\xe1\xc6\xbd\x81\xc1\x12\xe7\x8d\xb5\x150\xa0\xa7\xfe;\x1c\xf4\r\xe6\x0c\x00l\x97\xbd\xa5\x11w\xc3\xa1\x8b}r\x11\xfb[\xd1\xce\x90t\x86\xe7x\xefe\xf3\x9f\x02B\xa9\xd09\x1f\xa9\xad\x00\xf0c\x9a\xcbb3\xae\xd0\xe4\xbd\xb6T+\x085\x00\xf4D?3V(Obf\xbaJ?\xbd\xce\xc96j\xa1J\xdb\xe1\xa9\x9fF\xd5o\xcf]\x00t?\xca\xd9\x80e\xf6\x0c33\xdd\xabV\xben\x0c \xeal}\xf9~\xab\xf7\xddv\x1c\x00P\x95\xfd$L[\xe8f\xad\xef\x84Im\x17\x9f\x00n\x80\xf6\x13\xac\xf65\xec\x9c\n\xe6=\x8e\xa9e\x07A\xfb5d\xf4\x9b\xf5\x13f\x0e\xfbD\x04\x8e8\x02\x00\xea\xb1\xc7\xe8\xf3\xac\xda\n\xc4\x13\x9fI\'\x0e\xf4\x83b\xbe5\xa8\xe1\xa5:7\xa9\x1d/\x9e\x19\xd4\x1f)$Ce)0=\x95\x015\xef\x02\xb0\xe5\xe7\xe0\x86\x12\xee\x95\xc4\xea\xc3.\xdfnEy\x00\x00\x00\xed\xf3\xe1\xf0[\xae^|\xa5\xd9\xf3\xc2\xd6Y\x01P\xf9\x11\r\x9f\xb6NQ\x004\x00\x86 \x1e\xeb&lt;\xea\xdb\xb7\x7f\x9e\x88\x89\xeeZ[\r\x00\x9aFp\x86\xf7\x1b,\x00\x88\x00\x0e?\xa3pF^\xa8-\xc7\x16i\x19\x05\xc0\x80\xd1\xe0\xa2^\xa7\x8fi\xc3\</t>
        </is>
      </c>
      <c r="E146" t="inlineStr">
        <is>
          <t>&lt;class 'numpy.ndarray'&gt;</t>
        </is>
      </c>
    </row>
    <row r="147">
      <c r="A147" s="1" t="n">
        <v>145</v>
      </c>
      <c r="B147" t="inlineStr">
        <is>
          <t>steps_per_sec</t>
        </is>
      </c>
      <c r="C147" t="n">
        <v>1700</v>
      </c>
      <c r="D147" t="inlineStr">
        <is>
          <t>3.030697</t>
        </is>
      </c>
      <c r="E147" t="inlineStr">
        <is>
          <t>&lt;class 'numpy.ndarray'&gt;</t>
        </is>
      </c>
    </row>
    <row r="148">
      <c r="A148" s="1" t="n">
        <v>146</v>
      </c>
      <c r="B148" t="inlineStr">
        <is>
          <t>Loss/RPNLoss/localization_loss</t>
        </is>
      </c>
      <c r="C148" t="n">
        <v>1700</v>
      </c>
      <c r="D148" t="inlineStr">
        <is>
          <t>0.24373141</t>
        </is>
      </c>
      <c r="E148" t="inlineStr">
        <is>
          <t>&lt;class 'numpy.ndarray'&gt;</t>
        </is>
      </c>
    </row>
    <row r="149">
      <c r="A149" s="1" t="n">
        <v>147</v>
      </c>
      <c r="B149" t="inlineStr">
        <is>
          <t>Loss/RPNLoss/objectness_loss</t>
        </is>
      </c>
      <c r="C149" t="n">
        <v>1700</v>
      </c>
      <c r="D149" t="inlineStr">
        <is>
          <t>0.02407916</t>
        </is>
      </c>
      <c r="E149" t="inlineStr">
        <is>
          <t>&lt;class 'numpy.ndarray'&gt;</t>
        </is>
      </c>
    </row>
    <row r="150">
      <c r="A150" s="1" t="n">
        <v>148</v>
      </c>
      <c r="B150" t="inlineStr">
        <is>
          <t>Loss/BoxClassifierLoss/localization_loss</t>
        </is>
      </c>
      <c r="C150" t="n">
        <v>1700</v>
      </c>
      <c r="D150" t="inlineStr">
        <is>
          <t>0.33578038</t>
        </is>
      </c>
      <c r="E150" t="inlineStr">
        <is>
          <t>&lt;class 'numpy.ndarray'&gt;</t>
        </is>
      </c>
    </row>
    <row r="151">
      <c r="A151" s="1" t="n">
        <v>149</v>
      </c>
      <c r="B151" t="inlineStr">
        <is>
          <t>Loss/BoxClassifierLoss/classification_loss</t>
        </is>
      </c>
      <c r="C151" t="n">
        <v>1700</v>
      </c>
      <c r="D151" t="inlineStr">
        <is>
          <t>0.12876269</t>
        </is>
      </c>
      <c r="E151" t="inlineStr">
        <is>
          <t>&lt;class 'numpy.ndarray'&gt;</t>
        </is>
      </c>
    </row>
    <row r="152">
      <c r="A152" s="1" t="n">
        <v>150</v>
      </c>
      <c r="B152" t="inlineStr">
        <is>
          <t>Loss/regularization_loss</t>
        </is>
      </c>
      <c r="C152" t="n">
        <v>1700</v>
      </c>
      <c r="D152" t="inlineStr">
        <is>
          <t>0.0</t>
        </is>
      </c>
      <c r="E152" t="inlineStr">
        <is>
          <t>&lt;class 'numpy.ndarray'&gt;</t>
        </is>
      </c>
    </row>
    <row r="153">
      <c r="A153" s="1" t="n">
        <v>151</v>
      </c>
      <c r="B153" t="inlineStr">
        <is>
          <t>Loss/total_loss</t>
        </is>
      </c>
      <c r="C153" t="n">
        <v>1700</v>
      </c>
      <c r="D153" t="inlineStr">
        <is>
          <t>0.7323537</t>
        </is>
      </c>
      <c r="E153" t="inlineStr">
        <is>
          <t>&lt;class 'numpy.ndarray'&gt;</t>
        </is>
      </c>
    </row>
    <row r="154">
      <c r="A154" s="1" t="n">
        <v>152</v>
      </c>
      <c r="B154" t="inlineStr">
        <is>
          <t>learning_rate</t>
        </is>
      </c>
      <c r="C154" t="n">
        <v>1700</v>
      </c>
      <c r="D154" t="inlineStr">
        <is>
          <t>0.03599995</t>
        </is>
      </c>
      <c r="E154" t="inlineStr">
        <is>
          <t>&lt;class 'numpy.ndarray'&gt;</t>
        </is>
      </c>
    </row>
    <row r="155">
      <c r="A155" s="1" t="n">
        <v>153</v>
      </c>
      <c r="B155" t="inlineStr">
        <is>
          <t>train_input_images</t>
        </is>
      </c>
      <c r="C155" t="n">
        <v>1700</v>
      </c>
      <c r="D155" t="inlineStr">
        <is>
          <t>[b'1024' b'1024'
 b'\x89PNG\r\n\x1a\n\x00\x00\x00\rIHDR\x00\x00\x04\x00\x00\x00\x04\x00\x08\x02\x00\x00\x00\xf0\x7f\xbc\xd4\x00\x00 \x00IDATx\x9c\xec}u\xdc=Gu\xf7\xd9\xe0\xd0\xe2\x84\xe2\xae\x85\x17w\t\x04whq\x8aCh)R\xac\xb8\x06-\xda\xa2\x05\x82S \x04(P\\\x02\xc1-\xb8{pw\x97\xf3\xfe\xb16rf\xe6\xcc\xcc\x99\xd9\xd9{\xf7\xfby\xf2\xcb\xf3\xec\xce\x1c?gl\xef^\x80\x19\x97\x06@@DDp\xe2%\x00\xdfu\xdf\x05\x80\x9e\x00\x82N\x04G\x80\x8f\xb8\x8f\xe8\xf0\x03I\xdd\x97D\x86\xd6\x8b\x01m\xac\xd0\xf2\xb2@\xdb,\xb1n\x8d\xb3\'\xe1\x04\xc3#q\xbcA\xeb\x8b\xf0\'\x9af:\x0b\x01\\\\.\xcc\xb2-\xe6\xa08J\x98\x94\x11c\x1dS\xe2\x87\x11KkM\xc0A\xb5#\xf4\xd8\x0b\xc7\x7f\xd0 \x91bD\x99\xee\xbct\xaeY\x14\xa86\xcb%N$\x9a\x92\xf3E\xbc\xa8\xd8S \\\x1c\x87\x18\xd6\xea\x06\xd1\xd2[\xeb\x10\x11\x7f\xbcYxCa\xd01\x9aW\x19\xfd\x91\xdd8V[\xda\xec\x11n}\xc6\x97\xc0\xec&gt;s\x1e\x93H\x8b\xdd\xd7\xf2\x00\x9f\xbb\x1erN\n\xb3RJ|.\x13\xb1\xc7\x9b\xa4:\x00\x01N\x05\xf0\xca\\\x01\x8c5\x8f\xd0\x02\x00\xd5Y{\xac\x84\x94\xfdC\xa4\x96qG\x01(3\x18\xa7.\xff\xc9Z\x11E2\x8d#\xc5L4\xa3\rs-\xd7\x06Z\x8b(=#6\xa8p\xd5m_[*\x02\xe7(-,\xf0\x86=\xc6;\xdcE3/\xbd\xediJ\xfb\x98\x07xx\xd6\x8a\xc4\x9e@\x96\x9e\xbd\xc3\xd2#\x936M\xe4\x8c\x94v3\xc2\x91\xcd\xa5\x12)c\xbe\x84*\xa9\xb7\x89\xd0\x9aVM\t\x06|(\xe1\x02\xbc&amp;"\x9c\xc9C\n\x0f_x\xe4\xf6-ND\xa5\x1a\x0c{f)}S\x03i\xee\xe5\xee\xf8q\xca\x95\x0be\xd6\xa1\xf1]\x9a\xca}07,\x1cm~\xb4L\x16\xe0q\x10\x11\xf1VS\xee\x0f?\x17\xaa\xc3=\xb2*\xbaL\x84\xd2\xd9\xbaa\x03\x81-\xc8F\xfc\xf34~\\jaI2\xa0\xd5\x9d\xbd\\\x00\xb4\x14\xd2\x9f\r\xce0\xcc\xa1\xe2\xb8\x9e\x05@K E\x94\x10RT_\xc9\x05\tr\xd7\x12\xcb\xa6\xde\x05L\xeew\x1a\x05\xd6\xb4\xc8\x07\x1e\x8d\x88\x88\x87H\x11\xbciN\xe1b\xc8`\x04\xaav.T\x01\xfb\xb7\x9b+k[nT\xe0\x83\x15/\xdf\xd1L\xde\xa3\xc4\xe4q\xcbi\x95\xc4\x04#\xfc\xb0\xa5Ql\xc3\x86\xbd\xc0n\xa4\x9cZz^\xbd\xb40\x1eH\x99z\xd5.#\xe7\xd0\xc4\xc5Z\xd3\x14.h\x11\xe5\x16\x00\x8b\xae]\x95:\xf0T{,\x0f\xee\xccI\x99"\x91\xc2\x97\xe6\xfdx\xfc)\xe5\xa3\xff\xcc\x97M\xb5\xc9\xafd&lt;U&gt;\xd4M;\xdcMskY(\xaa=\xa44\xafV h\xd88O\x8d\xabt\x0c.zK\xb8\xde.\x89\xcf\x1ao\xfd\x0f\xbf\xfb\xben\xdem\xd8\xb0\x18vj\x01\xd0\xbc.R[\xbc\x8d\xab\xe9\xc3{\xa8\xf9\x19\\\x90\xba\xda\xdax@K(6\xde/8\xfe)\xba\x1cf)x\xd7`\xf7\xd3\xcf\x8d/SAZ\n\xda\xd4G4\x96J\x86e\xf98wZ\xe3\x98\x9a\x0b\x80\xc6\x12Y\x0c\x05U\xcb\xb3\x9eo\xad^b\x01`\x9f5\x19\x7f\xba\x98^\xb3Pfm\xd8!t\x8br\xc7\x06d(\x06D\xe8`\xed\xdaM\x85\xa3\xeb\xd6\xad\x08\x0f\xb8j\x7fEU\xf9\xc6\x1cJ\xc8\xde\x89\xa5\xcf\x82uf\xd6\xab\xd3\x07\xea\x0e\x06\r\x99\xfd\x97\xf4\x17"x\xa76I\xb2\x15\xf5x\x1d8\x13.F\x91\x97\x01\xdc4R\xeb\x13"\xfe&amp;\x9e\xd1\x9ap-\xc47\x00+A\x12\xa0\xe4\x14\xac\xc1z\xac\xban\xe9\xa2\xf5bV\x9b\r\xfb\x86ebB\x8d\xcd\x95$a&lt;\x10\x17J9\xc9\xe9N\xef\xa9\x9d\xf5\xd1N!0N\xa8\x13\xd0\xf6\xc6\x03Z\xf8\xf5\xaf\x01\xe8\x05\x00W/\xc5*\xad,\xd8,G%\xf9h\x07f\xff\x00\xe0\\\x1a\xb1u\xc1q\xcf!Jq%\xa8\xd6h\xb4\x00\xde\x08x\r\xe4\x07\xfch\x8c\x98\x9a\x86\xfaV\x8fY\x1a\xdb\x02{_G\x0f\x06}\x01\xb0\x83q\xb2A\x00\x07XWj\x1c_\xea\x7f\x96f\xb8\x10\x16\x19\xb0\xa7SA!t]\xd7u\xddV;\xa41&gt;W\n\x170o\x949\xae\xed\xba\xd1\x97\xbdCs\x83SV\xc2r\x07\xd48\xfc\x9b\xf2\xf8\xccxt~\x9f\x8c\x93}\xb5\xdf\xbf@ox~B\xe9\x0b\x86L\x08\x99\xb8\x0f\x9f\xf9/\x10\x99\xfd\xaf\x15\xaa-\xa6k\xec\xde\xdf\xc3l\xaf\xac\xd2\x92\xdft\xdfB\xc4k\xf0uRk%N\xffp\xa0\xcd\xfe\x9f\xdb\x17\xe3O\xb5i\xcc\xc4\xdc\x9f+}\xd7\r\x9fQ\x97\x95k\xc3\x8e\xa1\xd2c\x85\xc4C\x93\x1b\x84\xb0\x99t\x158\xbb\xf9\x04\xe7\xe0\xafL\xf7\xd9\x99\xa5p\xe1\xf6\x9e\'\xcd\xae\x0f\xbay\x1f&lt;\x95\x93:;\x8cg\xc5c\x05\xc6\x9b\xa7\x18\xb0\xc754v\x9a.)\x0f\x1c\xcb\x14\xe4\x96\x1e\x16w\x87h+\x12&amp;\x01\xf5\x9f\x07\x86{\x9c\x8d\x17Z\xae\xf8\xc9\x8a+\x9a\x13\xc0\x87\x84H9Y \xe2\xb1\xdd2\xeb\xb9\xcf\xb5\xcc\x84\xd3p\xf3\xd4(\xbc\xbc\x82s\x96\x05\x035\xfc9\x1cO,\xe5\x95\xa0\r\xbb\x8cc\x8f\xbf\x04\x82_\x10\xdd\x16\x86\x85A\xed\x17^\r\xe0-u\xa5X\xf7\xf3\xf4)\xe8S\x88\xb1[\xfb\x95\xa9\x07\xcc\x93\xff\xe9\xeekE\x85b\x9d\x8c+\xd9\x8f\x08]\x17x`\xa6\x17\xbb\xeb\xf2]\\\xae\xecL\x0f\x06\x0c,\xd8\x82R"q\x9f,@\xd3"Z\xb1K\xb0\x95\xd0\x83?\r=\x00\xe0\xf0\xf7\x15\xebJ\x91\x05&lt;\x02\xe1\xb4\x00\x97\x06\xd5\xb0q\xe6\x9d\x82\x0c\x01:O\xa94\x133E\xdc\x18\\\xa2$\xf1A\x99?\x11\xdaR\xdb\xf7g\x05\xf8\x9a\x97\x9cu\xe5\xbbyQ\xee\xee;\xbbA\xae\xf4E\xa1\x83\x8eq\xc2AK\xb4\xcd\xb66\x84\x91\xb6S\x95\x1c[\xfa\xcau\x83\x14&gt;\x1e\xdcR\xbaJ\r1\xbc\x1b\x12;\x8a\xa8`\x9e\xf7l\x88\x8d\x9c|!"s9\xb2\x97\xd8~R\xda\x86V\x14\xed\xc8\x8d\xd2SR\xee\xe0\x89\xa1\x89=\xfcD\x13\xd9}8|\xcd\xb5O\xbe%1\x85\xc8\xe8V\x03\xff\x11\x11\xa2DT\xe8\x16 \xd9:3\xe2\x9cb\xa1U+8\x7f\xea\x128-$NOt\xe1\x9f\x00\x18?C\xdfs9\x9a\xfbe\xab`@g\xd8\x04CH\xafK\x1cF\x0f\x1a\x7f\xd9\xb0_\xf0\x86\x91\xd5\x18"\x1a\xfb\xd8e\x10\x89\xca\xf9\r\xf5\xc0.\xe2\x8d\xc0\x18\x0f\x92H\xa4\xa8L\x97\xf54\x01r\x10)\x80\x8c\x9c\xe1\xf1,{-\xa4\x9e\x9b\xf3\xfc2s\x7fTd\xf4Z\x01\x80\xd6\x95u\xa1\x90\xcc\x0e_3\xd8]61G\xb2C\xcb\x1f\xa51$&lt;\x0fr\x90\x16\xf0I\x9eb\x8aeA\xea\xe8\xd8\x04aW!\xdd\x867\x8f\x97\xea)\xc1\xb2\xff\x0cB\xb6[\xa9\xf2\xc39\x8az\xc1\xb7nd\x98\x0b\x7f\x1d\xbd\xc0^W\\m\x90D8\xf1\x9eE\x97-N\x90=O\xfd\xe3V\xdcT\x1f\xc7\xf2\xf7hO\xe0\xb1+\xc5\x86\xda\xa0Js\xb30\xe4L\x105v\xe8\x1a\xf1\xf6V\x16\x00p\xb7X\x01\x8ao\xff\xa7\xfa\xc2\x10r\xe6sO\x9ea?&gt;x0\xfaY\x08\xcbz\x97\x94\xfe\xb0\xc4n\x80r4/\xe4\x92\xb2\xec\xd9\x12\xa1\x95\x1d\xa2\xaa\xd8NR\\\xce&amp;\xcdu\x03\x01&gt;\x99dU\xb6\r\x05d\xf4\xc8V-\xc1\xb3\x83\x90\xc1B]il\x85k\x1f\x90\xfb\xfe\xe6\xf1-\x10\xe9\xaf3c\xbcGB\xe7\x08\xd33\xcd8]h\x12\xd8\xb0lea\xd7b\x8e\x97\x171\x97!jw\x00\x00&amp;\xbe\x92o&amp;\xc2zV\x17\xc9\x07_\xd9\xdd\xc51(R\xe7\x85q\xc1\xd1Z\xf0E\xa5*\xafr\xb6\xed\xb9\xb4\xf2\xb2\xcevA\xe6\x0b0B\xce\xec\xc82\xb5\xc5-5\xae\x10`Xt\x9c\x00\xe0\xf7}\xb5\x8a\xc8\x14u\xa8\xa2,\xe0\x94\xcai\xae\xe9\xc6\xbe\x86\x9c\x15\x0fP\xec\xcd{#\xabEMM\x97\xcc\x02"U\x1d\x086,\x0b\xf25\xa0\x8c\xb1\xd9\xfc\xab\x7f\xb1`L\xb8 &gt;\x925\xfb\x87&gt;\xc8;\x80#\xc7\xb7\x19*\xac[\x0bP\xf5\x1d)\xad\xc9\xb6,\xc2^\xae!\xc5\x00\xe7\x0e\x07\xfe\x15"\x1f\xfc0\xaft\x10\xa20\xee\xb0\xb4\xb2\xc7\xf2\x84A\x901\xb1\x96\x8f[\xd9\xb1\xdc\xf3\xd9&gt;\xc1M\xfa\xf1\x85\xb9\x1b\xfc\xe8\xba\xa3\x8c\xbf\xa1`\xc8)\x84\x87\x17\xb0&amp;\xfah~\x8d\xee\xef{Bq\xe3\x9d\xda\xd8\x0c\x14}PcR\x1b(v\xdd\xc9c:\xae\x19}\xd1\xbc\xf6\x94\xaa\xa6\xc5\x9e\x0eP\xaa\xa0\xceo\xef]\x10w\xb7/\x15\x16i\xabf\xfb\x88\xe0p(q\xfc4u_\xfd\t\xa6\x86\xd1&amp;\xaf_Z\x90\x85Q\xec\x8cR\x08\xdayq\xfa\x89\xaa\xd6\xeb7\xeal\x12\x01\xae\xe3\xe9\'\xf1T\xb1\x10\xb4L\xac\xc7\xda\xa7\xfeqK\x88\x81p7C\xc1\xe5l\xbe\xdf\xd0\xcc\x1e\xf9\x0c\xfd\xbe\xba\xac\x05\xad\xd1;7(,\x98\xd3\xef\x08\x97E\xfd\xee\xce\x06F\xad\xf8_&lt;\xd26,\x89`Q\x1e\x0bw\xc6\xf4}w\xebxQu\x10\x00/W\xb3\xc6e\xad\xd0p\xa0\x90\'\x01 \xc2+\xec\xb1G\xd6\x02\x89\x855/\x86\x899M\xfd\x8c\xd0\xf9Vd\xed\xd2\xfd\xcf\xd5d@K\xf7\x1d\xabE\x8d\xc2\x8av\xca\xec\xd6g\xbd\xcc^;=\xd5\xa3\xb0\xac\xbe~\xb3\x17\x97-T\x1e\x17\xab\x9f\xd5Q%\x0c&gt;\xb1\xf3f\xdc\xe0Dp*\xa0\xce\xfe\xb7\x05@M\xd4\x9e\xab\xddxQ\x07Q\xe3=\xeaC\x91\x0c.\x14\x9c\x8e\xb8ed~~\xd1q\x99F\x8c\x00\xb9\xd0-\\\x19\xa4\xee\xb5\xc4\xb8\x84\xc9\xfa\x10\xc4{\xb71\xad\xdc\xed\xdahz\x1c\x11\xfe\x1f9\xa7$\x9b+\xbd\xdap\x96\x0c\xae\xd3\xf2a\xf8\xf5T\'\x9c\x87\xfe lY\x04\xca\xd4O\xf5\xd8\xa8\r&lt;\xc1 \xd8\xdb\xab\xb3.\x86v\xa3qCQ\xb0F\xe2#\xe1bY\x99\xb6\xc0x\xbf\x13P\x8a`\xbd\x8d\xd2Z\x8cL\xbez\xd1\x1f\x7f\xce.\x1f9%\x07\x0f\x95r\x90x\xd6\xa9Z\x12\xbc\xc3j5\xf6\xf2\xf6\xc7\xeb\x07\xd3\x84\x9eX\xf62\x9cNH\x8c\x14\xe8\x92\xecfy\xd4\xf2:\xc9Mp\x8f]Z\x00\x8cJ\x9d\xb4eu\xc6\x17\x7f/bv_Fh\x81\xf1\x9a\xac\x1a\x12\x9ft\xcfL._\xedDo#blh\x02\xc1\xe1G\x99\x8dep\x81\x17\xd5\n\xbb#Ui\xc5w/\xaa\xa7\xf1\xde,\xcd\x1dU\xd56\xf8+\xa4\x18\xc9M@\t\xca%\xe8g\x03\xe1\xc2\x08p\x9f\xf1\xcf\x83\xea\x0b`\xd9\'\xdbD\\\x83;\xa6\x96\x88K\xd8\x81\x16\xa9&amp;\xeb\x8a\xbc"A8h\xa7\x1e\xd9j\xb8&gt;\xd8\x10\x910)\xc8\x89\xb5\x07\x95\xbc\x1fO\x95\xd0\'\xd2\x95\x1c\xb7\xc8\xc8\x8c\xe1\xb4\xf8"v\xb0\xea[\x97\x94a\xc3r\xa0&gt;\xe8\xad\x84\xb9\xfd1sD\\\xdb\xfb\xa1p\xfa\xbf\xa2\x17H\xa80Xjm\x06\xa9\x8f\xde\xf0\x85L\x94K|\x8a\xf7\\?\x8e\x84\xfe\t\xe0\xa5]\x07Z&amp;A\x0c\x0b\xac\x1eN\x8bE\xb2a\xa2\xec\xf7Z\x98&amp;\xf7\x10tM&gt;\xca\xbc[c\xac&gt;N\xe2|\xc9\xa5\xc3\x03\x11\xb7"\xb6\x1cT\xc7/\xfd\xaa\x99\xd2@u\x14\xee\xd1}\x19\xe0\x9c2oS\x85\xf40\xd6\xa8u\xca\x7f\xde\xc4\xb4o\xd9\xdc\xf57\xa4SRG\xca\x1cL\xffy\x9a#Am\xc3.\x83x\r\xe8\x1d\xb5?\xcd/\xc4Ya\x81\x1a^\x98\xa6\xc69"H\xad\xbc\xbb#aK!\x07\xe6m\x0eA\x83[x\xbf\x1c\xa9&lt;?\x8e\xb9\xf1\xd2\x91\x0cAn|e\x85\xd7\x1a\xb5\xc3Ih\xe71\x97Jfm\xb1w\xe8\xbage\x11\x14C\x9f\x02\x00\x08p!D\x80\xdf\x03\x9c\xc7h\xf2\x1au\xfe\xe1y\xe7`O\xa8\xa1\xcd\xefv$Y=\x8e\x04\xd8\xb1\xc3\r\x13\xd6\xec\x1f\x00\xe0\x9c\xfe\x0e\xa8\xcfh}\xb3\xff\x089\xae\xa7\x90\xbd\xa1I\r\x87\x9dq\xd7\x11\x05\xbft\x0f\x89\xcf\xe9\xc9F`\xf6\x1f\xf9D\xe76u\xd9\xa0\xa1\xa5\xf3)q\xec\xaa^M\xc2:\x1e-\xc5G\xe2\xd1\xf9B\xe2\xe9\x16@\xf3O\xb5\xd5r1\x89\x0b\n \x17!F\xb8\x85C\xc2\xec\x80\x88\x88\x17.\xf99\x10\x1b\xd3\xa3\x89&lt;; "\xc2\xe7\x13$\xf4\xfaw6W\x0ce\xd3\xd4\x8dTT\x8e$8/\xc4\x05\x02/\x13\x96\x195\x936bU\x11\x98f\x0f&amp;\xa9\x9e#\xf6\x1dOB\x05\xa9\xd2\xa9\xc7\x81\xca\xc2\xcf\xda\xbc\xf5n\x17\xb5O1\xac\xe7Tg\x0e\x98\x80\x11\x1e\xb3s\x11\xb5\xa1\x00\x8c`\xc2\xe5&gt;#X\x06\x08\xf0\xb8\xa5e\xd8u&lt;&gt;\xa1.\xa7\xc1\xc1\xc21l,4S\x99\xc5\x0b\x0c-\x88\x81\xb9Z\x19\xf1\x00\xaeZ\x91\x9d\xc9](B4\x1b\xb2\xa8\x91.8\xbe\xb8\xe5\xdf\x13pz\xdc\x9eK\x8ax\xfe2n\x84\x1f\x9b\x9e\xad\x88\x14\x12\x82ap\xba\xd7\x80\xbe\xef\xdf\xc8\x159\x11\xfa\xbc\xcd\xda#`\xc4C5\x08\x8a\x84\xca\x0f\xa7%u\xd1\x9dMA\x9azKwL\xe4\x86\x8a\xd2\x85\xf2,"^\x17\x11\xe0\xf3l\x824q\xb6\x05voI\xb9\xa1\x08\xe6b\x1a\x1f\xf4\x1b\x82\xd8\xb1$tn{\x94\x8f\x1f\xba\xf0\xb9\x982Jd\r\xb8G\x16f\x1d\xdf=\x08)\x1b\xbfU\xf1\xf0:f\x0f9\xbat\xa6\xf8U\x0b\xa8\x7f\xd6\xe9:1.HK\x9eFp\x98`]\xdf\xef\xc1\x80\x17\x16\xc1hU\x87T?I\x17\xcc\xedP\x8du\x1c\xb5\xa5\xcd\xa5\x82\x0eENG4\x0b\x85\x83\x14\x1d\'\xe9F\xeb\xa1\xd6\x9c\xb4\xadUG\xb0\x04\tn\x0b\x80\r\\\xb8\x86\xa5-z\xf2\xe1\xb1\xe1\x11k\xb30"\xe2\xa3\x95\xa2s\xba\xdc\xa2\x19\xcd}\xe6\xf2\\sG\xc7\xe0\xab\x94H\x04\xb8i&gt;\xcf\xccz\xea\xa9\xe3Z\xd2\x95\xb5\xa1&amp;Qy\x16m\xa1Z\xac\x86\xbd\xbc\x9c\xf15a\xcc\xa7\xa1\x07\xdcPY\x038\xb4\x90Y\xc2%\xd1\x1c\x04\xfb \xe2e&lt;\x13\xa0\x0f1rm\x19\xbc\x15\xee&amp;,\xd5D\xe1M\xa4\x19\x87\xd7eF\x98\xb7%sM\xb0\xa4\xca\x12l\xa2\x80\x00\xb7\x9b.Z\x05?Y:\xd2\xbf\xd1\x02g\x10\xfc\xf9\xb6\x00\xd8\xc0\x84\xb5\x008\x7ff\x8em\x91\xb7\xa3\xd0\xeb\x8eT\x99\xf3\xf33\xf6o\x14.\xc7\xd7\xf9\x9a}\xc7_&gt;\x9d\xc5^\xc1\xff\xe6\x0c9\xe1\xe1Ak\x95\xce($\x87\xf6\x10\x02Obx\x15\x02\xe2\x9d5\xe7\xae.\xc1K\xc7j\x88\x99&lt;\xbb\xc4\xe2&lt;\xcb\xa3;T\xbfn]\x95\x8e\xc9T\xe3 \xc0\xd3YCL(\xd7\x16\xc2\x19\xe7"v[\x04x\x17\xbb\xa3Ke\xbf\x19i\xb7\xba\xe9\xdb\xbb\x81\xedd\xba!\xd8\xf5sH\xc1CH\xd5\x12\xbfu\xce\x1dk9\x96L \xd8\x94\xbf6\xac\x07j\x99\xc8\xa8\x95jh~\xa2\x84\x9c\x1b\x96\xc6\xe4_GU\x12\x1e_}\xd4\xe4F)G\xf7\xac\\\xf0\x91\n\xa2@\x1d\xb7YDK\x0b\x8a\xebW6\xd2T2\xb2\x93\xa5\xd4\xae\xb9\x9azI\xb9f\x1a\xe1^\x88\xf0\x00\xdb\xcbs{@\x84\xef\xc8\x1b*"\x1aUa\xe2\x9em\xa0\x9c\xfe\xb9\xc5\xe3\xf6\xb9\xf7M\x88\x07\xe5Av\xf3\x86f\xc6\xbf\xb8o:\x97\x10\xa0e\xf7p\xe5\xbb\xcd\xe5x\xe9\xcc\x8d\n-\xb3\xef\xe7\x0cS\x7f\x19\x01\xf0\xa8\x8c\n@\xc4\xae\xc1\xe2\xe2\xdb\x02`\x83$\xcc\xdd\xa0\xb8\x01\xc6\x0e\xd0-\x16w\x11O\xec=\xfb\x7f\x8e\xaaTw\x83-&gt;\xcc\x16\x89I\x84\x93\x04\xeb\xb9\x91;\x17\x17\x96@\xc1\x83C\xcf\x8f\xba=\xbb\xe8\x02 isn\xe8I\x1b\xf9Q\xf2B\x16\xc4\xe0\x85\xec\\C\xf5 \xc8a\x99\x9b\t\xcbN\xca1\xb3\x8b\xec\xc0\n\x03\x97j\xbb\x06\xafM\x0c\xdd\x8d\x06g\xb7\x8e\x04\xcb.\x89s\xe9\x17\x14R\xea\xab\xd9\x1f\t\xf0|\x9b2\xce\xc5\x93-P\x08\x00\x08p\x83\\y\xb7y\xda\x06\x198c\xb4f\x84i\xd3\x94ZL\xf7\x13\x96\xaf\xd7QJ\x16Z\x00D\x1e\x01\x88\x0b\xa0\xb9\x89\x9e\r\xd8mg\xfc\x8b\xf1\xfc\xcf2\x13)2\xb5C\x92\xd43ri\x0c\xee\x13\x91\xff\xc4\x81\xf0{\xa8\x94\xd0^DV\x0cU\xc2\xcbz;\x9e\xc2\xa5\x17\xfb\xa8\xa1\xc5jv\x8cch;\xdc\x9d\x8fz\xe2S\r\xe2\xcfUf\xc21u\xa0\xf1\xa4+\xe9\xee\xe8\xf0\x03_\xd9\x9a-/\xb0\xa0j\xdb)\x1bV\x85)4\xa9`\xad\xc6\xbf&gt;\xdf=E\xfc\xb0\xba\xb7\x08l\xb8\x12\xf5\xbd\x84\x0cp\xca\xfe\x97\xb0\xe3\xceZ.\x95\xf2\xa3E\xf9\xc6/\x0c\xea\xe2\xb6\xf0\x83\x04\x8d\\m\xbe\x88\xe3\xbf\xd9\xbc\xfeC$\xfc*\xe7&gt;7\x1a\xddzy\xde\xc2&gt;\xcc\xa8\x1e"\x1f\xf3"HN\xc6\x02\xc1\x19\x1f*\xf1\xa1\xb5C8U\xb0L\xd9p\xe7\xe6[S\xd7ln\x1e9D6l0AU\xde*A\x96&gt;\x925\x08\x048\xc9\xd22\xf8\xd1\xe6&gt;Y2\x04\xd4\xd1\x03~\x98\xae\x9d\xcbY\xcc\x1d%\x1e~!\xa2\x8f_\xca\xf04\xe2Y\x8aHY\xa9\x84\xc6\x19\x88T\xccPE\x06\x01\x10\x8e\xe5y\xcf\xbat9\xd2\xe8\xff\x83\x18\xd9\\p\x14t\xbc\xfd\x90\xe7k\xaaW+G\xaf\xee\xcc\x8ah\x0e\xaf\xaf\xa3\x91\x1d\xa2im\xea!6T\x94\xed\xff\xe5c\xa3&gt;\x12|g\x0f\x19\x00\x08pa\x95j\xbe1Cy\xb1aC\x1a\xfa\xd2\xf0\xa1\xa8\xb8\x17\xdbbdT\xfc\x9dA+#\xee\xfa!2\xbeZU\x9b\x9eZ\x04 \xa9\x96\x0b?\x8d\xde\x88Jd\xe4\xb0C"5\x97p,\xab\x160l4\x8b~\xcetZyI,\x99\x00.\x12\xdb\x85o\xa8\xdav\x8e\x84[\xb6\xa8\xc6\xe3r\xb1XJ\x86\x0c\x88d\xbbB\xc2\xc4\x00\xbf\x11\xf9@\x0b&lt;\xa2\x89\xc0\xb0\x80p\x81\xc2\x82%e\xc7o\x8d^e\x9c\xdeRDm\xd8M\xf0\xde\xab%?r\xec\xd8\xe6\xb4\x0b\xe3\xf3\xdc\xf7\x115\xdd\xee\xdbm\x80{\xec\xff\x0f&amp;\x01\x1e\xbd8\xc8\xeb\x99\x81^\xa4gf.\x00\xec\xa5\x91H\x8c\x9d\x96mRa\xab\x0eg;\x91\x8e\x13\xd5\xdd\x16\x89\xb00\x97W\x9c\xa1\xfc\xa6\xbe\xdc\xe2\x01\x1c\x17\x03\x86\xc5\x10\xf1\xd3\xb3\x8f\xfa_\xce%(\x1b ^-\x1c\xab\xa8\x0ca\xc7\x1d\xc5x\xb2\x9c\x18\x1b@\xdb\xdd(Uu\xed\x94lG6\x18b\xec\x01\x8b\'\xec\x86zh\xcd\xd9W\x00\x008\xa1\x91\x1e{4\x07\x15\x80\xe0\x94B\xabV\xfb\x00|:9\x06\xf3?,h\xfc-\x01q%#A(%\x10`\xc5\xd4\xd4h\x967)"^h\x9a\xa2]A\xd9\'\x0e\x99\xa8\x9c\x7f\t}o\xad\xce \x87VA2\xc9\xec\x9a\t\xe0\'x\xa4sO\xa4\x8c\x95\xd2\xfd\x01\xee\xe3f\xf10\x80\xbb\xa7\x8a\x17\xb4\x9c\x1aH\x08\xe7[\xbc\x14\xac\x08\xd15\x8a\n\x0f\x04@\xf8?\xe9\x8dH\xce\x1e\xe8\x86\r+\xc7\'\x92z\xe1\xbc\x8d\xad\x15\xe8\xfa\xd9\xf2\x8d\xea\x1c\x1b\x84:\x0e]aia\xaa\xc15\x06g\x11K^\x0e\xc8\xe9\x95(\xfb\xcdL\x192Er=\x91/\x05s\xe6d\x8d\xeb\\!\xbd\xae7\x9e\tA\x80\x13EM;\xd8\xa1\x15k\x192\x84\x88\xb3)\xa9\xa2\xdaj\x00\x0f\n\xba\xa5\xf2\x08\xc6&lt;-\xc9\x9f\xc9\xcd3\xc2x!\x97E\xcb\xb2A\xfe\x02\x00\xcb\xce\xd4\x7f\x9eD\xf6e\xe2rl\xd8\xd0 \x96]"\'L\x17v\x16\xecQ\xbc\xf7\xd7iX^k{l#F\x82\xc7\x88\x88\x1a\x9c)\xb9&amp;\x01&gt;\x9a\xd34\xb4\x80I\xf9b\xa4\x12\xc52\x92\x13\x99\x1b\xcb\xc2\xb7\x00\xd0$W7\x0b\xe3\xb8 \xc0g\\\xac5\xb7\xc6\x18\x9fg\xdb\xe2\x0e-\x119AAh\xe3\xbb\xa4\xfa\x8c[0\x9f\xd9\r.\xa2\xda\xbd\x1e\xff\x16\xd5M\xe2\x16\xf1\xe4ri\xbb,\xe8\xc4\x89Mj.3\xc1r\xa47\xc4Cv\xcc/\x1b6\xd4\xc3C\x97\x1a\xbd\x1aE\x01;\xb4m\xdb\x88I\x0c\xab\xce\xf6\xdd\x9f\xe4 \xcb\x81\x9f&lt;\xdc\xdb\x1e\xb4\xa4\xa0\x90\x15sV\x82\x8e\x0b\x82\xf6\xbb\x0b\'\xc8UD\x9b\xf4\'\xd9g\x01\xdb^\xce\x1f\xbd5\x17\x00\xee\xd5\x0ee\x16\xe7\xd9\x8e\xbb\xc1\xa4\xd1I\x03\x92\x14\x9f\x81\xf5,nW\x98\x8b\xc5\x95k\xc35\xc2\x8e[\xe5k\xd1$\xf1\x80\xc8\xfd\xcdG\xf0\xb2\xc9v\xcd\xf6\xac\xd1\x86\r|\xd0\xe3\xc4^\xa3\x80\x1d\xea\xcf\x0c\xd8pNc\x94\x92\xaa\xcc\xd2\x18\x96\xf1R\xe4\x81$\xebb"jU\xa6\x8e\xa9D\xb96l\rnOe/\x00\xdc1\xd0S~"\x93\x88r(Q\x01\xef\xf6Fo\x91\xe0!o\xc2Mzv\xb7\xa5\xf6\xe9\xe7)QH0\xa7\xe9(G\xdb-k|\x87n\x81dgs\xa5\x03~g&amp;\x9a\xda\x99^\xa10\x8e\xdd\xfeg\x88\xe1L\xc0\xb3\xae\xac\xban\xd8\xb0\x10\x1c\x03X\x13"-W^\xf3\xb9\x9b}G\x8d&gt;@\xde\x8d\xc6\xe9\xc5\x06Bg\x11\xf5B\x9eb\x98\xbe\xcb#\xe4\xbc\'\xdd\x1e\x00\xfd\xe7Gea+\xb8\xba!\n\xcf\xd3K.\xac\x88;\x06\xb4\xf5g\x83\xf0Do\x91\xb3#\x8a\xecW\x8d\xe7\xe9\x9d9\x92&amp;\x15\x91\x95\xea\xc7\xd5J\xec\xb9"&lt;\xd9\xb7\x0eq\x14\x87R\xf0:\xb7\xd9\xc8\xcc\xc1w\x95\xec[\x14\xc1O#8\xf3\x8f\x15$\xd2\xa9\xbaa\x1d\xd87\x7f\xa3\xfec\xddNJ\x9er\xd0\xc4\xb8\xf3z\x9d\xe5\xdfl\xcb\xa6.W\xa0\xbdU\xd4]^C\xdc\xd3\xc8\xba#P\xbd\x158\x11\xce\xb2\xf0\x8b\x993\xce\x04\x16\xf8\x14\x96\n\x8b *\x9c\x1e\xc1\xd8Q\xe6\xf2\r\xe2\xb0\x16\xcd5\x80\x0e]\x11\x81\xe3\xf3\xe2\x85\x1e\xbe\x87\xa4\x89d\xebEK\x06\xb7\x13r\x90SS\xbf\x11\xb2X\x06\xeb\x89\xdb\x05\x8d\x86\xa5\x04^\xbe\xb4\x00\x1c8\x92\x84\x11$VTo\xd8\x17\xec\x9b\xbf\xd1]U\x81.pK\xa6\x84\x91\xc3+u\x16\xfe\xc8iF)\xa5&gt;/A\x04 \xfd\x04\x80\xa5\x85\xda&gt;\x92\xbeSJ\x8d5\x15\xd2"\xb6\xa0N\x15Pm\x97\xcaH$\x00H"\xc9d\x1d6\xa7\x99\xce\xb3\xc0|E\xb8\xc1\xd0\xee m\xc7m\xca&lt;\x1b\x10\xe1ns\xc7\x07\xb1\xec\xc0y\xb0G\xa1\x1f+\x12\xb8\x8ez\x1c\xb2\t\xc0C\xb0D0p\x84_Q(\xee#\x1c\x89\x12r\xd3\xe6\xd0}\xc5\x01\x00\xdd\xd22T\x86\xa1\xaf\x16\xeet\xf0wK\x99H+\xc5]\x07\xabr\x96\xf2\x18%\xc2)\xe91Yh\xa0\x04\x008\x8f\x10\x9dD\x81\x98\x8at#\xa6_\xd3\xd8M\x81`F\x05A\xcf\xc7\xe2t\xac\t\x93\x8eq\x98\xf86\xc201:\xb2\xe7\x91\xa6K\x17\xd9\xf1.\xda\x8e\xb22l\xf5\xff\xbb\xb76\x96%z\xb3wO\xa0\x91f\xb6\xc1\xa7!\xc2\xf1\xd6vpn\x15\x9d\xfaJ\xa3\xf8\x925:\x0e\x00\xff\x13\xa6\x87j\x0eur\xeb\x94\x8e\x83Y\x18\x8e\xe8"K\xbai\xef\xaec\xa8\x96]\xda\xf4\xe2\xef\xe6u\x82L&gt;\x00\x00\xf0x#W\\\xc2[\x82,68n \xe0t\x06\xcfK\x1dl\x0e\xdd\xb0\xf30\xb7j\xa6!\xf9\xd8\xf4\xea\xb9\xaep\xd3\x8f%F\xc3\xe3\xbe\x8d\xb3"&lt;g\xd6\xc5\xf9\x18@\x81\xf3\xeb\xac\x9d\x8c\xaf\xba\xf6P\xc2H\x95\xf9\xa1A\xca\xa7\xa2\x89\x1f\xc3\xa3\x7f=\xc7uEr\xa7\xf0\x88\x88oCT\x0eX\x1c\xba\x7f\xb9Bp\x1a\xd6f:\xe5E\xe5\xe4\x89L\xc9p\xa8\xb0Tj~\x97\xee\xeb\xa3\x83"\xfb\x91\xeeC@\xbc\xcc\xf8\x8b\xc3\x02a\xc3&amp;a\xac]Gptq\x08\x9f\xc3\xde\xa7\x94\x18\x17\x008\x17!9S\xb0E\xe2\x10\xe3So\x9f@V\x0cF\xb7\xcd\xa4\x1b\xf6\x03t\x86 ykq\xc1\x96\xae\xb6K\xe1\x83\x91\xed\x85,v\\\xaf\x0f\x02\x0eJD\x90\xf2\x113\xf1\x9c\xc7l\xccGV\x18\x86\xa2\x1f\xad!t\xbf\rE\xe1&amp;\xa2\x9f[-\xe2\x94z9\xa5Ku\r\xb2\xcd\xbf\xc9(\xd5\x08\x12N\x96\x0c5\xf9\xdde\xcb\xe3(\x00F\x85.\xe5\xa9\x8c\xba}\x93\xd0\xca&lt;\xdeJ\x04.\x9c\x965\x12\x1fwI\xa2\xa3j\x8d\xf3q\xe4\x06\rv\x10n\xd8\xb0\xa1\x07Y\xf2\xa8OtU\x9esSr\x8d\x92&lt;h\x7frXf\xef\x907\x92\xc5\xd0\xf2"\x81\xd1\x84\x07\x87\x89\x0b\x8c\xb5N\xe2\x9fJ\xa0\x7f\'\xf3\x18\x8d\xf1q\x1ax@\x9e\x16G$\xb8\xc5\xcf\xb1\xee\x1b\xb2M\x87\xd2\x07b&gt;]\xd6\xb4\x0b@~\x95{L\xf7\xe5p\x88\xe9&amp;\xb60OsyM\x1c\xaa\x84\xf9d*\x08\xacq5\xcfs\xf8=U!\xcd\x84\xda\xa0!\xc1\xbc\x1b6\x90\xd8\xb1\x18r\x0e\xae\xe6\xc5\xa5\xa5\xda\xbf\xea\x96\xa2\xaf\xd3p\x89\xa6\xf3\xd0\xf30\xcaAQ\xe2\x00\x00\xf0\t\x07\xe5\xc1DW\xcc\x94\x19\x9e\xcd;(\xc8C\x8c#8\xf3\x98\xa9K\xa5\xfcR\xe5&lt;\xe78\x89\xd1\xb9\xbbl\xb5\xae\n`x\xe4\xeeK\xcb\x13\t-5\xe2\xd6\x00\x8e\x14k\n\x08\xf0\xbdE\x87\x1bs\xa8\xe5\x7f\x82K\xb5j\xdbFn\x01\xdf\\[\xdd\xd8P\x1b\xcc\x0f|`\xee\xc7O\x95\x01\xad\x85\x0f\xb3\x1a\xe3k\xff\xb9\x17\xedCWP\xff\xd30\x9aP\xa3\x95\xb2-\xbf*\xf4&amp;\xa0#\x04\xd1\xe1\x913#~\xddE0\xedS\xb6\xd6\xf4\xcbE|\xf2O\x96\x8f\xfc\xec\x14\x15\xfaf\t\xbc\x9c\x1c:\xed\xb7\xd8\xcfk*t\x08;\x13L\x1d\xeex\t\xc0-x\xdcg\x9a\xdd\xb3\x00\xffY\'\x0e\xb19;P\xabW\x91\x10\xa7|6l\x93\xfeq\xf0\xe6\x80\xfd?J\xc1\xff\x0e\xc0\xe9\x97\x93\'\x01\xaa\xf4\x10\x15\x1bv\xd0\xb70\xde)\xc0\xa1d\xa1snX8\x14q\x0c\x10\x95#D\xa7\x7fg\xce\xf9w(\x836l\xd8),\xb2\xcd\xc0\x15\xe8\xf1\xd6v\x02s\xfeWN*\xb8\xf4\x82\xc6Y\xc45\xcaN\x1b\x19\x1b&gt;\xa7\xc8oe9)*\xf8\x00"\xc0\xedu\xf9\xcd\xee\xf9\xec\x8c\x0f;\xa6jDD\xb8\x84\xad\x02\x0f\xa5\x0c\x94\xffO\xe5\xe2\xa0\x13\xf5\xb4\xb7dz\xaa\xac\xf1\xfc\xc5\xb7\x12\'v\xb6\xfd\xcb\xc3xj\xa2\x14S\x048E\xda\x03\x1ec\x9a7\xb2m\x99*\t\xe2U\xa7\xd3\x83\x86\xd4QN6\x84\xeb@\xb4\x10p\xb5\xc4\x07x\xd4\xf6\x0bd\xd0\x86\r{\x03=\xbb\xb2\x12\xccUk\xee*&amp;\xac\x90H\x85\x87\xc6$\x1cUO\x98\x85\xd4\xe7\xb8\xc0=H\x14\x18\xc9|\xc1a\xb00\xaf\x80\xf1g&amp;;\xcb\x08\x17-\xa4\x13\xbc\xb1\xc6\xb9\x7fa\x16\xd9H\x0b\xfe\xab\'\x84\x9cn\xfc\n\x19\x17\x8e.I\\:A55\xad\xb2\x10\xf7\xd0N\x88N\xec-\xbbe\x13\x08\xe4\x7f\xf9\x90\x98\x04Q\xf7zr&lt;^;\x83\x08\x1co\t\xa6u\xd0J\xdcn\xa8\x00\xc2\xd9\xa2\xa5\xc1Uk\x16\x0f\xb2\xa5\x8a \x1f5\r\xb5\x94k2\xbc\xe0\xde\xd0*"\x93\xc1\x82\n\xe9\x14\x01\xdc\xf43\xb5Pp\x90_\x97\xffm+\xec\x97\xc2\x9d\xe3\xbb\xa4y\xcd\x08\x9b\xe2\xa0\x03\xac&lt;\xbb\xb8Jr\x0e\x81\xd9\xff\xe8\x82\xecU\x84\x8f\xc8\xbb\x01\xbe\x90Bs\xb9!\xcf\x9f\xfe\x88\xf8\xd8\x05*@R\x90X\xdd\x11\x11n\xb2\x88aw\xb8f\xee\xb0j\x1b\x14x+u\xea\x84\xc6\xc9d$u\xb5F\xc2\x0b\x93\xc7\xef\xe2\xa2\r|\xa4\xc6\xb3\x08~g\xb5&gt;\x98X\x98\xfbl\xf9\x98y\xc3-\xe1\x12S\xcb\xafX3*\x01\x81\x83C\xa6\x8d\xbbi2\xe4\xf2\x925{PxA^m\xa3\xb8UC\xdc\x11&gt;]\xca\xcb|9K\xf2\xad\xaa\x9a\x8eS\x0bUKA\xf9\x1by_\xcd\xb0Wri;\x14\xcaJuK@\xbc\x97c\x82\x91]y\x10\xab\x8e\x8f;\x807l\xb6\xda0\x83W\x05\xa2"\xc6\xa6\xd3B\xf9c \xa2\x18-3lWaJ\xb8\xaf&lt;_\x04\xb8m\xfcj\x13\x01NB]\xcc\x91\xf6\xf8\x1a\xadH\x1c8.c"\x99\xd2\xd4\xa6\x9b"G\x01A\xe1\xf3Y\xac\x015\x96U\xc1\xe6\xb7\xa9m\xf6\xaa\xee\x1e\xe9\xaf:\xa2\xc4\xe4Wm\xfe\xea&amp;\xb2\x0c\x15\x07\xfd\x02\xe0\xfcU\xb89\xec\x99R\xdc\xfaw\x8e\xb5`\xc9\x15A\xcf\xfd&amp;\xe2p\xc3\xf2\xe8\x8c\x91\xa0\xdcG\xe9\x11q\x87\xbeh\x1a\x11k\xbc\xde\xc1\x1e\xa7w\xe8]\x07HY\xaf\xd7\xd7\xa3#\xd9KJ"D\xfd\xad;\xb1u\x92\x11\xe1F\xe4\x10,\xba\x1f\x01\x1ch\xca \xe1\xf7\x80:;\x14Z.\x90i\x1b\x0c\xb9 \xc9\x01\x1d\x04_\x1ac\xba@\x0f\x98&lt;I\x9c\xf8[\xc4_\x1a\x97\x8a\xd6.Dl\xec\xd57KbryK\xc3_\xa1HS\xe9\x8f\xc4G\xfd\x1d\xe5%Z\x92\x9e\xde\x16`\xca\xd0\x00^S\xbc\x18\xf1\x9f\xec\xab\x9b\x017\x00\xc0\x01\xd5*R\xd7\xb5S\xfe\xb2\x81\x00\xd0\xaf\xa2\x1fY\x9c\r\xebb\x88\xce\xb0\x01\x83\x00o\xca\x15\n\x00\xde\xeb\xdf\x80aJH\x06C\x17\xaaJ\x05CH`W\xe4\xe5\xc1\x16]\xd7\r:\x9e\x9e\xda\x87\xed:u\xf6/\xbbS\x13H\xbf*\xdb\x93\xea\x0e\xf4\xcb\xca\xb33x\x93\xd2\xf4\xd7Su\x1f\x8d:N\xef\x02\xd1k\xdc\xfe\xbe&amp;\x0b\xc0\x19\x13\xa5\xf0\xe0&gt;\xd6\xec\xbf\x97$\x9b\xb0\xb3\x08ta;D\xb1\xd8\x85\xdd\xca\x1f\xc2\x0e\r\x7f\x03&lt;\xdeQ4\xed\x9e\xd5u\xde\xcd\x85\x83 \xc6\xc5\xbb\x10\x0c\x12P\xc6\x8e\xa1|\xa1\xfa0\xad\xd2\x8e\x98\xfdo\xd8`a\x17\xcemk\xa0\xce1\xba\xc5*xxw\xb4\xf3\x16A\xa1\xe0\xe3\xbf\x85\x89\x97\x03\xe5\xd3\xe0\x97\xf4j\xc1\x10\xb9.\xa2\x89L\xf85E&lt;\xdf\x02\xfe\x97\x00^3\x9b\xbe\xc2H\x97\x96\x1d\xc9\xe5\xa0\xd9\xd0+\x0c\x0e\xcb\xe6\xd7\x87m\xae\xfb(,\x83\xe5VB6Q\x1c\xe5\x8e\xb1(\xa8\x1d\xf13D%\x11\x95\x9f+\xf0\xed\x95\xdf\xf5iP\x1bcYS\xc2\x00H\r\xf4d\x0c\xa7\xd0\x89\x1c\x8f\x96*\x1d| \\\xa9\xbc\xbb\xadZ\xea\xa8\xaev\x8do+;6\xb4\x84-,\xc2\xa8\x9aBDV\xd3\xb5\xef,\xbe\x91\xd2Y\x1dV\x87\xb2b\xbb,\xe3,\xa2DIu\x1d\xda \x93\x8e\x8b\xa5\xdc\xb4\x06=k\x80&lt;\xca3\x0bK\xd4\xa2\xec\x98\xf8\x08\xfc\x00q\xfa\x90\x06\xe1\xbb\x01\xff\xa1^g\x19\\\'\x85\x08\x8f\xf4\xf5\xd2\x89kw\n\xae\x9f)M\x83\xad\x01\x9e\xaf\xc8\xa6\xdd?\xac\x97\xff\xf1\xa8F\x94\x9c\xf0\x1ftyG\x15\x82\xf8\x11\x0e\xb0K\x02\x00\xc0\x9drH \xe2\xeb\x9b\xaa\xb7\xd1{@t\xac\n\x19\x19\x0f\x8c\x0e\x1b\xbb=\xc2u\x10\xe0\xdf\xf2$\x11A0h\xc5\xf9\xd0\x98\xb9\xfb\x1a|\xb1\xa0\x84\x1bV\x88\x96\xeaT\xbbhn\x99\x14\xa8\xc5\x9e\xea\xb0\xb7\xa0\xe7\xfa&gt;\xb3\x84J.a[f\x97\xb9\xef \xd23\xc9[z\x9bD\xb5\x8d]RKx)\xd0\x1b\xed\xe9\xec\x0e\xcc\x9dg\x1ci\xb9\xc9!\x89\xcb/\x1e\x01&gt;KkwZW\x17\xbc#M\xb0\x99\xf7\x99\x04\x1c\xf4Rm{\xfe\x93\xd4D\\N\x86\xf3\xb9l5\x9d\xd2\xe0\xfc{\xb1xN\x06&gt;\xa9\x11\x9f&amp;BK\x19\xe3\x8e\xc4FR|\xc0\x98\xc28\xc4\xe3r\x17\x05\xba\xcd5\xb0\x93J\x10\xb2\xe4\xb8X\x13\x05\xbf\x95R\xb3a\xc3\x86Lx\x07&lt;\xb2@\xac\x05\x85\x8aT\x8a\x1d|\x15\x97\xa8\xad\xd1\xb3\xff\xf7\xea\xd3P\xcf!o\x8e\xe2@\x9d\x17\x8fd\x0b\x98\xdac\xa5\xd8=\xc8\xbc\'\rh\xbe\xd4s,\xb4\xb4&gt;\x01&lt;:\xc6\t\xb9\xe8\x90lN\xaa\xbc\xc2\xe0\rf\xb3\xbcC\xbd&gt;*\xfe\x81\x82\x92\xea\x92L\x0b\x80l\xfbo0a\xd9\xb3\xc4\xc7\x18\xe2\xc2\xde\xcc\xe2\xc4\x92\x02j\x8d\x95\xcb;T\x02\x92\xe6\x08\x7f\x16aw7t\xc0\x9f\xb6\xba\x84[\x82lh\x0f7\xda\xa9\xf2]A\x0bu\x8e\xe2\xba\xa9\x14\x08\x8eask\xe2O2\xfajr\x14^\x00\\(\xa1\x97,b9f\xed\xbay\xc4(\x93n\xa9\x8a\x13T2\x17\x00\xde\r\xcbo\x92\xf3\tK`\xe7\xb8.\xa0#|:\xa6\xb1\x08\xf4\x05\xe7!\xe6B\x88\xd1\xddl3+\xfe\xba"{\xab\x81]\xd5,\xfbo @\xa5\x80&lt;\x93\xa8:\xaf%#\x9d\xa4&lt;\x1cV?T\x1ck\x03D\xb8L\xb4\x00t\xc1\xe1*\xb2\xcd\xfe7\xb4\x89\x1a\x15\xa7"\xeaT\x16_\t\x8b\xae\x92\x12\xc6\x97\xda\xb1.\x85T\xc1\xc8\xaa\x9b\x8e\x04\x8e9N\xf1Ir\xf2\x82\x0b\xad$\xc552\x9f.\x1eE=}\xf2[\x92\x10\xbd\'\x00y\xfe]\x06\x9a^\xb3\x82Z\x13\x80#S\xa9\xe2\x0f\x85u\xf7\x98T\x9d&gt;\xda\xf6o\xd7\x05B\xa8\xf4\x16\xff\xc1\x9e\x7f\x971"\xb8\x0f\xd0\x00\x11^\xc9w\x96\xef\x183"\xe9\x16HU\xc7\n6%P\xad\xd2\xb4=\xd5\xb3a\x07\xb0\xa2A\x94\x85z\xf2\xb3\xe6\xf4=\xde\xe5^-\xc8\x18?\x82\xc8R\xfe\xcd\xa9\x95/\xf7,\xab\xdc\x03\x93\xd6,VZD\x04\xb8o\x92\xb43\xbb\x90`\xc2\x90b\x94a\xb74V\xa3\x9c\xc8\x1aV\x9djFhZ7\x0b8a9\xc8\x7f\xed\x04\xb2\xe2\x13\x11\x97I\xd1\xe0\x98\xe5\x82\xfaX\xc7t-\xdb\x9e\xc1\xc4wD W(;\x92\x13\x04k\xd3\x11\xaaxfzZ\x92#&lt;6\xee,e\xc3\x86\x06\x91\x9c\xcf\xed\xe0?\xdb\xcb\xc3\xb0I\xa9J\x9a\xa1\x02\x97HSV\x8a\x06Y\x9d\xbd\x83ST\x80\xc8\x99\x00\x00 \x00IDATu}\xe7\t\x99w\xd4\x14O4\xa7\x05\x12)\xd5\x9a\xcc%\xcc_\xb35\xad\\\xe5\xc2\x91\x99\x1a\xae\xe5"\x9c\xa2\xec\x0b\xe8\x8cx+\x0f=\xef\x10\xbf\xda\xae\xa8=\x12f\x96\x9f=\xc8Z\x959h\x0f\xf8uD\xf0Hy&lt;)\xc8+\xc1\x9f\xa1\xe0[\x15\xbc\xa9M\x8d6l\xe0`\x05\x15\xdc\x87\xbb,\xb3\xf3\xc4)d\xee6E\xc6\xcefkkQ8\x86%DD\xfcj\xa9\xc0\x08\x1f\xe9\xf8\xa7K\xe2\x11K\x85S8&gt;\xa9\xc6\xaa\x84\x17\x91\x15R\x18\xb3\x9c\xcf\x89\xeaV=M\x10\x10\xe1{\x1e\xef\xa8\x17\xa3\xc4\xbb\n\x00\x00\x9c]X^\x07\xbc\x11=\xa9@\xf4[\xf4d\xc0#\xea.U\xcb1\x17\x82\xda\xa5\x18\xa1\xee\x9b\x0c\x96\x00\xa1Z\xe8,\x9dg\x87]3\xd4\x86&lt; \xc2\x01\xed\x85\xc2\x0f\xc70}I{\xb2\x85\xb1\x80\xcc\xd6h\x87\x00\x11_\x01\xc8\x1b870\xe0\x98j\'m-\x87y\xf9\x8b\xbec\x94\xa4\xc4+\xf6\xd06{\xbcq\xca\xa3_\xdc"S\x10\xc6\xebe\xe9\x07ix\xee\x1b\xf1\xd6\xa9K\x05(\x1f`\xe0\x89m\xc5X\xed\xa5\xd7)&lt;9\xb8S\xb1=i\x14\xd2+\xdd\x08\x96\x019Q\xb7\nS\x93\xe1\xf1#\x8f\xcc\x9cX\xb2\xdbl\xd8{\xc8G\xc3\r\x04\xb3\xab\xf9Dm\x05w\xd0\xd3&gt;\xf1a\xcdm\x82%\x01s\xeb\xba\xd8xC\xce!&gt;\x1fh\xe1@\xd1\x05\x00K\xfd\x80&lt;\xae\xcf\xaan\xc8\xc70\x81&gt;\xd8\x13\x1e\xf1\xcff\x94\x159\xc0\xdc\x19*D\xd8\xd7.z\x99\x16^\x11x\x1a\x99v\x88dA&gt;"\xcf`\x16\xc9\xa8\x0e\x9c+p\x7f\x840\x1a\xefI\xc8m\x88\x86p4l\x81\xb5\x00\xfe\xddp\xe2\xe6\x82vP\xce\x17\x8e\x81BI@\xf5\xe2\xf7\x9d\xcds\xd2\xdf\xd1Q\xa5\xcc\x1ck\xc3\xf2\xc4PK\xc1\x9eg\x8d?&lt;\x866!\x13\xd9]jb\xe6\xfe2\xc7\xc3?\xa6^Q!*\x87\x8b\xa92|s\xc9\xe7\x91\x96_W\x0bT\xa1\x04V\xcd%\xbb/\xfd\xf4G"\x01n\xeb\xefi{\x93\xa6\xd9\xe8*hC]\x88\x96\xec\x13-T\xfa\xf7\x1a\xf1\x1e\xdc|\x94\x0f\x84s,lF\xef\x80a6\x80\xe91$D\xea8\xf8R\xb1\xdc\xafM\x0cN\x1a\xd7\xb80\xa3G;\x15O(\x19\xb7\xd3&gt;\xe23\x8b\xb1h\x1c\x9eXB\xb5\x81\xd7\x0b\x0bO,B!d&lt;N\xf6\xf9\x05W}sJ.\x06\xa2b,(E\x85\xb0\xd1\xf4}dS\x83 \x95w\xc4\xe1\x06\xc2\x0f\xcd\x98\xd1\x1a\x7f\xc0\xb8{6\xcf\x91\xc2\x92N\xdf\xd0\x0eD\xa3a\x8b\xaa\xfa\xe0\x0c\xccf\xebm\r\x90\x89V\n\xa8\xb3\xb2\xa3}\x93|&lt;)#\x1e\xa8\xc3\xf7T\x9a\r\x8cI/\x068\xa40\x0b\xbcY\xb3\xa9\x17\x9a%|\xd6\xe9V}\x82\xd2\xc0\x8cv\xd7\xb76\x15\xd7d\x84\x93\xe6b\xe6\xf3\xfaEP\xcfkf`7\x14\'d\xde\x1dE6#\x1e\x8fd\xd1s\xa6\xf6\x86\r\x82\xa1\xb0EUu\xf0\x87\x01\xb5\xdc_\x11\x9f\xd1\xect\xa4}\xfc\x08\x01\xce\xb8\xb4\x10\x00@\xd7\xfa7\xd1\xdb\xfc\xda\\\xed\x8e\x05\x06\x037;V\xc7\x9d\x8eF,\xb9A\x9e\xbb\x9d\xec\x9e"\x0c4?\xb9\x8eI\xc3n\x87\x10\x90O1Q\xcd\xc2o\x800\x88,7/\xf4+R\x84Wr\x99\xaa\'\x96\xd3\x1a\x1ci]\xd9\xcc\x89\x9c\r\x1b6\xa4`\x15\x19en\x03\xd7/\x7f\xed\x94]\x0b\'\xf4?\xde\xe0\xbe[Y\x1d\xdf\xbe\xbb6\xb0\x05\x06\x15\xf9\x81P\'x%\x00\x80C\xf3\xc9.\xb8=)\x8co\x16\x18w\xdf$\xe2D\x8d\xc8C\xfaKv\x83&lt;\x17\xacn\xda\x81\x00\xe7]Z\x06\x03\xe6+\x8f\\\x1b\xc0pd\xd0\xce\xee\xa9\xe1\x12\x9f\x8a\xde\x16\x00\xeeB\x9dK\xad\x01/o\xd8\xb0\xe3\xc0S\xae`l[JB\xb3\xfa&lt;\x10\xd1\xfc0\x13\xc0\xd2\x93&lt;\'w\x7f\xd1\xac5z\xcd\xfc\x081\xe8\xfa\x1e\x18W\xe2\xc7\x03\x7f3\x9a{\x92q\x88\x05\xccJF,\xeff\xbc\xfc\x93\xdf\xe4\xd0\x9eH*u\x01\xcc\xa3\x9e\x1e\x0c\x1bH\xb8&lt;\x82\xd7\xe6\x86Y\x0bS\xc3\xcc\xa0M\xe1%\x91,\x92\x90\xb6?\xed\xd6\x99\xfejj\xe9\x86\xe2\xd8\xe2`\x9fP\xbb\xde\x1d\x0c\x80\xd7t\x95!\xeaM/m\x06d`\xc0h\xa4\x9eR\xe6\xbd\xa2\xcf\xe0\xb1\x03!\x02"\\\x13\xe1i\x04)\xe2\xc3|\xc9\xa3lD\xc0\xb4\x06U\xda#\xc9\x06yA\x1epb\x8a\xb5\xab\x01\xf1l\xfa\x07Q\x00\xde\xbd\xa4&lt;\xbb\x0c\x84\xab\xf2\xc2\xac\x89D\xab\xc6\xee\xa6\x96\xa6o\xaf\xc5\xda\x872\xc6\xff\xe41\xb6gO\xb1\x8a*\xba\xa1*^\xb2\xb4\x00R\xd8\x91\xe7\x04\xd6\x01\xb5\xac\xbc\x96\xde\x88\xf2\xefD\xd0]\x9at\xdfz\xa6\xa1\x84\x9cn\xb1\xc7\x96\xec\xed\x7f\x1c\x1f?\xd0\x1f\xcb!g\x0fA_\x075\xb0\x02\xa6\xd9\xa9\xed\x08KZ\xe3gh\x95\x16B\x94\x1d(+}\xab\x1d+y\n\xf2*\xb2\xa9\x1d$\xec\xdaF\x9c\xe9\xbd\xc5\x08\xa1\xdd\x05U\xa9\x96GA\xa9\xdaSv\xc3\x862\xb8\x159K(\xba*\xd8\xcb\xa4\xba\x02sr\xe6\x9e\xca\xad\xad\x1e\x89J^\xd6\x02\xd9r\xde\xd9O\x1a\x10\xff\x19\xf1\'\x8a\xdf\xc90\x08\xc5\x86\x0b?\xf6\x05\xcd\xa0\xd4\xa7\x92\xf4\xaa\x01;)\xc8+i\xcfDQ\xf6DD\xfc\x8bi\x9fF2k|\xe7,\x15\x8a\x96\xcc\x1b&lt;Pm\x15\xd1+\xa2\xa5\x99e\x07E\xcb\xd8\x02d\x9ec\\\x00I\xa5r\xc3\x86\xe5\xd1Z\xbc"\xc0k\xf4+\xaf+9\xd2\xb4\xa6~\rx\'gf\xdb\xf9\xe7B\xcd\x95\xddH$\x8c\xc1n*\xc5\xa6&gt;\x19\xc4O\x87\x88\xaf\xf1)8O\xe9B1\x10\x0c\x8c\xa0\xf8\x0e\xfa\xf2\x03\xa4\xe4\x13\xb1\x96\xa8ACE\x8aj\x9c$\xf4\xa4\xfe\xb3\xa9y\xbf\n\x04\xc0\x17"\xbe\xd5\xf6\x9ai\x8d\r\x1e\xe0\x9cz\xf2\xb4\xa5\x82\x93\xcb\xaf\x14\xdd\x1a\xc2\xc7\xc23&amp;\xda\x97\x9b\x92|\xc3\x86\x1d\xc16\xcc\xc8\xe2\xb4\x15\'g\xf5\xe1WADA\xddh\'\x90\xfdHV\xce(\x1e\xec\x88\x97qNh\xb5\xbe\xd6\xc5$\x05\xdc\xf4\xf3\xd1S\xfb\x89\xb2\x98\x91\x8a^S\xd4\xa2\x8a\x88\xda\xc4M?\x9bD\xe8x0\x8f\xc5\x86\x1c\xe0\x11\xf69^1^\xa5\x8f=[\n\'\xb2\xb0\x0bW\x9b\r\x1br\xd0--@y(\xf5\xa0\xeb\xf6@\xdf\xf2\xf0T\xd8\xd5[\x18\x11:\xa8\x90\x17\x93\r\x07Nrv\x9b)\xd34\xd1\xad\x1d\x02\x02\x0e\xb28\xfa\xe2@\xc2\x85\x9e\xa7\x1a \x1d\xc4j\xe7\xe3\xe2\x96-\x86\x81#\x80\xe3Eu2P\xa2\x88\xe6&amp;\xc6\xcb\xe7\xd0L\xc2\x83\xe0\xb96\xa7sj6Kw\x05\x80w\x8b\xab\x80\xa3a8\x94\x07E\xa5eX\x13\xd40-U\xc6\x8bUW#\xc7D\xaaD.\x10\xe1=\x00\x97\xef\xf4k\xe5\x8d,\x83bUeCK8`i\x01\xea\xa1\xe9t\xdb\xd0\x08\xaeS\xe9\x18\xb6\xeb\xba\xae\x83\xae\x03\x18\xfe\'H\x19\xc0Y\xbc\xfb\xb9\xb5S\xc3\xb0\xea\x1d@w\xa5\x14\x81b:\xf46\xe9n\xef\x92 \x0f7\xf2\xaa/\xb23\xd7u\x8a\x9c]\xd7A\xffwWdP-U\xd7\x8cE\\:\xbawS\x14\xba\xee\x8a\x00\x00\xdd-\xc4g\xff\xe3\x1e+\xd7\x99e\x0fQV\x87b\x13S\x04\x00x\x05T\xb1\xf5\xe3\xcb\xb3\x08\xa13g\xff\x00\xf7XF\x92xl\xe7\x13\x1bv\t[\x81/\x86\x16\xcf^3\xb1^-.\x04\xca;y\xd4G\x875\x1f9\xdc\x14\xe3D\xc7s-#S\xe5\xcf\xabd\xa8C\x12\xcf\x87Sx\x8a\x8b\xd4a\xfd\xf8&lt;@\xba:\xf5\xc3\xb2B\xd9\x94\xffD\x87\xe5M\x17_T\xbblS\x9e\xe2\xb0\xaa\x04\x00\x02&lt;\xb8\xbfg}X&lt;\xfd\xb9\xc1\x86\x0b\xf8\xa9\x19\x91Y\x08\xef\x81\x17\xb0M\xb4\x80x\x1b\xf6\x0e-G\x98\x91!\xefh[\xda\xe5\xb1PQk\x10\xcbZ\xc0\x9cb\x9e\x9e\x9c\xe0\xbe\x85\x142j\xf8\xf4\xcc\x9e\x15I\xd2T@\xfc\xf5$\xc6\xfd\x0b\x8d\xebN\xf9u^\xe3\x9fI/\xed\tr\x94\x9bt\xa2\xedz!\xcak\x83a\xe1{\xb9\x17\x00\xfa\x9b\x94\xf6\xd7b\x95\xf06W\xae\xfd\xdeJ\x8a\xb4\xec(P%\xe4Q \xf7\xa3\xd8\xb2\xb8o\xe9\xb0\xa1\x1c\xde\xb3\xb4\x00\x01X\x93\x00(\xf5\xfa\x85\x1d\xc2V2\x1a\x82k\xa4\r\x0c\x901\xc3\xa7\x8f\xbe\x98\xec\xd3,\xbc\xd0V\xb4\xd7N\xfc\x8fE\x12\xb2Q\xa6.b\xae\x1e\x1f\x8es\xf4n\x83\xb7\nRM$\xea\x8b\r\x0e\xf8\xb3-*;\\\xb1\xbd\x82/\xb8}\xd4\x02\xc1F\x19\x96\xb5\x00\xb8l5\x117\xec\t\xc2\xc1\xc7\xa4S,\xcf\x89\x02\xf4\xa3\xf5\r\xa8\xbd\xb4\xbf_Z\x8c\ri\xc0\xbcY\xafV\xe8\xf5x\x96\x89\xe1\xf81;\x85\xb4V(\xb4\x8b\x82K\x82\xc0w\xd5\x85\xc6K\xd2\xb0d/\x9a\x91\x88\x16\x0eG\xac\xa8^\x89\xc3\x1f!\xe3\xebS\x9f\x8f\xfa\xe3j\xfbl\xb1\xd2\x98M\r\xb7`\xa4\xdc\xe0\x11\x8a\x8e\xc3S\x9b\x13I\xb0\rkv\xa9#\xde\x86=B\x1fX\xa7\xcb\x8b-\xad^\xcb\xe7&lt;\x91\'\xe3\xef\xbf\x96\xe3R\x08\xa5&amp;|\xc5\xdf6\xa8pb\xac\x0fw\xaf6=cT\xea\x7f\xed\x82\x9d\xb0`V:f\xd1q\xe0\xcf\xde1[\xf6\x10\xc0\xbcR$\xbc\x01\xe0\xd1\x1e\x9d\x18\x9f\x9a\xd0\x1b\xd0\xe2\x8d\x8d\xaf\x80xqy\xa7\xd8\xc6\xb9\x93\x10\xe5\x9a\xc8xr\xcc\x9c\xf4#\xc0E]\x8du\x07\xa9\xab\xca\ru\xe0K7#\xfd\xf94\xe3&lt;\x98\xc8em\x88/\x9b\xf2\xd5u\xc3\x06\x00\x00\xf8\xe3\xc3\xf5\xe7k\x13\x82L\x1bt\x11_\'\x1f\xa9\xf8.\xa4\x9e\x10m\xb7R\xa0\xba\xbf2\xe1\xee\xe6\xc7\xaa2\x18\xe8\x16(f\x90K\x86KO\xd3\x8eH\x83\x1a`\xf8@\x81\x81\x104\xef|J\xdcY\xbe1\xfbh\x89\xf3==\xc0\xee\xeda\x97\xcd\x8b\xe0Kq\xa17#\xdd\x92\xd0\xaf\x00\xff\x04""&gt;\x8aE&lt;W\x01)\x9au\xc1/Y\xda8\xa2h\xfd\xcc\x18F*n\xba\xad\x01*\xe2\xb8\xae\\;\xa8F\x0c\x97J\xc0E\xe1Z\xf0\x8fj\xb25U\xdao\xd8P\x08\xce\xdc\xf3\x87]\xf5\xbcm{LU\xad1\xe1[rS\xff\x89\xcf&lt;:\x1eZ\xaez\xfe!l\xe7\xdd\xa9\xd7\x034c:\x06\xc5\xa5e4\xe0\x90R2$\xb4\xad\\//YhZ\xdc\xd2\xc9\x85\xf0\x94\xde\xe0J\xe4\x02\xa0\x86\x7f\x1b\x8d\x19&amp;\xf0I\xdc\x99\x07\xbd\xeb\xa1\xdf\xddP\x19\x08pknS2\x11\x94\x81\xac\xdc\x04\xd4\x8a\x99\xdd\x0e\x95h\x05\x07\xb3\xdcz\xb7\xcd\xb2ay\\d\xf8\xff\x05\x8c\xa3[7\x1eW;oc\xd8\xe5\x97\xad\x8c\xf3\x10\xb5n\xca/\x00H\x9e\xaae\xc4\x9ed\x10\xa2\xb3\x168\xa6\x84\xf4\xb4\xa6\x15\xf0d.\xb2\xb1]\xd72\xbe\xef\xf2\x0cI\xd2w&lt;$\xd8\xb1\x80\x16\xcd\x05L\x04\x98\xc1\x83\x08\x88\x0f\xa3-y\x7f\xb8\xe4\xce\xcf\xea\xaa\x81{ \x13\x9b\xf8v\x16\xbc\x1c\x11\xe02\x00\'*\xfc\xc4\xe9]\xcaU\xaa&amp;\xf1\xc2\xd8\x0eUJ\xeb\x86\r\x03"F\xc1\xc8\xbc\x15\xc8m~\x8d\xc8((\xdanVTw}\xe4\x1b\xe7\xe2\xa5\xebZ\xa5yLa\x9c\xb6\x05\x81\x1d\xa6l\xdb\xaaa\xa1\'\xe1\x9f" \xbf\xdb2%\x8d\xd3\xb3\xb0\xb8h\x02\xf8\xdcd/\x8c\xd7\xe4\xe2H|M\x8c\xd2\xbb\x10\x11\x7f\xe5\xb5I(\x1e2\x03#\xa9\xbb@@67\x13\x1d\xac\xfa\xdb\x88\xb1\x8fo\x04\xd3w\xcf\xd52\xa5\xa8)\xfe^O\xe1r\x8cV\x8b\xe6Bq\xc3\x0e\x83\xbb]\xfd&lt;\xa3d \x02\xbc\xdf\xd9\xfaK\xc6\xe0\x8a\xd4\x90\x1c\x96\r\x11/\x1b\xb98\x01\xf8K\x14\x0b\xb0\x9e\xfd\x88\x93\xcf\xec2&lt;\xbdP\xb6\xb4\xf9\x06\xe0\xe2\xb8\xb0\xc4p\xfb\xadR\xf6\x89\x12\xec9\xf4T\xe6!\xab(\xc1\xc4W\x8cQQ!\xc0\x88\xb6R)\xf8\xa2ZU\xd6\xbb\xf1i\xad\xc3i%\xd6?\x05y\xa9l\xac\x86\x8a\x89\xe1\x1a\xa7\xfdk\xe2\xa6\x02\xaeln+\xfa\x1f\xb8J\x99Y\xc9\xd4b"~P\xb6\xa8\tH\x98\x0c\x88s\xdf\xb0a\x83\x86\x0b\xfe\x9d\xbb\xe28&amp;\x01\xaeD\xc2W\xab{B8\xcf\xb3\xe3\xcat\xc4#.\xf1\xc4\xaf2O\x02\x92j\xa8\xc8\xceS*\x96\x9a\xcah\x86\xca"$#\x8fN3R0\xc3z\xeb\x1f\x15\xec\xa8\xf8\x0e+w\xa2\xa8\xc</t>
        </is>
      </c>
      <c r="E155" t="inlineStr">
        <is>
          <t>&lt;class 'numpy.ndarray'&gt;</t>
        </is>
      </c>
    </row>
    <row r="156">
      <c r="A156" s="1" t="n">
        <v>154</v>
      </c>
      <c r="B156" t="inlineStr">
        <is>
          <t>steps_per_sec</t>
        </is>
      </c>
      <c r="C156" t="n">
        <v>1800</v>
      </c>
      <c r="D156" t="inlineStr">
        <is>
          <t>3.0606904</t>
        </is>
      </c>
      <c r="E156" t="inlineStr">
        <is>
          <t>&lt;class 'numpy.ndarray'&gt;</t>
        </is>
      </c>
    </row>
    <row r="157">
      <c r="A157" s="1" t="n">
        <v>155</v>
      </c>
      <c r="B157" t="inlineStr">
        <is>
          <t>Loss/RPNLoss/localization_loss</t>
        </is>
      </c>
      <c r="C157" t="n">
        <v>1800</v>
      </c>
      <c r="D157" t="inlineStr">
        <is>
          <t>0.34376848</t>
        </is>
      </c>
      <c r="E157" t="inlineStr">
        <is>
          <t>&lt;class 'numpy.ndarray'&gt;</t>
        </is>
      </c>
    </row>
    <row r="158">
      <c r="A158" s="1" t="n">
        <v>156</v>
      </c>
      <c r="B158" t="inlineStr">
        <is>
          <t>Loss/RPNLoss/objectness_loss</t>
        </is>
      </c>
      <c r="C158" t="n">
        <v>1800</v>
      </c>
      <c r="D158" t="inlineStr">
        <is>
          <t>0.061187692</t>
        </is>
      </c>
      <c r="E158" t="inlineStr">
        <is>
          <t>&lt;class 'numpy.ndarray'&gt;</t>
        </is>
      </c>
    </row>
    <row r="159">
      <c r="A159" s="1" t="n">
        <v>157</v>
      </c>
      <c r="B159" t="inlineStr">
        <is>
          <t>Loss/BoxClassifierLoss/localization_loss</t>
        </is>
      </c>
      <c r="C159" t="n">
        <v>1800</v>
      </c>
      <c r="D159" t="inlineStr">
        <is>
          <t>0.2915787</t>
        </is>
      </c>
      <c r="E159" t="inlineStr">
        <is>
          <t>&lt;class 'numpy.ndarray'&gt;</t>
        </is>
      </c>
    </row>
    <row r="160">
      <c r="A160" s="1" t="n">
        <v>158</v>
      </c>
      <c r="B160" t="inlineStr">
        <is>
          <t>Loss/BoxClassifierLoss/classification_loss</t>
        </is>
      </c>
      <c r="C160" t="n">
        <v>1800</v>
      </c>
      <c r="D160" t="inlineStr">
        <is>
          <t>0.091506444</t>
        </is>
      </c>
      <c r="E160" t="inlineStr">
        <is>
          <t>&lt;class 'numpy.ndarray'&gt;</t>
        </is>
      </c>
    </row>
    <row r="161">
      <c r="A161" s="1" t="n">
        <v>159</v>
      </c>
      <c r="B161" t="inlineStr">
        <is>
          <t>Loss/regularization_loss</t>
        </is>
      </c>
      <c r="C161" t="n">
        <v>1800</v>
      </c>
      <c r="D161" t="inlineStr">
        <is>
          <t>0.0</t>
        </is>
      </c>
      <c r="E161" t="inlineStr">
        <is>
          <t>&lt;class 'numpy.ndarray'&gt;</t>
        </is>
      </c>
    </row>
    <row r="162">
      <c r="A162" s="1" t="n">
        <v>160</v>
      </c>
      <c r="B162" t="inlineStr">
        <is>
          <t>Loss/total_loss</t>
        </is>
      </c>
      <c r="C162" t="n">
        <v>1800</v>
      </c>
      <c r="D162" t="inlineStr">
        <is>
          <t>0.78804135</t>
        </is>
      </c>
      <c r="E162" t="inlineStr">
        <is>
          <t>&lt;class 'numpy.ndarray'&gt;</t>
        </is>
      </c>
    </row>
    <row r="163">
      <c r="A163" s="1" t="n">
        <v>161</v>
      </c>
      <c r="B163" t="inlineStr">
        <is>
          <t>learning_rate</t>
        </is>
      </c>
      <c r="C163" t="n">
        <v>1800</v>
      </c>
      <c r="D163" t="inlineStr">
        <is>
          <t>0.037333302</t>
        </is>
      </c>
      <c r="E163" t="inlineStr">
        <is>
          <t>&lt;class 'numpy.ndarray'&gt;</t>
        </is>
      </c>
    </row>
    <row r="164">
      <c r="A164" s="1" t="n">
        <v>162</v>
      </c>
      <c r="B164" t="inlineStr">
        <is>
          <t>train_input_images</t>
        </is>
      </c>
      <c r="C164" t="n">
        <v>1800</v>
      </c>
      <c r="D164" t="inlineStr">
        <is>
          <t>[b'1024' b'1024'
 b'\x89PNG\r\n\x1a\n\x00\x00\x00\rIHDR\x00\x00\x04\x00\x00\x00\x04\x00\x08\x02\x00\x00\x00\xf0\x7f\xbc\xd4\x00\x00 \x00IDATx\x9c\xed\xfdy\xd4&gt;\xcf{\xd0uV\xfd\xf2\x8dQLt\x92\xc0@@%p\x08k\x86\x01Y\x049a\x108\t#\x81$\xc0\x84\xd1a;@D\xb61\x93A\xc2\x0c\xa2,\xe2\xf1pD\x01A@d\xd5(\xdb \x0e\x07\x90=0\x04\x08\x19\x96\x0c\x04\x14Y\\bX\x84\xa00\x84\xc9\xc2\xef\x9a?\xfa\xee\xbe{\xef\xda\xeb\xaa\xaa\xf7\xeb\xfc\xf2\xcd\xf3y\x9e\xfb\xee\xbej\xe9\xaa\xea\xea\xeanc\x00\x00\x00\x00\xb4A\xe27a\xe37\x01\x00\x80\x0b\x111S\xc7c[\xec}\x84N\x13@\x1fh\xcb\x00\xe0\xce4f5\xc6\xd8&amp;\xc7\xac\xda\x88\xc84\xf8\'3\x01\\\xa2\xe1\xcd\xedC\xb5\x03\x00\x00\x8c\xc3Zk\xf5\x8c\xfe\x97A\x06\x00=\xd6\x07&amp;\x07iJ"\xc6\x18\x11\x11\x11N\x00\x00\x00\x83br\x11P\xc8Z\xbb\x1c\x9b\x1c\xa4)\xad2\x93\x13\x00\x00\x00\xb0\xc7\xcc+\xeaZ\x9f\x06\x00\x00P\x980\x12\xea\x96\x88i\xb3p\xa9\x93\xc0\xc08\xfc\x01\x00\x9db\x8c{\x83\xcc\x01\x86\xc5\xe1\x0f\x00\x80^\xf9\xfaiF\x00\x00|\x89\xc8W\x88pY\x1b\x00\x9e\xd1P"\xdcS\xe5\x99\x1e\xc7\x11\xb4\xe1L\xd5\x92\xda\x0e\x14\x15\xdc\x08\x84\xedk\xde!G:\x00\\\x9b\x1bJ\xda\xcag\xf4(\x8f\x8eY$Bg\x8c&gt;P\x87\x9b\xc1c@\x01\xe0\xcejX\xc6\x93(rik\xec\xeb\x1b\xed\xee\xf3\xf7\x8f4\xe1T\x13\x13\xafj\xa6\xe6\x08\xa2\x91l\x06\x8fW\x02P\x92\x92^\xca\x03S\xb3\xa9\xdcd#9\x0c\xacy5;\xb2\x925\xaaZ:NZu\\\x01\x00PB\x8bmx\x86i\x12:\xb3=&amp;\xa2\x80\xb5\xe7f\xa7F\x1bB\xc3\xd5\x1fZ^\x000f\xee\xe1\xb2\x8eG\x0b\xec\x02m\x11\x91C}\x10\xbaf\xb8\xda\x0e\xcci[\xe0\x8e+\x00\x00\xfa\x10;AU`Y$\xbd3\x1cPK\xe0\x8c\xca\x82P\xd4\x1d\x00\x00\x12b\n\x1fi\x88\x88\xb5\xe6\xb6:\xed\xd7\xe6p\x11\x00\x8e\xb8\x02\x00\xa0I\xacI\x85F\xdc\xe5\x81D\xa6\x9at_\x9d\xa8l\x08\xc6\t\x00\x80f\xd1\xfbu\xa2\xa3r\xec\xe8\xf9z"\xc2!V\xcb\xfa&lt;\xd2\xfd\x9c\xb2\x9b\xba\x97\t\xcf\x14Z\xe3\x04\x00@\xb3~P\xed\x00\xf6\xb2\xf4.\xdd\xf7X"s\xc7\xdc{J\xdbb\xad\xe5\xb6\x95\xb6t\xdfVD\xb2\x96s\xa472\x02\x00P\x93\xd7\xdb\xb2\x80\xfe\x9d\r\xe4\xaf\x8e\x0b\x0e\x1f\x84\xe1\n\x00\x80\xd1q]\xb8\xae\xdd\x90\x85\xb2\xb8r\x953\xe4Xo\x18\xc4#?N\x00\x00\x8c\xee\xf4\x01\xa0\x0c\xaa\xd2y\xc8\xc9cV\x93\xf9W\xc8\xabA\xb8\x9f\x02\xac?\xc9\x89\x03\xdcq\x02\x00\x00\'\xac1]\xdd\x9cZ\xc9\xbc\xb6\x9f\x9cL\xe0\xf4L\xb5\xc0\xfb+P\xde\xfe\xe1\x9e7\x1f\xdc\xae\x00Z\xfd\xfc\xa5I#Bo8\x01\x00\x90Fo\x83&lt;kS$\xe8\xdf\x8f\xdf\xc4\xa2\xb9\x1cn.`@\'\xb98\x9a\xd6\xbf;\x9c\x06\xfeo\xb3\x86T\x05MJBL\x1b\x00HCD:\x9b\x89\xec/E\x85\xb9\xdc\x9ex\xd5\xa3\x0f\x9b\xf3S\x86\xe8L\xbe\xe6\xd8:sz\\\x9c\xe7\xbc\x88\x8cR("2HJK\xe0\n\x00\x804\xfak\x97\xfbKQm\xff\x87\xe3\xaf\xc8\xe2#\xf5\x15\x8fY\xd8B\xa6\xc7V.\xae&gt;T\xa4\xc2h(t\xf5GF1\\\t\x01\x00\xa8%\x07\x8e\x1f\x13\x91\x1fO\x0f\xa7\xcf}9j\xd3P\xa8;\n\xf3Y[&lt;A\xe2\xe3\xef\xea]%\x9cL\x01\x00\xb28\x8e\x18\xac\xb5\xc7\x85U\xac\x02B\x0e-/Xz\x1d\x13z\x82o93_\xe2\x93\xd0A&amp;\xac\xb1\x04\x08\x00\xaa\x99\xe7\xd5\xfa\x99Uzt\xfe\x1c\x1b\x87\x8f%5P\x86\x0f\xab\xe5\xe7#5\x1a\xb6j\xf1u\xc1\xfe\x1b\xfd\x8c\xfe\x01\x00\xd5\xdc/\x8fi\xff\x82\xbb1\xc6\xfcY\x87%@\x13\xc7\x8f%"\xb7\xff\x04*\xeb\xe3\xf0\x07\x00\xa0\x13\xf7#T\xcfn\xfbap\xdc\xc9 \xc0ud\xafn\xdd\xf3P\xc8y \x91/o\xe2h\xe2Z\x06\x00&lt;X/[\xbf[\x06*\x89\x9f\xc7\'"\xd6\xf4\xf1zO12\xbdZ\xe1\xdd/r1\xbd\x96\xd3{3\xaaD\x02\xf4\xe7x\x9b\x93N\xdc\x03\x00\x00\x0f\\[\xf3\x0ck\x8e\xc5\xf4\xf1\xc47;\x9d\xc6&lt;?\xd3\x10\xd9|\x9b\xdbkMM\xccY\x8e\x83\x12I\xe1\xe3\xab\xec\xb5\x95\xc6\xad\x8d(\x01@\r)\xf92\x9ae\x10\xd0J\xa7\x02\x9d\xdcG\x93\xd44`\x04\\\x01\x00\x00\x0f\x85g\xe5V\x93\xe5\xe3N\x072\x15\x1a\xc5s.\x99\xdc\x06F\xc0\x89&gt;\x00h\xd7\xd9\xf3\xa7\x9d\x891\xdc6\x10e7\x9a\xb7\xab\xff;\xfeu\xf3I\x9f\xacne\xd130\xb8\xf5\xa1\xca\x15\x00\x00\xa8\xc3}\x99\xef\xa8\x8b\xe6_\xb7\r\xd4\x0e\xa3\x13\xf6\x0b6\xa3\x7f\xf3P\xaf&lt;\xae\x03PF@\x13\xd6\x87*\x07-\x00T\x92\xfa\xa9A\xc0\xce\xf6\xfa\x89\xd9v\xfa2\xff\xf3\xfcV\xf3\x80\x9a9\xea\xa5*]\xb8 \x03\x17\\\x01\x00\x80J\x06\x9d\xd7G!\xfb\xebKb\xb6\xf3\xfa\xd6|H\xe6\xd3\x80\xb3\x8a\xc8\xcd\x00\r\x9a\n=\xfeF\x0e\x11\xa1\x02\xdcj&gt;s8\x01\x00\x004 \xe2\xc1\x88?\xe1\xfemkM\xdf\xf6\xea\x19\xfc\xaf\xde\xfc\xeb\xc3\xaba\xff\xe1\x14  SF]\xab\xa6N\x9aR\xe8\xa5(3\x1c\xe0\xd3\xf9Q\xc3\xed\x86a\t\x10\x00\xa0\x11~\x0f`=\xed\x9eO\xbf\xde\xe5\x92\x89\xf3\xe4\x9b\xe3\xa8N\x96\xbf\x9c\xbc \xec\xe4\xf3x\xd1Zm\x84\xa1\xddV\x8e\x077\x17}\x18t&amp;\\\x01\x00\x004\xc1\xef\xb94\x1e\xdbm\xbc#ww\x9a)\xff\xc2ki\xd0\xe79~\x1e\x13\xad\xd5FgT\x15\xe5(\xa8\xc7+]\r\x1c:T\x14` Z\xa7\xac\x06\x15s\xc7$Ey#\xd5\xd3-\xdb\xe5\x91\x03\xd3\x9d\xe8\xd3\x8f.\x9f\x07\x86\xd1w3\xcb\x15\x00`\x14\xad/X\xec\x8f\x8d\x18]\xf5\xdb+e\xd4q_\xee\xe8$\x03\xbe\xd2\x18c\xa4\x89\x19K\xc4\xa1\x0b\xc0\xda\xe8\xad!\x80.\xf5=s\x83{W\x03\x9dq\xaa\xc4\xc5\xfd\x0f\xe6\xd8\xe9?\x0e\nuf\x1a\x078\x10\x89+\x00\x00:\xc4\xe0\xa03\xf1\x93\x97\xc3V\tk\x97\x87\xf3h\xcb\x81\x8f\r+Vf\xb2\x9b\xd6\xfas\xb7\xba\xc1\t\x00\x00\xc0\x83H\xd2\x05#\xf3P\xe0\xe6\xb9\xe3\xbe\xc3\x85\xcd\xdb.g\x9eA\xb5=@\xb1\xf6\xe7.?\xc7$%\xebI\xd3\xff _\x19\xf6\xc5\xc8s\xb9\xa5\xa61\x12\xad\x8a\x9c\xafL\xdb|\x00\x00` \xd3Z\x8ee\x1c\xb6\x1b\xdb\x89\x88]\x1eT9\xea\x14\xfe\x8d\x9b\xfb\xc8o\xdf\x01\xfc\xfa\x88y:=H\x9e\xe7\x9b\xa5;"\xc1g\x18qK\x80d\xfd\xd8S\xeaUas\xb6\x1b\x86\xa0u\x91\xfb\x00\x80\xca\xaeN\x00\xd6\x7fe\xa0v\xe6\x95s\x9e\xe7\x00\xf3\xb7n\xa7a\xb3d\xf8\xf4\xd0!\x1dE\xc9\x8d\x04h\x8a\xcc\xa7\xcci*-K\x80\x00\x00\xaa\r&gt;H\xbby\x8d\xb1{\xde\x9c\xbe\xb8\xb4\xc2"\x0cM\xaf\n\xd6\x13\xc9\x98\xf2\xad\xbf\xeare\xd72I\x92j\x83\xd4~\x00@M\xdb\x89jz\xa5\x97\xdd\xe2(\x13\x949\xc1#!\n\x02\xc8A\xcfu\'\xae\x00\x00\x00\x10#\xcbtc\x92Q\x82\x8a\x81\x06\x00c\xcck\xf4_;\x88\x19\'\x00\x00\xba\xc2\x93=Z{\xbc\xc6{\xf5\xbf\x92\x891\x7f\x19\xc3^\xf2$0s&lt;\xbfe\x1d\nb9\xc4\xfe\xbd\xd1\x0f4\x9c\x18\xbe\xf9]9d\x85\xaa\xa7\xf1j\x89\x03\x00\x12\x98;\x9ff\x87\x92\xb1\x9a\xbb_\xb6\xb9\x80[\xe4&gt;&amp;s)\x08=k\x18\xa0\x10\xd5c\xa1&lt;+\xb8\x02\x00\xa0\x1fL=i\xeeo\xd2\xaa{\xa9\xa7\xadiN\xbbr\xf1\x81\xcfw\xbf\x023N\x1dC\x00\xaa\xc7ByV|P;\x00\x00Hfw\xd3\xe4\x98t\xf6:73\xfd_\x1d\xb4\xc1\xfbGX\xe2\xca\xaa\x08\x96\xfc\xd3Xa\x00\x00@\x90\xe1\x87\xc2\x83\xb8}Ld\xae=\xa6\xfa\xca\x1cy`\xf09\x12\xcem$@A\xa5\x9b/\xd3\xda\x15\xbct\xc6L50\x18\x061\x85\xe5\xce\xf0\xe3(\xb9\xa1\xf2\xcd\x999\xe1\'\x0fw\x1bm\'oQ\x03\xd5#\x99\xf2\xf3\x17f{\x80\x0f\xd2W\x1e\x93\xc9=\x00\x00\x90@\xee\x87\xd8\xbc\x1e\x1f\xd1f_\x953s\xb2&lt;UC\xe72*m\xbe\xb8tU\xd4S\xf9\xa9\x1ei\xd4*P\x0ep\x00\x1dS\xd2S6I\xcd8\xe3\xc4 \xf3UQ&gt;\x95\xfc)\xa2\xec\xaa3j~\xbf\xa4\xe2\x82\xd5A*\x15G\x10\xd0?\x8ep\x98\xc6\x9a\xfb\xc4q\xc6\xdcT\x00w\xac\xdb6Z\xa3jN;\x8dU\xbbDds\xa2\xc5\x12 \xa07\\\xdc\x84y\xad\xbai\xa32L]\xd2I\xf7\x9fb@\xc0\xc0\xa2\x1bMTf\xc4\xa8r\xa8\x0e\xd3D\xbc\xba\x84\xe5\xdf&lt;\x06\x14\x00z\xa5}\xc04?\x1b\xf4d\xa8\xff\xfaS\xd0f\x19)\xdeK\xf5\xf25\xf2\xd9\x90\t\x89Xk\x8d\x11\xf3Y\xe5\xf7&lt;\xc2\xd0\x1f\x00:\xf4\r\xeb\xee~\x8c\xa9\xa3\\n\xe6\xdeR-a\x1afz\xcf\xc7/khy\x18\x90\xd7\xb0+\x069s\x05\x80A\xa5\x9a\tNn=6\x8d\x0eOD4\xa6\xb1.\xb5E\x0f\xdc[\x1a\x87T\xb5WD\xc6&lt;\x10\xb8\x07\x00\x00\xa0K\xd2\xfe8\xcd\x13H+N\x13f\x9a\xaa\x1fq\xc8\x83\xf6%\x7f\xa4p\xc0\xe6\xb8z\x06@\x91\xae\x9a\xa49-]%\n\x9e\x1c\x96\xa9\x94[\xc7\xc2\x9a\x19\x00\x00\x80&lt;\xfe\x13V\'\x1fM\xcfn\x1b2O\xd4\xd4\x84\xf1\xaa\xe5P\x89\x05\xee\xa4:\xf6\xa3\xb7\xf3\tI\xc2\x00\x00\x94\xf2j\xf7\x7fB\xd0W\xdf\xd2\x85\xb3\x7f&amp;4\x1e\xf9\xe6\xff`\'\x0c@\xc7~U\xed\x00\x8c\xa1I\x01\x80\xe6L+\xc8\xc3\x06\xf1\xc9O\x00\x9azGX\xa3DD\xcc\x9f\xe8&gt;\x87\x7fO\xed\x00\xd03\x9a)?4\xec\x00P\xc9\xc3B\x9d\xe0\x1bIs\x9c\x00\xb0\xc6#\xa7o5B7\xdc{\x1a\xfbN\x9dv\x17-\xde\xbfY!\x14\xed\xde\xb7\xccq\x02\x00\x00\xbd\xc9p\x02\xa0\x82K\xa7\xa5\'ZlP.\x80\x8f\x1cm\xef\xb2\x98\x93\x13\x00\x00\xb8\xe3\xd8&gt;\xd2\x8c\x16\xe3\xd2i)\xbbc\x81\xeb\'\x00\xfc\xe5\x1c\xa0s\x02\x00\xb4M\xd9@g\\,\x92\x89\xd3s\xd6\xd1\xcb\xa6\xf7E}\xe6\'\xf5\x04I8\x0e\xeei\x9a\x00\xf8\xd1\xdcd0\xab1!\x13\x80\xe6p\xcc"\x15\xc7.\xc0\xbd\xca\xf1&amp;`\x00i_\xbc\x9a\x98\xe6\xd8\xae9\x0e\xd6\x03\x06\x07\x8c\'\x80f4\xd9zA+\x97\xde\xb0\xcd\x1e\x13\x00\xfa\xc1H\x1dZ\xacNG\xa9\x96\x00\x8c\xe1\n\x00\x80\x022]\x07\xd7\xbd*\x86i\x18\x0f\x8a\xcb1\x89\xfa\xa9\x9bs\x98j\t\x00\x00\xda\xa6\xf9\x04\x00u\xe8\xac\x12\xb2R;\x96dzJ\x0b0\x1a\xae\x00\x00h\x97e\xbd\xe3\xbd\x01\x87hT\x89\x0bi\xce=:;\x87\x01\x00\x00\xd9\x05\x0e\x1d\xfe\x0e\x03\x8e\x10Wc\xb5!\x07p\x03&amp;y%\xdd\xc5\x07N\x00\x00\x00hJ\xc3\xdd\xf6gU\xd9k\xd3c\x9d\xab\x05\'\xfd-Dq \xe6\xe3\x86J/\x80\xa2\xdcZ\xd4\xcf\xcd\x1d\x06\x00\x9ch\xe2\xcdV\xaa\xc6\xa6\xe9\x82\xb9\xdcN\x95\xb7B\xbe~_#\x9f\xab\x14n\xc0N\x97\xaf8&gt;x[O\xa5\x05P^\x92\x86\xa2p3\xc2=\x00\xc0(\xac\xb5\xea\x9f\x01\xa2q\x14\x15\xdf(O\x1b\x88\x1b&amp;\x8a\xef\x16\xac\xbd\xbcA\xc2.[\xf4\xcf\xf0\x14\x17\x10\x92\x95\xb2c0\x01w\x05p#\x01\x00w\x8f-\x86k\x9bY\xf0\x1c\x80\x13\x00\xa0\x1af\r\x0f\xec\xcd\xb0\xb5u6\xea\xad@\x81\xdf&lt;\xcf\xcc\xf9w\xbe\x15p\xa9\xb1\xc1ed\xadMU\xebcOB\xdcNcz\xad\x8d\xc0\x80\xaa_\x81\xbcmO&gt;\xc6\x98\xa2st\x1f\x94\xdb\x15\x80\xcc\xe2\xc7gX\xb36\xcdt\xccMq\xb8\x95\x94,\xdd\xc2\x7f\x91 \x1cc\x8c\x9d\xa6\xe1\xcb\xd7\x93\xbb\x0eX$\xec\x0c)\xe4;\x92\xf8bS\xb1\x9c\x14\x11\x8en L\x95cg\xda\xe9\xc3\xae\xdf-\xe3\xd9\xc7B\xdb\xc6\x87\xc0\x92o\x11@-\x9c\x00$7ei\x92\xfc\x8c\x1f\xba%\x0cf\xda\x9co\xa7\x12Y\xc1N\xbf&gt;eK`\xd2B\xfb\xc5\xd4G\x8a\x14\xebL9\x01\x00:\xf3x\x89@D\xa6s\x88\xb4\xfbe\t\x10\xd0\x8f\xa5\xed`q\x91NI\x9e\xc0\x93\xacp#\x96\xf1D\xee\xf9\x90\x84\xd0\x14E$\xe1z\xb1\xd9\x17\xac\xc3s\xcb\xedr#rF\xff@\x7fn[$ct\xde\x1e\x07\x00p\x14s\x02 +\xc9\x03+c\x93\x84\xd5cv\xd6\x89\x8aI`\xb2\x9c\xf9\x03\xaf[\xae\x8b\xdd\x90\x97\xa5L\x9b\xad\'x\xd4n#\x80\x00\x99\x9a}\xe6\x12\x00\xe8\xf5\xb82\xe4\xb8""\xf1:\x99\xc4V+=\xfd#t\xbe\x99\xccuk\x85s\xe9j\t\x90\xb9\xb8xU7\x8d%+\x12\x0b{\xe0Nw\x13\x87\xf42\x958K\x80\x00\x14\xe5\xf9,\xcb\xc7\x0f\x9c\x7fB\xeb\x0cY\xd43\x8e*v\xf9\xf9\xf2\xf3\xe6\xc2\xb7\x88\xfc\xf0\x96\xafx\xb8c07,\xf1\x7f=\x0b\xb5e4\x91\x0f\xc7\xbb\xeasy\n\x10\x00\xcd&lt;\xda=\x11\x99&gt;\x9c\xa2\x83\xccx[\xa7\x92\xfe\xdb+\x8cb1\x9f^\xcf\t\x15u\xe6`\xcb\xad\xbb-w\x0f1\x14\n\xb8\x95]I\x1b\x02%\xee\x9ejp\xdd\x84R\x87\x00\xa8\xe570\x1aa\x1dE\xf9\x07=\xa5\xbd\xfa\xcc\x83\xaa\x80j\xf2&lt;M\x12\xd5\x85\xb5\xab,\x01\x02\xa0\x96__5\xc2\x98\xb2\xf54\x0e\xf7\xa0\xaa\xc6\x92\xd9V\xb4\xf0C\xe9\xf6jZ!\xd4v\xdf\x00\x00\xe8^\xd3\xcf2z\xa6 is\xf6z\xe4s\xe7\x85\x12\x87\x9cA\x0c\x0e.\x00\xc3\xa1\xd5K\xaa\x9f\xcc\xa4bhC\x89\x009\xb4\xfe\xf8f\x00p\xb5{\x8fR\x93\r_\x8b1\xc3Y\xc0\xa3WzGn\x00\x99(\xed\x04Y2\x04 \xb9\xd7\xcd\xbb\xcd=\xafz\xf3\x10z\x93\xfe\xd5\xeb\xb95\x97\xe1\xb5\x1c3\x8a\xack\xc8\x08\xb7\xfb\x03\xb9q\x130\x80\xbd\xe8i\xfbW\xdf\x1c\xf9\xf4\xe2\xca\xeaG\xaeq\xd2(@@]*3a\xa6sZ\xae?\xea\xaf\xb7\xc8\xe1\x07\x00\x00\xc6\xb3&gt;\x01\x18j\x90Tf\xc1\xd2PYj\xfc\xd3[\xac\x14vk\xd5r\xef\x11\x00\x00\x00\xda\xe5\xb8yk\xd8\x93+wd\x0b\x80\xfehk\xd9X\x02\x04\x00\'\xf24\xd6r\xf13\xde\xda\\6\xa6\xf4&gt;\xbf`"b8SE?j\xd6a\x9d\x0f\xc3\xe0\x04\x00\xe8M|[Sp\x05v\xca)\xf6L\x8dl\xd2\xf1\xe8\xfa\xae\xd3\xd7\x96\x15v\x0c\xda\xe9\xcb1}\x11\xa5@\xfdLE\xe5\xf8o\x18S\xe6\xd7\x9cV\xb0\xb3\x8a1\x00\xc0\xb3\x92K\xe1\xd5&gt;#\xb9L`:\xd3\xae\xd8\xbb\xce\xd4\x8ed \xf1\x13\n\x03\x96\xd7n\xb1_\xc5\x1c\x180\xf3\x0f\xc8\x01c\x0e5\x81+\x00@o\x12N\xa8\'\xd9\xce\x95\xddt\xc8\xd2G\xea\x18.\xbc\x1e\nYj\xce\xa6zzk\xf2)n\xa6\xd0*\x88&lt;\n\xacmtYW,%\x89\x1e3\xf3\xb7\xc8\x01\x00\xbd\x8b\x9b\xb7\xae3\x0c\x95\x95*\x01\x1c\x15\x0bFU\xaa\xeb\x12\x11\xf3\x13\xc9\x8a\x0eQ\xc3\x81\xea\xe8k\x00\xe0\x99\xccO.\x1f\xb0\xc5\xcc\xd5O|\xe3\xe1r\xb2\tSq\xff\x91~\xeay7\t\x01R\xe2\x04\x00\x801C\x8ek\xdd\xad/G\x0c\x98Q1I\xfey\xd7\xdf\xa5\xfbQ\xab\xa7r\xe9)-\x00\x00\xb4\xa1\x8fA\x9e\x9e\x13\x80\xb62\xf3\xbe\xf4\xfb\xa8\x1bP\x8f:\x068\xe1&amp;`\x00\xb8T\xff\xfe\xb9v\x06\xcd\xf7wL\xb7\xf9\x14\xbcf2\x1f\xb3\xe6\xeaX\tM\x9d{7\x14\xaajM\x15:\x00\xa4\x90\xe4\xa9\x85\x1aZ\xcf\xe4ahz\xceR\x03\xf4\xd4\x84[\xca\xc3\x03\xa0\x11W\x00\x80n]\x8f]\x1818\xaa\xf9\xe8\xee\xa9\xec\x1a\x9c5\xef\xc7/7\xef\x97\xb5\xcd%\xa2\xf0\xd8\xa1\x86tIaM\x03\x00\xb4\xe0\xea\x04@\xfd\x8cf}\xf5F{\xdb7\x07\xe5)\xa9F&amp;\xb6\x15\xd9\xe7\x18Y\x87\xcc8B\xe1\xcb\xb7\xc2p\x05\x00P!\xc7p\xf3b\xee\xd8u/#w?\xf3\xbc{\xf1\xb9\xd5_d\xcc*\xe7\xc7-\x80\x0b\xb5\xea\xe4T\x1f\x96\xab1\x94\x8b\xa3\x1f7p\x1b\x12\x8f\xab\x7f\xf0B\x85\x01\xf0\xc0u\x14\xd5t\xe7\xadw\xc1\xc6\x03\xd9\xca\xb7\x8b\x1c[\xce\xed\x9b\xde\x85\xcde\r=\xb8\xd5\x04\x03i\xb4\x9es\xba\x00\xa0O7k\xe8\xd5.\xaf_w$\n\xc3\xd3n\x95}\xe4\x1eP\x97\x88\x0cr\x18\x8e\x93R\x00\xad\x1ag\xf1w\xfeE\xfc\x19\xb3\xb1\xd32\xea/E@Qm5\x0bmE; \xee\x01\x00:\xe1\xd2\xda\x8e7K\x91/\xbd\xf9\x9ej\x9f\xb1\xd7\xac\xd8%\x8b\x0c7 \x18-\xbd\x18\x84\xe3\xdcJ\xb9\xde\xa6\xcf\x19\x93\xec8\x01\x00\xfa\xe1x\x0e0\xc2i\x80\xb5\xad\x9e\xed4\xd4\x91%\xbdR\xd1N\xb2\x9d5Z\x03\xa1\xf6\x12\x9c\x9e\x1a\xe5\x96=\x85\xa2\xd5XT-\xe0\x04\x00\xe8\x81\xce\xee\xaa\xaa\x9c}\x8f\xd6\xf1\xc1\xa3\xab;"\x14$G\xcb\xc8\xa6{\n\xcaz\x08\x1d\xe7s\x92\xf3\x90\x8e\xf3\xa7\x15\x9c\x00\x00=\x88k\x91i\x88=\x15\xba\x8aR\xa2\\\xde\x8f\x1c\xf5\xbfe\xc2+\x0f\x06\xb9\xf4\xa4\x9fc)\xe88-\xdc\xfa\xc9\x92\xfb\xdc;\xe1\xc6\xfb\xae\xed\xf1\xa9K\x9b=}\xe7v&amp;d\x190:\x9e`0\xb8\x96\x1f=$\xf4by\xbc*\xc5\xf4\xfe\x83\xca\xb1\xe4q\xfa(0\x11\xb1\xd6\xcci\xef3\xe1\x9d\xa1\xff\n~\xa8\x1dW\x00\x80\xc1\x891Q\x0b\xcf5\xce\x14\xc2\xc7\xd2s4\xd8\x8f6\x17p+\xe6W\x9e\xf5{d\x9f^\x92\xb2\xd6R\xa9\xd0\x9c\x06\x9bn\x00\n$\x19\xbe\xbbo\x84\xb3\x851\xe5*w\xaaS&amp;dl\x0b\xaa4\xa7\xb4\xe1\x00\x80\x84\xe8Tbi\xee\x98\xb3\xc5\xa67\xc9\x00\xd4\xf95\\\xb2\x06\xd0\xa0.\xd6\xdb\x1c\xe2\x171\xba\x07\xaf\xea\x90W\x00b\x8c\xdb\x864\xd3\x87\xe6\x8e\x93{\x00\x00\xa5\x8e\x07\x7f\xf9f+\xcf\x1e\xf7\xab\x15%\xf1\x8en6\xd5L\xd3\x7f\xa3\x874$\xd6S~\xf4\x94\x16(5v\x1b\xc2\xe3\xc8\x00\xd4\xd6\xc5t~\xb8%\xf9y\xf2\xe1d\x83\xb2\x92zw\xe5\xb4\x1e\x7fk\xfa\xbf&lt;\x95\xf5\xa0H\xb8\xd9\xbeK\xa1\x9c\xcf\xa5\x01\x811\xdc\xed\x0eT\x14\xfc\xf4\xae&gt;\xbc\x92o\xf6O\x84&gt;fK\xaa\x8cr\x7f\xde%\x8f\x96\x83\x88\xd8\xedyd\x7f\xcf\xc4&lt;\x0e\x045W{\x8eJ\x00@\':\x99\x89\tO\x85\xd3\x17\x99\xf3V\xac\xdb\xa2y\xd5\xba\xf9\xfdh"\xf2\xb7\xbaK\xe9\xf4\xf67\x8e/\x00\x00\xa0N\x07\xebv\xfa\x15[(\x9a\x8b5\xbe\xd65Qo\x0b\x04\xa9?\x13\xb4j\xa0\xfe\x84S\xb6&amp;SO$\x9e\x02c\xe6&amp;`\x009\xc4\xbe_lm\xba\xee_\xec\xea\x7f\x9b}@-=/\xc98}W\x94\xef\x16R\x05\x93O\x13A\x8e\xa9\xf3\xa6h&gt;\xbe\xa8\x80q\xc8&gt;\x00\xea\xf4\xdd}!\x01N\xb7\x86@)\xa3\x054G\x00\xb2\xab\xdd\xd0\xd4\x7f\xc6h\xb0\x86B\x05\n\xf0&lt;"\xb2\xacs\xe0\xa8\xc48\x02j{\xb3\xeb\x8b\x00\xa4Vq\xd1\xed\xe9\x9fZo\x9e\xda\x8d\xbf\xd1\xb0\xa1\x07U\x08\xf0\x15\xd4eHO\x97\xb5\xb9\x07\x00\xa8\xa3\xe2\xaa\xbdLK~5\x8cB4\xc4\xb0p\xef`T\x85]L\x95\xfb\xff\xda=Q\x04\x90PP7h\xb5-\xb8\xa75\x03\x90@tSR\xbd%\xaa\x1e\xc0\xdb\xea\xf9\x16\x0fQ\xcd\xcf\x9a\x1cP\x9d\x13\x80\x92\xbb\xabn\xb4\xf4\x02\x00\xd0?\r\xd3\x99"]]\x15M\xc5\xfd\x04@\xad\x0c\x91\x1f7\xd8j\xe6\xb4\xa2\xdd\xea\x07\xccT\xd7\xe1\xb9\x91W\x1d$\x80~\xd4Z&gt;\xe1\xf8KL\xda\xcd\x9c\x1c\xb5\xeb\xbd\xc1\xdf\xf2~\xbbV\xda]`Q\xe4\xfc\rhU\xc29\x1a\xee\xaa\x07P\x8e\x9e\x13\x80Q\x97\xaft.K\xed\xfa\xeb\xb2\xdex\xda\xed\xd3_\xae]eoL\xb6\x93\xc3\xd1\xfef\xed\x00:\xe7TE\xe5N\xfe\x18]\xa9\n\x06\x80.&gt;\rV\xce\xd9\xdc\x82\xb4\xb5\xd1\xedr\xec)\x837\xff\xb8w\x111\x7fGEQ\x0eV\xa9\x82\x13\xbb\xf9\xe2H9\x96\xcc`5\xad\x82\xe7\xec}\x17\xc1{\xd1\xce\xe6\x04\x80\x02\x02\xd0\x97N:\x9eC\x0fz\x9e\xa8\xab\xb9\xcf&lt;Aac.\xa3f.\x16)\x9c\xfck\x01\xd9\x85\xc6\\\xb5Kj/\x02\xe4\xc6c@\x81\xbeM-\x9a\xcd\xf4\xe8\xcf\xaa\xa6\xf9\x9a\x8b\xf6\xda\xf3\x1c`\xa8v?\xab\xbf\xf3z\xce\xecY}S\\\t{&lt;@\xb2"\xbb\xd0\x92\xb9\x85\x7f\xae\xb7\xc5\xfb\x82L\xbb\xa3G\x03\xba\x10\xb3l\xb7\xeb\xa1m\xb2\xa4]\xe5R\xd7\xb9\xd7\xae\xc47\x0f&lt;\x942u\xc0S\xc7GM\xc7I\xeb\xd8ny\xcf\xe3\xa5\x80\n\xb1\xd5\xc0\x15\x00\xa0\r\xbem\xc4\xe52\x8c\x82\xf2\xb7k!\xd3\x90\xa7\r\xee\xd5\x04p\xe1\x89a\x16\xa1\xbaIY(\xd6&gt;]\x1f\xe3\xe2\x80\'.\xa7@\x8fwko\xdf\x8d\xff\xe3\xdbYrG\xb5vz\xb8\x148+\xe0(\x05\xd4\x92\xb8#4\xf2\xebHLD\xee\x07FK\x8b\xcf\xf8\t\x85\x89\x885\x9c\xea\xa0C\xabvu3\xee\xdf5\xb3\xbb\x01w\xf5F\xf8\xb1\xbf\x88\xc7\x15\x00@\xa3\xf9\x8ae\xc0\x1c\xc0\xf2\x15\xfar]r\xb4\xe6,H\x08E\xbe\xed\xc9\xf2\x1f \x8b\xea\xb5\xeb\xb2\x05\x1e\xb3!\xe5\x04\x00\xd0\xe3\xaf\xed\xfe\x1d0d\x14\xc9\xb8d\xb9\xf7;\n*\xb3\xb3\xf5/\x95d\xf8\xa7\xe9\x08#\x1dN\x8f7\xe6Z\xd7X\xb6(9:\xe0\xa6~\xed\xba\x88`\xd0ZT\xbf&lt;\x00\x14\xb8\xd8\x97\x84\x92u\x02"b\xad\x19\xb2\xf9\xfap\xe1Y\x9bi\x80e\xad]~(\xb9w\xe0^+\xab\xe6Zi\xe1{\xb4\xba\x05\xe0\xa2\x08NO#G(/\xae\x00\x00\xf5\xb5\xd2\xd4Xk\xd5\xc4Z(\x0ce\x17=j\xb5\xd8\xd3\xe8\xff\xf0[\x11\xf3_\xe8\xc9\x1c\x9c\xeb\xf8\x01\xe7#\x8c\xd2p\xef\xa9b\xdb\xcd\xffs\xfbz\xf5z\xd5\xe5\xd1\n`h\xb4kMX=+\xe3\xae\xbc:.\xcd\xd5\x88\xf9\xefU\x0e\x05\xd7:&gt;\xb7\x81#\xe7\xd2wz\x0b\x98\x92\xeaT\xe6!~\x9c=\x03=c\xe5\x06\xdcM\x0b\x15\xb6uf\xd0gI)Y\xed\x86\x1b\xed6nC\xad\x08\x8a.\xa6\x0f\x89\xfc\x83\xb8-l"9l\xead\xc0_\xbdt\xca\xd4\x90\x0fr\xef\x00@-\x1af2\xd0\x90\xa9\xcb\xd9v&lt;z\x87)Y\xfb\xc8\xea#\x00\xa0\x03Q}\xd0\xea\xcb\x8e\x87\xe3\xfd\xc9\xc6\xfa1\xa07\x81i8\xf6\xcb\xc4\xc0=\x00\x00\x80\xf6d\xed#\x95\xac\x04\xb8\xa29\xb6bN+\x80\x86\x17 &gt;\xd20\xc4\xd4o[\x8aN9f\xad\xb5\xf6\xd3\x1f\xfen\xedM\r\xa1h\x00\x00\x8daP\x98\x90\xee\x13\x00-+\x95\x15 +\xee\xd5\x7f\x19\xbc\x9e\x02Z\x87\xf1\x8eJS\x84a\x9a\x0e\x1e\x00\x10\xec\xd5\xfa\xbb\xdc\xb6\x1b\xb0Y\xe8\xd3\xfc\x90%!\xb2\x02.nOE\xbe\x9e\xe3\xd7\x93GU\xc9+!,\x01\x02\x80\x86=&gt;\xe5z\xfba\xd7nl:\x9b\x88\x88\xab\xa8\x8e\xfafW,U\xd8\x1a\xae\x02\x84\xf9\xff\x89\x18\xf3o\xa7\xde\xaa\x92\xcc\xff9\xa1_\xfc\xaa\x94Q\x00\x00P^_3U\xae\x86J\xb5\x86e\x15\xaar[C\x86\xb4BD\xcc\xff\xb7\xcf\x8cz\xaa\x00""&amp;\xb4\x92\xac+\xd8\x1f\xa4\xb2\x01\x00\xb4\xb9\x19\t\x89\x881?\xa2p&lt;\xc5\x04\x0c\x01[\xed\xc5\x15\x8cwE\xe4Kj\x04pS\xb7[-\xcd\xc2\xda\xc8\xa5\xcd\xb2F\r\xd6\x15\x8c\xca\x06\x00P\x87\xcei\x04\xf5J\x991\x90/]\xb9\xd4P\xa9\xa9\xba\xb0\xb3\x8dDKT\x91\xb8\x07\x00(FK\x93Q}\xee\xb0\x8f\xd6S\xa7\xf99w\xe3:\xd4.*\xdbt\xc4\xfd\xd5\x14\x9bzW\xad\xc1\xab\x99+M\xb5\xaf\x9d\x86wz\x9c\x7f\xed(.\x8d\xde\xc6\x02\xf0\xd3N\xe3\x0b\xe8\x15\xb0\xce\xe7\xe2+\r\x1f\x8f&gt;7s/\xd3\xa8\x9bg F\xee\xbe\xe9\xdc+IS\xb3\xafhB}cW\x9d\xb6Af\r8t\xe3\xfa\xf20\x08W\x00\x80B\x983(\xe0\xf3\xf4uo\x95;]}\x19\x12\xc9\xf7(\xba\xbe$\xd2\xf6\xf1\xe8\xd5\x9eXk\x97\xf4\xba\xd7\xc6\xcb\xaa\xbb\xda\x1a\xeeij\xf6\xf5D\xb2!\xbbV\xea\x95c\xb2\xac\xb4\xc9\xd4~FlViN\x02\x807\x8d\xd3B\xfet\xceo)\x0c)\xb7\xfe\x92\xdcS\x8a\x9en\x13w\xfa$\x14\x10\xf1|\xacM+\x05*[\xb5\xc3\xe9\x16W\x00\x00tB\xe7\xeaw\x8d1a`\xf3\x04\xeb~\\\xc5H\xabE^efS4G\x05\xeaI\x83M\xe6gr\xf8\x00hR\xcb\x8d\xd7_(\x1e&lt;\x93Ro\x1fEV\\\x08\xb8W!S$\xee\x01\xbc&amp;\\\x99vm\x84\xe3\x15\x80\x84\xa5\x99|J\xfe\xe6bTC\xd3\xff\r\x85\n\x00\x1b\xc9\x1b\xaf\x92\xad!-o\x05\xdf$ \xcf\x87\xe8#\x974z-\xa7Q2\x80XF\xff\x1a\x82A\x12\x89K\xb3`\xddh\xab\x12\xb6\x15-\x80\xc247\x10ZN\x00\xfc\xbb\xab\xc6\x06+\xc3\x8e\xae\x96\xd9\xe5\xe4\x9b}\xfc\x8d\x06M\x9c\x00\xb4\x82\xec\xf2\xf4\x17\xd2m\x8a\x9c\x07\x00d\xf0\xd7\xba\xee]\xb8\xb3-\xb9\x8b\x13\x00\xb2\xb7w\x1cA@\x9c\xf6n\xb5\x00\x80F\xadG\xab\xdc\x1c\x9c\xc8+S\x97\xfc\x14\x11\xf2\x16@\xb3\xa4\xcc\xe0\x9c\xa7\x00\x01=\xe9uV\xcc\xefQw\xf9\xe2\x88\xc1\xe8?\x0fr\x12\xc0Di\xe3\xef\xa9P\x9b\xc6\t\x00\xd0\x93^\x07C\xbe\xef&lt;\xd2\xe2\xf4l\xa4L|jO\x84\x92;{\xd5\xd7\xb76#\xe5\x80F\xacs3\xc6P\t\x8bz\xdd\xc4^;\x0c\x00\xa8\xe1_\xa1\xdf\xd5d\xfdL\x98\xc2\xab\xff\x07\xbc\xd9`\x97\xc9C\xa5]\x1bmu\xafV&lt;\xa3\x1c\x86\n\x12\xd8QV\x17J\x85\xa2\xa92\x00)\x88\x88\xdf,8k\xa63\xd8/\xe2\\\x1at\xcf\xac\xde/p\xf7\xfef\xd0N\xabt\rS\xc01U\x91EV\x9ax7D\x1d\xeb\xbb\x8d\x8d?r\x93\x040\xe9#\x9f\xcbT\x18\x96\x00\x01]Yf\x9c\xdd\xbf\xd2G\x8b\xa9\xcc\x9c\xa5qS\xd1\xcb\xf7&gt;9bB\xc8\xf7lp\n\xd9\xe7\xf3i&amp;\xab\xceV\xf2\x84l!~;\x88\xb7\xab\x14\xebJ\xd2\xc5\x1c\xad\x1f\xad\x152\xc1\x94y\xed\xd2\xdc&lt;YXk&gt;{+\x93\x90N2\x0b\xc0\xc4}\xa6\xb9\xefI\xa9\xea^\xb3bf~\xaf\xfd\\0aW\x00\xfc\xbf\xb8L\xcb\x19\xf7v~\xd7\x97;\xee\x91\x8a\xd4\x1e\x11S\xa2\xc8\xc4\x18{6;[\xe7\x12\xd3\xe8\xb6\x85\x9ej\xd6&lt;\xf4\xdaf\x1a\xd5/&gt;4\x8d+\x00@W\xdc\x9bB\x1a\xcd|\xde\xdd\xd2\x92\xc9\x81\xb9\xfd\x9a\xccv\xf9\xf6v\xf8\xbe\xdc{p\xfe\xc9\xf3\xbb\x93\xed\xfec\x8e!\xba|L\x91\xf7e\x99\xfe\xa7\xa2\xcf\x0b\xd1Z\xf3\x87\x0b\xa4\xfd\xaabT\xac0\xfd\x97\xf8%kO\x9b\x83\xf8\xe3\xb7\xe257k\xd5\xb5?\xbd\xdc\x87\x00\xa0A4@\xf5\xd5\x18\\\xbe\x0b]6N?y\xfc\xfdr\xe3\xac&lt;}\xbd\x07\xab\xa4iN\xe3\xbf\x98\xe1\xdd\xc9\x93\xdc\xa9\xd6\x98\xab\x7f\xbe\xf7Z\xfdd\xb7\x10+&amp;+\x86\xcd\xc3GA\xb9Z\xa7N\xea:s\x02\x80.TY\xe4\xf0\xda\xe9\xf6\xe2\xbe\xf1\x8cd\xdf\x13i\x9b`K\xe4\xb5 K\xf3\x12\x82\xcc\xb76f\xac\xa2js\xb5\xeez\x15Ub\xcaHm\xf9j\x10P\xc7j\xe5\'K\x80\x00 \xd9\x84\xd6\xb2\xd4\xff\xf4\x8fIvq\xed\xb5\xd3y\xd5\xd0t]&gt;\xe0\x0e\xe0\x11\xd8\xf9\x06\x8d\xfd\xea\x05\xc96\xe9\x1e,\xcf\xc0 \xdbh\xe3}\xf3\x89:\xcb\xa1Q;\x90\xd9\x97\xd4\\\x87\x16\x96\r\x8c\xfe\xef\x05\xd41\xf2\x12@a\xb9:\x9e\xdd5\xd0q\x06\x95\xc6\xfc\xd7\xcd&amp;V\xce\x96\xffx\x9d\x104\x9a\xf0\x1d]KDR\x04\xf3\xfa\xfa\xa7\x14I\x94\xaa\xdc;\xd2\xb6\x04\xe8\x15L\xa5\x17\x14\x94\xdf)\x00\xa0&gt;\x111\xbf1\xd7\xf2\xe2Az\x97C2\x9b\xbf\xaft]v\xce\xe5\xf8\x90\xea\xb2\x95\xe1y_\xf7\xf1\x88\x88\xf9\xea\xb6\x0b\xf1B\xfeD)\x1b^\xef\x84\x9e\xd9\xe6\xa8\xc0\x9bCLm\x8e\xe56r\xda+"\xcf\x81\xd1\xe5n\x05\xc2\xfa\xda\xc6\xe8N]\x99\xd8\x1e\x8b\xf8\xee\xaf\x7fd\xfan\x928]\xeb\x9b\xe6"\x9b(\x8e\xf0:\x87\xffU\xed\xc7{\xf0\t@\xebg\xf5hW\x8e\x03j\xd9 +\x8f\x00\xe4\xf3n\xbbR\xad\x19\x15V\xa0\xbay\xb7\xf2\x99\xf3\xea\xb1D\xe4\xf6E\x01\xc9\nt\xd5O\xdeo\xed&gt;\x9e\xf2v\xf1h\xae\xe1\x9bJ%"\xf3]\xe6\xbb1\x8a\xf2\xe0\x8d\xd6\x08\x81\x9d\x9c\xad\x81p\x130\x80|\xec\xe6\xff\xa1\xa0\x87.\xe3~b\xc9s\xce\xe9~_\xf7\xbdW\xb2\x87\x88\xc7lG\xd3\xa4\xb5\xe6\xb1\xe9\xe6\x06\xc7U\x9c\xf6\xf0\x19u\x18\xfdGR|m\xa7\xa2\xf5\x82\xc9\x1c\xdb\xbfo\x1e\xe3\xae\x0fXN\x00\x00d\xf4j\xbf\xaa\xf6\xb8\xa3\xf6[Q\xa3\xf2\xf9\xa7\xe7\xac{|\xd6P\x91\xfc\x97e\xaa,`xW\xb7~\xb45\x1e]G\xfb.z{v\xaa\xaf\xea\xb8\xab\xf7\xb2\xaa&gt;\xe4.\xcb&amp;[\xe9\xaa1\xaf\xcf=\xc2r\x8f\x13\x00\xa0\x8e\x12\xed\xdd\xfb\x8d\xa7\xe7\x01\xb4\xd8\xe6\xfa\x8e\xf0\n\xa7QU\xae&gt;\xe4\x95S6\xb60f\xf2\xbcJ~\xfc\xa4\xb2\xa1\xa1\x96\xfa\x13b\x9d\x93\xbar\x15Ql\xce\xc3DO\x9b\xe9EVyR\xf1]\xc8\xc18\x01\x00\xaa\xc9~\x1b\xee\xea\xf5\xaeYw4\xa0\x98,}:%SRX\xe2\xf8&gt;\xe3\x7f\xf6)+\xac\xb5Y\xcf\x8b\xc4\x986NT\\\x9d\xa4E\xff!\x9cl)WZ\x87\xe7\x11\xeb\x0b1V\xa1\xba\x91\xb3p\x95V\x9e[\xd5\x0f\xc9\xe5M/-\xe6\x1e\x80\xbcDD\xf9\x83\xf9\x16\xfa#t\xe5\xf0\x08\x9a\x8b\xc4~\xbc\xaa\x92J\x1b\xcc\xf1\xd1+&gt;\xdb\xd7\x92\'\x15\xe9\xa9\x18\xfa\x1d\xf3J\xf9\xe3\x89\x00\x00H\xc9\xab\xc3\xa3\x83\xbc\xb2\xe4L\xa6\xfc)9\xeb\x7f\x1c\x85\x97\xdc\xef\xf1\x04\x80*\xa7\xca\xa18:) j\x1ap\xc4\x12 @\x97*\x1d\xd5w\x17\xc9\xba\xc4\xf3\x94KJ5t\xdb\xcb\x05\xd6L\xf9\xf3x\x13mrz\x06\xdf\\\xb9VeW\x1cS\x05QRU&amp;s$\x8aB\x02\xda\xf3]\xc4|}\x8e @\x1f\xfd}[\x991\x81\xaa\x91G/d\xa7\xf0\x8e\x83\xbf\x9b6\x98\x9b=\xc5|9Y\x18ZT\xa8\'.tF\x95\x84o\xa2\xde\x17\'\xbfg\x87\xb9\x81\xac&gt;\xa8\x1d\x00\x80=\xfd\xd3\xa2\xd3|x\xed(\x8a\x11\x11\xe5\x85\xf2\x1a68\x04\xf9\xfa\x88\x94}\xdb\xd4\xe9\xb0F\x9c_\xc8U.\xf3\xe7\xdc\t\xaa\xde\x9akH\x18k\x8d\x88\xa6\x16i]\x91\xf4D\x95\x8d\x1c\x1e\xac\xfa&gt;l\x07\xcb\n\x84(\xdc\xce\x03h\x95\xbe\x195\xd1\xf0(q\xc7\xb9\xc6jS\x92\xdfL\xe94\xed\x8e\xfe\x08\xa1\xc4M=y\xd5\xa2\x9c\x15\xa9h-\xdd\xde\xffsz\x8c\\\xc5\xd3\xc4Q\xbf\xd3\\\xc0\x00\xd0\x92\x06\x16Z\xb8\xa9\xd2[\x9cw\xc0_t\x15F\xfd\x1ck`\x1c0\xafR8\xcd[\t\xbb\x07Zsz{Q\xb7R]]5R]\xd5c]\x8e\xf5O*|\x83Y\xf1.\xbeo\xd0X\xe4\x00\xa0]?\x1d\xa4\xfeq\xad\x1a\x9asiu~\xf2eW\x7fR\x12\xbf\x9eH\xb4\xa8\x93\x1b\xcbN\xff\xe5\x1a{\x07\x12\xc8\xd1\x92\xd0:\x01\x88\xd0N\x0b\xc2h\xcc\x99h\x1bI\xaf\xdcE\xa5-\xec\xc0k\x11\x18\x1a\x15\xa6a\x8f-\x8f\xae\xcb\xe9:\xdaI\x00\xb1\xf4\x8c{\x14*\x9f9M\x97\x85\xaaa\xf4\x8e\xce\xa8\xc2u\x96\x1c-t\xe5j\xa6\xa3\xa9\xb7c\xa1q\xbbRN[\xe8"b\xcc?\x95jk\x00\xba\xf2jnR\xb48.\xcd\x16}\xcf\xcen\xba\xb7\xd9\xfc\t\x9cD_}\xde\xf5\xa6C \x93A\xaa\xdc \xc9l\xc5\xba\xd9T;\x81\x92\rW;\x81\xaa\x92\xb58^\xdb\x19\xae\xa5\xdb\x1b9\xf9"\xf2WD\xe6:0n&gt;`d\x9a\xaf\x98\xa1\xa0W\x1dx\xae\x0cT\x15\x00}p\xed\xf9\xd2\x8c\x11\xe7\xf7\xd4\x94rl\xcd\xe9\xe9\'\xebq\x0fy\xd21F\xb7\xf7\xeeO\x008=\xc0 &gt;T;\x00\x00\xa5\xad^\x0br\xd7\xc9\xc9\xc3\xdf]\xf7\x16\xbf\tw\xc7n\x9b\x8e|1\x95\xfb\xea\xbf\xe4\x0c\x1c\xd8\xb1\xea\xc9\xd2&lt;\xde4\x1d\xbb\xb5\xe3\x1cJh\x11\'\x00\xc0\xc8\xeeF\xe7\xd6\xdaF_\xf7\xbbD\xcd\xe8\x7fg\xfbJ\xc84\x85;\xf6ti\xe7\t\x17\x11\xf9p\xed R{|1\xaa\xfb\x07\xe6\xebiI\xe2B\xc3Zl\x069\x01\x00\xfaU\xb9Iz\xef\xbd\xd8y\x84}\xedk\xda_\xa6\xb4\xb7\xd7\xd0?:&gt;\x10\xc39\xf7z\xcb\nOU\xce\x90\x8b\xd6\xc0\xc7\xd1p\x8b\xac\xb5\xf1\xa7\x01\xf3v\x96+2\xa0\x00\x00 \x00IDAT\xfa\xcc"h\x11u\xb0w\xd8[\x01\xcd\xf9\x91\xc6\xfc\xba\xf2{\xadx\xf0W\x9f\x11\x89_\xcb[=\t\xc9]\xa5\xe8x\x02\xe0\x9c\xf0o\x14\x9fE,\xa2\xf02Xv\x8d\x93RT\x15\xdb\x8e\xe5\xaa\xa8q\xc7{o]\x18\xd0\xa8\n\xc7\xe1\xe0\x07\x7fd\xf2\x95\x9c\x00$\x8c\xe1\xfe\xde\xc7\xcd\xcf\xb7;\x9d\xb7\xf3\xfc\x1a\x1d\x87\xe0\xb9\xe7\xd2U\xf5\\z\x050\x95W\xce`d%\xdf^pe\xc0l\xf7Mr\xb1,\x8a&gt;\xe1\xbf\xfc.K\x80\x80b*\\&amp;\x8e\xbb6\xfdw\x92\xb4q9\x1aJ\xc7mF^\x9awY\'P@\xda\x18\xce\xb6&amp;\xf3RfY\x7f\xceecn\xfb\xbc?\x97\x98\x16n\xd5\xcfg\xb8X\x86\xe4\x92\xe1\x0c\x99A\xbf\x12\x03\x1e\x8f\x9eI.\xbc\x06/\xa68.\xbf\xcb\t\x000\n\xffn\xf5\x1f3\xc6\x18\xf3\x97"\xf7\x9b\xa9/a\x94\x10\xe0\xa2,\xd6\xe79r\xfd\xb1\xed\x17\xce&gt;\xb3\x1b\xbd\xcd\x1f\xeb\xf3^\xf3\xf2z\x1d\x965=\xe8o7\xf2\xac\xa6y\xeb~3G\xc5\xdc\x10\x00\xec\x9dv\xa8\x01\xbdl3\xcdw+q\x1e4=\xf4\xd9P\x96\n\x111\xe6\x17\xd5\x8e\xa27\xb2\x95v\xb3\x9b\xd7Z;\xbe\xa1I\x01\xfd\x11\x96\xc7\n.\x00\xa8\x83\x967^\x99&lt;\xec\xa6\xa4\xf4\xa5\xc2\xf1\xfe\x84\xcca\xab\xcb\x96(\xb9\x07v\xcbR\xb4o\xc5\t@\xcb\x9a(8cL\xcc\xe1\xcf\x19\x0e\x00t\xea3\x87z\xd6J2\xad\xf4\x88\xab\xfe;\xef\xcd\xac\xf96\x9e\xc9\xdd\xb0\xa6\xc1\xe4\x00W\xc2\x0e\xcfL\xd7\xc1\xcai4l\x00\x086R\xab\'\xcbd\xea\xd7\x0e\x94jo"\xf2G\xc9\x9f\xadV\x875\x08\xd1UY\xfb\x9e\xcf\xc7\x9f\x00\x04|\xbd\xba\xa6\x83\x07z\xe3{4\xa6?tE\xcc/\x1e\xa89X2\xb0\xfbF\xb0\xfb\x04\xc6\xe8\xb2\x17\x8cO\x91\x86l\xa9\x1e@\x06\x1aS\xa4\xa1\xac\x93\xda\xa5%_\xea\x1a\xce\xb7\xe5\xca\'O\x01\x02*\x9b\xda\x11\xf7G\ndiw\xac5\x9f\x9c~\xab\x9a)\xef\xf9R\xc5\xa6\xfcQ\x15\x9a\x8b\xa0EI\xf2\xb3\xfa\xc3o\x97\x8bW5\x83HO\xf5\x91\xd8\x0b{\xf5\xcf\x80\x06\xff\xf6\xf3\xb5\x0f\x928\xf6G\x19*$P\x9d\xeaah\x97\x9a[\xc1\xa9p&lt;\x94*\xebT%\xaa\x07"\xc6\xfc\x99\xdaA\xc4j\xe8\xd8D+\x02\xee\xf6\xa1\x12\x02hRK\x8dWx\x9c\'i|L\xb8\x1c\x84\xee\xbd\x10Q\xf0D\xedmFI@o\n8j\xe2\xa8Ti\xa8L+PI\xca\xe7g\x89=.\xad7K\x80\x806\x84\r\xb9d~\xa2\xb6f\x11\xc3\xff\xe5\xc7\xbf&lt;\xff\xe6ac_q\xfa\x81\x90,*7\x02\x8e~\x13dr\xcf\xaf\xf7\x02\x82\xd5z\x03wCg\x1d\x17\r{\x9f\xaf\\&lt;\x9d\xa9\x99\xfe\x959\xb6\xd2\x95P\xa4Xn[C\x0b\x0etliJ\x94\xafV\x14\x91T\x11\xae\x92l\x8e\xed\xdbU\xdbz\xb3\xf7\xddW\x94\xe7$\x80`"r\xdan\xe8\xd4J\xf3\x1e\xef4\xa5\xa9\x92\x7f\x7f\x0f^\xc2\xbe\xc9=\x98I\x81\xfd~\x90{\x07\x00\x92xl\xa7\x8e\x7f\xb5\xe65\x10N\x1eIt\xdb$\xeb^6aKg\xad\x9d\xdbP\xa7m&gt;\xed\xfa[\xba}\x0c@\x0fDr4\x99Y\x8c\xd3(\x9d\xa6\xd4Z\x1b\x7f\x01`\xf9\xfeU\xa7V&amp;\x93\xd7{\xb7\xf6}q#\xe0\xd1 \xe3\xd4\n` M,\xe6y\xf6\xd7\x02\x17n&amp;[\x16\xfc7\xfd\xb6S\xf5\xf2\xf7\xf3\xae]\xc2\xab~\x05\x1fh\x84\xda{\x0f\xfe\xd3\xc1\xd6\xf7\xa7\xf2\\\xa0\x1aJ&lt;\xe0N\xb6\xd3\xcfkH\x0b\x801\x04-\x9dw\xb9\x99\xe1l\xc5\xa7\xba\xd6\xadL&lt;\xf1{I\x18\xe7\xf6\xce\xe9\x93\x02\xd2VF\xdd\x1b\xe1\x0c\xd0!\xfe\xb6\x13x\xe5\xe9A\x052\xffWk\xf2\xcbV\xbc&amp;z\x8ds\x95\x82\xe4&amp;`\x00!B[V\xfb\xf3\x8d\t[ek\xed\xc7\x86\xec0\x9b2\x17[\xe3\xf7\xb2\xd9\xc2\x9f\xbe,\xb4\xe7\xf2&lt;\xbb\t\xef\xf5\xcdi\x05\x9a\xcf\x8a\xb36:f\xf5\\\xaaG\x07\xab\x02\x9ejK\x03\t\xcc0\x18U\x99\xeau\x1a\xcbV\xbc\xe5\xde\xf1%\xab\xcb\xdeM\x1eQ\xb8\x95\x8eP\x95\x15\x08\xc0\xf0X\xd4X\x98\xe3\x92\xd3\xcdmj\xc6\x98\xf7M\x17\x9e%U{\xb5\xf5\xfdM5\x83h\xe2(\xeb\xa3\xa4V\xa9\x10\xc7\xa1\x97\xf3-\xa1\xaf\x0f\xb6\x9eE\xa9T\xa90\xa7\xed\xa7\xf2\xdb\xca\xb9\x02\x00\x94\xc3\xac\xa7;;\xab\x1dHe\xc5\xea\x8ccVo&gt;\xb6\xfd\x8a_\xa8:J62{\x9bYc\x10\xedj\xe9W\xa6}\xad\xff\xd9];\x100\xfa\xff\xfd\xb7\x9f&lt;\xf9JO\x02\x96\x17\x96\xaf0\xa7\xa3\x7fSmu\xcf\x96\x8a \x00\x00~\x14\xb6\xdd\x87\x90\x9a\xed`z\x1d3yr\xba\x91\x80\xdb&lt;J\xdad\xf8w{?\xac\xe6\xea3\x1d\x17\xcd+i\x99Rw\xb2Y1\xfe\xf9y\xfcp\xb1\x13\xe6GW\t\xe9\xe9\xac\x1a\x00\x10\xe2\xbd\x14\xc4h\x99\x9b\xc7=\x11)YX5\x16\x0b\r\xbd\xb2\xc5e\xfd\xcf\xe1R\x89Q&gt;\xa8ke5\x97\xf3\xe2\xab\xb6\xf1\x1e\x00\x00\x08\xa1\xa13s\\\xb8\xffh\xb9y\x8e\xd1\xbf\xfb\x12\xed\xba:\x1e\x97L:\x9d\xce\xf6\xa3\x7fL\xdf\xb1\xf8\x13l\r}\xc4\r\xee\x01\x00\n\t\xb8\xa4\xa8\xe4\x02"NiY\x98\x9cn\xa0\xa4#=55\xb2\x8c\xa2\\\x88\xf3:\xe6\n\xf7\nO\xbbRr\x90\x05H\xb4&amp;\xc7\xf5%\xe5\xbb\x0f\xab\xac\xc7\xbf\xafv\x00\xe7\x8ey\xf5\xba\xed$U\xdd\xebz\x81\x16\x80G\xde\xc7\xff\xd4d|\xf2`\xad\x06\reY\xb1/\xa0\xf1\xde\x9f\xfa\xbePsl72-\x92&gt;,1\xf7n\xc4\x92\x87\xd4\x8ab\x87R\xde%\xf2I)&lt;\xf6\xcb\xb4H:\xe7\xf2\xb8\x02\x00\x94\xe1=_&lt;}\xfa\xcf\xe4\x88E=m\x9dD\xafD6Y\x9d/\xdb\x03\x86\x8f\xb5\xc6\n\n\xa7\x9c\x9f\xb3b\x9a\xa7\xcf\xb3\xf7\xcd3x&lt;\xe7p\x15ff1\x99\x1f^t(\xedFrz\xcc\x1aa\xadUXB\xdc\x03\x00h\xb5\xee=\x86Y\x9cm\xad\x9e\x99\xaciI\xbcw\xb6\xa7Z\x97_\xc0.\xce\xdca\xab)Y\'\xaa\xd6\xef&gt;\x84\x91-\xcay\xc31;h\xe3\x9e\x8ar\xa2\x1b\xf3\x8b\xb3\xc1\x062Y\xc9\xd1\xd4\x9f\xb0N\x87\x13\x00\xa0\x05\x03\xb5\x9bJ\xfa\x88\xc0\xd1\xbf\x19\xaa\xac\x82\xb8\xdd\xd7\xe8\xf8\x88\x9b\xf0bz\xa4\xe7\xfeK%\x87\x04\x92\x88&gt;\x1f:\x19\xfd\x8f\\A\x92\x9c\xa8\xb7\x98\x81\xeb\x84\x07vU\x89#\x02\x80\xe2TM\xd6"\x9ek\x81\x8a\xc8\x00\xe5N\xf5\xeeF\xaa\xa2\xec\xf09\x95\xc3\\\xe5NE\xa2_3\xcc=\x00\x00\xce%\\\x84\x9d{=\xf7\xbe\x0b\xf4\xbf\xdf:e4MY\x96\xe6W\xcd\x84\xc3S8\xa6\xdf^\x87$\xf3#\xe2\xf3\xc5\x04$\x97\xea\xc6\x80e\x1b\xfd\x1c\x01n\xef:\xc0\xa2\x93\x13?\x00\t)|\xd2\xc2\xfa\x89\x15\xb5C9q\x15\xd5!`\x8d\xc1\xf7Jmm\xa9\x84\xac\xb84f=\x19$\xd5\xce\x8d\xb3"\x9ac[\xe3\n\x00\x80\xfcV\xf3^\xffo--c@\x18\xca\x1f\xb3\xdd\x95\xcc\x0fQi\xcc\xeeyM\xc1\x9b\xe9\xefDb\xd8#q\x90\xa3c\xfb,\x8c\xaa\x13I_4hM\x03\xd0\x8cV\xa6\x1f\x94 \xbb\xa0\xdfY\x15\xa5\xd2\x1as\x963\x1c\xd1Gn\x0f\xe1\xfd\x9c\x12\xa1\xc4\x91\xad\xc2\xbb&gt;\xfb\xf5\'\x94\x8c\x01@W\xe8\xabj\x0b\xc9\x7f\x9d/vA\xafN[\t\x9a\x8e\xadWnpl\xce\xfc\x86\xc8\xcd\x9c8\x89,\'\x02\x01o\xd8\xc4\x82%@@e\x1a\xae\xe4\xae&amp;T\x06lL\xc3\x9e\xf5iG\xcc\xaa\xa643\xa0qP\xbf\x8dh\xc0+\x93\xf4\xbct\xa9n\r\\\xf6\xec\xd8\xb0\xbfz\xa2_\xad\xfe\x90Y\x95o/\xc77\x00d\xf3\xd8\x15\xbd\xcf\x01\xfev\xb26\xb5\x9b\xe1W\x12\xe4FI\x9ao:\xc7 \xa8\x81\xf9t0i\xf5\xc9\xaf\xbaA%\x01\x90\x17\xad\x8c\xbb\\\x19\x95\xa1\x08&gt;;\xf5\x06\xfbA\x85GE\x8c\xfe\x8bh8\x87+\xdf\xd3\x0c\x00\xd8i\xa79\x96\x84\x97\xc0\x97T\xd3\'\x01P\xae\x83\x06\xeax\x02\x10\x9c\xa8\xb0+!*\xd6\xc9\x01@&lt;\xe1\x85\xa9@\x9bDD\xfd\x91+E\x86Lb\xa4\xa7\xf7{\xe5\xb2\x1e+\xab\xaf9\xe7\xaawX\x1f\xd4\xda1\x00\xa4e\xed\xee\xbe\xb7\x96:\x86\xe6\x02\xce\xc1\xbdSoa\xbc\x18k\xc9\x8d\x9b\x94\x8e\x90\x0fJ\x88\x94\x18\x96\xbf\xdep\x9d}?\x9dh\xbd\xf2\'\x8a?\xf0\xd4\x94\xa7\x00\x01\x9di\xfe\xc2h\x84\xb6_\x1d\xd5t\xf0\x85\x91W\x9d\xd1_\xa0i#\xbcZ\xec\xd1v\x13V\xd0\xf0/\n\\\xd7\x9f\x87\xb9\x92\xdc\xa1\x00\xa8\xe0xls\xb4\xcf\x02W\xb1\xf7\xbd\xfc=S\xd2\xae3\xcd\x7fw\xfew \xf4Z^\xdc\x8c\xd1\x992E\x99\xe1\xd6\xd2\xee+\xe1\xfa\xc5\x029\xf7\xf2W\xc5\xfc\xaa\xf3]p\xa4\x03p\xe2\xdbR\x94l\\Zo\xc5\xee\xf3\x8af\xdaK\x99\xec\xea\xb5PzM\xd7\xb0\xc2\xee\xd4\x0c\xd8\x0b\'\x00\xbe\n\x9el\xbfw\xb1\xde]\xda\x00\x1c\xb7\xc3\x12 \xa0=^W&gt;\x1d\xdb\x82TM\xcf\xfb\xb2\xac\xee&gt;\xe3\xee\x12\xfcu\xfeZ\xfb\xf3\xc7\xbe\xee\xecG\xf1e\xfa\xfa\x95\xf3\xf1\x88\xd3\x99q\x085\x15w\xb9RMw\xe8\xd5&lt;\x8a\xcb\xcc \x98R\x8d\xd5:5\xcb\xee\x92\xa7Qk\xab\x0b \x9a\xd7T\x81\xcb\xd4\x02\x8b\r&lt;\x91Q\x19\x1d\xeaa\x9f5\xd3\xe9\x88k!\xe1\x8aJGO$\x07\x8ar)?.8_:\x0b8\xedE\x1b\xf7\x8dp\x05\x00h\x92\xe3\t\xbeK[\xd0^\x1bZ\x1f\xf3+\x19|\xe1\xbb\x0b\x9c\x7f\x10c\xbe\xd7\xabz~\x84\x18\xf3UC\x9d\xa6J\x99\xe7\xceDS3\xdd\xa8:\xbb\xd6\xb9\xf4\x1e\xed\xf5X\x99K\x1e\xa1j\xea\x9e1\x8e\xa7\xf4\x9a\x02V\x14\n\x80\xc5rQ2\xc9v&amp;\xf7\x0f\x13L\xb2;\xd4\xd5t9.u\xd5\xfe\xe3F\xfe\x97\xa9\xa3\xb4g\x7f\x7f9|\xa09\x0f\x0f\xef\x13\x1e\xf1\xe9\xa5\x91\xf3%s\xa8\xca\x9d\x95r\xd3\xadP\x8c9\xe1\xc6\xb7]r\xec\xa6\x01t\xa0\xe8\xac\xbc\xe3\x12\xa0T\xbbCEMO\x90;.\x89I{\xb9\xbc\x18\xdfh{\x9d\x1e\xc6Z\xc9\x9a\x1c\xb9/\x11\xf9\xaeeo\'\x1bJ\x8bm\x1a\x00O\xef\xb5\r\x85\xf7I\xcb\x92\xddE&amp;\xaf\xd7\xb4\xdc|,k\x0cz\x05\x1c\x0er\x90)\xb6\x84BN\x00\xd0\xbb\x92\xb5w}\xb0\xb4r\xd4TQ%g\x96\x13~\xca\x05\xe8X\xe6!\x0b-{%\xa7\xc5:\xffr\xff\xb8\xb7\xb2\xa1i#\x01\x0f\xfb?\xf3c\xdb:\x07\x00**y\xda|qV\xaf\xfd \xd5\xd0\x9e\x94\xdc;\x8b\x8d\x80\xd2\xe4l\x89\xe4r\xcc\xdf/\x01\x94\xe7e\xc1\xa5\x1f6\x87\xc9M\xb1\x16^\xd6\xe9PI\x92\xed*\xa4\xa6\xad\xfa\xb7\xc88w=%\xcbg\x13*X\x8bP\xc8\xfaxIr\x83Y\x7f5\xc4\xb1#\xce\x1dE\xaa\x1e|)\xa3\xd3\xc2\xe2)@\x80\nv\x16\xbf%\xcd\xa3\x7f\xaf\xb9\x8d\xb0\xb9\x90T\xd3\'\xcb5YGV\xcd\x00\xb4L\x18\xf3\xb5\x8d\xeb,:\x14_\xee\xb95\xdf"\xcbi\x0e\xe3\x07*\x89\xc7\xdb\x8f\x9d\xfe\xdf\xe7\xb5\x1a\x7f\xd3$\xcfj\x10\xbbr\xb5\xe7\xc3\x0f\xcb?\x93\xd7\x84/\xd1v\xe1N\xc7\xe8\xdf\xcc=x\xb2\x8e\xec\x95.e\xb9\r\x8ce5\xfe\t9\x14\x9b_\xea\xe0wu\xb5\xd0\xd5\xea\x9b\xdd\x17\xdf\xe7\x1f1\xed\xdc\r\xf6\x18\xe7\xee\xaf\xc7\x15\x08)\xd2x\xba\xcd\xeaY\xb7O\xa3\xfe\xd2\x84*5\xaa\xcd\xb6\xd2\x8a\xfc\xb1\xd7\xa1$f\xfb\xfbT\xc7\xaf\xc2V\xae\x95\xb6\xd7\x9d\xdc\xdeZ\xa0b\xbe\n\x18F\xcc\xa5\xbd\xd7!\\{rbO\x9c/\x04\x8b\xcf\xfc\xca\xae\xc1\xd2\x96\xea\xac\xa4\x91\xe7\xe8]\x15\xe8\xf1\xf7W}\xea1\x8d"\xe2\xfb\x1c\xbd\xe3\xc6k?!\xf4$\xb9I\x16;9mDDZ\xa8&lt;\xb8\xe2{\xf8\xbb\xb7\xc0\x17\xbb\n\xd7Y5\xf3\xea\xa1\x9a0\xd5\x8d\xab\x1a\xc5\x12 \xa0\xa4\x98fEi\x93\x94\xa9\xad\xb4\xdf\xf9\xb5q\xff\x95Q\xedM\xe1\x88\x881\xbfc\xf9g\x99\x97\xd2\xc7[\x0</t>
        </is>
      </c>
      <c r="E164" t="inlineStr">
        <is>
          <t>&lt;class 'numpy.ndarray'&gt;</t>
        </is>
      </c>
    </row>
    <row r="165">
      <c r="A165" s="1" t="n">
        <v>163</v>
      </c>
      <c r="B165" t="inlineStr">
        <is>
          <t>steps_per_sec</t>
        </is>
      </c>
      <c r="C165" t="n">
        <v>1900</v>
      </c>
      <c r="D165" t="inlineStr">
        <is>
          <t>3.047335</t>
        </is>
      </c>
      <c r="E165" t="inlineStr">
        <is>
          <t>&lt;class 'numpy.ndarray'&gt;</t>
        </is>
      </c>
    </row>
    <row r="166">
      <c r="A166" s="1" t="n">
        <v>164</v>
      </c>
      <c r="B166" t="inlineStr">
        <is>
          <t>Loss/RPNLoss/localization_loss</t>
        </is>
      </c>
      <c r="C166" t="n">
        <v>1900</v>
      </c>
      <c r="D166" t="inlineStr">
        <is>
          <t>0.092185974</t>
        </is>
      </c>
      <c r="E166" t="inlineStr">
        <is>
          <t>&lt;class 'numpy.ndarray'&gt;</t>
        </is>
      </c>
    </row>
    <row r="167">
      <c r="A167" s="1" t="n">
        <v>165</v>
      </c>
      <c r="B167" t="inlineStr">
        <is>
          <t>Loss/RPNLoss/objectness_loss</t>
        </is>
      </c>
      <c r="C167" t="n">
        <v>1900</v>
      </c>
      <c r="D167" t="inlineStr">
        <is>
          <t>0.025005482</t>
        </is>
      </c>
      <c r="E167" t="inlineStr">
        <is>
          <t>&lt;class 'numpy.ndarray'&gt;</t>
        </is>
      </c>
    </row>
    <row r="168">
      <c r="A168" s="1" t="n">
        <v>166</v>
      </c>
      <c r="B168" t="inlineStr">
        <is>
          <t>Loss/BoxClassifierLoss/localization_loss</t>
        </is>
      </c>
      <c r="C168" t="n">
        <v>1900</v>
      </c>
      <c r="D168" t="inlineStr">
        <is>
          <t>0.3593885</t>
        </is>
      </c>
      <c r="E168" t="inlineStr">
        <is>
          <t>&lt;class 'numpy.ndarray'&gt;</t>
        </is>
      </c>
    </row>
    <row r="169">
      <c r="A169" s="1" t="n">
        <v>167</v>
      </c>
      <c r="B169" t="inlineStr">
        <is>
          <t>Loss/BoxClassifierLoss/classification_loss</t>
        </is>
      </c>
      <c r="C169" t="n">
        <v>1900</v>
      </c>
      <c r="D169" t="inlineStr">
        <is>
          <t>0.15369213</t>
        </is>
      </c>
      <c r="E169" t="inlineStr">
        <is>
          <t>&lt;class 'numpy.ndarray'&gt;</t>
        </is>
      </c>
    </row>
    <row r="170">
      <c r="A170" s="1" t="n">
        <v>168</v>
      </c>
      <c r="B170" t="inlineStr">
        <is>
          <t>Loss/regularization_loss</t>
        </is>
      </c>
      <c r="C170" t="n">
        <v>1900</v>
      </c>
      <c r="D170" t="inlineStr">
        <is>
          <t>0.0</t>
        </is>
      </c>
      <c r="E170" t="inlineStr">
        <is>
          <t>&lt;class 'numpy.ndarray'&gt;</t>
        </is>
      </c>
    </row>
    <row r="171">
      <c r="A171" s="1" t="n">
        <v>169</v>
      </c>
      <c r="B171" t="inlineStr">
        <is>
          <t>Loss/total_loss</t>
        </is>
      </c>
      <c r="C171" t="n">
        <v>1900</v>
      </c>
      <c r="D171" t="inlineStr">
        <is>
          <t>0.63027203</t>
        </is>
      </c>
      <c r="E171" t="inlineStr">
        <is>
          <t>&lt;class 'numpy.ndarray'&gt;</t>
        </is>
      </c>
    </row>
    <row r="172">
      <c r="A172" s="1" t="n">
        <v>170</v>
      </c>
      <c r="B172" t="inlineStr">
        <is>
          <t>learning_rate</t>
        </is>
      </c>
      <c r="C172" t="n">
        <v>1900</v>
      </c>
      <c r="D172" t="inlineStr">
        <is>
          <t>0.03866665</t>
        </is>
      </c>
      <c r="E172" t="inlineStr">
        <is>
          <t>&lt;class 'numpy.ndarray'&gt;</t>
        </is>
      </c>
    </row>
    <row r="173">
      <c r="A173" s="1" t="n">
        <v>171</v>
      </c>
      <c r="B173" t="inlineStr">
        <is>
          <t>train_input_images</t>
        </is>
      </c>
      <c r="C173" t="n">
        <v>1900</v>
      </c>
      <c r="D173" t="inlineStr">
        <is>
          <t>[b'1024' b'1024'
 b'\x89PNG\r\n\x1a\n\x00\x00\x00\rIHDR\x00\x00\x04\x00\x00\x00\x04\x00\x08\x02\x00\x00\x00\xf0\x7f\xbc\xd4\x00\x00 \x00IDATx\x9c\xec\xfdw\xfc=\xcdY\x90\x8f\xcf&gt;&lt;\x88@\x90\x08\x08F@ @B\xff"M\xa4\x86^\x04!\xd2\x04\x8c\x06\x90&amp;\x08\x08\x84^\x95^\xa2AP\x01\x15)R\x15i\x02\xa1\xfeh\x02\x82\xf4\x1a\x90\x00\x91\x9a\x80R\x12\x8a\x81\xfb\xf7\xc7\xd9\xdd3\xbb;\xb3;\xbd\xec^\xd7\x0b\x9e\xbc?\xe7\xec\xce\xdcs\xb7\xb9g\xb6\x1c\xa5\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a0,\xc3\xf6#\x11\x19\xbf\x1b\x0c\xdf\x9a\x10\x115(\xa5\\\x8fwjPg\x18\x94\x92{\xfb\xb7\xaf\x87A\xdd\x0e{\x0f\xa5&gt;\xdf\xdc\xf5\xa2\x9da\x18\xf4\x7f\xdb\x05\x1e\x8f\xda\x1f\xfeJDG]-\x04X\x9c"J\x94\xcc\x9f/[\xdf4~\xffz\xdb\xef\xb2\x0b\xa5\xd4\xa0~_\xe4\xb9B\x84tv\x00\xe5\xa8\xb4\xf9`\xa3\xe3eBD\x86\xe1y\x95\xfa\xdd\xddC\x0c\x9f\xee\x8cED\x0eGjl\xd4G\xa5\xba!\x94\xa6\xb1?S\xeaY\xdc\x1b\xf1\xeah\x9f\xa5\x18\xe0\xc5\xaca\x14x\xcc\x94\xe1\xd1\x15\\\x97\xb9\xce!i@&amp;\x1eX\xfeS\x96\xa5\xc0\xaa,\x90\xcd\'\xb7sL\x87N\xbc\x8e[m\xb1d\xeb\xee\x83V\xac\xcb\xea\x7f?\xcfZ\xc1,\xda\xd9\xac*\xde\xc68\x1c\xa5\x86\x1b\x07"\x0e\xbb\x8d\x9b\xb1\x1e3U\xcfc\xb3\xbbm\xfd\xd4\x81`\xcbfE\xc6\xea?\x88\x1d\x81m\xce\xe0\xa2\x87\xd2\xe9L\xe4wv\xbf\xb7\x19\xdb:\x96\x1c\xa5\x89\x88\xbc\xb5E{7;NQ\xf5\x80c\xbd\xee\x8e\xf3h\x98\x87\x02\xf9NQ\x96\x88\x01\x03\xa7-\xfdSG.\\\x80\x93\xc6\xc29\xe95\xc0\xe5^\xb3k\xcc\xe3Y}x\xffJ\xff\\\xcbn\xcb\xe3\xc3$24;\x7f&lt;\xf6\xfe\x16\x07\xbd\x98\xc6\xb4&lt;x{\xe2\xb1\xc0\xe6a\x1e\x8e\xd4~\xb0\xe1\xf4\xddf\r\x06\xda\xe9\xc8\xa8FGI\xf7\x8f\xb0\x9d\xe6\xdc\x91\x93\x10.\xc7*\xf5\'\xe6\xcf\xdf\xd0o\xec\xee\xd6\xf4j\xea\xb8\xc1\xcda\x9bs\xc5\xc5.\x91"\xaf\\q%\xc3\xabQ\xbe\x00D\x90-r\xe1\x8c\xb0g\xd0\x15\x99g\xe7,,n\xaaY\x7f\xa7o\xc3X\x865\xe8\xd7\xb6\xf5kU\xda\xf1I\xb7sdu\xab\xc9\xdc\x8f\xb5\x97\x8d\xe4\xeb{o\xe6\xffu\xbe\xe5I_\x94\xeb\xcd\xbb\xdf5\xa4\xdd\x80t\xffX?}\xb7\xd9\xfb\x97\xdf\xa0\xd4[\x9a:\xdd\x9a\xcb\xe7J\xa2&amp;\x922\xabE6\xd7\xe8\xdd\xf5\xb0m\xcc"\x98Y3;\xc7\x8d\xd7OD\xe6\xdb\xc3\x94\xff%\xd4\x88\x81\xc4\xb4\xf3j"?\xa8\x1fl&lt;}R\xbb2\x8d(\xc7\x8dUk?:\xed\xd6,\x00@Kl\'Yh\x99\xe3Z\xb4\x1fD\xfd\xb2u\x7f7n\x97t\xde\xce\x0c\x14\xcc\xb3\xdf\xfd#\xf5\xedU\xc7\x9e\r\xc7\xbb\x8b\xb4m\xc1\xa6\xcc\xfb\x87\xab\x96?\xcdU\xffS/\xfb7\x1f\x98\x1ayk\xa3\x95\xe7F\x8e\xaf9\xecH\xa5\xdc\x15nR\xd7\xfea\x16\x17\x9d\xd7x\x07\xce\xb0m\xcdEH\x17\xa9\xdc\x8f\x8f\xe91\x13\xb5\x04kS\x1b\x00\xb0\x0f\x91\x9b\x82\x04sPo\xf4=\xd8$eCa\xfcvj\xd7\xdb\x81\xca\xfb\xc1_\xb9/\x92|{\xbf\x9f\xee\xf5\xfc\xe5\xfe\x1e\xf6\xfd0\x9fG~]d\xd8o\xc7t\x05C\xb9]X\x90\xf9\x81\x81x\x05n\xe5\xd9\xf6&gt;\x1ep\xff\xffY\x00\xeb)\xbb\xca1\x9f\xbew\xa8\xc1\x88\xeb\xdd\xee\x8d5\xf5+\x00\xf7\xc1\xee\x0bvks9\x10\x15\xb3\xadnS\xaf]\x80\xa8\xeeN\xc6\x91\xbd\x00\xa0E\x88\xdcx\x9c\xe7SH\x8b\x88\x84)\xdc\xa3\xb0i\x87\x07\x8e\x0e\xd0\x174\x8bGc\x87a\xf0\xad\xfe\xd5B;!j:\xaa\xd2\r+\xb0$\xcb\xb1a\xaa\x04\x87W\xba\xdf\xe4\x94\xa2\xe1\xb1\xb5a\x18V\n1\xdf\xa7t?C\x05(P\xd3\xcc\x81\xf0\xc3\xe6Ah\xd1\x84\xdd\xb4\xe6EPx\xac\x0c\xff\xc1\xdb\xefWq7\x0c\xc3\xf0\xc8\xcd1\x96\xd6o&gt;3\x98\x0e\x0b\x0bf\xc3\xd53\x87\xb3\xd6&gt;pq\xfa\xca\xa4\x00p\x83\xc8\x85n9~\x01\x8c\xedDu\xca\xf9;\xf9\x15\x8d\xe8\xab$\xe6s\x8fn\x02\x11Y\xdfN\xb3&lt;\xc6\xf4\xac\xad\xfb\x9d*^\xf7\xb4\xb8\x1c9\xf1\xb5[\xc97\x8d\x8c\x07\x1c^\x81\x12\xd31\xda?\r\xa3X\x9e\xf26\xab\x0f\xb7\x07:?n{|\xd8\xd2|\xe3G\xea\xcdr\\_\xfbX\x1f\xc9\x8f\x99\x95c\xf7\xae4}M\x1d=g\x92\xd6\x00\x00\xca#"\xea=z\xbaq\xa2\x04\x0e\x13:\x00\x8cX\xcb\xff\xc5\xb6\xb7\xf9&gt;{K\x98\xbd\x9aW\xd7i\x8f\xdc\x9egk\xc40^\x875\xc0\xa6\x065+a\xa9\x9fEQ\xfb\xe7bxs\x94\xff\xd0\xacl\xc7\x92/!\x9a[~\x9b\xc0U\xc1\xdc\x94M\xe0\x04C\xd0\xda\x8fm\n\x00\xa0\x1e\xe41#\xf6\xc9\x1a\xe0\xfc\xf8\xb9\xfeN\xa9\xea\xd0\x8b*\x16c\x87\x99\xeeE\xfc\x03\xde\xb0\x06p8x\xee\xe5\xb9\x0eN\xd4\x8e\x7f\xc8J\xc9""/mIR\x91\xf5\xfa\xf6\xf4|\x0b\x80\x9d\xee\x94z\xc7\xb0\xf6T\xf8\xc4F\xba\x07\xb8\n\x94\xbf`\xc4qB\xbf\x02w%\xfc\x97\xab\xab\xe2B\xf8\xba\xfe9\xa2%l\x08\xe3)\xdb\xed\xffE\x12\xf9\xf1\xf5\x8dO\xc7\x97A4\x91Dl\x0fZ\xdc\x8eR\xca\xf1\xb7 &lt;\xae\x96\x94\xb4f\xea\xee\xbe#\xf4\xb6"\xf9\xa6\xce}\xb8CP8x\xf3l)\xe2\xf4\x04s\x16d\xe2\x1c%M&lt;s\x05"-^\x0f\xc1@\xad\x90\xd6\x0c\'0\xaa\xec\xb3=`\xdb\xc4c\x96\x07|\x96v\xeeNgJ)\xa5\xbe?&amp;\x7fU\xca}\xe9\xba{\xd9\xf0T\x95|\xe0d\xa8\x0c\x9cR\xa5\xa7\x1cTJl\xd9/\xa65\xc2\x13\xc0\xceA\x89R\x9d6\xa5\xba +3|r\xf0\x93\x9d\xcd\xba\xda.\xbf\xb3\xfa\xf7\xaa\xb8\xff\x05}D\xdfj\xa8\xfe\x0f\xcbzM\'{7\x0bY\xb4\xe7\xad\xd2 +X/b\x18\x9fr\xceFT_,\x00\x00\x1a$m\xf5\xafX\x00\x00\x1c\x91&lt;\xe8\x92C\xfcZH\xa4\x97\x98-\xe4\xf0\x13\x8f\xceuk\xbc\xa4g\xac\xc7\xbb_\xd9\xaf\x8f\xb8\x1f\xb6\xae\xf2-e\xfd\x1f\x1e\xb6\xa7\x7f\xa3&gt;$l\xaa\xf3:\xde\xd6\xfe\x13\x8fU\x11\x81i\\]f\x84|\x89,\xd4\xf4]\xaa\x11\n\xd2w\xf5\xcc\x02\x00`\x9f\xc6\xab\x7f\xd8\xe1\xe5\x0e\x8fp-\xa3\xdf-\xe4a\xca\xd0r\xd31)[\xf7\xcb7\r\x96\xc1Py\x1fN0\xf6\x92}\xc93\xa7\x03\x1c\xd6E\xa6\xe5\xc4\xf4\x84@\xe6\xa9\xee\xe5\x0c\xd7(\xb6O/dY\x00\xf4&gt;\x8bg\x1dEH\xcb\xf9\xbd\x05N@\x8f\xf5\xc1\x1c\x0e\xf6\xa4\xda\xd9\x88\x00\x00\x02\xd8\xc9t\x87\x99\xfd\xedW\xd9\xdf\xa5B\xdd\xe9.\xb2\xfa\xa9]\x08\x9a\xeb\xf8C\x91\x9c\x16\x00\x8b\xa6v\x0f\x935\xdbK\n\x05\x98\xc7\xf2\x967\x19\xfe\xb1\xeb\x18\xb7-\xb9\xf5\xc6\x02\xe0\xb8q\xdfS(\x83j\x80\xda\xf3\xa3\xc7B\xe7y\x03\x00\xc0D\x82)\xdc\xa9r]}\x12\xdc\x97c\xcd\xa1\xd5\xb5\xb6+\x00\x15r\xba\xa5\xe6\xf68\xd7\xfdpwY*mn\xc9\x7f\xdc\xdc\x93c\x19\xe3\xd3\xf7Z\xe9\xbf\xac\xf7$c\xf5\xef\xeb\x96\xd7S~\x13\xa0v\xa8\n\xbe\x07p\nr\xcf%\x96=\xcb\xc0\x1e\xdd\xa4=\xfe\xf5\xabZ\xd3\xe7\x8eH\x8e\r\xc4K\xe0\xbc\x9bUm\x81d\xf9\xd0 O\xd6\x1d\xf1K\x81&amp;\x01z\xa3\xda,V\xa5\xdf\xf2\xbc\xefeF\n\xa7\xe4xF\xcf4\xeb\x8f\x15\xdbXn\x1a6z\x83\x9bu\x1c\xd1\xfe\x02\xa0\n\xd5E\xfan\x99_\xd3\xdb\x15\xbb\x0b\xb9v\xec\xdb;h\x12\x00`\x86|\x08\xd5\x19\xa2\xce\x16QC\\\x0b\x81\xdd\xde#g\xd8\x08 "\xdb\x0f\xdd\x1b&gt;8\xd7\x14\xb5\xc3\xa0\xbc4ykc\x98\xceL\xc2J\xaeP\r\\\x91YuF_2~\x0e\x00\x00\x00W\xe3LU\xc1\x03QgWR\xc1~\xaf\x11\x86\x19\x8e\xcf\x1d\x86\'\x19$\t\xe91\xed\xf2\x7f\x96|8\x8bk\x16cV\xd7vq7\x0c(\x13\x00\x00\xa04\\$\x81\x16\xb1\xdc\xcf\xe0q\x93\x83\xed\xbe\xf3\x0e\x89}\xc8\xbb\x8d \xb7&gt;\t\x00\x00\x00\x001\x84L\xf4\xbf\xc7\x8c\x0c%H\xe2g\xf2\xf4\xc5K\xe8\xf7\xee\xc8o\xa3\xeaMBt\xdd|\x1eU\x00T\x82 rB\xd4o\xb2\xce\x07\xa8\xc0\x89j\x1e\xc8\x80\x88\xa8G9\xba\xc8O\xa7\xea2M;;\x1d\xf0t\xe9\x1eh\x00 \x01\xe4\x13wP\x14\x00\x80\x8a}\x088).\x8fV\xec?\xfe\x9b\xa3\xc7\x1c\xec&lt;u\n\x13R\xd19\'\xc7PM\x05HyD\x04%t\xc2-\xa5`)\x17j\xe6\x16\x00\x98\x89xe\x0b$ \xee!\xe0\xa4\x0c\x83\xfa,\xf371?\xee\xbb\xdf\xa3\xc3S\xbfy\xfa-\xdfio\xd4W\xd1\t7\n?\xd7oH\xcd\xfa)\x1b\xde\x1b\x86\x16B\xa6\x13P\x14@}\xc8\xe1g\xc7\xe3\x97\xa1\xac|\xb86\xd9\xff\xbe\xe3\xab\xee\xbf\x1e\xc7j\x96\x1eLss\xb0\xd3\xa5\xa7\x13%\\\x1e\xda\x06\x00\xe8\x18\xf6q\xce\xcd\\\xa9cc\xe8\x8c_"1\x01\x9c\x10j\x0e\x80F \x12\xcfK\xdd\x1f\xa6]\xc9\xd1\xd4\xcdN\x00\xad\xb2\tU\x9f\xe0\xa5\xb4\x02\x00\x00\xe8\x82\x0b\x94\xc5\xe3\r\x9f\x7f^W\n\xe8\r\xf7Z\xf6&lt;U\xefG\xc8\xa6\x88w\x7f\x0e\xe0\xf3\xce\xa3\x07\x00\x00\x00\x08\xe7~\x05 \xcb\xd6 \x05\x87\tvaSp\xd1\xcd\xec\x17\xa9}\xbd\x0e\x00\x00\x00\xf2\x93\xf7}\x08i\xdf\xda\xb9m^I\xc3o*\x81\x10ZyC\xdf5_OV\xeb\xc5\xb8\x00\x00\x00P\x92\x07T\xce{\xf43\x17\x12\x03\xd5\xff9\xa8\xff\xa0\xc8\x06\x8a`\x00\xa8E\xc0\xcb3\x1a\xcc\xa2\x00\xd02\xe33\x00\xd9\x12G\x13U\x14o"\xea\x87&amp;\x1c\x06\x00\xa0.as2k\x00\x00p\xe4\x81\xec\xbb\xf4\xdf\xadT\x03\xf7\xe9\x9c)+\x9en\xa7g\xfe\xd9]\x00\xd8r\xa6`\x87\\\xdc.Zr\xe9\x12\x00\x1c\xc9\x9e,\xc6\xbb\x8aU\xcd\x12\xefdw6\x9fl8\xd0\x0e\xb8\x16\x00$\xa5\x95\xc7\xba\x00\xa04M\xfc\x14\xc0\xf9x\xbb\x18}b\x0b\xd8ar\x0fn\x9c\x03\x80X\xc8!\x00\xadR\xa04g\x01\xd0\x14\xd8"\x1fg\xd2m\x9e\xb0=\x8f~\x00\x00\x00:\xa6bu\xce\xc2\xa0\n\xd9~\x96\xa1iFg\xe3\xc7\xaa\xaaB\xc8\x03\x00\x004B\xb5\xf9\x98\xbb\x83*p\xd7\xf9\xb5\xd4\x1e\xe0l\x17\xd4R\x01\x12h\xf5J\x19CD\xd4\xc3/4^\x00\x00(\xc3\x83\x15\x1f\xd0\x19(\xaf\x8a3+\\\x84\x17\xef\xec#\n-e \xc1\x13\xc6W2\t\x0fd\x03@\x93\x88\x08\t\xaao\xced&lt;\xde6\xe0\xc0r\x0f\xdc+z\x8b\xfc8n;F\xbck\xea\x829\x8e\xd7\x01\x01\xf4L;\x89T5&amp;\x0c$\x04\xcb\xf6\xcd\x03\xb5\x05H\x86\x88\xe2\x8a\xc21\xb1%]n\r\xb7\x93M\xda\x91\xa4\x02\xc30P\xfd\x03t\x0b\xc1\x0b\x05\xc0\xcd\xceN?\xb7\xe9\xbf\x8bwyz\xc9\xc7a\xb5\xfb\xe1{\xb1\xec\x99@\xe1\x00\x00\x00P\x99\xe3\x05\xdc\\#\x9enGP\xa6\xebW\'\x1b\x97\x0b\x97\xbe\xbf\x05\x00\x00\x00\xe0\xca\x9c\xe7\x16 \x7f\x86\xe2\xd5\x7f;\xbb\xbf\xc3\xe7\xd6\x96\x00z\xe0\xc7k\x0b\x00\x00\x00\x005\xe0^\x91\xa4\xbcOm\x01fDaV8\x00\xf7\x00\x88\'\xf9\x0b\x85\tL\x00(\x03/D\x07\x00\x00\xf0\'\xfd\x0e\x1a\x1b7\'\x04\x9bB=\xf6\x93\x14[\xc5\x00\x00`\x81\xcb\x89eA\xdb\'\xe3\xbdNhPn\x1e\xe9\x86\xc3\x05\x00\x86\x04\x00\xb8&amp;.\x13\xc4s1G\x94\x82\x19\x19\xda\x07/m\x9c\xfbC\xc0\xfb/\xfe\xe6]1\x00\x00\x17g\x7f:\xff\xfdbr\x00@\xdbP\xfa\xb7\xcf\xea-@{U&gt;k\x00\x00\x00X\xc2&amp;_^\x8c\xea\xbdM\xc7h\x1e\x1a\x87\xb2\xb1e\xae\xfc\x1aP\x00\x80\x16i\xb9\xb0\xdb\xc8v\x81\x19\xfe\x8d[\xfc\xc9H\xd6\x00\xd0&amp;\xcb;\x7f.\x90\x1f\x00\x00\x00\x92\xd0\xe0\xbd\xb3\xf7\xf7Ao\x04\x9b\xbf\xfa\xb6\xc6d&gt;=\xbc\xa4\x1bjp\xe0o\xf8$\x00\x00@\x08\xa1\xd3g\xc6Iw\xaf\xd6|W\xca\xd0\x8a\xa0yh\x0b\xb2\x01\x00\xf4\xce\x85S\x98e\xaf\x17\x9aFD\xfd\xc5\xbck\x00[P0\xdfW\xe5\xadk\x0b\x00\x00\x00\x00\x8d\xe2S\xa2qkAc\xec\x14\xdfp\x11\x88G\xe8\x13\xfc\xb6Qx\x08\x18\xe0\x12\x88\xf8\x14\x10\xbc\xbb\xa11\x86a\xe0q:\xa0\x96\x82N\xd0\x1d\x95\xc4\x05\xb0\x81\xbb,\xa0\x18A;\xfa8\'\x00\\\x91\'35\x03@f\xc82Ms\xa2[/\xce1\x8aK\xf1\xc8\xda\x02\x00\\\x9427\\\xf5v[W_\xd2\x02\x00D\xc0U\x1a\xa8\x02\xcf`\x80\x91&amp;\xb7$\x82|\x15\xf7\xee\x8e\xcf\xc0d\x00J\xa9\xfe\xd6\xee\x00\xd0\x0f,\x00\xc0@\xb3O\xe77(\x12\x00@\x1eZM\xc4\x00a4\xb8\xb3\x08W\x06o4\xd0\xe4\x15\x00\x00\xe8\x0f\xde\x02\x14\x0c)\x18N\xc6\xf0\xcb854\x04/\x0f1\xc0\xfb\xa0\x00\x00j\xc3N\x0c\x9c\x8f\xd1\xab\x8b:\xf6)\xae\xa4\x9d`\x08\x00\x00p\x15\xb8\x02\x10\x01;1p.&gt;\xe7v{\x81x\xfeh@\x1a\xaeT@\xf3;k\xe0\t\x0e\x03\x00\x00\x00\x19\x905\xb5\x05:1\xdf\xb7\xd03\xaa\x86#\x08\xc9\xeex=\xec\x05m\xc3\x066\x00\x8c\xcc\x15\xc6\xa0\xf81\xe0\x10Ddp\xd7\x9bV\xd0y\x9c\x05\x95\x10\x11\xe2\x02|\x10J,h\x19n\x01\x02\x80\x91\x81:4\x06\x11\xe5\xf5&lt;\xc3p\xd77\x9b\xbb]\x80\x91\xc0\x07\xb2)4\r\x0b\x00\x80\x18NW\x12\x0c\xac\x02\x029\x9d+\xe4\xe1\xcbz\x7fwB\xd7\xc2\x03\x00\x00\x00@:\xa6\xbb\xb4\xfd\n\xc4\xab=q\xe1;\xd8\xb6^{\x7f\x193\x01\xc0\xe9\xe1\n\x00\x00@B\xfc\xae\x9f\\\xedz\xcb\xe0\x7f\x89\xa9\xa1\xaa\xfbX\xf2\x1c\xb2\xf2\xa48\x00\xa4\xe7Zs\x0f\x00\x00t\xc4\xedrA?\xcb\xa4\xf4\xcf}\xea\x17L\xfa\xd1\x03\x00\xb4Ng\xd9dw2h\xf1\x89\xfbI`\xd5\xa0l\x00\x00\xd08\xab;\xa6X\x03\x00@\x12\xba\xbc\x05\xc8r\x0b\xa9{Z,}-\x95\x8b\xb7g\x04\xa3Bb\xb8\xd3\xa3c\xb2=\xc8A\xc5\x0f}B*k\x9dL\x0b\x80\xc6Sa\xb9|z\x93\x97\xfc}F\xb0*\xa4\x8793)a\x0f\x10\x87\x9c\xe2rN\xf0\x03\xcd\xc3DL#\x00%a+\xa3}\xb2,\x00&amp;\xc3\xe7Z\x03t\xb5#2\x0c\xc3\xc0o\xc7\x00\x803\xcc\x9ci\x08\xba\xa0r\xdb\xbc\xf2}\x95S\xfa#s7r:.\xf4*\xad.\xe8\xaaNk\x85\xc2&gt;\x9c\xf1\x16 \x82\x11\xa00_|\xa5\x17J\x9e\x8fi\x8b\xb7p\xb7\'t\x98\xf9e\xa3e\xaa\x90\xf1J\xefQW\xc3\xf0\x91\x91\xf2PS\xd9\xe9kg\x10`\x8d\xf8\xfe\x94d\x9b\\\xed\xcd\xd6\x00\xcd@\xdc5\xcd\xb1ux\x0c`"\xf8^\x17\xd1\x08\xed7\x90"\xd1\'\xeaQ1\xbd\x9c\xdf\xbb\xc8\x81\xd0#T\xce\x00\x10\xc3\x8f\x93&gt;Z\x86\xfc\x9e\x1f\x89\\\x00D\xf6\xddz\x85}\x01\xf7#\xc4\xa0S\n\xbb.\x97\xcc\x00\n\xd0\xe2;j\x01\xa2\xb9]\xb3V\xaa\x99[~k\xbf5\x9fH\x07\x80&gt;h\xe25\xa0\xac\xd7\xe1\xecx\xd5\x04\xffmo\x13\xf1\xcd\xb8E\x04\xdaa(_f\x8b\x88R_\xbf\x7fL\x05\xb1\xee=\x03\x00\x80\x1b\\\x16\x07p\x84`9=\x98x\x9f=\xfd\xbcL\xb5\x9b\x7f\x00\xae\x88\xdb\xfbo[\xbf/\x0e\xaaB\xbe\x06pb*n\x88\x97\xd3B\xfd\x1a\x81m\x01\xd0\xb5&gt;\xbb\x16\xbe\x0f:\xf8\r\xbeF\xc5;\x96\x8a\x84\xd6,\x0f\xd6\x16\xe0F#\xb7\x8f\x024\xcc\x94D\x87Aq\xa7\xc1\x89\xc1\xbc\x11\x18\xa6\x92\xe9}\xa0\x15\xa4ID\xc7\xa2\xf7D\xe3.2\xbcSm\t\x8c\xb4\xad4\x00\x803\xf0\x85\xa2\xd8J\x81\xa6\xc8q\xbfMr\x0f\'j /x\x17@\x08\x8f%x\x00\xdc\x10n\xa6\x84&amp;\xf9\xda\x88s\xbf*\x99\x14npC\xc2\x8a\x0e\xee~I\x07\xd6\x07h\x89w!\x1a\x01\x0e\x99o\xfd\'^\xe0T\x14.\xc8(\x01W\\J!&lt;#\x0e\x90\x95FC\xebR\xfb\x1cp2x\xf6\xf7\x14`\xbe\xde\xa1v\xec\x1b\xaa\x7f\x80\x99\xe4\xbf\x03\xf0S"J\xfd\xb0\x7f\x80\xc9\x9a\xd4\x82)\xc5\xf4\x0b}a\x88\x02\x9e\xb8\xea\x9a\xf6\xcdG\x8e\xdc\x83\xd2\xb1w\x86a\xe0\x95#\x00\xb9\x08\xdb\xa7\xdc\xd4\xff\x99\xd6\x00\xe4o\xe8\x05.UC8\x01\xce\x93{\xff\xe5\x0c\x9cA9\xbd\xcb_\x9d_Q/\xb9\xa7C.\xd5\xc2)\xc9\xeb\xd3\xf3\xdc\xf3\xae\xccC}\x83\xd5\x00*\x13\x94?I\xbc\x07\x9cB9\xbfQ[\x80\xbe9\xf4\x81S8\t\\\x02\xf7ka"R\xf4\x05\xe4r\x7fy3\x17\xec\x00\x00\n0\x96.\xdc&amp;a\x84Y\t\x00N\x83\xdf\x0f\x81Mk\x80\x120\x03\x01\x00\x94\x85\xbc\xeb\x02:j\x01\xc1\x10\x001x?\x04\xcc\xb5-\x00\x00\xb8 \x9fU[\x00\xd0\xa0\xfa\x87\xd6i\xfc\x81\x10\x8f\x10\x9aK\x7f\xf6\x88\x00\x00 =%\xaf2\x03\x00\xe4d\xbai\xb0\xd1\x9c\xe6q\x05\x80\xd7g\x01\x14\xe4\xbem\xc0e7\xb8\x088:\xc0\x89\xe1\t\xe9\xa6\xf0\xbd\x05\x88E\x00@Q\xe6tI\xde\x84\xd3\xc3\xfc\x02pz\xae1\x97\x8d/\x0ch9\xa5%\xff!0\x80\x0b\x92#\x9d\xad\xd3F\xcby\x04\x00\x00\xc0\x85+Me\xc3\xb5\x86\x0b\xc5\xb9\xc2b\x1a\x00\x00\xa0&lt;\xcc\xb0\x00\x90\x86\xd4\xd9D\xe4]/qA\r\x00\x00\x00\xa0}\xa8\xca\xa0\x04\xfcx\'\xc4\xe3\xe4ExZ\xaf\x1c\xfdvi1A\x00\x002\xd3@Bk\xfb\x05\xa07\xb89\xa9{\xf4\xc9\x9bG\xe8 \x8c\xfbK~\xd5\xde\xd3\x06\x8d\xbf\xd4\x0c\x00\x00\x00\\\xe0!\xe0\xee\xd1\x8b1v\xf2 \x8c\xbb\x17\xed\x16\xf7\x03/\x03\x06\x00w\x98\x92\xa0G\xbe\xf3\x12~\xfb`m\x01\x9aDDz\xda\xe6\x1c\xda\xbf\xd2\x04\xcd\xd3\x8f\xbf\x03@\x1f\x88p\x9b\x01\xf4\xc6x\xa1\xbb\xb6\x18\x05\xb8\xc2\x18\xbd\xe9\xf17\x8f{\x94\x19\x00\x00\x00\xa0!\xdc\xb6\x80\x8f\xef\xbe\x96i\x01\xdcjUv\xe5[\x80\xac\x8f3\xb6j\xac=\x86a\x18~\xb9K\xc9\xaf\xc1\xdb\xd6\x16\x00\x00\x00\x00\x8eHt\xa7\xab\xf6\\\x1d4\xc6\xf4&gt;\x13n\x9e\x01\x00\x1boQ[\x00\x00\x00\xe8\x08\xaa\xca\x0e`\x01\x00\x00p:x\xf0\x14\x82\xe0-\x1a)\xb8\xb4\x0e\xfbzS\xf6un\x01\xda\x9ad\x18\x86\xa1\x1fK\xc1)\xc1\xff\x00\x00\x9a\x80t\x1cO\xef5U|\x05\xcf\x9d\xd8\x00\xe0@\xef\xc9\xf2\x9c\xf4\xb4\x85\x03\x00\xd0\n\xcf#\xbd\xdf\\\xdd\xd7\x16&gt;\x00\xf4\x0b\x89\xa6A\x98\x00\x00\x00\x02p\xfaEy\x00\x00\x806a\x02\x03\x00(\x0e\x8b\x078\x11o\xd9\xfb\x151\xb8\x00\xcf\xedw\xb8\x88\xfa\x0c\xfc\x19\xca\x80\xa7\x01\xc4\xc2\xc6&lt;\x9c\x90\xf6\xddZ\x84\x8bbp*\x9a\xf2\xe7v$\x81&lt;`_\x80x\x88\xa3=\x9a\x9a\xd4\x8aq\x9a\xb7\x00\xedY\xae\xae]\x87\x89\x8a2\x00$\xa7\x9dt\xd9\x8e$\x90\x012\'X\x11\x91\xdeo\x1a)Uz\x12G;D\xeb\xbfO\'\xec~\x010\xd5\xd6{\xce\x8d\xe3\x03$D[\xcc6\x91\xf5X\\\x03\\\x93a\x186\xf1_7)\xb9\xf6\xbe.\xfa\xfb\xac \x83i\xec\xce\x88\xe8)\xa4\xcfI\xa8\xfb\x05\x80\x13}\xda\x06\xa0MZI\xdaJ\xa9[\x05\x90x\x8d\xff\x8aI[\x03\x80\x92T\x9c\xeeC\n\xda\x0b\x96\'\xb3\x9a\xb83\x02b\xc8W\x89\xdcZ~D\xb6\xf6\xb3"\xea\xb1-\xd5hp.\x1a\xdb\xbc\x01\x00p\xc35q\x85%\xb7\xc0\xacx\xb5\\\xda\xe0\x0c\xd2\x9a&lt;W\xa3-\xd5\x8bFmY\xbc\xe9Tl\xa8\x8c\xb3\xcf\xf0b\xab\xae\xc1vp\n\xc2&amp;\xe8\xcc\xd3:3\xaf\x1b\xe7(Qz\xaf\xb5\xda\xb9\x05\xa8\xad+A\xcb\xa7v\x9f\xb3\xa2$\x00\x85\xf0\xbe\x1a\xdbV\xcc\x82\x07?[[\x00\x808\xc2\xea\xae\xff\x9b\xbbZ\xe3\x9e\x167Ns\xf3\xcfi\x06\x02#\xfa\x92\xae\xc7\xe5]\xef\xabR\x0f:~\x1b\xfd\xdb\xf9\x9e\xd0\x98Y\xdb\x91\x04\x00.\xc6\xe2\x12\xfd+\x04\x9c\x97O48!8\xcc\x85\x10Q\xea\xdf\xd5\x16"\x06\x12\xdc\xa9\xb8\xdd\xb3\x91p\xdeJq\x13\x08\xb7\x91\x00@%\xf4\x05\x80GV\x9c\xb3(\xb9\xab\x89\x1d\xa5\xea\x02\x1cr\xee\x15\xe3\x83\xb5\x05h\x92\xee\xaf\xe9pU\xeaT\xbco\xea\r\x88\x14\xfe\x81\x87\x01@%\x86a\x98\xcbG\xcfl\xc6\xec83kqP[5J\xa9$_\xac#\x80\x8bp\xd2\x05\xebU\xe9\xf8\x91t\x00\x00h\x15\xf3\xb4\xe2yi\x05\xba\xa4\x9d\x87\x80\xc1\x15\n\xc1\xebQv\x83\x04\xef\x02\x00\xb8\x04/j\xbc"\xf2g\x8a}y\x80\xf6`\x01pE\xeeW\x00\n\x98\x1e\x07\x83vao\x12,\xe0\x15\x00\x1ep\x05\xc0\x9f\xfb\xdc\xf3\xb7\xab\xf4?,\xdfQ\n\xfd\x10&lt;?\xc9|\x83\xe6\xff,1\xc7\xe1`\x00\xd0\x13l\x8b\x01\xf8\xc24\xef\xcb\xfd\xb9\xa3\xe9\x0ft\x08e\xf8S\x91gU\x93\xef\xe1x\x00\x007n\x13\xb3\xe9aV\x00\x80D\xc8\x92\x9fnt\xdb\x81\xf7\x9d\x9d\x9aF\xbd\x0eN\x06n\x06\x99y\xb6\x84&gt;\x86\xbb\x02x\xc0Z9\x92[\xc6iN\x8d\xfa\xd5\xd0aP\rJ\x08\x00\x8d#"\\h\x02\x008%)\x93\xfbx\r\x8e\t\xa3\t\x167Db\x14\x00\x00\x00\x80\x0b\x92\xbf&gt;\xff6\x1e\xc3i\x13\x8c\x02\x00\xb0\x82;$\x01`\x81\xfe\x96\xc53\xbdp\x8c\xe2&lt;\'"_\x8b~\x01\x00:a\x9c\xe9\xc9\xdb\x000\xf33\x17\xda\x17H{9\xe0\xba?\xe9&lt;\xaf\xae\x1a\xbc\xd9\x86[\xb3\xfa\x02{AC\x88\x9c\xf5\xb5*-\'mH\x8b\x88\xf0\x82 \x80\x15I\x7f\x07@\xd4uVN6DD\xa9\x1f-\xdb\xdd\x81\xceIz}\x81\xbd\xa0\x19.\xb2=~\x8dQ^\x1bl\x1c\x00/\x12\x04p\xe6\xfes\xadE\xbb,\xd8\x1d\x94\x00\x9b\x86\x81\xde\x92sn\x95\xf2\xab\xea\x00\xbb\x10\x1d\x00\xde\xc4\xac\x9bYs\xfb\xc1\x14\x0e7\x9e\x1fO\x00?X\x00\\\x91"Fom\x1eoJ\x98\xbe8m\x96\xe0n\x83\xe6\xc8sg\xea\x99\x1f\xcf\xe0\xfeN\x00\x00\x00\x00w\x92&gt;\x03\x00\xedr\xe6\xe2x\x18\x863U\xffg\xddl\x00\x00\x00\x00\x00+\x94\x80W\x06\xeb\x03\x00\x00\x00\x94\x86\'\xc3\xa0\x10\xbc\x86\x1cF\x1e^[\x00\x80K\xc0\xfc\x0e\x00;\x90 \xd2C\xda\xdd\x82N\x00\x00\n\xc3\xdb-\x01\x14\xcf\x00X\x18N\xfd\xd30$&gt;\x00\x00h\x81:\xb58\x1b/\x00\xad\xc0O\xb2\xc3\x15a#\n\x00 \x17\xe6\xec\xcauW\x00\xd5\xc8\x15\x80[4\x12\x91p9\x86A\xfd\x83\xda2\x00\xc0\x0e\x14\x8b\xdd"\xa2\xd4\x97\x1b\xccw\xea+\xfc\xbbp\xd3)4\x087CC{\xfcO|\x12\x00\xa0O\x84{\xfd7\xa0\rh\x12\xee\x02\x82\xc6\xd2\x13\xf3\x87+\xdf\xc2\x02\x1e\x00\x9aC\x94\xfa\x17\xb5e\x00\xe8\x89Z\x1395D1\xd0\xb3\xaa\xad\x84Sy;W\xf0\x00\x00\x00:\xc2\xf8\x0c@\xad\xdb\xe3\x06\xc5\xd39\xf9\xb9\x95jY\xf5\xec\xdd\xb8\x88R\xaf&lt;\xff#\xb58\xf6&gt;kr*o\xbf\xea\x1d\xb5p\x15X\xe2\x02\x00dE\xc8\xb3Y\x11\x8d\xac\xbdx\xd5\xf1\x95\x8c\xee\xd6#\xde\x08\x00\xe7\xbad\x07\x00\xd0\x1c,\x00.G\xfe\x05I0\x05\x16Ks?\x99\xbb\x00\x808\x08R\x00\xe8\x12s\xeej\xe25\xa0:\xc3p\xee\x1f\xe1\x825\x9ac~NlS=?\xb3\xcb\x1a\x00\xa0i\x98\x98NJ\xa9\x8d\x1e\xa8B\xcff\xdd\xf5\xc9\xd7\xf1\xf0XrW\x02:\xae/\x9b\xe5\xd5\xe6\xe4\xfbQ\xf1\xbaMo\xa0bW\x00Rw$"\xa2~\xe3\xd6\xe0;m\xd5\xc2l\x07\x00\xa0X\x00\x9c\x97\xde\xcdj\x95\xffO\xa8E\xe1$\xe8\xe5\xefE}Z\xd3\xc0g\xa7nP\x19o1\x12\xde\xba\x0b\x00\xc0\x02\xe0\xd4\x9c\xd2\xacW.\x96\xe0l\xc8\x86\xda\x12\x9d\x81\xa5&amp;\x8d*\xfd\xbf\xc5\x84\x01\x00h\x18&amp;\x1dh\x88\xfd*\x88\x05\x00\x9c\t\xb9mH\x9f\xfcR@\xd9\x85\xcdi\xd5\x08\x00\xb0KD\xf6#gBu\x8e\xb7A\xd9\'\x05\xb8\x16\xd4\xf4\x00\x00\x99\xe0\xfa3tB\x1aGm\xee-@\x00\xb0\x03\xd3\x13\x00@&gt;\xd8g\x81\xe6I\xf3\xb6L\xde\r\x04\x00\x00\x00WC\xb6%\x90\xbe\xb1\xca\x1b\xc9\x01\x00\x00\x00.\x01\xf7\x81\\\x84]+\xe3\x00p~&lt;n\x01*\x92\x13\xdfJD\xbe\x8f\xe4\x0b\x00\x00\x00u`\xef\x1f`A\x81\xba\x9c\xb7@\xb2\xff\x04I\xe06V\x800\x84_\xc9\x00\x80\xd3\xe3\xf5\x10p\x815q#\xcb\xee\xfa\xa9\x9f5\x00\xc40\x160x\x11\x807\xdc\xfb\r\x00P\x87\x8bW-\\\x01H\xce\xe5\xf4\xc9u$\x00\x80D,r)\xd9\x15 \x17m\x86\xd6-\xe6\x1f\xca\x0b\xc2\xa0\x17\xde\x10G\x85\xb4\xe0Q\x00,\x00 \x13\xa5\x9dj0\xbe\t\x0b\xd6,\xc3}PJq\x91\x18\xdaG\x04G\x85T\x88\x087\xc7\x00\x14\x81\xc2\x0c\xb2\xf3\x00N\xe6\xc4\xa0\x86\xdb\xff)5|\xd2uu\xc6\xce\xc7\x0e-*\xe7\xaa\x8e\np\r\x8e\x13NsI\xa9o\x8a)\x93\xdc}a\x88Yh\x10\x99\xa8-H\x8b\xa0\x198;\xb8w\x8f\xbcZm\x01\xa0!\x98\xa7\x00 \x10~&amp;}\x07\xff\xdc\x8a&amp;\xa1#pW\x80\xce\x19\'\xa9\xb3\xc6\xf2Y\xc7\x05\xf5`\xd1\x0cn\xf8\xf9\tN\x05\x1dQ\xaan (N\x02\xf3&amp;\x14\x06\x7f\xdb\x82N\x12@.\xbb\x02\x99M\xbcm\x1c\x8f\x82b\xc4:[\x99\x1c\xc8\x8fp\x01\x00\xa4\xe2\xd4\x17|\xa0y\xfaY8e|\xc2\xe1\xaf\xb2\x80\x04p`7\x06\x89 \xa8\xcaG\xe2\x81\x10\x8bs%\x90\xca\xd9pZ\xa8G{\x0bP\xab0\x99EmJ\t\x00mb]\x00p\x19\x16j\x83\x9e\x1b\xe7\xe5\x00\x00 \x00IDAT\xfbA&lt;x\x11@\x1dZ[\x8d\x00\xc0\n\xcb\xb58\xaa\x7f8?\xacr/N9\x07x\xa0L7\x00\xd0\x18L3\xd0,\xe3K\xd0\xd7.\xca\xcf\x90u\n\xa9\xc6\x9d\xaf\xae-\x00T\x85X\x81\xbe\xa1\xb2\xec\x02\xcc\xd43\xde\xb6\xeb\xcd\xdc\xf3\x8f\x8e\xf4%6@$\\\xa3\xbe:\xc5^\x84\xc0\x86\n\x00\xc0\xf9\xb9U\xd2\x83\xdf&amp;\xba\x98\xe7\x88\xa9*\xf7l\xcd\x932\xbd\x00\x00\\\x02Q\xb2\xb8\x8e\xca-@\xd0\x1d\xec\x8e\x04\x83\xea\xaeK@\x11-\xa2\x8c&gt;#\xf7\x03rz\xd40\x92\xb1\x0b\x00+dK(D\x99\xeb\x9c"k\x9ff\x01\xd0 \xe4\x9d}(\x08\x82Au\x17\xc6\xdf\xf8\xc30\x1c\x9f\xc6-:p:\xb8\xf5\x0cJr\xb8\xcb\x91\xe4\xfd\x84\xdb\xfd\x14\x16\x00\rB\x95\x06\x00\x07\xf8\xde\x1f\x9f\xb0\xa0aS\x1e\xce\rW\x9e\xa0,\xc7\xde\x96cE\xca\x02\xc0\x17\xb6\x05\xce\x0b\xdb&gt;pN4\xc7N\xe3\xe1\xf7\xe9J\xfa{\xbc\xf8"\xf0\x83\xca\x91\xb0\x02\x80V\xb8\xadG\x93g\xda\xf3,\x00J\xfd\xda\x14I!%M\x95\x0e\r\x89\x02p\x84\xfb\xfd\xf1\x8b K\x94\xc0\xf4\x9e\xd9+m\x14\x0c\x03\x00\x16D\xe4&lt;\x0b\x80a\x18\xa8\xe0\xfa\xa4\xb6\xd9\xa6\x8d\x7f.\xfbB:j{\xf5\x9dL\x92\x0c\xda3\xba\xd1a\xf3\x11\xd2\xde\xef\x85w\x8c\x88\xe5\xf5M\x87|)&amp;\x80\x16\x90\xf5?\xbf\x02\xcf\x048\t\r\xddl\xd3\xc5\xbb\xc6\xbb\x10\x12\xdaD4\x1c\x0f. \xd5\xb6\xe7\x1a\x9d\xd6$\x9f\x9e\x83[&amp;\xc9\x00\xe4`\x99W\xff\xabo\xba\xcb\xf1\xa3("\xc2\x86g\xe8N\t\xc4\xd2\x8a\xe6\xa7\xed\x7f\xd5\x88&lt;F\x82^\xe2\x0e0\x82\xff4\x88\x88d\xb2H\xbe\x96\x01\xc0\x17\xbdp\x1f\x86!\xa0\xf8\x99[\x18\x14\xb7\xf6\x01\xa4\xa3\x93\xcd\xf5.\x84\x84\x000+\x008\xc0\x14p\x12B\xec8\x15*\xf8\xc0u\xc1\xf6\x00\x00\x00\x00\x97\x84u\xe0ea\t\x08\x00\x00\x00\x00p1D\x94\xfa\x8a\xdaB\xa4\x86E\xed\x01\xe8\x07\xba\x06\x07&gt;!\xdc\x97\x08`\xa1\xd5\xd0x"\xb7\x13C\x1b\xbc\x96L\xbfV\xf3\xcax$\xa4\x02_j\x8bN\x1e\xb3\xb9"\x91\xa6\xc1\xac\xe0\xc8\xd5\\\xa5\xd9\xa4\xd7\xac`\x00\x00\xd7\xe1*\x89x\x9cr\x1e~\x89\xc1\xceta\xdc\xd8j\xa0\x871B}\xaeXt^m\xbc\x00\xd0+d\xab\n\\dR\xcc\xf1\x12kH\x03v\x81\x12\xe0f\x00P\x0e\xd2\r@\x13L\xd5\xff\xef\xd6\x16\x04\x0cd\xaa\xccx_\x05\\\x99\xf6\xb7&lt;\x1a\x17\x0f\x00\x00N\x00\xb5`\xcb\xb0\x00\x00HL\xc3\xfe\xcf\xef\t\x00\x9c\x94\xa0e=\xb9\x00\x00R\xf3s$\x16\x80\x86\xe0nL\x80sCl\x03\\\x82\xe6\'\xf2\xc6\xc5\x03\xc8B\xb3\x81\xb9Z\x00&lt;PW\x1a\x00H\xcdP[\x00\x00(\xc1@\xac\x03\x80\x1bs\xdd?\x908\xe0T\xb4\xba\xe0\xae\x04\xda\x00\x00\x00\xa8\x80\xe7\x15\x00\x91\xf9\x07\x91\x8c\xdf%,o\x96Mq\x05\x00rS\xe4\x9e3V\xb4\x0b\xd0\xc6\x04+\xc3\xb6i\xf6Z9\x9c\x00\xbc\x0b\xaa\xe0\xb5\xc5~s\xd2\x1dOM9\x9d/\x05c\x01\x00y\xd12p\x8e\\\xec\xd8f\x8a\xaeyp\xbe?\x98\xff\xdd\xa9\xf6j\x08\xaa4h\x12\xdc2\x08\xd9\xdb\xcf\x06\x1b\xb65\xc30\x0cI\xf67\x8dFi|\xa7P\x9a\x97\x10\x8e\xb9M\xf0\xfd\xdfv&amp;"\'\x18\xc5\x85\xe0\x96Gwj\xeb\xea\xd6;f\x82&amp;8\xcb\x9cU\x81\xda\x99\x04\x0c\xac6Yf\xd3\xb4{\x05\xe0\xddyU\xd1Y\x18\x86\xe1\x14\xb9\xe0\x1c\xa3\x000P\xdb\xb7\x07\xf6[\xa1\x1d\x86\xa1zD\x9c\x00\xae\x034K\x1fv\xe9CJ\x00h\x13\xdey\xdc\x15\xdce\x07\xbdAzY\xc2\x9b\xe6\xdbD4\x94\x12\xa5\xde\xb1\xb6D\x00\xbe\x90V\xc0\x0bf\xa3\x9e\xc0R\xe7\x04\xb3^\x89\xb7\xe1\x19\x80\x1e\xc0@\x00prX\x00\x00T\x86\x00\xbc\x18\x98\xdb\x8fU\x80\x10/\x00\x90\x92j\xbb2\xf5s\x19\xdbQ\x00P\x04RM8WT\x9dv[\xce\x17\xd4\x96\x05\x00NK\xa5\x1b\xac\xdf\xe8\x8ai\x1d\x00\xae\x84l\xfe\xd8=\x9a\xcb\x92\xb0\xbe/\xbf\x02&lt;\xe7\x0e\x00\xd5\x98^\xb7\xa7\xc8E\x00\xd0)\xfe\xaf\r\xe5\xbd\xb7\xa0\xbf2UUq\x86v_\x03\n\x00\x17\x81\xbd\xb0\xb3\xc26\'\\\x01\xff\xd7\x86\x0eT\xff\xa0Q\xc7\x19X\x00\x00@5\xb4I\xf3c+\x8a\x01Y\x10Q\xac\x01\xe0\x12P\xcd\x837\xb7E\xa3\xef/N$\xcc\xa8x-\x00\xd4\x84_\x8e&lt;-\x93i\xb1,\x004\x83t]\xfa\x8aH\xaa\x8c\xca\x15\x00\x00\xa8\t\xd5aa\xa6\x1f\x82\xc9\xcf\xa0\xd4\xe2"\x0f\x00\x00DAF\x05\x80\x13\xc1;1\x00\xce\x0b/\xbd\x81\x8bs\xdbvi-\x10\xb8\x02\x00\xcd\xd2P\x9c@^\x86\x81\xeb\x00\x00\x90\x1f\xa6\x15(\x8d\x8cOC\xd5\x96c\xc3\x89\x17\x00\xed)\x1b\xfc\xb8zE\xf8\x1d\xfc\xa0:\x00t\x0fI\x0c\xe0\xb6\xcd\xb5\xbf\xd5\xc5\x8c\x7f\x80\xeb\xdd\xab\xd5~\xf7\x14\xf6h\xeb\xfaW\xe3\xb4v\xb9\x10\x00\xc0\x831}I\xb9\xc7N\x00\xba\xa5\xe0\x8c?v\x94z\x93UDr&gt;\xd5\xe7\xffs\x1b\xd0\x18"&lt;\xc3\xe2\x08\xde\x0e\x00\xa7\xa0\xef\xf7\xae\x00\x9c\x89y\x99\x91\xfa\x16\xa0\xbc1&gt;\n=I\x7f\x91M\x05\x19\xce\xb4\r|\xc5r6\xf0b\xd4\xd1\xe5B\x00\x80\x9c$\x9bz\xc8c;\x9ch~\x87\x0e\xb8\xfb[Oai\xbc8R\xeb\'\x94\x01\xdcI\xf8\xe2^\x00\x008\x11\xe3\xafeT\x96\x02.\xc4XM\xf7\xf4\x100%\x144\x05\xf7\xe8\x03\x00@\x1c\x146P\x98\xb1\x9a\xeei\x01\xa0\xca\xdf\x14Ay\x07\t\xc0\x8b\x00\xae\x0c\x19\x00`\x86ph\x81a\x18\x86\xce\x16\x007\xe6\x15@\xee\xfb\x7f\xc4r\xdf\xd1\xf2\x10\xb8.\x16\xe7\x13\xa7\xa3\x00\xe0\x8cL\xd7\x06\xe7&lt;@\x06\xb8#\x13\xb5\x05i\x8aKy\xc8\xa5\x06\xdb4-/\x00\xcc\tb\xce\x1c\xc5\xee\xfe\xdfIU"\xbco\xf4\xba\x0c\xc3Wj\xcf4\xcf&gt;`\xf0\x17\xee^\x03\x00\xa0\xee\x0fC\xd3\x1b\n\x84\xf3#"\xa2\xbe\xdb\xe0\xeb\xa2QF\x90\xdd\x90\x93\x17e\x01\xd09\xf1\xbetk\xe1\xbb\xc6_\xfb;l\xcd\xd3a\xf0.\x80\xae`\x87\xdb\xc6r\xfavQ\x91q\xae\xbf\x9cn\xbd\xdc\t\xdf;\x07\x97\xb6\xa3=\x87&gt;\xad\x8dk\x88\x17\xb6\x8d\x1f\x1d(*\xca\x97\x96+R\x97\x05\x80\x88(\xf5\xd1^\x8d\x87\x8b\x07g\x05\xafh\x95+\xc7\xec\xfe\xd8\x17\x0b\x00\x87e\x80~\xf0\xfcA\x17sJE.\xeb{\xe7q\x8c/\xf1Z$_\x8dO\xa2*\xea\x86&gt;\xcd\xe4\xe7]\xcb)*qe\xb6h\xb9{\xc8h\tA\x93\xd0\x16.\xd7\xe7\x97\x07\x1c\xfb\xb0\x96]\xc7\x1d\x96d\xe2f\xa4\x0b!\xbbG\xf7\xb4t\xfb\xc2\r\xd8\xee/\x8dc\xf9\xd5\xdd\xe1t\x12\x0b\xe1\xf0\x00n\xffD\xfah\r\x17\xb7\\t\xb6Kr\xf68L\x05\xebv\x80\x13\xb3\xd9\xb0O\xc4\xa7\x934\xc0\x82viHD\xfeQ\xb4\xe3\xb54C\x1d\xdfJ\xd0\x92\xb4\xe99\xf3\xd8\xc0\x85*.\xbe\xed4\xdd\xee\xc2\xb5A\x81p%\xae\x974\xc8\x93P\x87t\xcb\xce^\xbc7\xc1=B-\xbf\x05H\x9d\xe8uQ\xad\xb9Tk\xf2X9\x8d\x07\x80RJ\xf16\xa4n\xa8\x7f\xc7\xc5i\xea\xc8\xd3\x0c\xc4\x81\xa1\xf4o\xf5\x00(\xa5n\xaf\xdaK\xe3x\xbdx\xef\xa0\xfd7\x90\xc6\x17\x00\xed\x10vYs^\x9f\x15t\xa9\xaf=\xd7dSc:\x19xq\'\\\x1b\x11u\xcbZ\xb5\x02A\xa4\xf2\xf2\xe3B\xb0g\x0f\xd0!\xf1\xc9\x99*\xc7\x959E6^\x1a\x8a\x88\xa7\x84\x82\x1b\x1c\xb1\x98\x1f\x1bw\x0085\x85\xa2UD\x8a\xfd\xd0\xca\x8e\x0c\xea\x0c\xe1V|\x0f\xc8\x93\xb3\xe8\x19\xe0\xb2\x88HH\x08?\x98C\x96\x93#\xd2\xf2\x9d\x0c\'\xcb\xe3\xa2mE\xd6\x13\xa2Z\xcf\x003\xf3\x8bS\n\xc4x\xf5\xea_\x8d\xa9\xec\x04\xb1\xd7AB&gt;\xd9\xac\x01p)\x82/\xe0q\x0b\x90+s\x8a&lt;\xc1\x8c\xb4$ \xf5\x97\xbed\x9c\xb33\x87\xc7h\xb4\xd9q\x18^#\xa3,\x00G\x94\xaa\xd5\x1a\xa9\x08\x1b\x11\xe3\xccP\xfd\x03tM\x07\x0f\xde\x84\xbeGE\xdazw8\xf7J\x96Es\x9b,\x9a/\xf2\xce\x8a/\xca\xdc&gt;\\\x04\x92\x0f\x00\xf4\no\x88:7n?\xe9\xf7P\x1f\x0f\x88-\xfe\xdcN\xfc\xa33\xfd\xd6R4m\xa9Btr\xb4\x9e{\xbc\x9e\x92\x8bR/\x99Q\x1a\x80\xf6\xa0,\xc8J\xbe\r\x94\xae@\x03u\x98\xdd\x8f\x05\xc0\x8996m\r\xf3;%&gt;\xfc\xb2edImq\xbc\x99\xc4\xfe\x7f.\x07?3hARQ3=Z\x04\xa0.5\xa2\xa6L\x8f\x17\xdcJ\xab\xb4\xb8\xeag6\xecE\xce\x0b\x92\xf0\x19\x80\xe3[\x90j\xdc\xa84\xb8\xdcE\xfa\x02\x05\x04\x81\xab2\xf9\xdf\xb3\xba\x1c\xfc\xe0\xf42c\xafM\xbb\x8aw\x00\xde\x84\xad\xd37\xe4\x05\xb3f\xa2\x8ab\x0b$\x88?\x17\xb9\xcco}\xccE\xed\xb4\xbb]\xba\xffQ\x8a\x0e\x82\xb4\xf5\xdb\xd3/\x0c\x86\xb9\xe1\xfc\</t>
        </is>
      </c>
      <c r="E173" t="inlineStr">
        <is>
          <t>&lt;class 'numpy.ndarray'&gt;</t>
        </is>
      </c>
    </row>
    <row r="174">
      <c r="A174" s="1" t="n">
        <v>172</v>
      </c>
      <c r="B174" t="inlineStr">
        <is>
          <t>steps_per_sec</t>
        </is>
      </c>
      <c r="C174" t="n">
        <v>2000</v>
      </c>
      <c r="D174" t="inlineStr">
        <is>
          <t>3.1128404</t>
        </is>
      </c>
      <c r="E174" t="inlineStr">
        <is>
          <t>&lt;class 'numpy.ndarray'&gt;</t>
        </is>
      </c>
    </row>
    <row r="175">
      <c r="A175" s="1" t="n">
        <v>173</v>
      </c>
      <c r="B175" t="inlineStr">
        <is>
          <t>Loss/RPNLoss/localization_loss</t>
        </is>
      </c>
      <c r="C175" t="n">
        <v>2000</v>
      </c>
      <c r="D175" t="inlineStr">
        <is>
          <t>0.24661689</t>
        </is>
      </c>
      <c r="E175" t="inlineStr">
        <is>
          <t>&lt;class 'numpy.ndarray'&gt;</t>
        </is>
      </c>
    </row>
    <row r="176">
      <c r="A176" s="1" t="n">
        <v>174</v>
      </c>
      <c r="B176" t="inlineStr">
        <is>
          <t>Loss/RPNLoss/objectness_loss</t>
        </is>
      </c>
      <c r="C176" t="n">
        <v>2000</v>
      </c>
      <c r="D176" t="inlineStr">
        <is>
          <t>0.04922414</t>
        </is>
      </c>
      <c r="E176" t="inlineStr">
        <is>
          <t>&lt;class 'numpy.ndarray'&gt;</t>
        </is>
      </c>
    </row>
    <row r="177">
      <c r="A177" s="1" t="n">
        <v>175</v>
      </c>
      <c r="B177" t="inlineStr">
        <is>
          <t>Loss/BoxClassifierLoss/localization_loss</t>
        </is>
      </c>
      <c r="C177" t="n">
        <v>2000</v>
      </c>
      <c r="D177" t="inlineStr">
        <is>
          <t>0.3082268</t>
        </is>
      </c>
      <c r="E177" t="inlineStr">
        <is>
          <t>&lt;class 'numpy.ndarray'&gt;</t>
        </is>
      </c>
    </row>
    <row r="178">
      <c r="A178" s="1" t="n">
        <v>176</v>
      </c>
      <c r="B178" t="inlineStr">
        <is>
          <t>Loss/BoxClassifierLoss/classification_loss</t>
        </is>
      </c>
      <c r="C178" t="n">
        <v>2000</v>
      </c>
      <c r="D178" t="inlineStr">
        <is>
          <t>0.1925118</t>
        </is>
      </c>
      <c r="E178" t="inlineStr">
        <is>
          <t>&lt;class 'numpy.ndarray'&gt;</t>
        </is>
      </c>
    </row>
    <row r="179">
      <c r="A179" s="1" t="n">
        <v>177</v>
      </c>
      <c r="B179" t="inlineStr">
        <is>
          <t>Loss/regularization_loss</t>
        </is>
      </c>
      <c r="C179" t="n">
        <v>2000</v>
      </c>
      <c r="D179" t="inlineStr">
        <is>
          <t>0.0</t>
        </is>
      </c>
      <c r="E179" t="inlineStr">
        <is>
          <t>&lt;class 'numpy.ndarray'&gt;</t>
        </is>
      </c>
    </row>
    <row r="180">
      <c r="A180" s="1" t="n">
        <v>178</v>
      </c>
      <c r="B180" t="inlineStr">
        <is>
          <t>Loss/total_loss</t>
        </is>
      </c>
      <c r="C180" t="n">
        <v>2000</v>
      </c>
      <c r="D180" t="inlineStr">
        <is>
          <t>0.79657966</t>
        </is>
      </c>
      <c r="E180" t="inlineStr">
        <is>
          <t>&lt;class 'numpy.ndarray'&gt;</t>
        </is>
      </c>
    </row>
    <row r="181">
      <c r="A181" s="1" t="n">
        <v>179</v>
      </c>
      <c r="B181" t="inlineStr">
        <is>
          <t>learning_rate</t>
        </is>
      </c>
      <c r="C181" t="n">
        <v>2000</v>
      </c>
      <c r="D181" t="inlineStr">
        <is>
          <t>0.04</t>
        </is>
      </c>
      <c r="E181" t="inlineStr">
        <is>
          <t>&lt;class 'numpy.ndarray'&gt;</t>
        </is>
      </c>
    </row>
    <row r="182">
      <c r="A182" s="1" t="n">
        <v>180</v>
      </c>
      <c r="B182" t="inlineStr">
        <is>
          <t>train_input_images</t>
        </is>
      </c>
      <c r="C182" t="n">
        <v>2000</v>
      </c>
      <c r="D182" t="inlineStr">
        <is>
          <t>[b'1024' b'1024'
 b'\x89PNG\r\n\x1a\n\x00\x00\x00\rIHDR\x00\x00\x04\x00\x00\x00\x04\x00\x08\x02\x00\x00\x00\xf0\x7f\xbc\xd4\x00\x00 \x00IDATx\x9c\xec\xbdy\xfc}\xdfT?\xbe^\x86L!\x1aP*%\xd2 \x92\x10Q}MM\xdf\x92\x88BfQ\xca\x14\x85JRd\xf8\x86\x8c%\xc9,c\x9a\x91\x06\x19C(\xf4+\xb3P\xcaP)DY\xbf?\xee=\xe7\xecy\xaf\xb5\xf7\xda\xfb\xecs\xeez&gt;&gt;\xde\xee\xeb\xdc\xbd\xd7Z{\xed5\xees\xee\xbd\x00\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8a\x81k\x0b\xb0I "\xa2\xaan\x04`\xf2\xcfq\xb0c\x83AD\x84\x81V\xd7H\x12\x9c\xfc&gt;\x0c\xb2\x06\xae\xe7\x1b\xedLa\xa1f\xbc\x17\\\x91\xcb=.3anpz\x99\xc5\x86Ieg\x19:\xc4\x89\xb5?\xcb_ltLL9\xa1U\xbf\xc0\xde\xc4s\x02\xe2\x13\x8c\x019E\xb9\\\x13\x82\xc5\xb6&gt;\xbd\x9b\xf1\xfd2.\xde\x82\xb4Y.\x8b\x00\xc7y\x17\x0e\xf8\x1f\x9b/\xd5$\x0e\xe3\x83\xcb!\xe1\xc3t^\xe5\xfeNQ&gt;\x97T\xb10\nEW\xa8\xbd\x96c\xac\x8aGq\x84\xda\xf3\xf08\xc7\xda\x02T\xc0+\x14\xd0\xa8YYt\x82TM\x06\x7f\x81\x08\xf0\xc6\xe3uD\x80w$e\xe1\x99}\xa8\x94\x8c\x8e\xb2\xc78\xd5a`\x82\xfd\xee+\x00\xae\x9eU\x8e?1(\x1bq\xb1i\xcd\x1c.~\xc8cg\rFD\xc4\xcbLc\xb2z\x0e\xe83\xd3\x92\xe1\xa4\xc9\xeb\xfb\x02\xc7d\x86PIM\xd8\xc7\x98\xa8\xae\xe4\x01\x19\xec\xa6\xf4(C\xa7\x18\xfb\x7f\xe2o\xcd-\x16\xc2\xefZja\xa9\x02D\x1b\x80\x99b\xd5t\x85\xa2\x1b\x04\xcc]\x18C\t\x93\xc2x\xaa+\xc0\xff0\xc6\x0e\xba\xd81\xa5R\x8c\x83\xeb\x88R3\xca \xe3"\xdf\x0e\x03\x15\xde\\\xd6\xcc\xa5\xde\xcc\x90r\xf0\xcc\xe0m\x95J\xd1\xe3\x7fk\xa8]#2%9\xb0\xb8F\x82\x9d_~-\x05\xe8\xb1P\xceW\xe1\x11j\xf3\xe0\xbf7\xab\xf9W\xd9\x9b\xe8R\x9e\xff\xb4YG7\xc2\x15\xcc\xdeD\x17\x0f\x85@%\x9dl#=\xd9\xd2\x1ap&amp;\xfb\xb4\xdc?\xbdB\xdf\x1ach\xc3S\x02\x02&lt;\x99#L=R\x9daf\x9b&lt;RAT\x8b\xa7Pl\x01f\x8c\xa3\x0cV\xe3\x9e!\x11)\xb6\x84\x93Z\xacb\x1f\xd8\x85\xd1\xa6\xe3\x0c\xb7\xe21\xe6$\x1b\x80\x89\xe9q\xe47\xc5\xaa+\xbb\xe4MG\xc5\x84\xa8\x01\xe2Kn\xfa\xb1Dmj\xfe\xc9\x88\xc9.\x1d\x9f\xf2\xf4\xe7\xa4\xa5&lt;\xf1P;\x11\xdf\x9a\x84\xba.\x97\x9b\xcb\xc9\xc5\xb9M\t\x8ad\xd0G\x80\xaf\x8f\xb6\x88\x93\x8a\x10\xf1\x15\x822\x93\x86Y\xfdU\xcc&lt;\x88\xec"sw\x10=\x14Cc}\x0b\xe3{\x8b\x02H\xf9`tlZx\xc5h\xa0\x9b\x93\x1a\xde\x8cDI\x94\xd6\x92U\x95\xa2yXN\xe1\xba\x94\xb6\xcb\xdf1\x010]^\x9b]D\xae\xfcJ\xbc\xeb\x97_\xe6\x9f\xa1\xaa4 U\xb2\x00=\\\xbc\xa0I\xde/\x1f\x03\xab{\x1e\xb9\x01X\xa4\x9a\x88#\xc2\xab\xd0{\xd7f\xe9\xdf\x04\xc0\x00&lt;\xb9\xc8N\xc4\xcbS\x8f\xf7w!A\xda\xdf\xfa\xf4x\xa2$\x94a\x8b\r\xdf\xc5q\x84\xc2\xf0\xe2\xc8O\xd8n\x85Bq\x92 \x04\xbb-\x01\xfb=\xd6\xa9P(\x8eX\x8a\x98T\x1b\xf0B\xe7\xd2E\xac\xf1K\xddC\xae~\x02G\xa7\x00?]\xb4\x02\x00x\x8aYx\x19+\x8a\xb0NH8\xcf5\x1eG\x01t\xca;o\xf0D\xf0\n\xf1\x98lU\xd2\xc6\x9d\r\xb0\x1e\xb2r?ba\x8b\r\xb9\xfa5\xa7\x7f\xfb]K$\xf8\xdc\xc3\xb5\xaf\x9b\xda\x06\x1f\x11\x91b\xa2\x9a\xb8jE\xcb\xfd#\x9c\xc1\x99\x84(\x9d1\x97\xe7\x91\x0c-\x95\xd3w( "\xc0G\x84DU(FG\xbf\xfa\xcfHW[E&lt;.+\xbaBwaw8\xcd\xddD\xef\xc5\xe1\xaf\xc4a\xb61h9\x86\'pZ\n\x9d\xf3\xe6\xeau\x12L\x1f$\x04\xc6@\x11\xbc\xbc9U\xf1N\x0f\x10(\xef\xec\xe2\xd8+\x01-\x01"\x95\xf4\x1dCR\x05\xeb\xc8`\x03\xe0\x9d\xdcg\x80\x00?n\xca4ub\x1e\x1e\xb9\xac\x85\x98h*k\xdf^(\x90\xf0KIt%\xcc\x98\x8c\x89\x8b\xa6\x1e\xc5n\xd0\xd3\x94E\xfa\xf5u\xa1u\xe7 (4\xa4\xed\xb7\xa0q\x14/\xaa\xb96h\n\xdf\xdf\xa6\x94?\x93@\xadiJ\xab\x1fD&lt;\xa7\xa8\x17\x1c\xfd\xf1?\xd2\x07\xe1\xe6X\xebS\xb6\xfe\x9d\rD\xfc\xa1p\xbe\xc0,\xc0\xad\xd7\xe9\xcf\x9f\x90\xfa.\n\xb5\x02\x01\x1ca\x08\xf1\r\x9f\xbb\x81P\xf6}E\xb3\xa8\x0f\x17\x15\n\xc5\x97\xc7\xb51\x85b\x07\xe8n\xca\xea?\n\x01\xd4\x04\xe2\x9dZ`\xdfc0E\x16\xa56\xc6h\x00 \xfd\x1c\x11\x17\xdfu$\x18(\xa0\xf3G\xd1\x04\x9fB\xf8&lt;\x83\xda-\x82\xe5\xd4$\x80\xf5\xae\xf5\x84F\xa4\xe2\x8f\xd5g\xe2\xe7M\x08p\xb1\xd0\xc5\xe8xg\t)\\\xd3\xba\xd7\x91\x13c\xbb\xf8S\xc2\x18s\xf7\x0b\xe1L\xff\xdc\xd2\xacaZ\xda\x1es\x87"\x06\xddly\xa8\x0b)\xca\x10{\x8a`ms:\xa1\xac\xb0\x89e\xe2\xbbh\x9f&amp;\xac\x7f\x06\xa6\x8dBX4\xdd\xe2\xb8\x98\xeb}\xedzz!\x8e\xf82Jq\x9f\x1d\x81\x81\x0f!\x18\x02O\x1c\x8d\x87\xf5\x97\x01\xf3\x933N\xe9\xef\xb1ph\xd2\xf6\xe8%\x0c\x9d\xc7\x08F\x9f 2\x8f\xf3Y}\xd47\xa5\x07\x02\xfcZ\xec\xdd\xd8\x9c4\xf7\x8e \xdf\x93\xa9\x90\xd90f\xebJq\x03\x00W\x1cG\x81\x8a.\xa8\x0c\xa9\n\x85B\x0e\x96\'\xce\x95\xc1\xfa\x1e\xba\xfeSmkk\x00`\x0c\x19\x8e\xa0\x98D}l\x1f,;d\x8b\x9b\x9c\xa8Sy\xf4?N\xd9-u\x88\x1e:\xaa\x8f\x08&lt;\xbf\xe5\xb4\x07\xa6\x98\x81\x89\xe6\xac\xe2j/\xbb\x0c[B\xe7zh\x82\xd1\xbd\xd0\x88\x03\x80\xf9\xfb\xbe\xb1Y\xc1}\x89sY\xcdV\xd7\xe1\xeb\x99Pq\xa0\xb6]` \x97W\xb4\xc7`Q^\xa1\xa8\xc7\x95\xd7\x16@\x04\xea\x95\x07T\x06\xa8\x1d\xaa\x91\xa0\x10\x81\xeap\xb8\xbc\x10\x95\x07\xe3g\xe1V\x91\xed\xd6L\x8c\x82)\xdf]\x98g\xfcvu\xee\xcdE\x84\x97\xa5\xeaiz\x83\x17_\xf5\x13\xb3\x14\xb2\xd4\xadz\xddZ\xd1\xfdc\xf2$(:MN\xbc\xd3\x08O\xa1\x88L\x1f\xbcw\xf0;\x81\xf3#\xc0k\x068\xebQ\xf4\xc5j\r\x80\x9a\xda\xc6\xa0\x8d"\xc0\xa7zj\xe0\xf2\x1dy\xed\x00\x9f\x15\x89\'\'j\xb4{&lt;\xd9I-\xc7_\xef\xf1\xcag9\xc7\xd8\xa4Sm\x16\xeb\xac`\xbcdG\xdb\xb5\xdcM\x86z\x04nJLk\xf9\xf1\xc0\xe8\xbc$\xceY\xf52Q\xe4\xd49\xc4}i\xc9\xea\xe9W\xa2\xa3?6\xb5\n\x85b\x93\x18"\nl\x1c_\xbf\xb6\x00\nE\x0c\x89\xe3\xe1\xd3\xc4P\x0bo.\x8c\xff\xc8\xcaJe\x90\xc7\xf1\x1cMR\x8f@\x03\x10\xbd\x81\x90\xe2\x15e\xc7\x91$\xd8\xaa\x11\x85IP\x05\x00\xffK\xeeK\xc9\x86\xa7Lr\xfe\x12\x8fV\xe9N\x91g\xc5\xf4\xa9P(\x00\xba\x1f`\xab\xfb)\x141|pm\x01v\x8f\xdf_[\x00\x07=\x1a\x00\xe3\xaf\xff\x95((\xd3\xb8\x16\x00\x02&lt;\xa1\x19}\nZ7\x00/\xb0\xd84S\xe9\x80\x05\xeb\xb4RW$\x9c&gt;\xe6\xc1\xa5\xc6W\xdd#&lt;\xb5\xa4\x1e\x1b\xf3\xd95\xb6\x7f\xc5~\xa0V\xb2\x0e\x86\ny\x8aSE8\xd5)\x14[Fs\x93F\xde\xb3=?5\xd8-\xe8\xb9\x90\xbd\xb0y\xd1X\x94WAR\x9f\xd5Yw\x99\x92\xdc\xd354\xb1i)mo\xfc\xea\x9f\xf7\x89\x88\xd1z*\xc5\x88P+Y\x15\xaay\xc5\xca\xc0\xf9K&lt;\xf6\x05D\xfc\xe8\xee\x16U\x04v\xe5\xd1D\x8a\xbd\x82jcC\xf5\xd8w\x9b?\xd7\xeb?\xebo\x88Z\xf3\xe4\x8c\xf0b\x11\xf1\x97z\xbbs\xaa4\xa2U\xd8\xffZw\x12_\xbe^m\x00\x14D\xa8\x95\xf4\x83\xaaZ1\x18\x10\xce\xb1O\x9b\xdc\x89\xaf]\xbdo\xe1(_4t\x7f\xf0\xb2\xdd\xbe\xef\xc3\xa2&amp;x\xe5\xbe$\xe5\x02\x9av\xcd\x1az\xf6\xa6{\x03\x90\xe0x\x14\xf5\x89\xb1\x01\xbfg\x1c\xe1\xf76\x1b4\xd0\x99\xb5bkP+\xe9\x08U\xb5B\xa1 c\xcc\x07y\x07\x14\xe9\x80\xc6\r@\x96\xf5\xb6`~ui\xef\r\xbd\x96\'\x8bY\xb3""\xc2\xef:"e%\xec\xfc9\x13S\x81\xf3\xbb\xee\xed\x14D\xfc\x8d\xee.lj\xb2\'_\xc5F\xa1\x86\xd2\x0b\x8fW=+\xc6\xc2\xf6\n\x97\xd3\xc2\xab\xeb\xa6;\x9b\xfb-u\xd4F\x87\x1as)j\x1e\xfb\xa1\xb3p^\xc4d`\x8b\xb1\xd2\x81w\x8a]]\x15^\xb6\x16\xf7w\xa6\xf9\x14\x14\n\x85B!\x00\x8d\xbf\x8a\xb1\x90-Gn\xe5|A\xfb\xf6\xb0E\x99O\x00\x8d\xebQ}\xe2\x05\x00\xec\xb6\xe1\xc4U\xa1P(\x14m\xa1Av\x1f8\x95}\xbc\n\xa3B\x1a\xb3\x9c\xca40C\xca\xdc\x0c\x1bZl\xdb\xc7Q\xa6\xea?\xaa\x90\xed(\xca\xc6\x8a]\x8d&gt;D\xa4P(\x14\xf5\xd0\x18:8t\x83&lt;l\xf3&lt;\xb5\x87\xcc\x88\x00wd\xda\xcc\xf64\xd9\x15u\x9fE\xde\xef\xf1\x7fp]\x7f\x98\x9er\xfc\xff\x9f\xad\xd2\xc6~U\xaaP(\x14\xbd@\x0c\xa3\x1am\x15CaT\x83\x1c@\xa4\xe9S\xaa\xab\xeag\x00=\x08\xa3\x7f\x03\x80\x00\xff\xd7\xa7S&amp;C\x19\xb2G\xec\x11\x91\xba\x08y\x13L\xca\xa0P(\x14\xbd\xb1\xb9H\xa4\r\xc0\x80PUg\xa1\x0f\x00\xc4pl\x00\xae6\xa4\xc3\x8e\x19F\xda\xc6\xb7\x92\x87U\x02Uu\x03\t\xcf\x91\x11\xa2\x8ac\x9f\x8d^\xbd\xd7U\xb4\xc5\x87\xd7\x16@\xa1\xe8\x8d\x1f\xd2\x88v\xca\xd8\xff\xee\xd7/P\xb3~\x16\xe3\xe9g\xd4Z\xad\xadT_}\x9aEj\xd3\xf5Z\xc4OR\xbd\n\x85b\xb7\xd0p\xa6\xd81\xca\xcd{\xd0\x83\xff\x13\xae?\x9a\xed\xc8NT*X\x9e&amp;?I\xdc\x1as\x1bC\x11\xa0\x9b\x90\x08\xf0\xcb\xda\x00(\x14\n\x85,4\xa4*\x1a\xa02[\xef9\xd3\xe3\xaa\x15^!\x06m\xc9VB\xbbbt\xddO\xbe\x1eX\xbfp8\xe3DP\x0bT(V\x82z\x9dB!\x8e-\x1dhq\xb3\xef\x86\x96&amp;\x0b\xe2G*%\xf4\xd3O\xc3\xebV\xa5uhX\xa6\xb7\xa0| \xdf\x8c\xf2FqP\xc8\x95W\x96B\xa18El2\xee\x8f\x0f\xd5\xaaB\x11\x83\xf9\x1c\xc2f&lt;\xe5X\x17\xe6\x03\xa6H\xf5/\xa2\x16\xeaw\x03l\xb6\x01h\x04UE\x1a\xa2\xfay\x8a\x9a\x9fB\xa1\xd8\x15\xf4\x86\xa6B\x11\x81\xf5\xa5\xec\x9d*]\x9b{\x11\x8f\xad\x95)\xf4/\x07\xdb\xd6\xba\x00\x00\xe0%\x94A\x1b\\\xd7\xf0\x90\xb7\x16l\xfc#n\n\x85B\xa1P(\x86\xc0\xaa\xc9^\x8b\xc2\x19K\xf5\xbf5\x9d\x0c\xfdA\x8b\x8bo\xb3\xa7\xa2\x03\x93\x7ff\xc7+\x14\n\x85\xa2\x134\xfe*F\xc2\xcd\xd5 \x87\x00\xf9\xa1&amp;\x19n\xd2\xf4\x06\xb5\xa2\xcd\xdeT\xa1\xa2li\x9b\xec3\x07C\xe6G\x1f\x14\n\x85\x02\xdch{\xc6\x9c\xa8P\xb4\xc4e\xd7\x16@1\xe1\x0c\x00\xee\xd4\x8f\x95(=i\x82B8\x88\xe5I\xb7\x9f\xf2\xf7\x8c\xa0y\xaf\xdc\xc73\x00y\x1bP(\x14Y\x8c\\\xd5\x8d,\xdbVQ\xa1R\xdd\x0eE{\xachc\xbf\xb4\x1e\xeb1\xa1\n\x11G\xa8\xd6\x1f\xe0\xfc\x9bu\x06\x9f|6\x0c\xed\xd7?\xb6\xfa\xd2\x14\nE\x14\xfb\xbe#\xa90\xa1{\xad\x90\x86\x9a\x93BAE0\xfc""|pX?\n\x0b\x8c\x88\x97\x0f\xf4\x00Nc0\xec\xa2\x14\n\x05\x00hQxJ\xd0G-\x15\n\x85b% \xc0]"\xd7\x87D\xac6@\xfc\x9f\xbd\x7f\x98A1&gt;.\xb2\xb6\x00\xfb@\xd6\x93\xd5\xc9w\x80\xf0G\xfa\x1aFp\xcd\ra\xbcm~\xa5\xe9S\xa1Pl\x13\x88\x88/\xa2F0\xed\x16\x14\x8a\x81\x91\xf4O\xf5\xdb\xcdc\xab\xdf\xe8\xb7khF\x8c\xe0\xd3j\xa8\n\xc5\x18\xa8\xfe&amp;(\xeb\xe7\xe4\xd4\xaf\x15\xb5P\x1bj\x01u\xce=C\x83oOhe_\x85\r\xdb\xeaF\xc5V(\xc2\xa8&gt;\xb9G\xf8\x8e\xf9\xa7\xfdF\xfe}\x06\x85\xe2\x04\xb1|\xf6H=\xf3\xd4\xa0;\xde\x1f\x9a\x023\xa0\x15\x1c\xaaC\xc5\x89a\x90\xb8\xc1\x13\xc3}\xf2\x07\x11\x01\xde!.\x94B\xa1(\xc3\xe4\x9c\x83\xc4\x17E\'\xe8\x13\x99\x8a\x11\x91\xfd\xf1)}\x98x\x17\xd0\x1d\xdc\x1ex\x8f\xf1&lt;\xc3|\xf2\x87?]\xa1P(d\xb1R\xe9\xf0\xc25\x98*\x14\xbb\xc4\x88\r\xc0\x80"\r\x8c\xb2\xfb`\xaa\xe1U\x81\xe1\xaf\x91\xc8\xce\xb1&gt;\x04\xa0n\xa2Pl\x0f\xea\xb75 h\xafgd\xd4c\x98\x01\xa0\xb9p?\xd0\xca\xa6\x0bT\xc3\xeb\x02\xf9\x1f\xceq\xab\x7fu\x93v8\xc7\xda\x02(\xf6\x8bQ\x7fY\xbd\x08\xe7\xed\xcd\x90\xa0\xbd\xce\n\xdeK\x1c\xae\xefd~AF\x106\xf6\xe4P\xcd\xb0\x113=;;;\xdbU\x84\x1c\x0e\x888F\xfd\xff\xf1\xae\xdc\xee?\xc4\x9a\'\x9c\xc1\xd9\x19;p\xfd\x99CB\xa1P(x\xc8&lt;\x13\xdcM\x0e\xc5`@x\xfb\xf8\xbb?\xbe\x84C\xe2uz\x9fJq\x04\xff\xe1\x93\x10^\xa5\xe6\xd4\x19\x0f\xd5\xe3\x7f\xc5\xb6\xa06: tS\x14\n\x03C\xa5\xd2[KW\xea\x87jo\xa85*\xd6\xc5\x96\x9eZ|\xd3\xda\x02\x0c\x05\xfd\x11\x00Eo\\am\x01\x14\xdd\xa01\xa5\x10\x1a\x91\x87\x03\xe2\xb7l\xf0\xa8LXZ\xe3\xbc\xf0\xef7\xa5\x07\x85B\x11\xc4\xb6\x02\x9ab\xebPk;\x19hd\x19\x12w\xd6}\xe1\x82z\xa3|\xf7m\x1b\xce\xaaP\xefV(\xc6\x80\x17\x97\xf4\xfcH\xb1#\xa8)+V\xc1\x0e\rosg\xd8#\x80\xa8\xb4\x93\xd0\xed\xe8\x0f\x0c\x0c+\xd8v\xf1\x8a\xb5\x058Y\x1c\x1d-\x1dU\x9c\xb0S\xf1T\xcf\t\x84/\x85B\xd1\x11k\x05\x14\rda\xf4*R\xf3\xbf\x17\xbb\x9dd\xf3\xfb\xda\x00\x18\x18y\x81#w&amp;\x8a}\xe1Xa\x1f\\\xfe\x06mx|\xac`Ni\x03\xf0\xdb\xa7\x11\xbe\x14\n\x85bx\xd4\x9e\xb36\t\xe5D\x9a\xc4\xf4\xb3\x99dC\x7f\xe2E3\xa8B\xb1S \xc0\xf51\x82\xb5e\xab\xc6C\n\x16\xb2\xfdU+\x8a\xf1\xf6\x1d\x18\xbdB1"\xfe["\xaf\xac\xe2\x9e\x07\xa6\xbb\xc8\x88\x8a\x1dB\xcd\x92\x8bIc\x88\x00\xdf\xd3\x97/\xe6\xaet\x93%\x0f@\x84\x07o\xfa\x06\xd4^:\x19E\'\xa8\xadt\x82\x1f\x07\x15{\x06\xbf\xfa\x0f\x8f\xdcK4\xff\xf3\x15m\xbe\xf6&gt;\xcc\xce1\xa4f\xbeM\xb7L\x1c\xc5\x8f\x95\xa7H\xa6\xdf\x8e\x08\xd0\x0f\x84\xb2?\xd2\t\x14q\x13\x96\xde\xa2\xfc\x16\xef\x8a:\x88"\x87\x9c\xbf\xa9\r\xf5\x80\xb7\x0b\xaa\xf6=\xa3\xe0&gt;ll&lt;\x83\x14i\x18\xc2\x07W\xc9\x1c+\x1a\xbct\xd1\xb3C\x0c\xa8\x9cW\xad-\xc0\x0e!\xed\x08\xc8\xfc\x9do\x81\xea\x9fK\xa1\xac\x01\xe8\xdf\xa8\xa41\x9a&lt;\x8a\ra\x03v\xa3\xf6}\xda@\x80?\x1c\xdb\x00J\xb2\x0ewF\x15\xa9\xc7\x139\xce\xb9\xed[9\xe2u\x84\xb4\x19\x90\xf7bd\xf3\x1b\x00C\xbb\xa7B\x14\x1fF\x80\xfb\xae-D\x00\xdc\xe3\xf9\x9a\xea\x7f\xa8\x9ad(aN\x16gk\x0b\xb0[\x1c\x8c\xfb\xecL5|\x9a\xc0-8\x17CHD\x941f\xc4\x89g\x96\x1a"\x92&lt;hN$4\t\x11\x10`\xcb\x8e\x19\xdf\x8b\x83\x1e6\xbc\xb4\x9e\x103i\x85\xa2\x14\xdc:!X4[\xd3se\xf5\xd9\x19\x0c\x10"\xa8\xb1]\xd1\x14\xe7X[\x80\xdd\xe2\xec\x0c\xce\xce&gt;\xbd\xb6\x14\x8a\x95p\xde\xb5\x05\xa0\x80s\xfe"\x15\xac\x11\x00\xe0\x8c\x96\x81\xce\xce\xce\xceUB&gt;G\xb6\xba\xfa_\xf9\xe0*\xb6\x17z\xa0\xc6\xc2\xf5\xd7\x16@\xb1E\x04\xce\xd4\xa7\xc7\x90\n\x8e\xb4\xcf\xce\xcej\xab\xff[:\x7fg\x89\x10\xb9E\t\xd4M\xbc\x1d\x00\x1c\xd6])\x87B\xa1P(\xca ^-R\xbf\x8bS\x9a\xef\x91l\xfc\x9e\xf2\xb5\xc5\xd9\xac\xde\x03(Z"\xb4\xb9\xaf\xc9\xed\xb8\xb6_\xfbE\xd536\x82\x86\x11\xe0e\x12\xc7\xf9\xbf\xf1\x9e\x02R\xefP\xec\x03\'\x1f\xe8\x93\x11\xe4\xd4\x95\xa3X\x05\x91\x8c\x08\x7f\xb8Z\xc2k\x86\xfd\xadh$\xc4+$\xd5\xf9\xc9\x82U\xff[E\xb6l\xc1\xed\xb1\xb8_p\x10\xe9\xebA{C\xddG\xb1\x03\x9c|\xea\xcd\x85\x8f~\xfaY\xa5\x0cZ\xef\x04e(\x8c\xa2\x01c/\x10\x11\xbf\xe8\x14\xce\xe6\xd5\x02[\xe2\xe8\xe0\xafV\r+\x00\xec\x9a\x1b\x9e\xb3D\x9b\xc8\x90\xb6u\xf6B6J\x99T\xfd7\x08 \x07\x9a\xea5\n\xc5\x9aP\x0f,\x03\xef\xfbmZI\xa1`\xa2*\x93\xfdA\xe9\\-\xc1w\rm\xf2\x15\x07\x18\xe5r\xc6\x1ez7\x00\xb1_6\xa4U\xff\xb2\x82\t\x91M+\xb9\xf8w\x0c\x14\nEW\\vm\x01\xfaa[\xb5\xc2&gt;\x0ei\x1a\x9d`\x91G&gt;8\x97\xab\xeaY(V\x05"\xfc\xfb\x1e&lt;EQ\x03nQ\x9b,\xb5\xd3\xf7\xccI?\x10A.\xe8;?\x02\x84\x17\xb5\xc8\xd2)\xcf\xe3\xcd\xff\xe4\xc4\xdaN^V(N\x10{\xf0O~\xd4[\x13\x03\xc7D^\xe6\x90V\xf8\xb6\x8e\x97.\xb7\xb6\x00{\x07\xe2+7\xd5\xd8+\x84\x03\xc2\xb7\x14\x16\xca\x91R;M\xe49\xf4\xf2\x97\\\xd0S\x1a\x80\x0b\xb2\x96\x96\x96kf\xcbo\x00f\n\xf27%\xe0"\xea\xc2\n\xc5I`EW\xdfh\x94\x19I\xecM\xf5Qd\xecl9\xfbCl\x83~\xd7z\xcaK;\x81-\xa1v\xb3\xb8\xc7\xe4\xe6\xb0x\xb5\x9d&amp;\x95\x1c3\xd1\xbf\x86I0\xd1\x03`\xfe[\x80\x88K\xe3c\xc5\x18\xee\xf3U\xb7=9\xe8\x96+\xa8\x88\xc5\xdcf\xc1q48\xc7\xde\xeb\xae\xba]NZ\x07\xe4D\xbb\xb7\x85\xef\r\x0f\xd5\r:-\x144\x00\xff\x99\xab\xb9\xb34~(\xd5$\xfc\xc8\xf1-jM\xbf\xd6\xe7\x80\xb9w\x00\x14\n\x85b\x1d\x1c"\xe0\xaf\x05\xdf\xe8/\xcd\x1a\x18(X?\xae\xe1\xa1\xd4: \xa7\xd8\xbd-\\\xb1}\x9c\xaeA\x16\x97\xc8-\xab\xede\xbaE0E\x7f\x8d\xea_\xb1A\xe8/\x01+N\x13\x87_"\xfc\x91\xe0\x1bm8\x8e\x16s\x89?\xc7\xdb\x03\x7f\xb6\xb6\x00\xe2 \xff\xc0\xa7\xfe"\xa6b4t6\xc8\xd1\x02\xe3\x11\x0c\xc7lYO\xc7h\xa3\xbbO\xe6\x81\x8e\xc6\x14\x05\tj\'k\x02\x11\xb7\x93\xfe\xbd\x80\xb3I\x16\x8aA\xb1)_P(\x14{\x83s.N\rG\xe4\xe3\xf4\x82\xf86\xd3\x9e\xe7.W\x00\xe0\xec\xec\xf0\xe7\xe1\xb5\x9d@\x110\xd5Zi\xb0U\x80\xde\x01X\x11\x1b\xbb\r\xf7\x8de\x02\xb3\xa6hH:]4NHa;\xdc\x98\x0f*:c\xf9\x0eG\x8e\x9d\xdce\xa0\x87\xeb\x14MA\x7f\x98\xa68\xbc\x9d\xc5b\xe3\xd9\xa1\xec?;;\x03\xb8\xc9\xfc\xa9u\xb4fF\x85\xd1T\xab8u\xac\x1f\xa3q\xf9\x1e\\\xea\x8c\x86\xd2\xa4\x19O\xcf\x1d\xae+\x86B\xa1P\xb4\x06N\x1f\xeb&lt;\xc6\xe7\xc2\xb3\x0fnxW\xac\x86\xc8\x83\xf2\x08\xf1\xaf\x8bHLl\xfa\xd8\xbd#\x1e\xc0c\x02\xdf\xa2v\xc7\xe8G\x81\xa5\xc4\x18\r\xe9mR\x04\xb1\xf5F\xf0\xb0\xdf;X\xc5\xe8K8\xdej&lt;\xb9\x93\x83\rl\x8dB\xa1h\x01\x89\xc7\xd2\xf6\x91\xa1\x1aa,\xe5d\x8b\xe3\xa01\x10Kj\xd9\xd4i&lt;\x1a\xb4p\xa0H\xb4\xd7\x0c&gt;\xd5\'\x00p6\x9a]\x8d\x8c\xad?\x024\xd0\x07\x19K\xd1\xbag\x95\xa1O\xfeP\xe3\xcep\x82KV(\x14\x002\xd5\xd2\x0e2T\x1b\xe0\xe1\x11\xf5\x02\xe54\xb9\xafR|4N\xcc\x8c\xb2G\xefggggg\xb7&lt;;h\x11\x8f_\xfd?\xdd\xafH\xcc\x12\x14\xc1C\xed\x02k\xa6?\x7fzqv\xa0\xb4\xdf\xfb\x1c\n\x06~o\x03\xb7\x84z\x98\xea\x8aJ\x18^\xff\nE[\x04]@\xefVW!v\xbb\xdf~4B1(\xec\x07JGA\xcdc&lt;\xef\n}Sg\x87go(2#\xe2\xf9;\xa8\x9a\xeaw1\x0f\xfd\xf1"j3IS\xc3{~\xd2I\x16z8\xa18)l\xfa\x91\x9eM\x0b\xafP\x88!\xf6p\x8e\xf1h\x84z\xca\xa0\xb0\x1f_\x19h\x9b(Uc\xcc\xea\xfco\xe9!\xce\xadDV\xe6\x9e\x8e0=\x87cr\xf4\xbf\xad\x14!\xb7\xef\xe6\xa2\xc8\xf2#\xe2p\x165&gt;\xb6\xfe\x08\xd0.\x91t\xe9fg\t\xa7\x81\rG\x87\xe9&gt;\xafBq\xea\x88\x95\x05g\x13\x1a\xf3W7\x14\xc1j\xd1\xf8\xa5b\xf7\x1f\x8e\xe9\xf8\xf0\xef\xf5\xba\xc7g\xd3\xe0g\xab?;\xeb\xe6\x08\x9e&lt;\xf9\x11\xbc\x87\xe2X\xd5\x8e\xa6G.6\\\x0fm\x1fG\xdb\xb6\xbc\xd4\xb0\xf7\x98\xf7\xc6N\xbf\x14\xa5\xd0\x93u\x85B\xbd\xa0\x12\x17\x02\xf8\x0f\xe6\x94\x13\xfc\xb4\xe2\xa7\x11\xcf\x05k\x1f\xff\x87\xce\xaa)\xa7\xe9p\x909\x99\x82\xa3d\xf6\x9e\xb5\x83\x01$a\xe18\xcdp\xdfu4H\xd0\xdb2Co\x02\xb0\xa0w\x00V\x84\xd5\xb5O\xd7\xa6n&gt;1m\xe7q\xa4?\xe8\xfa\xfc\xb2\x86R(\x14+B\x0f\xcfj\xc1\xad\xfe\xe1$?"|\xee\xb3\xb3\xf5\xab\xb4\xd0\xe98\x12\xca\xccez\x82v\x8c#U\xb8\xad"\xb8\xc0\xb8\x85#\xc4nis5\xe5\xf4\x0b\x0b\x03E\x0e\xbb2\xca`[?\xbf\t8\xee/d\'%\x0f\x0c\x1fi\xe3N\xe8\x10K\xef\xbd\x0c\x8d\xe9!PE\x11\x86\x8a*\xe3\xe3\xdc\x00\x9f^[\x86\x8d\xe2\xbc\x00\x9f\\[\x06\x0f\x88p\x96\xfe\n\x1d\xaaw\x04o\x01\x9cd\xe2H\x85\x94\xf4\x83\xfe\xbc\x0f\xf3L\xa33\x1f?Px8\xd7\xda\x02\xc8#R\xa5\x9d\x8dl\x0cgg\x00\xf0\xa3\xc4\xc1\x87g\x0e\xc7\x08(\xf3SLk\x0b\xd2\x05\xa7\xb1\xca\xcd\xa2\x89\x15\xcaf\x91\x91s\x92yr6\xac\x90\xc3\x00?u*QO\x18#[\xd7\xd9\xd9\x99\xfc\xaf\x83\xaf~\xbbc-\xd4\x1f\xc8\x9c\x9d\x01\xe9\x841\xf2S\xc9U\xbcO\x03;l\x00\xb6\x19\x96\x19B\x1f\xa2T;Q88\xab\xbe\xd1\xc6\xcd\x07\xab\xdep\xd8\xa6m)* \xbb\xe3\xa3\xdb\xcft+rm9\xc6\x87\xaa\xa8\x10\xa3*N\xc8\xe8C\xfd\xc3\xa8Kn\x0c\xe2\x19e\xb8x?\xd3\xf3\x88\x1e\xd8\xcfg\x00N\xeb\xbbq\x1a\xff\xa4\x07\xbd\xac\xaf\xfe\xaa\x01\xee\\\x8d\x05\nE+\xec\xe3\xf7\xfe"_4.\x8b\xcdki\xe3\x98~\x0e\x0c\x11\xe0_\x05\xe9&amp;\xbe{\xe3\xf3s5\x86_\x84\xec\xc0\x9b\x1a\xc1\xf8\x9e\xa2\xb4\x8aT\x81\n\x12\x1a\xfe\xdc\xc6\x90\xd8\xdbbOl\xfb\x14\xab`u\x03[]\x80m\x83\x16%T\xc9\'\x81\xc9\x18\xbe\xb5\x11\xe5 \xe8S\x86\xb9Q\xafP\x84\xb1\xa7G\x80\xce\xce\xce\xf0n\x1b\xf78\xfa\xc7L\xe7_\x1e\xdcM\x8b,xX\xc2\xfcPuc \xe28\xc2\xec\x16[q\x84M\x08Y\x82\xb5\x9d\xce4\x80\xdd*\xf9\x84\x11p\xf0v\xc6\x96x\xcc\xf6h\xe7\xf3\xa0I\x86\xb3\xb3\xb3)}o%\x16)\x14\xfb\x01\xf2~&gt;z\xf3\xe8t^\x9e=\xf9\x18\x0e\x07i\xcf\x89Y\x15\xb5\\\xd4I\x99\xa2B\x04j0\x19D\x0eV\xbf\xae\x81\xbb\xbdO\x94\x9a\xe2\x80\x8dYx\xe2&gt;\x00\xe5\x9e\x80B\xa1\x18\x01;\xf4\xd2n\xa1g{a\x8e,-cQ\xd1\x91\x17\xde\x92f\x142\xd8\xf5\x8e\x8fl\xcf\xa4X4\xb0\xfc\'\x0e\x99\x13\xba\x02\no1^?\x06\xe0W9D\xeey\xe89#\xa5\xff#\xf9\xc2(\x14\n9l\xac&lt;%`\xb4\xe5\x8c&amp;\x8f\x18\xaa\xd7E\xb4\xbd\xfd\x99\xa8\xa2\x00j\x06\xd5\xc87\x00\xaa\xe1Q\x11\xbc{\xb3\x82\x10\xf4\x13"\x11~\x9d\x18)\x14|\xec\xe1[\x80\xf6\xf7t\xf5\xd9\xd9\xab\xd6\x16\xc1\xc2.4\x1c\xfc\xc9\xc1\xcau\xa1\xf7"=\\\x93\xc1I\xe3\xec\xac\xde\x95\xee(#\xcaVqv\x96\xf3Z\x91`\x85\x88\x00w\xcd\x8e\x1a\xe6n\xc3 b\x100B&amp;9\x83\xb3\xb3\xb7v\xea\x01\xf6\x90:\xeb\x81\xf0\xbd\xdb1Q\x85b0\xac\xf8\x10N\xdb\xa7\xe4q\xe3\x1f\xdb\x88&lt;\x94\x1c\x1a\xa4\xa7\xbf\x8aZ\xfc\xc3\xda\x02\xac\x0e\xf6\x11r\x91\xd3MN\x9d\x7f\xd6H=\x9a\x81\xa1\x02\xe0P\xc2\xec\x19\x9a\xfb\x14\x8aJ\xac\xe6Br|?l\xd3\x99V\xb4\xfd\xb8@X\xc5\xb4\xd2\xed/V\xa1\xd8?p?\xd1i,4\xd2\xa7n\xd3\xc8\x08\xf9Q\xbdsiS\xa1Pl\x08\x9e\xbb\xae\xff&lt;\xa8B\xa1\xd8\x11\xa4\xe2\x89\x9eY\xb6\x00\xde,\xa2\xd2\x11&gt;\x1b\xa0h\x0f\xa3\xe8\xafn\x00H\xf7\xde\x15\'\x8c7k\x04\x1f\x0b\x81\xed\xd8\xfd\x06\xb1\x16\xa8w\t\x9a@\xe3\xc0I@\xf0\xc0\x1e\xf5\x0e@O "\xc2\x7f\xa8\xaa\x15T,\x8f\xd4jlW\xc4\xa0\x89_\xb1.\x10\x11\xde\xa0F\xb824\x0e(\xc8@\xbb\xfa\'Z\x8e\x1aX\rZi\xef\xbf\x0f\x9b\xa87s\xf6\x06\xfdL\x9dB\xa1\x18\x1e\x1a\xa1\x14\xa7Z\x1dns\xd5\x88p]=V\x14G\xfe7\x19\x1b\xf0\xb4\xd0\x95\xb5\xa2-\xf4\x06\x9d\xa29\xd4\xbc6\n\xdd5\xc5j\xd0jC\xa1p\xb0\xce\x03\x1b\x0f\xd4\x0c&gt;\x1a\x8a\xb7C\xf7QA\x83T\x02\x1e2\x91/"\xd5\xca\xf6\xe1\xd1\x96&amp;\x88\x1d/M\x11\xc3\xad\xd6\x16@\xa1\x18\x13\xeb\xc7C\xec\xfc\xdb[\x14\x0c%\x0c\x00,\xdf\x14\xb7c\x94\xacn\xc8JL1*"\xe6B1\xa0-\x19\x99\xba\x84\xe2\xf4\xa0w\xf3\x15\x8a-"\xe1\xb3\xf2\xee\xbc\xd1J\xfa\x04"\x9b6\x00\xc3a\x0f\xbf\x04&lt;#j(\x08[\x8c\x08\tl\xf0\xa7yw\xa5\x7f\x1f\x1a\xa7Zc\x13\xdaU\x1b\xd8%\x08\xde\xad\xfb\x1e\x06"^+\xa5\x1b\xe1Dv\xd8\xa6\xc7np7\xce\xce\xce\xb6\x11\xe3\xca\xd1\xb4h\xf9\x1b\xf5A\x85bL\xbc\xe7\xab$C\xdb\x8d\xe4H\tB\xa3O[\x8c\xdfb\x8d/a#\xec~\xd5\xfa\x85\x83\xc5H\xd8\x86\xb4\xd9l\xfd#\xbf\x1b\x15{\x1clw\xeb\x15\x8a$vm\xd9\x18y\xdd\x94\xa3\x0c\xa3]\xef\xcbPx\xddF\xef\xec\x9f\x04.\xa8\xfb\xd2\x1f\x08\xdbx\xdc\xa5\\&lt;Nt\xd5\x0eM\xa1\x06\xa0\xd0(\xa0(\x87\x1a\x8fB\xa1\x08b\xc4\xe0\xb0\x85\x03\x88B\t\xb7|\x96\xaf \x82\xfek\x1b\xe37\xba\x9b\xc4\xae&gt;\x03\x00\xd0\xf813\xc5\xce\x11\xb2\x1e}\xf6W1(4)\xf6\x03\x0e\xf9A\xb2-|\x18\xacP\xc2\xf1\x17\xa6\xa8\x06y\x93\xaf\xd5R\n\x85B\xb1}4J\xcf)\xb2zF\xa5X\x13WU\xf3\xeb\x06\xebI\xc5\x80\xe3o5\x14lT\xec*\xe8\xed\x85\x8da\x03\x8f\xba)\xc6\x80:\xf6x\xd8\xe7\x8e4\xcb"\xfbT\x97B\xb1\x1b4\xcb2]}\xbfe\x1d&lt;t\xc5\xd6\xabH\x18W\x03\n\x05\xec\xf0\x11 \xf7\x13\xa5\xea\x81\x07\xac\xab\x87}\xde\xce\x8d\xdc~W\x93\xab\x84*P\xb1/0\xca\xcd\x1fo(\x86\x87\xb3\xb3\xb3-&lt;D\x94\xc5\xb9\xb8\x13\xba\xad\xba\xcf\xa7\xb4\xf5\xd0S\xa1\xf0\xa0\xb7\x8d\xb6\x83}\x840\xbd\xb3,\x80\xc2\x1f\xf2S(\xbaa\xd8\xcc\x12\x93jLiw\x8e)\x1d\xa8\xf2\x8b\xa1\xdak\x8b\xfd\xdd\x010\x10m\xf2\xd5\xa4\x86\xc36\x0f\xa2\\C\xda\xe2\x1a\x86\xc3&amp;-A\xd1\x10\xe35\xd5g\x15\xbe\xbe\xac\xa5\xc1yAB\xaa\xd1tx:h\x11\xd0Nc7\xd1\xfa?\x85\x82\x05=\x0eQ(\xb6\x05\xf5M\x85\x8b1\x8fQ%\xa4\x8aO\x97m\x0c\xdeF\xff\xbeE\x11\x0c\xb8_O\xec\xcd\xf0\xed-\xef\x06\x0f\xd7\x12\xf3~\x82\x8d\xec;\xa8\xbf\xf0\xa0P(\x14\xfb\x07"\xc2g4\xd6+\\\x8cw\x07\x00\x84~v\xb4\xcb\xaf\xe4~\xe3t\x8eJ\xf8=cD\x04xg%C}\xf4e2\x8f\x93\xd0\x00\x1a\xa0O\xe0\x94\xf5\xf7-\x15M\xb1w86g\x18\xe2\xff\x95 \xffs\x12DN\n\'\x11\xf2\x14-0d\x9d\xa7P\xd8\x10*\xec\xaa\xabd\xeeDb\x89&amp;\xb3\xb4!o\x02\xf4\xc3i}\x18\x8cZ\xcd#\xbc\x13\x0f\x83\xdf{:\xcaQ\xf4\xc4\xd2\x00\xc8\xdf\x8d\nL\xf5&amp;\x8e\xe3\xf6\xcd%I\xd3\xdfk\x04\xdc\xeb\xba\x14\x8a\x93\xc17%\x9f\x0eMx\xf7O\xc1W\xa2Tu[\x19I\xf8sy\x0fi\xec\x0b\xa7\xde\x90\x8c\x02\x19\xf3C\x80\xabH\xd0Q\xec\x0ee\r@iXt&amp;\xe2M\x87\x89\xb0\xab\xc7z\xfb\xb6\xe0\x10:\x11\xc1\xea\x8aU(\x14D8\xdez\x88EI\x17N\x05\xab;W\x05\xb4\xa7\x85x\x9d\x97O\xa7\x10\xe7a=\xa4\xb17\xe8s\xe4;\xc3\xec\x83f\xb1\xf7\xf0\xd00\xc5\xbe\xe1967@\xa7\xc2\xe2\x07\xd2t\xc2\x13wV\xf2\xda`+6\xa0\xde-\xc7\xe2\x13N\xa2\n\xc5\xd6\x10\x8a&lt;\xd5.\x1c\x9c;nL\xb0\xe2\xf0\xed\xc7\x95\xb31Nv\xe1\xdb\x03\xc7C\x17\xdb~\xbe~\x7f\xb4\xa2\x00\xc5\xf9 Y\xe8\xef\xcd\xf2\xca\xb4\x14\xe9\x016\xaa\x1c\xea1\x92v\x08\n\xc5\xc0\xc8\x1c\xeb\x94&lt;12\xae\xcb/\xb7\xc4w}2\xa5\xd8\x0f\x98\xc5\x06B\xa0\xc6\x00\x00x\x84\x1a|\x0e\xa7\xfc\x95\xdbxX\xfe\xc1n\x8a\xbe\x87\x1eOD\x81\xb3k\x9d\x9d\x01w\xc9\xa6[n\xf3\xcb\xfe\x0f8\xaec\xcbKP(\x14Y "\x9c\xc1.\x7f\x8f\xe2T\x12\xd6)\x03\x11\x0b\xd2\xf4`8\xd4\x0c\x8c% \xa2\xef\xb3\x15\xa5\x9db`\x04\xba\xc3q\x0f`\xb6\x0e\xf3\x10\xbf\xea\x0e\xc0\x86\xcf\xc5\xc3\xf2ov9\n\xc5\xca\x18\xfcd\xee\x01k\x0b\xa0P(X\x08\xc5\x93\xed\x96\x1c\x8a\x18\xb6]Jn\r\x18G\xc1\xdc\x0e\x02\xf7\x02""\xfc\xcc\xb6V\xf4\xcbk\x0b\xc0\xc3\xbel\x06\x01^\xbe\xb6\x0c\n\x85\xa2\x17$c\xd7n\xc2\xa0\x83\xbd\xaek3\xd8\xe4\xcd\x11D\xd4\xdb:}\x90\xae\xc0\xd2\xbb\xe0\xcf\xd5]\xdb\x0bz&lt;K\x10\xbc\xab\xabPH@\x1f\x86\xd9\x00\xb6\x9b\xe8\xa7\x87O@\xc2\xcc\xd8\xcf\xc3\x0c\x0f\xdb\xfb\xa6G\xeeV\x13\xe7\x84q\x8e\xb5\x05(\x86\xf3\xe5n\x8a\xde\x88\x85\xe6=\x9e\xf7+\x1c4\r\xd6\xc7\x8f`\xaeW\xfd\x1fL\xf7;Ic_\xa9v\xbe1\xcc\x9f\x89][\x10\x16\x06\x7fhJ\x1e\xd3\x065[\xf5f\x0c\xe0\xacM\xbc\x1da\xf9\xc7B\xe1\xbb\xf0\xb0\x1d\xc4\xb2A\xab\x0b1l\xb4\xeb\xb2:\xc8\x81?\xea\xb1\xf9s&amp;\xfa\x1d\x00\x8aO\x0e\xb9G\x16\xecOPm~\xfb\x14E`\xed\xfb\xe7\x00\xfc\x9b\x9a\xcaFp\xd8&amp;D\xe4\x9e\xce\xea\xfe\xae\x02)\xb5\xe3D\xac\xcf&amp;\xe2$\xb8,\xbb\x9d\x18\xe1\x92dCEC\xc61\xa7)\xe3\xd7\x12\x9b\xc0F\xef\x00X{\x7fvv\xc6\xb1\x06\xed\x1dw\n\x89S\x01;\xfa$\x8c\xeaD\xac\x08\x01\xfexm\x19\xfa\xe3\x8c\xb3\xbf\xffv\xcc\xf7\x8a\x8d\xe0vx\xa8\x1eX\x05\xc4\x0e\xaa\x8d-\xda\xa8\x84\xda\x8f7|\xe6&amp;\xa0\x03\xce\xe0\xecG\x1b\xd8L\x90\xe0\xf6n\r-I\xf6\x0c\xce\xce\xe0J\x00ggfk\x96|\xae8;B\xa1\x88\xe1\x18\t\xda;\xccnnQ%&gt;\x04\xec\xacq\xfe\xb3\xe0s\xc3B\xea\xd2\x0f]\xd5 \xb6\xe4\xabv\x95b\x93x\xc6v\x1e\'P@7\xef\xdeM\x16\x00\x80C\\\x7f\xde\xf6V\x84\xf6\x7fO^[\x1eYl\xaf\xfa\x07\x109\xaa\xdb\xe0\xaa\x15+\xe3\xa4\x7f\x15\xa2p\xe1\xb1:&gt;V\xd0\xd3\x1b\x06g\x16A\xc2S\xde\xbe\x0eh\xad\xdb}\xef\xdd\xbeW\xa7\xe0\xe3\xb5\xac\'\x95G\xb7\x9f)\x80\x8f.\xa7bB\xbb\x9d\xaa\xa4\xacV\xa4\xd8\x08vs\x84S\xb1\x10j\x11\x7f\x18\x1c\x98@\x9a\xbb\x13=7\x05A\xff\'\x85jUH\xddwz@\xc1\xbe\xe8&gt;\x8e\x83\x92\xbd\xc8\xee8\xbf\\~o\x81\x18\n:N\xa6\x81\xe9\xd3\xaa\x95W\x14\xa7\xb1\x0b\x8a\rcy\x9a\xa5f:\xf3\xadAA\xae\xfe\xc3S\n\xa6+\x14\x1d e\x90\x88\xf8&gt;\x8b\x14\xe9\x8b,DX+\xc6\x80@p[/&lt;\x9eDAv:\t\x08\x11\xdfQ\xb4\xd2^\xfa\x11\xe7r\x12\xdb\xaaX\x05\xc2\r\xc0FcPA\x05\xdf\xb7\x01\x10\xa6\x8c\x88\x00W\x96\xa5\xa9X\x11\x01\xf3c\x98\x8d\x89\x92\x00\x00 \x00IDAT\x18$\xd3\xba.\xb1I\x1fW\xd4\xa1Q\x03P\xff\xb8\x05\x91\xf5I\xb4\x01\'\x81\xd2\xea\xfftz$\xc5\x89\xa2\x9b}\xef\xcf\x91\x1e\xc5\xac\xe3\xd78\xfeG\xfd\xf1EE\x1c\xf3\x86&gt;\x0f\x11\xbf\xbb\xe1\xf3\xd97c\x8eW\xb4\xc3\xc6\xbd\xf8T\x9eZQ\xac\r\x94\xcd\x9e\xb2\xa0|&gt;P\xa1\xc8\xa1o\x03\xb07\xa3dU\xf3\xab&lt;\xfc\xf3S\xfbm\x00&amp;\x1d\x8e%UK\xb4\xbaS&lt;\x19\xe4\xaa\x9a\x8c\x1a*\xf7Q"E\n#\x1d\xc4\x8c\xfcT\x86\xc5\xb27G\xc5f\xb0\xca-\x02\xda\x17\x84\xdcN\xed\xf6\xb4\xd04\x9e"&lt;\xa9\xd2\x9e\xaecQ\xdb\x05h5=\xfa\x83\xc5\x05)zK\xa1\x00\x90{\x1a8\xd8HP(?\x8b*\x80\x1a\xb3B\xb1.v\xe6\x83\xf7\xad\x9b\xbe\xf6\xb9I\x14/X\xffLG\xd1\x0fK\xeau\xb6\xfc\xe6\xd9yD\xf2\x82\xc64\xd2)T\x1d\xfc\xc7z\xbcR\xa6\xf3\x91\x7f\x1f "&lt;dW+\xe2\xa0\xd1\xc27\xadO\xd3\xf8\xd9\r\x00"\xc2\x1d6\xbd\xfc-\xe2D\x14\x8e\xc9?\xbb\xe1\x1eBtX\x89\xb8\xc5bwf6;[\xce\x8c\xbd\x95\x1c\x8a&amp;hg%\xfb\xabz\xe3\x88\xf4\x01\xa4\xfb\x03\x9b\x04"\xc2\xdf\xedjE\x8a:T\xd99e\xe2\xce&lt;H10\xc4\x8fN\x05\t\xaa\x17\x94!\xb1\x05\xc3\xaatX\xc1\xf6\x0c\xfdMe\x160\xa8\xb1C\xb6&gt;;;-e\x9a5\xca\xf2\xe3\xde\x00\x88xj\xaa\xd8\t\x0e\x1b\xaa{\x97\x83m\xf9lu\xcd\xd3\x13s\xd5\x89N\r\x88x\x06}\xbc/\x9c\xc5\xb6\x06\xd6*\x04\x97\xbc\x01\xed\x89\x15$\x88\x86A\x1e\xa2\xd6\xe8kW\xb0p\x8e\xb5\x05\xe8\x0b\xef\\m:\x8d\xfbB\x89s\xeb\x8d\xb6\xb0\xe6i\x01c\tg\x06\xcc\xb8\xa0\x85\xcbVq\xdc\xb8_XY\x8c\xbe@\xfe\xd7_\xcc\x06^k\xea\xd7\x8f\x1e\xd4\x89:\xd1F\xe3\xd2\x98h\xa9\xcc3\xe8\xf0\x98\xf5.\xee-q\xbf\x11A\xac\xfa\xdf\x84\xf6\xce\xced\x1aIo\xad\x9a\xd9\x15\xdbF\xc8}\x11\x01\x9eZ\xd3\x00\x04\x9f\x06\x8ep\xc7yF\x19\xaf&amp;\x18J\x18E\x03P\xed\xad\xfa\xcb\xe0d??\xd3\x01\x05\r\x00\x95l\xfc-r\xc4 \xe2\xa1iY\x84\xb8\x9c\x10\xd6z\x8e\xb1\x07_\xc4f\tH-\xcd\xc4\xa7W\xe5N\x0e\xf8[\xfaR\x8d\xd1\xe4Q\x0c\x84\xd5\x8c\x83\x91\xce\xa7\xe0;V\x03\xb0I\xa8\x02\x05a\xde\x02:o\x15\xa1\xad5\x00\xcd\x90R\x82t\xd7\xa1\n\x17\xc6\x9e\x1b\x80\x89S\xf1LI1\x86\x00\x82\xf0o\xc8\x18dW\xc3\xfe\xb6I\xa18b \xe3\xde\xe5\xc7^\xb7\x00\xfdv\x9a\xad@U\xaaPt\xba\x05\xb7e\xac\xbb\xf0\x93U\xbbB\xa1X\xa0\x81@\xa1\xd8\n\xd4[\x15\x8a\xad#x\x0b]]\xbb\n\x88\xf8x\xf1f\xf2x\xd6y\xd3\x82\x99\xc9\xb7&gt;n\xff\xf9]|\xfa\x8a\x13B\x8dY\x8f\xf5\x05|\xfa\xc8\x84\xa2\x12L\x8bUc\xa3A\x1d\x93\x84\xfdjio\x060\x15\xd9\xe3\xdda\xd0\xfb\xe7m\xd0\xe4\xa3MS\xc5\xc2%\x9en\x00\x96w\xf5y\x8a\x9e\xd8\xe8\xb7\x00\xd5|\x1a}\xb8O\xb2s\xac}u\xc7\xb8\xae:\xe7\xa6\xb1\xda\xeem\xcdlp;"\xaf\xed\x92\xc3ET\x998i\x7f\xb9\xd9Hx\x1e\x7f\xca\xe1{!\x01`\xc455\xfe\xe2\xb8[\xdb\x7fn\xc4\xab\x05 \xaf\xd5\xe9K\xff&gt;\x84\x08\x11M\xc6\xd4\x9b\x10&amp;\xe0hk\xc74\x85B\x11\xc2\xe9y\xe6E\xd6\x16\xc0D\xad\xf2Oo\xfb\xca \xf8\xc1\x9e\xe6\n_uOG4\xa7\xbd\x1by\xc1\xea\xaa&gt;\xd9\xbf\x17\xec\xec\x96\xce\xaah\xf5-RU\xbf\xb1\xa8P\xd4`\x85\x00\xa1\xb6&gt;&lt;F\xda\x9dZky\xcff\x8e\xb5\xd7\x06"\xfe\x99\xeaJ1"\xae\xb8\xb6\x00\nAl(\xc84\x14\x15m\x08\xf1\xda\x90n\x15C@\xbbO\xc5\xc0\xe8g\x99\xea\x02\x1b\xd4\x80\x95AI\x13\xda\xca\xb3\x02#:G\xbc\xa1\xc6\xf9\x14\xea\x95\xa3\xea\xa5\xe0\x85k\x0b@\x04\xce\'\xf4\xed&gt;]`\xc4.5\x1e\xc5\x1a8\x9a\xe0M\xfb\xd9\x9f~\x0eXAEe\xc9\xc2\x9f\xae\xc69&lt;0\x86\xb5\x05[\x17\x94\xe5\x9f\xb8\x8a\xd2P\xe5(L\x14\x7f\xfc\x97N\xde\xac\xfe\xd5\xfc\x14+\x01\xcb\xbf\x8c\x99\xf5\xb1\x18\x83\x9d\x9a\xbb\x82\x80\x93\xaf\xea\x14\x0b\xa2\x85\xbf\xd9\x03\xa8\xc1D\xb1\x0f\xcd\xecc\x15\x14\x9c\xceJ\xeb\x11\xd3Uk\x1d\n\xd1\xff\xc6b:\x08\xf0\x01\x19\x19N\x03\x1b\xfd\x16\xa0\xb6v|vv\x06%\xdfK\x80\xf6G\xe3\x11h\xcfl\x9f\x9d\xc1\x88_\xcd\xa0(C\xcb\x92\xab\xf1\xd7e\xac\x88\xd5\xb3{\x8b&amp;\xbcacOl\x05\xb1\xea8#Ix\xf3\xad\xc5^]\x89\x8d\x8d4\x8a\x82\xfbu\xa2\'n\xed7Yd\x8f\x10\xfeo\xf1\xdc\x07\x02|\xa1\x84\x0c\x8a\r\xe2\x81RG\xe9\xe7\xad\xbc\x87nM\xdc\xf1\xa9\xed\xa9&lt;i\x90\xb2+\xef\xfa)(\xa4\n\xe3\xe9\xe7s\x9a\x14@\xa2\x9ff\x0b\x13gAp\x8d\xa7\xe2\xf8mP\xa2\xba\xcc\x94\x9a\xbd\xd0\x07\xc6d1\x82&amp;7]\x04\x0b\xc6\xcc\x11\xf6B\xd1\x15\xb5\xb1\xec\xa5f\xcaT$p:\x8aJ\x15O{_\xfb\xde\xc1\xb1^\xde^\xb7k\x00\x02\xc5}\xe4zl\xa4\x88\x00"\xa4N\x11\xc3\xa9n4y6\x0cD\x84\xf7\xaf\xa5O\xe3s\xba\xc3\xd9\x98(\xdc\xd5\xedz\xb1\x8a~8\x1f\xd6\xd5\xb5\x0f\x93\x17i\\\xccZ\xda\x96\xfbi)\xaf\x98\xb0\xc1L\xe9\x15\xf4Q\xf9\x9b\xf5\x00\xad+\x8c\xf75\xa3|\n\xd8\x98=\xef\x0e+\xea\x1f\x01n\x07\x02\x9f*\x1c\xdf\x84\xc6\x97P\xb1=\xd4g\xb5\xc9\xf1\x9a\x1d+\xaeA0\xc5k/\x07\x81\xa3\xafb/z\x1e\x0b=\xb5*R|\xf3\xea\xf8[4i\x00\xda\xb7\xfdj\xea\x85\xd8\xe0q\x8cb4l\xc2\x84\xc6\x97Pq\xd2\x98\x0c\x14{\xdc\x8fk\x90\xe6\xfbG\x815\\Z\xab\xeaA\xb1\xed}\xf1\xea\xb0k\x82\xe1\xa4\x95\x94\xe7\xfa\x9bR\xedE"C\xad\x0cm\x1d\xa7\rqm\xa1\x15\x8a\x03r.\xdc\xf9\xbe(V&lt;M\x90\x0f\x80\xc5b\x9d\x02N\xf0[\x80\xfa\x18\xc4\x99\xf9\xff\xd8\xc6\x10\xd3%E]\xbe?\xeb\xfe-\x19\xbf\xdb\x82h&amp;\xd2\x9d\xc1\x8enb(\x86\xc0\xc1\x9c\x96/\x04CD|\x19"\xce_\xe0T\\@\x9b\x86\x8a\xdc\x1b\x8d\x16\x9d\x92Y3J\xbf$\xcd\xc3\x95\xba\xfa\xdd\xf6\xbf@K\xc3\x94B\x06g\x99\x0f\t\x9fuN\xfe\x15\x11))\xa8f\xf6}bS\xfb*u\xe7=N\x98\x048\xff&amp;n\xed\x89#\xbfdm\x00\x14R\xa04\xe4\xa5\xd1 t\x90\xff\xdb%w\x00\x860\xf8\x1f+&gt;\x9bPP\x80\x00/X[\x06\xc5\xb6 \xe8\x8c\x0cRf\\z\x00"\xc0?p\x18}v\x962\x87\x9ab\x0b\x18i_I\x92HK\xeb\xa5sb\x130\x90\xdeF\x83\xaaE\x11\x00\xd3e.\x15\xa8\xd1mR\xe5n\xe8;r\x8e\xd4\xc8A`\x12\xe3\x8dk\x0b\xb2o\xac\xbf\xd1\xeb\xe1\x94\xd7\xbe:\n\x1b\x00\xf8a\xd6\xa1@z\xf0(\xb1N!\x8c\xc8\xbev~jm\x91\xa6#\xdf\x03\xc3\x05W\x8dqO$\x7fs\xca;\xd5=\xb6\x85\x16\x1f\x19O&gt;\x0c\n\x00\xf0\x07\xd2L7\x03n\n\x89\xf9\x9aD\tn\xcc\x9d&gt;\x03\x90&amp;E\x8a\x00\xab`\x101\x14{\x86Z\xd7F`\x855a\xaa\x82\x04w\x89M&gt;\x17y\xd8W\x89_E\xfd]\x80\xef\xa9\x17\x87\xa5\xc6\xd9(\x8b\xe4\xb7L:\xfb\x13\xc2\t\x07\xd8\xefo\xca\xee\x11\x87}\xd4-[\x01\x07\x0f"i&gt;\xe8n\x07G\xf3\xdf*p@\'t$#I&amp;\xf7\xad\xed\xfe\x88\xb8\xba\x0c\'\x02^zR(&lt;0b\xa0b[8\xd7\xda\x02\x94@&amp;s\x1c\x8b\xaaz\xe3.\x9e\xcb\x0e\xcdv\xf5\x9f\x9f{v\x96h\xaa51H\xa1\xb9&amp;5\x00\xaf\x07\x86\xd6\xcf\xce\xce\x9c\xba{vR\xff\xad\xa6\xf8\xba\xa1\xab\xff1DH\xc1\xf4\xe8\x8d;\xdf\xe7\x00\xfc\xdb\xda2(\xca1B\x9aN\x0b0\x82\x84\x8aBl\xf4[\x80$pv\xf8\xa8{\xbb\xaf\xbb\xb9Z\xecD\xb0,\xfb-\x07~\x8c\xfc\x19\x1d\x86\x08pq\xbdA\xb65\xe8=\xcd\x91q\x9eewL7?\xdc\x8c\x16\xafygr\xcf\xf6\xac\xe2o4#W\xe1ly\x80d{\xbf\x14g\xe3\xdf\xb2\xd5\x1bN/\x14a`\xe6\xd3\xeaMU\'\xee\xc9\x92\x9f\xf4\xd5\xa7l\x14\xfb\xc0\xfc\x85}\xb2\x16-\xffL[.\x18%\xe6\x8d\xf7(\xf0Np\xe5\x1eLt\xb36\x02\xc7\xb9\xa6\xd7\x0f\xf6\xdf*&amp;\x1e\xfb\xd3\x19yk\xf5\xfa(\xa8J\xd8\xb5\xc6\n\xb2I;\xa0\xf7b\x14\xa4\r@\xe4\xe1u&gt;\x91"\x8e\xd2\x96\xdc\xe2\xd9}Q\x0c+\xd8(\xd0\x93"\xf0\x1d|\xcc\xfb\xd3\xa5\x1f\x1eH\x85\xaf1W*\x81\x8d\xdf\xb8\x17\x00\x02\xea\xc7\x06V\x02"\x1e\x9d+\xe0}5N\xe7\x7f\xfc)|o!Y\xb3\xec\xd7\xeb[\x80\xfa\x84\x03\x1e\x7f\xeaAu[\x05D&lt;{\x13\xc0\x15\x07W#"\x9a\xf7\x89j}\xaa\xc8x\x04\x9f\xbd)N\x97\x87\x0f\xf3\x94\xcdu\x04 R`\x8c\xd4\x0f\x1aeq\xc2\x8f\x00\xcd\xf83\xeb\xafA\r\xc6x\xfe\xc7\xbe\x9c&gt;\xa0\xc2\x13\xed\x81\x87X\xf5\xbaB\x08\xfdZ\x93\xa2\x00\xd3\x87t\xfd\x93\x05\xf9\x07\x81\x82\x04\xe7\xcf\x1e\x10\xc7\xef\x1e\x0f+vF\x96\xba\xee\x1c}g\xdcS\xd2\xb1pvv6|\xf5\x7f\x84\xe0\x8e\x9e\x9d\x15&lt;\x8a&lt;\x82\x96\xce\x00\x00n\'D\x87\x02\x84\x84\xe2\xedrH&gt;\xd8*\xf6\t\xa1\x9b\xe3\ro\xa7\x06%\xcc\x89\x1dy\x02\x80\xf70\xc0\xd5Mz\xe5\x0b\xe8\x8c\r\x89\xba\x7f\x9c\xfa^\xc8&gt;FB\xa5\xa6\xcf\xff\xf4\x85\xf78\r\xdao\x8e\xf3\xb0\xcd\xeaXW\x0f2\x8f\xac,\x0eu\x81}\xec\xecuK\'v^{J\xdb\x1a\xe2\x14\xf5\x18\xd1\x80\xfc\xfcm%\xf5\x90\xd1\xe7\xcb\x7f\x92\xab\x0c\x18\xdd\x8cO\xad\xed\xd8\xdb\xf7V\xb1\xedl9k#\xafIm\x00\xba\xc2\xd5-\xcea\n!\xd0\x1e(\x9a\x02\xa7B\xff\x8b\xdd7\xc4\xbc\xe0\xe8PoR\x9f\x1a\x06\xeae\\\xe8#@&gt;\xean\x1b57\xc1P\xad\xdf\x90]\xbboI\xca#\x12\xa9\x8d\x07\xa0\xbb\x89"\x06\xab\x85\x03\xb8t~\xdc\x16W\x19\x80\xde\x8de!\xb3\xe9\x98\xfb\x04p\xf0\xb3\x07zO\x9c\x8f|\xa3u\xf8?K\xb7\x93\xfa\xe7\xc3\x19\xea3\x1e\xbf\xbcV\x93\xf6\x93k0m\x05\xe3L\xec\xbd\xfe\x0e\ny\xc1\x91\xc8\xd7\xf9\xcc\xb5%h\x8dH\x95\xa5\x1f\xc2\xe1B\x95%\x8c\x83\xf3\x9f\x81\xf0\x87\t\xcc\x98\x12\xfci\xa1\x80\xe9\x13\xe2\xd0\xe0\x05\x016\xf8\xf2\xc4\x95\x81\x87\x8f\x87.\x07\xb8\xd9_q\xf2\x07\xa0\xd8\x0f\xe1u\xc5F\xc5^\t\xf9\x8f\xe5y\x11\xe0,\xfc\x86\xea\xbc\x14Y\x8b\xfd$\xe2yR\x1ej\xfe\x82\x1f\xf9\x93\xc4\xc7\t\x82\x1f\xf1$q\x06\x80\x1d\xd5\x03\x93\xf6\x0e\x9f\xd5m\xb3\xae`\xae\xdff\x94\xebll\xf5\xd8\x99\xb9\xae\x06\xbd\x03P\x88\xcc\x9d\xc46\x96\xf9\xdcT[\xe1\xbd\xb1\xb1\x18\x14@\xe30*\xf0\xd9\xa5\t\xc9\xcfa\x9b8,\xe9\x85\xd6_&gt;\xce\xce\xe0\xec\xec\xee\x10\xb4\xa3\xc5\xea6v\xce\xa4\'\xd09\x98\x1b\x9a?0v\x94\x19{\xcag\x1b:\x1f\xf2\xf1\xa4\xb3\xb3\x8c\xf6\xce\x1b1\xe9\xc9\xd4\xe7\xf7\xb2\x8d\x9cq\x1b\xe18\xa9~\xd7\x18\xfal\xa0\xfb\xb5\xbf\x02\xe1\xf8\xffm\xef`[\x9b&lt;]\xd9\x84\xc3\xd9\x18Y\xe2`dX\xf3\xc1\x84=A\x95X\x08\xe9F?\xd3\x82\xcf&gt;0\x1f&amp;\xd9\xf7\x04 R+f\xa2\xb0hq\xb0\xb9S\x84\xadb&gt;_\xdc\x88\xc2Q\xbf\x8e\xad%\xd0&lt;f\x8e\xde\x16\x18\x1e;\xbc\xdd\x17\x81\x9d;\xe6\xed\x13];._DK\x8b\x12\xe2\xd1\xbbg:h\xc4\xab\xe8\x98\xb9\xe5=\x87\x13\x84qOL!\x0f\xbd\x03P\x08\xe9F\x9fMk\xbcd9\x9a&lt;\xbb\xc5|\xbe\xb8\xb6 4\xa0\xf5\x7f\x03\xe0\x89\r\x0f\x9bq\xfe\xf4a7\x9c\x99\xf6pf\xa3\xa3\x18\xb5\xd8\x96\xb4Bhf\'g\xcb\x198u\x82$z}\xfd\xf4\xa7\x90\xc3\x8b\xfb\xf1\xbc\xa2\x18+\xa0\xc8qB%\x05m\xa5=;;\x83\xb3o\x98\x18\x05ymK]\x8a\x8d\xe3\xff\xads\xab:p{\x1f\xf3?\xc2\x17\xfe&amp;\x90\x89\xd4\xb6&lt;GP\xdaOx\x94\xef+G|\\\xac\xf3=0\x83=\xdd\xd1^\tc\xadw\x1b\</t>
        </is>
      </c>
      <c r="E182" t="inlineStr">
        <is>
          <t>&lt;class 'numpy.ndarray'&gt;</t>
        </is>
      </c>
    </row>
    <row r="183">
      <c r="A183" s="1" t="n">
        <v>181</v>
      </c>
      <c r="B183" t="inlineStr">
        <is>
          <t>steps_per_sec</t>
        </is>
      </c>
      <c r="C183" t="n">
        <v>2100</v>
      </c>
      <c r="D183" t="inlineStr">
        <is>
          <t>2.9291224</t>
        </is>
      </c>
      <c r="E183" t="inlineStr">
        <is>
          <t>&lt;class 'numpy.ndarray'&gt;</t>
        </is>
      </c>
    </row>
    <row r="184">
      <c r="A184" s="1" t="n">
        <v>182</v>
      </c>
      <c r="B184" t="inlineStr">
        <is>
          <t>Loss/RPNLoss/localization_loss</t>
        </is>
      </c>
      <c r="C184" t="n">
        <v>2100</v>
      </c>
      <c r="D184" t="inlineStr">
        <is>
          <t>0.10512468</t>
        </is>
      </c>
      <c r="E184" t="inlineStr">
        <is>
          <t>&lt;class 'numpy.ndarray'&gt;</t>
        </is>
      </c>
    </row>
    <row r="185">
      <c r="A185" s="1" t="n">
        <v>183</v>
      </c>
      <c r="B185" t="inlineStr">
        <is>
          <t>Loss/RPNLoss/objectness_loss</t>
        </is>
      </c>
      <c r="C185" t="n">
        <v>2100</v>
      </c>
      <c r="D185" t="inlineStr">
        <is>
          <t>0.02417212</t>
        </is>
      </c>
      <c r="E185" t="inlineStr">
        <is>
          <t>&lt;class 'numpy.ndarray'&gt;</t>
        </is>
      </c>
    </row>
    <row r="186">
      <c r="A186" s="1" t="n">
        <v>184</v>
      </c>
      <c r="B186" t="inlineStr">
        <is>
          <t>Loss/BoxClassifierLoss/localization_loss</t>
        </is>
      </c>
      <c r="C186" t="n">
        <v>2100</v>
      </c>
      <c r="D186" t="inlineStr">
        <is>
          <t>0.23925276</t>
        </is>
      </c>
      <c r="E186" t="inlineStr">
        <is>
          <t>&lt;class 'numpy.ndarray'&gt;</t>
        </is>
      </c>
    </row>
    <row r="187">
      <c r="A187" s="1" t="n">
        <v>185</v>
      </c>
      <c r="B187" t="inlineStr">
        <is>
          <t>Loss/BoxClassifierLoss/classification_loss</t>
        </is>
      </c>
      <c r="C187" t="n">
        <v>2100</v>
      </c>
      <c r="D187" t="inlineStr">
        <is>
          <t>0.06554378</t>
        </is>
      </c>
      <c r="E187" t="inlineStr">
        <is>
          <t>&lt;class 'numpy.ndarray'&gt;</t>
        </is>
      </c>
    </row>
    <row r="188">
      <c r="A188" s="1" t="n">
        <v>186</v>
      </c>
      <c r="B188" t="inlineStr">
        <is>
          <t>Loss/regularization_loss</t>
        </is>
      </c>
      <c r="C188" t="n">
        <v>2100</v>
      </c>
      <c r="D188" t="inlineStr">
        <is>
          <t>0.0</t>
        </is>
      </c>
      <c r="E188" t="inlineStr">
        <is>
          <t>&lt;class 'numpy.ndarray'&gt;</t>
        </is>
      </c>
    </row>
    <row r="189">
      <c r="A189" s="1" t="n">
        <v>187</v>
      </c>
      <c r="B189" t="inlineStr">
        <is>
          <t>Loss/total_loss</t>
        </is>
      </c>
      <c r="C189" t="n">
        <v>2100</v>
      </c>
      <c r="D189" t="inlineStr">
        <is>
          <t>0.43409336</t>
        </is>
      </c>
      <c r="E189" t="inlineStr">
        <is>
          <t>&lt;class 'numpy.ndarray'&gt;</t>
        </is>
      </c>
    </row>
    <row r="190">
      <c r="A190" s="1" t="n">
        <v>188</v>
      </c>
      <c r="B190" t="inlineStr">
        <is>
          <t>learning_rate</t>
        </is>
      </c>
      <c r="C190" t="n">
        <v>2100</v>
      </c>
      <c r="D190" t="inlineStr">
        <is>
          <t>0.039999895</t>
        </is>
      </c>
      <c r="E190" t="inlineStr">
        <is>
          <t>&lt;class 'numpy.ndarray'&gt;</t>
        </is>
      </c>
    </row>
    <row r="191">
      <c r="A191" s="1" t="n">
        <v>189</v>
      </c>
      <c r="B191" t="inlineStr">
        <is>
          <t>train_input_images</t>
        </is>
      </c>
      <c r="C191" t="n">
        <v>2100</v>
      </c>
      <c r="D191" t="inlineStr">
        <is>
          <t>[b'1024' b'1024'
 b'\x89PNG\r\n\x1a\n\x00\x00\x00\rIHDR\x00\x00\x04\x00\x00\x00\x04\x00\x08\x02\x00\x00\x00\xf0\x7f\xbc\xd4\x00\x00 \x00IDATx\x9c\xec\xbdy\xfc\x7f\xdfT/\xbe\xf674\x91)\xfa\xca\x98\xa1TH)\xaa[\x1an\x19\xa2\x8c)\x92\xdcTH\xba\xcaO\xa1\x8b2\xa5YD\x91\x06\xa1\xd0D*r])\xa9\xb8R\x92$_B\xdc\x10\x19\x1b\xaeK\xeb\xf7\xc79{\x9f=\xac\xbd\xf7Z{\xaf\xbd\xcfy\xbd?\x9f\xe7\xe3\xfb}\x7f^\xafs\xf6^k\xed5\xed\xf1\x9c\x97\x01\x1e\x10\x11\x00\x8cY&gt;o\x1f|\x98\xe5j70\xa4\x9b\x90\r\xeek1U\x02\x02t\xc9\xe3\xb7\xcd\x18\xe8\xa1fMv(\xfd\xe8#\xd4X\xb6\xb1\x88X\xd3\xe7\x91\xfdj\x13n\x11\xcc\x8b\xc7\xb1rF\xc1\xe80Z?Q{5(\x81\x12\xc1\xf3\xe0!q\x9d\xa3k\xdeul\xf4M\xe5@8\xe9\xfc\xbc\n\x0f\xe0il\xd5\xd0\x89\xb6\x88Boo~\x00lM`v\x94\x1a&lt;KqT\xab\xea\xd2&gt;\x84\xca\x0f{g\x80f\x16\x83P\x1b\xb5\xee\x0fr\x08t\x01\xb3\xb2\x1dv\xac\x83~\xf7!\xe5B2\xc6|\x05\x8a\x17\xbc3O\xf3\x82\x88L\x95,")\x95\x04\xdc\xea\xec&amp;f\x11\xba\xcd\x8c\xd1?Z(H\xbf\x07\x8c1K3\xab\x8d\xa5\xda\x87\xdb\x07\xfb\xd1\x98lnA\x0f\x9f\xb7\x87\xba\\\x1b]&lt;\xee\x85\xd5g4\x89\rjL\xf7\x84\xfc4\xe3bw\x14\xb5\x86\x88\x087\x1c\xabX\xb1G\x19\xe8\xee)$\xdcl\xe2:E\xac\xc2\xfb\xf2#\xf1\xe9\xc4\xb1\xb3u4\xb2\xe2\xd6\x04\xb3\x02\xae\xd2)V\x9dg\xaf\xde\xee\x04\x90(\xdfx\x1d=\x9b\xc5{\x16\x05NuHs\xc8\xd1\x7f\x82\xbb\xb6T\xc2\x0c\xe0\xb7\xd0\xbf\xeb\xcaF5\xf8\\\x00\xf0U\x99Z\x04w\x86\xcc\xd2\x96F4\xfa\xaa\x1f\x1a\xa1&amp;\xdbZZ\xae\x85\xf0\x06o\x9c\x9d-\x8c\x00\xb7k\xe2\xceD\xe2\x06\xa9#\xe5\xfd$\xeb\xf9=\x02\xf4\xc1\x8f/E\xb2\x14\x9f,t\x19\x14/v\xf0\xbaL\xbb\xcc\xe3\xd5\xab\tR\xda\xbf\x08\xaeL\x9e\xcf\xac\xf1\x1e\t6G\xab\x1c\x16A\xd2C|E\xa9J\xa4\xba\xd9\x03\x8b\xc3#\xdb\x89\x9cV\x10\r\xc7\x8b\x99\xaa\xa8tIg\x01\xaf\x1a\x17D\xca\x9d\x14\x93\xdf\x1c^m@D\x80\x07/\x1f\xdb\xfd\xaa&lt;\x02p\x17\xfb\x86\x0b\xa5\x92\x11\xcd\xf7\x16\xc9Nv\x82\x03@\xd2\xd2`t\x95\x1d\x97/i\xa8\xd5\x94\x91T\xb6.M\xe4/\x84d\xbb j\x11\xe9\xcf\x1d~\xa5\xe2\x93\xc4\xd0j\x08r\x8dWZ\\!\x95\xe9\xbc\xce]\xe8gtN\xa2&gt;\xadm$\xdb^e\xd6\xb0\xc6\xf3\xcf\xb0\xa5\xa1\x0f/\xd7\xef\x86\x88\x087\x1e&amp;XK\x93O\xcc\xe73\xeet\xaeu\xc1%\xf0;\x8e\x9b\x9c\x03J\x1b\xdc\xc0\xc9\n&lt;\xfe\x8a\x80\xb2x\x82a\xfa.)`G\xd6\xfb\x81\xd5Rj\x00\xf7\xb1\x85\x92\xa4=\xbdR\xff.\x90\xcf\x9b\x00t\xda\x05\x11\xffG\x17\x05\x81\x00\xaa\xfe\xac\xec\x96\xdf9\xcc\xbd\x0b\xd6\x177\xe1\xce\xe5\xc2\xc4\xad\x80E\x9d\x11\xe2\x99_0k\x00=I\x8b,(VZ\x83\xeb\xb61\xd2\x82m\xe9\xf53&gt;l?\x1c\xc6\x7f\xdaR\x84bV\xd1\x02\xcf\xcd\x8e%3\x00\x0c\x1a\xcfE.\xe7_\x04@\x80\x8fW\xe7x\x1e\x03\xf1o\x8b\xd5\xbar\xe9NHDMsb\x17\xf9-\x13\xc9\xc7\nJh\x19\xa6\xf0\xe8q\x94s\xb4D\xec\xa3\xa8\x96\xa2[4\xbaG\xb0\xfb\xef\x13\xeeq\xb3\xc9~\xb5\xb1\xeb&gt;Q\xc6\x94|w\x17Z\x85\xbcQi\x0e0\x9a\xbbK#\xfe\xf5\xdc1\x83\xdd5v*\xe83b\x9b\x9e\xe5U\x06X\x93\xf6\xe1K\x1d\xcey\x9a\xac\xd3\xd1\x8a\xc1\x8b\x085\xc1Nh\xe4\xd4\x85\xe7\xa5\xbe71\xa3\x1e\x15\xc7i\xf8o[IX"\xd1\xc9$S\xf6P\x1e\x1eK+iI#GUjL\x9e\xcam\x11RC\x80OR\xe1;\x02\x1d:\xf9\x82\xae\xde"\x9c\x16\xb6\xd3Q#\xa2\x0e\xd6\xe4\x90\x99_\x94D\xea@r2g\x9a\xcei^\x19\xee\x87\xf4\x84\xa3\xa3\xdd\x9a\xb9*\xdf\x99\x9b\x1e?\xe0X\x06\x1a\xd5\xcd\xa9A*\x1e\xae\x0b\x13-\x13\xb3\xa1zh\x18W\x1c\xd9.\xfd\xc0pO\x15\xea\xca9\xb4\xa3\xf6\xc3\xb6n\xff\x06\xa6\xbeZV;\xb3\xfc\x01SM,RC\x94v\xf2\x1eG\x7f\xc3\xcdvW\xfa\x81\xf6\x94\x8f\x06\x157\xd8\'\xaev\xb1i\xf7q)1;\xc4\x1fF\x84\xc7\x8fM\x05\xd2\x13\xea\x85${\x84.\xe4\x00\x10$\xf0A\xd9\x9e\xb4E\x9e\xd7\x8eV\xdb\xd3aj\xe3\x9eIv\x1c\xdf\xe3\xff&gt;\xbc]6\xb48\xdahi\x10&lt;\xeb[\xcd\x9c\xc8\xf0\xf1tQV\xa6\xb3B\xe0\xae\xbc\xd3\xa7\x85\xfc\xe6\xdd\x1aa\xc4\x1ce\xd6\xd4%\xa22\x039\x03\xf0\xd4\x8d\xdf&amp;\xdc\x12\x95\x8a\xa7\x8a\xf3\x13\x803\x08\x9dt,;J\xd4\xc5\xd1\x8fv\x16\x9d0\t6\xf3\xe5H\xd5\x10 \x9eH.\xf1\xbdg\xefH?\x10B\xabU,\xa8\xa77\xeev\xb9}\x13\xc516\xb8\xf6\x03&amp;\xe8$\xd2v\xc8\xaa9\x0c\xf9&lt;\x18\x8b\xdc\xb1P\xe7\'\xf3\x0b6\xa5}\xb2\xaf\x90\xf3\xca\x91B\x16k\xada\x95P\xfe\xe4\x90\xe9\xa8(\xcb-\x93\xf1\x96\x0f\x06\x08\x14K\x13\x7f\xed\x98\xe9JreWn\xed\x86e\xfd\xca\x81C\xa8A\x94\x87bU\xcb\xa7\xef&lt;7k\xd6\x9eZ\xff4w\xca-i\xef\xb6I=H\x18\xf7\xa9\x93XL\xf3\x80\xd8U\xb0y\x9a\xf9,\xc1:\xd9\x0cyN\x03\x82AI\xa1~\xb8\xd2$ 5\xc1"\x98`\x1c/\r\x8c\x99{\xa8\xcd\xee\xb4t\xd8F\xe1\xe0\xb6\xcb\x80\xf0@\xfe6\x94\xb4\xc9\xc1&lt;\x8dp\xfe)\xfe\xef\xf1\xaa\xb1\xdb= \x9d\x00\xfc\x1c!2\xa1\xa2\xd2%YL\xecp\xbaP5\xab&amp;\xa9\x86P\x1c\x81=z\xa39\xbc(.EUK\xbcZ\x03\x1b\xa3\xf3\xfbcg\t\xdc\xc3*\xa3\xe58(jG\xdd\xda4\x93\xd6\x9a\x96Z\x99\x02\x1f$\xe13a\x85\xbc\xae*\xd5W\xf5\x08\xe3\x0fc\xf6\xe8\xb66q\x0en;\n\xe2\xdd\'e\xf6\x14\x84\xbd^\xff\xd4\xb1\x84\x0b\x06\xfef\x99P\xdd\xde\xaf\x9crJ\xd6\xe5^\xe8\x08~7\xae\x82d\x1f\xa3P\xd4\xbb\x99\xfe\xfc\xf2h`\xe9\xb0\xc7?\xba\xeb\x9ct\xec2\x8f\x92`\xe4\x95\xf9\x99e\x97D\xb6\xf8\xc0S\x07s\xa7&lt;m\xfd\rE\xd2\t\xd1/5J(\x8a\x1f\xe2\xe9\xf5\'\xbd8\xd0\xf0w\x1fI\xe4&gt;\xd6\x98\x1c\xd4\xc6\x9aJ\x03\x08t\x7f\x12\x18c\x9a\x7f\x158\xade.a9\xa2\x1b\xce\x0e\xd9\xc7c\x964!\x00L\xcf\xee\xebhXu\xbeNQu\x88\x9f\xdbF\'2nHb\xbe\x02Y\x83\xaeC\x01\x11n\xec}=\xc8\x0f\xf4\x16R\x01\x85\xa6\xb4\xf0\x87G0Uy\xba\xb3E\xd7gL\x94\xa9\x1d\xc4L\xaeX\xb8s\xb7.\xaa("\x95\x970\xb8\x9e\xfb\x1cUxa_\xb2\xf6\x84!\xe7\xc3\n\x9d\x81\x90\x08\xda\x1e\xe8\xa0\x9d\xd0L(Z\x81\xa4\x9d\xe3\x08b\xab\x9d\x05\x94\xda;l\xacv\xca\xd8R\x87\xbb\xc2\xacy\x9f\x01\xbb\xbe=\xeej\xbb\xc2\xe1\xf6M\xb3\xeb\xeb\x87\x1e\xe4k%\xa0&amp;\x8a\x9c\xb5\xdf%\x91\x05\xe0\xae\xca}S3\x9dl\x8fy\xfc\xcc\xb9\xbf\x84\x93"\xae$A\x1e;J\xd5\x035\xb9O\xc3\x89=\xa8\x9a\xb0\\W\xc1EH\n\x91\xe4.\t*5\xea\xe1\x05IF\x86\xc1\xda\n\x80\xbf\xd5\xa0vN\xe1m\xe3z\x14\xe7]\x99\xebG\xe8!\x02\xec\x9a\x9aO\xbec\x18\x84\xd0\x8bvQ\x91c\xaa\x90\x93\xb5d*s\t\x13\xec]\xda(p\x984\x0b\xb9\x1f\xd2\x0e(\xdbK\xf6\xb7\xb1\x9fN$\xa7v\xd7y\x1ec\x11{[\xde\xeb\xb4\x18\x8e!;\x01\xe7\x92OW\x02\xb8_\x15\xe9\xb0\xfe\xcd\x95\xfd\x8a\xee\xb4\x92u\xeb\\\x0c\xa8\x9b\xbbD\xf6WJ!\x87\x88\x00\x8f\xd5\x15\xe6\xf8(\xd8\xa2\xd3F\x19\xcaJ\xe6v4\xb53\xe9 \xb7\x1c\x8dS\x949A)6\x83\xd6\xed\xd6\xd8u\xf8U/\xc7\x91\xf0\x07\'\xed\x034\xd7-\x87\xd5A"\xa5A\x06\xa2\x0f\xaau[\xcd\x19&amp;\xe1\xa2\x84Y[I\xe7\xa1\x80\xd0\x07\xacG]\xb1Z\xbc\xc1\xbe\x07\x89\xca,\xc8\xb6\x8d\x14\xf7\xa8\x8a\xa8\xee~ \xfeu_\x84;?`\xfaD\x90\xaa:8\x92\xd5\xd3\x9c;\xc8M\x9b){\xb5\x9a2\xf5~!7\xc1d\x1d\x84\x03\njv_\x88t$\xca3\x86\xa3\xe7\xfd\x1a*\xc2_\xf5 &amp;F\xefo\xa9\xd8I\xdb\xc2\x07\x96:\xa9\xc6f~\x15""~h\xa5\xfc\x12H\x92\x05S\xb4\xe6]k\xb2\x1b"\x89\x1c&gt;\xac\x0e+\xd8yx\x08{\xab\x9a;y\xc5\xc4\x8ew\xf8\x0e\x91\x8a\xd8T\xe2RL\xba2|n=\x02O\x01ai\xe71\xedD\xc3\xd4\xc6!\x85\x88\x0fQ:\xa7X\xb8\x95+\xc6\xc7\xcf\x15]\xbc\x99\xf2\x97\xb6\xcbv\x12nF\xa3\x90/Z\xd3\x10$}s\xbcs\xdd\xa9\xae\x8d\x08"\xc0%{H\x9d\r\xa8huW\xa4\xbd\x80\x1aaEZ\xbc\xd5\x81S\xb7\xc5\x06?~\xc9\xbb\xcd\x84W\x8bc\x9c\x19x\xf6\xea\xeaJ\xc8\x8a$\x91\xa6\x04x\x16\xec~\xb2\xc0\x7f\xcco\xe6\xcc\x97&amp;\x11A\xe4\xab\xed\x1b\xef\r\x15\'!\x8e\xbdb\x00\xd3\xe1\xcd\x8e\xf9\x19\x9db\x0f\xf1\xa0\xae[[\x8a\x08\xea\x08?\xc1-\x92\xac\x8a\xb9[\xb9\xacZ\x10\x92\xa4\x80\x03F\x0c\x7f\x1a\x10\x7f\xa5.\xf1)8L\xf0\'fJl\xa7@_A\xce3\x03\xdd3\x06g\x04\xbaY\x82\xeb\xbag\xc63s\xb9Z\x8b\xba\x9f\x19\xc4b5\xf7\x05\x0f \xec\x98\x97A8\xfa?+\xa6?A\xe4\xfa\x17{\xe5\x1f\xf71\xcd\x16D\x7f7H\x80t$)\xc3\xbc\x97\x05\x15\xe2&lt;}=\x93+\x1c\xbcC\xd3#\x91\x7f\xa3S\xc0\xc7/\xb6\xdc\xd0{\x15\x14\xca\xb5\x97TAD\x00c\x0c"\x1a\x000\x1f\x03\xf0\x9fJ\xe2\xcdCd\xd9\xe4\xb5\xa7\xeb\xfd\xc6\xd7\xa1\xe6\xfdFb\xca\xba\xb1|&gt;\x07y_\x98\x0c\x88J\xaf\xbb\xed\x12\x82\xd4\xb3\r=w!\xf7B\xd29\xf2Oc\xc4\x80\xcd\x00{\xcbq\xf6\x80\x88Z\x8a\xddr\xc39d)\xdbh\xf3\x85\x00/O[\xad\x13D\x8cN\x19\x11\xc1\xc0\x9a&gt;r\xbdA\xd7\xbb\xb6\xbbb\xf0H\xc9d7\x90\xb1\xb6L\xf0V\xed\x0c\xcfr\xcb\x86\x12\x00XFA\x87\x0eZ\xef\x82\x17\xc8\xe3{\xaaj\xdb\x9d\xcb)\xf8\xde\x05\xfd\xe20\xd1\xa0\x82\xf8\xe5\xe5\xc1\xeb\x84\xa1:\xe7NG\xffP\x1aO\x8a\xa5c\x97\xc4\x95q\xc8\x19\xa3\xf9\x8c1\xa78\xfa\x07\x80Evc\xc0{\xd3sp?\xf9 \xa3\xde\xfc\x92l\x1f:k\xcfG\xdehkU\x91f\x8b\x10\x00&gt;\x92\xbfm\n/\x93F\xbd\x9f\x9b\xa0\x88\xaf+\x85vE\xa6~\x96c\x90$\xd3\xd8t\xec\xb7\xf4\x9c\xee8\nl\xbb\xdf\xaaAl\xbf\x11\x9e\xd0|\x1dFO\xe0\x96\xdd\xfe\x9cd\x04\xefS\x8a\xd6rn\xb7\xb3\x90"\x05\xaa\x84`g\xa0\xa7\x7f9\x90\xcb\xef\x06\xd2\x11\xdc\xee\x91g\x86\x82\xb2\xba\xf5\xb8\x8c?\x1c\xb5H\xa6\xd9\x11&lt;n\x88\x80\xfeL\xa7\x9f\\&lt;\x01\x18:\xbe\x89~\x13\xc4\x00\xa4c\xbbE\x00\xce\x98\x0f\xd1\xce1\x13&amp;E\x19\xdad\xcf\xc9PW\xd7z\xdc\xc9\x96\xf7$1\xf4\x8b3\xfd\x9a\xa7\x91`J\x03;5\x1e\xa1\xe5\x84)\xbb\xd2\xcb\xf8z\xe6Q\xce\xd9\xe5$\xecE\xe29\n4\x8c\x01\xb8X\x1a\x14\xcc)\xdc\xf8\xe5U\xc3\x17\x06\xe0\xb6\x83\x85\x91\xa1--\xf3U\xeaYMd\x05\xbc\xa4\xe2\xa0S\x1b\x88WU\xa1\xb3\xcb\xc2\xbfD\xa7\x18\x8dw5\xcc\x91\xff]\xce\xefE\x00\xb8t7\x03\xa8\xad\xfd{-rK\x9e\xa1p\x96J\x86\xf2x\xab\x9d;;By\xac\xab\x97\x8c\x82\xe4U\x9b&lt;4\x96\xe7V\x82\xbbw\xc3U\xf7l\x84;\x19\xa3F\x91`\x91\xc9\x1d\x8f\x1b\x9f\xe2E\x0b\x18nUo\xb4T\x0c\x19\xeae*M\xbb\xff\xea\xbad=\x1dY\xf7\x84V+\x94U\xe1\x16\x84\xdd\x97Nzv\xdf\xf3Tfn9\xd0K:\x88\xfe\xebw8D\x0e\xa3\x84\xe3\xc6\x11S\xaa\xe1\xf27\xa7\x9a\x83\xe5\xa8U\x92\xdf\xcb\xa7\xdcS\tO\xbeV\x91\xc28\xc1\xee3\xa5c\n\xfb\xf7(\xf9 \xc0\xc3\x83\xec\xad\xcdZ\xdfC\x0e\x14#\xb3PtHwQ\xd5\x97|:\xb7q\x12H\xaa+\x9a\t\xe1\x87\xc6\x8cX2\xd7\xb5\xd4H\x9bJ\x83A=\\\x8f\xd4\x97\xb0P\x158\x97\x97S}\x92\x05NN!\xa7\x82f\xaf.W\x91\x11\\{\x9aC\x19\xfa\xcet\xb7\xfa\xc7\x91#s\xa5\xfd\xfb\xb9M;\x92&amp;w@{\xf3\xcf\x86\xd2\xb6\xe6\x97\xb2\xee\x19\xf3\x10\xd7\xa8\x0fOi\x9dD\x87\xcd\xc2,)\xe8C&gt;G@\x84\xe7!\xbc\xd1\x11&lt;%;"\xe2kNGZ\rD\x01xN\xb5}\x14r\x0e\xaf\xa7\xe44\xb6\xf5\xac\xe8S\x98\x99\x85\xf7\xf5\xbf\xdc\xb0)w\x85\xaa2]\xf8s!b}\r\xcb\\\xf1\xfeU\xa2mr\xc0o\x1dC\xe7E\xf9%\xdd\xffV^C,\x0e~E\xca\xee\x84\xc6\x10\t\x10\xe0;\xe2K\xe7B\xe4\xd6\x81\xc9\xf8\xc3\xde\x18\xa4\x1faP\x8ca&gt;i)A\x98\x014\x84y\x87\xcb\xd2\x9f\xab@m\x0f\xec\xe8\x1e{\x81\x0c\xc0\xb4\x14\x00\x00|\x8e\x94lX\xfd\xb8\x90\x8f.\xdaY\r\xa2\xf5\xe7\xd2.?Kt\xa7q\xedD\x1b\x14D\xc8\xee\xab\xa4}U\xa2\xa8i2\xee\xc1w7\xe87\xb6\xd1\xb1U#\xa2\xa3QV\x00\xf6\xa6V\xa3\x88\x1b\xee\xdbM!\x02""&lt;\xa0\xe5\xec\x84\xb6$\xc3q\xa2bO\xc3L\xe3\xee\xebE^\xea\x98 \xc6\x87\xf7h\xecM-\xc7\xdf\x9e\xc8T\x8a\xe7\x16\xeey\x1a;\xb1)z\xb3\xad=?)\xad[\xbb2LF~\xb1~\'\x1c\xed\xc6\xd3"\xa5a\xfc\xf0(\xd1J\x19\x84cS\x99t\x0b\x89\x10\r\x14\xda\xa1\x7f\xdaL\x01\x91\xeb{\xd1\x12}\x9d\'\xccn\x06\x9a\x8c\x8f\x8b\x16\x05u\xd0l2E\x9d\xb7Y0o\xfa\x0c\x11D\x80\x9bw\t\xca\x93KX\\\xd6\xf0\x93v\xf8U\xe6w\x0e\x15\xfb\xf4\xd4\xb2a\x96YO\xd4\x7f\x1a\xb1Ocg\xf7\x86\xea\x88R\xcd\x17N?\x15\xf9}\xd3\xfds5Y\x81o:\xe6\xe0\x08\x19o\xe8\xc5\x17m\xd6\x92\xcd%\xf8 {\xc9}\x9d3\x12\x89\x19,\xdc\xb6{\xb4n\xde\xd7\xce\x9d\xbb\xdbCg\xeaM\xb6u\xae2\x91g&lt;\t\xc9i\xe9\xb8\xda\x13A\xd8\x8az\x86j\xd7\xc9\xb5".\xadtzAZ\x7f\xfd\xb0\xabTC\xb9\xd7-\x9b\xc3\x8f\xec\x1f\x05\x03\xb2Y\x9bo\xef\xaf\n\x1a3\x02\xcaw\x9e\xa3\xeaA\x84Z[\xf6\xeaC\x8f\xdb\xf5|\x80\'\x18\xa3{\x1d\x83\xf9\x1ce\xd0PKPq\xa5\xf3\xe9\xcd\x13\x80rD\x13!\xbf\xbf\x86\x93^\xdb~\xfd{\x00\xb8(\xd3\x8dr\x05\x0e\xdbvP7b\x01\x11\xdeu\\\xf9=\xb3}\xca\\\x86\xbcnl\xb8\x97\x1f\xd14,\x15\x1d5\xb7\x86\x88\x85\x8c\xdb\x12f\x90#\xf4\x1cN\xc2A2\xb4\xf6=\xbb\xe6z_\x88P\xf2&gt;c5\xd9Z\xc9=\x02"\x1a\x83\xe9i\xae[`\x84[\xbf\x8b\xf0\xd5\xf6\xc3\x9e\xa8\xeb\xa4\xaa\xb7\xb99\x01\x01\xd7\xfff&amp;"\t/\xbe`\xb5Nd\x14\xf6O\xe3U\xe8*Dd&gt;\xb2[,\x07uT\x804\xeb|\x85\x93\xf2\xa0\xd7\x8f\x93\x95.\xc6!\xed\xbd\xac\x17O\xfbw\xef\x827\xb2\x1e\xae-\xc6\x18\x15\xa9\x10\xb1\xf6\xeb*\x05\xd7\xccW\x1c\xfc6lD0\x80`\xcc"\x9ee\x96\xe5Ymf\x87$\x1beCd\x88\xfco\x9d\x1d\x13\x88\x08`\xfe*~\x82.\xfe\xf9L\xdbfc\x0c|\x12\xda\x9f\xa8\x9e\'f\x8a\xa1\x1e\xe7\xb7\x8d\xf9K\xa2\xa1g\xee\x0c\xb3EJ\xe9GR\xf9\xf4\xfc\xb9\x16S\xf3\xbf\xd7\xc72#\x88B\x02\xac\x16\xe1\x9b{AN!\xb9\x9f\xb17\xe6\xb3\x82_\xa2|!\x00`\xcf\xef\xd5\xa6\xd2\xc9i\xd5\x7f\\\xc7\x00\xc0\'\x01|PCJ\xec\xfem\xf2=^\xe8\xbe\x9a\x8f\x17\x08\x8b\x83\xf0\x1a\x19\xa5S\x99f::;\xa2\x07;\x1a\xd4\xf3|\x9e\x1eb\xf0\xa3\xc5U\xbe\xa5(#n\xe0\xea:u\x11\xc7@\xd8\x0b\x08\xd5~\xf0y$\x0bnI\xe6\xf0Q\xd1\x8e\x9a\x8d0\xc1\x1c\xb9\xca\xf0\xe6\xd0\xe8.\xe5\xcc4S\xf2\x8d\xd1P\x8el\xca&lt;\x19\xe2-\xd1\x83X\xb9\x1b\xca\x0bE"\xcdx\x85\x0f\xa7\xcc~+\xb7$\x84\xc3\x1c}IsZ\x8f6\xda\xe9l\xe5\xa3*\xe1.|o0.,\xbe\xaf\x8f\x08A6o\xcd\x06\x815\x1c\x03\xf1\xe3g\xee\x00,\\\x86e\xfbf\xb7&lt;+\xd9\xfb\x08\x10\x8c\x8er%~iu\x12o\xc3&lt;,&lt;\xdf^\x99\xecW\xde\x01h\xe2\xa1@h?\xf4\xf7\r\xa7\x83b\x03\x8f\xa8\x81\xa4\xe3\xcc[\xaa\xc1\x88Z\xa3\x816"Z\xe0\xc8\x10\x8b\xaa+\xf9\xde\x1aPC\x9c(\x83\xcb\xb9C\x93h\x07\x07\xd3\xc4\xe4\xa3\xc7\xcar\'\xb7z\xb8A2\xd2\xdd\t\x99.P\x87\xd2\xff\xc7#U\xe7{\x07\x95`\xcc\xba\xe8\x18t\xb3\x135\xd9\x8d\xae\x96Zo\x1e\xd0\xcch\xa5\xc9\xca\xf8\x1d3T\xcag\xd1"\x0c\x06M;b\x9ab`\xe7\x07\xcf\xd2N\xe1\x84@d?\xbd\xae_o\x18q\x1e\x02 \x00|m\xa5k\xd9\xce\x9b\xb6\xf4\x7f\xc70k*\xf0\xab\xf2\r\x99\xe6\x8d\x1aC\nMij\x89\xc9\x13\xf5P\x92\x1f\x0e\xf1 \x0fX\xd9\x7fN\xcf\xdaK_:b\x93v{\x18f\x1b\xff\x8eDL\x12W\x08\xa9\x89\x08\x126m@L\x85M\xaaZX%\x18\xf7\x88\xe8\x94\x97l\xdf\x8c/\xad\x8a\x05\xb9"y\xf4\x0f\x95!\x9b\xdb\xee\x07\xf2\xa1Zt$X\xd3\x7f\x84N/6\r\x9eW \rA$\x1fdd\xa9\x8ei\xf9\xd7\x0f\xe6ZZD\xbf\x8a\xb4\xd3\xd2\x13Y\x97\xc5\x96\xce\xc8{\x9d\x82\t$\x98\xdd\xe3\xb6"\xf6\x94~\xe1O\xa1\xd5b\xe4\xd5t*\x86.\xa2\xa1\x15K\x95\xfb2ka\x90m\x96\x8f\xde\xecTa\xfd\xac`\x8br\xd3\xf4\x8d\x98OA$\xeb\xc2\xec\xb1Y6\xbf\x8aGd\x1fG\x155\xa1\xa1\xc9\xaf\x1b\x1d\x89\x84\x02\x8f\x14\xf2\xbbd\xa1\x1c\xbbG\x9d\xeaZx\x0e\xd5l?\xbe/\xd83x}\xb4&lt;{\x81\xb8&lt;\xccd\xbc\x0b\xe4c\x1c\x9b\xea\x06?&gt;\xba\x17p\xc2\xe3\x9f9\xff\xcb\xabT\xa6vW:\xb4\xa926.B\x16\xcc\x8aK\xb13\xeafR\xd0.s^9\x16\xa5\x94\xee\x9e\x98c&gt;\x16\xec\xe3\xaa\x88o=\x8c\x9e[#\x82\x9f\xd3J%-w\xe8\xc8\x90\x81\x99\x82\x07j\x19\xc4wJ\x08\xab\xcc\xbc\xe4\x0c2\xe5\xe0\xf6L\xed\x96\x15?\x00p\xe9\xcdg\xc5\xf2\xb6B\xa8\xde\xdc\x08\xa1\xceB\xc2\xa5\x03\x88\xd8\xc8h\xdc\x18`\xc6\xe8\xc29\xd5jP \xc6\x00\x9b!\xde\rp\x85C$\xb7~D}@\x9a^rw\x15\xb9\'\x19`\x8a\xc5C\\\xd0V\x8d\xd8\x0e$:\xd5\xa8mg\x0f{\x06C~\x14#\x93j+=2\xcf\x9a-\x86\x98\x9e\xe0\xb2?\x00\x7fHr\xfa\x0b\xb7\xfd\xc8\x8c\xfe\xef\xdc@Iq\xfb\x8eZJ\x19\xbc=xEz\xe5x\x1b\x81-n\x19\xfa\x96?\xe6\x942|\xabeq\x84tg\xb67\x99\x88\x84\xe1\xb6z\xd9\x95\xac\x97iGd\x1a\x04\xdb\x1c{\xb9$\xaaIM;\x1ev\xf4_(b2\x9f\x19\xa0\xe8\xe2\'\xad.}\xec\xcc\xb7\x83-d\xd8\xc3[j\x98\xb1\xb6\x88Qf.\xf2\xc4O\x1e.\x11x\x87\x1d\x86r2f\xcb\x10\xbe\xe5\xa9\xd1\xffPA6\xbe\xcb\x11\xd4\x19\xcc&lt;l\x13\x00QW\x11F\x8b\xc9e[w\xf9\x18\xe9\xe9\x10B\x8c\x86\xb7p\xc2*\x0e\x06\x8c\x11\xac\xe5\xb4\xabq\xf5\x86\x1a\xa35\x14\xb6\x17u\x19c\xf8Q\xc8J\x1c\xd4\x96\x1f\x93\xfe)\xc2\x00\x00&lt;\xb3\\\x86\x9e\xc0+$\xbf\x07\xd9\x8e&amp;\xe6\x12\x18y\x00\xf0\x9d\xdb\xc7\xd5\xe2v\xddeux\xfb\xd6\xd3\xa8b\xf3\xd8\xd1\xab\xb8\xff`b;\x8b\xd3\xe5\xda\xfb\xc6\x851[G\xbd\xbeCq]\xaa\x1d\xb9W\xb9\x1d\x0eA\xfb\xdf)`\xf2\xa1\x91\xd1#f\xb3&amp;\xfe\xfdC\xa9\x88\x83\x8b\'\xc5\xae\xcdA\xf0W\x15\xa68s\xc5\xbf\xfa\xf60ix\xbdazK\x97U\x1d\xf6w\x00ln\r_\x94O\xbf\xc7W\x18\x93\xeb\xeboq\xd8[\xdb\x8b@@\xc8\xf5\xf4\'\x8f\xd4@\xdcmS\x7f\xcbXfMI\xe1&amp;4y\x891A\xe2\xe0\x84\xb5\x83\x1dX\xec\xe2\x9f\xc3\xb1h\xa6\xe2\rc\x12\xcf\xb6\xad\x9c\xdc\x00\xbb.`\xcc\xa8y@`\xcde\x9b\xdb~IK*j`\xc2o\x17pX\xd82h\xff\xb6\x9d\xf6\xcc\x1aH"\x83\x0e\x9c\x99\xc6\x85j&lt;Au\xac\xb5w\xe7\xfbh\xed?!\x99\x95*\xcf`B&gt;\x0e\xe2\x1f&amp;\xd8[\xd9\x91[O\x12\xe7\xc3\x80\x17\x07\xbbN\x9d=\x17\xa4\x87d\x1b|\xd2!\x0c\x1a\x178) m\xb0\xf9Q\xf7\xb1\xef\x91\x88\xec\x16\xc1x\x18&lt;\xf1\xf5\xdd\x82\xe6\x88V\x19\xf2\x14\x1fQ.\xf9p\xea\x08\xb4$\xb2\xb81\xf0\xd7;\x1c\x17\x1e\x05\xbf!&amp;\xbe\x90b\xee\xaa!\xc1~\x1e[N\x16\x1a\xe5\x06\xbd\xed\x0c\xaa\xafy\xf8\xe78\x9b]n\x15\xbbA\x80f\x99G\x19u\x97~\xc4;\x84\xc8lW\xd5\xc7d]=F\xa7|\xf2R\x9c\x99$&amp;A\xfa\x03\x0b\'\xdc\xddO\x86\xf1\xc0\xf0\xdb\xbb\r\x16\xa6\xfc=\x8f[u\x9c\x1a\xba\xc4\xfa\xef\xac~\x90n\x14\xd3\x04\xd3`\x0f\\\xbek\xdb\xbb\xef\x98\x00(\xc9\xd4\xc4}_\x99\xf5\xe07a\x7f[\xec\x82j\x93\x0b^J]D\x00\xb8\xbe\xdb\xee\x87u\xd3\xbf\xc4\xe2\x04\x14\xfe*\x00`z\x08"\xc2k0\x85_\xa4K\x96\x12\xe5dXs \x1cP\xa4\x15\xb1&gt;\x1fT=\x85\xef4\xdf2\x01h\xaax2\xd9\t\x11\xe1\x01\x84O&amp;N\xab\xf8CTOk \x12\xe9\x93\x14\xf2\xf8\xda\x1e\x84\xc8\xbd\xcfeU\x9c\x08\x8a\xd6i\xf1g\x9d\x10\x98\x19P\x87\x8f\xd9\xff\xb9N\x00\xf6H4Y\xfam\xdc\x07\xc9\xfc\xc3;\x1bo\x1d\xb0\x1e\xde\x934\x91k,\x92#K\xb2\xa2?\xa0A\xcc\xf9xY\x80\x9d\x07\x88\xbc\x87\x1c\xbc\xf6\x96\x8b\xd4\x91\xab\x9e\x10\'4S \xa5\xe7\xb7\x8f\xd5 \xb2b\x7f\xfbV\x10\xe9s\xa4\xa8r\x16\xcc8:\x08R5\xb6\xc5\x82\x94\'\xdc9\xd6j\x8dxv\x96r\xaeu\x01\x19\x9c\xc1\xb6\xab8\x9b\xa5t \xfd\xfcdM\x18\xb9?\xeb\x85\x00n\xbf@w&amp;\x9d*E\xe5p\x00Qa\xe8&amp;\xa3e\x99\xe1\x82\xeb\xe1\xe1\x96w\xdb\x81\xe2\xf6\x8a\xd3\xcc\x11\xb6\\\x91},\xf8D\x90=n\xeb\xa9\x1d\xa4\xd6Dw\x1e=VT\xe0\xe6\xd5\xe32\x9cb\x85\xeaM\xde\x0b\x9bN\x88\x00!\xd4\xc5PT6[\xa6O\xed\x93\x8d\xcd\xd5\x8f8F\xc5\x8c1.\x8a\x916\xc7\x9e8T\\g\xb0\xca8\xe2\xe9\xb4\x88\xd1\x8f#\xdc\x1f\x16^\x8d\x8f\xe0\x1fX\x8d\xb1\xac\xcc\x97U\xf0Z\x94\xedn&lt;\x07{\t\xc0W$\x17\x99\xear&gt;`\xe0\x10\xf9?\x9b\xb1\xcf\xa3\r\x1d6\xa5\x13\xf3\xf8t\xc1\x05"\xea\n\xe37\xf8\xd0\t\xe7\x04a\xe7UW\x9f4\x19\xf2fr\xf7*\x94i&amp;\xdfZ\x91\x90\xe1H\x8b.LI\x06Hk\x950M\x1b;\xaa\xbda-0*\xb6V|\x9bT\xfe\xafvt\x98\xac\x19BF\r\xf9\xac\xa8|\xa1\xa5\x88\xf1\x0f\x0c\xd74\x13\xde\xca.\xae\xec\x1fP\x07\x8b\xeb\xc9(-3\xa7\x05h\x12\xf2\x18\x11I\xa5\x89[\x12r\x16\xfd\x9a\xd5\xa2r\xc9D\xa5\xc1\xf5\xce\x06\xed\x84\x13\x15{G\xa0\xfd/\xfbZ\xcdf\x7fh\xf6\xdbip\xce\x9fFA3\xc1b3\xbfo\x7f\r\xdc}\xd4\x96\xc2\x9fk\xb5\x0b\x0fq\x18\xd73d\xf1\xe8B\x99D\x9b\xa2E\x15\xf7w\xa9\x18\x87\x199\xed\xa9\x96\xb1\xac\x1bRjT\xf2O\x1b\xd3\xb1W\x8b\xb1\x7f\xba}`L\x00\xaa\x05\xfcbD\xbfBM\x06HC\xcc\x0b\x19l?\xb1-2\xee\x01\xa0\x16n\x91\xb7\x10\x86f\xd3)\xbb\x81H(\x86\x976\xd3\xde\\\xd7\x973m\xb8\xf3\xf3\xfb2%\xf9\x7fE\xa5Mu\xb0\xe1\x8cF\xb6er\x0c\xbe\xb7\x9b)\xbf.\x02T^/\xdb\x1c&gt;Y\x07&gt;\x10\x06N\x00^H-W\xb9t\xe4e\xb9\xe7\xb1\xd4\xa2\xa6\xb7 \xcfhY\xa4\x89\xce\xa1&lt;\x01\x00\xb6f\xa0o\xca\x99\x82\xb60=VDY\x1d\xceZ\x83O\x155\xd1p\xbbi\xde)9\x1fx\xb4Z\xe2\xef\xd4H+7h\x86{\xb6&amp;\xf1\xeeM\xa1\xb0\xff\xc0\xe8J\x0129\xc7\xa0"\xc91\x84\xecF\x7f+\xb2[1R\x9b\x8eq\x83!NU\x16\x92h\x08"\x00|\x05_\x86\x1a\xf1)IlF&lt;\x0e"&gt;=\x8d\xf4\xfa\xadW\x97Q=q-\xff^8N\xed\x10E?\x18\x15Q[\xccBD\xc4o\xe3\x8a]n\xa93Jd\xa0\xba\xb1\x06\x85j\xd1(\x02vr\xb3\x96]k\x0f/9\x82\x8f\xee.@?6\xf9\x07\xaf\xc7\x14t\xe5]\xd4\x08\x9b\x80E\x14\xe1G\xb4\x14\xa9\x96(\xd1\xa7I\xb9\x9c\xa6\x0f\x90\xc4\x03\x9d#\x03\xfd\xd69\xac\x89\xcf\x1dd\xccZ0\xca\xa8\x08\x1d\xe2\xff\xb5\xb0\xea\x8f;\xbfbHd\x92c\xef\x9d7\xba\xa0\xeeE&lt;\x86\x1cu\x85w\x7f.01S\xd5\xc5\x84\xa9\xd0\x89\xa7\xc1{b&gt;\xd0 6\xe2\xcd\\\x15\xbd\xc6V\x9d\x10\x11\xe1\x0f\xc5\xecv5Je\xd2\xa5\xe0y\rU\xf6\xf5\xd1\xd3\x8b\x90&lt;\xc6\xe4\xcd\xcd@,]].N\x8b\ra\xe97\xa4\x901\xf3\xf2\xa4\xb9u,2\x92\x04\xeeM\xa6\xe6\\\xeb\xe2\xeb\xbb\xb9\xa8\x93\xaa*\xb9\x1aG=R\x04\xf1\x01\x02\x9fYx\x8a*E\xd30O\x08s\xc85\x87P.\xdcT\t\xba\x90\xcb\xee\x19\x89.;V\x94\x06&lt;\xd1_\xb5m\x05\xbb.\xc7{\xa9\xbb-\x13\x804\x8f\x02\\\xa3\xb8\xb1,\xc4F\xea$s]\xa8\x99\x96\xf1\xa4\xa2 \xd5U\x8ff\xdaG\x0b\xba^_i\xed\x00N\xd2G#\xb4\xb6}\x88,\xfa\x14[\x9b\x96\xa4\xb9^\x01\x12:4q-\xbe\r\x12\xe6\xeeZ\xbbl9\x05\x13\xace\x1eu\xb4\t\x80\x83\'\xe7\xe1d\x13\xe0H\xd1zf0J\x9f\xc3}l\x8e\x0f0&amp;Q;\xe0\xcb\xb7i\xc9.\xb1\x80\x88\x17\x95\xf9^\xb9\xeeW\xf9\x02\xcb\xf5KP\xb7h"e^\x0c\x0f\x97L\xf3\xd2\x0e\xa07\x82\x96\xeaWK\xaf\x1e\xcb\xeb\x8a\xe8V\x88\xae\'\xcf\xd6\xdb\x0e\xc6\xbad\xd2\xa37\x91i7[C\x9b\x0f\xe5\xd3\xaa1|\xf6\xa0\xa0\x96\x82z\xd3[\xfb\x98\x03\x87&lt;\xe6\x7f8\xa7:\x88\x18\x12\x90\xaa;\x96V\xcf#\x8f\xf3\x96\x9a\x83\xaa\x86\xf5M\xf0f\x8ee\xabe\\\x81\xb8\x8c4yV\x0b\xb3G\x1d"wM\x16S8x\x0c\x02|\x1a\xc1\x95\xa6\xe0\xc4\x8e\xab\x1c\x07\xb9\xee\xbb\xa9K-\xcc\x06\x0f\x0fN\x93\xd5\xf2a\xb2\x96\xd7J\x05\xfe0\x1et\x85\xa4\x9a\x16\x8fS.\xc9\xd7CL\x03\x92\xa6\xef/\x92\x8f\xa3\xc83i\x02\x90Z\xe3\x18\xcdoGs\x1e&lt;\x0f\x00\xa0\x1d\xaf\xa3w9\x8f\xf3\xc8\xe1\x84\xdd\x89\x19\x0e\xbaI\x15\xc9\x8d\x9d\xeb\xc4\x19&gt;\xd7wd\xf3\xfc\xaf\']\x00K\xe0\x1d;\x0bQo\x15\xf4w\xa1\xd5\xe8\xb1\xaf\xbd\xfe\xe6~AIY\xb6\xf1\xd85\x1a\x15\xe8\xb5\xbd\xbf\xe3\xce\xce\x06[\t\xd6\xf8\r!&gt;\xd6\x15\xfd\xd0\xe0G\x08M\xc8\xfbP\xe8k\xc5\xc2\xb5\xc93\x01\xa1x{\x0e7\x19\x1c\xbf\xef\xc8\x9a\x94\x80\xd2\xf0E\xf4\x92\x7f\x8aS\\\xba&gt;\x8fAh\n\xd5\x1d\xa2\xbb\x80\xe3Hr\x1e+\\\x929\x92\x9fH\xe0w\xdf\x95c0Z\r\xfc\xbc\xfc\xac\x83L\xda~2\'\x92\xbcw\xcc2\x7fW\x8cI\xd6dk\x95jZ\xa5\xc6\xc8\xd1\xe4"\xc0\x0b\x83\xaf\x94\xe1fM\x8fi\xb5\x0c\xcd\xde\x9d\x0eF\xd2\x1b\xac.\xbe\xf3\xd4\x08\x95\x05\x95\xb8i\\\x89\xc7}\x07\xf8\xe2\xc9\xa3\x91&amp;\xd9#\xc9\xa4\x0c\xb5?J\x81\x11\xe8\x81\xee\x00\x86\x88t\xd2\xcb~\x87\xc4\x0fO\xe1\xc2\xb5\xda\x14/\x92\xe1P\xc2\xb0q\xc6#\x85H8\'f\xa0\x15\x15\xd7\xda|O\xa3u\x7f+\xa3\xe3{&gt;\x95\xe1\xf1\x9e\xe9\xd5\xfe`9\x94\x1d\x99\xed\xf2\xaf\x0f\x96\x1fkCmM\x87\xc9K\x01/%\x7f\x91\x86\x16r\x88\x00\xf1\x85F\xaf\x8b\\ZCo\xd9u\xf9\x1e\xb5\xf0j\xb6\xe5\xc1C\x85\\\x88Hq\x1a\x89F\x12-\x8f\n\x18\xe9$\xb8\xfd\x10:z\xbd\xb8\xfdK;4 \x02\\5\xb5\xc8\xf8\xecs\x1e*\xa8:3\xc2\x95v\xb1\xe3\x96\xc4\xeeq\x88X\xebL8g\x06\x07j{&amp;\xed\x8c\xe59\x84hQl\xed\xa4\xda\xf4v8D\x80w\xae2\xd8\xbf\x89t\x08\xde\xf9\xe6n9\xb9\xd2\xcdb$\xc2 \xa9^[cz\x9b\xf5\xd3\x04\x13Xo\xdc\xaf\xd3Ox}}c\xab\xb53\t"\xe2\xf53\x9bi\x88h:H\x9fCHm`\x8c!\xb3\xa51\x00\xc0\xd5\xaa\xabo\x8c\x89/Q\xd4\xfc\x9b\xc6\x10\xc9s\xa3\xc3\xe3\xcf\x17u\x04"\xf5\t\x85/\x91\x8a\xd0Cy6\x10\xe1\x84\xa4\xed\x02"\x82\x81\xc5\xcb\x11pK\xa2\xc6\x18gQg\xbb\xe5\xc2DS"b\xcc\x8e\x08\xd8=\x90\x04\xce\xa7\x00\xbc\xab\x87\xde\xbey\xa0\x01\x071\x04\x00\xe4r\x8fu\xec\x16\x82\x1cs b\xd0v\xa5\xbc\x81\x88\x85.L1cwbs\x00X\xf5L\x9a\xa1\xc3\n-"\x1d\xc0\x1b\xa7\xa1\xec\xa5\x815D\x83\xa2nl\xdd\x88\x12\xa9*\x1d\xa2\xa7hg\xa9\xed\xc6\x88x+\x80\xdf\xa7:2c\xe0\x826\xa2\xe7\x18\xc8\xc1%\x9d\xf7\xf9\xb3\xb5\xa0\xbe\xfb\x1c\xfaQD-4b\xec\x10&lt;\x0f\t&amp;\x96\r\x13e\xc5\xf5-c\xe1(w\x91\xea\x17h0X\r&lt;F;\xa6\xad\x9c\xd9\xad\xb4\xac\x17N\\\xc0\x0bq%\xe2\x9a\x8a\xaf\xf6#\x99\x96\xbc\x13\xe0\xb3\x9b\xa9!\x02\\J\xa99\x0f(\xb8\x8d\x9fj\xba\xd8\xed\xab\xfc\x10yY\xda\xfbk\xe0\xe8\'\xf6\x816nB\xf8L\xcd(\xb6\x02\x9a\xc6\xb8\x84\x99\xa9\xa5\x90N\xb9\xcb\xc9\xc7\xc8\xdc\xd3Pn\xad1\xe6V\x8bq\x8c1s\xd7\x17\x8c\xfd\xaf\x0bno\xa9j}\xddl\xa4&gt;\x901\xc6\xfc&gt;Es\xe6\xac\xecT\x0fD.\xf8BrW&amp;\x03&gt;\xd9\xa4"\x92\xb7\xc8*\x00\x8f\xa7(T\xf1!E\xb1\xf9Uf\xd2\xc4p\xf3W]\xd4\x1e\x1cG\x12\x06f(\xd0\xb9}\xea\x8d\t\xf7]L\xf9\xe3\xc45*`wAs\x08\xa7D\xb4\xda\x82\x94r\x129\xd7\x0f\xb7\xe8?#\xbbs@a\x0e\x0c}\xda\x92\x9f\xed\n\xe3\x13\x0e\xe3Ze\x0c\r\xc3_\xd7&lt;8\xa1\xd3\xa1\xec\x91y\xce#\x86\xdc\n\xb9\xf2,"\x9c\xec\xaa\xeel+\x1eKz\xf2iz\xe0\x19\x88\x9f\\r\t\xbev,\xa5\x93~\x16\xbb\xd4\x1d\x92b\xcf\x168h\x81\xa3\xd4@\xa7bP\xberp\xff\x91D\x1e\xb3\x04K\xb5\x14y\xbb.\xb7\x8d\xa9\x1d\xdf\x17\xbc\x13\xbc)\x81\xaa\x18-8\x88\x18\x10\x8e\xb6\x11\x11nT^\xa6J\x9d\\\xbf\x15i\xd0\x91yF\x9eC\xea\x8b#\xf3\x91wX\x86`7\x8fK\x86\xd5o9BT]\x9a\xc3\xf0E\xd4\xc5\xba\xf0i\xc6PA\xbf\xb3\x1d\xc4]\x8f\x8dz\x17\x83\xc2n\x88\xd49\xdf\x16\x9c\x88\x16G=\x1b\xc7\xc9r\x02tj\xfc\xb0\xa0\xf2;Fw\xf4(\xb3\xca\xa65\x99\xf4\xcbX*\xb5\xb5\xe5h\xa8)\x87\xb4\xe9\xb3fKy\x0c\x90Zb{\xa6\x80\x89\xb7\x90\xbf\x0e\x04!\x1c\x11b\xf2\xd5/\xac!F\'R\xc1v^\x84n\xdd\x1b\xd12kB1t\x18\xd2\x94\r\x84\xd7!\x9d\xa6C*\xa0/@\xfc*\xba\xb1\xb6Q\x8d\xa8\xcb\xf5/z\x89\xfe(\xa3\xdc\x91G\\\xa8@\xeeJ0\x8fZ\xbe\xbe\x93J\xeb\xa0\xdd\x19\x84\xb6f\x9c\xce\xb3g(\x98\x04J\x8eMf&lt;\r\xfc\xc4qR\x1c\x1f\x8aZ\x98\xd5r\xf9\xb2w\xda\xc0\xa1\x89oa\x90\xca\x90\xa2&amp;\xf5\xbaG\xc1\xc4\xc0\xe6L\xc3\xdf\x94\xdar&amp;\xda\x8eZ\xbeG7\\Y\'nzIP\x0b\xf5\x1f\x98\xe3\x81s-Rm\xf2\xae\xde\xa2\xc8N\xbf\t\xa4f\x14\xd4\x15\xfa\x86\x96\xb4zP\x9eD\x8d\xa0\xd6l\x02\xae\xe6gXG\x998\xa9\r\xf5\x88\xde5]\x9c\x06\x10\x11\xe0\xea\xea4\xf3\xae\x8b\xf4\xbaIR\xb2n\xaf1\xc6\x9d\xe9-\x17S\xa4\xa5\xf3\xc4="Nz\x9e\x06\x91\xfb\x10\xc4f\x89\xf4\x11\x8d\xe1\x92ru\x91\xb6\xc6\x04\x0e]~X\xaaN-wq\xbd\x8e\xcb+\xa5\x8e\xf3$\xd4\xf5\x0c\xaco\xb4\x90\x82\xed\x17\xed\xe8e\xe1u\xed\x00\xd0\xfb\xf6\x89\xe5\x95VZ\xb2Ex,\xe2\x7f_\xb8\xd8\xb9lYX\xd4{\xa3\x82\x10\x08\x99\x97k\x95\xea\xe0Rk\xb8\xc0\x96\x11\xab\xecbL,\t6V\xdd\x13\x0f\x15\x00\x00 \x00IDATd\x92v\x1b\xcb\xd0\x1a\x87I/\x1b4E\xd2\xb5\x8a"-,\xbfdh\xcd\x1fC\xad\xa3J\xdc\x05\xb9\xd70\xd5!\x17z\to\xc5)\xbc\xa8"\xc2\x84\xae\xb05-\xe4_W\x15\xd91q]\xf7\x05\xe3\x97:\x84\x9di]0\xffuu\xa7\t\xc5\xb7\x00\x19\x9d\xc1\x9f\xe9}\xa1\x0br\x8f\x00\xf2_\x9aS, \xd8H\xe8\xc2\xe6\x97\x99\xfbd\x95\xf5I|\x00\xbb`\xccB\xa6`Ic\x06\x00\xcc\xfb\x98\xf4\xe7\xa0\xf0\xfe\x01Sr\xb3-)\x8cZ\xd6\xea\xdeUV\x92c#\xb8\x1c+\x03\xf7\x01\xd0i\xae\xf3\xf5\xac\xeb\xe8\xdflo}J\xcbDW\x1e\xb3KN}\n\\}\x1d\xccS\xbeaE\xdaa\t@\x82\xd5\x94{,\x95\x07\xe6=\xbd\xb1\xceY\x84\x9e\x15jI\xe0$^\xc3\xb6\x01\x93\x0f\xda0~wkNi\xf4\xef\x0f\x9f\x06\xc8\xdc\xb1\xb6m\xbb\xe3\x95B\xee\xdc\x03\x93Z\xce"B\xf1\xf4U\xb4\x0c\xd8z\xdf\x8a\xcek\xc5\xc6\xc3_\xc1]W\x9b\xe0\x98y|]F\xcc\xdeV]\x8a\xc6|\xc7\xef\xdf\x9f\x13\xde\x9e0\x10\xf2e\xcd\xd4E\x9e]i\x91\xa5\x15\xbd\xb6t\xef\xe1P\xc57\xe2\xd2\x9eB\xbcUpbAH\xd7\xbe\x85\xd5\x0b&gt;\x05\xff\xab\xc2\x9c9\xc4\xb4w\x84\x91&gt;y\xc4\xce\xf27\x11\xee\x90])\x9c"0\xc3\xb7)m\x1e\xe4\'\x0b\x9a\xc5\xe8\xa7\xa0\x03DO\xf7\xc7\xf3\xcf\n\x1a\xfb\xa9\xa3(_\x1d\xfe\xe8|k\x1a\xc2z\xfc\xa0&gt;\xc6\x80\x9aN\xc6u\x1f\xc3\xb0\x8d\xaa\x0f)0\x91\xdd8\xcbI\x9c\xbe\xac\xa7?=`\x8cx\xdb\xc5\x15\x91.\xf0+\xd8]\x10{\xba`\x98|]\xa8\xcdm\x8ci\xdf\x8b\xd8fN\xfe\xdf\xe2Nz\xf1\xae2\xfc\xb70\xfb\xeb\x94?\xc63\x95\xe2oU\xe4\xe6\xde\xde\x9d]\x8e&lt;\xe6N(U\xeax\x9b+\xd4FJ\xafT\x04\xc1N\xdd\xf8"\x8dq\xbf}F\xff\xc5\x9d\x99=\x81\xb7\x07\xe2\xd8h\x0b!\x9f\x82h!2\xbb\x9d\xb5\x11\xee\x11l$zl\x1a\xfdZH+|\xdd\xfcC\x83\x1dq\xcdo\xb0u\x95\xf5:h\xfb\xd3!\x96\x91\xecO6\xeap\xa9\xb4WH\xf2\x172\xc5\xa0\x8fyx#\x07\x16\xdbR\xa1Uu\x03\x87\x07\xda\xa7\xcf-\x99C&amp;`\x88\xb2_\xce-)G\xaf\xb7\xc7\xaf\xf1\x00\xa9X\xe6\xa8K\xe5| \x85cN\x01\x9e9\xea\xf1\x08\xaf\xe1+\x8b\xc7+\x07\xd8\x18 \xe2\xd5$\x12\x92\xb6NL\xff;|\x02\xe9\ro\xa8\x94\x11l@f\'\xa5*\xd8\xae\xea\xe7C\xad\x8f\x88\xf0\xd3m\x94\xf5\xe5q\xcdT\x0f|\xca%\xe2[^\x99\x9bh\xf1\xd5\x85\x15\xef\xef\xf3\xf1"#\x15\xb9\xa8\x8a\x8f\xf5\xcbv\xa6\xa1f\xb5b\x80Dw\x7f\xbfS\xe8\xaaT{\xf6\xd1\x83\x1d\x8c\xb2\x97:\xaf:\xc1|\x1b\xf1\xa9\x9dQ\xd6R\x8b\xc8\x9f\xb79gb\\\x10\xbc\xe7v\xf6ki\xfb\xb4\xce\xa33\x92\x87\tF4\x9c\xc7\xeb\x1e;f\xe109\n\xd7\xb4\\]\x8fH5\xd5\x16\x9c\x84\xbaE\xd2y\xe9\x08\x1f#\xb9\xe7\xe8\'\x12\xa6\xc5\x06\x86\x00\xf0\\+-\xa3\xae4Gx\xdc\xbc"\xf2\xb1\x02\xd4\x05PGF\xec\xe6\t\xc0\x85\xa0nS\xcf\xf3OB\xa5\x19\x8c\xfbi\x0e\xb1\xc9\xb6j5K5\xf8C\x07f\xf2\xca\xb0\x1f\x19\xb9\x87I\x11\x88\x88\xf0\xa2\xcc\x9ew\xbblO\xefl\xce\t\xa5M-Lm\xf2QW\xc0\xc7\x82\x8c:E\x8d\x874[\xc8\x8e\xf6\x80\x1c\xf1\xe4\xfa\xfe\xce\xc1QfM\xd5\xc1]\x8e]*\x8e\x11\xdfeM$\n\xec\xf8\xc8\xf8-ku\x1f\x93\x1d\x89y\x89&amp;\x87\xbb\x11\xca\xe1hL=f\x9bAZ\xa4\x80\xbd\xe5\xadAIl\xaa\xe29\xd9\xd9d\xf1#i&lt;\xee\x05~J\x01^\xfe\xd4\x95\xad\x9a\xabG\x0b00r\x0f\x94\x1f\xf2\xde\xd8#^\xdfL\xf2\x00j9]&lt;}o\x01\x0e\x8c\x91Q\x17\xa4\xd1 \xcb\xb3\x19!"\xc0\xd7\xabJ%\xc5az\xeb\x9a\x992v\xf4\xbf""~\xa5\xe0\xf8G=)3\x9dG\xdb\xc1R\xc1*c\x88\xb5\x98\xd7\xf6f\x91\x06e\xe1T\x18\xa6\x84{\xf5\nw\xcfH\xcb\x84\xabu\x90\xc1_\x84\x8c\xccRQ\xdbj\x9d;\xe8\x8a\xc4\xc1\xe2\xe4l\x87\x89\xd8"\xc95\x9b\xb9\xe9m\xfd\xf0\xb1\x8a\xc4I^\x053u\x9a\xf2X\x9e\xa0\x0e\x9e\xde\xac;\xc5N\xc5V\xcbYT]\x07\x06\xb9\xd3\x99\xf2R\xed\xa8\xdb\xe8\x84\x94\x11n#\x19\xf73Fucp\xf1c\x8eH\xa0f\xa9\xdb\xd2\t\x94.\xcf\xb5x\x9c\x9bJ\xf7y\x8d\x08\xea\xf2\xcbv2\xf5\xcb\'\tW\x86Q\x91\x9f\xd9\x97\xe8`\x97\xdd\xc8n%\xc8\xe1\x18\x0f\x8fR\xd8\xc1\xca\xec5T\t2\x92\xb7\xd2\xd1\x17\xf0L\xa0[\xbd\x8d\x1c{D\xeat\x8c&gt;\x9f\xf7j\x85\xdc\xd7\x0f\x97\x19\xaa\xc3Rc\xc90\x1f)\xcc\xa9\x81=\x01\xb80\xb0l\x83k\x9d\xbb@\xe5\x0e4\xcbELvn\x96\xcb\x81\xfe\x1d\x00\xa5\x17/l\xf4\xb2\xd7\x9f\xcb}\x19?\x80}\xe3\xbe\xda\xd3\xd6\xfc\x91\xe2\x8713\xc8\xbb\xa60\xd1\xf3\x0b3Q\xb6\xd1s\xe8W\xb9\xf7\x19\xb6V\xd9&lt;\xda\xff&amp;k\xb2D\xb0\xe8\xf5\xa3\x8e\xc2\x9c\xa7\xf1\xb7\xb8\x1d\x18\xc0\x85\xf7Y!\x02\xc0?y;9\x0crv\xd6\xedI\xee\xf2\xcf\xb0V\x18\xfb\x16\xec\xa2]\xe2l\xb3\xcb+\x15\n\xb9\xf8\x1b\xb1\xfcCH\x02\xb87\xf7\x9eL\xc7&lt;s\xf4\xb6\xd7\xbb4\n\xfeo\xec\xeb\xf4\xec\x0f\xaa\xd0\x05\xec\xe7\xe67Y\x89\xab\xd8\x01\xa1\rgO\x86\r\xef\x05i\x12\x96@\xf6\x12\xbc\xbc\x1c-\xa3[\xa2\xbe\x98\xc8\x8d\xda\xd8\xe9\xa0\x98\xdb}\xbc#\xba)\x89D\xf3\x9dR\xb1\xce&gt;\xf6\x7fa\xcf\xed#\x13\xb6,$)\x89\xd2\x8a`\x99A8+m\xe0\xa5&gt;[\xf2\xbb4\xe62FU\xc6\x9c\x1eF\xc8\xef\x93\xaf\x88\x95Y\xb5\xda*\x8a\xc4{72\x9aC\x96A\xf8\xdbF\xd3s\xca\xb4\xa8\xf7{\x9c\x12\x1aL\xb3\x96\xbf\xd1\xc4\x91\x1c&amp;\x00\xb81D\xa7\xe925\xfd/\x00\xf1\xbeG\xff\xf0N\xa8\xff\xa1\x11\xd1\x08O\xa4xa5\xd5\x98\x9e\xf0\xe8\xfd=\x1c\x06\xe7\xae\x12GfY\x00\x00xL\';a\xe1g7\xb3#i\x02&lt;\xaa\xad\xe2\x16\xb9\xb4\x99\x86\x9b\xac\xa0:Q\xb0\x10q\'\x91!a\x84\x00\x00w\xafw\x1c\x11\x19\x7fH\xd0 \x89\n\x82\x86\xb8\xb6\xe8\xa7\x9d\x93C` n\x85)\xfb\xc9R.\x9d\xfd\xc8\xfen\xe0\xd8\xf74C\xcaN\x97\xbeO\xb0@\x9c\xc9:_,\xd4\xcfd\x9b\xe5\x85\xef\xb1`X\xfee\x8cR\xd1\x92sK\xa8\xb0\xe5y#\x9f\xf8\xc9\x01\x13pF\xd2R\x9d\x8b$\x01\xef\xaf\xbae\x95\xd02-\xc1p\xd0\x1f\xdf\xd3\x13~\x9c\x1e\x94h\xfa\x8d}\x9f\x06A]l\x13\xf8)\xbe\xb4h\xf5\x83\x13\x18q\xe0\xb5z\x9e\x06"\x01\xd8\xc5F\xcaF\x06\xa7\x17\xc5\x19\\\x94\xd6\x1f($\x1b\x94\xe4\xc1\x8b\xd4v\x93l?\xac\r\x17\xce\xd5\xa7\xa8\x0b\x01n#\xab \xf3\xd2l\xf5]\xb6\x91\x83\xce&gt;i\xc6\xc1\x91\xea\xbd\x86\xafg\x95L\tf\x92\xd1&lt;\x04|\x13\xd6\xa4\x05\x1b\xbc\x90+@\xf1"\x87\x06\xb3\xdcAVR\xdf;k\xe1\x01\x11?\x97\xa1"m\xdf\xf3\xb5};\xb8u\x8b\x93\xcf\r\x8aET.;_62R\xfc\xc8\x9a\xd5\x04\x19T\xc3\xc1\xa9\xee-\x1a\xd4\x86`\xa2/\xed\x88\xb8\x8da\xabG4\xfff\xfbg\xd4\xdb2\x05 \x03\x94\x19\x02\xc7\xea&gt;\x00 #I\xfb&amp;I\xa74{\xc1\xd9\xc5\xe5[Q\xc5c\xa6\x05\xc2K_\xdb2\x01\xf8\xf4\xf9MKuzL\x15\x93\xa0\xb2\x03\xab\x16\xbc\x8f5\x00-\xf0\x9a\x9aY\xe8LH\xcc\x01\xa6IQ\xbeX%\xc2,\xb9\xcb\x848\x15c\xe7p\x98\xc0\xbdh\xd6#g\x03/\x12\x99\x11\xbd\x05o\x18\xcb\x8f&lt;x{W\xc1\xfae\xc3\xedMY\xf0\xa3Gl\xe9\x99\x87\xf31\xc2\xd9\xf8\xf6\xed\xf4\x04\xff8\xcaD\xc8\xdc\x98\xe8\xf2\xce{\xec\x82S\xd5C\xe2\xfc\x87Z`jq\xb0\xc4I\xdb\x85\xbc\xcd.]O,q\xf1\xf0\xcc$\x99xh\xc8\x0e\x9c\xc6\xe6Z\x1a^\x9c\xa7\n\xd2\xc3\xe6\xdb\x82f-\x14\x86\xec\x00h\nzm\xecQ\xdaZ\xeb\x8f&amp;\xe9&lt;\xe12\xc7\xd0q\xebvt\xb6\\\xe8a8|\'\xa5,\x93u\xb8\xc0_\x82\xf2~4\xa3%\x81\xcc\x82\xd7\xc6\x9e\x15\xe2\xdd\xcc\xda\x82\xc7\x10\xb9\xe2,\xe0\xf3\xfcF5\xb6\xee/:\xd4"s\x00=oip\xbc\xc4]\x07\xbe\x05\xf5&lt;\x8e\x8d\xd1\xf9*\x9bm\xca\x1e\x9b\xf4B\xedr2\xfb\xa0:\x99n\x12)\xc9\x83v\x18I\xa7X/\xbc\xb5\xe2\xbf\x9c\xc6T\xe7\xea\xa4\x8b)H(\xa3\x10\xb2n\xdc2"\x85\xcf\xb4H`\xd9\x02\xc3(@[HT)\x1c\xcca4\xa0\xeel\x02\xc6\xe1\x85\x0fB6\xcc\xef\x9a\x08\xc9M\xd3\xd0\x18\xe6;($d\x8b\x88\x08\xbfI6\xa4\xd2u\xc5\x16=\xbc\xd3r\xccz\x1e-\x908\xc0VR\xba\xcaSb+0\xe8\xa9\xb8\xebqq&amp;\xf46\xda\x01V\xfa\xd4kv\x8b\xac_\xa6\x98TEQ\x96\xa5\xd1W?Gu\xc7\x08,0\x95(\x9d\xe8N\xaa\xcb\xfc\xfa\x90\xfb\n\xdd\x7f\x0f\x15\x92\x14#\'\x80P\x1eJ~K\xf3)c:{\x15\xd5!C\xb6\xc3vQ\r\x82\xcd\xf1\xb7\xb2V\x13\x19\xe2\x92l!\xb5\xda\xb2K\xf4\xfdl\x1c{~[\xc8\x8b\xbe\xac\xebW\xaa\xd8\x1f\x1e\xd4]7d\xec~\x1e\xddX\x9d\x87U\xae\xed\xa8FB\xbcp\x8bCp\x8b\xbb\x1db\xf0T!5\xdf\xb9\x8b\xbcS%:,o\x957\xabZ\xc1R\x83\xde\x88\xbaif\xd6{\xd9\xb3B\xf8\x02\xf8\x06\xab\n\xc6,\x8c\x88\x03\xdb\xf8/\x88\x97\x8d\xaf\xd5\xd8\xe1\x11^t\x1b\x8d!\xed\xab\xb4\xb7\x1b\x9dJ\xb3D`Tc=\xf1w\xf4\xe1\xfd \xf6\xa2(\x1b\x8ePZ\xcd\xe8qB6K3\x8c\xa1o\xd7\xe2\x9aS\xac\x0c\xbe\x97:v\x1az+\x8dvL\xad\xc7X\xa4\xa5t\x05\xc7H,\x15$\t9n\xca%\x01\xfeU\xac\xe4\x83$\xd5\xb3\x89A\xc9\x1c\x11\x0f\xe5\xb4*\x1d\xdfh\xa8\xe4\xbds\x1c\xab\xa1a\xf5i\xdf\x0f\x93&lt;\xdf\x9cX\xd0V\xed\xb2\x11\xfdC`\x9d8\xc5\xc96\xb1l`Q\xf9\t\xa3\xa1B\x11\xa3\xffj\xadC\x04m\xaa\xc5\xa4\x00"\xe2{Z\xcf\xd8\xd8O\r\xb5i\x82\xb1\xf5\x8d1\xe6\xc5\xee\xb6\x0e\x9bSB\xcb\xe8\xdf\xe8\xff\x86\xa0\xcfa\xb5\xc2u1\xb8\\\xda\x10\xc8\x93\xab\ni\xd6b\n\xbd\xe0r\xee\xa6\\$\xf3\xb9\rY\x81\x8d\xfb\x9d*\xaa\xf5\xb6\xb1D\xf5\xdc\xf5\x03\xa2j\xaf\x0f5\x10=\xe5\x04\xe0\x02\x07\x11\xe1E\x03\xb7\xe6\x9aW\xd9\xado);\xd8\xa1\x9c\xf6T\xb6 \xce\x0f\xfa\xd5`5\xe9\xfba\x92|[\xb4\xbd\x84\xda#[\xab;*\x00wh\xaf\x9e\xa3\xaa\xb7{\xde\'\x87P\x80\xdd\x05\x0e\x90\x1c\x98Y\xf0\x1d\x07\x11\xaf\x88t\x93+\xd2j|\xab\xeb\\\xb5\x92B\xde\x8d$,}zoZ\x87\xf5\x99\x80\xb29\x12\xe2pC\xda\xe8\xbe!\x9c;e}\xaf5\xc6\xfb\xcc\xcdbJ\t\xdc\xae\xccj\x0c\xa6%\x0b\xc7\xa5\x9a\xc58\n\xb2q\xad\xcf\xa9\xa3\xea\xa8\xd8\xe1\xb8\x81\x16\x97\x93\x9d*\x8du\x89\xd1\xfaW\x07*\x1c.\xef\x95`\x1c\xe9\x91\xe6\x9e\x01\xd7\xd3)\x10Q\x05\xb7\xd7)P\xe8\x97`Y\x14\x94r?l|\xce\xc9\xe0* \xcc\x9f\x08\\-P\xc5\'\x8c\xd3\x03[6\xba\xc0\xb1\xad\x03\x00M\xf1\xc5\xaa2\xce3?n\xa1L\x8f-|\x13\x10VC\xa5n\xac\xadu(\x1d\x0f\xdd\xd3\n\xef\xb5H\xca\xd4\xe7\xeei\x83\xbf\xffpF\x11\x05\xf5\x97\xe87\xb9-\x9be\xeaRDZ\xe9[\x07\x18\x966G\xac\xc8\xcc\xc5\xb8\xf4\xc5\xecP\x98t\xca\xf7\xdb(\x1f\x13\x03\x9a\x93\x18B\x8fE\xa7q\xdb\xd8u\xc6\x9aD`\xf9:zG\xaa\x12\xc3\xcf\x9b\x83\x0c\xecS\xef!\xd0\xc8R#\x83L\x00S\xd4\xc37\xa7.\x1b\xdd\x84A-\xd2\x88vG*\xa4Z\'\xcbl\x11"\x02\xbc\xa1W\xbc\xbc\x00e_\x8a\x8a\x8e\x10#\x87\x82xr\'o\x0c\n5\xf78\xeb\x18\x9ds&lt;\xfab\x0b:\xc1rB\xf6\x0b\xdf&amp;\x1b\x9f\xb2\xa2b\xe7\x06\xf2@\xaf\xf0)?]m&gt;O\xdf?SI`\x8090DA]k\x01\x9e\x0c\x05\xd3\x8c2\n\xd7]Ke\x16\x81y\xcf\x004\x1d\x0b3w\x94W\x91\xf3\xc1`L\xe3\x932mb\x17\xd0y\xb8yI\xefz\xe2\x088C&amp;G\xeb&amp;\xbe\xf8t[FU\xe6\x1eAy-\xeezX\x85*\xc8\x96H\xbe\xe9\xb1\xe7P\x1e\xe9\x1ev5\xb8\x9d\xee\x86\xa4E\x0bY"\xd9\xd9Eh6a\x03p\x1d^</t>
        </is>
      </c>
      <c r="E191" t="inlineStr">
        <is>
          <t>&lt;class 'numpy.ndarray'&gt;</t>
        </is>
      </c>
    </row>
    <row r="192">
      <c r="A192" s="1" t="n">
        <v>190</v>
      </c>
      <c r="B192" t="inlineStr">
        <is>
          <t>steps_per_sec</t>
        </is>
      </c>
      <c r="C192" t="n">
        <v>2200</v>
      </c>
      <c r="D192" t="inlineStr">
        <is>
          <t>3.0648146</t>
        </is>
      </c>
      <c r="E192" t="inlineStr">
        <is>
          <t>&lt;class 'numpy.ndarray'&gt;</t>
        </is>
      </c>
    </row>
    <row r="193">
      <c r="A193" s="1" t="n">
        <v>191</v>
      </c>
      <c r="B193" t="inlineStr">
        <is>
          <t>Loss/RPNLoss/localization_loss</t>
        </is>
      </c>
      <c r="C193" t="n">
        <v>2200</v>
      </c>
      <c r="D193" t="inlineStr">
        <is>
          <t>0.1513265</t>
        </is>
      </c>
      <c r="E193" t="inlineStr">
        <is>
          <t>&lt;class 'numpy.ndarray'&gt;</t>
        </is>
      </c>
    </row>
    <row r="194">
      <c r="A194" s="1" t="n">
        <v>192</v>
      </c>
      <c r="B194" t="inlineStr">
        <is>
          <t>Loss/RPNLoss/objectness_loss</t>
        </is>
      </c>
      <c r="C194" t="n">
        <v>2200</v>
      </c>
      <c r="D194" t="inlineStr">
        <is>
          <t>0.017018775</t>
        </is>
      </c>
      <c r="E194" t="inlineStr">
        <is>
          <t>&lt;class 'numpy.ndarray'&gt;</t>
        </is>
      </c>
    </row>
    <row r="195">
      <c r="A195" s="1" t="n">
        <v>193</v>
      </c>
      <c r="B195" t="inlineStr">
        <is>
          <t>Loss/BoxClassifierLoss/localization_loss</t>
        </is>
      </c>
      <c r="C195" t="n">
        <v>2200</v>
      </c>
      <c r="D195" t="inlineStr">
        <is>
          <t>0.4219768</t>
        </is>
      </c>
      <c r="E195" t="inlineStr">
        <is>
          <t>&lt;class 'numpy.ndarray'&gt;</t>
        </is>
      </c>
    </row>
    <row r="196">
      <c r="A196" s="1" t="n">
        <v>194</v>
      </c>
      <c r="B196" t="inlineStr">
        <is>
          <t>Loss/BoxClassifierLoss/classification_loss</t>
        </is>
      </c>
      <c r="C196" t="n">
        <v>2200</v>
      </c>
      <c r="D196" t="inlineStr">
        <is>
          <t>0.22013377</t>
        </is>
      </c>
      <c r="E196" t="inlineStr">
        <is>
          <t>&lt;class 'numpy.ndarray'&gt;</t>
        </is>
      </c>
    </row>
    <row r="197">
      <c r="A197" s="1" t="n">
        <v>195</v>
      </c>
      <c r="B197" t="inlineStr">
        <is>
          <t>Loss/regularization_loss</t>
        </is>
      </c>
      <c r="C197" t="n">
        <v>2200</v>
      </c>
      <c r="D197" t="inlineStr">
        <is>
          <t>0.0</t>
        </is>
      </c>
      <c r="E197" t="inlineStr">
        <is>
          <t>&lt;class 'numpy.ndarray'&gt;</t>
        </is>
      </c>
    </row>
    <row r="198">
      <c r="A198" s="1" t="n">
        <v>196</v>
      </c>
      <c r="B198" t="inlineStr">
        <is>
          <t>Loss/total_loss</t>
        </is>
      </c>
      <c r="C198" t="n">
        <v>2200</v>
      </c>
      <c r="D198" t="inlineStr">
        <is>
          <t>0.8104559</t>
        </is>
      </c>
      <c r="E198" t="inlineStr">
        <is>
          <t>&lt;class 'numpy.ndarray'&gt;</t>
        </is>
      </c>
    </row>
    <row r="199">
      <c r="A199" s="1" t="n">
        <v>197</v>
      </c>
      <c r="B199" t="inlineStr">
        <is>
          <t>learning_rate</t>
        </is>
      </c>
      <c r="C199" t="n">
        <v>2200</v>
      </c>
      <c r="D199" t="inlineStr">
        <is>
          <t>0.03999959</t>
        </is>
      </c>
      <c r="E199" t="inlineStr">
        <is>
          <t>&lt;class 'numpy.ndarray'&gt;</t>
        </is>
      </c>
    </row>
    <row r="200">
      <c r="A200" s="1" t="n">
        <v>198</v>
      </c>
      <c r="B200" t="inlineStr">
        <is>
          <t>train_input_images</t>
        </is>
      </c>
      <c r="C200" t="n">
        <v>2200</v>
      </c>
      <c r="D200" t="inlineStr">
        <is>
          <t>[b'1024' b'1024'
 b'\x89PNG\r\n\x1a\n\x00\x00\x00\rIHDR\x00\x00\x04\x00\x00\x00\x04\x00\x08\x02\x00\x00\x00\xf0\x7f\xbc\xd4\x00\x00 \x00IDATx\x9c\xec\x9du\xfc=MU\xf8\xcf}x\xe8nyPJRD\xa4\xa4\xf3!}\x90\xeeV:\x94RZ\xe9R\xa4AZ@ZJ\xbaA\xa4E\xe9\x92\xee\x06I\xa9\x1f\xe7\xf7\xc7\xbd\xbb;\xb9;qf\xe6\xcc\xeey\xbf\xbe&lt;|&gt;\x9f\xbb;s\xe6\xcc\xa9\x99\x9d{/@=\xb0b_\xdd\x81#\xad%\t\x07\xe1\x85\x1dI+d\xd1\x9bq\nB\x12\x88\x9bMU\x88=\xa6!\xa1\x1d\xdf\xd8\x9b\xca\x97[\xcb!\xb0\xe7&lt;\x12Sf\x99"/"\xc0\xb7\xdb\xca\x12|\xe1v\x93\xe5\xd6\x90\xb2@\xd8\x02[\xb6sY\x00\x08q\xdc]L\xa5\x02Rem\x05&lt;\xfcC\x04\xf8t;)\xc4\xda\x04\'b\x18\xa5A\xf1\xbe\xe6l\xb9\xa6\x91\x05\x80 \xf0C\xfcqs\xc8\xb2\x8f?2A\x021R{\t\xad\x91\xd4#$\xd2b\xf5\xd8\x85\xb9\xf2\x97PX\x1d\xe5\xb7s\x10\xe0\xa8b\x8d\xb3fP\xac8\xb6 \x08\x82 \x80$\xc4\xbe\xd8\xb5\x16@(\xc8X\xfa\xefv s]\x00\x14\xad\n\x82 \x08\x82\xd0\x1dG\xb4\x16@(\xc8n7\x96\xa7R\xa7\x96`;Z\x95g\x1d\x82 \x08\x82 \x08\xdd u\x9b@\x82\x18\x92\x90\x8c\x18\x8f \xac\x1e\xd9\'\x126\x8d|~\x82\xd0;\x12\xc4\x05A\x10\x84X\xe4C\xcc:C\x8e\x00\xd1\xb2\x03\xf9\x1c\x8f\xd6\xc8\xdbs\x93\x91\x0f\x00\x14\x04A\x10\x92\xd8\xa1\xd4?]!\x0b\x00bv\xbb\x9dr\xf2^h\xc0^\xfd\x12\x85\x04A\x10\x04A\x10B`\xbeo\xca\\&lt;AX\x01\xe2b\x82 \x08B\x02\xf2\x10\xb9o.\xd5Z\x00/r\xb4C\x10\xaap\x83\xd6\x02\x08\x82\xc0\x1cI\xc4[E\xca\xb0T\xb8}\xcdvO\x87U\x94O\xb5\xefIlA\x10\x04A\x10\x84\xeeA&lt;|\xfd\x8d\x94a\xd1\xec+XFz\xeb\xe9=\x00\xbb\xdd\x7f\x02+\xe5\tBq\xe4\xa9\x97 \x08\x82\xc0\x83}\xdd/uX\n\xbbN\x15\xc7\xa9\xfe\x90zH\xd8\x14b\xf0\xd4p{\x0e+\x08\x82 \x08\x95\t|\x02\xb0\x038^YA\xc2\xd9\xc9\x07\xbcpF\xe6&amp;\x90`E\xedjm\x1bHY,\x08\x82 \x08\x02[d\x03\x8f\'8P\xad\xc3\xea7\x12\xc2o_\x7fSn\xb5\x9d\x91\nBA\xf6\xdf\xfd\xf4\xeb\xd6b\x08\x82\x10M\x97\x07\x92\xc6\xf7\x03\xcb\xbb\x819\x81\x80\xc3\x9b\\*\xcdK\xda[j\xc6\xca\xaf#\xe3\xc1\xae\xa4\x15\x04a+\xec\x93\xb1\xe4bA\xe8\x8e#[\x0b\x90\xc6\x8e\xdd\xee\xa9\x00\xf5\x93@jo]\x95\xd3\xc3\xae&lt;\xd6\xd5.\xbb\xcf+\x10\x04\x81!\xbb\xdd\x0e\xe0\t\xad\xa5\x10\x04a[\xc8\x1a@\x88\xe6\xa5E\xce)\x15&lt;\xcf\x83\n\x85\xba\xf0u+\xe7d\x04A\x10\x84\x0c\xe4\x83\xec\x04\x01n\'&gt;\xc0\x82\xa9\x98&gt;%a\xa3%k\xe5f\x0b\x80\xc2\x81[\xdcA\x10\x04a\xcd(\xc9K\x02\xbe\xb0i\xae\xdbZ\x00\x01\x86b\xbd\xbbxTY\xda!j\x97\t\xdcJ\xe3\x87?\xb8zA8n_s$\x08\x82 L\xc8\x02@\x10\x04&gt;\xdct(7%$\xcdSPK\xd63\r\xcf\x02\xe0\xafd\x82\x04A\x10z\xa5\xc5\xe3k!\x14y\x93\x9f\xb0Ap\xfc\xff\xe1c\x8b@|\xa1.\xf2A^\x82 \x08\x82\xa0R\xf5#J\x02\xbf\x08L\x10\xd6\x88\x14\x9f\xcd\xd8\xedv \xc5\xbf \x08B/do\xe4\xcbs\x80E$)\n\x82\xd0\x19\x12\xd9\x05A\x10\x04?\xf2N\x00f\xc8\x13\x00A\x10\xb2A8\xbd\x9c\xf2\x14\x04A\x10&lt;\xe0\xe1\x1b\xd8%SpA\x1e7\x08\x82 \x08B\x03\x86\xaf\xd1\x05\xc9\xc5\xc2\xeaQO\x10\x89\xcds\xa0\xd3o\x02\x16\x04A\x10\x84\x8eQ\xea!\xa9\x84\x845\xe1\xfe"\xf9\xddnwxI\x9e\x01\xf0\xa0\xdf#@bA\x82 \x08B\xaf\x8c\xf5Q\x0f\x9f\x95\x8e\x88x\x1a9\xe6\'\x04\xe2\xb5\x94\x1d\xc0\xfe\xf3\x1fd\xd1\xbb\x12\xea\x07\x05DD\xb8\xa2\x04#A\x10\x04\x81\x19\xe6\x07\x9f\xcf\xa5*\xd4)-Z*\xcc\xc5\x13\xb8q\xd5\xd6\x02\x08\xcbt\xba\x08\x93\x0f\x11\x0fB\x0e\x98\n\\q?#\x16\x84U\x80\x00\xc7\x02\xf8\xed\xf0\x1b\xce|\xe4\xad]U\xf3\xcckC6\xe1(\x9b \x08\ttz\x04\x88mI{\xf2\xd6\x028\x90]\x1b\x81\x15\xfb\x9dD\xf98\x08a\x95\x0c\x1b\xe5\xbf\x9d\xfe\xe4-\x9a{\xb2\xff\xddN\x8a\x7fAX\x15\xe2\xd0+\x07\x11\xe5\t\x80\xc0\x8ba\xcfS\n\nae\x8c\xdb\xf9\x8b\xb6=\x7f\x9cF\\C\xd82\xc3\xe3\xa6S\x01|\xbf\xb5,k\xa6\xeb(S\xf5;\x93\xf3Pc}/2\x0bBQ:\xf2_AX&amp;\xeaS\x0ee\x01 \x08&gt;\x0e\x0b\x00\x98yz&amp;\x10\xe0&lt;\x02t\xc3\xdaR$\xd2\x8be\x0c\x07\x1e\x0e\x9f\xf1\xd0\xd3c_A(\xc6N|A`O\xf8\'\xf3h\x97\r\'\xdc\xbc\xb7Ka#\x08&gt;\x0e\xe7\xcd\xaa:\x89$\xa3\x893\xb5\x16`M\x0ci\xe0\xb28\x9f\x12\x04\x81\x8e.l\xac\x0b!\x85-\x13\x11\xae\xd1O\xd4\xf5\xe2\x17\xc5\x10\xc5\n\x82 0eL\x817j-I\xc7H\x19!\x08\xf5\xa1Z\x00\xc8\xa7m\xb6F\xf4/\x94\x82Uj\x96\xc7\x90\x02/\xc2\xdfE\'\xcc\x80\x88r\x80R\x10j2S\xb8\xcfE3\xd7m\x12\xfd\x04\x817i\xefaCV\x1fa\xdf\xe9\xc7\x80\n\xabe\x7f\xf8\x8f\x89{\xf4\xcb\xa0?.;\r\x82 \xb8\xd9\x99\x1f\xb0)\xd1O\xd0\x910\xce\x904\'\xe5\xe5\xdaG\xb6\x16`\xfd\xc8\xfb\xd9\xe3\x11E\xe5\xb3\x83]B\xda\x90\xef\xe7\x12\x04\x15*\x8fX\xda/\xdc\xed\xe4\x1b[\x04\x1b\x9c\xbe\xcdSX\x03\xac\x96\xf7\x8cDY1(\xdf\xa1(\x84"%\xb8 \xb0\x01\x11c\xbeL\xddy\n($\xf2#\xa2$\x08\xc1\x83|b\xb2P\x049\x02T\x03\xeb\x19\xafP\x88\x07\xb7\x16 \x97\xe1+r\xd7\xd4\x93 t\xcb\xf0y\x84y\xad,:\x9ax\xa20\x83\x14\x0f\x82 \x08\x0b\xf4_\xd4V\xfd\x0c\x90\xceu%\x08\xcc\x98\xfd`\x1f\x84\xcb\x11x\x9c|L\x90\xb0j\xc4\xb6\xeb!+KA\xa8\x8c&lt;\xcf\x15\x84u\xb2X\x9a\xc7&lt;\n\xf6\x9d\x06\x94S\x82\x82@\xc8v\x1dJ\x8e\x00\tBe\xb6\x18hR\x91\xdd \xa1\'\xe6\xeb\xfbh\xcfw\x7fs|\xfe\x91$A\x10\x04Y\x00\x08BU\xa4\xa2\x8d\x01\xa1\xfb3]\xc2\xc6\x98{\xc3W\xdc;\xc1v\x07\xf3\xff[q\x01\x01$w\x94\xe4\xc6\xad\x05\x10\x04!\x9a\xaf\xb7\x16@\x10\x04n\x94+\x95\xe2Z\xce\xfe~_\xe5\xfd\x03\x82 \x14a\xbb\xce%O\x12\x05A\x10\x845\x91s\xa8\xd7\xff\x16\x9d\xa1\x84\xa78\xc7\x1f#\xcfA"I\xd6\x82 P"G\x80\x04A\x10\x84u\xe1&gt;=\x1fx\xe3\xc2+1{\xf9\xf9\xe7\xf5w@\xf09\xa4\x82 \x08&amp;\xb2\x00\x10\x04A\x10\xd6DF\xb9\x1c\xb8\xbb/oM\x11\x84T\xe4\xa3l\x99 \x0b\x00A\x10\x04\x81#\xe9G\xe7\x81\xfed\xef\xce\xfb\x8b \x08\x11\xecv\xe2@,\x90\x05\x80 \x08\x82\xb0\x1a\x0eK\x06\xfa\rF\xe3\xe1\x80la\nB"\xbb\xc8O\xc4\x12\x8a\xb0\xd9\x05\x80|\xae\x82\xc0\x8f\x87\xc8\'~\x08\xc2\xc4\xdcGj\xba\xa9x\xb2@\n\x98\xb5!\xb1W\x106\xc1yd\xfff{&lt;\x99\x7f|\x97\xc3\x91\x02c\xf8[f\xe6\xc7n\x06p&gt;\x1c*E\xda\xf6\xa5\xfa\x14\x04A\x10\x84R\xf0L\xb1\x92\xfb\x85.`n\xa5\xc6\xc7\xee\x07J\xfb\xf6\xb2B\x85!+\xff\xd6d*_\xe6N\xe8\x0fy\x8a)\xac\x9e\xfc\x8f\xe2.\xca!\xef\xc7\x9eu\xe0\xc0X\xb2\xf4(\xbc\xb0B\x94"z\x07A\x1f\xe9\xb3\xbfC\x0c\x98\'\xb5f\x87\xe2\xeb\x1a\xf8\xa6\x18Ap\xb3\xd9\xf7\x00\x08\xdbA\xe2r)v\'i-\x81 \xa8\xecv\xbb\xfdg\x8c\xecB?\xd0s\xb7\x93\xea_\xc87\x001!A\x10\x04!\x92\x8b\xf6\xfd\xf4_\xce/\t&gt;\x9e\xd9Z\x00A\x10\x84\x1c$\xbb\t\x82 \x08\x82 \x08\x82 \x08\xbdsF\xf9\xd0IA\x10\x04A\x10\x04A\xd8\x18\xb2\x06\x10\x04A\x10\x04A\x10\x84m\xb1\xc1\x05\xc0\x06\x87\\\x02Q\xa3 ,"n"8\x90\xcf~\x15\x04A\xa8\xc6\x18m\x7f\xaf\xa5\x14\x82\xb0\xc0\'[\x0b \xd0P\xf6[\xc9\x84F "\xc5w\x89\x8aa\x08m\x10\xc3\x13\x04A\x10J \x95\xcd\x01Y\x00\xf8\xe9X\'2\xa7B\xcf\x1c\xacW\xbe\x07@\x10\x84^\x90\x8c\xdb\x0b\xf2\xd1\xfa\xc2"b#\x82\xd0\x06\xf1=A\x10\x04A(\xca~\xb3M\xd6\xae+\xa3\xce\x9c\x8a\xd9\x08\x82 \x08\x82 \xf4\xc7)\xa4\x8c[)\xa5\xa7U\xd6\x8d\x82 \x08\xc2z\x90\x94&amp;\x08\x82\x10\x88\x04L\xa1\x14\xf2\x1e\x00A\x10\xba@\x12\xa1 \x089\xf4\x18C\xbe\xdcZ\x00A\x10\x04A\x10\x04A\xe8\x129Q#\x08\x82 \x08\x82 \x08\x02wd\xd1"\x08\x82\xc0\x11\x89\xce\x82 \x08\x82 \x08\x82\xd0\x0cy\xc8+\xac\x0f1\xe9\x15#\x93+t\x87\x18\xedJ\x907\x01\x0bka\xfa\xb8m\tO\xc2\xca\x10\x93&amp;\x87\xcff\x01\x131\x04AX\x19\x087\xe2\x13\xe8\x04\xa1 /\x00DX\xffw\xee\xac{t\x82\x01\xeei-\xc6\xea@n\x8a=sk\x01\x04\xa1\x16g\xd8gj\xa1,\xc8.\xca\x15a\xe5\xc3\x13\x04a\xabl"\x82\xb7\x80\xa1bY\t#\x08\xe5X\xfd&gt;\x1d\x0b\xf4\x05\xc0\x9d\x1bKS\n^A\\\x10\x04\x81\x8c!\x82K\x94#G\x16\x00\x82 \xac\x16}\x01\xe0\x08/\xbb\xca\x02\t\x82 \x081\x8c\x81[\xc2\xf5\x16@\x99hA\xd0\x11\xa7Ha\xdc\xe0\xd8\xedD{\x82\x90\x88\xec\xcc\t\r\xb9\xe7\xf0\xc4\\\xecp\x03\xf0z(!p\x81\xdf\x895\xa1\x03\xe4\xe9\xb1 \x08B\xd7\xe0\xf0\x06wA\x106\x8bD\x00A\x10\x04a}p)p\x99\x88a \x1b9\x82 \x08{$\x18\n\x82 \xac\x07&amp;1\x9d\x89\x18\x82 \x08\x82\xcd\xef\xc6\\,G\xa7\x04A\x10\x042d?^\x10\x04\xa1"\xe9\xc7 %V\xbb\x91o\x02\x16\x04A\x88\xe4i\xfbL$yE\x10\x04\xa1\n;\x80S$\xdf)8\x10\xbd\x08\x82 \xc4\x82\x88\xb0\x03\x00\xf9x5\xc1\x85|\x00\x9f \x08\xcc\x91\'\x00\x82 \x08\xb1\xdc\x11\x00&gt;\x07 \x0f\x01\x04A\x10\x84\x1e\x91\xcd\tA\x10\x84\x04p\xf8v\x1a\x89\xa2\x82\x89&lt;\x01\x10\x04\x819\xf2\x04@\x10\x04!\x81\x1d\x80&lt;\x00\xe0O\xcb\x19\x92\xea_\x10\x04A\x10\x04ae\xc8g\x01\t\x82P\x85\xe7\xef?\xce\xf2D\xad\xe5\x10\xd6\x83\xecO\x08\x82 \x08\x82 \xf0E\x0e\x95\t\xe4\xc8\x11 A\x10\xa2\x90moA\x10\x04A\xe5}\xad\x05\x10\x84t\xa4\xacY\x19Oo-\xc0Z\x11O\x11\x04A\xa8\xc3!\xd8"\xca7\xda\n}S\xb3t\x88\xedk\xb3e\xcdZG\xbd\xd9\t-\x8c\xe4!A\x10\x84\xcaH\xe0\x15:\xa7\xa6\x05\xef\xbf5Z\x1c\xc6Ft"\xe4\x90\xfc}\xec\x82 \x08\x82 \xb0\xa0\xf6{\x00v/\xad\xd5\x13\xc2\xdd`_\xeb\xe2\xe1w)|\x01\x00\xee\xd7Z\x00\xa19\x99\x8e\xb0\x93\xaf\xbf\x15\x04A\x98E\xea\r\x9e\xc8\xbc\xac\x1f\xb4y\xa5&lt;\x10\x10\x04\x00\x00\x04xUk\x19\x04A\x10\x04\xa12\xff\xb9\xff\x1ew\x01V\xfd1\xa0\xb8\xaf\xf6\xd5\x92\x7f\'_\xdb)\xac\x93\xbd\x99\x8bm\x0b\x82 \x08\x82\xb0\xcc\x8a?\x06t\x07\xbb\x9dZ\x11\xed\xc6\xff\x08\xc2\xaa\xc0\xc8\x87[\xf2\x1cL\x10\x04A\x106\xcd\x8a\x17\x00{\x94/\xcd\xa8Z\xfc\xa3|h\x97P\x95\xf0s\xf9\x08p2\xb1LA\x10Z!\xc7qs\x19\xcf6\xb7\x16D\x10\x98r3D\x84\xd7a\xec\x06)\t\x83s\xce\xf7\xbb\xbf\xe0\xd8\x95d\x12V\x8b\xcf\xcc$=\x08\x82\xc0\x08\xa9\\\xf3Q\xdf\xdc\x08\xf0\xf6\xd6\xe2\xac\x141Q\xfe\xcc\x16\xd9\xaa\x93\xfc]U\xb1\x94\xce\xe7/R\xfe\t\x9b\x85\xd0\x00\x8c\xa6\xc4\xb4\x04A`\x84,\x00\xf2\xd1\x17\x00Q\x9a\xbcA)\x99\xd6\x86j\xa2\xbf\x06\xb8u\xd8]\xa7.%\x8e\xe0d&gt;\x94\x8cNr\x926\xe1&amp;\xb0\xd3\x9b\x96\x95B\xe0\r]:\xc4}[\'&lt;\xb4\x86\x88!\x9f\xd9\x8fg\x8d\xef]R\xb8 \x08\t\xc8\x02 \x1f\xe3\x13\x0e\x03\xef\xfa\x1d\xf7\x9aA6\x89\x08\x11M\xd6f\xce|\x13\x9cD\xe8\x96w\xb6\x16 \x19\xaa\xaf\xd62\xad=\xd8\xf2\x11\xe0/\x13z\x92x\'\x14F\x0cl\x95\xc8\xb4z\t\xa9X\xb4\xc2\x06\x83\x0f\x11\xfc\xbd\xfd\xdc\x00_%\xa5\x11%\x9d)s\xfd\x9f\x8a3:\xd2N\xbe\xbdh\xe5\xe0\xba\xec9\xe1\x93=\x11q|3piU `\xcc;\x8f;F&gt;bU\x10\x84\x1a\xa8u\xff\xfc\xa7\x96\xa7\x156\xae\xbbV\x967\x85\xcdq\xfd\xa5\x0bd\xabr\x0b\x10\x1e\xa3g\x80{\x7f\xfd\xdf\x17o+"\xccv\x91\xe7\x87\x82 T"\xf2\xccBR\\\x92\'\xb7\xc2\xba\x10k\x16\xc8\xe0Q\xf0\xb9\x8f\xef\x87\x9d\xe9\x17H\x91|)\x08e\xe0\x11lY\xe1&lt;\xa6/\x08E8\xb2\xb5\x00$\x1c\xa7\xb5\x00\xc2z\xd8\xed\xd8\xc4^\xd7\x83Y\x04\xd8\xc9C\xdb\x9al\xe2\x98\x93\xa0"\xfeU\x19Q\xf8\x88\x1cU\x16\x04a\x82I5\x1aH_\xd2r\xc6\xa5\xc9\xe9-_\x82 \x14\x82\x8b\x7f\xad~\x83\\y\x1bk\xa7\xf4+\xb9 \xac\xff\x9b\x80y\xd0\xfdC\xbdp\xc9e\xfb\x82\nK\x93\xfbZ@\x14,\x08\xf4\xa8\xf1\x99\x9b\x8f\xf5\x9b8\x16\xd8\xed`\xf6\x9d\xae\x9c\xf9\xb7\xb5\xaf\xce\x04A\xa0@&gt;\x8d\xb4+\x98.\xd5t+\xe2(\xa1 d\xb3\xb7\xed\x0f6\xea\x97\x1b\xe2\xecL\x918,\x08B\x10[]\x00\xdc$\xe3\xdev\x8a\xe2:S\xb2\x00\x10\xd6\x8e\xfa\xb9\xe6\x82\xc0\x19\xb1RA\x10\xc2\x90\xd2-\x92v\x8a\xaa=S\xe1\xbd\x0c\x82=PLHX%]\x1f\x07\x17\x04A\x10\xd2\x98\xbe\xd0.-\x07\xdc\x92X\x1er\xa4\xfa\xef\x83\xa1\xce\xaeQ\x8b\x1c%V!\x08\x82 \x08B\x08T\'\x14x\x1ds\xc8\xdd#\x7f?\x02\xbc\x8fZ\xa8E8iP\xa0\xe1\x7f\x94\x05@\x85\xf9\xad\xbc\x00H\xeb\xee\xd8\xf4\x82\x08\x82p@v\x01\xb8!3"0d\xa6H\x0e5\xd7\xcf\ru\x7f\xcd\x05@\x88;19$\x13w$\xa3\xb5\xb4\x02=\xa8\xb3\xae)N{\xc8\x96\xa3\x01\x84\x1b\xf3Q \x1fI\x04A\x98A\\U\xe0G\xd3\xf7\x07\xce\xd4$\xe1\x8f\x05\x94\xcbx-\x00\xc2/c\x82\x9c\xdfX\'h\xd1Z"BrN\xd9A\xd2\x8d\xac\x0ev\xf3\x91D\x10\x04\x1f\x9bM\xac\x9b\x1d\xb8\x13\xb5Te\xa1\x99\xa6\xf5\xc0LA2\xfc\xfd\x0e!\xb2\xdd{\xfc\xa9\xcb\x0f\xe0\xe5D\xecW\x18\xcaW\x1ev\xc0\xe8`\xbbq\xc2\xd6\xf3\xf5\x8cY\x1fv\xbe\xd7\x8c|Y\xa5 \x08B\x01\xa4Bp\xb2O[\xed53d\xc0\x9f\x00\x9c\xa4Q\xe7\x00z\n6\xd6\x03Q\xd9Y\xbe\x08,\x9f\xeb\x85\xafM\xef\x81\xcc\xdex!\xb8P=h\xb7\xdb\xad\xa8\xfa\x07\x80qG&gt;eCEJ\x7f\xa1&lt;_j\xd4\xefe8l1n\x1b\xd1\x7f\xa9\x00\xdb\xf9\xa3\xec\x1d\x87\xea\x1f\xa6\xda\xe0\xc4m\xc5\x10X\x11\xfe|\xea\xe1\xc5eY?5\xa2\xd8\x1aO\xff\xef\xc1\xf1\xd3\xd6\x03RB\xfe\xf0W\xa9C\xa1(b0\x9be\x1f.\xae\xd2Z\x8c\x15\xc2x\x01\xd0[\x8ehW\x18,\x1e\x01\xe2:\xc5\xc2J\xb85\x03_\xad\xf5\xf1\xfc+\xf7%#^\xbc\xba\\/eZ\x16\x04aMl\xb9\x889l\xca\x14\xed\xa2d\xe39\xb0\x15\xccG\xe37\x01O\x02&lt;\n\xcd\x97\xb6\xe8;\xc2\xfay*\xc0/\x00\x10\x9eQm\xf1\xdd\xdb\xb6D\n\xef\x85\xd3\x96\x1e\xe3\xd77\x99\xce\x85\x1e\x11Cm\xcbf\x17\x00\x84\x03\xdfB\xda\xda4\xba\x9d\x18s-S/\xb0\xa0\x90!\xd6L\x0f\x12I\xa9\x105\n] \x86\xda\x9a\xa9\x0e\xfe\xf3\xd6\xa2T\x82\xf8\xe3\xe6\xb6\xb8|\x12@b\x97P\x99\xb9\xfa\xb8\xe4\xa3\xa8\x9au\xb98\x95 \x08BM\xc6o`\\w\xf8E@\x84\xb7\xea\xd5\xbf\xd4\xee\x82P\x87~\x9e6\xf2\x94\xf0\xb2z\xb4R\xbf7\xb7\xd0w\xe8\xf2\xd4\x83 \x08\x82\x90\xcd=\xc7\xf3\xcd\xeb_\x00\xa0\xc5\xba\xc7+\x08\xbc\x18\x1d\xef\xa6\xdc\xab\xd5O\xf2\x0f\rJ\x14{W\xb1\xd8-!r\xdd\xd4\\\x8d\x17Z\xa3\n\xbc(^W\x89\x15\x11\xa2\x95\xc2\x08\xf0{\xad\x05*\x85\xba\xe5/\xa5\xbf\xd05ok-@"\x94\x07\xef&lt;m\x136H\xd7T\x19*lc\xfc\xfe\xfa\xb7\x85\xb6L\xdd\xc7q\xbd&lt;\xfd\x13\xb2@D\xb8+\xc9,\xfb\x1a\xc1v\xdfZ\xb0&gt;\xcaedn\x8c\xb9\xf2j\xad%\x11\x84t:.\xc8\x8a\x1e\xbc\xdbF\x143(m\x0c\xb2\x00\x88\xa53]U}\x02 \x9fO\xba\t\x10\xe0\xa4\xade\x10B\x91\xf30a\x88r\x84\xaa\xac\xd3\xe0n\xbb\xc52\xbd_\x10\xe08\xadeH\x00\x01&gt;\xdc\xa4_D\x84\xd7\x88y\x0b+\xe0\xa8\xd6\x02\x085(\xf9X^\x10\x04\x13\x16\xdf\xae,\xe4\x81\xdb\x98\xc7\x8d\x0c\x93\x08%\x85\xeev\xa27\xa1k\xaa\xf9\xbe\x04\x99\xb6LaK\xa2\x96 \x94\xe6\x88\xd6\x02p\xa0\xf7\x8f\xdf\xdaH\xa0T\x87\xf9B\x80\xbfo&amp;H\x17H\xfa\x14\x8a\xf0\x9e\x16\x9dV2fDX\xeb\xe3\xee^\xd8)\xff-\x8cL\xb4 l\x1dy\xe6\xd8#\xd7\x82\xf7\xca9\xd1E\x10\x11\xe1\xed\x8bZ\x12M\n\xe1\xac\xdaT\xfe&lt;\xd0Y\xc4e\xcaQ\xed\x13\xba\xa2\xbax\xd6\xdag|\xdd\xa3\x13\xb8\xc0-\x80*\x0b\x80Fk\x80\xa9wY\x8aD\xe03!\x04\xf8H\xe1.\xd6\x04"\xe2\xef#\x02&lt;\xba\xb5$\x82\xc0\x1f\xf9\x00\xd9\xd2\xd8\xeam\xaem\x04DxAs1\x8a\xb2\xee\xd1\t\\\xe0\xf6\xf1\xb7\xea\xfb\x8e\x1a\xc8\x83\x1e\xeaK\xd2!N\x13\xa2R\x1d\xfe\x1f"\xc0k\x88Zc\xcb\xb8\xf4\x15\x93\x13\x04\x10Gh\r\xc3XD\x1b!\x0f\x9b}D\xad\tBg\xf0z\x08\xc0p\x01\x00g.$\xc9[\xa5\xd4\x0be+1\x1a\xe1f\x8c\x9cQ\x10Z#\x8e\xd0\x1c\x86S@V\xfd7?q \x08\x82JK\x87\xd4\xea\xfe}u^V\x0c)\xf5\x02\xd9\x88\xa2\x90\xdb\x82\\\x10\xd6\xc0\xf4`\xed\xbfZ\x8b"\x8c\xb4\x8fr\xea\x89\xdf\xe6\xc2\xac\x1dQ\xaf\x10J\xcb7\x00(\x8f $(\xb0@\x99\x0e\xb2&amp;\xb9\xce\xec)\x01`8\x95\'l\x0fF\x072\xd7C\x81\x00"d\xf2\xff\x98\xedt \xc0\xa5Z\xcb \x08BK\xe4\xf4?O\xb63\x1d\xf2Tz\xd3\xe8\xbb\x0f[\xe3?\xca4\xbb\x9d\xe8\xd1\x17g\x04\x80M\xda\xb9 Te\xed&gt;F\x97/e\x01\xc0\x95\x8d\x94Db~\xac\xa8&gt;\x05\xdb]\x00\\\xae\x9c\xd9oR\x9f\x82 \x08\x00\xb3\x9f\xd2\xb8\x06\x90\xf4\x0c\x9fT`B;&gt;a\x1dB\x13\x1aR_\xff\xb8\xd5\x03`\xb2\xf4\x15zF\xecV(@\xe97\xa1\xde\x86\xa2\x91\xe6v\xbf\x97\xe1ST\xcd\x1d\x97\xa33\xbf\x0f\xe0\xbd\xfa_8h^\xa0E\x0e\xa1m\x9e\x85\x85\xdfjMB\x0e\xbf\t\x9d#v+P\xc2~\x17\xb0\x83\xb7\xcf\xaf&amp;\x9d\xe0\xcb5m\x1f\x17\xfe\x86\xb9\xe6AY\xa2\xfc\x0b\xc0\xeb\xe40\xee\x12\x08\xa7\x95\x05\x007\xea\xcf\xc2\x9c_\xaf\xd8$\xa4\xfa\x17\xd6\x85X\xb2\x10\xc1\xce\xf1\xb7}4\xdcy^m\x0e"_\xd9V\x08\x02\xaa\xc6\xb0\x8f/\x9c\x95?J\xa8\xd5-;\x00\xd8\rC\xc0\xf1\xe7r2pV\x91\x8a\xa3\xba\xdb\x95U\xce\x82 mz\xe7\x05"V\xd7\xc3!\xec;:E\xc4\x9d\x84\xdcP\xf6s\x07\xa2.\x12\xf6QAbB0\x1d\xa5\x1e\xa1=G8\xfe\xb6\xdb\r&amp;\xc4r5\xb9\x03\x80\xb7\xb5\x16b;\xec`\xb7Sb\xca\x8e}|\x19%\xd4\xb3FE\xa9\x11\xa1\x9f=ES/\xcdR\xed\xd4/\xff\xa7L\x95\xa9\xa2\rW\xe5\xaf\xcc\x05s\xaf\xe7\xc2\xde\xef\xf7_v\xdfZ\x96\x15\x80 \x96\x17\x87hK @r\xb0\xb0\x0e\xf6\x96\xfc\x1c\xeb\x8f\x99m\x86t\x9a\xd3C\xbd\xd38\xda\xe1\x9f\xcb4\xf5zy\x17\xb2\x83\xe6\ni.@G\xd8\xa7\xe9Du\x82 0\xe5\xc8\xd6\x02\x08+\x80\xf3\x1e\xa1S\xaaLQ\x17o\xcfk\xff\xe9S\xe1\x8f\x88\xa5\x1f\x7f\xef\xc6\xf9k\xfe\x9c}\x07\x17G\x008Ec1x\xd1zR&amp;\x03\x11\xa2A\x04\x80\xe2.,T\x81s\x9a\x13\xa8\x90Y&gt; \xbb\x17+\xa0\xce$\xca\xbb\xe8H\xa9\xfd\x96\\6\xef\xaa\x97MS\xe1\xc0\xab;M@\xe6#\x00yW\xbd \xf4D\x97a\xa7\x10\xa2\x88\xde\xc1*\x06\x1d\xdb\x85\xf8\x98\x93\xdb\x0f?\xd4\xaf\x1e\xf63\xf2f\x80\x8bV\xe9\xce/G\xe2\x02@\xcc\xa9\x04\xa7j-@&amp;\r\xac\xc28\xff#\xd5\xbf\xb0*n%&amp;-\x08\x1dq\xf8\x90\xbb\x8f\xb5\x96CE\x9e\x188\x99j\xdf\x16g\x88\xbb\xde\xb0\x94%\xa5\x10A\xb9\x8f\xfe\x94\x8d\x7fa\xc5\xc8\xfb[\x04\xa1\'\x0e\xbe\x8a\x08p\xd5\xd6\xb2\xa8H\xec\xb0QCj\xfd\x1aB\n\x17a+\x14\xb5s)\x8f\x84\xb5"g\xdb\x04\xa13$!uB\xdb9B\xf9\xd24\x06\x9c\xbd\xb5\x00\x9b\xe0X\xc5\x8d\\\x9cHX\'\xb2\x00\x10\x84\xae\xe8\xe0\xbb\x93\x83A\x04\xf8F\x93\x8e\x0b+\xb0\xce\xbb5\x04\xe6\x88\x01\x08\x82\xd0\x05\x12\xac\x84\x95#&amp;\xce\x8bV\x1b\x0f\x85\xf7&lt;P\x16\x00\x82 \x08B\xb7\xec\xf3\xd7\xafZ\x8b!Dp\x04\xc0\x83[\xcb\xc0\x17\xf9BGn\xecv\xed\xbe\xaa\xf6@\x892}\x1c\xd2S\xa8[\x16\x04A\x10\x84\xc2\xe0\xbe^:vk9\x84(\xa4\xc0\xf5#\x07\xdd\xe8P7\xb9\xaf\xd9Z\x98h\xd0\x82\xbe\x8f\x1b\xcb\xc1JA\x10\x04\xa1G$\x7f\x85\xc3HK\x8cD\xe1G\xfdS\x19k\x9d\x8e\xa1\xfaG\xbc\xf6r\x8c@\x80\xf3p;\x153\x95\xfee\xdeT\xcd\xec\x13\xd6n\xddZ\x00a\xdd4\xb7pA\xe8\x0b\xee.#\x0b\x00A\x10\x9c\xa0\xba\x06\x88\xbc\x8b\x0f\xe3\xdb\xa9\xcb.\x00\xdaF\xd2q\x9d\xc3L\xf9Td\x0ej\x95:\xa9\x8cl\x16\n\xc22o\xc5\x82\x19\xa7\x00Lv\xaf\x04\x81\x00\x04xCk\x19\xd6\xc4:\xe2\xc2\xea\x17\x00\xac\x1eD0\xe3\xb7\xe3\xd2HH\xa7\xb5\x85\x0b\xad\x90\x19\x8f\xe4T\xca\xae\x19{\x7f)\xe6\xd7\xe7\xa0n\xd0\x0f{%\x0b\xd5\x90\x02H\xf0Q`\x83\xdc^\x014\xfd\xbc#Y\x008\x11\xcd\xe4#\n\x14\x84\x18\xbe\xdaE5\xb2\x86\xc4q\xa3\x9e\x85\xef\x19\x9eJ\x97\x8fH\x12&lt;\x9c\xa6@\xa4p/\x00*\xef\xfd\xc8\xee\xec"\xa2\x1cA\x10j\xd2Ea:\xe4\x0eI\x1fBO\x1c_\xecU\xd8\xf3\xbcv]\x8fFh\x94\xe03\xe5\xb8\xd8\xad \x08\x1b\xc3\xbb\xc7\xfc\x7f9\x8df\xdc+\x1c\xe8\xfe\t\x80\xb0I:\xb5\xd73\xf7\xf3\xf6 a\x91\x99yt\xfe}\xbf\xd1\xf2\xba\x82\x12\t\x82 \xd4#0\x91I\xbec\xcb_\xca\xf6\xbf T\x03\x01\xf0\xe5\xb2\xe6^9\xf6\xe4" \xc2\xa5e\xd2\x05AX\r\x12\xd0\x04A\x10\xe2\x90\x05\xc0\x8a\xb1\x8fTv\xf4\xc1p\x82 \x08\x82P\x85\x9f"\xc0[Z\x0b\xd17RU\x08\x02\x13\xec\xf7T=BJ\x7fA\x10\x04\xa17*d.\xc9\x8c\x99\xfc\xa9\x94\x17[C\xa6\x9b\x03\xee\x83\xfe\xd6{\xaa\xc4=\x05A\x10zG\xc2\xb8\x90\xc3\xed\x0b\xb5+v)l\x83&gt;\xbe\x90\xc8&gt;\xff\xc3\n\xe6\n\x94\xb3R\x82 \xd0\x92\x1fO\xf0\xaf\xd2\xc3fw\x01\rA&gt;\x1d\x88\x9e\x93\xb6\x16@\x10Ba\xe8\xfc\x99\xdf\xb7\x85\x00W%\x96(\xb4_V\xdc\x82\x9fH6\xfc%\x14\x04\xa1\x17\x08\x16\x00\x19\x8d0L\xa6s\xb4\xfdj\xcb`8\xcb&amp;\x08\x02)SHJ_\x00\x187^X\x82H\xa74\xff\x02fA\x10\x840:[\x00\x8c\xf1\xf5\xbc\x12Z\xd9#\xf9\xaf\x10\x1fl-\x80\xa0\x91\xfd\xbd\xe5\x08\xa75O\xe7+\r\xca\x13\xcf\x8e\xb0\xbe\x81Yb\xe0\x0c\xa2\x1cAh\x87|\xd5\xaeP\x92{\x8am\t\xeb\x87\xa2\xda\xd3J\xfc\xb1\xb5\xbfE9\xf2\xd8\x19\xb2\x00\x88A\x94#\x08\r\x91\xcc"\xd0\xb0k-\x00gP\xf4\xc3\x89}\xc8\xdbY?\xa76\xa7\x14y\xbb]rS\x93\x91\xe8\r\x1e\xfe?\xb5Y\xa16\xfb\xe9\xcb\xb0\x04A\x10|\xe4\'\xd3\xe2\xe9x\xdb\x11@\xaa\x9d-rDk\x01\x98#\xebl&amp;\x8c\xfb\xe9HR\xfd\x83\x12\xe8w\xbb\xeb\xe44\xa34\xe8}I\xe0\xcdC\x00`\xb7\xdbm5\xf7\x0bB\x16\x9e\x87f\xeaFui\xcf\xa2\xc9\xd4=\x04\x80\x12\xdb\xff\x08\x08\x00\xffC\xdd\xac \xf4\x8d,\x008\xa0\x1e\xcc\xe0\xfd\xf4\x13\xf1G\xc4B\xcaq\x14A\x10\x98\xd32FM\xa9a\x8c\xbdo\xe5\x9d&amp;2\xe8#\x0f\n\x9d\xd0\xc1\x82W(\x06\xcdVzaP\xdfEb/\xadF\xae\xb4c\xf5/\x9b\xd3By\xe4\x18\x80\xd0\x1f\xc3\xd1\x1d\xc3~\xd7j\xc9\x08\xd8\xfaQ\x05b\x17\xcfJ\x84E\xe4\x08\xd0\x96a\xeb\xc3\x08\xf0\x9d\xe1\x07\x80\xdd\xfe\xdf\x8eT\xe0r\x0fR\x95\xad\xa8l\xf6u?\xdby\x12\x04\xa1+\xd6\xb7m|\xc9\xe9\xc7\xe9\x9dW\xc5O\x1c\xb5{0\xbb\xf3\x14\xdf\xd5\x9e\t\xac\xcf\x84\x04A`\xca\x93\x88\xdb+\xf6a/\x0c?I&amp;\xefsN\x05A\x10b\xa9\x1cp\xd4\xd3\xa1\'\xaa\xd9\'\xb3\xb8ZM\x18V\xa3\x16\x84*0)\xe9X\xf2\xa9~\n\xcd\x825:\xdb\x05\x00\x07I\x04A\xd8\x06jE^\xaf?\x92F\xfcM\xa1}y\x0f\xf9N\x10\xe6\x90#@\xa1\x0cO\xdd\xc4\xe7-\x8e{\xce\xfd\xff\xe3\xe1Sz\xb6\xce\xfe\xbc\x12\x87C\x92{\x19\\\x82\xdc\xad\xb2$\x82\xcev\xbe\xcag#\xc3\x14F\xc6\xc3\x9a\x95"`\xc6\xe7w}d\xff\x7fK\xeb\x07\x94\xd4\x16\t\x81\xaed\xebJ\xe0\x86\x98\xa3\x13u\xef\x84\xbb\x8a\xf4\x9d\x1eZi\x11\xe5;\x1a{\xa5\xfa\xacm\xc2N^\xd5EL\x106\t"\xe2\x17\xf6\xa5\xfd\xc2\x93[\xfc[\xeb\x8f9\xa1\xfe\x15\xabu\x8a\'\xef\xb76(\xf2\xa0&lt;\xbb\x16Xs\x95\xd6\x02\xb0\xa2\x84\xbb\x96\x8a\x92H\x13\xa1\x0e\x8d\xad4\x94o\n\xfe+7\xce\xb2\xcd\xf0\xa5!,&lt;\xb7\xb5$\x02\x07X\x99\xb1\xe6\xf5\x91G\x80 /\xf2\xb3\xd2\x031!\xe7N\x9f\x1dP- "\\x\xcd\x8a\x12\x84\xcd\x12\xe2\xd8\xfckk\xf9&lt;\xe6j\x14T\xf2\xcfx\xbfS\x82\xb3l3 "\xdc~Pl\x87\xf2\x0bk\xc7\x19\xba?\xd2@\x90u\x11\xe2\xf2!\x8b\x84\xed!\xda\x10\x04A\xa8\x0c\xeblTZ\xb6R-\x8f\xa7\xec\xe4\x14\x90\x10\xcc\x0b[\x0b\xb0Vj\xfa`H\xbc\x92\xb0\xa0r\xac\xa8w\x851\xceV\x82 D A\x90\x05\xbc\xe3)G#Y\xdc\xc3\x93\x04/\xe8,\x17\x85u?\xcb\xd2\xd1\xd7\xaa\x8dv\xad\xe3Z\x01qVG\xb8\x00\x90O\x01\x12\x84\x86T\xf8\xce\x9a\x15P&lt;u\xf1\xfe\xa2e\xe6F\xe2\x9e\x9d\x1d\xf17\xf7m\x8d\x95\x95k\x08\xb7\x83\xa5AU6\x18\xb3/\xde\xbb\x00\xf9\x883\xb2EB\xa5P\x95V\x91n\xdd\x11\xd6fk\xe3\x15\xd6\xc1\xb2\xdd.\xbdiR\xc8\xa4\x82V\xeb\xef\xb8\xf37\x15\xaaO\x86\x10\x84R\xd0&gt;\x018\x81\xd8\xeb\xd6\xd8\x1f\xcdm\xd1s/\xcb\\\x0ei@\xbcRh\x83\x94\xf4\x0c\xe8%TF\xc1\x7fPi\x12\x0e\x9f}y\x08\xda\xfc\x87\xc9\x84\x15\x04\x9a\x06C\xc8\xf8\xe2\x0b\x93#\x00~\xbe\x86Y\x10b\xd8\x81\xc4\xa8yR\xd3@{\x19\x04\xa1\x06\xbc\x0fM\t!T\x9e\xc15\x1b\x8c\xd4P[\xa5o\xab&gt;\x02\xa0\xf7!\x08\xf1\x10\x1f\xcf\xed\xe2\xd9\xae\xd0%r\xc8\xa4&gt;\x81\xc5=\xdd\x1a@\xe6\xb7c\xc2&lt;t\xddE\xc6\xce\xfaA\x08A\xd4U\x1f\xadZ\xdb\xbf\tX\xa6AH\x06\x11\xe1\x05\xf2M\xe9\x00\xe2G\x05\x10\xa3b\r\xd1\x1a@\x1c\xa7\x154\x9a\x97\xf9#&lt;\x95!\xac\x9a\xe1\xa8\xd8\xbb+m\x9bZ\x8bsy\xc3\xb1@\xc8\xf4F@\xa9\xd5\x0cD\'\x99\xa0r\xb8V\x10\x04A\x10\x00\xe0\xdc\xdd~\xb9\xf8\xf0-i\xd3w\xa4\x94\xefN\x10\xb2\xb9\x98\xe7\xef\x07S\x06\xb8wUq:\x80\xc3\x07_\x88\xf3;A\x80\xd3\xb7\x96A\x10\x04a\x95\xfc\xb6\xb5\x00\xcc\x19\x0b\x83\xc2\tZ\xb6\xcf\x84\xc2\x88y\xf9@\x1ek\x00\xc1F&amp;E\xe8\x11\xb1[\x80\x85w\x1d\x8c\x1bRB+\xa2\xf4/\x93U\x90/K\xf5/\x94D\xbcw\x1e\x94\x84$t\x82\x98([\x9e9\xfc \x91\x04\xc0\xfb-\xd4\xa8~;E\x1b\xc9\x84\xc6\xc8\xbc\xab\xa0|\xa2\xb3P\x9a\x86\x16\x86\x00\xbfh\xd7\xbb\x8d3=\xcbC\x00\xa1\x03\xa4f\x12\xbaA{\xe3\x19:^\x90=\x97\x08\xd6\xa4\xa8;\xb4\x16\x80\x15\xe2\x05\x82P\x0f\xf1\xb7^\x90i2 \xaf\x99\xc4\x17\x04A\x10*0\xbc\x9d\xc0\xf1Ll\x81#J\x88#\x08\x9bD&gt;`\xab\x0b\x10\x11\xe0)\x81\xe5\xe9V\xaa\xd8\xdd\xf8\x1f\x02\xc6\x0f\xba\x90/\xc3^\x19\xabY\xd7\xbd\xba\xb5\x00BGd\xdb\xfc\xb3\xf7;,\xa7\xa6\x10\xc6\xe6\x10\xb7q\xfc\xcf\x81w\x84\xde)\x08\x9b\x01\xbb2{\xe3\xbb\xe5\xe5\xab\xe6\xb3\x19\xca\xd2~&gt;\xb7\xbb/\x8b5\xeb\xfe~\xf4,\xcc1Nk\xef\x13\xba\x9a\x81\x08\xb5\xc8\x8f\xc0\x88X\xc1\xde\xa2\xcb\x03y\x02\xd0\x05O\xa9t\x94\xfc\xa8\xd5l\xf0\xac\x83\xc3N\xaa\xc2\xb6\x1f2\x90\x9cS\xdf\x19\xab)\xe6\xa0.f\x172Ol\xd8X7\xcb\xd7Z\x0b\x90Ig.&amp;\xf4@\x9d\xef\x89\xdbvy\xb0f\x1e\xb7/\xcd?P\xaa}T\xbftI"\xa0M\x13\xb5\xc8\'Z\xa8PNA\'vn\x1a\xc0\x0b\x99\x89\xed\xb6\xcf\xc7m\xf4\xbd\x98\xf6z}\x1d\xa0\xce\xe2\xe5\xfc\'\xdd?\x10\x0e\x92s\x90A\x10\x84\xad0|;\x1d\xfd{\x01\xd7\x84\xa8e\x992+\x16\x04\xc0\'\xf3*\xad\xae[\xa3\x13\xab\xe4\xe2Vb\xfa\xa6;\xa6^\\\r\xab]\xf3D.\x00\x84\xb5\x93e\xe7b?\x82\xc0\x8cq\x01\x10\xe9\x9f\xe2\xcc\x82J\x89\x1ah\xc3\x95\x87=p\xc4g\xf7\xa0\x87\xcd\xd4\x8b\x8e\xcf\xa0\\_T\x9c\xa6r\xcd\xb3\xd9p\xe2\xfa\xb2\x99\xc1\x18&gt;\xd9\x91\xcc=\xf3\xfe\xbe\xccC\xe8\x12\x8c\xf9\xca\xaa\xc3e\xab\xccvB\x0e\xf45\xdf&amp;\x8a\x0f\x1fv\r\xdd\x89\xc7]o\xb5\xd5\xb0\xce\xc3\xd5_6\xb0\xe0Y%\xc3\xd9\xd7\xcb\xf2\x9f;[\xc2\x7fj!Ci\xd7\xe6?\x11\x95\xd8p\xee\xab\xc1\xde\x8eo\xdaZ\x0c&gt;\x04\x9a\xda\xe8\xfc\xabO\xf0B4\xe45\xd0\x86\xeb*\xe7&amp;z\x1f\xaa\xd8\xf0\xac\t\xdd\xd1E"s\xec\xd0\x89\x97u\xcf\xd2\x11Jm\x01 sM\xca\x16\xf6\xa86\x8d,\xa0\x93\x10\xa7`\x83\xdbzQ\xf9\xc7\x15)M\x04\x81\x12\xc7\x02\xe0g\x88?\x15/s\x10u\xa2\xa1\x15\xdeC\x92h\x01p\n\x00\x008Ke\x11\xd7\r\xfb$*\xe4\xb1\x8d\x83\xc8\xe4L\xef\x08\x17\xd51\xe0\xc3\xd6_pX\x18\xc8\xec\x08\\\x91\xe8\xe1\x85\x95\xe7\xceKr\xbcJR\x103.\x00\xd8\x82\x88\xf8\x91\x88\x05@j\x1f\xac\x95\xd0\x18\xf5(\x8b\xb0Bd\x01\x10\xc3\xf8\xed\x988\x1e\xf4\xe4\xfd\xfc\x84\xad`\x15\xe0\xbfy\xc1Y6\xa1\x02\x12x}\xf0\xf1\xdcEI\xae\xe5\xbfQHg(K|j\x1c\x92\xef)\xb2LE\x8a\x9fp\x10\xe0\x9f[\xcb \x10\x13\xbd\x00 \xdbU]\x8d\xd7\xc5\x0e\xe4\x82E\xa4p0\x06\xd0\xd5\xa8z=\xc8\xc2[\x10f\xa9\xec\x1a\xdeB3U\x92B\xf2\xbf\xa7L\xb3|\xc0\xf1M\xe7\x15\xc2\xe3\xd22\xe3 \x90 \x843V]\xf7l-I\x08\xce\xc3\x12\xdfq\\\x06_\x1c~ \xe9v\xb3\x85)Z?\x14\xedk\xb3zf\x8d,\x00\x840T\x0b\xe9\xf4\xb4I\x02\xa7d\x13\xb5\xde\xceF\x92M\xf0O\x14\x07{\xa2X\xe8eq} \xe4\xf1\xc4\xd6\x02\xd0\x82\xe3\x12\x16\xe0-\xad\x85\t\xe4\xa4\x01\xef\x07\xfa\x19u\xa7\xe2V+\x86\xc3\xcc^-\xf5\xc6Jg\xbax\x1f\x1e\x13\x98\xb0A\x0b\xd9\xe0\xbbw\x9e\xd3Z\x00\x1e\x9c\xd4\xa8\xfe\x19\xd8\x00\x179\xba\xc0Li\x81z[\x8fz\x15\xc3-:(\xda\xc6\x9b\xec\x13\x8b[\xad\x95\xfegV\xear\xc1M\xff\xb6]\x95\xe4\xc33\x08pkbYJ\xa3\x15\x8a\'\x88\x1c\xbb\x18\x15\x80\xf5\xd6^\xf2\xe6\xab\xde\xb6E\x96\xde\xb7A\xdb\x19\xc3\xa9\xb9U\xd5\x05\xc0\xf1\xe9\x8e\xe3\xd7V\xa6\x9c\x7fX/\xb2\xb1-\xc4\xf2{\xad\x05\x08C\x0en\xc5\xb1~EY5\xeb~\xc8\x12\x03S\xa8\xb5\x7f\x1a\x07#Q\xf8Su\x01\xc0\xd1\xc7\x10\xfe\xb5\xda\x02\x80\x97\x9fD\xc1\xe8\x19\x9f@\x8fL\xab\xb0Jd\x01 h\xa8\xd5\xff\x19\x87\xe2UR[\x1a\x89\xceu8xB~J\xf9\xc0\x1bgz\xe3\xa8n\xed\x00\x00 \x00IDAT.\xd4\xe5\x96X\x99\x0e\xc7\xf3\x8b\xe5\xc6u\xee\xbao$\x15\x04A\xd82\xc6\xb9\xd6\xfaQW\nJ\xa6x\x8e\xac\xc8dU\x82\xd7\x1b\x06\x84H\xd67mu\xcc\xf1\xec%\x1b7\x90M/\xa1/\x10\xe0\x03eb\x0b""\xbcG|aC\xb4-/\x0e\xbdK}\xc3\x17\x9e\'\x11\xb6\x82,\x00:\xe6~\xd3\x9b\x86W3y\xeb3\xc7\r.\x00\xd6\xfff\x95\x15\xf3T\xfb&lt;.\r\xc6I_\x99\xd3M\xa0\x94\xe0m{\xe7io/m-@sx\xce\x8b \x14\x84,\xa7NI\xfawV\xe3Hl\x83u\x02\xa8\x1cj\xda\x0e\x94\x83\xd5Sxi5"\x9cxS3\xe5d(\xd3\xaf]j\x01\xf0\x935\xaf\x879\x0f\xadA \xf2l\xe8 \xc0\xbf\xd4\xe9=1tP\xee\xdaTx?\x1bUcU-d{[c\x82\x00\x08\xbf\x8bp\x1f\xfa\xc7\xeb\xd4\r\xae\x95\x9a1nk\xa5\xff\x1e\xcaQ\xd7|F\xd9v\xb7\x92\x0f\xc5\x14\xfe\xcd}\xcb7!\xd0\xf0\xc5\x1a\x9e*\x81\xdbm\xddBbP\xebo\x048\'\x00\xc0\xf3\xaa\x05F\x04xLL_\xc3[\x16\xd7\xf6 z\x19\xd7Y|\xc7\xab*$=f6"\x08}!O\xc0\x1b2~qo/$\x8b\xdap\x8c\xe1\xe6\x1dpY\xf5\x05\x80\xe4$\x80\xa5\xefw\xccm\xb9c\r\x8b\x85D\x82\xfa?\xf5\x8f\xb7\xa8(C\xec\x95x\x82\xce\r5\x9a\xf8\x05@f\xc0\x14W\x12\x04\xa12\x1dE\x9cN\x8f\x0f\x05\xcb\xccnt\'\x91\x9c$\xcc\xd3\xfb\x02\xa6.\xe8\xfaW]\x88\x08\xa7V/;If\xb7y\xb7\xf3b~\x01\x90\x143\x11;\xdb\x8c\x13\xa29\xa2\xb5\x00\xc2\x0c7j-@\x13v\xad\x05\x88a\x07\x9d\t\xbc\xa7rT\xff\x08U\xd5\xfe\xe3\xddn\xb7\xebP\xdfB5v\xbb]\x97.\xd9\n\xad\xeco\xa2\xb7\xbf\x1d$\tY\x81\xa8\x12\xfe8\xaf\xdfU\x19\xc9\xe3\x97.H\x8c\xc0\xabRR5\xf6\xf9\xee\x18\xb2\xb6d\x19&amp;ds\xda\xd6\x02\x08L@x\x1d\xdd\x11\xa0\x90V$\x841B&amp;b\x05Pm\xd5\xe3w\x18|\x08\xcf!&gt;\xc8\xc7O\xe5\xb1\xf8\x10@\x82p-(\x1f\x9e\xc8\xc4\t+C\x96"\xcd\xf9l\xd8e\x94\x9f0C\xd4\x94\x90\x03\xca\t\x99U@8\x83\x08\xf0f\xba\xd6\xd2DP?/;|oB\x16\x0c\x06\xb2\x00\xe0\x02m\x98M;\xc1E\xd5\xfb:\xe8"Rt!\xa4\xb0\x11\x10\xee\xcd\xd3\x1ayJ\xd5\x07R\x04\xf0\x81\xc7\x19\xebN?\xea^\x16\x00\x0e6\xbf\x00(m\x12\x1d)\xb0#Q+\xf1\xa0\xd6\x02,\xc1\xe0i\xac\xb0\rBl\x8cCu\xc2\x90\x0b+?sK\xab\x12=:\x82\xd0x\xae\x92\xb1\xe3\xf8]\n\x01\xea#\x0b\x007\x05\x16\x00&lt;\x1f\x1b:\xe5\x11\x93\x10\xfa\xe5\xb0\x00\xb8_k9\x84\xb5\x13\x94\t$\x92:\x99t\xc2o_\x8d\x8f$\xabA\xad~h+\xa1\xd1x\xf2\x1blk\x87\x1fn\xd4\xefZ\xc1\xccGC\xb4\xdb\xffa\xb7\xdb\xd7`\xd1w\x103\x0b\xbc\x82@\x80\x94\\+\x86\xd5\xe4.J"[)N\xf0\xacz9(yh\xdd(S\x8c\'"\x9en\xca\xd6\xec\xf2\xab\xd6\xaem\xcb(\xc1\xcf\xfb(\x84\xc1\xdc\x05\xc0\xc4\xd5\x94\x18E\xb0\x00\xf0Z\xac\x16\t\x95\xeb\x01nZ\xc0&lt;\x10\xe0\xb3d*\x12\x04A\xe8\x84;\xd7\xeah\x1f^\xefS\xab\xbb~\x90\x05\xc0\x96@\xad\x9a!\xae\xaa\t\x8b\x18\xdd\x0e\xf1\x17H,\xeaL\xcf-\x16\x00\x99\x1b\xdb\xcc\xcf\x88\xf3\xdayA\x8b\x99k@\xbblxcw\x1f\x112\xfc\xdd\xe7\x82 \x08\xc4,D\x96\xba\xe5&amp;\xaf$\xc4\t\xe5\xf0qg\xd5\xbf\xcci\nz5\xc3\x16E\xc2\xc7T\x0b\x14m\x9e\x13.\xd6\xa3\x02!QO\x00\xc6\xcb\x14\xab\xe8b\x8eB\xcd\xb8\xf0X\xf8+\xaac\xf8\x07qA\xf0b\xed\xac$\xf3\x96U\xf9\x02"\\1m,\xafKR\xc2\xef\xb6&gt;r\x9d\x06\xde\xa9\x83*\x96#\xc5\xe6\xfa2\x05\xda\xdc\x83\x84\xcf\x16\x16\xfb\xaa\xd2\x8b\xdeeH\xe9/+\x04"\x02\xd4\xb8\xb8\x1e[\xcf\x14\x94\xdc\x0b\x90\xf8\x0c0\xab\x82\x1c\xed\\D\x94+\x90\x92\xe3\xae\x08p\xb7\x94\xdbh\xf2\xd9a\xf7z\xa9D\xe8\xc3_\xde\xa9\xe9$J\xe6\xe4\x19\xec\xb3\xb0@\x04\xb8Pk!\x84=\xabL\xf6\xd5F\xb4\xac=\xeb)\xc1\x03*.\x8a\xd6\xc5\xd2\xae\x93\xa5\xeau+\xb9\xc0\x00\xd5\xe3Rn\xfe\x97\xb8G\xc6xT _\x13(\xf0\xe2\xd1\xc9\x06\x89\x88\x97i\x9c\x8a\x02\xb6\xc7\xba\x0c\xe5\t2?9\xb1#)&amp;\x84t\xc4x\xcabW\xa5\x88x\xcf\xda1m\x1b\xb3\x8c&amp;\xad\x05\xea\x8c\r\xac\x9a\xf2\xd9\xc4\xe2\xb2\t\xa2\xd2dR\r\x12\xf1"\xad\x17\x00\xd3g5\xf8$i\xecnb\x96\x82\xd0\x96\x8e\x13\xae\xab$\xad]\xfdo\xa7b1\xb5\xfd\xc2M\x8c\x9a\x0eQ\xd72\xf2\x04\xa0\x0c\xf2`t\xbb\xf8\x0e\x02\x85\x1c\x10*L\xf1\xf7Z\xd5\x0c&amp;C\xfdA?(\xf1\\\xa1\x14\x87b\xee\x8e]n\xebj\xf5h3\xe1;SZ\x16\x89\x0f\x01:U\x91\xd4\xa2\xc2J\x10SN\xe6\xfc\xad\x05(A\xf3\xac\xb9\xa7\xe0\x97\xc84\xb1\xf9\xbb\x94x\x86\x19:G\xe2\xe3B,\x88\x88WS&gt;\xfb\xa5\xab5\xc0\x1d\x00`S{\xf0&lt;H[\x00\xf47A\xbd\xb9\x83 \x08\xf4\x1c\xaf\xb5\x00\x85\xc0\xc8\xf3?]\x06\xf1\xfa\x14(G0\xf4{X\xa5\x12\x12\xe2\x98\x82@\x87\x0b\x80\x9ei\xf9\xbc\xe2q\xb9ML\xa6\x122\x8a\xcb\x02 \xc0\xff\xcb\xec\xb4:%\xdc\xe1\xfe\xa4\xad\t\x82\xd0\r]dV\x9f\x90\xb1\xab\x85\xcc\xee\x04\x83@E\x9dGT*\xc4\xf05\xdd`d\x01\x99\x05\xf3\x15\x14\xd5\x1a/\xa4\x9d\x15&lt;\x96\x89\x7fB\xbexq\x1b\x85\x1c\xd1\xa4\xd7\xb5\xd3\xb7q\x0bB\x1c;(rb\xe7/\xb6\xecG\xe49\xf2c\x85OU\tu\xa8\xe6\x14\xef\xd6\rf\'\xf6S\x97#\xe1\xf2\xfd\x15\xca\xbbE\x1bA\x84\xf4\x87\x1c\x8b\x1f\x97Y\x89\xddn\xa7x\xc3\xe2;\xcap\xff m\xbeI"\xd1\x84\x14\x10.\xa9MO\xccc,Ap\x82p\x8e5\x99P\xd5\x81\xb0\xd90\xdb\xcf\xe0\x15\xaa\x9f\x82\x08\xb7\x1c\x04\xb8EQQ\x04\x06`@\x9dA\xde\xa3@\x0b\x02|=\xe0*\xf5$=\xe1,\xdc\xca\xd1\x9a\xf1\xce\xdd\xec\xaf\xf1\n\x88\x93\xc9\x81Ty\xd4\xdc\xfe-j\x03\x8e\xc9\xfa_Kc\xa7\xf8s)&amp;Ys!\xd3\x9e\xa6I\xbd\xb0L\x9b\x90\xc4\xaa\x0e\xce\x96\x0e\xb8j|\xc4\x8c$A\x0b\xc2;\x10\xe0\xa5\xfa\x9b\xdb\xeaHu\xbe\xc8\xf7`\x086\x08p\xf3\xd62PQ\xbf\x80\x90\x92\xa5\rZEN\xda\xb0\x1d\xc3\xf5\xbe&lt;3~\xaf\x08K\x08&lt;\x02\x944:\x96\x0b\x00Gjp\r\xadv\xfapt^\xbf\xdf\x8e\xb0\'\xa6f\xca\x97\xb9Y!\xd5K\xc6\xa2\x94\x1c\x88\x96\x84~\xc4k\x01\xb0\x97\xe1\x94\x01i\x92\xba\xeb\x98\xe17W\x14Gzs=n\xa7\x84\xf7\xc6\xff\xbbu;\x15\xa0X\xb0\xfd\x95\xbbM\xac\xff\xa1\xcf\xc9\xe1\xfd\x89c\x0b\x94\xe2\xd00-N\x10\xf1\xd8\xda\x0c\xd6\xdf?\xd2%\xab\x92L\xcf\xcdfMFK\x85i\xeb+Q5\xc1\\\x9e\x01\xdc\xad\x8d \xc1\x14\xdb\xc8iE\xb1Q\xf0U\x14~q\xf8\n\xa1\x91\xbf(%\xa7c\x03\x02\xe0\x01\x05:\xda\x0e\xdc\xcci\x86\xc5\x12\x01\x1fS\xd9;R\xea\x95\x97\x97\x12F\xa0\xe1\xcb\xad\x05\xd8\x02\xdaV\xd1\xe4\xd7\xa7h\x96\xe0\xea,&lt;V\xb3\xd9i\x82\x8c\x9e7m\x14\xbd:D\x8e3b\x8a\xa4\xd6\xff\xccD\xe5\x07WE\x8ds\xaa\xd7gU\x16\x001\xf7\xde\x8aR\x90\x8e\xc9\x9f\x97V\x16\x18\x10.\xeazG\xc3\rK\x81\x08u\xfa&gt;\xff\x0f\xee\xd9\x94).\x80\x9d56\xf0\x15\x90,\xcb2\x1a\x10~\xbe\xcaqu\x83\xbd\xa4fci\x9a\xab\xab\x7f\x97\x05@\x0cl\x15u?~&amp;g\xc3V\xb0\x8a\xf4]\xb0\x16\xad\x15R`%\x8c\x90\x82r^\xd1Z\xce\x8d\xc1v:\xb9N\xd3\xe5J\rFq\x87\x98\x01&amp;&amp;\xb5\xa3\xe3oi\xcf\x13\xd7\xfc]3\x88\x00Wo-\xc4vQ\xdd\x8f\xd3\xd6\x94r"\x1c\xf1\x7f]\xef#\xaf\x9eA\x99\xa8%\xed\xaew\x13\x0bB\x80\xbe\xf7\xcf\x14\xb6\x82U\xa4\xfb\xc56\xaf\x82{\xad\x9b\x17\xab\x1c\x94\x8b\xf1d\xbf\xb2\x00P\x9e\xa2\x03\x12\xd6\xfd\xfb\x96\xd6\xbc\xe1%\xdby!\xacW52\xf1\xb5\xf9\xa5\xfe\xab\xba\xfe\xe63\x11\x08\'\xe7#\x0c\x0ca\xbd\xb9H\xd1\x02\xb0\x8d\xad\x12\xf7;\x82U\x01\xdd?E\xcd\xbeY\x98\xda\x84\x91X{\x16\xa4\xbbQ\xeev\xf4P\xb9B\r\x17\xf0\x05\x04x\x1au\x9bB\x11*W\x00\xbd\xf8\xcf\x89k\x89Z\xb3\xf4\xbf\x0b\xc0\xa3\xc3\xae\xe4\x16\xe9\xb8\xc9\x13\n\xd7"\x1b\xf5\xac&amp;\x08\x9b\x02\x01\x9eM\xdf\xa88Ta\\\x85\xf8\xfe\xd7k\xd3\xb5mN\x1f\xba\xc8\xeen\xd5 \xc2\xa7DE\xddPw\x01\xd0\xcd2\xba\xa8\x90\x08p\xa7\xe1\x87\xb4\x8e^\x11y\xfd\x99\xeb.6\x08\xb9|\x872\x1f\xe0\x9a0\x8e\x02x{k\x19\x04a=HuX\x81r;\xf1\xb3\xdb\xfc\xd3\xdfe\x8a\xc3\xf8D\x9bn\xbb\xa9-\xb7\xca\xba\x1f\xa5\x05c\x17\xe2\x08\xf0\x99\xf8\x16\x92\xbb\x0e\xb9\xb0r\xa4{&lt;Q;WgeZu\x12\x86\xf8\x94 \xb4ER[yfjt\xba\xa6\xe7\xc3u\x1f\x0b\x00DDx\x1es!\xe9\xb9\xb4x\x1fs\xacu\xf6\x86&amp;\xcc\x1a\xf5\xcb]/\x856\x96\xb7\x00X\xbc7,\x1a\x96\xfa\xe0HV\xe4\x99\xe8\x05\x8b\'\x8c\xb0\x99\x12\x04\xa1 -\x16\x00\x9c\xfd\xbd\x84\x1e\xd0~\x0f@\x98$\x01\x17\x05.\x00\x12Q\xf3\xfeU\xa9\x1b\xb7:\x93\xb5\xa8@\x07\xbd3\xe8\xa50\x13\xe6%!\x90sf\xd4A\xa5\xb6\xf9\xab\xf1\x977\x07J\x11\xa4\xf6\xb0hxxu\xe5ugv&gt;xI\xd9\xb3d\xb2\x00\x10\x84\xe6\xd4\xf6A\xc6\x81\xb7|\x19}\xa7\xa4\xbbf/*\xba\x00x\xe6\x98(kL\x99,\x00\x04B\n\x99\xd16Ms\xaf\xcc/\x99\x7f\rZ\x00\xa0q\xbdu\xc1b\xbf\x11r\xea\xd1\xd0y/m\xb8D\x80\x8fQ\xb4S\x02{\x80\xa5\xad7by,\xa5\xbf l\x0f\xbe\xe5\x1d\xa3\xfd\x88\x8b\x8d\x95\xf7\xa7\xe6/\xcc\xa8\xfeC\xae\xaf;Y\x8f\xda\xe0\x02`;#\x15:\xe6&lt;\x19O\x00\xe6\x17\x003$\xec=,/\x00\xb2\xf7K\xf4\xbb\xc8\xa2\x15\x02\xfc\xaa\xe8\x87\xdbn/\xb6\n\xc2\x96\xe1\xf6\xb0\x9a7\xe5\xf6\xd1#\xe5\x00@x\x05\xde#L\x0cE\xe6s\xa5t\xc4\x8d\xade(m\x96\xdd\x03\x1f5\xb2%\xbd\xcc!q\xad&gt;\xbeZ&lt;j\x010\x7f\xb1\xd1~b8\x0e\xa9\xef#[V/\xfb\xb8\xa1\x84a\x9f&amp;\x1f\x1c\x8f\x8aR\xb4\xe6\xea@\x16\x00\xc2:@\xec\xf0\xe3\xbag\\\xef3\x00\x08\xf0\xa7\x05z\x14B)_\xfd\x17\x8a\xbd?`{\xa4*\t\xf5\xfd\x12\x85{\xd2\xa1j\x95\xa8\x9d\xb1\xbdI\xb85Ms&gt;\xa2\x8d\x8a\xa4\xd7\x8e\xe6\x02\xc0\x13\xad\xd4={\x84\xc7)n\xd9f\x01\xa0\x89m\xacL\x94\x9f\x1fO\x17;P\xf9W\x8c\x9eR\x05\x02\xfcAk\x19\x84\x8e\x0c&amp;\x96\xfaCs\xf6x\r\xd9\xd2\xa2BI\x19\xd1\xca,\xbf\x00\x00\x99\xe2e\x8a\x14\xe5\x01=9\xfb\xfay\x84\x00\x87\xea\x85^\xec*\x8b!A\x98\xe3\xe1$\x9b\xc7V\x0bC\x9b\xa6/N&gt;\xf9\xaa\x94n\x02\xc2\x87\xff\x02\xb5\xf7\x9d"\xb6\xf3\xe2;\x91\xc6\xa9\x8d\x17\x01\xc6*\xabB\x0e\xd8\x1ai\x0b\xf8\xcaT\xeb\x91\xd5\xd0\xc2|_\xdca\x8e\xf4m\xa3\xfd\xdd\xa2\xde\xf68j\x80V\x1d\xc5\xd8\xc3`u\x92\xb3\x02\xb8\xad(\xa8GH\x16\x00\xda\xaf\xa8\xbb\x8d\x1a\xbe\x11\x11\xce\x96\xde]\xb2\x1f\xea\x11\x01\x01\x10~8\xbf\xa5\xb4\xf1\xaa\x9d\x8a\xbd\xc2\x1f`\xfcE\xe2)!\x83&amp;\xf7\x16\xfb\xa1\xc6\xd2x\xf8Z\xd5Sj\x97\xaa\xd5\x11\x04l\xf3/\x8e:\xb5\xb4\xdd\x10\x124V\x00ZY\xb8t\'\xd9]\xfc,b\x01\xb0u\xe3\x14\xff,\x01\xa9V\x0by\x9d\xd9\xa6U\xf9\x17\xf6\xf9\x00\xec\x05\xc0\xf0\xf3u\x9c\x97S\xebj\xb3\xcb\t\xe7\xbcK.\xa7E]\x000\xd5jE\xf7\xe7\xa6\x84ea\xc4\x1d\x02\xc0\x9bl\xe5\x9dN!c</t>
        </is>
      </c>
      <c r="E200" t="inlineStr">
        <is>
          <t>&lt;class 'numpy.ndarray'&gt;</t>
        </is>
      </c>
    </row>
    <row r="201">
      <c r="A201" s="1" t="n">
        <v>199</v>
      </c>
      <c r="B201" t="inlineStr">
        <is>
          <t>steps_per_sec</t>
        </is>
      </c>
      <c r="C201" t="n">
        <v>2300</v>
      </c>
      <c r="D201" t="inlineStr">
        <is>
          <t>3.084305</t>
        </is>
      </c>
      <c r="E201" t="inlineStr">
        <is>
          <t>&lt;class 'numpy.ndarray'&gt;</t>
        </is>
      </c>
    </row>
    <row r="202">
      <c r="A202" s="1" t="n">
        <v>200</v>
      </c>
      <c r="B202" t="inlineStr">
        <is>
          <t>Loss/RPNLoss/localization_loss</t>
        </is>
      </c>
      <c r="C202" t="n">
        <v>2300</v>
      </c>
      <c r="D202" t="inlineStr">
        <is>
          <t>0.3273695</t>
        </is>
      </c>
      <c r="E202" t="inlineStr">
        <is>
          <t>&lt;class 'numpy.ndarray'&gt;</t>
        </is>
      </c>
    </row>
    <row r="203">
      <c r="A203" s="1" t="n">
        <v>201</v>
      </c>
      <c r="B203" t="inlineStr">
        <is>
          <t>Loss/RPNLoss/objectness_loss</t>
        </is>
      </c>
      <c r="C203" t="n">
        <v>2300</v>
      </c>
      <c r="D203" t="inlineStr">
        <is>
          <t>0.051136747</t>
        </is>
      </c>
      <c r="E203" t="inlineStr">
        <is>
          <t>&lt;class 'numpy.ndarray'&gt;</t>
        </is>
      </c>
    </row>
    <row r="204">
      <c r="A204" s="1" t="n">
        <v>202</v>
      </c>
      <c r="B204" t="inlineStr">
        <is>
          <t>Loss/BoxClassifierLoss/localization_loss</t>
        </is>
      </c>
      <c r="C204" t="n">
        <v>2300</v>
      </c>
      <c r="D204" t="inlineStr">
        <is>
          <t>0.42409185</t>
        </is>
      </c>
      <c r="E204" t="inlineStr">
        <is>
          <t>&lt;class 'numpy.ndarray'&gt;</t>
        </is>
      </c>
    </row>
    <row r="205">
      <c r="A205" s="1" t="n">
        <v>203</v>
      </c>
      <c r="B205" t="inlineStr">
        <is>
          <t>Loss/BoxClassifierLoss/classification_loss</t>
        </is>
      </c>
      <c r="C205" t="n">
        <v>2300</v>
      </c>
      <c r="D205" t="inlineStr">
        <is>
          <t>0.1347709</t>
        </is>
      </c>
      <c r="E205" t="inlineStr">
        <is>
          <t>&lt;class 'numpy.ndarray'&gt;</t>
        </is>
      </c>
    </row>
    <row r="206">
      <c r="A206" s="1" t="n">
        <v>204</v>
      </c>
      <c r="B206" t="inlineStr">
        <is>
          <t>Loss/regularization_loss</t>
        </is>
      </c>
      <c r="C206" t="n">
        <v>2300</v>
      </c>
      <c r="D206" t="inlineStr">
        <is>
          <t>0.0</t>
        </is>
      </c>
      <c r="E206" t="inlineStr">
        <is>
          <t>&lt;class 'numpy.ndarray'&gt;</t>
        </is>
      </c>
    </row>
    <row r="207">
      <c r="A207" s="1" t="n">
        <v>205</v>
      </c>
      <c r="B207" t="inlineStr">
        <is>
          <t>Loss/total_loss</t>
        </is>
      </c>
      <c r="C207" t="n">
        <v>2300</v>
      </c>
      <c r="D207" t="inlineStr">
        <is>
          <t>0.937369</t>
        </is>
      </c>
      <c r="E207" t="inlineStr">
        <is>
          <t>&lt;class 'numpy.ndarray'&gt;</t>
        </is>
      </c>
    </row>
    <row r="208">
      <c r="A208" s="1" t="n">
        <v>206</v>
      </c>
      <c r="B208" t="inlineStr">
        <is>
          <t>learning_rate</t>
        </is>
      </c>
      <c r="C208" t="n">
        <v>2300</v>
      </c>
      <c r="D208" t="inlineStr">
        <is>
          <t>0.039999075</t>
        </is>
      </c>
      <c r="E208" t="inlineStr">
        <is>
          <t>&lt;class 'numpy.ndarray'&gt;</t>
        </is>
      </c>
    </row>
    <row r="209">
      <c r="A209" s="1" t="n">
        <v>207</v>
      </c>
      <c r="B209" t="inlineStr">
        <is>
          <t>train_input_images</t>
        </is>
      </c>
      <c r="C209" t="n">
        <v>2300</v>
      </c>
      <c r="D209" t="inlineStr">
        <is>
          <t>[b'1024' b'1024'
 b'\x89PNG\r\n\x1a\n\x00\x00\x00\rIHDR\x00\x00\x04\x00\x00\x00\x04\x00\x08\x02\x00\x00\x00\xf0\x7f\xbc\xd4\x00\x00 \x00IDATx\x9c\xec\xbdw\xbc5IQ\xf8]\x17A\x82\xe4\xf0#\x83H\x14\x94\x8c+\x8a\x80\x04W\x01q\x89\x02\x92\x91\x9c\x05\xc9JFy\x01A$\x0b\x02\x12$\x08\x08\xb8\x92\xa3 H\x14\x96\x9c\x96\x8c\x82\xe4\xa0\x88R\xef\x1f\xe7\xccL\xe7\xae\xee\xae\x0e3\xa7\xbe\x9f\x87\xe5\xdes\xa6\xab\xab\xab\xab\xab\xabz\xe6\x9c\x0b \x08\xc2\xd6@\x80w\xf7\xd6\xa1\x04\x04\xf8fo\x1dF\xe6}\xbd\x15h\x06\x02`o\x1dz\x81\x88\x08H\x1b&gt;\xf1\xb2\xa0\x88b\t\xc2\x86\x11\xf7\x10\x04AX\x01\\iS\xa7\xa0\x7f_D&lt;\xe4\xcc/\x04\xa2\x18gudO\x16u\xa2\x91\xa1\x00\x106O\x81\x93\xec\xc3\xce\xefT\x89&lt;\xe2\xbd\x82 \x08|t\x0b\xa9S\x86Z*\xe4\x94\xb2+x`\xb1\xf0F\x19\xd1,\xec\x05\x1b"\xc2\xfbG\x1c\xa9\xb0]\xea\x9d;H4\x13\x04A\xd8\x02\xc8tD-\x87\xdcB*\xdd3\tw\xef\x152\xa7C^\x1d\x07;\xf0\xc6\xb4\xf31\xe7\x02\x91c\x0eA\x106\x06=\xa2\xad6\xf6\xc93*B\x07\xba\xfb\x1b\xc2\xd7\xba\xeb \x08\x8cd\xfb\xf3\x8f\x92;\xda\x7f\xdcE\xed\xf1.\xf2h\x90 \x08[\x82\x9e\x19\x0f\x95C\x0f\xa5\x8c \xcc\x8c\xe3\x96\x07\xb4F\xe4hv\x9d\x8c&lt;k(G\xfe\xed9Io\x05\x04\xe1`\xd8G\xb7#\xda\xd5G\xe4+[\xf0\x19\x84\xb1\xf7\x8fu\xf1\xa8\xde\nl\x85\x81\\r\xa0\xd5Z\x9b\x03\x1a\xea\nHY\x03i\x19\xb6\xef\xe2\x1a\xabn\xefSJ\r\xd0`m\x0f\x14&gt;\x04A\xd82\t_\xea\'l\x1cq\x03au\x88\xd3\xae\x9e\xb4=\xc8\xf9$\'V&lt;\xaaG\xc4\xb3\xca\x16)\x08\xc2\x06\xf9\x95\x03zH@\x082\xb2\x1b\x8c\xac[\x03&gt;\xd1[\x81a9p\xc7\xd8\x04I\xb9\xfb\xafz?\x9b{x_F\xfco\xbd\x15\xa8\x82\xdc\xca\x13\x04a4PBS?\xea\x19?\xe9\x11\xb8\x92^\xc4y\x84\x03\x02\x11\x8f\x8eH&gt;\xbf\xcb\xfe\x89\x17\x07$\xec8:\x02Yk\xabF&gt;\x03 \x08\xc2P\xc8\'\xc1\x88T2S\xbd\x1d\xbdM\xae0`F\xf2\x86\xde\n\x08\x1b\x87\x124Y\x02\xabZ&lt;H\xa0\xd6ydM\xe1\x08p\xcd\x9a\xf2\x05A\x10B\x98\xf7|\xeb\xdc\x05\xde\xd2wA\x8c\xf9\xa9\x8f\x01U\xaaJ\xc7g\x15\xe4\xbbM\x84\x99\xd3\xf4\xec\\{t\x87K\x928v\x1b\xc4\xd4\x82 \x0c\x06\xed#e\xa9\x91\xeb\xdc\x99\xda\x0c\t"\x02\x9c\xa3\xb7\x16*\x07\xf5\xe4.\xee\xff\xdbe\xfb\x9c\xcac\xd9\xbc\x05\x00\xe8\xba\xee\x90;k\xc7\xe2Hrh\x9f"(\xe0\xc6\xa9V\x12\xab\n\x820\x02\xc9\xfb\xcdS\xab\xa8!\x1c\x1eJ\x86\xd1zG|\xea.\xd3z\xc1@;\xb1\x1c\xd9\x0eO\xc5\xd9!\x16\x00-\x9dd\xab\xde\xc8=.|{\xb2@\xa9\xac\x04A\x10\xd8(?\xf1\xa2\xf7\x02\x12\xbey,\xf0[\xdd6\xc2\x93\x8d\xf7\x8c\xc4\xe1}s\xcb\x1a\xa97;\x88\x88\xd7#9\xa4xH\x11\xfc\xab\xfe^\xaa@\x99\x1dA\x10\x84m"\xf1}#\x0c\x99m\x0f\xa8\x92 \xac\x17YM\x82 l\x9c\x16aN\xfeP\xdaH\xd8\x131\xd6y\xf6\x1a\x10s\t\x82 \x08\x82P\x8e#\x03\xab~\xa4\xb7{r\xe0\x01-\x92?yDalV_\xa1\xadZ\xf9r\x0e|\xf8\xc2\xe6\x11\x0f\x17\x04a\x8b\xb8\x1e\xe1%\xc6\xbb\xec\xb0\x88\xcb\xf7\x18\xae;\xf3\x13\xb8X\xa3\x1b\\m\xaf\xf6\xa1\x97\x97\x87&lt;v\x031E\x03\xe4\x9eaK\x1e)^-\x08\xdb\xe4\xd7:\xfc\xf5u9\x8f\x1f\r\xe7\\\xc8\x04Q\xd8Y\xe9\x1f\x94\x9f\x85\x03g@7\xd8T\xc6\xbc\xe9\xbf\x150\xdc\xce\xb8]S\x0b\xc2\xc1c}\x89\x1b\xe3R\x7f\xb6\xef\x8d?\x97\x02`DdF\xfa"\xf6WY\xaf5F\xd4|K9\xdc\xa6\x0b\x80\xf1\x10S\x0b\xc2\x00TZ\x84h \xcf\xe4\x1c02\xf5}\x11\xfbo\x80\xf3\xf4V`\xf3\xc8&gt;\xd5\x14)\x00\x04a\xc3X5@\xab~\x01\xae\n\x00\x00\x0f\x96\xd4G\x10\xb6\x8e\xdc\xf7\x13\xb8\x10G*A\xfe\x00\xb0 \x083_\xe8Q\x00,\x9f=\x90\xcc@\x18\x01q\xc2\x8a|4-\xb0\xc8\\da\x1e\xe6\x88\x19\x85\x1d\xaa\'\x1c\xdfM\x0bA\x10Fb\xf9\x1b\xb1\xcd?\r\xbc\xe37\x0e\xfeKT\x04\xe1\x10\x905^\x17+\xf97*\x01\xb1\xff\xc1R\xfe\xc4TZ\xf3\xa3\xb2\xce\x04A\xa0\x80\x1ck\x8dE\xc88\x04\x86\xb3\xb1\x91\nk\xe7\xa0\x1c\xf2\xa0\x06\xdb\x98\x84\xb3\xfe\xa3#\x99\x05\xa1.\'\xe9\xad\x80 \x1c\x02\\\xa1|3\x87C\x08\x9f\x0e_\xf0\xca6z\xac\x84\xdf\xdc\xd0\xd4\xd7\xa3\xd2\xe9\xe9\xa1Y\xfe\xa0\xf2\xceF\'\xee\xcfN\x7f\xd2g\xbb\xcf\x05mu\\\x82 \x08\xb5\xd8\xd8S\xf8\x9b\x19\x880\x025\x9e\xa0\xa0\x88*\xe9N\x96@w\x9a|M\xcdC\xc2O\xfd\x84\x9f\x08j\xc6n\xed\xfc\xb8z?\'"&lt;i\xa5\x9e\xbfR\xb5\x05A\x18\x94-\xe5\xf4\\\x8co\x90\xf15&lt;8\xd6Y\x00\x88#\xf5d\xf2\x99[W\x95_B%\xc5|\x9a\xb6\xfa\xd6\xce\x95\x1ef\xadNaA\x10FG\xc2\x8a\xca\xbc\xf3\x9dm\xd4M\xa2\xf1\xc9\x9c\xb0a\xc4\x91z\xb2\x0f5\xaf\xac\xf2\xe4\x189\xc5\xc7p\x9bfIyY\xc9\x91\xdeP&gt;\xf1,\x08\xc2\xb68\xd8\x88\xc65\xf0\xb3\xe9\x9b\xe2\xc3\x99\xc4\xb2"\x05\x80 l\x81Z\x07\xed\xa1\x8c?\xd6]\xbf\x1a\xa0=R\x03\x08\x82 \xac\x1e\x89\xe3\xc2\xda\xd9p\xa6%8\xb9\xad\xf2wN\xd8\x88\x1d\xf9\xe7\xc8aTo\x16\x0e\xf0xv\xb1\xe9Z\xc8\x8a\x13\x04a\xfd\xb0o$\xfe~\xe6Mk\x90\xe8IPCn\xf8\n+@\\\xd4I\xcb\xbf;~b\xab\xbev\x1d""\x9egIC\x19F\xca\x92\xfd\xdbr\xca\x15\xb3%\xbb\xde\xfc\'I\xca\x05A\x10\xd2\xa8tT\xe3\xe9\x87\xff\xe0\xaa\x00R\x01\xf0\xcf\xb2\xaf\x08\xc2\ni\x17j^\xda%\xa61\xf7X\\\x00\x9cq\x0e\xef\xec\x05\x80\xa5\x8f)\xbcF\xbd10\x072LA\x10*\xd3()\xafv,T\x99\x15\xa9*\x08B\x17\x82Qb\xa0#\x8f\x10\xc5\x05\x00\xc0\xd5\x10\x10\xdfe%\xeb\x8c\x8a\x813\xd7G|\xd6*7\x17A\x10\x84\xae4\x89\x9b\xf6\x8e\x92\xd7]=%e\xdb\x10\xd6\xc5\x8b{+ PXKV\x1a\xc8\xff\x89\xca\xef\x1f\xef\xcc\xaf\x1fhjQ.\xce\xebJv\x81UpP\x7f\xf3O\x10\xea2\x87K\xda_q\xc7\xac\x05h\xc6\xe4#\x00\xc8\xf9\xa3\xf1y\xbd\x0b\x82 \xf4a\x17\xfb\x8e\x8e`\xe4\xd8\x15M\x9ac\xbb\xc3^\xc0\xd1\x91\xe3\x13\xe9\xb4\x9d%A1U`\xf4\x82\xa4\x8e\x06\x9f&amp;\x01\x00N\xd2[\x01A\xd8"\xa4\x83\x93\xbc\xe0xdF\xe4\xcc\x18+\xa1yc\xc8\x91\x9bp\x18 l\xd8\xdb\xd5O#\x1f]%\xebl\'\xad;4~\xe0\x13\xcd,o\xeb$\xd9\x8b\xc7\xb8\x92\x04\x08\x02+\xfb\xd3\x1b\xa8\xbf\xb8\x100\xef\xec_\x10\x04a\x95L\xa7\xcb\xe3\xc6=J&amp;\xed\xd7\x7fi\xad\xee!\xcb\x8b\xdcw\x00f\x99\xfew!u/\x1b\x7f\x8e\x84\x1dr\x07@\x10X9:\x82\xa3\xa3&amp;\xa5\xf5Q\xbf\xec_\xcev\x84\r n\xbc&gt;\x8e\x8eF?\xb6\xa4D\xe5\xafP&gt;\xbb\xb5\xcf\xbc\x17q5\xe2\xfd\x9c\xa6\xfb+\x92\x1c\x99\x92\xfd\xaf\x02\x99$A\x10Tv\xf1^"\x83\xb0y\x0e\xe4c0\xb2\xa2[\x93\x7f\x13@o\xb9\xbffz1\xf7\xe3^!\xad\x0c\x99\xf65\x92\xcao\x18\xb9\x03 \x08\xc2\xc2\xf4W\xe7k\x1f\x8en\xef\xf0\xf5\'\xd1+\n\xbe\xb2I\xa0\xf3P\xb2\x91\x0f"\xb3\xb12:\xf1\xc0qqd\xff\xea\x8be\x0e\xebL\xe5QO\xfa\xe5\xf0^\x10\x04\xe1@)\xfbj\xd1\x84^\xfa%"5\xbeI\x10\xff\x8d0\xa27\xaf\xbe\x00X\x85\xfeXg\x8a\xd7\nN5}j;~U\x0e\x07\xff\xd7\x80\x9ew?\x1d&gt;\xf3&gt;\xcf\xfe\xf2M\x96\xef\x00\xf5I\xb3\x85s}\xeb\xa8 \x08\xc2\xa1\xb1\xee\xb8\xc9\x17\xf7\x87\xbd\x87Pa\x82vF\xdb\x8b} \x00\x02\xbc\x9e\xb9\x8bn\xac"\xe9?\x1c\xd2\xa7c\xf5e\xe7*\xf1\x15\x00\xd1\xbff\xe0z\x975\x1d\xb7\xf2{3\xdd\x97\xec\x7fcH\x04\x10\x84\x86\x98\xe1\x1b\xe0\x12\xe9\xad\xbap\x11\xd6\x02`\x84\x119aV\xcc\xb9\xcd\xf3v\xd1\x89\x8bne \x9bA2\xb3u\xe0\xcb\xfe3\xd2\xeb\x1a\xe9\xb8G\xbd*}\t\x82 \x1c&amp;O$\x87\xd4\x11\xb2\xc6\xf0\xed\xe9DQ\xf0\x0e\x0e9k`\xb3\x05\x80\xd0\x12J\xa0\xc8{\x9e\x87\x05q\xe94\xdc\x05\xc0O\x92\xe3C\xbd\xa4\xdcY\x06H\x01 \x08\x82\xc0CJ\x01 \xac\x17\x84sT-\x00:f~\x14\xde\xdd[\x81\xd5C\x0b\x14x\x87\xa1\xdd@Xp\xe7\xd6\xc3d\xff\xb3\xfc\x7f\x13\x8f\xcag\xdd\xa6\x93\x8f{\x0bBm\xe4/v\x1d\x02\xcb6\x9d\xf1\xa7s\xe8\xe2=\xdf\xd11\xefC\x07\xebf\xeb\xffN\xcf\xfd\xdf\x10\xdc\x8db\x1e\x8e9.D\x94\xefiY\x05\xbe\xc4=%&gt;\xac\xdf\xab7\x06"\x16\x7f\x1f\xeb8\xc8\xd7\x80\nBm\xc2\x7f\xbaF\x1e\x17Y\x19\xe1\x03\xb9\xa3\xf9?\xbc\x84\xf6\x1b\xe4|tK\xe0"\xf5`\xf5\xe8h\xc9\xfe\xe7\xa6\xd6w\xf2J\xf6\xbf\x16|\xdf\xa8\x89\x18\xfdC\x01\xf2(\xce\xa0llJ\xa4\x00\x10\x84\x06\xc8\x9e\xbd)\\{\xb3\xf5\xa5\xdd\xdc\x1c\x1d\x1d\x1d\x1d\xbd\xd7\xd6\x05\x00\xe0\xe8M\x8d\xfe\xfc\xb4@\x05\x11\x00\xae\x91\xf3\xfd\x9b\xb8\xcb\xffw\xdf\x18\x03\xf0B\xaf\x8c\xbf"&gt;l&amp;\xd9d?\x8e|\xdf\xac\x1f\x98\x11\xf5{\xf9i\xbd\xc8\xe4\xb6E\x8apA\x108xTo\x05\x84T&lt;YW\x9f\x8f\xd0\xc9\xde\x0f\x00C}\xd5\x9dzz\x8f\xae\xd7#\xcd\xd5\xcfbF&lt;*\xa9\x00\x90\x1a\xa0+\xa1\x8f\xdbz?-@\x12&lt;\x8c\xe7\x0b\x82 \x08\xc5 \xe2\xaf\xca\x86=.\xee\xa9\x91\xa3V?\x95\xcd\x92_\x00 \xc0\r\x98\x95qv\x83\x08\x7fJ\xd2\xb0\xce\x87\xc8\xd7\xc7\x16W\x93;\xd1\xb7\xaa\x82\x8d\x8dZ\x10\x04AH@v\x82\x81a\xc8K\x0emf\x07\x1do\xb3,\x13\x11?\xa2\xaehI\xf5bl\xd2&gt;\xbe\x9b\x00\x92\xfd\xaf\x8bi\xb2N\xec\xad\x88 \x08+CB\xfc\xda)\x9f\xc1\xf3g\xb5\xfa\x9b\xf4\xae\xa7\x94\xa2\xefa\xea\xb0\x99\xcd\x1b\xdb\x15\x00\xaa\x11\xe4\xb1\x1ca`p\xff\xaf\xa5\x7f\x0e\x1b"\\\x8c\xbd~\xc7\xd4J\x10\x04\x00\xcfS\x9b\xc6-\xe05E\xc3\xe1\xe1\xb2\xe4\x083\x92\xba\xf1\xcc\x8eTUy\x84\x8bF\xbe\xd8D\x7f8\xfe\x00\xd1F=v\x021\x0eb\x9f\x1e\xfc\xa4M\xd0\xd0X\xd7\x13_\x03\xae\xdfu\x19P\x10\x84=\xae\xfb\xc2\xc3\x16\x00cju@\x18\x0f\x0f\x0cB\x8a&gt;Ci\xdee\xa1i\x8f\x807\xef]X?U\xcf\xcb{\x1c\xc6\xaf\xf0\t\xa8\xa1\xb4\xfd\xdb\x017\x05A\x10\x0c\x1cK\xd4\xf7`\xe8x "\x9e"\x12\xa6\x87\n\x8b\x1bd\xe5\x8f\x0b\xa7\xaa]o\x98\xdf\x048\xb1\xd3\x8a\xcb(\x00\xf2\x9e\x19\x13\xb6Hu\xa7]il9h\x06N\x1b\x04A\xd8\xe3\\\xa5m\n\x80\xf2\xb0\xbeW\xef9\xe1\xaf&amp;\x1c+\x12]\x90|\xe5j\xb6\xbd5\x17\x00\xe9\xdc\x932\xd2\x0cS\xa0\xfe\xdc\xdd\x9f\xe6\xe8\xe6\x13\x1d\x9f\x9d\x8c\xe3\x7f\xf9\xf6qa\x07c\x8c=\x980"\x08\x82P\x93\xa2Hj=\x02T\x83R\xb1\xb4\x12\x05\x01\xde^\xd8Q\x1d\xbc\x86M\xb6&lt;V\xfd\xeb\xbb\x14\xb1\xcf\xaf\xd3u{:\xe6\x1f\xcb\x970\xc2\xb7\x19g\xb3\xd2\x12Nr\xb9\xf1\xb3\xba\xf15\x14\xaa1\xd6!\xd1\x8a\x10\xbb\t\xc2\xa0\x94\xee\xfa\xe9\x0f\x06\xb4\x07\x11\xf1f\xe3\xaa\x17\xe0\xe1\xa1\xfc\xa9\xd1\xa3 \x84\x1c\xeeY#?\x03\xb6=V\xf1\xe8\xdd\x0e\xba\x92\xa9\xd5i\xe3\xb1\xb7\xfe\x80\xe9a#vnE\x8bE$wl\x04a\\\xda\x1c\xb1\x0b9\xdci\x1d\x8f\xcd\x10g\xff"\xd5\x159\x0c\x9a&lt;}\xc7\x02\xa6&lt;_\x87\x00w!\x0f\xa7\xed\xc0w}]zdS\x0b2;t\xee\x0c\x00\x00\xf78\xa0\xc72\x05Ap\xb1\xed\xf5\xef\xfe\x00Ck-6\x0e\xe9\xf8v\xf8l\xb5*\x9c\x03_\xc3m\xb7\x1d\xa8\xfc\xf9\xb0\x9d\xaa\x0f\x8e4 9\xc9\xe0\xa3\x16\x9cT\x9e5\xce\\v\xeb\x0ev\x96\xd9V_\xe9\xac\x89 \x08B%\xe4\x84\xa3\x11oA\xf8\x99\xe8s\xe4\xe3\'\xac\xf5\xe0\x1d\xf8\xf8g\xff;P\xbd[1\x95\x01?o^\x93l\x9c\x07\xaea\xec\x82A\xe5P\xfc\x08\x048\x0f\x93\xacm{\xd7\\\x96\x0b\x82 \x8cA\x95\x0f\x13o\xb6\x00\x18mP\xa3\xe9C\xa7jY\x82\x00\xc7\x00\xb0\xfb\xe1\x13WU\xd9\xfe"\x985@)|\xe9\xcb\x0f\x98\xe4\x08\xdd\xe9\xb2\x1c\xd6\xb2\x06\x15R\xbf=B\x10\x04\xa1\x98H\xc4q=\xd3\x8c\x88\xf8\x0f\xe6f\x9f\xf6a\xc1\xf4\x0f\xf0\xad"8\x0e\xae\x9e\xb0\x03c\xa7\xf5\x1f\xca\xfb&gt;\xd05\xb8hE\xe4\xfc\xb2\t\xa3\x199\xb2}4\xd3c\xdd\xfc\xc2Z\x1e \x14\x04a;\xa4?&amp;&gt;\x95\x04\xcf\xc39\x89O&lt;D\xbcr\xd6\xb9\xe3agW\x07\x89{\xc6\x8b\xb7I\x9ck\x80\xe05\xe9re\xf3\x16\xaa#&gt;\xb6I\xd4S\x89uM\xf1\xba\xb4\x15\x84\xcd\xc2v7?\xdc\x8b~V\x91\xd1\xe3\x1a\xc3\x9c\x8f\x16\xa3P\x0c\xde\xc5h\x7f\x08\x9f\xebs4\xa5\xa4\xd4K\xd1\xc8P\x00H\xa6^\xca\x08\x06\x1cA\x07\x81\x05\x99JD\xc4cF\xbf\t\xe09\x8e\x11\x04\xa1;\xa8Ckt\x9c*\xa0I\xfd\xa0\xf6U\xb9\x8b\xad|\xa1\xf22\xa7E5\xc0\xae\xf9;\xf3\x1a_\xbfk\xcdf}h\xb5T\xd8\xc0\xbb\xec\x960\x1f\x1d\xf4\xbc\x95/?%\xd6\t\x9c0."D|\xe9\xa1O\xa2\x11\xe1\xd7a\rY}\x820\nf\x01\x90\xf0U\xdf;\xee\x07\xf0\xdb\x00_\xab\xa5\x9f\xbb\xd3\xf1z\x19\xef\xeeDbQ\x17\x11S"!\xf8k]&amp;\xe5?\xc6"i\xc0Y\xae\xc6(\xc3\xac\x90+H\x01\xd0\x8d\xdc\x02\xe0p\xd6]\x1a\xacg\x1c-Y\x91\xaa\x82\xb0a\xcc;\x00\xb22\xa38\xad4\xa0\xe9\xb8\x12\x1d\xde\xa1\x15\xdc\x8b\xe8\xc9`\xc7l\xcf\x88*S\xa4j\xae\xe7\x8ca\x9c\x08#\xcd\xe3\x16\xa0XR\xac]\x05\xa6S\x1eA\x10\x0e\x17\xd4\xff\tQ\xd6b\xa5\x87\x0c6\xa7\x93\x8f\xad\xb1\xd4\xbc\xddh\n#\xc0\xd9k\x89\xde~b\xb1\xe1\xa15#\xfb\x03]1\xb1[v&lt;N\x9e\xba\xfdu*\x08\x02\x89\x0b\x96\x06\xe2\xcb \xdc\xf7\xa0B\xc9\x06\x06\x1b\x1e\xc2h7vn=\xfd0\x88&gt;Yx\x1fcX\xf3\xa0tb\x05\xc08\x1e%\x908\x7f\x95\x1c\xb1\x8e\x0f\xc4\x1dO\xdco\x86\xbf\x00@D\x80_\x88^E\x9b\x82s\xcaL\t\xc2\x8a\x90\xfb\xb9U\xa9\xf7$\x89;%mr\x94{\xfd\xb5=E\x86\x00\xef/i\xee\x18f\xf6\xc0\xdf6\xecy\xa7W\xab\xf5L\xb40\xb3\xae\xc9\xf2h\xbbs\xbc\xf3"\xc0\xa5\xdb\xea3,Vx/\xfe\xd0W\xdcU\xe4\xb6\x83 \x08\x05\x1cj\xf6\xa0%\xcam\xfb\xab\xd6#Z\xb0H\x1d\xdaC\xceje\xc0\x99\xa3~\xe6\n\xb7\xd2i\x96W\xa6\xb6\xb0\x16v\xaeu\x82\xf7]A\x81{%\xc6E\x95\xd4\xff\x07\xf0l\xa1 \x08\x11\xc6N\xef\xea\xd2\xf4\x16\xf6\x12p\xd7U\x00\xac/\xc5\xccSu\x8dG\xe9\xaaG\xfd\xb0\xb72\xc2\xf6(\x8c\x90\xab[P\x85 \xbc\xb6\xf9\x974\xe4Ff)\x00\x04A\x18\x8du\xe5\x9ai\xd4\x0e\xb8j\xea\xffm\xc6t\xf6YDQ\\7\x1c\xfa\xa0\x14\x009:\xbc\x86\xf3\x1bZ\xe9\xed\x10\xd6\xf1\x87\x11\x06W\x8f\x8b\xedeTE\xf9\xe5\xc1\xcc{\x98$#\xcc\xcb\x99\xd8\xaa t\xac n\x08\xc269\'\x00l;\xdf\xcdB\x8e%\xf2\xd1\xce\xfe;\xd8\x10\x01\xfeg\xfa!\x95KM?\xbc\x87M\x9dD&amp;\xc7\xfbH\xb6\x00Nm\x88\xbc\x9c\xf7q\xafz\x0c\xae\x1e\x0f\xca\\\xacz\xbc\xe5\xca\xaf\xc2\'G\x05\x11\xde#\xd6\x13\x84\xd5\xf3!\xef;s\xfd\x8d\x08p\xed\x86*\rN\x9d\x1d\xb4b0\xe5\xdf\xecK\xf6\xce\xae)H\xd1\t\xfa\x08\xacp\xd3\xc5\xad$\x9d-\xf9`\xd5\xaf\xcdADx\xf5Z\xe7\xe2lL\xee$\x0e)\x08\xc2\x81\x13\x88\x80\x1dOj\x87\xa6N6c\nDD\x80[\xa5\x8bq&gt;\x14{\xdb"\xd5\x1c\x9d\xa4\xde\x05v5o\n\x02\xfc\xba\xfe\xabxu\x1b\xd4\xbb&gt;bs:\x95lu\xec\xb4r/h\xbd\xf5\xa9:=2#\xee$\x08\x82P\x9bu\xfe\r\xa66\xf8\xbf|\x9a\xb56H\x94\xd3\xb4`\xb3{\x19vK~\xd6\xce2\x9f\x9e\xaa\xa3\xdee\xadz#\xc2p\x98\x1aZ\xf5\x9c\x14\xd4\xe9\xa8\xc9\xda\xc0\x8f\xd51\x17"\xc2\x9d\x1d\xc7\x04\xeb\x99\x1d\xf1\xa5\xd5!\x93%\x08\xebC\xd6m2\xfb\xcd\xe9\xb8\x0e\xa6\x1b`_\x1c\xd8a\x96\xfb6\xe1"\xad\xfa\x10\xbe\xac\xa8\xa1d\xc6\x0f\x06\xb8\x11g\xf5x\xba!\xaa\xf7\x96\x05@\x9d[s\xbd@D\x84\xab\xec\xc6rCv\xd1z\x01&lt;/\x8a\x83`\x808\xd9\x1d\xb1\x80 \x08[&amp;\xe9`\x951\x1a\xce\x1f\x9ch\x1ea\xb7\x93\xfd\x1c\x08jf\x9c\x9b\x84\xbd\xd9\xdd$7\xcbav\xa1\x0e\x05\xc0fV\xc1d\xae_\xe2\xbfa\xa5\x0bD\x0c\xfeI\xddm\xf1@\xb9\x1f\x05\x074\xdd\x82 \x1c \x89OV0F\xc3\x87m\xe8\x18\xb2\x06\x03Z\xe6K\xc3h\x95\x97\xb2\xf3H\xab\x92\x18i\x15Nm\xb6t\x07@\xe1\xd8\xfa\x83:\x98\xcfz}\rMzkt\x08\x9c.\xb7\xa1\xcc\x8e \x08\xe9\xfc\n"\\\xbfW\xf8\xd8h"2\x10\xbc\xe6=\xf0\xf9\xda\x7f \x01\xab$\xeb\x88\x88/o\x93fm\xea\x11\xa0\x06\xb42\x14"\x9ca\x9cI\x91\x02\xa01\xce\xef\xa5\x10\x04A\xd8,\xea\x07=\x05n\xb8S=J\x1e\xb0\xdd\xe4\xd2\xfcL\x02\xf30\xb1\xddCq\t\xca/3\xbe\xc99\xa5\xd0,@\xa5O="\xc0\xe9+i"\x05\x80 \x08\x82 \xac\x14\xf6\xcd;,\xea\xbf\xe7.\xf9z\x1c\x86}v~\xf3j\xdf\xaf2d\xb25\x942\x07A\xa9\xc1\x99\\hHo\\7[=\x19\x11\x84\xc3\xa2\xdf\x07X\x05!\x85N\xbb\xf8\x16\xd7\x85v\xea_g\xed7\xfd$\xc0\x06\x10+9`\\\xef\x88\x08\x7f\'F\xe6B,)\x08\x1b\xe0O\xa7}:\x14ge\xb5\x0bC\x10s\xd4dy|\xa2\xaa\x7f\xcf\xc6\x87\xd8\x92i\xe4x\x9e*\xf5C\xf6\x12C\x82\xb8\xff\x9c_\xa6,\x0e!\x82\x00r\xd2/\x08\xdb\xc6w\xfc\x8f\x9e\x9f\x0f\x93\x03\xb2\x009\xc9&gt; \x9b\xd0\xa8Z\x00\xb0\x1d\xa8\xe3\xf2\x80~\x91\x98\xc4\xe4\xe0\xd0\xbc\xe5\x97$y\x126A\x07\x1f&gt;j\xdf\xa5 \x08.v\xeb_\x96\xa4\x02"\x1cm\xd6 \xbb,\xf6h\xbb\x03$\xa0\xeey\x01;\xb4\\\x1aZqqtT\xd2/\x02\x02f\nA\t\x05\xc5\x88\r\x05!\xc4Iz+ \x08\xc2\x8e\xa3\xde\xdb\x15\xed4\xba\xdd\xd3\xc6\xf8\x84]\x8f\x1b\xa5\xe2|\xaf\xe3Cx\xb8;\xba\r\x9e\x92\xef\x9d\xad\xe1\x80\xb49)\xeb\xf7h\xfa\x12P\xd2W!\xe9|5\xe5\xe2\x9d\xf0\xff\xda\xf0b\xc9\xe2\x8b\xbd\x15`\xe4_z+ \x08\x82 l\x16B\xf6\xd0\xfa\x13\x87_h\xd2K/\xc26\xac\xfa\xe0\xf8\x08\xe0\xfc\x90L4?n\xfd\x89dD\x96\x07x\x1a~+\xa2\xda\xcb\xf8\xb3\x7fb\xa2\x92\x81A\xadb\xbcE\x10&gt;&lt;&amp;\x08\x82 l\x90\x81\xe2\xfe\x9cd\xbcUv\xa3R\xec\x1d\xfd\x00M\xda%{\xfb\x06\xed2\x84\xe2\xc4\xcb*\x00\x1e\x93-\x8a\xde\xd5J\x1c\xe9\xdb\t\xd7\x1e\xf4\x97K\x1e\xf2\xd8\x87Bj0A\x102\t\x9c`\xf9xT\xfaG\x00\x1b@\xff\xe8\xeaPj\x87A\xfd_\x9b&gt;\xd7e\xa2M\x12\xbf\xf3P\x96{\x19%\xc0\xeeq\xa6\x1a\x93&gt;\xcb\xbfn\x05\xe1\xfdYUm#\x08\x82 \x08{\x02\x87s\x08p\xdf@\xc3\x1e\x994Ww\xab\xdb\xad\xeb\x99\xda\x97GV\xc9\x05i\xd7\x0cX[6\'\x9eS\x96\x99h\xfa\xd2Iu\xf9;\xe2\x00Kj+\xc7\x93&amp;b\x10\xa11.\x97C\xfc.\x16\xad\xf7\x07\xc9\xd2\x16\x84\xf5\xc2\xf0\x1cp\xd3\xd3/\t75\x18\xca\xaa\xa8&lt;V\xf1\xf8\xde\xca\xf4\xa5\xee\xa3\xf9\x8e\xbc\xdcz\xf4K\x9e\xf0\xae\x83\x98Th\xc2\xf2\xc7%|\xa7&lt;\x85\xae(\x9e,\x08+\xa6\xf4\xb3\x80\r?\x07\xf6\x8d5\x84\x9b\xf15\x1c\x93\xbb)?#\xdcA\x1e\xab\xa0\x93g%\xdb\xbcF\x04`\xf9ca\x82 t\x04\x95\xff\n\x82 \x98\x18\x9f\xd2K\xdd\xf2?\xdf\xe2)\xd8/\x8e\x9d\x8b\xc8))?\x08\xf0\x89\xde:\xac\x82\xec\x02@\xff];\x02\xc0;`\xcb\xef\xd5\x15\x04A\x10\x04\xa1\x0bE\x0f\x02\xd5\xcf\xce\x87\xfe\xb6\x8d\xb1\x8b\x93\x83`\x1b\xf6o\xfc9o\xe3\x05\xad\x00h\x9e\xfdw\x9c\xbe\rx\x8e l\x87Q7zA\xd82\xf9\xab\xaeE\x06&lt;t\x92\x8d\x007\xed\xad\xc3!\xc3\xec\x1b=v \xe3.\\\xfc\xfa\xaa\xaa4^k\xfdJhy\xd2I\x10\n\xf1\xaf\x9d\xac\x95%\x05\x80 \x08+B\x02\xd6\xcc&amp;L\xd1|\x07J\x7f\x0c\x0f\xaf\xa4*\xc9\x9b\xc2\xf6\xa8\x7f\x9a\xf7H\x82\xe1k\x12\x04aT\xf7nB\xc6\xd8\xb1\xd6\x9f\xa2\x17\x04as  \xc0Q\xaf\xa0\x81\x88p\xd4\xad\xf7\xa1\xd8\xc5\xfa\xd5\x99b\xde\xa2\x8e\x94W\x9a\x8eb\xce/\x8f\x8e\x80\xd6\xf5\xce\xeb\xf6\x17\xef\x9a\x1f\xcd\x13P\xea\x8d\xad\x87?,F\xde\xbf\xe5e&gt;\xf9\x93\xb0-V\x19\x93O\xd2[\x01A\x10\xb2izK\x1d\xb1\xef\x01\x8bl\x9b3G\xc5;M\x97\x99&lt;\xb24\xcf\x18\x85\xf2\x00=\\\xbfL\x19\xeae\xe6\xb7x;\x7f\xac\xa8\xc3a\xf1\xa9\xde\n\xd4E\xe6|\xb3\xc8\xd4\n\x82\xd0\x8e\xc6_\x1f.7\xe8\x19\x91\xaf~\xcf`zz\x07\xf1\x87\xb9\x8f\xbdf=g\x82Fsy\x9c\x9d\x15\xb1\xa40\x02Vd\xd8-\xf3\xaf\x19\xb1\xfa[\x14Q\xfe\xf0\x9e\xf9=\xe0\x19\xad\x04Ah\x8cw\xa1\xd6\xf9"\xff\x91\xe3\x82\xf9\r\xe8}\xb4\x18\x96\xc3\x8a\xe9y\x83}\x94*a\xfek\x18\x1d?\xcc\xaa\xfcE\x8e\xec\x8d\\\xbd\x89!\x80\xd8A\x18\x04+\xcf.\xf1LG\xdb}\xf4\xb8\xce&gt;\x82IZ/\x08\x1b#T\x00\xd4\xa9\x01Fc7@D\xc4\xcf$|\xdd\x8a04\xc5\xae{\x9a\xbcnUw\xaa\xf0!\xd1\xe4[\x01K\x05R\xf2\x17\xfd2{\x17\xc6G\xc2]/V`v\xed\x08C&gt;\xf2.\x08[#\xb2\xa4\x0fg{P\xcfJ\xef\xdf[\x19\xa1\x9c\xda\xb5\xabS\xf8\x95\xe7\xa3\xb2\xe2S\x7f[H\xfe\x13DE\xa5\xc8\xa9R\x158\x90\x88\xb1\r\xca#\xbcLw\x0e\xabH\xa6\x97\x10\xc4\xad\xad|\x83\x96 \xf4g\xd5\x8b\x90\xf7\xc9\nyZ\x9a\xcc\x96c7ug:\xb1\xa2\x9f\xf0$\xee|rR{\xd4-\xb3YW\x01\x00\x80\xff\xec\xad@w\xb6=\xbf\xab\xa0\xd6\xce\x95\x177&lt;\x01g\xae"\xd4#\x12A\x10\x84&lt;\xd8C\x1e\xe9i\xe9Kr\xf6\xb8J6\\&amp;\xfd\x88\x9c.W\x1c\xbe\x9e\xb5gw\xa4g\xffm\xb6\xdb\xbd\xce\xd7\x02x\xf1^\xf3-o\xf3\xcc\xab\xe0\x0b\xab\xb4\xd5VC\xc1\xaa\xa8\x98O\xff*]\t0c\xd7\xcce\x8dW\xf4_\xc5\x7f\x04AX\x05+;\xba\xa8\xa4\xeafc79\xf3\xaej\x81\xc2c{\xed\xa3\x08\x9cze\xe8p\x81\xady\x08,\xf7\x1e\xb9\x87F\x9a,z\xa7-\xef\xf9\x08\x03r\x97v]M1\xd3\x7f\xcbQ\x7fe\xb9\x80\xb4\x8e\xb6{\xe4$\x08\xc2\x9a\xf8\x1b\xd9\xf0t6f\r\xd4\xff\xf9\xae\n}z\xbe\xe7\xb1\xf7\xae\xf7\x9f\x1bgRF\xd1\x84o\xd9v|\x80a\xacl\xdb\x9f\xed\t\x190\xdf\xcdn:)\xfa\xa1\x89\xdb%\xb4#\xffC\xf8~\x11AX\x13\xd1\x05y\x91\xca\xf23\x04J\x10\x19\x90\xeb\xf6V\x80\x85\xa0w\xfdY\xf4\xfe@\xef\xa3w\xc1`\xfd\x05\xc0`\xa9\xf6i\xe7\xec\xff\x87\x03i\xb5^xmx;\x7f/5B\x84-\x93\xd8\x85x\x8e \xf4\xa7\xc1:d\x8f;\x95b\x99\xd1\x85\xd0\x8ck\xf4V\x80\xceS{+\xc0\x08\xc6\xea\x99\r\xc0\x19(z&gt;X\xd5\xbc\xeb\xc0\x19\xff\x18\x0fftW\x00\x00~\x85C\x08\xe3@\x10^\xee\x966\xdd\x9fd\xde\x88\r\xf7\x18\xacR\x15\x04!\xc4\x08q\x9c\x82()\xf4e\xbd\x93\x1b^\xe3\xeb\x1d\x17\x91\xb5\x84\xb8\xe1 \x7f*\xe6`\xb0MQ\x92\xec.\xd2\xd8\xcc{\xcc~\xbe\xae\xe2y\xff\xc6\\\x1dM\x98\x06\x91\x02@\x10VDFp_\xf9\xf2\xae\xb5\x9f\xad\xdc,\xeb\xa7\xf2\xde3B\x1a\x94\xa1\xc0\xbb\xa6o\xb8J\xea\xa5\xfbH\xdbp8#\xf5\x12X2\xf2\xa0\x7fU\x94\xe2\x8a\xcf\xbck\xfa\x0b\x9e\xca\xdfJ\x97"S\x10:px\x0b\xef\xe3\x91\x10\xf9\x8byb\x11\x11\xe0\xff\xcbk+\xb0\xb0\xfdL\xe5\xe6\xe4\xd1\xe9_\xbb\x91\xb8\xc6\x0f.&amp;\x1c2\xe1%#\x05@Mj\x186*P]\xdd}\xa7ur-\xf1.A\xe8\xc2\xa1\xde\xe1\xdd\xd8\x1d\x80C\x9b&gt;\x1f%v\xd8\xd6BP\xf6\xd43u\x1b\x97\xddik5.\xc3\x90\xbc\xa66\x7ffYw\x01\xfa8gV\x01pN\xb8\xebV\x96R\x84\xa2\x98\x93\x97\xfb\x06#\xd5\x0f\x0b\xf4i\x8e\xd4\x96\x82\xd0\x93M\x1d\xf0\xb4Ot6\x942\x1e6m\xcf\xa2\xec/\xcd\xc8\xe87\xdcD\xbf\x03\xb0\x91\x05\x9e\n\xcb#\xec\xe3\xdc&lt;9\xccI\x14l\xfe\xb8\xb7\x02\x82 \x08c\xd1:\x1d\xdfP\xedtP\xd8~2e\x8a\'\x0erR\xce)\xbcUa3\xdeB\xb8\x1fK@\xe0\xff\xa4\xa6 \x08\x82 \xac\x9a\x83\xdf\x11\xf7\x05\xc0+\xc4\x14\xabb\x97\xd2\xddb\x995Dxt\x85\xea\xf1&amp;c\xdc \xda\x15\x00\xd5k\x80\x01FZ\x85M\xde?\xf9\x9d\xde\nl\x00\x84\xc8\xd38$\t\xe3\xe0:\xcfBx\xe7\xb6\x9e\x8d\x14\x04AG\xd6\xb6\x81\x9c\xebo\x9eS\x03\x80V\x00\xd4\x9d\xf1\xe6;\xa8\xb6g\xb7\xf92\xc7\x87\xd7\x14\xde\x91M\x86\x02\tq\x85\xa8\xf7\x856bI\xfb[_\xe5k\xa0\x04a\xf3l\'\x84\xf1 _M 0\xd3\xda\x9d\x10\x11\xbea\x7f\xd2@\xc8\x00\x01\x9e\xd0[\x07v\xc2)\x1d\xe1\x9bd$&lt;\xc2kz+P\x03t\xf9\x06f%\t\xe2!\x820./\x99\x0e&gt;\xd1.\xfd\x0f\x06\xc7\x17\x95\x0cl\x8a\x1b\xf5V\xa0\x01\x03\x9a\xbd%\\\xc3gu\xe0S\x1d\xee\xa4D\x8f?\x9f\xb1\xc6T\xb8\xe8L7\xf7Tx\x8d\x86\x1a\x82\x81\x0f\xe0\xbd\x8a\xc9c\xb1\x8208\xe8\xa0\xb7N\x8d\xf9\xac\xf5\xca|\x04rh\xa6\x18\x84\xbc\xd3\xa6\xad\x90\xf3\x9d\xfd\xec\xdceJ\x10\xcf\x0e\x00\x00\xa7\xdf\xcar\xc8\xfc\xcaED\x048\t\xaf\xd8\x0c=\x00~\xa1EG1&gt;\xa9m\x16\x1b\xf0\x8a\xc1\xb9\xe0\xc0\xfb\xb2/g\x10\xc7\x10\x84\x15`e\xff\x83\x06\x9a\x00\xcd\xbe\xe0Oh\xc0\xec\x84\x1cS\x83\xca_\x9a\xecCF\xbftm\xeb\r\xcdN\xef\xd6\xbfR\xf2\x83\x1b""\x9c\xbb\xf6GD\x08:|\x08\x97\x9f\x1bb?\x102\xe8i\x11]\x9f\xd14\xf7\x125u\xe7Y\xb0\x02\xc5\xdb\xba\xab$\x08\x02\x95\xf5\x17\x00\xd9\x1c\xf6I\xf3\xb8 \xc0\xedY\xe4\xe0T\x00x7\xa4\xba\xde~\xc1\xdc\x02\x80|i\xc5\xdaf\x98\xa5\xc1\x92h2\x08I\xbd-Sr\x1b\xc7l\xabg\x81\x1d\n\x00\xa3\xc7\x95\xef\x17\xaa1\xdf\xd8Y\x97 \xda\xd6\xec\xb9d\x94u\n_\\\xb6\xd4\x9f\xe5\xff\xf4\xd1Q\xb9\x08A\x10\x0c\x8c\xc8rt\x04\x87\xb2\xd6v\x03?\x9c\xf1\x1e\x1e\x88x\x04\x80!\xaf\x9e\xbf\xec\x02\x8e\x8e\xd8\xdd\x00W\xeeZC\xe8?\x07\xa8\xec\t*\x97\xd0\x1d}\x08\xff\x85x\x8a\xe6c\xd1\x9ca\xd1\x07\xf6\xab\x8bKr5PY\xe3{\xf5\xc7\xf7\x07e\xde\xc1c\xa5S\x01\xfcp\x84u\n\x00\x00\xa8L&amp;\xb3J\x81\'\xf0\x04A\xe0\x82e\xdd\x0er&amp;\x11\xe4\x08\xe0\xe8U\xc3\x84\xce18\xc9\x1a&amp;\x8e\xcc\x11\xc0I\x97\x1f=\xa0\xe3\'\xbe\xfeS\x19\xe7&lt;\x0f\x06Y\x1a\xbb,\xad&lt;U\x1bb0&lt;\x9c\xb2\xc7X\xb4&gt;\x97\xe9`\xc8\xa1[d\xffz\xb6\x7fttt\xdf\xf1\xb3\x7f\x008\x9a\xf0[\xe9\x87\x000H\xd0@\xdc\xfde\x84\xdez\x08\x82@\xc5x\x04\x88O\xa2\xfe\xe27/\xb4\xc1O\x8c!\xc0\x0fz\xeb\xc0\xc8\x90\xcf\xf5\x96\x83\x08p\xe1\xe0\xbb\xd07\xf3V\x9f\xee\xe8\xa5C[\x1a[\xfb\x9c\xeb\xf7j\xe3Ik\x00\xc8\xfb\xe3nlv\xd8f\xacX1\xdb\x9e\x8bm\x8fN\x10\xba\xb1d\xff\x17g\x08\xe8\xe8\xf8\x16\x9d\xe8\xa3\xd8}\xe0\x1a\xec\xea\xf8M\xcf\xebsJ\xb1\xc6A\xad\x18\xeb\x83t[e7\xc0\'r\x9f8\x1c\x08\xba\x87\x9c\xaa\xbb\x01e\xee\x06\x82\xe0\x0c\xab\x9d\xaf\xb5~\xd4D\x10V\x80\xb2\x19\xb3}\xd8\x0e_\xbe\xe44\x07\x92\xdcl\x80i\xa6d\xbe\x9a2grN\x9b\xcf\xafgO\xca8S\x89\xda?j\rP\xc1\x1bqV\xe3\x9b\xcc\x92[\xd231\x92\xe2\xad#\x0e\xcb\xe7V\x83k\x98D\xd9\x8f\x04\xa1\x1a\xcc\xcf\xff\xcc\xcfT\x1cL\x01\x80Ur\x94\x9e|a\xebS6\x83J.\x08\x00\xd7\xea\xa2\x83U\x00X\x0f{\x00&gt;&amp;w\x85\x0e&lt;\x95D\xad&amp;\xfd\xf9\x06\xa2\x9cw\x8ci\x19"\x9d\x1fZ\x93\x1a`%,%7\x00\x00\\\xb4\xb3:\xc9\\w\xe5\xebT\x10\x06e\xde\x08\x1fR\xb5\x97\x9a\xc2;\x82\xf0c\x84k\xf2\xdd?\x19\x8b;\x15K\xf8\x04\x83\x16\xf5`\xbc\xf1\x05P\xe0\xe4\xcbq\xf8\xa2\xc9O\x94b\xa0,O\xdd\x84g\xd6\xf8\x80D\xbd\xec\xbf\x99\xb5S:\xe2\xf5\x81\x0bl2\xe2m\x11\xed\x80C\xbd\x05\xb7\x16\xc4\xd3\x04\xa1\x0e\xae\x83\x9cuE\x87&gt;\xa0\x87\xdez\xb5@\x1bix\xc8\x97\x1e\xda \xcc\xc7\xc0wA8a\'\xea\xa3\x19\xbaT\xfc\x83e\xab?\xe7^\x1b\x83\x1a|L\xad\xc6!\x9c\x1970\xdd\xef\xd7\xbfY7\x8a\x03\x9c&gt;a\xa4\x9b\x7f\x82@\x10\xfa`e\xae\xa3\xdf\x16\x1fE1O\xf6\xef{\x86{[h\xa5\x0e\xaa\xaf\x96\x89T\x0c\xd8\xa4\x94\xdawz%\xa6\xbe\x10\x97\x7f\xd9\xcd+\x80\xee\xf9j\xc3\xda\x9d?G\xff/!&gt;`\xf9N\xa7?\xe3UH\xa8F\xf7\xa3\xf1\xf0&gt;\xb2\\V\xd2EA[^\x924\x19GmA\xd8\x0eF\x01\xe0\x0b@\xe3\x94\x04\x83\xa8\x01\xce\x12\xc0y\xd9H:\xf3\xe1\x1d\xec5\xf4_S$\xb6\xbf\x7f\xb2\xdc\x01\xe0\x11\x06OP\x1f\xb4M\x16\x10|\xf7\xbb\x1c\x1b\x7f{o\xdc\xa2\xf3\xa7Q\xdb\x02\x08\xf0\x89Nv&gt;\xa8\xc9m1\xd8kW\xbd\x8d\x8c\x08\xf0\xb8Z\xc2\x05AX\x1bh&amp;^\x8e|\x08\x11\xf1\\\xa3&lt;\xdc2\x88\x1a3\x94\x8cj4\x9dk\xb3\x14\x93\x83\x8f\x9d\xe9\xc1\xad\xa9\xf9\xb5\x9c\xe3\xa5\x0b\xffm\xb7\xf4\xa5&amp;\x1f\xda\x98\x1e\xce\xd9[\x81\xad2\x97\x9a%\x8eq@\x0f.\x16S\xf1\x13#\xea\x19\\\x8d^\x98\x02\x9d \x08[\xe3\x12\xe1\xb7%v\x08Y\xec\xd3\xd6\x8b\x8f\\\x06\xf0\x16\x00\xee\xb7\xb2\xef\x06 \xc0\xf9W\x9e\xa2\x15M\xbdR\xf60\x0e\x7f\xa5\x964Y\xc2r\xc1-,M\xc8\xf7Vb\x99~_{Z\xc9y\x8c\x9b\xf0\xca\x7f+u\x11\xbf\x1a\xe0\x83\xd9]\x99\xbff\xc4\xff\xcb\xcaG~\x05\xa1\x11\xf1\x03\xec\x91R\x10\xa2\x1a\xc5\xc1z\x94\xf1v\x07\x11\x11\xbe\x90g\xcf\xfd!\xe50\xce\xe3\x84O7\xfear&gt;\xa1\xe4\xeb\xa2\xa2\xec;\x17L\xbd\xfad\xdd\xdb\xd8\x94\xaco\xcff(\xb9{\xf1\x1d\x00\xf3&amp;0\xadmU\xe7\xf1\xdf?\xec4}\x1f\xc2\xe7V\xf2\x1cu\x1eq\xba\'\x7f\x07V\xf3"\xe9;\x06vnPv\xcb\x91E\xe7+l\xa6P\x17\x84\xc1\xa1=\xc42\xc6\xae\xf9&lt;\xe2n\xf7\x88r\x85\x87\x18o\x7f\xae\xdd \x07\xdd\x00\x08\x8f\xacT\xe7\xa4\xcaD\xb8:\x02\xfc"\xf5\xe2\xd7\xd6\xad.b6\t,g5\xc1eUh;\xce\xcc3\x96\\\x9b\xd4/\x00\xb63SA\xb4/\x0f\x98\n\x00\xe6\x1b\xa7H\xd8\xc4\xf7\x17\\*\xa7\x008\x8c\x99\x12\x84-\x82\x00_Mn\xd2\':Sob\xde\xf3@6\x8f-\x80\xd6\x0fkd\x88|eJ\xe6\xde@\xbc\xbc\xb6\xce\xe1\xcc\xb2}:\xbe\xad\x02`\xcb\x1c\xce4!\xe2\xd7\xac\x9b\x00\x15\x82\xa1ZN{n\xad\xec\xdf\xbdwr\xf6\x7f0\x93%\x08\x1b\x86\\\xfa/7\x8e_\xd4D\xb1\x0cJ\x9e\xbd\x16\xbaPby\x99\xb5\x1d\xa9\x0e\xdc\xa0\x00\xf0w\xf1\x9c\xcct\xbc(\x8f\xbf\x8c\xb8\x8aP\x83\x9d\xab\x7f&amp;\xb9\xd9\xbc\x99.\x05@\x05\xd4g\xeaH]\x10ZV\xa7\x83\x00\x00 \x00IDAT#\x89\xec\x98\x82\xb0j\x10\xe15\xa8B\xff`\xc0&gt;\x9a|\xdfz\x90t\x95\x0c\xfe7\x106\t\x8b\xb5\xbf\xdav\xd6\xc4C\xa8\x14&lt;\x02\x14\x11[\x10m\x9e\x94\xdbp\xcdP\x03{\x03F\xd0\x81\x9f|\xf3\xb6\x9a\x9ay\xbf\x8e\xac\x9d\xe5y\xa4\xab\xd6VI\x10\x84\xbe\xa0Mj\xc3/$T\x0e\xc3\x82\xca\xbf\xc3\xa1\xf3\xdd\xdb\xe3V\xf9\xa4\xef\xea\x14\xeeH\xc0V\x9d"\x06"\xc0\xb1-\xfbS~\xa8=X\x7f\x17\xc3\x1d\xd0TRf\x9cO\x8c$=@\xdfxj\xe2\x05\xc0`\xde"\x08B\r\xec\xec?a\xe5_w\n^\xff\xc0\x1a\xc5\xda\x86\x9e\x8bc\xfa\xed\xd1-\xd1s\xbc+\xac\x1bW\xa4j\x7f\x82i\x04""\xfc\xcf&amp;\xed\xb9\x1fT\xe2\x91\nG\xbf\x0c}mlF\xf2\x87\x93?wI\r3\xa7\xac\xd64\x91\xee\x12\x08\x82\xb0\t\xec\xe3\xff\xce+_Q\xa3\x8d2y7@\x04\x06\xd6f\xf0\xfe\xab\xa3\x8c\xa2\xaf\x8d\xcf\xe8.\x18O\x10~\xb0\n{&gt;$\xf1\xfae\xd4\x1d\n\x80\x15\xd8\xb3*\x9a\xd9\x0b\xed_\xb0!\x1a\r\xb9\xe7\xa5\xc56=\xd2M\tA\x10jQ=\xfdM\xcb9\x94\x93\xf8\xcc\xe0\x9b\xd1\xea\x80\xef\x00\xf4ER\x966\xfch\xfe\xc9\xbf\xc6\xa3\xcf\xeb\xa7\x12\x9a\xdci\xad\xdd;]\xec\xe0,\xe1k\xc7\x19%\xa4\xb4C\xaf\xbb\xcaBz\xc9\x89\xd8\xb2\x85\xf1o\xac\xc6\xa0\x1e\xcc\x1aBS3\x01\xa6\xa1\xc9\x1a\x11\x84~\xa0\x15V\xf8Dw8Y\xcf{\xfe\xf2\x00?\x03\x00\x877^\xc1M\xa00\xc8\xcd\x84\xee\ng\xf57\x19\xe0fc"\xd4\x94h\xfe\x18\xe5(7\xb8^rp\xe7\x1a\x8a\xc7\x16\x0e&lt;\xbfx\x98wU\xee\x8d5\xbf,!\x89\x8e\xf8-\xea?\xafn\x15\x0b\x82`\xa2,{\xfe\xad\xa2\xcbF\xb8\xf9\xa8\x14\x08\xd0)\xf5\x8f\xdc\xf4\xd8\x08\xbe\xcd8\xf4\x14&gt;\xf1\xca\xdc\xc8\x10\xae\x1c\xa8\xbd\xd7C\x89K\x8f\xa5\\MS\x12;E&lt;\x1fw\xae\x97/\x0e\x0b"\xc2\xfd\x8b\x86\xccf\xb4*\x9e0\xeb\xc6&lt;\xb3\xe1\x95\xae\xd7\x06\xf2\xa5y\x82\xb0\x11\xd4\xca\x1f\x01&gt;\xd5[\x9f\x1d\xd9G\x1dCm\xc0\x95pX&amp;=K\x93\x08\xbe!.\x95\xb4^v\x17\xbf\x9d,=\x7f\x19z\xb4\x1aa\x85N\x8a\x91\x16N\xc2\x17\xa8\x0f\x16\x7fF^\xe6\x83*6\xc0\xf4\x11\x9d\xad\x19/U\x97s\xee]\xc1(r %\x08\xad\xd1\x0b\x80Z+0]\xec_\x16\x16\x00\x87\x15J\xa6Q\xbf\xaa\xb7"\xd9p\xde(?\xb4\xd9\x07 &amp;\xb2\xf3\xb5\rL\xe4\xaf\x01\xea\xa7\xc8\x1fK.\x86\xc3\xef\xd68\xc7\x15\xc4\x08n\xc6\xdb\xbf\xf4\xb5\x8cU\xee\x00\x0cV9\x0b\xc2a\xa0\xdf\x01p\xad@D\xf8l\xc9\xca\xact\xc7\xd0\xfb\x80Ad8\xfc=\x8e\xc0\xea\x8eO\xce\xad\xff\x9a\xad\xbc\xd5\xf0 +\xc0\x02\xe7\xaci+s.\xf0X\xedY\x82\x8a\xddr\x88\xf9p5_B\x8e\xe7\xb9\x0f\xd0\xc9\x0f\x00\xedDn\x90)V\xf5\xa9\xdbQe\xf9\x82 \x98D\x96w\xf1\xca\xaf\xb8\x89\x86\xbaL\x0b\xa0\x12z\x1a\xc3b\xf0Kx\xdc\xe0u\x1c\xc2WE\xe6\x12\xbb\x17\xbf&amp;&amp;\xaaV\xceU\xe9xF\xe8\xe1\x0c\xc91\x0b\x153\xb0\xf2\xb8\x1a\xae\xf9k\xde\xd1\x15j1\xdf\x8a\x1f\xa5\x00\x18A\x07A\x10j\x12\xaa\x018J\xff\x0e\xb7\xd1\'\xb5\x8f\xa3I\xfb\x80\x849\xe1\xf0\xe8\xb2\xbbk\xf7\x04\xec$\x95!\xe0\x14e-+\x8a\x03aU/\xb0\xfe\x02`|\xfd\x91w\x11)e\xdb\x18\x05@\x0f\xe4q AhJ\xe8\xc8\x9cv\x92\xd4&lt;Z\xb1&gt;5N\xfc,\xe0\xf6\xc3\xb1\xeft\x962\xf0C\xb0\xcf\x1a9\xde\xffV\xf7)C\xcb\xc7(\xb7\x08\xe2b[%\x10U\r\x18\rJ\xd1\xdee=\xce\xb0\x9b\xe2C\xec\xd9?\x00H\xcd\x06R\x00\x08Bs\n\xef9\xb6yF\xb0\x06\xcd\x1ep,\xa7\xba\x86\xba\x1dT\x97\x90\'\xa9\xd6\xc80\x0f\x12x8=I\xb7T\xe5\xf1\xbc\xad\x96\xb3\xfa\xb4F\xe2J!\x89\x8f\x17\x00+\x88Zy\x1c\r\xeb\xb4\x00\x00\xcf\\\xfe\xe6\x03\xaf\xe0\xa7mvBS\xd9-\xa5\xdf\xea\xad\x86 \x1c\nE\xbb\xd7\xe0\xa9\x86\x0f\xd4\xf6\xef\x03\xe78\xe3\xb9\xe1\xd0}\xa1L\xc4\xc8-\xd9O\xdf\x9f\x8e\xea\xdb\xb4uG\xba\xfd\xb8\x17\xd5t9\xef\x97\x86\xda;o\x01\x10_z\xa3\xcel)\xa3\x04d_QWk\xa7CD\xb8\xf7\x08\x03Oe\x8d:\x0b\xc2ar\xadJA\r\x01.\\&amp;\xa11j\xfe\xdf\xe1a\xe816\xb90\xbc\xc6\xe1\x14\xc5$\x87\x1b5i\xbb\\\xfb\x92X{xf\xf4\xe26\xa2\xdb\xee\xads\xd2\xc4\xa8\xe9r\x13\xb3O=\xaa\xfc\x84\xf1\xe3R\xa4\xda{\xd4\x99-e\x88\xb3$\xbd\xb43\xdf\xa9\xd7#\xe5\xc2\x1a\xbd\x0b\x82p\x00x\x82\x1a\xe9&lt;\xe9\xad\xbb\x08u\xf6:\x9a5\x03\x01n\xd3\xb9\x00`&gt;\\\xaf\xc8Z\xf4\x1c\x819\x13}nk\xbfZ\x92QM\x95\x91\x0b\x00\x80\xa0_%&lt;{\xd6c\x98f\x01\xf0Z\x9ee\xa2~("&amp;m\xe8\x99Md\xb8 \xa3,\x1f\xd7G\xd5\xebuYC\xb2 \x08\xc2\x0e\xef\xc1F\xb0\xd5\xbf\x00\xa8\x87m\xab\x06\xd5\x84i\x1a\xd1\xcf\xb5Ua5\x05\x00 \xc2?\xadA\xcf\x01\x98\x0b\x00l:\xbf\x8eN\xeb\x16\xb7_o3\xb4\x84\x1a\xa0K6\xacX\xb8O\xef\xeb\x08 \x04&lt;\x8e\xdaqt\xd8|r\x8f_\xcf\xde\xba\n%\x05Ap\x83\xf0\xb3\x99kx+\xbb\x0e\x02\xbc\xaen\x92\x14U`\x1d\xb1\x1e\xaa\xdd\xf2^\xcb\xf0\xa3(+\xe2\xf8\xa9\xb4n\xf9E\xec\xee\xaa\xe3\xb8z\x16n\x14\x04\xceH\xec\xa5\xd3\x126\xa3\xc7f\xfc\xb9\x03\xeb\xc9}+\xc2f\x84\xca\x96d\x9a\xa9C\x9fnA8(\xc6[\xf0O\xecX\x00\xac\t\xd7\xfd"\x06\xa9\xbd]\x02\x99\xca0T\xc6\xc2~d\x88qCM\x9f@\xad3M.\x95F\xfa\x9e\xcdNKX\r\x1dOk\xdb\xb5\xb0U\x18VV\xc7[R\x89\x8c\xaf\xa1 \x08L\xd4\xccNz\x85\x92C\x08a\x84\x044S\xf0\x08\xa5\x17\x97O\xce\x9b.\xfd\xdb`\xd4\xae\x83\x8f\xc2\x93w\xf4\n\x1b\xbfC\x1aa\xca\xd8\xbf\x12\'\xd2\x1d\xb3#\xc9q\x80\xb0N\x94\xa2\xb4\xc1\xdf\xf9\x16\x04A\xd8AM\x0bj\xf4,\xcf\xf0d\xd0Y\xf9e\xafB\xae\x93xj\xcf\x89\xaf\x07eMO\xfb\xdcV\xf9\x16\x1aR\xad{\x11\x84G\xab\xd78\xaf\x9f\x9e-!z8\xb7\rs\x97Ua\xd1\x98\xdc\x961\x02()\xd4\xaaW\xb7p\x88\xac\xc7{\x07WO\x106\xcb3\xeb,?J\xd0\xb9\xf5t%s\xd7\xddj\x80\x15\xc3\xf5\x1cg\x81\x1cm\xbb*\xd1\xe7\x1bI\xbd\xfa\x94I\xefw\xd2\xff\xcf\xd1\xf1\xa2\xdd\xaf\xba1k\x9b\xb41|\xe3\xf5\x84\x9b\x00\xdcd\x17\x00E\x9dZ\xd6\x8b\x08L\xb9\xbb\x181\xe3zR\xa80\xabV^\xc8\xa5\xcem\xd5\x01n\xd5\n\x82\xb0\x11\x10\xe0\xf7\x98%J\x84J\x86b\xae\x7f\x89\xc9`\xc9\x93\x9a=P^E\xac\x95,\xfa\xf7`\xe5u\xfd\x1a\xa3\x18X\x1aL\x16\xfe~\x0f+e\xaf\xa9\xa4G\xa1\x9c\x02P\xfb\x99mi\xc7\x15#D\x92\x170)S\x95M\x06\xc3\xb5We\\\xe0\xf3\x9a\x7f\xe2\xa5\x93\xe5e\xba\x05Ah\x8a\x1d\xec\xc8Ou\xc3\xcb\xb7\xb5Ku&lt;{^\x0b\x0f\xb5\xed\x13(\x00.\xa3\x7fM\xa7}\x85Z\t\xb4:\x8a\xbe\x87z_b\xd1*\xb7\xa8\xde\x9d\xc7s\xd4\xe4\x01CEZ\x05\xdf\x15gn\xc0\xdf\xd5\x11\xeb{R\xee\xe4\x90\xff\xc4Z\x1d\xdc+\xb7T\xc3M\xdc\x9ez%Q\xff\xb1&amp;T\x10\x0e\x92C[\x84\xce\xbf\x90\xf0\xecx3\x9e\xa7YF\x03\x01\x11\xde\xb1\xa5\x11\xf1\x92\x92\xe9*\x1e\xe2l\xb5\xb8\x10.\xf0\xab&lt;\xf5\x06\xb3\xbb\xeeO\xd9_\xa2\x9e\xfa\xe7\xf7\xce\xfa\x14\x8du\xab\xa4\x0b\xdb[\xd7\xb5\xa9u\xc3-\xf8f\xce\x1c!"\xc0\xd3\xf35\xa2+\xc3W\x15\xaf\x94%\xa6\xd1\x8c \x05\x80 tG\x16!\ry\x0ci\xd5(s\x87\xe8\xcd\xd1-.\x94\xb8\xa9#\xc0\x7f\xc0\x0f\xd0\xee\xee{\xe8 q\x0ct\xd4\x9dX\xbd\xcf\xa3d-%\n\xac\xfe\x90\x12\x00\xd4Q4\x98\x91U@\xb7@\xb5\x02\x80\xf2m\x13i"+\xf9\xaa-\xf6\xf9a\x03\x12\x1cl\xdd\xee\xa7,\xa2\xfd\xb2\n\x8e\xe8V\x07\xbf\xdc\x04\xa1\x11\xb2\xd2\x0e\x01\xc9`f\xb4\xbd\xc7H\xefbYx\xde\x13bj\x0b\xc7\xa3&gt;\xae\xec\xbf\xd6diGqZw\xa6b%\x9d0(\xda\x93kh\x99\xca\x8b\xa4\x00\x00\x98\xbe\xe1j)\x1d{h\xc0,\xf1\x81\xb6\xe73\x80\x88\xf0j\xdf\x03K\xde&amp;Uk\xfe\x11\x96\xa4\x15\xd9\xb6\\\xf0\x08\xc2Z\x18":\x08\x95Y{\x12\xe3\xd2\xfc\xe7s6o\xc3\x0e\xcet_y\xe5W\x8c\xa6\xc5\x8bEk\xeeJ\xfdO_&amp;?\xd0/\xaa=\x9eL\xad\x04\x00\x00\x8e\xe6K\xff\xaa\xc0U\xae\xaa\xc9\\+\xd3D_\x1e\x00\x01\x9e\xb3{\x8d\xd0\xee\xa6U\xb5\x1a\x02\xe6Of\'\xf5\xcc[\x94\xd6\xabd\x9e\xed\xea=\xb8\xa6\xd6\x1d\x9c\xd9\x91\x9cD\x10\x1a!\x8b\xed@X\xef,;s\xca\xfc\xc3H-\x8f\xf7\x17\x00\x8em;y\x93Fj\x9e\xd1b\xfbGu\xb4JMhv\xfd\x9d\x82\x83^\xdb\x98\x07C\x97@Z\xa3\xc7\xb7r\x0b\xbc\'\xb7\xc0d8Jw\xb7`b\xf7\x84\x03\xef\x1e\xce\xf3\xe8\xb1\xd6)"\x02\\\x8f\xf6\xb8\x97 \x08\x0cH\x01\x00P\xe3\xfe\xb2\xc0\x863O]rt\x06\xe9\xde\x9c5/\x97EM."\\`\x04\xef2&gt;a\xec\xb5\x9e~GB "\x81\xd4@{\xac\xae\xb3*\xa4X\x91\\\xde\x07\xeb\n\xf4\xfc| d\x9e\x1d\x1c\xa4\xad\x04\xa1\'\xb7\xaf\xddA\xbf=\x80\xfa@\xc2\x08\xbb\x94\x90\x08*\xff-\x13\x14\xac\x01|\xd7\xfbd\x81r\xbe&gt;\xd4\xaeF\xd4\xe7\x99\xf3e\xb2"\x84R\xb6\\I\xfa\xc7\xb5\xd9!\x93!&gt;\xeb\xaf\xf0\xeb\x12p\x04a .\xaa\xfc\xccp\xce\xda\xe5.\xe7\x86\xb7\x1f2\x07&gt;|\x12\xf4\xec\x1fB\x87U\xca\xeb\xfd&gt;.\xe9\x87\xacR\xbb\xbae(\xfb\x1c&amp;5\xa7\xe0|\xdb\xae$\x11\xe0Q\xee76;dA\x10\xb6\x8f\xbe\xfd\x9b\xd9L^r0\x0b\xf9\x06\x87\x86\x19\xfd\x8fu"\xbb\x06\x0e\xc7V\xeel\xde\xbd\x913?24 \xbc\x03!&gt;)\xc1\xd8\x9d \xb4a@gS&gt;\xbf\xb4\xdapt\x92\xde\n\x08\xc2a2\xa7=\xcb\x17\x83\xc0\xd1\xfc\x1b\xc2\\\x0e\xc0e\x13%\x1f\xe1\xbe\xed\x99\xad\xb8y\xbe\x06\x91\x94\xa3\x83\xc3I\x88\'\x10\x0ec\xc8G\xc6\xef\xa1\xad\xf3\xe8\xc8\xbczy\xc3\xf3\xce\xcah6\x90J\xbd\x1c\x82\xc7\xbaXm\xc2\xb7ZF\\\xefs\xe6\xdf\xc9\x1b\x94\n\xe4`W\xa2 \xac\r\x84k\x11?\xffWp@\xe8&lt;\x83\xffh\xb3H\x81w\x18\xf1\xd9\x8c\xad\xf0\x98M\x19\xf6KL\x9f3\x16b\xb0[\xf8\xd0\xa6,\xfd\x91k\xa2\\\xa9(\xea\xa3o\xb8%\x06W\x82U\xa3m\xee\x17-\x15\x8c\x8f?\t\x82\xb0\x12\x0ed\xe9n}\x80\x1d\x87&amp;\x19\xb3\x90\xce\x96\x17c\x03*F39\xc4m\xc0\xb2\x1f\xbdF}H5=\x96N\x93\xd5\xf3I\xd7\xfc\x02\xe02\xbb\xe6u\xd4\x12\x04!\xc6\x81\x14\x00\x00\xd0&lt;8\xe2G[Dd\x9c&gt;h\xc1+s\xc7\x85\xa8\xd7\xdf\xa1\xd20\x87\xcfE\xb6\xbfjx\x11s\t\x02\xda_\x1d\xb6d\xffI\xcf\xf1\xeb\x05@\xaf\x1a@&gt;h\'\x08\xab\xe4\x90\n\x80\xa6\xecLz\xd3\xcaV\xfdq\x95\xb8_\xe3\xe9\x82k\x94}\x88|XF\xd6-\x00\xb7\xda_C\x82\xdbH\x90q"69(\xe6\x98v\x82\xfe+\x00\x1c\x9b~\xa0\xb3\xac\xbbi#\xb8\x1d\xbb\xc6|L\xdaJ\x1c\x10\x84\xae\xfc\x1f\xc0\x8bw\xb1f\x1f8\x86^\x93\x9f\xee\xad@2\xd5\xacj\x0b\xacw\x07\x80\xa5\xc9t\xb2\xf5\xfc\xbcT\xfe]\x92!u\'|@\xe08\xc5L\x17r\xa8&lt;[\x8eN\x87\xa4\xea\x8c\\\x12\x00\xe1\x0b\xbe.\xce\x9e\xd2\xfb\x9a\x9cg\x89\x12oX\x8d\xce\x82\xb01\xec\xdb\x8ek\xe0\xd8\x95\xe8\xb9\x05\x92MM(uJ&lt;\x8d\xd0\xb0\xe6#</t>
        </is>
      </c>
      <c r="E209" t="inlineStr">
        <is>
          <t>&lt;class 'numpy.ndarray'&gt;</t>
        </is>
      </c>
    </row>
    <row r="210">
      <c r="A210" s="1" t="n">
        <v>208</v>
      </c>
      <c r="B210" t="inlineStr">
        <is>
          <t>steps_per_sec</t>
        </is>
      </c>
      <c r="C210" t="n">
        <v>2400</v>
      </c>
      <c r="D210" t="inlineStr">
        <is>
          <t>3.0677917</t>
        </is>
      </c>
      <c r="E210" t="inlineStr">
        <is>
          <t>&lt;class 'numpy.ndarray'&gt;</t>
        </is>
      </c>
    </row>
    <row r="211">
      <c r="A211" s="1" t="n">
        <v>209</v>
      </c>
      <c r="B211" t="inlineStr">
        <is>
          <t>Loss/RPNLoss/localization_loss</t>
        </is>
      </c>
      <c r="C211" t="n">
        <v>2400</v>
      </c>
      <c r="D211" t="inlineStr">
        <is>
          <t>0.038613446</t>
        </is>
      </c>
      <c r="E211" t="inlineStr">
        <is>
          <t>&lt;class 'numpy.ndarray'&gt;</t>
        </is>
      </c>
    </row>
    <row r="212">
      <c r="A212" s="1" t="n">
        <v>210</v>
      </c>
      <c r="B212" t="inlineStr">
        <is>
          <t>Loss/RPNLoss/objectness_loss</t>
        </is>
      </c>
      <c r="C212" t="n">
        <v>2400</v>
      </c>
      <c r="D212" t="inlineStr">
        <is>
          <t>0.021756196</t>
        </is>
      </c>
      <c r="E212" t="inlineStr">
        <is>
          <t>&lt;class 'numpy.ndarray'&gt;</t>
        </is>
      </c>
    </row>
    <row r="213">
      <c r="A213" s="1" t="n">
        <v>211</v>
      </c>
      <c r="B213" t="inlineStr">
        <is>
          <t>Loss/BoxClassifierLoss/localization_loss</t>
        </is>
      </c>
      <c r="C213" t="n">
        <v>2400</v>
      </c>
      <c r="D213" t="inlineStr">
        <is>
          <t>0.25146547</t>
        </is>
      </c>
      <c r="E213" t="inlineStr">
        <is>
          <t>&lt;class 'numpy.ndarray'&gt;</t>
        </is>
      </c>
    </row>
    <row r="214">
      <c r="A214" s="1" t="n">
        <v>212</v>
      </c>
      <c r="B214" t="inlineStr">
        <is>
          <t>Loss/BoxClassifierLoss/classification_loss</t>
        </is>
      </c>
      <c r="C214" t="n">
        <v>2400</v>
      </c>
      <c r="D214" t="inlineStr">
        <is>
          <t>0.09593309</t>
        </is>
      </c>
      <c r="E214" t="inlineStr">
        <is>
          <t>&lt;class 'numpy.ndarray'&gt;</t>
        </is>
      </c>
    </row>
    <row r="215">
      <c r="A215" s="1" t="n">
        <v>213</v>
      </c>
      <c r="B215" t="inlineStr">
        <is>
          <t>Loss/regularization_loss</t>
        </is>
      </c>
      <c r="C215" t="n">
        <v>2400</v>
      </c>
      <c r="D215" t="inlineStr">
        <is>
          <t>0.0</t>
        </is>
      </c>
      <c r="E215" t="inlineStr">
        <is>
          <t>&lt;class 'numpy.ndarray'&gt;</t>
        </is>
      </c>
    </row>
    <row r="216">
      <c r="A216" s="1" t="n">
        <v>214</v>
      </c>
      <c r="B216" t="inlineStr">
        <is>
          <t>Loss/total_loss</t>
        </is>
      </c>
      <c r="C216" t="n">
        <v>2400</v>
      </c>
      <c r="D216" t="inlineStr">
        <is>
          <t>0.4077682</t>
        </is>
      </c>
      <c r="E216" t="inlineStr">
        <is>
          <t>&lt;class 'numpy.ndarray'&gt;</t>
        </is>
      </c>
    </row>
    <row r="217">
      <c r="A217" s="1" t="n">
        <v>215</v>
      </c>
      <c r="B217" t="inlineStr">
        <is>
          <t>learning_rate</t>
        </is>
      </c>
      <c r="C217" t="n">
        <v>2400</v>
      </c>
      <c r="D217" t="inlineStr">
        <is>
          <t>0.039998353</t>
        </is>
      </c>
      <c r="E217" t="inlineStr">
        <is>
          <t>&lt;class 'numpy.ndarray'&gt;</t>
        </is>
      </c>
    </row>
    <row r="218">
      <c r="A218" s="1" t="n">
        <v>216</v>
      </c>
      <c r="B218" t="inlineStr">
        <is>
          <t>train_input_images</t>
        </is>
      </c>
      <c r="C218" t="n">
        <v>2400</v>
      </c>
      <c r="D218" t="inlineStr">
        <is>
          <t>[b'1024' b'1024'
 b'\x89PNG\r\n\x1a\n\x00\x00\x00\rIHDR\x00\x00\x04\x00\x00\x00\x04\x00\x08\x02\x00\x00\x00\xf0\x7f\xbc\xd4\x00\x00 \x00IDATx\x9c\xed\xddy\xf0~\xef_\xd0\xf5s\xc9W3Q\tMP\xf9\xc3\x05s)E\x99P\x12\xd3lL\'\xd7\xc2\x05\x05\x17pA1s\x0c3\'\'\\\x92\xcc\x19GG\xc7\x05\xc1ep\xc9\x1a\x025\xb0\x19\xc7B\x18\x1b5\\2\x01\xc3\xc9L\\3Q\xc7\x16\x99Q\xd1\xae\xfe8\xf7}\xees\x9f\xf5Z^\xd7u\xbd^\xd7\xf5|\x0c|\x7f\xef\xcf\xfb}\xdf\xe7\\\xfbv\xaes\xce4\x0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a\xe0\xb3\xbf\x9ey\x84\xfa\xd2\x02\\4\x9ai\xc9\xb8\xf9\xd6\xd9\x11.\x8e\xfc\xe3\xc3N}\xfd\x99\xf0\xc0\xc7F\xd3V\xd1\xf2\xab\x1f\x92s3*1\xa5\xecOm\xb1^\x03\x00\x06\xe5Z\x07`8\xde?F\t\xceM\xf3\x8f\xce\xe9\xcd\x05\xef}Z\xf0\xe6h^\x7fw\xf3\x99\x90\xaf\x04\x9e\xe2\xecO\x8f\xdfO\xd3\xe4&amp;\xef\x13S\xfe6\x9c\xab,&gt;\r\xdbY\xf06\xbf\\\x9f+ /\xbc\xf7s\xecn\xe2\x95\x9c\xadinO\x17\x9b\xf5\xebo\xcdB\xbe\x1b\x99\x98\xa1g\x9f\x13\xfc:\xd3\x01\x00P\xe5\x1b\xb5\x0e\xc0\xb8\x96\xd1\xcbz\x1c\x13\xf0\xad\x87"a\xda\xc9\x19"\xef\x7f)\x1bx\xe7\xdcY\xf0\xceB=\xff\xdaO\xd3\xaf\xf7\xb7\x83\xe4\xab\xf3N\x91\xb9\xb6\xffz\xec\xb9\xc2N\xe7\xa6\x93U\xe8\xcd\xd7\xddj\xc0\x1a+\xf2\x8b\x7fl*5&amp;~\r\xb8/\x8f\xff\x1e\xf1\xf5\x1f\xf2\xca\xa1{J/I\x0006\xef\xb9v\xda\x0c]Wm\xfb\xa1X\xda\x97C\x16zUy[\xaf\x9d\x8c\x05~\xc3{\xef\xe6\xeb\x08\'\x7f\x9d\x02.\x11\x94\x18\x16\xcf\x0b\xdb!+\xee\xc9g\xbf\x0e\xfcr\xe4UH\xa6\xdbv&amp;m\xf9\xbc\\2\x02@\xb8\xca\xd7T;\xe2\x93/\xc5#\x1fW\x00j[\xd6+\xefV.\x8f\xbf\xbc\xfc\xd8l\xca\xfc\xa9\x89K\xf8Kd\xc3\x17M\x05\xd7\x06.\x16\xd1\x13.J8\xe7.\x06\xb5\xa5\x9b\xb3%\xb4\xfb\x90o\xf6S\x85\x1c$\xeaO\xb7\x96k\x0b\xab4\xb8O\x8d\xb4\x14\xa3\xdb\x00\xa0\x80_\xfd\x17\x11jme\x00\x9aZ\x0f\xaa\xf2\xb7\xc1\xd4\xdc\x05\xa4\xed\xecQ\x96\xa0\xcaN\x00B\xce+{\xc0\xf7c\xbf\x95\xa5\xd3\x0f\x9d\x7f\xec:x\x01\x7f\x15\x8a]v*Y)\x87\x00\xfaUu_.\x00\xdb\xf2\x1b\x8b\xa2\xcdM7m\xd9\xa3]\xbe\xbc\xf7@G\xdb\xfd\x0f\x96Q\xf5\xed\xcd\x12\x81\x01\xbe\xfcL\x9d\x1b\x00J\x1dPG\x96\x01\xc8\xd0Q\x15\xa6E\x02\x06\xd6\xa2\xf2\xd3\xe2\xdc2\xda./W-.&gt;p{\x1d`\xf5\xcb\x9b\x15\xfd\xf0$\x92OO\x9b\x19\x04(A\xf5\xd1\xc0hG\x83\xc1}\xd0:\x00\x9d\xf0\xcb\x13f*\xde\x98X\xe2\xd1\x8a\x9d1\x1a\xfd9\xd8\xeb\xc0/\xbd\x8b{\xdeT\xeb7\x7f\xb8&lt;\xde\xee7&gt;\xed\xd6+\x97|\xed\xe0\xf4\x886s\x08P\x80A\xa7\x12\xbd4c&gt;\xe4\x96-t\x83\t\x80\x8c\xfc\xfa/&gt;^_\xde3\x80\x0e=\x0b\xca\xed\xad\xbe\'\xf7[\xbb\xe5^\x82\xb8"G\xa9\x02\x80&gt;1\xfa\x1f\x0bO\x01\x12\x96\xf2l\x9f\x13\xd9W\x15\xc5B2\x1a\xb5\xebj\xd1\xef\x108\xff|r\xd9hU\xa8\xb8\xc8\x0e\x00\x00\x86\xc0\x88G\xb9\xa2\xa3\xd2\x90\x8d\xfe9a\xb8\xbe\xd5X\x9c\xf2\x1b\xdf\x13H\x84GW\x8c\x00\x00\x00\xac\xaa9\xa8\xad6\x01(t\x8a\xa2\xc7\x8f?\xd7X\x03\xe2\xf9\x11U\xadC\x01\x00\x10\xa3m\xad\nz\xe9\x1b\x84\x8d\xeb:}j.\x99W^\x9e\xaf\xef\xee\xc9EC\xf0\x82/U\x00P\x1c\xb5\x15\xfd\xe0\x1e\x80\xc6\x92G&lt;\x95\xbf8\xc8\xc8\xecz\x83{\xe4\xf6w\x81\x14\xeb\xf8.\x8e\x8e\xa3\x16\xee\xfa\x95\xd2\x00\x94\xa1\xb6\x02\x90T\xf5]H\x83\x0c\xe5\xdb\xcb[\xbf\'\x9b\x00\x00EU\xeeh\xe8\xd7\x80\xa7Fc\xc4\xc0/RW\xa3\x90\\\x00\x00\xc0\x04\xb6\x00\xb54\x0f\x18\x93\x07\x8e\x15\x9e\xe4\xc8\xa06Y\xdf;\xf8\x81|T\x10\x00\xc0\x98Z\xde\xe8\x19r\x03\xa2\xa1\x1e\xfa\x99\x92\x8a\x02l(\xf5\x14 \xad\x00\xa0\x14\xfa#lp\x05\xa0\xad\xc6w\x14\xdd6\x08\x86\xee\xd4t\x9b\xffU\xc0P\xea)@Z\x01@\x19\x8c\xfe\x01u\xd8(\xb2\xc2\xb6\x19\x00\x00\x80\xd2&gt;h\x1d\x80\xe1\xb1J\x0c\x00\x00\x00X\xd1p\xb9\xba\xd7\x95r.\x02\x00\x00\x00\x14\xc5=\x00\xb9\x18\xad\x02\x83\xf2\x9e\x9d\xb5\x00\x00\x8b\x98\x00\xa4X\x06\xfd\xce\xb9\x96[xn\x06\x1f\xb5\x87&amp;\xcc\x85\xfaC\x9e^\xd0\xf5\xcc) \xac\xc2r\x95\x15\x00\x92\xd1zZE\xcf\x07)\x94%\xa8\xf3\x13(\x93\x00P\x06\xbd~Q\x03\xafN\x8d\x19k\x00\x00P\x1b[\x80:\xd2\xf45XR\xa3\xf6\x81\x9f\x8a4l\xc4\x01\x00\x00\x80w\xa3^\x13\xe8\x079x\x81\xc4\x01\x00T\xc6\x15\x00\xc0\x9a\xefcr\x97T@\x98\xfd\xf4\xb7\xed\xc5+_\xdfW\xbd,\x96U\x00\xe8^\xcf\x1d\x0f\xd0\xa5\xf5C\xa8\xda\x86D\xd6\x1c\xaf\xce"\x05\x00\x80B\\\x01\x00\x8c\xe9u\x88\xdck\xbc\x00\x00\x00\x86\xc3\x1e\x80\x12\x06~\\\x12\x00\x00\xc8\xc2\x15\x00\xd4\xc0PU\x1c\xeb\xe5\x00\x00\x00\x00\x00\x00\x00`\x1ck\xe7\x00\x00\x00\x00\x00\x00\x00\xde\xb0h\x88@\xdc\x03\xa0\x17\xd5\x18\x00\x00\x00\xb0\x8d1=\x00\xa0&gt;z\x1f\x00h\x86G7\x02\x18\x01\r\x1dP\x19\x95\x0e\x00\x00\x00\x00\x00M\x98\xa9\x03\xdd\xf0\xdeO\x135\x1a\x00\x00\xec\xfd\xc3\xd7\x10!a\x02\xc0\x9c\x01h\x82\xaa\x07\x00\x00\x12\xf9\xa7\x9c#\x08\x86\x07P\x89B\x0e\x00@Y&lt;\x06\xb4\x81\xe4q\xbcsN6$\x80:\x8c\xff\x019,\x1b\x018\xc4\x04\xa0\x1e\x86\xef\xc0=\xaa\t\x00\x00\x851\x01\x00\x00\xa0O,&lt;\x01\x80\n&lt;0\x04\x00\x00\x00\x00\x00cx\xaf\xdf\x8cE\r\x9d(\x9c\x00\xd0\r?\xd1\xa6\x03j0\xc6Z#5\x92\xfc\xab\xad\x03\x00\x00(&amp;\xa9k&lt;xl(],\x80\xca\x02\x9b\x1dZ\xa7\x04$\x1a\x80&amp;\xb8\t\xb8\x86\xd4&amp;\xfe\xe0\xe6-\xee\xe8\x02\x80|JF\xde4\xe8\x00\xd03%\x9d\r\x00\x14\xd3U+G\xa3\r\x00\xc8G_\x02\x00\xa8\xe1\xb9}\x94~\x07\x00\xd0\xb5\xe6\xcbu&lt;\x13\x06\x80\x1e\xb4H\x00\x00\x00\x80\r\x82\x03w\xe6\x00\x00`\xc3\x98\xed5\x8bU@G\x86\xaa\xcbQ\x91\xad\x9d2\xb4\xab\xe8\t\xe5\x19\xe8\x10\x15\x1b\x809,^\x00\xd5P\xd7\x00\xa0\x0f~\xf5_@N\xad\x81\x02\x13\x00\x00\x16\xf1\x0cb\x00m\xec\x87M\xbc\xe6\x02R\xbc\xf7\x14\'\x008\xc3\x8b\xc0`\x06\xcbl=9\xcc\xcd\x9aYLq\xea\x9b\xf0\xe8\xdf\xfbi\xfacG\xbff\xf9\x1f:Q,q\x83\x05\x12\x00\r\x9c\r\x9b\x9c\x9bh\x97\x00d\xf3#\xb7$\\\x01\xc3-\xca\x87y\xf3@\x8a\xaa\x0e[.\xd6M)\xcc\x00\x00\x14\xc5\x16 \xf3\x9cs\x0c\x98\x00@\x0f\xf6\x05U\xc7^, \x0e\x13\x80\x14\xff3\r\rP\x06\x93Yt\x80E\x99\xca\xe8\x93\x01\x00\xf7\xbe+\xddEk\xfeD\xebp\x01\x00\x00@\x99e\x8c\xc8`\xd1:F\xffX\x0b)\x00\x94\x13\x14E\xe9\x02\x00\xedh\xa9\x81\x11Q\xf1\x01\x00\xb0\xc2{?M\x9f\xd3:\x14\x00\xa0\xcd\xdfo\x1d\x00\x00\x00\xca\xe0\xda=\x00\x008\xc7 \x01\xb0\x801=\x00\x00\x8aY\xea\xa3\x19Q\x00\x00\xe4\xd1\xbb\x00\x18\x07\x8bt@YT0\x00\x00\xa0\x0e\xe3\x13\x9c\xe0E`\x00\x00\x00=\xe2\x9dt@I\xcc\xb0!\x87\x8b\xb6F\x9cf\x13\xd9\x07\x00\xd0\x8d+\x00""f\xd8\xbc\xf3\x08\xd7\xe6\x92\xf1\x03)!v\xb1\xe4\x06\x00\xd0\x8d\x8e\xaa\xaa\xf5\xb8\xdf1J\xc0\x89\xb9\x9cPB\x00\x00\x16y\xef\xe9\xc2\x94#{rE\x8d\xd5\x98\x00\x00\x00\x80a=GM\xd3f\x08\xca\x9c\xa1\xb2\x0fZ\x07\x00o\xa8\x00\x00\x00\xa0Wg\x83\x1c\x06?\x95q\x0f@\xae\xa8"\xbb|\xf8\xf0[\xf3\xb4\x98\xdb\x03\x00\x00\x00\xd4\xea\xe0fN&amp;\x00\x02b\xe7\x00Ls\x01\x00\x80\x14U\x83QU\x81\x01l\xf0\xde\xf3PQ\x005\xd0I\x03\xfd\xa0:\xd7\xe6\xbd\x9f&gt;\x96d\x07\x00\x00\x00\xc6\xd0\xc1. \x002h\x0b\xb0\xa00\x00@\xcfh\xe4\x01\x00\x1b\x95&amp;\x00\xe6z\xa0\xf753\xa6I0\x88B{\x8c\x15q\x00\x00\xb0\xb5z\x0f\xfa\x7f\xbc\xfcf\xf3\x91\xfa\xa1\x02B\xd9\x1c\xdd2.\x07\x00\x00\r\xf8w\x7f\xf9\xf1\xb4\x03?\xfd\x8ee\\\xb2\xff\x01\x88B\xc99\xc6\x04\x00\x00"\xd0b"\x0f\xe5\xe7\xc5\xefL\xbfx\x9e\x03|\xf9\xf2\x89\xa3\x14#\r\x11\x8a\x16\xdb\x90\xce2\xab\xb3\xe8\x00\x00 `?\xfa\x7f.I\xfa\xe5\xef\xd3?\xe7\'\xef\xa7\xe9\x874\x0e+4\n\x1a]\xb1\xce\rD\xe1\x8dT\x00\xc62\x8f\x12x\x1f_5\x17\xc32\xb7\x1a\xdc\xb9\xe5\xdfd\rV\xbc\xf7\xb7\xb5\xb5\x83J\x1d\x12M\x8bz\x8dW\x07\xc8\x15a\x1d4C@\xdf\xe8\x90j\xda\x8f\xfe\xdd\xc9\x8a\xee+S\xbcg\x0e\x80Qy\x06f\xa8\xe3\x83\xd6\x01\x00\x80\xea\x18b\xb6\xb3\x19\xfd\xbb\xc7\xca\xff\xdb\x07\x1c\xc3 \x0c\x8ab\x8fJ(j\xc2\x96\xe5.\x96\x18\x01\xe0l\xff\xcfY\x0b\xa9\xb7\te\xd2\x08\x8c\xad\xb3-\x1e\xdf\xa8u\x00z\xd3M\xc9\x00\x80jVw\x06\xbf~\xd5.8G\xfaj\xdb?C[\xf2\x069|T\x14P\x89s\xae\xa71^?1\x01\x00h\x13x\x05\xe0\xf0c=\xf5\xb5\r\xad\xd3v\x9d\xa4z/\xb6\x00(\x8f{\x00\x00\xd5:\xbb\xe6\x88\xa1\x9c\x8f\xfe+\x07d@\x8f\xb4\x7f.YnR\x9c[,0,\n\xff\x03[\x80\xea\xe1\x11\xc5\x87xx\xf3\xb5\xce\xae9b(\xe7%\xf7~\xf9\x1f\xe9\xfck\xf4?M\xd3\xd1p\xc7\xad\xd3\x9c\xf4\xc78\xa4\n{\x07\xb5\x86+\x00\xf50\x8a;\xc4\xe8\x16\xe8\xd7\xc13?\x03k|\x0f-C\xe5\xfb\x86WC\x92\x1eR\x0f(@\xa8j\x98\x1f\xfdO\\\x01\xa8\x8b\x16\xb9\x1f\\\xb80\x84\x9cjh\xd3\xdd\x1emG\x99z\xbd\xca\xe5\xeb\x96\xbd\xa83\xb9\xa7\xa4o\xabb7\xe4\xb0\xcb9\xe7\xd4=\xa8 \x12\x13\x00 \x05;s\x0c!\xa7\xda\n\xab,\xee\xf4\x1f\xe7\x94O\xed\x0c\x15&lt;\xdd\ty\xcdL"\xa37v*\xf8!\xdb\xa1\x07\xa0\t7W!\x0b\xcf\xa5I\xf56\x15\xbaN\xbd\xcd\x9b\xb07\x93(\xdb)\xcf\xbb\x1a\x80`T\x15\xa0"\xef\xbd\xf5.\x16\x802\xdbA\xfc4M\xce\x9d=@l\xf3\xfb\xae&amp;\x00\x00\x82q\x130P\x11\xbd+\x80\xc2\xfc4\xb9\xc9\xcf\xd3\x80\xfd_\x9ds\xd3\xf4;\x9f\x1f5\xbc\xf5\x07@\x0eF#\x00\x00\xd8uz+\xc4\xfe\x96\xebe\xffO\xe0\x0b\xda\x00\xf4\x8a\x9b\x80\x01&lt;(\xbf\xa52P\x1f\xb1\x00\x02]\x94\xf7\x1f\xb2\xfbS\xdf\xe3{\xea&gt;\x10\xae\xe7\xb6\x00\x00\x80\xde\x9d_\x01\x98\x8ew\x01]\x0c\x94\xfb\x9e!\x00Xp\x05\x00f\xf0\xe8}\x00\xd89\x1d\xb2\xef\x9b\xcb\xaeZ\xd1n"\x02\xb4\xc0\\\x1f\x00\x00\xc3\xa26\xf4\xaf\x9e\xb5:M\x93[\x7f\x97\xe5\x7f`\x1c&lt;\x05\xc8\xbc\xcdC\x9d\x01hC%Ee\x17\xe5\x8d\xa2\x08`\xe2\n@\x17x\xfb\xd2p\x18P\x02x\xd9]\x02\x88l\x1f\xbc\xf7\x95&amp;\x06\xbc\xeb\rP\x82{\x00:0\\3\xda\xcf\x1e\xd6T\xbd\xf6\x9d]mP\x06\xaayo\x10b\xdb\x87j\xa3\xff\xf5\xae}j:\xec\xea\xa3\xabb\x02\x00{z\x1d\xfe*\xf4\xa1u\xdb8\xd9\x9c\xed\xa0\x81\x06\x02%W\x9d\xfcj\x121\x18roU\xbch\r\xa5\xfa\x17\xd2e\xc2FE\xaa\x9b\x14`\x02\x00\xe0\xd4\xd7W\x9fk)\x99\xddu\xd3\xc4c\x18\xaf\x8a\xe3\xbd\x0f|B\xce\\\xce\xebV\xb9\xb7I\x00\x15\r\xe6\xe8\xe8\xa3\x040\x01\x00\xd0\'%s\t\xa0\x0e\xe7\x9c\xfb\xb9\x8f\x9f}\xd0\xd8\xfa\xf9\x81\xbc\x9a\xe2\xe2\xeb\xdan\x0e ?\r\xa0\xfa\x17\xa2!a[\xcf\x1b\xdd\xaci\x18\x04\x98\x8f\x80Q\xdc\xc4\t\x00\x10\xb7\x19\x1b\x9d\xbd\x0bl\xf9`\xc3\x9e\x88\'\x90B\x891\x87d\xc3E8\xd3\x98\xa5\x04\x00`\xc5\xe1\xfa\xa8sn\xff\xfb\xcc\xee\xec\xb1\x83(\xf5 \xdb\xb9J\x81\xbe\x95.\x1b!\xc6,\'l\x01\x8a3`\x11\x01\x00\x18\xe2\xdc\xc1\x16\x85\xf5h\xfb;N\x93s2\xa3\x7f\xe5\xe8\xb2\x11b\xccr\xc2\x8b\xc0\x00\x00\xa8\xa1\xf2Bc\x91s\xbd\x0f\xfccNQ\xefm\x03\x00nq\x05\x00\x16\x19Xy\x02\x80\x8d\x0e\x86\xbf\x89\x8d\xef\xf3I\xa1\xab\xe9\xc3\xfeH4\xec@=L\x00`\x91\xd5N\xb4\x8f\xb7\x87t\xaf\xd0cI\x80\x1e=j\xcau\xe3\xb6\xfe\xc3\xfc\xb1\xfdgi\x1a\x81\x9a\xac\x0e\xa4z\xc1%Q\x00\x80\x19!w\x18\x1fujAK\x1f5{\xc31\xef\xfb\x04\x16\\\x01h\xab\x87G\xc9\x02\x00F\x160\xbaW\xd7\xd3\xd1\xf9bpL\x00\x80\x9eu\xb6\xe3\xa8\xb3\xe8\x00\xe3\xb8\x1do\xbb_R%\x1c\x00\x00\x0c\xe1\x93\x194\x03\x10\xe1C$\x7f\xbfZ4T\xf1\xdes\x03\x04\x00h\xc3\xfd\xa0\x000M\x81\xc3\xff\xcb\xb1\xec/\x9f?\xc0\x04\x00h\x8d=p\x00\x00\xe0^\xc8\x18\xddM\x01\xdb}N\x8e\xc6\xbe|\xa0\x1a\xee\x01\x00\xeb.\x00p\xea#h!c\x90X\x80\t\xcc\xb6\x01\x00@\x90\xeb\x05#\xe7\xa6\xa8q\x85\xbfyx(\xb0\xe5y~\xab\x10\xae\x00\x00\x00\x00\x11\x8c\xccP\x16\xa3\x7f)L\x00\x00\x00\x9d`C\xa3\x02\xd1\xdbJ\x1d\xa3:\xa0:&amp;\x00\x00\x80\x1e\xcc\xe3\xce_\xca\x1c\xa0\xa4\x8b\x91\xfa\xf2\x97\xf0\xd1\xfcc\xe8_|\xf4O\x91\xc0Z`y\xe8\xbc\xd80\xe7\x06\x00\xd4\x13\xb2\x857y\x9b/\xfb\x83\xeb8\\\xe3\'\xe5\x01C\xb8\x02\x00\x00\xa8\x87ab\x07\x0e3\x91\xfdWh\x82\x82\x97\x86\t\x00\x00@\x95\xf4\xee&lt;cv\xc1\x18"\x0e\x139(\x91^\xe7\xc7~\xfd\x1c\x13\x00\x00m\xb4jyGn\xf1\x8d\xb8\xea\xd0\x8be\x9f\xb1\xe1\xac\x86b\xbc\x9e\x03\xcc?\xadGT\x9b\x10.\x7f\xd2\x10r\xf4$\xb9&lt;9\xe7\x98\xc7\x02@mL\x00\x80\x0cZ\x8a\xf1\xe7\xef\x06\xfa\xcf\xd1\xfe\x81V\x81\x84)q\xe5\x84r\x05\x00\x00\xd0\xde~\xe8\xff\xeb\x18\xa5\x01\x9ap\xed\x03\x00\x00\x08\x9b\xd7e\xdd4\x95\x7f\xca\'\x00\xe0\r+.\x00\x80\xd2\xe8k\x00 \x04\xbb!\x01\xa0:\x1a^\x00\x98x\nP3\xeec\'\xba"\x00\x00\x00T\xc7\xce\xbcf\xd6\xa3\x7f\x1eD\x05\x00\x00\x80:\xb8\x02\xd0\x0c\x83~\x00\x00\x80\xca\xd8\x7f\x01\x00\x00\x004Sy8\xce+)\x00\x00\x00\x80\xa6*\x0f\xc7\x19\xfd\x03\x00\x00\x00\x9a\xb1f\x0f\x00\xc0\xadn{J\x06\x01\xc0!\x86\xc8\x81H\xa5\x057\x01\x03@W\xe8\xe0\x00`o\x1e\xfd{\xefi%\x01\x00\x00`\x1ek\xdb\x00\x00\x00P\x82\x81)\x00\xcb\nM\xaf\x99\xb5\x03\x00\x00\x9ca\xa4$\x8e{\x00\xe20\x07\x00\x00\x00\xa8c\xbe\xbf\x99w\xa7\x8ac\x02\xa0\x05s\x00\x00\x00\x00T\xc0\x04@\x0bf\xb7\x00P\x0e\x8b,\x80E\xce9[\x03$\x9a\x1aD\xa0\xb8\x00@Q4\xb3\x00*\xa0\xa9\x01\x00\x00`&lt;\x848\x8c\xa1+`\x0b\x10\x00\x00(\x85\xb1\x1c\x00\x00\x000\x10Vs\x01\xa0\xa4\xef\xe3\xb9\xd2\n\x00\x00pm~\xbah\xebP\x00\x00\x00\x00\xa8\x85\t\x00\xd0\x0f\xea3\x00\x00\x08\xc1\x98\x01\xe8\x04\x95\x19\x00\x00\x00@\n\xef\xb9\xa7\x02@K\x9d\xadh\xb0\xeb\x1a\xd0\x83\xc7\x80\xa2\x1f\xb2\xbd\x8bsn\x9a,\xbd}\xd0 \x86\x02\xc00\x18\xfa\x03\x9a0\x01@?l\xbd-\x1c\xc9\xf3\xab\xe4i\x1e\xab\x8f\xb0\xc5h\x9bv\\\xd1\x02\xa2\xc2%\x02\x04\xa2\x9c\x00\x00\x00hq5\x88\x0f\x18\xb41\xb0SF\xeb\x94\xcc\x1d\x87Jih\x01\xa0\x0b\xf2-,\xad6p\x86\xda\x01\x00\x00\x00\x0c\x84\t\x00\x00\x18\xe3\x9fZ\x07\x04\x19\xc8\xbe\xdaHp\xa0=z.\xa0c\xdc\x04\\\x10\xadg\x1f&lt;Y\xf9\xaetjxO\x82\xf7\x88&lt;\xb5\xc6\xe8-\xc8\x00B0\x01(\x88\xd6\xb3\x0f\xe4ce\xce9\xd2\xbcC\xe4)P\x19\xb3n\xa0!v\x01\xa5\xf8RR\x0c\x00\x80tt\xa3@cL\x00\x92\x90bz\xcd\xe5\x99R\r\x00gh!\x01\x00]1\xd7\xb1\x99\x0b0\x00\xebhv\x00\x00]\xa1c\x03 \x8bV\x05\x9d\xa0$C\x04m"\x00`2\xb1\x9b\xf4\x7f\xd1\x1d&lt;\xa0&lt;\xed\x95\x14Vx\xef\xd7\xb3I\xef=\x9b\xe3\x01`Lj\xc7\x16&lt;\xee\x02\x00\n\xa2\x85\x05\x00(\xf2!\x8fG\x02\xd07\x01\xc04M\xaf%\x91\xd6\xe1\x18W\x97\xe9\xdf_\x8c\x00\x84\xd0Z\xf7u\x86\nEh-\x84\x88\xc6\x8b\xc0\nZj\t\x15\x06\x18\x1c\x8d\x00D\xa8,H\xbc\xe2\r\x00\x00\x00(\xc3{?M\xffA\xebP\x00\x00\x00T\xd4\xe5\xb6.\x00\x00\x00Hb\xbc\x08\x00\x00\xb0\xe0\x1e\x00\x0cAv\x0e\xb0,B3\xb5\x00\x00\x00\xe60\x01\x00b\xbd\x06\xfd\xceq\xf7\x1b\x80q\xb1\x08\xd27\xf2\x17\x00^\xd8\x86\xae6\xfaj\x03fJ\x9fiH\xd9\x00\xa2\xf0r\xb7\xbeq\x05\x00\xd1h\x0ef#\xa7\x83\xd2K\x1f\x03\xe7\x88 \xf5\xa9\x98\x18&gt;\x9de\x160@}\xa3\x80\x04L\x00\x80i\x9a\xfef\xd4\xa7\x95\x0e\x7f1M\xd3\xd8\x133\x11\xca\x8b\xb7\xf7\xc9Y\xac:^\x806\xaf\xa6@w\x9b\x00\x00\x18\x1a\x17\xac\x0b\xd1\x95\xa4\xaa\x02\x03\xf4\xcfX\x8d\xd3\xd5^)\xc6\x15\x00\x00o\x18CoXI\r+\xe1\xcc\xc5b\xe44M\xe3d7\xda\xa3\xc6\x01\x00\xca\x10\x19\xcdx\xef\x8b,V\xfd9FZ\xb6=\xe7\xb4\xe4#\x00&lt;0\xb1\x03\xd0\xdcc\xfc\xafu\xf7\xb9\xa7\xa94m=\xbd\xd4Z\xc6\x00\xa0*\xb6\x00\x01hN\xf9\x98Ly\xf0\x10\xc49\xc7\xe8\xbf\x1b\xec\x80\x0221\x01\x00\xa0\x82\xd4\xe0\x8c\x91A\xaf\x92s\x96q\x7f\x97\xd8\xd6\x05\x00\x00\x00\x0c\x85\xc7\x15\x00\x00\x10A\xae\xd7\xfc7X\x84\x03\x00\x00\x80\x01\x8cYe\xf0\xccP\x00\x1a\xd0\x10\x01\x00PQF\xbf\xcb\xfc\x01\x80\x10Z\x92q\xd1\x8f$\xe0&amp;\xe0A\xb0O\x03\xc5d\xdfaYb\x1a@\x7f\xd0\x1cY\x80\xba\xb8\xd5\xbb8\x96l\x00\x002\xfc\x93\xf81\x05\x0fX\x87\xc50\x03J\x18\xad\xf5\x00\x0c\xa3\xd1\x01r\xfchzn\x00\xd9hF\x80p\\2\xcb\xb5\xb48&lt;j\x1a\x00\x00\x00\xfaq\x0f@.\xc6\xfd\x00\x00\x00\xc0\x88\xda_|l\x1e\x00\x00\x00\x00\x00\x151\x01@)\xed\xe7\xb7\x00\x94R\xdb8\xa8\r\x18\x00\x00\xeay\xcfcd\x01\xd8\xe2i\xb86H\x10\xac}\xd0:\x00\x00L\x88\xbd\xd7\xc5\xf3\x8c\x81C\xab\xc7\x06L$\x11P\x0c7\xe8\xbd\x99[\x1e\xef\xf3_\xdc\x82Np\x130\x80{\xb1[\x80\xbcg\xd7\xd017\xff\x9fs\x8c\xfe\x01T\xc6\xac\x08\x00P\x1a\x13\x00\xe0\x06\xf3d\xd4"\xff\xcaE\x00\x00\x04\xd09\x01\x99\xb4V"\x9d\xa1\x02\x80\xe1i\xed6`\x1a\x85\n\xa8J\xaa%\xa7G\x00\x00`P\xcfK\xc6\xd1C\x81\xa2\x8f\x9b`h\x02\x9c\x8b\xa8\x1dT\xa5\xc1\xb0\x05\x08/\xdc\x04\x0cX\xd2h\x13g\xda}c\xa5\xee6\xe3&gt;6\xe0\\h\xedx&gt;\x16f\xd0\x11\xe1\x80\x1b\xe2\x07\x8b.\x00\x00z\xf4\xdb\t\x8f6\x9c\xea@\x7fYv\x18\xa3\xfe\xa2\x99n\xbci\x0f\x00\x00\xedU\xe9}\x9bt\xf0\x8c*\xa0\x14C^\xe5\xc8 \x00\x00\xb4\x1bp\xef\x04\xa0A\x89\xaaG]\x1e\x16\xf7\x00\x00\x00\x00\x18 ~\x07T\xc6\x01\x999\xd8\xc6\x04\x00h\x88\x06\x14z\xb14\x88\x87\xefGIPA\xcd\xf3\x0f\x1e\x97"\xbc\xf7\xd3GS6\xacRR\x98\x8c\xf1\xde\xab\xa9\x87\x00P\x1bm\xe0`&lt;\xa3\x05Lw\x8b\x02s\x9b@\xe3`\xc5\x07\xad\x03\x00\x000\x86\x0e~0dwAb#f\xef\xa7\x12\x153\xf8R \xd7\x0cm\xa1V\x03\x00\x00`k3\xa6wn\xb9\x1a\xe4\xbc\xf7\xce\x9d&gt;\xd6\xd8=&gt;\r\xbd\xc8\x1e\x00\x00l\xdb\xaf"\xb3\x13\x03\x816E\xe5l!\xff\xa28%|\x05\xcdq\x130\x00\x00\xb6\xedGZ\x8c\xbdpf\xb7\xae\xbf**?\xeb`(\xef\xee\x8a\xd3\xd9\xdf\xd8\x14\xa4\x19\xf7\x00\x00\x00\xf2\x14\xda|\x0c@\xda\xc5\xa5\xa1\xc3\xf1z\xd0L\xf2b3\x10\xb4\xe2\n@\n\xff\xd4: \x00\x0c\xe8\xbe\xad\xf0\x03\xc4QH\xe3\x8ec~vc\xc3\x00@\xad\xf3\x92\x19T`\x9cs\x87S\x05Z\x06\xb5\x98\x00d\xa1dC\x16%\xaaK\xfdm\xc6\xa0\xa0&amp;\xd0\xb0j\xe4\x9c\xe3Z\xcd\xe0\xe2\x9b\xa3\x88\xcf\x9f]Z\x88&lt;#j`\x02\x00\xe8\xe0\xfd\xd4\xe3HQ\xb3\xf6\xc3\xb1\x02\xea\\\x9c4\xb4\xd4\xa7\xedj-u\\\x8a\xaal\xb5N.1\xdf\xae\x03&lt;~"\xa3Tb\x02\x90\x85\xa6\x1cb(KF\xe8\x1fv\xd4o\x97\xe63\xeal\x0f\xcfv&amp;\xd4\xa7\'$}\x18$1\xdb68\xd7i|\xb6\x1d\xda\xb9\xafz|\x80\x8bN\xe8\x0c\xf7\x00XB6E#\xc5\x10\x8f\x8a\x86 \x94\x93s\x9f\xf6\x968\xd5F\x1a\xfe\xdc]~\xfd\xcc\xb3O2LB\x9f(\xd9\xe8XG\x05\xfb\x0f\xb4\x0e\x00\x10\xa9\x9f\xda\x878\xfb\x867l\x08\xfe\xfat\xe0a\x0f?s&gt;\x01\xf8\xfc\xf0\xef\x1e\xce\x01\x82\x02\x8f\x16\xb8.\x93\xe6Q\xaa\x07\xb9\x04\x89\xa1x\xde\x1f\x84x\x14\x1b Gf\r\xf2\'w\x91\x85\x1c\xf6b\x98&gt;o\xee\x0b\xff\xee\xfe\x85b4\x0bj\xf1\x1e\x804\x14it\x8b\xc2\r\x00\x15y\xefs\x1b\xdeB\xed\xf6\xed\x1b&gt;\x9cs\xcb\x1c\xc0m\xffT"D\x10\xc3M\xc0\tF\xbf\xa4\xc5E=\x00\x1b\xcc\x1b\x81\x14\xde+\xdf\x8b\xf1\xdc\xdbs}\x95`\xf3\xd3\xe3\xdf\xe5B\x85|L\x00\xa2y?\xf4\x08x\x8e{7)\xd0MD\xb4"y\x01\x88\xe9o[\xf9\x1c\x99r\xf3g\xb1#_\xa6\xbas\xd3g\x1c\x7f\xe1Sd\xce\x8e\x02\x98\x9f\xc5{n\xffo\x1d\x0e\x00\x00\x062\xe0\xad&amp;uv\xd2\x07N\xabFK\xfc\xbeq\x05 \xde\xd5Cm{[\x9c\x80\x0e\x14*$K,&lt;4e\xc9\xc4W\xa9\xc9\x8b\xc5\x80\x03P=\xaf\x8fP\x11\x08\xc8a\x02 \x8b\n\x82\x12(W\x92\x86\x1aN\x8d\x14W-\xc4GlJ\xc6\x7f\xcd\rUs\x15"\xf5;\xc3S\x80\x84\xd1R\x03\x06\xdc&gt;\xdb\xe2\xfe\x00\x9doEp\xee\x87\xb5:uz\xda&gt;G\x88\xee}\xb0\xd2wN\xe9\xb7\xcf\xd0\xdd\xb3#\'\x969\x80\xca\xa8r\x00\x00\xdb^\x0f"\xdc=\x86|\xff{4w\xb8\x96O\x1e5\x14ru\xc5M\xdc\xfd\xd8\x15\xb6\x00\xe5\xf9A\\\x13\x03:\xc1\x06\x83\x8e\x99\xcf\xdc\xf07\xc2Zp8\xd67\x9fG\xc5TH\x99\x90\xd9\x97\xf5\xec\xa1\x80m\xb0\x05(\xd1j\xc1)\xee[,r\x00:Q7\xbb\xa0\xfd\xa9\xea\x89\xba+\x9c\xeb\x17H\xe1Z\x9d\xa6\xc9\xfd\x7f\x93\xbf_\x13\xee\xb4~\r\x89+\x00)\x92\x9b-\xcd#\x0c\xdab@\t*c\xb2\xd8\x94\x8b~b\x0fY\x83^}H\xc0E\x80\xd7{\x90\xecU\x04\xcd\x03\xb0&amp;\x98\x00\x98QiL@\xf7\x064\xc5\xe8?S\xec\xe5\xd9\xa8a\x01y\x13$\xf8\xa1\xf2\xeb\'&amp;\x05\xedB9\x99\xb0\x89\xd5\x9a\xb1k_HMX\xb2k\xf3\xfb\xef&gt;v\xd2Y\xc4|\x08\x00T\xf1\xde\xb3X\x15g?\xfe\x9b\x13\xf0}2\xd0s\x92z\xef\xbb\x8f\xe3t~c\xf7\xf2\xb6,\xf6\xd9f\x0b\x9aL=o\x08\xf6\xf3\x9c\xf8\xf9&gt;\xe3\xaf\x9d\xa6\xef\\2l\x90D=\xc9\xc1f8\xa0\x84\x91G\xc0\xb4*)\x98\x00\x9c\x0f|\xbb*Qg\xaf\xc5\xad\xf3\xba\xdcHfS&gt;\xecz\x8as\xdb\xeb%&lt;&amp;\xc8\x16\xb6\x00\xa5[m\x86\x03 H\xcb\x9b/\xeb\xa3EIsT`VK\xc5\xcb\x7f\xfau\xf6\\\x9d\xa5\x9f\xea\xa3\xb7:y\xc9\x9a\xce\xa8\x99-ra\r\xf0A\x81\x1a\xb5\xdd6\x8a\t\xc0\x00\xbah\xf7\x81\x11\x0c;\xf3\x11\xb7\x0c|\x9ds\x8cK\xa6\xce\x8b\xd6#j}Lrt\x88+-\xce\xf5]\xc0\xfaD\x86\rA\xe5\xe5Q\x00\xf1\xb2\xdfa\xdc1\xc5\xfb\xbf\xfd4\xb5\xd9\x9e\xae8M\x84\xd1\xcd\x15\x10v?@\xef\xfb\xeb\x80\x03\x86\xd6\x1b\xa2\x9fv\x07\x00\x90\xf4}Z\x07\xa0s^\xdd\xeb\xd2\xb4\x85\'\x8d\xdf[~\xdf8h@+\x8c\xaa\x01\x00\x03\xaa\xd3\xf7\xe5\x9f\x85&gt;Z\x88\x7f\x8e\xf8IO \x95\xda\xf6Hm\xc0\x041gC\x86R%\x87n\x15=\x11if\x13*\x85\xdazD\xbf\x03`\x9a&amp;\xa5w\xe5\x8e\xd3B\r\x12M-\xb4v\xc9a*U\x8aqj\x1f\x86 V\x98e\x8e\xa3\xaarm\x02#\x196\x9a\x91\x08\xa4\x15O\x01jB\xf1]J#T\x89\xe7]b\xfd\xc7T\x03\xaft\xc2\x1b\xe4o\xd7\r\xf9\x08\xb5O\xad\x93\xc5cr$\x89X\x1f\'s\x1cUw\x06\xbb_5M\xd34\xfd\xbaGy\x93\x0c\xdb\xf13Rq\x88\x84ByV:\xf5\xf7\x9b{\xd0\xa7\xe5\xe6\xad\xb2#\x9bU)\xb2^\xa8L\x07\xde\xa66\t^\xb4\xa0R\x8a\xc2t\x93J\xa6/{\x8e\x85\xba\t0\x01\x00\x1a\xa0\xd2mt\x99\x1aJ"\xa5$\x18g2\x83\xa7\xaa*\xe9\t\t\x00\xdc\xa3\xcd\x026\xcaW\n\x16\x0bq\xaa\xfb69#\x82\x9fp\xb4\x99\xde{\xef\ro:\x04\x00\x98\xe1\xfd4}X\xeb@\xa0\x94\xeeG`PK\xd5\x92v!\xc9\x11|&amp;\xce\xf6\xeb#$\x1a\x00\xdc\xa0\x1d\xacCw:\x1ft\x90M\xc2aVzr\xb1\xad\x0e9(&lt;\x17\x9aW.r\x07\x80^4O\xd8\xa3\xdf\xaa\x88\xed=\x18B\xfd&amp;\xa5};\xd6&lt;\x00\x00\x00\x84\xbb\xee8\xef\xba\xb4\x0e;&lt;zq G\x93\xb18\xd5\xd6\x8a\xf6S5\x00@\x82u\xdb]\xad\x1d\xa7\xc3\x00\xac\x18\xb7\xb6f\x0fm\xfd\x8aT\xa0\x80@\xbc\x08\x0c\xc0\xa9\xb9[Z\xde\x1e \xf8\x96\x99\xeb&gt;\xaf\xef\xd7\xd9\xd0\xd9\xc3\x8a\x90\xb2\xdawm\xbd\xe2\xdc$T\x9d\xc3\xd3\x90\xd6\x03R\x98\x00\xa0+\xbd6\x8e:\xe25j7/m\xdc\x01\xd3\xa8t\xd4\xdf\x14\xb6\xcaj\xfdt\x16I\x9e\xa8D\xb6\x95#\x00\x80lf\xc7\x10\x87d\xafz\xdb\x1d`\x01\x88sV\xd9\xd9H\x13\x8c\x84\x02\x00\xb4\xe9\tn\xefE\xa6\x8b\x024\xa3\x86\xdaE\xdee"\x01a\x18\xc5w\x10\xd7\x19\xdd\xb4\x18\xfc\xb2\x8b\xbfQ&gt;{G\xfe\x02}6t,\xdf\x00@{\'\r1\xad3\x004&amp;2Pf\xb4\r\xf4\xe8+\xebTl\x9a\x8f\x1e\xd0\r\x00\x1d\xf3\xdeO\xd3\xcfh\x1d\n\xe0\xdd\x97\xd1\xef\x00\xd34\xcdm4\xe30\x00\x805\xef\x8f\xfd\x05\x02PZ\xcc\xe21\xa0\x92\x1e\xed&amp;O\xe9\x02\x00&lt;-C\xea\xe4\xb1u\xc5A9\xe3\xb9lC\x8d\x89\x19\xf0\x98\xc5\x04\x00\x00\x80\x82\x1e\xcfn\xcf~k\xacLh\xce9\xe7\xa6\xc9\xf1\xa4\xf9(\xde\xfbi\xfa\xb3o\xbf\xe1*J\xcc4r\xf8\xb4B/(\xca\x87H\x16\x94\xe6\xbd\x9f\xfe:\xc5\x0c(H\xbc%\xb7\xde5\x1c&gt;\xf1f\xfe\xe5\x7f\xa64j\xe3&gt;\xa2g\xd8\x88\x03\x80y\xbc:\x00h\xe8\xfa&amp;\xb7\x7f^\xbc\x0ef\x1f-6&lt;\t\x9f?\x9b\x00\xa4}7$H\xcf/\xfe\xc3\xf0p\xc6\x9eT\x16\x8d3\xbaE\xe1\x1e\x807\xb75\xf6\xa0X\xda/\xa5\x97um\xf9\xd3/\xa9\x17 `$5\x9fr\xe1\x9f\xea\x9cn}\xd2\xa8\x0f\xe7\x840m\x02\x90\xb3\x8a\xcfp\xa5\x14RuX\xd4\xa8\xbeYl4\xd7a6\x17\xf8\xa7]\xb0\rf\x04\xd0\x97\xd4\n\xf8\xa8\xbc?;\xf2\x1bY\xc3\xeb\xb4\x15\xfd\xa89@\xce\xdaP\x93\xc5\xf8\xcag\xd4/3\x13W\x07\x01\x00\x15\x1e\xddX\xf6\xec\xa5Y\xbbv\x18\xec%R\xd5\x83\x03 _\x91\x9a\xbb\xb4r\xeb\x96!m\x85\xbe\xe6rO\xda\x89J_s\x18J\x93\x0bM\x00P\x89\xc5\xd6\x8dF\x19\xb0+\xa3\xf2&amp;\xee\xda\xdfL\x00\xbe\xd0{\xcdc\xbb\xa4\xb0-_\xd1\x18#\xb3HL\xd8\xa4\xb3i\x03\xf2\xa9\xed\xb9\x07G\xa6\xe0Z\xcd\x12\xb2\x1bF\xbf5\x1a\x9a\xdb\x90\x84\xa1\xbc\x86\xf9L\xcc\xd9\x95\xa6&lt;\x16\xbc\x07\xa0\xbd\x9c\xfa\xcc\x03\x9baBB!w\x8e\xe7\x91k\x14\x93\'\x8c\x00\x10"e\x97\xce\xfc\xdf]\x13Q\xbb\xd1\xc8\x1e\x8e\xc7\x85\xb6m\xab\xf8\x8clP\x94C\x12F\xed\xf4\x0c\xa8\x84: \x8e$\xd5\xe6p\xe1\x8a\xcb\xd9}\xa3\x1a"P\xda\x04 \xe4cjo\x7fj\xbe\x96\x9fA\xac\xd16\x9b\x02\x00\x80\x0c\x96\xbb@\x00\xaa\xe57/E\x1b(\xd6&gt;\x80\x11P\xc9\x81:\x98Q\xc00\xad\xa5Wg\xa8nhML@\x0b\xee\x01\xa8\x80}\xcc@=t\xfc0\xca9\xa7\xf2uBta\xa8Fa\xf9\x07\x8e\xb0\x87\x01\x00 \xa5\xff\x0e\xa5\xfb\x08\x1a\xa1\xb0\xa4\xad\x07T\n\x83\xd7\x1f\xae\x00d\xe1!%\xc0\x06\r7lQUb\xfb{\xf2\xd5\xf6\xb9\x9c\r\x83\xd2\x82\xd6UB\x91wD\n[\x17\xfe\xfe*\x02`\x9d\xa2\xc6\x02z\xa8\xeaE\x00\xe8\xf1j\x1c\xbe\xbd\xfcp3|\x08\xdb\xac\x8dR}\xb3\xaf\xae\t@\xa6\x9e\xe2\x02\xa8\xa3m\xc1\x00J\xe8(\x15\x1a\xc2\x00\xa0*\x1d\x8dO%\xf9\x91\xe5\xe9C\x00\x92}y\xeb\x00\x00\xc7\xe8\xdb`\x90g[&lt;\xae\xadw\xc6\x0b=\xdb\x94"\x07\x00(\xaa\xe3\xc1M\xc7Q+f\xa8\xf5\xdak$E\xb8a\xd3\xca\xfb\xb7\xf9\xa1H:\x08\\\xc9\xcf\xf8\xfaj\xfa!\xbf\x1f,\xfeK\xbff\xd8\xa2\x05@\x97\xfe\x1a\xa3\xfeb\x84&lt;\xaf\xd5\xc7n\xcaF7\x11\xd1i\xe4\xad\xa7%\xe2\xde0=\xcb]\x7f\x18\xb9\x90\x00\x80F\xb4\xcb\x00r\x05\xb6!\x9f\xd2[SS\xaa\xfd\xac\xda&amp;\xbf\xed_*\xd6\x1d$\xcd+\xe8\x9e\x10\x8c\x82\x02\xdd\x14\xb6e\xb4\xb0@\x0c\xe6\xcc\xd2d\x12\xb3\xb3L\xe9,:\x80*\x90\x0e\xe1\xcc\x00\x00 \x00IDAT4\xe2\xa8\x8d"\x07\\\xa0\x82\x0c\xe8,\xd3\xc7,\x0cs\xac\x99db\xe2E`\xa2\xde\xae@\xcd\x95+\xb4\x8eQ\x15\x91\xcf{^\x9e\x02\\\xa0\x82@\xad:#\xf2\xf7*\xa0z\xe0\xc1,\xa5\xb4\x0fZ\x07\xa0\x13\xabb\xea\xa7\x98nf\xf9"\xfd\x12"x\xbf\x7f\r\xb5\xa7\x14\x01h\xca\xeb[\x868\x0b\x8f\xb6p\xd6w\xd4\x8d(B\x06\x95\xc6\x15\x80\x96\x98\xdd"\x8d?*&lt;4\x97\x00\x1ax=\xdae\xb8\x1e\xed\xb5J-\xd2\x9b\xd7\x1d\x12\xb8\x1f\x16\xfd\x15\x06-\xc0\x81\xfd\x1d\xeeA\x17\xb0\xa8N\x88\xd7g+\xdce\xa4\x86\xd1g\x99D\x98a\xdf-%\xbbMeu\xb4\x8f\x93:\xe6\xdd\x89\x86\xb0\x8f\xech)\x00\x04j\\+\xa8\x99\xbd[\xbd\xda\xe6\xfd\r\x97\xe4;\xec\x92\\\t\xc6\x11\x85\xed\x83`\xabE\x1b\x98\xe3:\xdd\x8e\xfeJ:\xb3g\x18\xca\xbcn\x8a`CK\x8f\x0e\x9bi\xe7\xdc\xfa/\xceM%\x9a&amp;\x85\xbb\x93\xd1\x93\xb9\x04S\xc6\xf2\xf8\xc9O~\xdcd|4\x83\n\xa3\xef\xbd/\xd42\xa3\x15n\x02N\xc7P\xb5\x1c\x92\xb4\x17K\x7f6\xdfp\xf6\xcaV\xe7\xdc\xfb\x80i\xfe\xdf\xb9N}E\x89\xa0X/TL`\x94#w$\xb8\xc9\x8d&lt;\xc6t\xa2+\xd3\xe2\x0f\x860\x9c3\xb4\x9f{$G:&amp;\x00\xc0\xdec\xa1\xc8\x1f\xf4cg5\xe5\xfc\xb2\x00\x00d\xa9\xb5t-3\xda\xf6\xde\xbbi\xd2\xf8t\x1e\xef\xed^\x99\xe1\xea\xdc!\x92\x03A\xa8?\xb8\x953\x8e\xefg\x0e\xd0\xa8\x9b\x1cg}\x8b\xb6\x08\xe1\x9e\xa5e\xba\x1e\xedHL\x12\xc4&amp;\x00\x13\xc5\xbb\xbaq\xda\xcf5\x1e\x03\nDK\xbdO\xab\xe7\xbb\x8e2G\xf0\x87\x9f4y?\xdc#"\x19!\xff\xf4\x94\xef\x0e\xd8{\x01\xb7\x96\x1d\x86!\x9f\r&lt;\xe6\xc9\xad\xba*+\xa0\xc5&amp;\xb4\x99\xe1\xd2Je\x91\x05tK\xbeJ\xabd\x99A.\x18\xafE\xaf}\x8f\xf8\x8f\xa7\xe9\x9b&amp;%\xd1\xfa\x9fJ\xaf\x86\xa3\x9de\x89tS\x8c\x95T\xaeX\x83\xac\xf8\x1a\xcd\x9d=\xb6\xfeZ\xd1M\x91+\x87+\x00\t\x86\x9b&amp;b\xc39\x976*U\xd2\x1e\xc9\x05\xe3\xea8\t\xa3\xffi7\xda\xf7\xcb\x7fL1y\xed\xc2\x88\xa5\x84l\x8a\xb1\x92\xca\x15i\x94rb3w\xa0\xc2\x9f\xa19\x85\x12\xf2]\xfb\xa8\xafP)\x8a\x11XM\xfeH\xf2\xd1\xfe}\xb9C\x01\x18\x1c\r\x88q\x89\xd9G\xbeC\x1e\xa5\xca\x04\x06\x8e\xf5\x88\x8e\xfe\x0f\x0f)\x12\xcc|zB\x02\xc0\x8a?J\xbb\xf1@:\xc0\xb8\xc3A\xc0s\x98B\xf9V\xe4,\xa7\xea\x87\xa4oG\xa3\xff\xcf\x13&lt;*\xd5\xaa\x10\xea\x02\xd0\xca\xaf\x1b\xb1\xf6}\xedT\xaa\xd9)\x92\x98\xaa\x96\x9f\xa0W\xc2R%\x05\x0b}8\x9a\x00\x88_\x01\xf8,\x91\xa0b\x8d\xeeM\x92PJ\x92)\x83\xd0\x9c\xcb\xe5.\xbd\xf6Z\xbc\x8dF\x8a\xfbr\xc4xn9\xc7\x88\x8e\x9b\xbe\x9c\x87j\x1f\x1e\x91\xca\x85\xfe=\x8b\xfe\xfe\x19G\xda\xf9\xf9\xf5\x17\xdb\x17~C\xad\x8b\x02\xb6\xb4\xc0iY\xe9\xdf\x1fl\xb5\xf9\xe7\xe1o\xac3V[\x9f\xec\x85X?\xa3E\x01F\xb5.o\xa7k\x1fs\xa8\x02\xfb\x92g\x970M\x93;\x9e\x00L&lt;\x0f\x14Cx\xd6h\x99\x17K\xd5\xb1\xb4B6\xc7v\x96\x92Z?/\xfd\xea\xe5\xd6}\\\xb7x\x0ch\x11F\xaf\x07\xc1"\xdd\r\xe3\xab",\x95\xe2\xa2vx\x7f\xfa\xd7\xca5\xaa~\x15\xf6\xde\x1b}k\xcf\xe0\xcd]\xb1\xdbT\x1aW\xec\xa8l]\xc6g\xce\xb9\xb6c\xb5\xa4\xd2\xa8\xba\r\xb5I2I\x19\xfd\x17\xc2\x04@\x1eE5\xe7\xb9]\xff\xbb\xf7\xd3\xf0C\x8a\xa7\xc0\x9b\x98\x95\x96\xb8e\xb7\xa7so\xc3\x82\x83\xd6\x9c\xec\x9e\'r6\xfb\xb9\xc1\xbbg\xe7\x9c\xec\xf8_Ir\x0e\x9e\xadH\x96Wrx\xeaC=\xd4p\xc8K\xbe\n|\xfd\xc5\x01\xaf\x03Z\x88r\xd0d-d\xffO\xe6A&amp;\x1b\xc9\x05\xc4\xa1T\xc3\x08=;\xa9\xf4\x84D5\xae\x00@\xde\\\xf3\x12V\xf1\x03.\x1f\x8f\xb5&lt;\xf0\xdc\nl\xd5\'&gt;\x7f\xa8\xb3\xbf%~\x9c\x14\x1a$.I\xa1\x95\xc0RM\x11\xed\x94\xc6l=y\x98\x8f\x961\xf7&gt;huj\x87\xb9:\xa8%\xc3\xd0\x19\x9b\xb7\x82\xe9\xe3\xbd\x96\r\x01\xa7\x02\xaf\x00L\x17\xad\x8d\xd4\x15\x00\x00\xfa\x15\xbd\xa6\xd1Y\xd7s}Cm\xab\xc8*\xbf*\xa5&lt;xzp\x05\x00P\xcb\xdaz\xc2\x85?y\xf5\xc7:\x8d\xb5\xb9\xe5\x19`\xef\x0b\xed\x17\xe3\xd2\xf5\xbd\xbb\xc1\xdf\xfd\xd6\xc7:\xe1X4H\xe1\xa4[\xd2K\x9f\x08\xb8W\xee\xb5\x1a@IA%v\xff"\xb0u\x81\x7f\xfcpW\xf8/\x0e"U}\xa8\x80\xc0h\xbc\xf7\xd3\xf4\x95\x12\x07\xd1Hm\xc0\xc4\xd5\x8c\xe98\xa3\xb5\x0fZ\x07\x00\x80^9\xd7R\xe7/\x86?\xd1|&gt;O\xb9\x86\xb7\xc2\xaa\x15\x97\x9e\x11&amp;\xea&amp;\xc5\xc7\xcb\xc1\xde~EI\xbb\xb4\xec\x8d\xe9;\x95\xfa\x8e\xdd\xda(\xf1\xac\x8b-@e\x8d3\x95D\x8f\x82\xba\x97\x80\x0f\xdd~b\x19\xe2\x9cv\xd8\xc3\xf4t=\xa31|\x88K\x06\xb7\xafA\xb6F~M\xf2]0\x89l\xa5vC\x053Z.\x0bB\x029H\x8e3\x01\xa8g\x90"\x85\xae\x84\x14Z\x816?d\xa1\xce@\xf5\xa1\x8e_#}\x1eH\x87\xc2B\x1e\x19\\\'$\xa6\xedR\xe9`As\xfb\x1b\xf5\t{[\xf9\xc6i\xa6\x98\x00\x94\xe5VZ\x87\xa5\t\xedm\x01\x04\x1c\x95m\xf7\x13s\x8ew_Y\xe8\xbf\x01StU\xd8Q{\xe4cg\xcd\xe9.\x95\x8e\x93\xed\xed\xeb\x06\x12\xd6\xf9Ro\xef\x06\xf0dq\x94F\xd3\x90\xe0\xe8\x86\xdd\x9c4\xbc?\x9a\xc5\xa2\x85\x04d4\x06\xd4\xb6\xd87=\xfb\xe5\x03\xe3\x84\xc4vR\xec\xe5\x06\x80\x0b~\xda\x8e\xda\x13}\xd2\xee84\xbe\x18\x06E}t\xb7M(\xed!\x00@\x9d\xec9\x80_\x8e\xb1\x0c\x86\xe8\xf00\x06\x16\x1a;\x17\x98\xbf,9\xd7\xc5\xa5\x00\x00\xc8\x96:\x01\x10\xd9;\x04\x03t\xf4\xa0t\xe4\xb8B\xf1\xd0\x8c\x81\xb8\x08n\x02\xee\x1f\xf5\x04\xad\xc4,w-\xff\xd2\x7f\x0f\x19\xcc\xb3\xd8(2\xe8\xa9\xaf\xbf4/\x17\x9d\x9a\t5\xf0\x83U\xa0\x98\xc5\xf6B\xd5\xb2\xab\xb9\xd4\x8b$\x1f;\x85)\xe6\xfd\xf6~\x80\xdd5\x01\xbf\xfao\xd0\xab\xb2\x15F\xf3\x8a\xad\xd0\x0e(k\x97\x1an\x18L\xd8\xf3\x00s\x1bRi\xa4m#\\\x01\x10ftR\xaa\xa4\x02\x0ep\xc7\xa7\xcd\xf2\x11\xc997\x9d&lt;\xfdv\x19w=F__\xf2zagW+:\'qI\x1at~H\x0f5B[\x14:+o\xc8u^\x18\x1eo4\x7f\xfc\xab\x87\xca\xa8M\xf5\x9a\xc8\xe4\x1f\xb9J\x97\xa1je\xd4{?M\x1fS\xe1D!\xa8\x96\xfd9\xb9\x18\xd0[\x13\x1c\x12\x9dW\xc4\x83\xe3\xdeeZ)A\xaa\x02\x03\xa2EE\x96g\x01z/C\x9frU\xaab;r\xca(\xbaq4\xf4\xb7Z\xb6E*f\xd4\x11h\n\xa4\xbc\'\xa3\xff;=\xa6j\xfb\xd2\xd2&lt;\x00\x1a\x91 \x8aD-\xc1\x00A\x96\x96w\xdf\xfc%,|Z\x1f\'\x01&amp;\xc4\x0eV\xda\x0f\xb0\x90\xad\xe3L\xec8j6u\xbf\xaf\x15Vq\x0f\x80\xa4\xf5F6\xa9\n?Z\xbbA\xef\x05\xd44lu\xeb\xf5\x16\x80&gt;\xa2\xa5\xaaX\x86\xac\xc4\x9d\x05x\xfe57\x9c@!&amp;\x00\xa2\xe6J\xfeON[\n\x17\xf3\xf8\xaa\xf9\x834\x1c\x9a1]1+\xfd\xda\xdau\x8d\xa4&lt;\xe8\xe7\xbdw\xce\xd5\x1e*\xd7*\x18\x1d\x94?m\x95(\xa4\xb4\xd0S\xc3\x9c\x0fZ\x07\xa07\x8fV`\xd7~\xa5\xb6\x0ef\xda\x14\xef\xfd\xdb\xb3\x12R9\xe7\xb4\xb5\xfe\x17\\\x17\xddm\x07\xae\xcb\xccI\xc9\x9c\x7f\x93\x90\x81W\xb59\xa4\xa6?\x07\xa0*8\xf7KZ\x07a\x08\xbebk\xae\xa6p%\x9a\x9f\xbb\xd3:\x14\t\xf6\x99L\xff\x00\xbd,\xd61\x03\xe6\xe1\x88\x9e&gt;\xde\x1cU#$(\xf7\xcd\xbc\xff\xfa\x80\x8f\x9d\x95\xa8\xca\x85Mc\xe3\xe0\xbd\xf91\xa3\x01\x95\xa6\x004\x9e\xb0\xa3\xe6\xbc\x18[$})\x1a\xbb\xf9\xae\xd1\xed\r\xebp\xf9\x7f\xbd\x88\xb8\xf9@\xd2\xa5*\xb1\x8e\xeaUP\xbd\x9ft\xactRwj\x89.E\xeb~d)\xc6\xd7\x99e+7\xc3Ck+^\x80~\xdc\x03\x90\xebl\xef\xc1\xb3\xa9\x8a\xbe\x02\xc8\xb6\xf2d&amp;\xd2\x8d\xfc\x15\xb6J\xccex\xb0\xd9\xb3\xbb\x197\xf8\xf8\xb7_\xcb\xe6\xd8|\xf6\xf9\xe6\xc0\xf7p)\xa7?\x84\xca\x1d\xbc\x17/\xe2\xcb\x8f\xbb\xc2\xee?\x16\x1b\xac\x86\xc2Ck+^\x154\xedGh\nz\xc0\x04 \xd3\\\r~\xc3\xe1\xdf\x1a\xdcg\x06\x0b\xe8\xc9\x84\xbc\xe6R\xcf{\xeb\xf7o\x14\xbex/G\xc4\x99\xc4\xb3\xec\xf0\xa2\x85\xec)\xc4\xcd\xefon\x1d\x8a\xde\xac\x934 y\xf5\xf6)\x86\xca\x86\xa1\xa0^h\xd5\x8f\x98X\xc22\x10D\xd8\xf7\xe1\x82o\x94x{Q\xc0o\xa0\xf8\xf6\x8a\x9c\xcd\xe1\xf7\x02\xbf\xb8&lt;\xf9\'\xf2\x8b\xe2\x96\xb3o\x03\xf0\xdb\xf3\x82T:R\xf4\xa9\xa5\x1d\xa5p\xb94\x0f}\x1dM\xb1\x00\xa0\x8e\xa29\xa8\xb4xPnaI\xd2\x98\x06qHX\xd3vu$$7\xaf\xde\xcc\xdd\xae\xf7*R\xc7\xf3\x9b\x8e\x9b\xafS}\xcaX2\xaef\x03u~\xae\xb7\xc0\xac&gt;F\xeecKm\x97\xaa6`\xaa\xb0\x05\x08c\xa1]\xb0\xea\xbfL\xc9\xb8\xf5\xf6\x8a\x93\xbf6)\x0f\xa1/\x03\x89\xf2\xc9\xd9G\xb8\tU\x9f[\xd7\xda/\xb8,\xfb\xd6*o\xea8\x89\xf8#\x14\xbb Uz\x84\xd1\xc5?\xd3\x0e\xd8&lt;\x7f\x05i\x8b\x8b\xfb-A\x1f\x8b\rv~4\xd9g\x1b\x824\xd2\xc7{O\xf1-\x84\xc7\x1dJ\xf3\x95\x1e\xcdq\xd0#\xb8\xd5\xff_|my\xe4\x8e\xdf=_|9(\xd5\r\xd0`\xd3\x9e\xd4j^l\xa0\xbd\x82,\xae\x00D\xa8\xb3g@\xd7\x04\xbf3\xb4\x9b\x05TX\x94:&lt;\x83?\xf9\xfd\xda\xab\xa7|&lt;H\xf1-\xb4\xcb_\xb5\xad\xab\x01\x83\x9bW\xee\x19\xe9\xae}\xd1\xf3\x07\xda\xab{$Q\x00jW\x04_\xe5\xd1\xfe\xb4z\xb0\xe6\xc3\xa7\xe9\x1f\x14=\xc1E\x87\x17UY\xf6U\xf8p&gt;\x90\xa6N\xfb\x00\xf4\x8c\x8b\xb4\x97v\x17\x01x\x91\x16\xd2q\x05\xa0\x86\xa8[{i\xfd`M\xd9\xd1\x7f\xb0\xfb\xdb(\xdf\x1f\x12\xba\xbf\xa0\'\xb0h\xf4\xaf\xb1\xf2t\xa7\xce\xb6\xec&amp;\xab\xa4,\xcd\xe6x\xdc\</t>
        </is>
      </c>
      <c r="E218" t="inlineStr">
        <is>
          <t>&lt;class 'numpy.ndarray'&gt;</t>
        </is>
      </c>
    </row>
    <row r="219">
      <c r="A219" s="1" t="n">
        <v>217</v>
      </c>
      <c r="B219" t="inlineStr">
        <is>
          <t>steps_per_sec</t>
        </is>
      </c>
      <c r="C219" t="n">
        <v>2500</v>
      </c>
      <c r="D219" t="inlineStr">
        <is>
          <t>3.0831282</t>
        </is>
      </c>
      <c r="E219" t="inlineStr">
        <is>
          <t>&lt;class 'numpy.ndarray'&gt;</t>
        </is>
      </c>
    </row>
    <row r="220">
      <c r="A220" s="1" t="n">
        <v>218</v>
      </c>
      <c r="B220" t="inlineStr">
        <is>
          <t>Loss/RPNLoss/localization_loss</t>
        </is>
      </c>
      <c r="C220" t="n">
        <v>2500</v>
      </c>
      <c r="D220" t="inlineStr">
        <is>
          <t>0.13857847</t>
        </is>
      </c>
      <c r="E220" t="inlineStr">
        <is>
          <t>&lt;class 'numpy.ndarray'&gt;</t>
        </is>
      </c>
    </row>
    <row r="221">
      <c r="A221" s="1" t="n">
        <v>219</v>
      </c>
      <c r="B221" t="inlineStr">
        <is>
          <t>Loss/RPNLoss/objectness_loss</t>
        </is>
      </c>
      <c r="C221" t="n">
        <v>2500</v>
      </c>
      <c r="D221" t="inlineStr">
        <is>
          <t>0.026705205</t>
        </is>
      </c>
      <c r="E221" t="inlineStr">
        <is>
          <t>&lt;class 'numpy.ndarray'&gt;</t>
        </is>
      </c>
    </row>
    <row r="222">
      <c r="A222" s="1" t="n">
        <v>220</v>
      </c>
      <c r="B222" t="inlineStr">
        <is>
          <t>Loss/BoxClassifierLoss/localization_loss</t>
        </is>
      </c>
      <c r="C222" t="n">
        <v>2500</v>
      </c>
      <c r="D222" t="inlineStr">
        <is>
          <t>0.1891594</t>
        </is>
      </c>
      <c r="E222" t="inlineStr">
        <is>
          <t>&lt;class 'numpy.ndarray'&gt;</t>
        </is>
      </c>
    </row>
    <row r="223">
      <c r="A223" s="1" t="n">
        <v>221</v>
      </c>
      <c r="B223" t="inlineStr">
        <is>
          <t>Loss/BoxClassifierLoss/classification_loss</t>
        </is>
      </c>
      <c r="C223" t="n">
        <v>2500</v>
      </c>
      <c r="D223" t="inlineStr">
        <is>
          <t>0.075931124</t>
        </is>
      </c>
      <c r="E223" t="inlineStr">
        <is>
          <t>&lt;class 'numpy.ndarray'&gt;</t>
        </is>
      </c>
    </row>
    <row r="224">
      <c r="A224" s="1" t="n">
        <v>222</v>
      </c>
      <c r="B224" t="inlineStr">
        <is>
          <t>Loss/regularization_loss</t>
        </is>
      </c>
      <c r="C224" t="n">
        <v>2500</v>
      </c>
      <c r="D224" t="inlineStr">
        <is>
          <t>0.0</t>
        </is>
      </c>
      <c r="E224" t="inlineStr">
        <is>
          <t>&lt;class 'numpy.ndarray'&gt;</t>
        </is>
      </c>
    </row>
    <row r="225">
      <c r="A225" s="1" t="n">
        <v>223</v>
      </c>
      <c r="B225" t="inlineStr">
        <is>
          <t>Loss/total_loss</t>
        </is>
      </c>
      <c r="C225" t="n">
        <v>2500</v>
      </c>
      <c r="D225" t="inlineStr">
        <is>
          <t>0.4303742</t>
        </is>
      </c>
      <c r="E225" t="inlineStr">
        <is>
          <t>&lt;class 'numpy.ndarray'&gt;</t>
        </is>
      </c>
    </row>
    <row r="226">
      <c r="A226" s="1" t="n">
        <v>224</v>
      </c>
      <c r="B226" t="inlineStr">
        <is>
          <t>learning_rate</t>
        </is>
      </c>
      <c r="C226" t="n">
        <v>2500</v>
      </c>
      <c r="D226" t="inlineStr">
        <is>
          <t>0.03999743</t>
        </is>
      </c>
      <c r="E226" t="inlineStr">
        <is>
          <t>&lt;class 'numpy.ndarray'&gt;</t>
        </is>
      </c>
    </row>
    <row r="227">
      <c r="A227" s="1" t="n">
        <v>225</v>
      </c>
      <c r="B227" t="inlineStr">
        <is>
          <t>train_input_images</t>
        </is>
      </c>
      <c r="C227" t="n">
        <v>2500</v>
      </c>
      <c r="D227" t="inlineStr">
        <is>
          <t>[b'1024' b'1024'
 b'\x89PNG\r\n\x1a\n\x00\x00\x00\rIHDR\x00\x00\x04\x00\x00\x00\x04\x00\x08\x02\x00\x00\x00\xf0\x7f\xbc\xd4\x00\x00 \x00IDATx\x9c\xed\xfd{\xd0&gt;O\x7f\xd0u\xf6&lt;\xf9I8D\x90\x18\x15\x81M\x02\x0b\x1b\\\x11\x16T\xcc\xb2"((\xee\x9a\n\x87x\xa8 \x1aR\xba\x110\x01\xc2!D@@\x04kI\x96]\\\x93l\x80\x88\x1cb\x05R\x1c\x96\x04P\x11w\x83)R\x80`\x19\x11\x05\x02\x86P\xc4\xa8\x04\x82\x9cLbb\xef\x1fs\xcd\\s\xe8\xe9\xe9\xc3\xa7\xbb?\xdd\xf3~\xd5S\xbf\xe7\xfe\xde\xf75=}\xee\x9e\x9e\x9e\xb9\x8c\x01\xa0\x80\xb5\xd6\x98?\xdd:\x16\x97\xecF\xeb\xb8xX\xb3D\xb5uL*\xb1\xd7\x8c\xf9\x92\xcc"\xb3\xd6\xceY\nA\xcf\xa9\x9c\xc0\xecQ}2\x80g\x19\xbe\x83k&lt;\xfb\x8f9\xaf\x92\xb2\x88\x8aFr\x9c=\x17\x00\xa7\xeb\x81\xf4\xb0\x13"6\x1c\xb1L\xf8]\xe4\'\x1e\x8e&amp;\x00`P\xffh\xeb\x08\xc8;\xcc\x02\x05\'\x85\xa3.3GeQZ&amp;\x94\x9c\xfd\xefB\x1f\xb2\x80\x80\x1e\rpA\x1e\x9c\x84\xeeS\n\x00C\x11\\\x18\x9e\xc3\xf9\xf1\xf6\xb5u\'?\xc0G){\x01\xd0\xcd\xbe\xaf{\xbd\xc7\x1fH\xf3\xbd\xfao\xbc(gj\x1d\x01@\x11k\xed4\xa54\x8a\xe4\x03\x03\x83_~\xc8=\x85H&lt;\xe7\x11e\x9a\x04\xe2\xb3\tm\x9a\xe3V8\'\x87\x12&gt;\xb4\xa7f\xe9\xee\x0c\xfd\x96\xcbZ\xa9\xa8]\xb7\xac\xb5RM\x1b\xabF\xb9j)Gx|\xa8u\x04\x00E\x92\'\x07\xf3\xccU62\xb3e\x05g\xb2V`!St\xf6#\x13\xd44Ms\xac\x98\x99\xb9\\.\xc0\x07V\x86i2\xd3\xf4so\xcfrut\xc8)\xf4\x13\xb9\xe8\x1dx%\xf5\xb0\xcb\xabfB\x07\xce\xd5\x93\xfa\xad\xa9Y\xfb}R\xb1v\xec\x83\xd6\x11\x00\xb4\xc8Y\x1d\xb4\xcb&amp;\x16\xf1Y\xec!\xc0\xedz\xf9\xf9\xaf\x15\x14=/\xc3\xc6\xc9\xe5\xa5\xe54\xb9\'j\xf3\xc5T\xe4\x8a\xe3\xe4Z,\x1c\xb042\xae\xf0\xcd0\x97C\x17\xde\xa9\xab\xd9\xab&lt;\xe4\xb2\xff!\xc9\\\xfc\x81\xd6\x11\xa8\xa4\xd5(\x0c@X\xeav\xe7J\xb3$%\x1b\xb2\x8b\x9e\xbdy\xea*;\xac\xbc&amp;\x1c~\xda\xeb\x9f\xf5*\xa1\xcd\xef&gt;]\xeaA\x821&lt;&lt;\xf9@8\xba\x8b^p\xe1\x02 \xd4a\xbf~\xeb\xe8\x14!\xbd\xa8c\xad\xadt\xc3$u\x95\xfa\x1d\xcc4M\xc6Xc\xdd\x97\x11\xd3r\x0e\xcdX\x93\x03\xda\xea\xa2\r\x0e&lt;\x84\x85c\x0b\x10\x10\x8a.\xe3\td\x9f\x02/\xba\x10\xb6\xdd\x1e\x94\x1cm\xef\xbf\xf7\x7f\xeca\xc5\xa8\xd3\x16J\xdf\x82aP\x93{\xc1C\xc0@(\xd9~\xad\xeb\xfb\xa4\x9fQ\xfd\x8c\xaa\xf3\xea\x9f\xbe\x8c[_c\xa1?\x8b{JIo\xfa\xaa\'\xd2\x147m\x0cj\x9at\x8f)\x00\x86\xd6\xdf\x05@\xc3\x8b\x96\xae\xaf\x97\xca\xc9\xda\xa3\xff)\xe7}\xfe&gt;\x05\xa2\xefAY?\x07e\x8d\x06.\xfa4\xfb\x9c/*~\xf2\xaa\x03\xf0P\xc9\xfb\r\x96\xcd\x9d\xa6v\xd7a\xad\x15:\xef\xb6\xd3\x1f`\xd9539\xe1\xd3\xfa\x07\xbc\x06\x07\xc0\xd3u\xf1\x00\x83\x14\xb6\x00\x01G\xce\xf5\xce\x91\x96\x9f3;\xb7\x8a9\xf1z\xb9\xea\xfa\x90j~\x88\xd3\xb4\xed\xdc\xbb/\xd35-i#V\xccQ\x8f\x18\x11\x11\x83\x9br\xcfE\xd1\x0f\x80\x0b\x00\x0cB\xb0?\xba\x9e\x14\xdd\x9c\xa2\x9f&gt;1\xfd\xfb\xceL\xc5\xd5\x91\xf9\xcb\x15\xa4C}G^[q9\xeaO@\x14\xd7\xef\xb8M\xab~\xcc\xeb\x91\x8a\xba\xf3\\\xa3\xae\x91\xaf_L\xf9\x04\\\x00`\x10\xb2\xdfq{\x11\xda8\xfdB\xf2\xb5J\xe5\xce\xb1\xf4[t\n\x86\x1e\xef\x14\x1f\x7f\xea\xb3\xd6__\x17\x0caAh\xcb\xa8:\xec\xf2\xed~\xfd\\\xd8\xd7\xf6\xcc\x8a\x01\x8c\x81\xd6\x0b\x04\xea\xe2-\x88\xc1^\xbb\xea\x9do\xae\xd4\xf2F\xc2\xccw\\\x8e\xee\x95=\xd3\xfe}\x16\xe1y\x15\xf3\x00\x00\xf9\x8f\x01\x14\xfcR\x8eV\xf4t\xd7\x10Q\xb3@\xb9\x03\x00\xdc\x1bm\x11\xd0\x9b\x9a\x9c\xdeG6\x9bF\x18\xd8\n\xd6\x9b\xe9}\xb7z\xda\xeek\n\xad\xac\x81\xd9{\xfd\xb1\x91\x9a\x04dh\xee(\x15G-\xdd\x08\x9d$6j\x16(\x17\x00\xc0\xfd\xa05\xfd\xdbu"RU\x89~\xa6\x83\xd1\xc8Z\xf3\xa9\x12\x13\x81\xb0\xd9\x84\xad5%:e\xbc\xe45\x00\x10\xa8a\x85\xba\xef\xc6\x0bo\xeff\xb7\x18\xfaB\xef\x0f&lt;\xeb\xcd_\xe5\x94\xb8wY\xa4h\xac\xcd\x9f\xa7XkC\xde\x8cY\xf9\xc5\xa9\to\x05\xf5OYzh\x14c\xed\xcdKs\xbd\xa3/\xf0\xe8\x1e\n\xfaF\xdbT\xb0_\x11\xdd\xe1\x0e\x00\xf0\xec5\x1b\xc1\xb7\'I\x05\xe4 ZF\xfb\x11\xba\xe8\x17]-\xb3\x81Js\x82\xe9\xb4\x17hI\x9a\xfb+o\xfa\x9f\xfd\x87\xd5_\x1d\xeb\xb2?\xafX42\xc3\xed\xa1\x9c\xefi\xd8\xbb\xd8E\x93Q\xe1\x8f\x17\xe9ru\xde\x81\xc9|[\x83`L\x00\x08\xa0Y\xd6R#\x9f\x1b}\xd9mAW_\xe5\xeb\xfc\xfd\xd5\x87\xfbg\xdf_%\xa1 E"q8\x04b\xad\xfd1\x02\xa5\xd6&gt;s\x80\x18\xee\xef\xeb\xd5\xd0\xcc\x0fr\x1af\xe9\x8e\x8b\xabU E\xf2\xed\xe61\xee\xb6\x0ff\xc8\xdb\xf7\xc9#\xc7H\x99`\x8c\xd9\xbd.\xa9\x7f\xce\x0e\xc4\xb2\x89\xb1\xb5\x87t\xec\xd44\x00O\x97w]\x1ex\xac\xba\xc5\x8cb\xfe\xae\xd6\x11(E~\xfd&amp;*\xc0/\xb6\xd6Z\xf3\xcf\xbc7\x02\x8d\xbe\xe4\xef6v\xea\x00\x00\x00\xa0h\xc2\'&lt;\xb7\x16\x08\xea\xefZ/\x06\x9et\x85\t(\xa2\xa7\x83\x02\x80\x07\xe8o\xa5\xf3\x1cU\xf7\xc6\xc7\xe7"7\x80\xd1\x8c\xdf\xa8\xf5\x0eC_\xa65b\xc8\xf6\xad\x9d\xcd\x7f\x80\x14\xaf\xc7\xfe\x8e\xbf\xadS\xfb\xcb\xbd\xe8c\x8e\x7f\xb9$\xf4\xd6;\xf4v9\x87j\xfe\xab\xd6\x11@\xaa?B\xa3\x06\x8a8\x8f\x98&lt;\xc9\x81\xbe\xd9\xb0\xd7\xb1wm\xdbh\xdfO_\x9d^f\x1f\xf9\x14\xda\xf1\xed\xe9\xee\xb3\xe8\xf6\x90\x07\xefJ\x1b\xe9\x19\xe8MZ\x8c\xaan\x81\xba\x1a\xc6Z;B=\x04\xf4\xe3{\x00\xd0\xbd\x87,\x18\x1d\xbe\xc6\xf2\xf0\x15\xb3\xaf\x9f#\xf2\xe2r\x88\xf5\x0c\xbeeoA\xc4c\xa2\xe0w\xbb\x98zX\x13\xeaz\xf1\xf5\x94\x96\x86qq\xa0\xae\x86)\xfbe\xbd\xc8\xd4u\x17\x01\x00\x8d\t\xf7\xa1Khl\x89\xa9,\xe7\xed\xce\xb21\xc9\xb1\xad6\t\x11S\x95\x16c~m\xc9V\xa0*\xa5(\xa1u\x17\xaa\xab5=\x85\xb2N\x0c\x00"U\xb8\x00\xa0\xa3\x141\xcc\xa5\x9a\xce\x84\x14\x8a\x95\xc2\x94*\xb1\xbcT\xaa{\x9b\x17d\xb5;\xbd\xf6j\xa6&lt;z8R_\xa3\x808\xe3Uh\xfd\xfd&gt;\xc4\xf40\xccw\xacP\xdeRdO\xd0\xb6\x94\xa9cj\xb8\xbbh\n\x08\xc0\x8b\xda\xee@m\xc4\x00\x00\xc9b\xfbv\xc6\x02Ad&amp;\xa0B\xa9\xa6x\x1d\xac\xf3\xd5\xa2E\xe2P\x00\xab\xce\xe8\x88\xb6\xc7\xcd\x01q\xb1}2\x1dx[\xe4?0\xb8\xd8\x1e\xb9\xa3N\xa1ylC"\xd0Q~\xa6\xa9V\n\xc3\xe7$\xd0\xb7\xd6\x1dr\xac\xbeb+\xceZk\xfe\xbdA\xde\x99\x06\x00\xf5\xd8\r\xff\xc7\xaaE\xa9\r.\x00\xf2\x8c\x9a.\x00\x9a\xed\x9f\x11\x1f\xa1\x17\xe2{\x00\xf0H\xed\xde\xb7\xf0\xd8\xe9K\xe0\xdb\xbd\xf5\xbc\x05\\\xaa\xa4\x8e\xe1L\xd3\xf4\xa5"\x01\xdf\xd0\x93\x93\x82,_\xa7\x05,dG\xb1.\xc7\xa6\x06q\x9e6\xff\x05\xd0\x95\x90uh\xa9\x13\x9d\xd7\t\xba\xecd\x9fG\xb0\x86\xac\xd5`\xfe\xe13Fygb}R%\xf2\x0f\xd3\x06\x81\x13\x9dc\xd3]W\xac1\xce\x00\xb4\xea\xe3u\xcbh\xa9D\ry\x85)\x11\xec\x00\xb5W\xe6e&amp;I\xc54@\xee\x95F\x16%#\xeb\x04\x05\xf4\xc3\xe46\x80\x02\x9cK\xf8\xcaqm\xd3\xcaU\xceo\x7f\xd9\xb0h\xa8\x18o:JD3\xb2\x05\xc5D\x8d\xaa\xd4C\x00\rt\xd9\xf5l\xe7y\xbe)\xe9o\xb5WG!\x8d\xf4f\xdc2\xf7\x1f\x00@\x14w\xe1\x00(\x95\xd6=\xf5\xdaCm\xe6\x8e\xd7\xa9\xe0\xe5\xd3\x8f\xd3q\x95nd\x80\xec\xa2\xd0\xe1\xd4\xbcV4\x8f\xc0x\xc8R\xc0!j\x14\xb4\x1bEcu&gt;o\xcd\xd3]Q\xb5\xebII\x9e\x00\x9d\xa2\x05\xc1\xe9v\xb3"\xba\xe2\x9f\xb1P\xac\x00\xb4\xb9\xfbB\x00\x06\xa4l\xcf\xcc@j\x0e\x9e@~\x97\xa0l\x80P\x8e\xef\x01\xc0\x98\x12\xa6\x8ft\x7f\xb5]\xbf\xd0\x9d\xb2C\x86\xc9P%0&gt;^E\x0f\x00\'\x1a\x1eKb\r[\x9673\xcb\xe63\xe5\xd8\x1f\xedEF\xe7\x00e\xa8\x90\x00\xba\xa3u(m6\xc6W8o\xeb&lt;\xafq\xf6V\x0f\x84\xc0\xcf\n}\x9dB[\n\xeb\x95\xb6\xf8\x00\x00\x00M\xf4\xcd]\x04m\xdf\xa3zu\xa51p\xf2\xf5S8uN0F*`\x8c\xe9\xff~N\xef\xf1\xcfU2\xf9\x9f\xfe\xf0\xbc\x05z\xd3zl\xa6\xcb\xa8o\xc9\xf3_l\xad5\xff\x97\xee\xf3\xff\xaa\nQ\xb54`\xf6\xdf.\xf9\xe99?j\x91=\xbc6\x16O\xbe\xd6\xbc\xe5!\x12\xc0a\xee\x0e\xa6\xeb\xa7T\x81\xba\xac\xb5A\x15\xf2&lt;\x92m\x8fZ\xff:\x99\xd7C\xd8\xd6Z\xeaye\xbdt/\x19u\xc3\xaa\x9d]\xa4f\xfe\xab\xe9\x04\xb6\xc1i2js\x00\x07\xbd\xb4Gq\xbc\x05\x088Sz\xbd\x8e\x07\x9b\x82\xc6\'\xc7\xec\xff\xe2\x83\x9bp\xaf\x03\xdb}\xa3\\\xf95\xc2\xa7\xb4;g\x9e+\\\x82\xcd\x98\x12)\x9dK\xa5erR\xddw\xe7\x80\xc2R\xc64\x85\xf5\xae\xc3\xe1\x02\x008\x9b\x1e\xdb#\xf4\xef\xb9\xe3\xabs\x96b\xad\xf9\xe7\xe7\xf9\xcb\xba\xf6?E\x0cx\xa7y\x7f\xc1\xec\xb5\xf6Y\xd3\xa3C\xde\xd2\xdf\xa85m\x04~\xde\xf9\xfb\x11\xaa\xf7\x00I\x00\x00\x8cH\xea\x9b\x8c;\x1b\xe7\xac\xd7o\xcc\xd8\xf4| \x1b\xed\xc3\xb9\xba\xcb\xf6\x1c\x0f\xdfx\xfd@\xc9%\xdei=\xe94\xda\x00\x80\xbe\xbc\x07\x1b\xdf@\x1b6\x06k\x1e\xba\xceq\xf3\xcf\xfe3g\xd5\xde\x90%i\xce\xf3\x12\xb8\x008\x18&gt;7\x9ev\x01\x80\x0c\xffR\xeb\x08\x00@\x97F\x9eZ\x1d\xa6\x11\xfe\xd9\xbfH&gt;T\xb9\x00(rQ\x11r\xd6\xcag&lt;G\xa0y\x1c\x94\x10\xca\x87\x8f\x95\x08$\x99\xaf4\xf3/\x00\xa8-OP\xae\x94\x0f\xc1\xf2\x0c\x00\x80\xf1\\\xee\xc1\xfd]\xfd\x0f\x9f\x9b\x1d\xc67\xe3\xc4\xbc\xdd_\xf4\x8c;\xa2\xa3T\xe5-\xf0\xbf\xa8\xee\xe9P\xcd\x9f\x13\rm\xae\xe1\xe1\x132\xdfs\x02Y\x8f\x96\xf5\xdfqA\x1b\x1e;\x02\x82\xd8\x16oKlrR\xf4\xc23)Y\xdf\xf2Y\xe1tRU\xd4\x06\xbd\x8cO\xf8\xfd\x924\xb1\x8d\x90\xbc-\xf8~O\xb5e\xb1\xd6\xfcF\xd1\xb3\x81\xaf\x00\x06\xfc\x0eM\x8c;\x00\xe8\xc9\xb3\xee~\xbe^&amp;\x8d\x87K\xda3 \x1e\x0b\xcf\xb9\xaa\xb6\xca\xe9\xbc\x01)#\x024\xb1\x8d\xa0\\,8\xfb/\x14r\x8e\xf5\xa2\x94\xf97\x06p\xa8\xc6\\\x00\x00A\x1a\x0c\x00\xd34\xee=:\x8d\x83\xbdN*\xe7Eg2\xb1\x0coe\xdb}P!\x9fw\xcf/\xad\x19\xb7\x89\xc5c\x8e\xeb\xde~m\xcdZ\x7fD[c\xf0Vo.?P\x04\x17\x00\xe8\x89\xb2~\xb0\x8f\xa9\xd9J\xc9\x03d\xd6\xea\xfd\x96\xd0l\xff\x96x\x88iu&gt;\xfc\xa8\xf0Z\xe1\xfd\xca\xb0\xc0\xb3%\x86\x7f\xf8\xd8\xee\x93\xc1\xa7v$SW\x7f2\x1e\x15\x1dN\x94\xf3b\xff\xee\xeb)D+\x0c7\x16\xc6\xb6t\xad\x9d5\x01\x00wtL\xa6c\xf5\x18\xe7\x8eT\xcc\xde\xab\x17\xf3D\xbfK\xe7\xfa\xc3\xcep.N\xd7\xb4^9\x93p\xf8\xa5\xb5\xd6\x98o\xac\x15#\x18\x13\xb9\xe2\x90\xd7v\xca~=EB\xb3\xaaFg\xac0S^:\xdc\x01\x00\x06\xb7\xed\x83\xca-8\xa9\x1d K:\xa6\xb7\xdaz^TN\xfb\x8b\xe6:\xce\x93q\x0c`\x17\x1f\xbeNw\x8550\xcfK\x8a\xac\xb5\xe6\xff\xbb&gt;[\xfcQE\xa3\x81\x83\x90\xe6\xb0V\xb0\x9c\xb6#\xf5\x1d\xd2\xfe@\x14\xaf\xd6?\xad\xe3\x8d\xf3\x07\x1f70\x85R[\xa1\x01\xd5\xfe\x8a\xb5\xdfMhH\xb0\x89\xef\xbe\x08\xddH\xb3&gt;\xc7\x16\x7f\n\xe4\xca\xce|w)\x87Lw\xa6\xc9\xcc\x8f\xcc\xbe\x7f3\x077\x19c_S\x86\xb4\x88\x9d\xcf\xee\xdd\x1d\xd4\xe6\xd5.\xd6\xdaiz])Q\xf9\xd5\x12\xa9\x1e\xa5\xbb\xb8Vu\x18\x90uh)\xd4i\xa0\xb1\x84\xd1%r\xc0\xd3\xbb\xe7^d\xfdO9\xc1\xd9\xc9ZU\x82/\x00|\xf7\n\xe6+\x84\xb4h\x9c\x82Rw\x01\xa0\x16\x19"\x8e5\x0e\xe0\xd6y\xb4\xa5\xc1\x00=\xd2;\xa7\x8f\xf2\x84\x0b\x00AQ\x17\x00\x07\xebr\xf8\xe67\x93I\x9b\x8f\xbaNO\t\x02\x08f\xf9r\x83\xfa\x0e\xbd\xfd\x07\r\xa3\x02t\xad\xe9J^\xce~Y-\x0b\x90\xcf{f W\xf2\xec\x7fs\xf4j\xf3r\xc3H\x14\x1b\x80\x1c\xf4\xfdM\xf0=\x00\x80\x0c%\xd3\xe8Y\xf8L\xaem\xb4\x9d\xf1,\x18%\xc6\x19c\x8c#\x87\xdfw\x90\xd2\xb6\x9f9\xff\x90\x101`0\x8f|\x1dB4Ec\xe7\x83q\x01\x00\xbct\xddk\xab\xba\x1a\t\xf1\xde\xfcS\xf4,\x9d\x17\xabSrQo\xdef\x986\xfb\xf7\xcdlF\xcbec\x8c\x82\xc9\\\xcd\xb37O\xec\x10\xec\xe9\x87.T\x7f\x93\xef\xf6;\x10xY~#\\\x00\x00/Qs!F\xcaH\xd7{\xfd\x0b|e\xd5\xf9@\xb5\x03LR\x8a\x92\xae\x00R\x1e\xb7X/\x18l\x87\xdf\xe9$`\x9a\x1a_Z\xd7&lt;{w\x8b\x08\x1eM.f\xf6\xe7\xec,3\x1b6\xee\xf9M]\xed\xce\xff\\\\\x00\x00\xc6\x18\xf3Y\xaf\xaf3\xeac#M\x87\xd6\xec\xdam=\x8f\xfa\xc2Z\xa1\x08\xdc\x9c%\xea\xab\x8b\xf2\'\x19\xd3\xff!3\x80\xf03\x19\x13}\xf7\xe0\xf5ik\xef\xe7\x07C\xb6\x88m\xf1\xee\xcbz\xcc\x8b!=\x85\x98\xd3\xb8Z\\\xaaZ\xf3\x855\xben\xa5\x98\x01\xbe\x93x\xcc&amp;YT\xefE\x0e\xc8\x08\x9c\x92\xeay\x82\xb6;\xeb{\xd9\x97\x0c\x8c~\x0b\xc4\xf2\xb2?\x13\xdeq\x05\xbe\x1f\xf0?\xb5\xf6\x1f9=_\x1b\xf85F\xf5\xebC\xda\xfcF\xea\x95\xff\xb2\xe1\x0b)\xf7R,{\xf8B4\x9a\x7f\x11\xd6n\xafM3s\xbb~a\xf1\x1e\xd2\x1c\xe4^+\xe48\xf0\x920\xbfD0\xc7t?\xed\x0b\x10\xee\x0ey\x9f\xc87\x9b\xffa\xd6\xfea\xc7\x90s\x98\xef\xea\x1c\x93R\xde\x01jjlq\xab\x93]\xce:P\xf4Jl3\xa14M:\x07\xdd\xeb\x0e2W_\xceW\xdc\xa6\xa6z\x90\xb7$Ga\x1a\x9d@w\xcb*\x8e-@\xc0\xcb\xd2\x11&lt;\xb7;(\xc9\x91\xab\t=\xef\xed!\xa1\xf3\xd6?\xe2\x0e\xe9\xf0\xcb\'n{\xf7?\xea{wh\xc4)RO\xe2*\xb9ON\x0b\xea\xd6:\xa9\x9a^\xcf,\xb6\x99\xfd\x1b\xd5U\xb1T\x9e$\xac\x0e,\xb9D\x1f~\x8fg\xbe\x1f\x9e|C;\x010\xa4\xc4\xfb9\xa71A\xe1\xfa\x90\xe0\x1d\x80\x8b\x05\xb0y\xc6\x99\x10\xb5\xa0\x0co\xbe\xa0\x1ed\x9dK*\xa8\x00\x8fZ\xdcMK\xec\xa3\xb2\xc8)v\xe3So\x8b\xdf\xc2wuzK~\x11|\x11\x18\x80\x82Z\r\xcc\t\xdfnk\xa6\xa9\x8b\x15\xa1i\x9a\x02\xaf\x01\xde{*.rc\xfa\x81\xee_\x1bc\x12\x1e\xaa\x8b/\xe5\xd4\xd7\x19\x15\xaeN\xcc&amp;\x0f\xba\x98-\xe9\x8faQ\xb1\xc9\x7fvn\xc1\x18\xbd\xab/\x80J\xe23\x83\xe1\xa7\x1a]L\x1dV\x9b\xe2x\xcd\xb1uF&gt;\xe4\x02 8\xe6\x97Kk\xb1\xb7\x1a\xea\xe6U\xf4C\xe4qA\xab)z\x89=\xf1\xe9\xa7\x9e\xef\xd2\xa8\xca\x90B\x9e\x90F`\x8bg\x00\x808\xb2#\xc4\xbaF;\xbf\x85T0\xe4V\x0e[K\x9b\x0f\xa8Q\xb3\xd8Ml\'\x13\x10y\x7f\xe0W\x7f\xad\xb0\xf74&amp;\xdb\xab\xce\xda\xe5\x82\xca}q\xe1\xc5\x1e\xe8\x116FK%\xa1\xd5c\x0fM,\x8fy&lt;\x9d`\xfd_\x82\x1a\xa1M\r\x89\x0b\x00 B\x89\x11b\x1dx\xa4\xbe\xb6\xd66\xfd\xde+U\xe3h\xc2\x03\x94k\xe43g\xff\xfe"\xc8,h\x7f\xccD\xb2_\xae*n\xff\x99\x1f\xa4\x8c\xcd#"\xbb+\x01=1\xcc1\xdf\xc2\x92\rPO\xa3F9\xb23\xf5eyK0H\x85:\xbe\xbc\xe1\x02\x00PAv|\xed\xb6G\x126M_q\xfd\xc7\xcb\x8e;x\x87\xfd\xdd\xdf\xafv\xde\xe7O\xa7\xae\x0f\x17y\xb26qH\xfb\xb0n\xaa\xdd\xed+\xbf6\x05\xa4%Q\x91u\xe6!\xf3\xf5\x9f\xd9:\x02C\xf1uM\xa9o\r\x1a\xfd\xeaq\xec\xd4\x01\xe8J\xd4\xfb\xdd\xfa]\xbd\x08\xe4\xcd\x8d\x82i\xaf\xf0\x96=\xebR0\xe8\x00\xb7\xa1\xcaD\xaf\x98%\x15\x7ff\xfb\xabv\xd1\x99\xcf\xdf\xf1\x12ci%2\xa7\x8b\x0c\xb7\xd6\x9a\x8f{m\xb0\xa9vF\xe1N\xa6\x1f\x0fL2\xa0Z\xb9\x9e\xc8Z{\xb5&lt;&lt;^\xf7W!9\xc9\x99\xd6uV\xd7\xa9*\xae)\xb8\xe4I\x05g\xff\xa6\x87\x02U\xd8\xc0\x1f;\xebj\xa5\x83\xdcn\x11C;?\xa5\xf6\xa5\xb2\xa7\xd6\x9d\xcf/\xce$w\x11s`\\\xe5.\x00\xae\x06\xdd\x0e\xc6\x86Hu&amp;\xa9\xd1\x7f\xfd\x8a\xc6\x93\x9e\xc8\xb3_n%JMB\xc4Q\t\x13\xf1\xb8\xa8\x08^\x03\x1c\x1f\t\x18\xad5e:\xe5\xc6O4\xe4\x12N\x86\xab\x0f-\x1fZK3F\x11\xb0u\t8\xb2\xcb\xcb\xefZG\xc4\xc1v\xf5V\xcd\x99?\xce\xce\xbf\xda\xd6\xaf\xe4\xb3\xd6^}yVT \xf3\x0fkB\n\xa5\xeb0\x1a\xe5\xbf\x1eg\x1bB\xf8P\x97\xf0\xb5k\xd5\xdeF\xdeE\xc3\xb9\xcay\xfd1\x07\x925\xef\xed\x1f\x8b\x87\x80\x01\xa7\x90\xceh^\x99\xab\xba\x82\xae\xa9\x97\\\x17&amp;or\xc0\x1f\xe7\xc3_\xd7\xc1\xa0\\J\xd7%U\xcf\xda\xea4M=\x7fSN\x83\xd5\xa9i\xfdO\xc41\x05s\xb8\xc7\xdbw\xe7:?M_\xa7\xa9\xc9\x03q\xfeo\x92\xdfX\x02\x00^\x12\xc3|\xd8\xe11\x0f\xda\x96\x9by(\x9f\xd6\xdc\xc4\xed\x8b\x1a\xc4\xbc\xe8\x86\x19\xe7\xb9\x12\x8eJ;\xd1r:\xef\xe1\x9f\x97\xb5\xbf(z\xdb\x8f\x0ezb\x1b\x10\r{\xfa\xa1c\xeb\xc5v\xeb\x88@\xb7\xa6o\xaf\x06\x80"\xac\xb5\x7f\xe4\xa9\x17\x00j\x05\xcd\x95eN\xd2\xe0q\xbd\x9b\xa4\xfd\xb6\xa0(\x05\xcd\xfe\xfb\xa9{\nZ\x8a\xf5W\x89\xd6\xd1\x0b\xe5\x8f\xe7\xe6\xaf\xf6\x07t\x92"dR\xd0\xb8\x10\x8d;/@\xdfl\xa3\xcd\xcd6`\xe3f\xc8g\xc4|\xb4\xb5_\xf7\xfaQ\xcf=\xe5\xaa9\xb0?\xe9\xecn_\xbe\xbd\xfak\xe0p\x9e\xff\xa4\xc4x\xae\x9ad\xb9\xcaP\xab\x13\xb0\xc6L\xaeT\xccUE\xdd\x93&lt;\xb7\xf4\xc7\xb0+\x97\x9d\tt\xe2\x19\x00 G\xf35\x8fz\xb7\xd7\x0fg\t\x194k~\x05\x8c\xc2\xd9\xff\x85\xb4\xa5\xb2\x88\xfdf\xfb\x7f\xfa?\xee\x9e\xb4E\xc4P{n\x1b\xb3\xbc\xd8W6H\xcf\xdf\xa6i\xaa\xbc\x1aZ\xa9\xce[c\x8c\xf9\xb3\x8e\xd3M\xeb\x85A\xb7\xbes\xeb\x08\x0c\xa0\x83\xae\xc0EO\xbd\xd5\x13\x13\xe0az\x1c\xc0\xe6\x1b\xaf\xbf\xafF\xcc;\xc8\x1c=%\xb8\xd9q\xee~\x145rJ\x1a\x95.\xd7F\x9d\xb4\xc3\xae\xf6\xfc\xa4$\x01@q\x82}\xa0\x9e\xee\x14\x00p\xc4$l\x15;\xdf\xad\x10\x99\xab?\x19\xf3S\x8bF\xf2f\x06\xff\xaa0\x81\x13\xfe\xf3\xe1\xc0x\xdaTl\x7f\x83Jhn\xa2-Tcc\xa7\x0b\x12\xd4\xe9-\x1b`\xdd\xbei\x1e\\\x8d\xad\xb5\xc5\xb7\x14\xdb\x1e^\xa0n\xb2^\x9a&gt;\xda\xd6\xd5Bc$\xdb\xfd\xaf4o#Kg(\x13\x87\xe6\xc9y\x88m\xa9I\x95 e\x87p&lt;\x03\x80^\xcd\xbd\\\xe6T\xe7v\xaa\xb4~@\xe5\xc2C\x8d\x1d\xf6\xbd\x0c\'s&lt;\x83c\xbb]\xcc&gt;\x1c\xf2\x8d\x82\xb1jb\x9b\t\x92\x85\xd7IMx \xd9\x87mzi\xf2\xbd;&gt;H!\x91\xed"\x81\xb0\x8f\x08\x00\xde\x1e\xb2\xd9f\xf8\xfez\xdd\xc72|JW\x89{}\xd4\xe5\x8f\xb6\xf8\xd4\xe6)\x94\x87\xf4N\xe3\xb9\xed\x8b\xbe\\]3\xc48\xb8\xd0\x07b\xf9\xde\x9c\x98\xb9%I\xf6V&gt;\xce6e4\xda\xce\x9fK\xd6\xee\x17\xef\xef\xe7\xf6\xdaj \xed\xc2x3\xc1\xbf\xff\x8dm!\x00\x00\xa8\xa6r\xe5\x15\x97:/\xaf\xf7\xf6\xb6WB6\x0b\xc9\xaa\xee\x03\x88\xc4DIZ\x92\xf93!$\x8b\x96\xcf\xb0\xf5WX\xeb\xaa\xd5w\xc5N\xf5\xccT\x03(\xacz\x87n\xcd\xcfz\xdd\x0bn=\x96$\xfa\x1e]})\xec\xd96\xdb\x03\x8b`)\xac\x8eS}\xb6\xdb\x02\xf4\x11US\x979\xbb\xcd\t\x7f\x00\xe1\x95\xb6tLP\x93\x9e!\xa3\xc1\xa0\t2\x01\x10W\xb9/S\xd2\x83\x07\xd32\xe4\xa4qF\xfet\x01p\x9f\xc0\xcc\xd9\xbf\xd6&lt;l\xb3\xf0\xafg\x1e\x03&lt;\\ZK\xa4\xfdv\x87[\x81@{\xbd\xed\xd0m\x16\xdb\x8ac\xcce\x1a\xd7\xa9\xea4M\x9e\xa7A\xfc\xf7C\x14\x0f\x96S\xcd\xefo&gt;\x9c\xb5\xda\xe9\xd6\x87/K\xdc\xc3\xf9\x9e\x9b\xbb(\x1f\xd2[\xd0\xe8\x95\xe2\xdecx\x9f\xd8\xf5\x8d\xee\x83\xbe\xa6\x1d\x80r6\xe7\xc5\xfc\xb2\xcf\xea\xf1\xe4\xdf\x95s\xce\x9c\x9e\xa1\xcc}&gt;\xf8\xf6\xa1UJ\xa7\xad\xf3\x14\xaa\xd0\xfb\x13\xf9\xf2\x04\x08\xb3\xd6\xf6\xb7f\x04\x8d\xb8\x03\x00\xec\xfc\xd6\xd3\x10\x1e\xb3\xdc\x92\xd5)\xd3\xa7\xd7q\xce\xe7i\x9a\xfe\x1ec\xcc\xbb\xac\xe3\x0bb\xbf\x83\xe5v=[\xb4\xacG{\x0e\xa1;\x9e\xfdK\x7f\xadrT\xee&lt;v\xf1X\xd5C\xedYZ\xdc\xa0\x83\x90\xfe\xab\x1f0,\xd7\x081\xc2\x98!\xa7\xe8 \xda\xe3\x08\xad!\xc2\x1a\xe2\xd0\x97\xdd\xb3\xce\xd9\xbe\xf3\xe6\xeb\x02\xb7a\xde\xee\x04\xab\xef\xb1UeS.\x0f\xcd\x014\xf7\xd8\xd6\x07`\x10\xf4b\x17\x94fK\xb9\xcb\xaa~kB\xad\xf5`u\xf9\xd3o\x91\r)\xa18d\xaf]QS\x89\'\x8e\x00 \xd7\x90\xc3\xc9\xfa\xacg\xeb\x88\xb4\xf5\xdc\xe9\xc2c\x13&gt;\x80~\x0b.&lt;\xe6\xb1i\xeck\xf6\xdfK&lt;\xab\xd1\x96!&lt;\x03\x80A\xd4oW\xaaZr\xbeu_\xe9H\xe9b\xb3\xac1\x86\x97= \xcaH=\x80r\xb1\x1d\xd4\xfayz6\x00\x88\xbb\xaa\x16\x1c\xdb\x86\x1c&amp;\x7f\x95\xb5*\x17\x99\xf4\xc4D@\xe5\x8cUV\x94\x91\xb2#\xdfdi\xa0\xe3\x0cWc\x98&lt;L{&amp;d\x80\xe4\xf7\x9e\x04\xf1\x86L\xcf\x00\x08\xa3E\t\xda\xcf\xfe\x15f\xecwk\x1d\x81\xdc\xfa\xd6h\x0cPX\x94\xa1\xbak\xe0\x0c\xf3p\x8a\xaa\x15T\xa1\xb3\x92\xcf2\xfd~\xe7\xef)\x05\xe0I\x14\xb7\xf9\xb4\'\xc6\xce\xbf\xf1\x84\xb3\xbf\x01\xa0/\x1f\xac\xad_@\x87\xac\xd0\x98-\xd0D\xeb\xc5ss\xb2y\xa2%\x87\x8bu\x08U\x12X\xb27\x13\xcf\x99\x92\x17\x00O\xc43\x00x\x84\xd8\x16\xaet\xfa\x1b\xcd\xae;Em\xc0\xe3\xb0\xce\xab\x05\xcf\xa7CB\x106M\xf5_\x83}8\x1d\xbbo\xe1\xe7\xf9\x8ahq]uS\x92y\xd2$\xdd\xe7\x95\x91\x90~5U\x8d*4\xc7\xbeP\xe0\xbd\xf4\x94\x8f\xed\xd2\xb9\x00\xc0#D\xb4p\xadOY\xd9\x94\xef\x8e}ODn\x8fu\x8eaWG\xbdv\x08\x9d\x86Cm\x99&amp;e\xd4t\xa1\xa4\x8fl\x1d\x81\x91)i\x92\xf9\xd1\xf0,6U\xba\xba\xfb\xd6\x84\x05\xaf\xc0\x0f\xab(\xa3\xd1\x0c\xb2:\t\xd4\xe2\xb9)\xef\xea\xfb\xfe5\xd9\x93\'\x1e\xf7\'\xca5r\xf7\xe2}\xf8\xe6\x9fQ\xee\x90\x00}\xa3\x19j\x10{gu\xfb\xa7&amp;\x1b\xc6\xd6\x0e|\xfdox\x97\x9e\xb7A\x94\xea\xda\x06C6\xd0\x91\x90\x81a\xf7\xd7\x81[xf\xba\x84s\xe6\x18\x94\xd6\xe7%\x00l\xd4j\xa4\x1dt\xcb\xb9\xb1\xd2\x97"x\\\x157[\x80\x80\x1a\xe2;\xdci\xf3\xdf\xab0\xd5\xad\xff\x15Z\xcd\x9a\xef\xb3\'\'v\x92xl`{sd\x8dIl\xa9j+\xaf.u\xf5\x88\xad\xce\xf9\x9f_w\x11\xbe\xb1$\xa7\xce\xae\xa1s\xe6)\xd9\xad\xb4\x95\xdb%\xeaK\x11\x00\xf4\xef\x8f\x87\x8f\xbe\xa1;v*\xd2\x13\x938!\xf7[\xce[\xa4b3\xbfIIi\xaa\x1eE\xbd/\xd0Z\xc7\xe4MY\xf3\x0c\xb2\xdd\x1c\x824\xad\xcb\xfd\xd1e\xa7\xb0\x1f\x00 \x81\x86\x8dv\x9c\x17\x00\x9a\xa7J\xdb\xfb\x16\xc9\x01\x08\xc7\xa9\x8cwJ\xfd\x11~}\xa0\xe2\xdb\x0f\xbf\xae\x8f\x0c\\\xf5R\xe2-\x047\x87/\xb7\xe6\x1fj\x93\x8d\xca{\xa4\x92\x8e\xdd\xf2U&gt;$g\x11\x17u\x00\xd0D\xfb\x1e\xf00\x00\xdcO7ux\xea\x84\xc0\xe1vr\x00\\)Sm\x8e\xcf\x14e&gt;V\xd4\xb0n+iSk\x03\xff8\xef\xe3\xd75\xa3\x94\x8f.\x0b\x00\x8a`R\xa8A\x95\xfc\xafT\xd0T\'\xfdt\x16\x10\xd7\xa8\x99\xc2\xf2\xad\xb3\xbc\xa52\x00},\xb8&gt;Y\x93~J\xe4\xa4O\xeaa\x15\xce-j\xc5\xa7\xd2\xd4\xaa\xaf\t\xdc\xcfh\x1d\x81\x064\x17Pf\xc44\'M\x11\xb2\x08\xe8HT\xbfF\'\xf8\x1c2e\xfd\x98\xda\xf2\xc8\xa6\xb1]W\xad\x94\xf6^2\xb9E&lt;\xdb\xe7\x8c\x92VP&amp;\x1a?\xbf\xd6\x85n\x97:\xbe\xc1\xd2\xc9\xa6S@^\xec\xec\xbf\xcb\x16\x1e`\xec\xd4\xd5t\xc8C\xf1\\\xb5\x9b\xef\xd9\xf9\xc9\x01_\xaf&amp;x\xea\x1e\xf8\xd2+[\x16\xf6$\xfc@\xa98\xa8\xf5\x844:\xe8\xe8B\x97\xda\xd8&gt;&amp;\xcf\xf1\xca\xf3\x9f\x1f\x9b\xe7\x94\x11\xd0\x8b\xcd\xabZ\xdaFD\\\xfb\x0b\x00\xa1S7/\x9a\xa2\x118\xce8\x03.\x00jg\xc8?\xdf\xb2\x16\xf9O]rV4Z\x87\x80~\xb5\xef\xcc#u\x14\xd5+\ty\xdeW\x19\x01\x80\xbc\x84N\xf0\xb1]g\xd4\x92sH\x16\x15\xc8Fn(\xc3\xed\x99m6Yrvu\xd3=v\x11\xc90\xdd]t\x01@::\xbb&amp;\xa2\xb6\x9a\x84\\$\x8cT\x8e\xec|\xd0l\xa4\x9a\xa6Z\x1f\xbb\xba\x87\xeay\x8c1]\xf4&lt;\xa5;\xfc\x0f\x95\x0b\x1ax\x1a\x91\xe6\xaa\xaa\x9f}\xc2\x14\xcd\x96\xfc\xde\xd3i\x9aD\xc2Y\xa3\'\x15\xa0\x1a\x83%g\x1c\xc3\xd5\xb4\\\xa5z\xe6i2\x1ddu\x07Q\x9c\x05\x17S\\\x82\\\xc1V\xbb(\xfa\xbdU\xce\x02&lt;\x9a\x8a\x87\xb1T\xdd\x9d\xbc\x8a\x86\x92\xe8\t\xd1\x92\x96\xb1r5\xc8\x03\x93\xbc\xf5\xf0\xe4\xf7\xc5]Xj\xfaj3\xdc\x1dB]v\x8f\x14\xd6{\x8dX\xd12\xe5\x0e\x00\xb0R\xb1\xc6\xb1.\xbc5\xed\xcao\x9f\xce\x8c&gt;J1\x15\xe5n\x1e\xb8\xe6\x9a_\xc3\xbf\xba\xd3*g\x0c\xb3\xff\xdel{\xe6\xd0\'{PE\x8d\xd2xX\xdf\x0c&lt;\x0e\xfd\xf9\x16\x03\x1c\x8arU\xb0\x07\xd5\xb7s\xe3zns\xf3&amp;\xfc\xf3UfK\xcd\xab\x80\xe7V\x8c0\x15V\xe57EP\xb8,6\xb7\x1a\x18\x82\x81\x0c\xbf\x99\xc6S\x15\xbd\x15\xc29k\xcb\x03\xab\xd0{\xfa\xf2\xa4\xb4\xbf&amp;7a/\xbfR[+\x96\xb8\xe9\x8d!\xfa\xf2\xea\r\xde\xb3\x7f\xea\x15\xa0\x0f\x17\xe8Pb\xa4z8LB\xfaR\xbf\n\xd9\xcdw\xe4\xd5&lt;\xaf\xacnw\x03\xa9\x8d\xad\xda\x88e\t\xaf\x1e\xdbv\xd1[\xa5\x02\xc6r\xdb\x08\xa5Z\xe9\x03\x9b:\x1d\x9c\x14r\x129\xa8?\xc9\xe6\x9b\x18\x1d\xe5\xde:\xbfT&lt;\xd5\x8e\x9b+wA\xe7\x84\x9e\xe7\x1a\x00\x04\x99;/\x85\x0f\xaa\nGl\xe9\xa4\x15\xa6\x14y,C\x9e\x93\xb5v2\x1d\xbd\xe9\x11\xe9\xe6\xb2~\xb5\x84i\xb2\xd6\xc6vt\xe5\x07\x82\xa0v\xbaN\xa6\xe9\xa8\x01\xe0\x86\xc2\x15\x08E\xf6\x8f^\xb5\x8d\x0b\xba\xa3\xaf\xceh\x8b\xcf\x986+\xbb}d\xf8\xe6\x0e\xc0\xeb\xdf\x81\xc7\x95\x8a\xd0\xf9LaQ\xea\xba\xa3\xee:\xf2\x00z\xf4\xeet\x94\xf7&gt;\xca\xa3\'\xe88\x1e{?6\x86\xfb\xc1\xaf\xc3\xc4j+\xa0\xb23\x0c\xa6/\x8b\xbef\xff&amp;\xb9\xa2\xca\x17\xb7@\x80\xdfz\x1d\xab\xbe\n\xa5\x0e\xda,\x00c\xd4\xf7\x05\xca\xa3\'H\xe7\xde\xd0\xa2n\x93&lt;Rn\xd8\x93\xd61\x8as\x15\xe1\xee\x12\xa2Y\xcd\xccL;W\xc8QQ!\x0b%9\xad\x0f\xa1\xea\xbe\xf0E`x\xac]/\xf0\xc0\xf1,6\xc95\xa7/\xb9\xdb:\xef\x9e\xdb\xce\n\\4\xb4i\x8aL\xeb(\x15\xf5\t\xfbv\x9du\xa3\x87\xeb\x81\xf7\xdb9\xafjgr\x0b\x15L\xf8\x12\x88\xce&lt;\x8cT\xae&gt;\xfc\x91\xdd\xbbV\x0f_g\x16\x18FHiGU\t\xa1\x8d\xfb\x97\x81\\\x85\xaf\xb7\xcd\x01\xa8 j\x8ba\xd1\xde\xa2\xaf\xae\xc8\x93\x1b\x8a\xa72m\x94\xcb\x8dN\xb2\xba\xc6\x8b\xb3\xd4:\xaf\xfa\xfb\xb5\x8e\xefQ\xd1XmR\x9d{\x8a\xeaYW!O\n\xf9e\xdb\xb3\t\x9eTa\xed\xbd\xd5c\x9c\x01\xc8\xba\xdfu}\xdb?\xcau%\xaa\xba\xa4\x84\xc8\xa8\x8a\xff\xe8~\x86\xf6\xdc\xf67\x9c\x8fP9\xeb\x95\xaa\xc3\xae\xf9\xbd\xb5\xafo\xbc\xb2\xce\x0fh\xcb\x8d\xd2\xf1\xd1\x96\xde`\x05/\x00\n\x85|\x1d~\x83\xba\xd7m\xb9\x03\x18EX7t\xd3?\xaa\x1d\xbc\x81\xe6zl\x17"\x11&gt;O\xfd\x03&gt;E7R\x9ch\x0e\xbb\xb7u\t\x05^\x89T\xc5\x8b:&lt;\xf0\xc3\xdde\xa61\xc6\x18k\xccOi\x1d\x87h\x1f\xb4\x8e\x00P\x84\xbd~\xbdq\xc8\xee\xc3\xf0.\x88\x97\x10+\xe4)}\xd4\xe1\xc9}\x9d\xa5\x93\x1f\xa5\xc3\xc4\xe5:\xc0i\x9a\x1c\x93\x1c\x85\xd9\xb2\x8de\xcf_\x14 ;\xa1tdB\xdb\x82[\x8b)&lt;\x1a\x93P\xa6D\xa5;&lt;zV\xebw\xce\x1cl\xe2\xa9=\xaa[kW\xc3C\xc0\x18P\xfe\x12\xc2m\xd73\x7f@\x7f\x0f\xf5`=.#\rb\x9a\xa6\xab\xa9A\x9f\xcb{!\x02g\xffa\x7f\xd7a\x9a\xde\x0f\xa9\x97.\xb6\xb4\xd5\xe8\xb0\xa3\x06\xef\xab\xa7E\xd41R\'\x17\ng\x13\xe2\xb8%\xa5\xc1\xb6\xbdp\x01\x80\xfe\xdcv\xfa\xd1\xbd\xe1E \xc6\xdb\x19\xd1O\xa9\xa6{\x9e9\xd2&lt;8v\xea6d\xc3\x89/\xcf.2a\xda\xfc\xb7\xa0m\xfd\x89\xadK!\xd5i\xc8*\'b\x9a4\xf6E5K+\'\xf9\t3\x8d\xcd\xce\xc06\xd9&gt;_\xd5\xcf?\xb3\x05\x08x9\xdf\x82g\xd8\xc8t\xbe\x93\xbb\xf9\x8d\x9d\xfbyk\xad\xf8\xee\x82.\n.\xe1\xc6\xbdQys\xbc\xc5\xeb\xffT\x0bJ\xa3\xbeY\x97G\xb5R+6\x19\xb5\xd6vP\xf7\xd2\xfa\x844\x9bSXu\xdb\xcf\xaec\xa3.\xaa1\x96\xf2m\x1b\xff\xf7\xd9\xb9\x03\x80^\x1d\x86\x8a\xd72d\xc5\x17\xc0#\xcf\xab\x1b\xf2l\x17\xc91jY\x8b\xdc\xddz\x9ez\x95a{\xb5\xeb\xf9\xd8\xd5\xd3\xc1\xd2\xd1\xe9C\xf9*M\xab\xb94M\xd34}I~86\xecK\xcdO\x075\xae\xf3\xed*\x06\x15\x12H\x92\xbca\xb4DdJ\xb8~\x85\x88\xeb\x93?D\xfeU\x0c\x9e\xc3sB\x18\xe3\x85\'\xfeT\x04%p\t!&gt;7t\xe4\xde\xa7Zc:[\xc6.\x1a\xdb\xcd;U\xec\xfe\x9f7\x9f?(\x17Cq\xa9\x15\xb8\xa0\x9c&lt;l\x9e\x10\x05u \xb7c\xdf6\x01\x90\x15\x80\xb0\xe4F\xd5\xbc\x7f\x8f\x128\x12\xd4\x9f=T\x1c\xa2\xde\x13\xa9*\xa7\x8b\xe0\xcf\xf0\xeb;Q\xc7{VFk\x02\xfd\x8e\x83}\x8d\xf8_\x9fb\x13\x13k\xad\xf9\xcc6\x999\xc7\xe1\x97&gt;\xe9\x02`M\x84\xe7\x03\xf5\xe22\x9f\x8f\x0b\x80F\xd6\x98w\x1a\x7f\xbf\x84D\xf5[\x94\xc0p\xe6\xd6\xa8\xa0AFM\xeb\xc3?Y\xb2\xafi0\x8a\xef\xff\xd5\xbe\xd4\xce\xde\xd3\xdf\xfdo&lt;\xd5\xec|\xc8\xfa\xfb\xdbs\x85|\xac\x9am\xad\xfb\xd7\xb3V\xb9B\x0b\xf7\xeac!\xf5\xbf\xce\xbcjs\x16\xbb\xfd\xb7\xff\xc3gE#)Hal\xbb\xcb\xc3\xad\x1e\xeb\xc0Y\xef\xf1\xbf\x92\x96\xae\xab\xa3\x86\xcc"@5\xcf\xccL\x9b\xa2#\x81\xfe&gt;Zy\xf4\xb6\xb6Q-7\x13\xb5*\xef\x15\xe4G\xc6Z\xfbw\xdf\x04\xf2U\xc6\x95\xf0\xd8I\xf3?\x91\xd1\xa0\x02\x8f\xdaD\xc6n\x7f\xe3\xff\xf0YB\x0c\x15\x8b\xbe\xd6\xdd|p\xb0\xac\xf0\x19\xa6\x0e\xf4\x1e\xff+Y\x17\x00\x9f\x101FT\xc6S\x08\x18\x93-\xf9\xae\x00\x1b\xf6&amp;\x96\xc0\x8f]\x1d\x98vlx\xe0\x85\xc2\x7f\nk\xcd4m\xab\xd9mq\xe7\xd4\xc9}\x95\xb0\x8f\xea\xba\x0f\x19{\x18&gt;\x03\xb3tW\xedM\xe8[\xa7\xc2\x9b\xf0\xb9\xcd\xde\xb5b\xf74`\x98&amp;\x99\xdc\xfb\xadG\x0f\x93\x15\xb7R\xf3*\xba\x1f\xc8+\x94\xd0st\xfb\x85q\x97]tZ\xbe-G\x99\xb5\x98\x8a\x8e\xec\tx\x0b\x10 +y\xd1\xeb\xa8I\x1f\xa1gqB9\xbb\xfeg1\x97\x97\'\x03\xa5\xbe\x9b\xe2Q\xb3\x7fS\xe0\xc5G6\xb8\x9e\x87\x9f\xfa\xfc\xb1\xd7\x17\x89\xfc\xbf.\x8f\x08\t\xb6_y\xa5\xd6\xcdK{\xf2\x17t\x93g\xff\xb1\xa7\xad1\xfb7\xbd\xd6k\x7f\xe6\xe4T\xe6s1\xf5R\xb7\x81^m\xfbe\xf1I\xedU\xa7\xbf\xff\xfd\xf6\x96nh\x04\xac\xb5\xbf\xdcZk\xed\xff\xaf\xe4D&lt;,\xfe:}N\xd6\xd1\x97\xa9\x8b\xdd\x1e\xe6.\xd9\x92\x19X\xef\x9a%\xe7\x00\x00 \x00IDAT\xb3h\xf4\xd6\x01\xeb\x92pH\x89\xccL\x08\xb6B\xacPP_\xa5\xf6=\xea\xc4\xb3\x93\xdc\xa8Cw\xdd\xe0B\x04#8\xdf\xb9\xdb^\xd0\x9f\xffZ/Z\xc6\x98\xc8+~\xfb\xbeK\xf8\xe7\x8d\xf9\x98\x02\xd1\x1a\xdb\xe1\xb6\xb85f\xda\x8e\xd0Wwx\xb77j\xef\xcf1\xdc6\xaaM\xadS\x96\x9c\xfd\x8e\x82\xdb\xc9\x96\xbb\x1c]\x87\x89\xa7\xd4\x99\x87\xfe\xce\xe7\x10/\xf1o\xc4K\x90\xd3[\xa6\x1d\xbb\xf6\xd5\xcd:\xea}d.\xbe\xb8\xd0\xf1\xc9\xf9\x87\xe4]\x7f\x9e\xc0\x07b\xdf_\xf88xJ\xfb\xc3\x16 t\xcf\xba\xde\x91\xb2\xedk\x84\xf7\x0f\x84/\xf9L\x99\x9b\x17.g\xff\xfa\x97\x9d\x8a\xc6p\x1f\xf2\xbf\xbf\xfe\xd3\xda\xe3\xec?&amp;\n\xe9_g\xab\xbc,n\x85\xc4\xdfZk\xcc\x1fh\x90\xd2\x98\xd9\xff|\x803\x90\nS\x0f\xe7I\x1c\xbf\xfcXk\xcc\x8f\xba\nB8N\xf1r\xb2*\xed\xd8\xb5\x97T2A\xf4\x0c%\xe7\xcf\xf8\xe3|\x9b"\x15\t.\xc9\xda\xcd\xeb7\xbe)\xf1\xfd\x07\xf2\xfer\xc4m\xf9&amp;\\\t\xcf\xbb\xfb\r\x8c\xe9\xbf-&gt;\x1b\xde\xde\xa0\x7f\xfd\xd0n\xce\xa7q\xf6\x7f\xca\x1f\x89\x18\n\xf4\xd1\xa7h\x88\xe5\xdb0{6\xc2\xb7\xa0\x14IoL\x80\xa7\xfd2\x0e\xd7E\xec\xfc\xb0\xbc%\xe4\xdf\x11\xf6\xc1\xb2\x91A\x98%\xffc\n\xc2[\xd9\xf0r\x1c7\x93\xc2\x90\x8d\x92\xd19\x86\xee\xb9\xa2\xe7X\xe8\xcc4\xfc\xf5\' `mu\xd3\xd2\x1b)Y\xac\x9a\xd9\xd6wW\xdf\xf9\x13\xb3\x91&amp;$\xcc\xcct\x15\xc8\x99\x8f\xb1\xf6\xcf\xcd\xdb\x15\x8c\xb2j\x90j7\xa6\xbcStz\x9b\x87x\x927\xd5&amp;0\xcc\xfb\xe1\xcf\x11\xd4\xf2\xbe\xa6\xa0\x0f\xcbx\x9dm\xfbF\xa0\xf3\xc6\x92\xf2\xd1@\x9c\xf0\x1a\x1e_u\x1fJ\xa2\xd3\xb0\xe23U\x1b\xb9\xe7S\x13\xc9\xdc`\x0b\x10`\xcc\xdd\x92\xc0\xb4X\x7f\xaa\x19\xb7\xae\x08\xe4\xcc\xb6,\xf2\x16&lt;J\xac\xf1|\xddp\xa5\x7f\xb1\x9d\xa9|*S^{x\x13\xe01\xc4\xd7M\x01\xcf\xc3\xdfE,\x9b\xf9\xff\x8c]W\x97\xb7K\xa1\xbb\x8fvY\x9dX\xfc^\xdd\xdc4\xab\x16\x8f\xab\x08\xd8\xa6\xf7\xab%\x86K\xe1\x1d\xbc\xe6\xd5\xe8zlwF6\xda\\\x00\x00/\x9d\xf6\x07\xa6\xe1\x0bC\xb5Oe&amp;\xcf\xb2kv\xd0\n\xd3+`r\xfe(\x9d{Kh\x91\x97\xd3\x17\xaf\xda4\xc6L\x89\xd5\xef\xf8~n)\xaf\x19\xc6\xf7;N\xbd^\xf3\x8f\xefc\xbe\xe4\xfd\xb1\x0e\xfdx\x99)\xa5\xb5\xd6\x98\x7fQ  9\xf1o}\xf5?\x03\x90\x1d\xa1\x0c\xefe\x94\x96\xb1\xb8\xd4d\x1fN~\x8b\xd3\xbf}(\\\x9f\xbd\x0f O\xfe&gt;\xe3\xd8\xfe\xb8\xb5\x7f_\x99\xf1\xad\xc4\x12\xe9@;v\x8a\x08\xd9\xd2 \x98\x87\xc9;(\xb6uc9\xd6\xda\xeb/\x8d\xf2\xde\xd63U\x9a\xfc1\n\x9b\xf3&gt;\xbd\xcf\xe9\xbaUv\x11y\xcd[\x95\xba\xc8\xc0\x13_o\xd3\x9dA\x92\x81\xc7J\xde\xe4}&gt;\xb0\xcf\xfeHXH~V\x1bT\xe6\xc8P.\x15\xd4\x9f(d^\x03\x04\xbej\xd3\xbfVW\xb3R\xb9.]\xd0\xef%\xd0\xf2\x98\x87i\xbd\xce\xef\xa5\xf9\x02\xa0\xe7\xd2\x1f\x04[\x80\xd0\xbd\xd8\xfbq#\xdd\xc2\x93\xe5\xdc\xa3|&amp;5\x96\xecwE;\ne\xea\xf6A\xad\xee\xbc\x9fr\xa9x\xc6\x9c\xc3\x03\xe7\xd3\x9e\x93T\x9e\x12M\x1b5\xcf\xab[\xbfY\xb1l\x1ek\x1b\x8b\xbe\x15/}\x06z?.\x00\xd0\xb7\xfdV\xec\xac\xd6\xce\xd8\x1c\xfe6n\x91\xbc\x9a\x96\xafi\x9b\xffe\xae\xfa\xeb\n\x85\xf2\xf7\x0b\\\x13ra\x19\xab\xcas\x14\x8fn\xd1\xe9\x9a&gt;9\xda\x91\xcc\xf7\xdb\x84\xf5\x18\xe9\x05\xb1\xbe\xba""B\x03\x95\xfb\xb3\xc7s\xe0I\xa2z\xae\x91\xba\xb9\x8e8\xb3}\x98\xb2\xb0\xbc\x1a\xbc\x12\x1b&gt;S\xb1\x17JG\xb1_\xf9Y4|\xf6Zk?F\xa2\x16\x05\xdet\r\xfcL6\xdaE\x7fr\x8a\x8c\xeb#\xf4DtGc\xdc\x06\xc4\xe4\x87\rz\xe3\xce\x96\xf2\xc9\x7f\xdc~P\x9em\xc8\xe1\xeb\n\xc2\x86Dr\xfe\xca6o\x87\xe9\xf7d\x13\xf2\xce"\x93\xb5\xce\x1c&gt;\xa2U)\x88JO\xb8\x0eS\xa9z\xc7\x16 \xf4D\xb4\xd7\xf0\x05\xf5\xaf\xbd\xd7\xc0\x9c\x8ba\x9d-\x93\xc4,\x12\xb8\xb3E\xedV\x8dnWsu\xc7Y\xfd\xad\x0c_}\x0c\xdb\xc3&amp;\x18\x99U\x9fU\xf1h\xbb\x15p\x98\x89\x9alB\xa65L\x89\xd9\x7f\xd0\x19k\x14D\xa5M\xb0\xfe\xb3\x14\xbdG\x17x\xb3\xa5\xeb\x86\xdc{\xfc\x01]\n4\xa7:\xbb\x95D\xbeNK\xc0z\xa7\x9b\xbe\xa9\x0b]\x14\xd3\xa6:\x1d\xa3z\xb5\xed\x87\x1a\x88\x04E\xea\x0cu\xf2Z\xa1\x0c\t\xc9\xea\x9f\xdb\x7fq\xf4\x1e\x7f\xc0\xaf\xc9\xf2\xa4\xb6F\xd5\xe9\x03\x0f\xda\x97\x96;\'\x92\xb7\xffA\'C\x88{r\xff\x87n\xa7\xffU\xb6S\x97?\x05*)Sg\x0e\x15\x92\nS\\X\x0f\xd0\xfd\x05@\xb8A\xee\xee\x01\x9aY\xb6&lt;\xa6"\xebnm\xb2\xc8\x1a#\xb9i[y\xe6\xaf\xd1\x0b\x1f\xady\xaf\xac&amp;\xcbc?\xaf7\xeak.\x97\xf7\x9b\xca\xd2\x83\xd8\xb7\xa6\xb5\xd2\xd6\xf96\x95\xa2\xa7\xe8\x88\xbd\x7f\xf2\xca.\xf5q\xfcL\xe3\x19\x00\x00\x1e\xee7\xf4W\x8d\xc13\x16c\x8c1\xc9\xab\x80\xeb\xaa\x96\rz\xa9H\xdc\x12\x97\xda\xfc_G\xe8\xc0W\xecO\xd3\xa4y\xf6\xaf6\x9fc\x05\'\xe4u\xf1&amp;\xbd\xfa]\xa2\xbf\x92\xaa9\r\xbe\x0c\xee\t\x13\xd9@\x01\xb3\x7fc\xcc4}\xa3\xfb@\x7f\xb0\xeb\xcf\x15o3\xe6\xe2\x02\x00(\xa7\xd9\xb70\xca\xf5&gt;S\xc2\x93a\xbdt\x7f\xfa\xb8\xdf\xbf\xe4\x9f m\xe7\xc1\xe6\xee+\x1abK\xa6\xbbr\xbcJ\xbb\xf3\xf7\x82\xa9\x13\t*\xec\xfa\xad3\xfe\xe4\x14\xe8\x1b\x95~\x9d\x8b\xf3\xfaSgT\xcb\xb9\xa9\xdbJj\xfe\xdfq\xacB\x9eR\xda\xa7\xe8;\x97\x8aR\x19\\\x00\xe0\x91D:\x9a\xbb\xc9\x94\x92\xde\x0c\xd1\xbeEQ\xc9\x85\xac[\x17\x9aF$\x05\x1b\xfan\xfe\xf5\x07\xf1\xf9\xee\xe4\xe2\x8c\x84\xf1^_E\xc5-\xbf\x04b\xb73\xa95M\xbb\xbeo\x9f\xf9_\xed\xfa\xbc\xd2){i%^K\xaa\xdc\xed\xe2{\xb9S/\xcb\xffiG\xdf\xdeZ4\xd6Z\xf3\xb9\x7f#-\xf4\x16x\xec\x04\x0f 2\xc38\xde\xd4\xbbx=\xe8\xe17\xbdt\xca\x9a\xd5\xcf\xc3\x8en\xe0\x1e\xd8\x80ooM\xbaC\x1dw\xcb\xe0\x1d\x19o4\x8c\xe2\xac\xdeF\xaf\xf6y\x95\xe5\x86\xb5\xd6\x98o\xb3\xd6~D\xcc\x9e\xb1s\xbe\xd9M\x9f\xa9\xb0\xc4\xf1\x00\x15+\x9e\xfaJ.\xbf\xf3\x0e\x18\xd5a\xdc:\xcc\xa2\xd6\xb6\xa4p\xfc\xde\xfb\x04\xda\xfc\xd9\xa1+\xbc\x9a\xa04\xec\xd0%O\x9dr\x01\xd0\xde+\xc2\xf5\xe2\xdcf+\x8e\xc2B\x99\xb3]\xaa\xc2\xf4X\xf7\xce\x96$(\xef\xed\x03\xcdI\xf8\xe3\x8dcQ\x18m\xf9Hy\xf4\x00=.\xc6-\xc7\xf2\xbf\xf2f\xdf$\x86j\xb3\xe5r\xa2\xefZ\xbf\xd4\x99\x04\xb7\x8f\xbc\x7f\xc9\x9dXr\xaad\xcb\xe1\x92\xbb\x8e\x9eJ\xbc\x8c\xed\x1a\x07\xb9\xb1"+\xbaS\xba\x02+\x1a\xfdc\xe2\xc03\x00\xc0\xbd\xc9\xfd\xfa\xc0\xc3sB\xf7\xef!iN\x7f\x0ckrf\x85\xf3\xdb=o\xf3L\xd1\x00`\x8c\xfdK\xc6\\NS\x0e/"\xbc\xdc\xfe\x1e8\x90\xd8\xc3\x89$\xb6\xdb\x1d\xfe}\xbd\xa1\\\xe8\x14\x17.\xcf\xa5\xa6\xa0Q\xc7\xa1\xb8\xfd\x0f\xd9\x97\x8f\x0e\xe2\x94/\x94\xa0\x8d\x97\x85\xe3\xb0X*g\xc8I\xb9\x00\x00\xbc\xb6ok\x96{\xbd\xbaH8\x99&lt;\xf3?\xe9\xb3\xec~\xe8\xca:\xfb\x0cy\xc5\xe4U\x18\xb5\x13\x1e\x13\xd5\xeb\xa9\x8c\t\x8d\xf9&gt;\xbc)y\xb4\xdbW\x95%\x84\xc9\x98\xe9\xfd\x82\xa3\x84`\xc5\xf5X\x8f\x13\xd8\xfd;\x13u\xe4}\x1b\xe1\x15o\xca\xa8\xff\r]E\xb8\x8f\x84\xdcE\xb2@\xefq\xd82\xba\x9eH\xee\x0c\x00\x9a\xd3\xd6\x03\n\xc6\xc7?PI\rcM6o\x94\xb3M\xc86E\xcb\xef\xdd{\x8a\x9a\xa4=\xe7\xa4\x9e\xe4\\\x7f\xd8\xfd\xcf\xb4\xd3g\x1d\x1ep\x82\xc2\xe1\xa7P\xd6F\xf4\xc4\x04pj\xb69m;\x04\x84\x0ep\x8a\x9a\xb61\xcb"\x0bw\x00\x00\x9f\x9a[\x0eBL?_*\xa4J\xe6=G\xd34M\x1f\xf7\xfa\x8d\xa6YN\xba\xdb\r6=[\x93\x16\x9b\x1ck\xad\x15\xd8fV|%Mi1M\x8aZG\xfb,R\x93\x15\xa8!\xaa\xb8\xad\xb5s\x15\x9d\xa6V7\x06#+\xa7\xc6\xbb\x03\n\xa3\x04T\xa4l\xd5\xad\x81\xcb\x1c\x10\xca\x96\xf3\x02I\xe7\x19n7\xffU-9\x9f\x13\x1a\x85\x15}W\x8cJ\xdfd\nW\xdd\x88\xd5\xc4\xb2:+\xc4\xd6\xd9u\xa6*2\x83\xd2Q\xe2:\x1al\xb4\xee"\x0c\x94R\xb41\x14nf\x92st\x91\xa0|\xe17\xedq\xac\xb5\xe6{i\xe9\xf2\x94w\xbe\x99{\x87\x12\xab\xa5\xee\xb7\xcd\xcc\xb1\xfa\x9b\x85\xe3\x967\x9f\xc8\x8a\x9b\xcel\x0f\xa1\xb6\xce@\x91\xff{\xa9J\xd2e\xf5\xeb.\xc2@]\x8e\x17AF\x07Q~b-\x18Txh\t\xcb\xc3\xc9Y!\x9bF\xa9\xa02\xe9\x89\xc9\x96HuM\xaeHv\xb9\x00P88\x1d\x12u\x91F\x99G\xea\x93\x1b\x8bH\xa5\xd2Y31\x9e\xca5Mv,\xee\xba\x99ty\xc5\x02\xb4U`j\xf2\x132\xc3\xec\xa8\x19\xa7/\x0c#\x88D\xde\xb6x\x96\xeeP\x87\xc5\xab\xf4m\x80!g\xf4^\x00\xe4\xac\xd97\xe0\x8fg/\xa9p\xf9\x8f\x04\xc3\xba\xca\x87\x9e\xf3G\x95\xfaMFr\x00\xea\xa8\xbd\x03\xc8w\xdfa%t\n\xc3t"m\x13\xa2?\x1b#\xeaFBZ\xfe\xcf\xf9\xa3\xe9\xb2\xfa^\x91s\xde\xfc\xfe\xa5\xa62\xd5_\xc1\x16\xf7\xd5\xc0\x7f)\x1e\x9a\xd2\x0f\xa9\xca\x90\xb2\xb3\xc9\xb5B2\xed\x93`\xb7ZG&amp;I\xb1\xc8\xf7\x9a!\xc0X~\xc4\xe5\xbc\xa4\xa1\xcc{\x05U"_3\x8b\x12\xce\xd5\xa4\x04\x97\x9a\x13t\xea\xa4\x18~\x8b\xfe\x1b,\xe7t9\x1bT\'\x93\x03\xe5\xd1\xf3\x19\xef\x0e@\xe9\n\x93yim\xad5?\xb3\xbf\\-\xaf\xd7&lt;)Y\xdfz\xcd\x13`(\xda.\x00n\'F\xfe\xe8\xa5G&gt;&lt;\xe1\x7f\xa9\xf6\xd4\xad\xab\xc9\xca+\xaa\xc5\xd6\x8dT?A\x8b^P\x7f\x8aP\x9e\xab\xca\xa3\xa7\xcc\xab\x9b-\x9fi\x15\xc6S\xbe\x07\x00p8\xbcZ\xb8\xc9\x9b\x86\x9d-?!&amp;s8i)\x98c\xf0\xf5!\'\xf9\xc8\xdao:\x0e\xcc\n\x1d\x8b\xca\xeb\xd7\xa9\xca\xe7\xd14M\xcb+\xb1S^\xc0\xdf:g\xe0\x90^"\xd6\x1a\xf3e\xa2qY\x03.s\xed:B\xdd\xbb\xdbv%u\x9aBy\xa5\xf1\x15\xf5Yj\xac\xdf\x15\xcf\xb4\x01\xda\x050\x10g\x0fRn\xfe\xb4\xae\xecz\xce\x1e\x12\xc8]\x0c\xe5\x9e\x92l?\xcfvPq\x01\xa0{\xb7R\xec\xb9\x92\xe2\xa6\xabV\x8cd-\x8e\x92\xf5\xdc\x1e\xba#\xa9@\x8d\xf9\x94\xcc\x10\xdav8!\x11X?s\xfda\x9e\xa1\x12\xf4+\x9d\x17\x00R\xa1\xd7\xa9r*\x86-\x00~\xe5\xda\xa7H\xe3\xaf\xd5\x89h\xef\xa4\xd4\xf7\xa4\xa3\xf5\xf5\xfe\xb4\x1c\xe6\xac\xf9g\xcb\x0eA\xa9\xa8\xfc\x11j\xec\xee\x10D\xd6#d\x95\xee\xdc\xc4{`\xa6ti\x1e\x98c\x99U\xe5\x819\x06\xd4U\xbc7g\xa8\xe8Lfy\x95Xd\r9\xa9x5\xbb\rS\xf6\x02`\xe0IU\\\xd2\x1c\x1f\xce\xbf\xbf\xe7~|%.\xc3]\xa9\x90*\xfa\xcc\x10\xf2N\xbe=\xbb\xa7\xf1\xee.\x9c.\xaf\xaf\x06\xad\xc3\xf2\xfe\xca\xb0\xed]\x08\xf9\x03\xd4u\xbdl\xb6\xf9\x99f9\xb4\xfc\xc5W\x99xD\x9d\xb2\xc5\x05@\xd7\xa7\x8b\xd0&gt;V\xf6\xfa\xaar]\xbf\x08\xde\xe3w\xf1\xcf\xd8\xc3\xd7_\x8et\xeb&amp;p\xc</t>
        </is>
      </c>
      <c r="E227" t="inlineStr">
        <is>
          <t>&lt;class 'numpy.ndarray'&gt;</t>
        </is>
      </c>
    </row>
    <row r="228">
      <c r="A228" s="1" t="n">
        <v>226</v>
      </c>
      <c r="B228" t="inlineStr">
        <is>
          <t>steps_per_sec</t>
        </is>
      </c>
      <c r="C228" t="n">
        <v>2600</v>
      </c>
      <c r="D228" t="inlineStr">
        <is>
          <t>2.9965882</t>
        </is>
      </c>
      <c r="E228" t="inlineStr">
        <is>
          <t>&lt;class 'numpy.ndarray'&gt;</t>
        </is>
      </c>
    </row>
    <row r="229">
      <c r="A229" s="1" t="n">
        <v>227</v>
      </c>
      <c r="B229" t="inlineStr">
        <is>
          <t>Loss/RPNLoss/localization_loss</t>
        </is>
      </c>
      <c r="C229" t="n">
        <v>2600</v>
      </c>
      <c r="D229" t="inlineStr">
        <is>
          <t>0.35273337</t>
        </is>
      </c>
      <c r="E229" t="inlineStr">
        <is>
          <t>&lt;class 'numpy.ndarray'&gt;</t>
        </is>
      </c>
    </row>
    <row r="230">
      <c r="A230" s="1" t="n">
        <v>228</v>
      </c>
      <c r="B230" t="inlineStr">
        <is>
          <t>Loss/RPNLoss/objectness_loss</t>
        </is>
      </c>
      <c r="C230" t="n">
        <v>2600</v>
      </c>
      <c r="D230" t="inlineStr">
        <is>
          <t>0.058785073</t>
        </is>
      </c>
      <c r="E230" t="inlineStr">
        <is>
          <t>&lt;class 'numpy.ndarray'&gt;</t>
        </is>
      </c>
    </row>
    <row r="231">
      <c r="A231" s="1" t="n">
        <v>229</v>
      </c>
      <c r="B231" t="inlineStr">
        <is>
          <t>Loss/BoxClassifierLoss/localization_loss</t>
        </is>
      </c>
      <c r="C231" t="n">
        <v>2600</v>
      </c>
      <c r="D231" t="inlineStr">
        <is>
          <t>0.35143337</t>
        </is>
      </c>
      <c r="E231" t="inlineStr">
        <is>
          <t>&lt;class 'numpy.ndarray'&gt;</t>
        </is>
      </c>
    </row>
    <row r="232">
      <c r="A232" s="1" t="n">
        <v>230</v>
      </c>
      <c r="B232" t="inlineStr">
        <is>
          <t>Loss/BoxClassifierLoss/classification_loss</t>
        </is>
      </c>
      <c r="C232" t="n">
        <v>2600</v>
      </c>
      <c r="D232" t="inlineStr">
        <is>
          <t>0.24073064</t>
        </is>
      </c>
      <c r="E232" t="inlineStr">
        <is>
          <t>&lt;class 'numpy.ndarray'&gt;</t>
        </is>
      </c>
    </row>
    <row r="233">
      <c r="A233" s="1" t="n">
        <v>231</v>
      </c>
      <c r="B233" t="inlineStr">
        <is>
          <t>Loss/regularization_loss</t>
        </is>
      </c>
      <c r="C233" t="n">
        <v>2600</v>
      </c>
      <c r="D233" t="inlineStr">
        <is>
          <t>0.0</t>
        </is>
      </c>
      <c r="E233" t="inlineStr">
        <is>
          <t>&lt;class 'numpy.ndarray'&gt;</t>
        </is>
      </c>
    </row>
    <row r="234">
      <c r="A234" s="1" t="n">
        <v>232</v>
      </c>
      <c r="B234" t="inlineStr">
        <is>
          <t>Loss/total_loss</t>
        </is>
      </c>
      <c r="C234" t="n">
        <v>2600</v>
      </c>
      <c r="D234" t="inlineStr">
        <is>
          <t>1.0036825</t>
        </is>
      </c>
      <c r="E234" t="inlineStr">
        <is>
          <t>&lt;class 'numpy.ndarray'&gt;</t>
        </is>
      </c>
    </row>
    <row r="235">
      <c r="A235" s="1" t="n">
        <v>233</v>
      </c>
      <c r="B235" t="inlineStr">
        <is>
          <t>learning_rate</t>
        </is>
      </c>
      <c r="C235" t="n">
        <v>2600</v>
      </c>
      <c r="D235" t="inlineStr">
        <is>
          <t>0.0399963</t>
        </is>
      </c>
      <c r="E235" t="inlineStr">
        <is>
          <t>&lt;class 'numpy.ndarray'&gt;</t>
        </is>
      </c>
    </row>
    <row r="236">
      <c r="A236" s="1" t="n">
        <v>234</v>
      </c>
      <c r="B236" t="inlineStr">
        <is>
          <t>train_input_images</t>
        </is>
      </c>
      <c r="C236" t="n">
        <v>2600</v>
      </c>
      <c r="D236" t="inlineStr">
        <is>
          <t>[b'1024' b'1024'
 b'\x89PNG\r\n\x1a\n\x00\x00\x00\rIHDR\x00\x00\x04\x00\x00\x00\x04\x00\x08\x02\x00\x00\x00\xf0\x7f\xbc\xd4\x00\x00 \x00IDATx\x9c\xec\xbdy\xfc\xbfO57~\xaeoQ\xf6d\xc9\x92t\x97\xdb\x965d\xefND\xd6\xa8H7\xeel\xe1&amp;\xca\xael\xb7~\x91$\xd9\x97\x08\x95%\xd9\x97\xb8\xb3e\x8dB\x96\x90\xa5\xec\xa2"\x85\xa4[\x9c\xdf\x1f\xd76\xcb\x99\x99sf\xce\xcc5\xd7\xeb5\xcfG}\xbe\xaf\xf7\xf5\x9a9\xfb9sf\xae\xeb\xf5z\x01\x0c\x0c\\4\xd0\xc0\xd1\xb2\x18\xa8 O\x88 \xda\xd0e\xda+\x04\xfa^\xa5}\x06\xf88SH \xe2*\xf0\xcd\x0f\x16\xe5d\xd8\xd2?\xc7\xddF\xe9@\xc8\xaa!V\tJRxS\xde\xb0c\xd0\xa7T\nh\xb8@\x94r!\xc3\x03=\x14r\x19\x188\x01:\x0c\xf7\x8a\xf2x\xcbX\x9d\x9c\xef\xc8\x98$\x0c}o\xcd\x1f\xdcU\x90\x0c\x1c\x87\x7f?Z\x80\x81\xe6\xc8\xed\xfe\x1d*%[\x08k#Q\x87Q}\xf4)\x95\x02\xda\xad\x0e/\xab\xb2\x12\xf9\x1b\x80I\x9d\xc7@\xc7@\x80\xe1\xf1\x0b\xc7\\8\xa6\tv_\xaf\xb5d\x9a\xae\xcc\xfb\xb3\xde\xd7\xa6\xf5\xc0\xc0@-\xd4ZC\xcd\x86\xef\xe4\x85\xfa2\xdb\x8cua\r\xaa\x96\x1c \xe2fXQ\xcd\x98\xfe\xa6\xe2\x06-\xd2\x03\x9d\xc3&lt;\xdc\xcc\xbe\xd19p\x1e\x18U\xe3\xdc\xcbI\x01\xa6\xa9\x86\xee\xe3v\xc1\t0\xbc3\xa0\x8c/^\xef\xadV\x88\xabK\x8a\xd5\x0bR\xc5D|!1\xaa\x8d\xa9\x7f\xb6-\xe6\x95kZ\xd9^\xa8M\x07\x9aa\xb4,\rq\xa8\x91\x87\x97\xb9\xc8\xcd\x88\xb9\x0b\x18F\xee\x18\xa3\xd6%1\xec#\x04b\xad\xc7\xee\xbf\xd0\x7f6\x83\xbf\x88\xfc\xc6\x08\xf5\x0e@\xf5WU\x8fYg\xe22\xd7Sa6p5\x18.\xbf\x0e\xfc\xeb\xd1\x02\x9c\x03\x19k\xad9[_\xa0\x01\x17\x9c\xc7\xa0\x03x\xd1\xa8uI\x0c\xfb0\x81\xf5\x9a9\xbf\'\x93W\xa4n?\r|Mh\xf8T\x85\x1b-\x7f\xc6\xe5;6\x00\x03\x03\x03\x03\x00\xfb~\xf8G\xb3\n\xf7\xdfoDt\xa5\x1a8\x14\xea\xab\xb8\xd3\x9c\xddl\xdc\xa0\x13\xe2\xc2\xbb\xdb\x82\xbe\xff\xda\x102Nm\xa3\xf5\xd51\x974\xf1c\x03000P\x13\xdfy]e\x05\xfb\xfd2\xbe\x81\x0c\xe8\x7f3\xefU\xa5\xc3\xc0\x80\x1c]\'Hg\x1d\xb3!\x89|\xc786\x00W\x87:&gt;&gt;i\xf4\xa8|:\'I\xf9\xca\xd1gC\xfc\xc4\xa3\x05\x18\xd0C\x8f\x01Fc\x1c\xeb\x0e\x0c\xc4a\xe7Hw\xc9\xc2\xeb\x98[\x89\xcd\xac\'\x81a\xfe\x06\xe0Z\xbf\x1e\xe4:\xb0\xc5+\xf1\xd5T\x88\x92/Hq\xbf\xd8k\t\x9dS}\xbd\x0c\xee\xdf\xd2\x85\xab\xf6:\xf2#"\xf5\xe5_\x8b\xd1\xceh\xab\x81\x81\xe3\x80\xb0\x7f\x83+\x955\xb2\xda50p\xd98\xf9\xd7n\xf6\x9d\xceK\xdb0\xff\x11\x903\xd0\x00\xe8\xcb2\x0b\x91\x1e\x87H\xb67\xfe\x06f|\r\xe8\xc5"zBo|gU\xea8\xedM\xa8}\xef4\x9d\xaf\xa3\x9d\xa6i\xcdR\xf3_\x1d\xca\xe4\xe5\xfd\xdd\xb3\xd9\xea\xa20\x9e\xd29\x1b\x12\xee:O6\x9d\xf06\xe9@\x16j9\x9as\xa7}:w\x89\xeb:\x9d\xd7\x1f\xd5\x89-\xe2-,\xbf?\xf5\xc3\xc04M\xcc\xf6fl\x00.\x13\x9c\x85g\xbe\xf5\x96\xdc\xb9\xfe\xf1\xde7/\xf3\x00\xe0\xdcG\x0e\xa7\xff\xa5\x95\x10\x90\xfd\xc8A\xbb\xd5\xe2\xf0\x1eh\xb5\xc8i\x17\xc8+\xc3\xd1\xf1\xa2\x86\xc3#\xbfS\x1c\xfe\x1cE\r\xd4YP\x98\x11d\x9cQ\x0fhb\xb6\xff\x9d\xa2^@\xac\xd7N \x00\xc0\xcd\xd4\x1e\xb7\x1e1rE0\x82\x86~\x1a\xec\xdc\x05w\x80\x00\xef\xb3\x19\xf9\xcf\\\xaa\x07L\x8b &lt;\xe7\xe7U\xae\x10\x8b\x8f\x8c\xc7m\xcf\xed\xb5\x11x\x01\xd06\x19\xb6\xf2\xc1\x0e\xa1~L\xf7\xdbG\x0b\xa0\x89d!\xaa\x9e\xe3\xa5\x9f\xd9u\x85\x1f\x1f\x02\x1e\xb8:\\@3\xc1DZS;\xed\x8f-\x01\xf5j\xd0\xa8n\xe7\xc5\xc5,N\x17\xa0BC\\\x82\xc7+\xe0l6A\x84g!\x00&lt;\xea"R\xf8\xadR\x8f\xddHZ\x0b\xb15*\x1d\x85\x8c\r\xc0\xc0ua\xc4\xba\x85n6\x00\x81/+P\x10ix\xfc\xcch\xef\xbbK\x0f\x95[]\xba\x82\x03!\xb4/\x83\x88p)\xfd%*}\xb8b\xb1\x86\x90T-\x1b\x1a\x1b\x80\xf1P\xd0%\x03\xf7\xef\xbd\x19\x188\x13F\xe8\x0e\x0c\xa8\x00\xc7\xb7\x90\x9d\x19k%\x84\xdcG\xb8\xdb\x7fG\x10\x02L\x18\xf8"\x9a\xb3A\xc1z[\x13\x1f]\xce\xd6\xcf\xa9\xb5\xc9\xd3\x0b\xd8\x9c\r\xa4\xf1M\xd7\xf2\xe8\xcb\xc0\xf5\x80w\x94r\t\xe7O\x03\x03\xe5\xb8\x8c\xb3\xd8\xabE\x8d\x87@\x06\x1a\xa3\xcf\x1c\xecP\xa4\x81N0"\xe3\x848\xfa\x81\xfef\xac\x92\xf1\xd9g\xc1\x1d\x188\x00\x88\x88\xf8\xd1#\x1dN\n\xdbq\xa1\x87I.~\x93\xa0\xf54N\x9cI%\xba\xdf\xd2&lt;\xfb\x9a\x98k``\xa0\x17\x8c\x83\xa2\x1d\x8d6\x00c\x9b1p$F\xec]\x1d\xda~|\xb3\x97&amp;\xb2\xf1\x87V\xcf{~\xb4\x88\xcd\x96\x7f\xfc\x0e\xc0\x85\xc3\x0e\xe5^\xf2\xf9\xdc\xe8\xd4\x86\xd3xb~E\xc4A\xaa_\xa7\xa0Hk`@\x8c\x91\xefW\x87\x82\x1a/oj\xb1\xaf\x12\xd7f\x81\xb3\xfa\xa5\xbe\x90\x96g\x9a\xde|&lt;\xd93\xb0\xc3&lt;\x15\x1eO\x13\x0e\xcc8\xef\t\x07\x13\xa4v\x17\xaf\xf5\x89\x10(D\xc3;\x03\x03Qd\x17\xb1\xbfm\xb3\xf4\xc7\x0e_\xc2\x92wU\x99\x11\xde\x12\x9fz\xb0&lt;\xc4#^\x1c\x13\xcdu\xb5\xf1\r\x93\x81s`\x8d\x89O=Z\x90\x81\xc3q\x8d\x05\xe2\nU\xee\x17\x84#\x86w\x06\x06\x12P+b.\x91\xfa\x87\x83\xb1\xa7\xd2{[\x8f\x8e\x92\xe4G\xfcK\xe8!4y~\xf7\xc1\xbc\xc1\x03W\x87d\xf4\xb4\x14f`\xa0\x1a\xa88\xff\xd9Q\x10{\xc7\xf0\xce@c\x9c\xb3&amp; \xe7\x8b\x10\xbc\xf1\xf6%\xea\xb3\xc5\x07\x9ab&lt;\x9e\x10\x82\xbf\x01\x08\x18\xeaA\xb3\xa3\x99\xbb\x85\x81\xabC&lt;\xc1F\xac\x0c\x9c\t\x89p\xf5\xde\x1d\xabK7\x18\xa5f\xa0\x13\xc8\x9a\xa4O\xe8\xa5\x86\x88\xdb\xbb\xd4\xc8$\xb5\xca\xdd\xa4\xd1\xd7\xca\xb8\xe8\x8b\xd4[u"7\x00\xbe\x90\xcca\x0e\xc6\xa7\x88\xae\n\n\xbfj10\xd0\x03\x10q|\xe8\xf9t\x98\x17\xa4\xf1\xbbT\x03\x9d`\t\xc8\xe9\x85\x00\xaf\xce\x19\xde\xc5\x02\xba\xb6u\xfc&lt;\xc2\xf4\xcfr%T[\rUE\xfd\x958\xbc\x08\xe1U\x01\x98\x8cj\x88\xb4u\xcc\xfd,.\xa1&amp;\xde\x960\xd8\xea\xc7\x15\xb9q\xb6X\x03\xbd\x81l\x89\xec$\xe9%\xa6s\xd1G\xfd\xed\x0e\xd7h\x96~\n\xf4\x80\x18\xc3w\x03}\x80WF\xb6\x02{x\xdcn\xed)\x88\x84\x89\xab\xb96\x8fG\x1e\xa9L\xd3\xfb\x02\xbc\xda\xab\xc2\xe3\x8f\x12\xc0A7\x07L\xac\xdb\x11\xd97-\xc6\x06\xe0\xc2`\xf5\x82wZ\xe3b\xdba+\x960\xc6\xa1\xc2\xce\x9c\xca\xa5\xd0\xf5\x08zH\xc8\xde\xd0\xd7\xfd\xca\xc3\x808\xda\xcaS\xa0\x8fe\xb52F4^\x14j\xbb\x92s\x82\xb3\x1f\xf1N\xcc\x19\xaa`\xa4\xed,S\xc6\xb2\xbe\x8d7\xd7\xb2\xbf\x07x\x9d\xf4,\x8d\xc7u\xcc^\x7fni\xba\xe9\xfea6)q\xd5\x16O\xc9\x12\x03\x97\x05\xc6\x07G\xd2\xd3UD\xf0Xg\x8a\xd4\x1e\xe3\x934\xfdC\xfcD\xec\xc0@\x0b&lt;\xe2h\x01\x06\x1a\xc1_\xcb\xd0\xf8B\xc6\xf8G\xef\xd2\x85\x8bx\xb0\xfb\xc3T\xc4v\xc8k\x91*\x16\x04\x01\xde\xb9\\\x18&gt;\xd7f\xbc2\xe0\xba&gt;\xf5MJ^\xa8\x0c\\&lt;\x10\x01~\x9e\xba\\\x14\n\xf3\xacg\x16\xc6\x90\xc7\xfd\\\xd1y\x169\xaf\x19\'\n\xa7\x01\x16\x86+\x8b\xf0\xe3G\x0bp]\xf0\xeb\x0f\xbf\x0f\xe3\x14.\xc5\x96\x0e\xa9\xdd\x88b\xf1$\xe9\xf3\xe7\x8eJ\xee\xc36K\xfa\x83\xda\x8a\xd12p&amp;\x90\xcef\x86N\x88`$\x86\xb8\xe1\x95"\x02O\x191Z\x0br\xbf\x9f\xd2\x17\xa3\xd8]\x1c\x86+\x1502\xa2\r\xfc\x15v\xbb\xc2*M)7\xdd1\xdd\xcf\x9d\xdb\xd1\xa3m\x8d\x83i\x96\xb1\x01\xb8r\xfc\x93.\xb9p\x0c\t\xa2*\xbe\xfd\x181Z\x15Y\x1b\xbf\x93\xb9C\x1a?#\xde\xce\x80\x13&lt;\x1cX\x17:Q\xaak\xc3\x97W\xa5vI(=\xe0_\x03&gt;3\xec\xf3\x0e\xf8:\xc1h[\x19`ZFl\xc6\x1b\xb4\x04\x1c\xe8\x00\x9c/2K\x82\x93{\x19\x9f\x8f\xa1\xa7L\xd3\xd4\xcd\xa7m.\x10\xd34\xc9\x9du"w&lt;e,\x15\x17\x8a\x8c\xb8\xbd,\xe8TE]\x1b\xfe?Uj\x97\x84\xa0\x9d\xa7\x89\xf9\x8d\x96\xfb\xff\xd4e8\x1dFG\xe0a\x9a\x9e\xb5\x04Rt\xc9\x1b\x86\x1b(\x03\x1aE\xa8l;n\x9eI\x8c.m@\x19\xe3\xb8h``\xe0\x12\xf0\xe3[\x1d\xbb\xceR\x86\xfb\xbf7\xbdZ#\x14a\x8b\x9f\xe5\xc5X\x13\xaf\x00t\xeb\xa3\xd0\x12\x8d\xe8\x19\xe8\x1e{\xf7O\xfd\xa6\xfdQR\rd\xe1&gt;G\x0bp\x14F\xa0\xea\xe0"\x9a\x9e\'\x86\xdf\xba\xe8\x9av\xbd;\x9f"\x98\xe7_\xe3,\xec\xeap\xddg\x06\x03\xd7\x0e:\xf8\xab\xd4\xc1&gt;R\xecB\x8b\xfb\x15/]\x88\x88\xf0\xb0Q\xc3+\xe0\x02\xc3\xa9\xe8\x93x\xa7\xc2\xa5\xeaU\x17\xd7ZE\xaf\x15\xd7\xb4p\x16}@j\xe0\x9ap\xc1I\xf1\xaf\xf5H\x1fx\x94pMu\xcc\xc5M\x97s\xebk\xd4}\xa0\x10\xe3\xf8\xefl\x18\xce\x1aP\xc5U,\x9c\x17\xaf\xe0\xc0\xc0\xd1h\xff\x04\x85\xfb\xd0j\x9f\x90\n\xd6\xad"\x03\x04\xaa:kI(\xe5\xfdmwO:u%L\xbf8\xe4\xd1\xfcu\x8b\x18c:\xbe\x05\xe8\xa2\xd0\xf5j\x9a\x87\xf1\x8d\x00W\x0c\'\x9e\x11\x11\xde\xfdt\xe1\x9d\'\xf0\xaf\xd6!Kc\x9a\xa6\xc6\x896\xbd\xc6\xfe\xf3\xf5\xbd}\x0f\xd8v\xb6*\xfb\x05\r\xe3\xbb\x13*\x085\xa0\x8e\xcaQ\xa7C\xde\x8e\xa5\xe6y\xba\xc8@\x874"\xc2\xf8\x19\x1f\x06\xfef\xf9oS\xdf\xe1\x040\xbeN\xed\x92\xe1\xaf4\x05\x1b\x80\xe3\xd3x,\x9c\x036\xdc\xc3\xb3\xf4!\xca{\\L\x08]\x8c"It\xa7\xe9\xb2\x01\xc8|\xc4\xe2\xe2\x8e`\x06r\xa0s\x07\xa0\x8fX\x8a\xc8\xa0\xfei\xab\x1e\xf4=\x11\x9e\x81\x06\x8e\x16f\xe0\xac8\xf6\xf3\xc4\xe3\xe4\xec\xfc\xa8S\x80\xa44/(\x84\x14\xb7\xf1f;{1\xf6\xa9\x8d\xbf\xca\xbb_?V\xe2\x9ep\xa0#\xf6\r@\xd9\x83\x1f\xcc\xb9\x91\xec\xfe\xc1\x02\xeeM1&gt;\xd5 \x03\xba\xe8\xec\xf1\xb0\x813\xe0\xe8\xe89v\xefq\xa5\xe8\xa1Y\x17\xd1\x1e\xa5\x8d\x83\xa8\x0b\xc6)Q\x0b\x0c#\x0f\x98\xd0|\xfa?\x03O\xc8\xcb\xfaS\x07\xf0&amp;\xfc\xaa\xfb_\x9dZ\x9d \xbc\xfe\x1f\xe1\xd7.S\xd3\x81Z0n\x1e\x1d\x17:c\xbdl\x0b\xe9\x1dC\xf6\xc8\xaa~\xbc[M\xe2\x17\x02D\xfc\xa1#\xb2\xa9I\xcb{\x96*16\x00\x03\xbd kq\xbf\x8c\xb3\xe4\xeb{0\xe6z4\x1d\xd0\xc2ue\x88\x06.\xc0b\xd2U\xe1\xec\xfa\x1e\x88a:5\xe8\xff\xb6\xc3\x7f\xa9\x12\x04\x80\xf7\x04x~\xf1\x06`\x04\xcc\xc5\xa3\xb4\xbd\xe6\xaeA{\x07|[)\x87K\xe8&amp;\xafk\x03p=\x9a\x0ed"\x16\x1f\x19\xd1sM\xd9e\xe1"\x0eH\xea`\x98\xc5\xc6\xd5\xe6\x88:t\xcdX\xc3/\xd6\xbd\xf8\xdc&gt;~D\xcb\xe5\xa3\xd4\xc5\xdc\xbev\x1ev\xe3\xcb\xf9(\xcbxT8\x88.\xfd5\xd0\x17t\xe2c\x0f\xb57T\x88\xb9$\x85\x11\xd6\xbd\xe3F\xa6\x83*9\xeb\xbc\xd5\xed\xa4b_\x0ch\xfb\x8b\xd7KFOoo\x00ds\xed\xc1\x03\x03|\xd4x\xd6%B\xf0\x19z\\DH\xaay\xc5\x89s]\xf7:\x06\x0e\xc6\xe3\xe0m\xb5\xbe\xb7\'\x1d\xb5#\xb2\x8fA\xe6\'\x04\xaaxj\xc4@\xc7x\xde\xd1\x02\xc4@F\xce\xaf\xe4\xac\x97\xc9\x9b~\x08\xf0-\xc4\x97\x87\x96\xdd\x10\x18\x90\xe0Z\xed\xac^\x1e\xc3\t\xa2\xbe\xd3\x90\x0c~\xb3\x85\xfb\xb8\x03?0\xa0\x85\xbb\xe7\xacOm\x0e\x1b\x96\xb7\xf5x\xf5\x8b3\xab\xf9\xd5\xf3\x7f*\xb7\xe9\xd7\xba\xba\x0f\x14\xc0\x8b\xc9\xaf2\xce\x11\xef/%\x94\x11\x81\xf5\x93b`\xc3(\x11z\x08\x04\xed\x9e&gt;\x07}\xd9\xc0\x1d\xc6i\xf7\xc0\x80"\x0eO\xa7\xc3\x05\x18PAm?\x9e+H\xb65r\x1c\x00\x1f\x8d\xdd\xf8F\xf7/\xf4\x08\xe6\xfe\x90\x82\x90W4\xc8\xdd\xb7\xce\x95\x11\x17\x8c\xf3,a\xa5\xb5h\xd1\xf4W:Qv\x94\xd6\x81\x812\xe4\x14\xaf}\xbcB\xfa\x9d\xa7z\x0eD16\x00\x06\xb6.\x13\x11\x01\xfe\xe0hq\xfa\x04""\xdc\xb4\xae[\xb7\xb0A\x03y\x94\x12\\\x02\x8fL\x88\xben\x8b/\xdb\x15\x97\xcd\xee\xb4&gt;\xeaD\x9c\x01\'\xfc\x14&gt;\xb3\xd7O\xd4u%\xcc\xc0\xc0\x01\xd8K\x8f\x9b\t\xdc\xdc\x90gQ\xdd;\x80#\xa5\xbb\x05\xc35\xc3w&gt;:\xb1\t\xde\xaf\x97{\x11\xc7\xc8P\xd6\xfd\xe7Q~&gt;\x7f\x03 \x17ot?}\xa2\x93,\xab\x84\xec\xcds\xedpU1{\x87\xbe\xebP\xa4\x81&gt;\xf0a\xc6\x03y~v\xd5\xda\x00,\xe3\x9f"\x98\xe2Q\x88S\xcf\xa7&lt;p5\x18\xc7?b4;\xa7\xec\xf5@T=`\xd0\x86\xb7T\x93\x17\x13\xa4t%\x1ch\x0c\xd1=\x9f\xcb\x85o\x81Plwe\xabJ\x85\x0bE\xa5\xc0\x9a\xe9\xce\xea\xca\\\x03G\xa3|\xcdh\xbc\xeal;\x96\xc8\x80\xedU#\x99\x06\xce\x87\xd1-u\x8c\xab\xf1\x8b\xb7\x01\xf0\xf1\xfeRR\xfc\xc1l1\x07\x06\xda\x02\x11\xe0\xc9\xba$_\xb7A\xcc\xd3\xdbx\x05\xaaj\x94O\xb0\x89\x1a\x18\x08`\x9cr\r\x0c\xd4F\xe5\x14Cx\xaf\x91\xbf\x0b\x18\x1b\x80\x1cR\xc9\x15}T\xd1\x81:\xd8O\xdfz\xbc\x95Q9\xe6\x8fN\xab\x1c\xd6G\xcb&lt;p\x01\x08}|m\xb9.\xbb\x91\x1d\x7fw%5Bv\xa0O\x9c&gt;2\x99M\xe4@9\xb4\xba\x7f \xf6\x12\xa9\xcf\x1cW\xc2\x88\x9cN\xf1\x1f\rxlq\xa5\x18\xd89x\xaf\x10\xdfK\x8dL\\\xdb\xad_\xce\x98[b\x96){\xe6\xc0e\x00\x11\xa7\t\xfcH\x983p2\x82k\x9aJ\xa3e\xcbj\x92\xe3\xc5`1\xddj.\xe7\xcf\x81\x01)\x10Q\x14?#\xe480\xcaQ\xa6\xa1\x14\x0b\x9a\xdf\xf1\x1c\xe2&gt;D\x9c^\x01\xe0\xdfG\xe4t\x05\x04\\\x82\xac\x11?{\xf5o\x1c\x8ak\xf9\x02\xc09\xab.?\x1a\x19\xb5\x08k\xd8\xe1\x06u\x8a\x03\'\x04\x11XT\xac)\xee\xbfY\xa1\xbc\x9d@0O#&gt;\x1c\x11^p\xfc!\xc14\xfd\xad\xfd\xe7\xd9;\xb1\xe3M:p\x1c\xf6\x04&lt;Z\x12e\x08\xd3\x92P\x7f\x9a`\x9a&gt;~\x9a\xa6dA\x93\x1a\xb0R\xc9`\xc9\xf0\x0358\x0f\xa4\x11\x0e\x92\xa9q\x0f&lt;\xd9\x8bV\xe3\xdc_O\xce\xe6\x0f\xcf6aytq\x9bVD\x86\x14\x90_\x7f\xc6\xe4\xeb.\xad\x86_9\x18\x1f\xa5\xadC?\x87\x96{W1M\x1c=(\xca3\xc0\x06\xf1\x95\x0e\x07Hq\xcd`D\xbe\xf9\xdc\x88z\xb2\x8c\xec+\x04\xc7\x80\xb5\xab\x1c\xfb\xc10\xb9\x00#6\x14\xc0z\xfa\xab%\xf6\x80&lt;\xc6\xbfJ\xac\xdf\xa9\xd3/%k\x86\xd1A]&amp;\xa2\xee\xec\xa8\x8e\x00\xf9\x84++\x16\x97\x90}\xc5.\xca\xe2\xe1\x02t\x82vu\xa4\xab\xe5\xf0TP7\x1aEp,\'UPu\x03P\x07\x9f4"\xa1\x18\x8dZ4\x11\xfd\xc3\xbb\xc6\xee\xce1\xcf\x8b\xa3]9\xa0\x8d\x94;;\xfa\xb8\xed\xf9\x83\xef\xec\xf2\xebb\x98B\x05\xc3\x8cB\xfc\xc8\xb0\xd8\xc0@6\xc4\xfd\x00"\xc2\x1dF\xd2qA\xf79\xa7o~\x06\xfaDz\x03\xc0\xc2#\xd9\x01zQ\'\xb2#\'\xdb\xe2^\xc3\xe0\x16\xf0v\xc3 B\x9c\xff\x1c\xe1x\x0c\x03\xf6\x0cD\x84\xef\xad\xfa\x15O]\xe3\xcc\rF\xf81\x1b\xa5&gt;m`\xc0\x82V)\xe7&gt;i\xd7\xcdcd\xf9b\x18\xb3\xd8\x14\xda\xe9\xdb\x83mO\x85\x13\x9b+7\x86\xbbH\xc0\xe3\xd0\xb4?\xe8\xa4\xdc]&lt;\x10\x11\x9ev:;\x7ft\r\xa2uC\xaen0\x97\x13w\x9e\x13&gt;\x15\xb6g\x9b\x07\x06.\x14\xbddf\x9e\x18\xdc}\xceq\xe8\xc4\xbc\xadp=\x9a\x12\xc8\x8e\xe1\xfe"\xa4\xa5H\r\x97\xd8\x936"a\xf4\xaaN\x9fR%\xf1\xfd\x9d\xaf&amp;\xcdQf\x8d\xed\xe7r/.\xefj\x81\xdao\xbc\xfa\xd8\x84\x0c\\\x072\xa2\xfck\xf4\xa5P\xc5(|&lt;&lt;\xe2h\x01D`~U\xd7\xcdY\xb4\xba\x8c\x90\x0eE*G\xbd\x93\xc8\xa3\xcc\xd5g\xf0\x00\xe0k\xf5(U\x1a\x88\x08\xef6\xfa\xad\x19\xc5\xa1u\xce\x188\x14V\xec\x9d\xf5\xce\xc9\xc0\x19\xd0\xd5\xed\xad\xd3\xde%\xb4@\x08\x9f\xab\x119\xeb\xd4\xc6\x89\xa1\xedys)\x85X\xa0\xbe\xd9e\xdc\x01\xb8L\\D\x91q\xd0\xa7.}J\x95\x8606\x94\xd54\xb8w`@Y\xa6t \xf0e\x01\x11\xff\xf9\xa2*\xd5@g\xb0\x1e\xce;z3p\x89ks&gt;\x86\x1d:\xc6\x16\xa8\xdf\xafE\x0e\xde[\xe0\xee\x97G|q__,x&amp;\\\\\x91Q\xd2\xe5\x00\x9bX\x1c\x8ft\xca\xc78\xac\xbf\x873i\r$]\xb1{\xda\x00\x00t#F\x00\x7fy\xe4nm`\xe0\xf4\xb0\xf6\x00\xc7\xa3\x9f;\x12\x03\xbd\xa1\x97\xc0\xd0^\xf8\xc5\x1fbY\xb7\xeb\x8b,\xe3&gt;\xbb\x08=\xdd\xf6\xec\t\xc7G\xd1\xe1\x02,`/\x85\xfa\xeb\xe6\xa3\x08j\xbd\x98\xa5=\xb4S\x15\xe1Q\xd7k\xcc\x81kF,\x91:\xda\x00\xfc\xeahh\x06\xba\xc7\xdbj&amp;Ka\xea\xf5\x92\xb9\xd7\x8e\xcbp\xc1\xd8\x1a\x01\x00\xbc/;\xa1\xc6f\xb2*Fe\x1b\x18h\x00\xad\r@i54\x1eF\x1a\x18\xe8\x17\x9a+\x93B\xc0\x8f|9\x1c\x17\xe6\x82C\xd4y\x97#\x98\x16\x81\xa8\x03\x97\xbcx\x8d\xb3\x86\x04\x10\xf1\xdbk\xed\t\x9fyqEf\x80\xc6\x11n.\x8e\xda\xed6\xc2{\x99\x1fcB\x0bL*%b\x9c\x04\xd7\xa0c3\x1ca\xcc\x9f\x19\x9f\x8d\x9b\xd1\xb5v\xad\x0eh\xb3\xab\xd6\xe5\x95\xbb\xcb\xd3(\x86kS\xb6\x86\xbeu&gt;Jq\x14\xaaiqQV\x1a\x88!\xe8\xe6\x9a\xb7\xfbQ\xa3v\xe3\xfe\xbd\xbf\xe6\xd5~\x1e1\xea\x02\xc3\x1aA$\xcd\xe2\x0f\xe8\xde\x98=\xcb\xc6\xc2m\xc3\x0bO\xcf\x96ou;\x11\rF\xfdZ\xa3\r\xbaO\xc6\xab@\xbdG\n\x11\x11~\x82\x9fV\xac1\xa3=\xe0a\x94\x97\x81Z\xcd\xb4\xf0\x9c&gt;\x8d\x0f"\xb9hP\xae\x8d\xeaB\x1av&gt;\x85AZ"\x1d\x81\xeb\xda\xf3\x7f\x9c\xcb5\xa5\xbav\x9com\xfe\xcc\x96]\x85\xc1\xebt\x86\xd2\xc6\xb0C\x07(\n{N\xd60\x16\xafG\xaf\rkJ\x12\xe5\xc6\xe3\xaa0,v\xad\xb0\x13\xa6\xf4\xd8\xdeA\xa9p\x97\x02}S\xfc\x8dm\xe7\xcb3\xf5\x1d\x95&gt;\x04\x12\x1d\xc1\xa7U"I\x9ct5\xca\x03\xe5\xc8\xa9c\xd9\x1b\xf2.+\xe7\xed\x0e\xe1zPek\xc3\xab\x1f\xe7&amp;\xd0G(J\x04\x18ga\x03\x03Y@\xe3\xdf\xd0\xbb\t\n&gt;\xca$\xba\xa4L\xae\xf5\xbc\xe3j\xe7K\xb2\xd5\x8c\xd8\xf2\xdf\xc1\xb2\xa4\x84g\\\x8a"\x97\x87#z\xf1\xcb\t\xec2\x1c\xb3\x11j\xc4n\xe6\xf2\xf5Mx\x9d\x0c\x17\xba\x96\r\x0c\\8\x94\x0fl\xac\x05`\x14\x85 z;/T\xc59\x9f\x17g\xe22\xef\xdb\\\x10.wk\xdd;\x0e\xba\x13\xd2\x92\xddW\x8f\xb8\xf2\xd1\xdf\xed\xaf\x81\x81\x81\xc3\x80\xc6!\xdcR\x14.\xbb@\xfcD\xe6\xf3\x065\x80\xf0\x8d=u\xa8\x88\xf0\xa3\xdd\x08\xa3\x81\n\x8e\x8b\xdf\xc4\x1b\xc8\xc00f;l\xb5]u\x03\xc0\xa7\xd0n\xbfw\xd9\xab\x18\x00d?\x02\xb7~\x91\xf1e\x1bg`\xa0\t\xd4\xaa\xcc\xe7\xf4R\xb04\x1f1\xea\x11\xbd\x1c:6\xb50\xe3\xa8u\x1c\xc7^\x1f\x86\xc7\xaf\x16\xc7&lt;\xff\x83\x88p\x93\xfaL?\xeaR\x17\xaf\x00\xaeG\xd3\x81\x81\xae\x80\x88\xf0;\x1a\xe9\xd7M\xc1\xfa\x80\x0b\xdf\x00\xf4\x83v\xc7\xff\x8c\xe6^\xfd\\p\xe0\x14\x18\x8e\x1ePD\xbcz4,,\x88\x00\xef\xd3\x88\xd7\xd1\xc8\xb5\xea\xd8\xfc\x0f\x0c\x94\xe1"\xbb\xa5\x16\x8d\xe0\xc5\x19\xadk \xfe\x02\xd3\xe0\xcf\x1e\x1b\x80l&lt;|,\xa8\xd5\xf0\x90\x11\x93\xfd\xe3$\xc7\x07\xa4xR\x99\xbb\xd21K\x98S\xde\xf2=\x97\xb4\x03\x97\x8e3\xd4\xbb\x05(\xf9Ld}\xbd\x92\xc4\xfb\xb1j?\x92\xb4AO\x9fL8\x10\x02#\xcc\xeb\xe8iJ\xc1\xd9\xb0\xb5\x95\x9f~\xb4$\x03\x11\x9c\xf7\xfe!\xc2/\x9cN\xe6rl\x1f\x06\xb8B\xdd\x0b\xa1i\xb7I\x85\xca\xc0!\xd8\x8a\xdd4M\xce\xf5\t\x00\xa6c\x9d;\xcb\xb6\xc80\x8b:\x1d,\x12\x0be\xa2\xe2\xa19u,\xf7\x01\x02\x88X9\xec\x11q\xf5z\x8c\xd1\x12\x1b\xf5\xe5\xb90,Uv\x9a`$W\xa70\xba\xfe\x0e\x16&gt;6\x105D=i\xcdGC\xf03\xca\x7f\x18\xd6\xfe\x04T\xecvC9\x89\x81\xde0MS\x07E\xd0\x15\x80\x90\x88{Z\x83\xba\xbb\xde\xaa8\xee\x08\xea\xda\xf8\x1e\x82\x0e\x95\x9d\x96|O\xa7&lt;\x02\x8c\xee\x1f\xe0cDN\x9c\xbc\x17\xca8\xe7\xb9uO0=s\x9a\xf0\xd6r\xf9Ct\xc8\xb4\xc6\x04?}\xb4\x08\xe7\xc44M\xd34I\xcaQ,\xd0\xce\x92-\x03\x04*\x1d\xab\xebn17\xaa\x00Y\x04\xed\xb5q\xb4/}`?\xbd\xe9\xfbD\xf9\x98\xe3\xb1:\x194p \xea\x05\xd2v\x87a\x84J&gt;Nt\x87\x99\x82\xbf8\x9e\xf4\\_\x04\x04\x98N\xee\xb8\x93b\x8f\xaeq\x07\xe0\xc4X\xf7\x82\x9a\xd8\xfam\xc4\xc0!\xc5\xff\xce;\xb9H\xecY\xdf+t \xe2=\xdd\x94\xc5}@\x17\xbbSz\xae\xdd\xc7\x04\x8b\x99A\x03\x17\x82zA&gt;\xd5(\xe3\xd7\x86i\xea\xba\x10\xa50\x01\xc2\rF\xbd@\x1c\xbf$800p\x04\xd6\xd23W\x1f\xb3\x06mW\xf4\x0b\x13\xe3&gt;\xf8\xfa\x19\xafQ\x16\xc5\x98-\xf6\xc5\x07K\xd1\x1cG}\xd1\xc4\xfey\xc4\xcc\xa7;F\x84\x0f\x0c\x9c\x11\xf9\x99k\x16\xab\xd3~\xa0Y\x04\xc1c\xbd\xc6\xd2\xdf\xac\xa4g\x7f\xbd\xe9\xc0\xc0\xb9a\x1eE4*IWP\xef\x0eD\xdc\xb0\xff\xb7\x98B\xaf8\xee\xf3\x18\xb8\xfe\xeceVTs&lt;200p\x02\xb0+\xc0\xb5m\x00\x80\xd9\xcd\xa3\x81f\xdd\xff\x9dr\x8c\xff$\xdbe\x17\xef\xbe\x81\x8b\x06R\x80\xb7\x1ba=\x90\xc6Q\xa7\xef\xfd\x08\x90\x8b\xf3~\xa1\xe1\xc0a8m\xb4\x0f\xf8\xc8\xb8\xd7\x9d}\xd6p\x02`\xd3\x83\x7f\x15\x9c\xa6\x86\x9f\xf7\xb1\xb9\x81\xea \xc3W\xe9\xa3\x8d\xf3\xc7PJ&gt;\xea4\x7f\x8f\xd8\x08\xe0Nq\xfc\xa7\xbbt\xbee\xef\x10\xe0M\x10^zV\xe1\x07\x06\xae\x17\x1a_\x8a\x90\xb3,\x8e/\x1e\xe8\x0c\xdb\x87\xfb\xe7?;u\xca\xf8\x10\xf0\x80\x00\xd3\xf6O!\x10\x8a\xbf\xe8\xa0\xd3\x8c\x1a\x00\x80\x9f\x9bW\xa3\x07\x1d*Db\x19\xee\xf9xf:O\xf7\xdf\xad\rO\x83\x8e\xe3p \x0f\x85\x0e\x1d_8{\x01\x98\x8c\xef\xeb\xd4r(\x02\xbc\xbf\x12\xa9\x81\x81$\x9c\x87\x7f\xb4n\xc3\xfd\x18""&lt;\xf2J*Q@M\xb3\x10\x9f\xa6.s\x85\xac\xbf\xd2h\x10\x7f\x90\xb2\x84\'q\xa2"\x0c/_\x9d\xee\x8a\xf8\x82j\x94\x87S.\x1b\xd6\xa7\xf5\xbc\xc7\xc0\xcc?\xf1D\xcf\xa5t\x8f\xa3l\x98~*l\xf8w\xa0\x1e\xfe\xafjl]s\x98""~\xf9\x9a\xab\x88\x08O=\x815\x16\xef\xaf\x0f\xa7\x8eB\xb3\x03\xafzq\xbdf\xddS\x186\x19h\x01?\x01\xd1(\xd4h\xbc8\x7f\x9e\xf6\xf0y\x80c\x04\xf0\x0edm\xfc\xe2e\xf8w\xa0[(\xc6\xd6\x88\xd4.\n\x99\x8f\xf4\x19\xc3v\x9e\xd4F\xa0\xd6xWo\x1de\xd8$V\x97/\x1d\x97\xd2X\x9c\x08\xd7\x18f\x03\x1e"a\xb0\x97#\xb3.I\x93\xb4\xc3\xbc\xeeM\x9e\x96@\x1b\x8e\xf7G\x1d\x1e8\x13\xae\xb9g\xea\x16\x88\xf8\x88\xd4\x0f2lC\xeb\x8b#\x85T\xa4\xff$Hl1\xc9:\xd7G\x1fB\x19.\x01W\xabx\x1e\x10\x11\xfeg~\xdd\x1b\xd6\xbe`p\xcbHt\x18Q\x95\xe4\x01cO\xec$\xde\x9a5\x0c_\xd3\xe16;\xe5\xd3\xf1+I\x03\xe7\xc1\x91=S.\xc7\xe7\xda2_\xe2J\xdc\xba\x88\x1ch@\xd2}\x82\xb5\x93;\xf2\'\x0e\x8bs\x03u\x17\xce\xa3\xb5;\'~Q2\xd8\x7f\xe0\xbb{\x1c,dw\r\\\x12\xfcB\x91\x1a\xc9.b\xde\xb4\xcdh\xeb,\xdc\xfe\xe0)Q\x0f\xe6\r\r\xd9,9#\xe7E\'\xb0\xdc\x11\xf1~C\x91\x06\xae\n\x92\xdc\x8b\xe7\xaaQ\x98Z\xc7kn-#\x9b\xc3\x91l%\xf8\x85\xaa\x06\xc4\xd4\xd7i\x93\xdc\x11\x99\xc7\xff\xdb\'"b\x91\xdcS\xb4\x8cX=%\xa8\xb0a\xbb\xf2\xc8\x90;\x90\xf5\xe7\xf6\x91q\x19\xd0\x158^y\xcc\xeb\x98j+\x95\xa5\xca\xd24c"\x02|\xef\xfa\x82\xc7\xe0|130P\x179)\xb1\xe6\xd2\x1b\xa9K\xb3\xd1o&lt;\xd1\xaa\x92\xb8\xfd\xfcJ\x9bz1\xaa\x92\x1c\x88\xbf\x90~\xa2\xa9\xbaa\xbb\xd9\x00\xe8\xe2\xf24\x1a\xb8$\x8c\xf8\xdc\x10;\x98\xd8\xfel\xb6\x01\xd8Y\xa7\x0eh\xc8\xb9\x95\xa4\xda\xe8\xa7X|zU\x0169Zp\x19\x18 q?\x8dB\x109\x16u\x86e3\xc8\x9c\x98\x0f\xf7\xc9\x9f\xb1\xc6t\x8f\xa8w\xeeq\x86\xe7&amp;\xbb\xfc\x9c\x8c\xd1@t\'[\x00k\xcf\xd1\x8c\xd9\x05\xee\xfa\x06.\x04N\xfe\xb6\x0c\xd7\x8eS\x83!\xd5\xf3\xea\xde\xb2FDx\xb0\xbc\xae.b\x7f`5\xd1\x06\x06\xc4\xe8\xb99\xc8\x12\xac\xa3\x82\xd5\x8f$\x14\x1e\xd1\xb7x\'Do\xeb\xa5\xb1\x84\x7f\xc4\xd1\xb2\xb0\xd0\xb8\xe7\xb0\xbb\x9c\xb7j\xc3t`\xc3\xa9\xb6\xa6\x07\xc0\x8e\xcfeo\xdc*Ap=\xd4\xe8\xc4A\xd6.(*UU\xfb\xfc\x9e\xed\x05\xc13Ky\xd1~\x96\xdf\x9b\x1c8\x13\xe6\x0c)\xfeE\xf4\xbaX\x85\x84\x93f\x01*\xfc\xe6&lt;\x87\t@5W\xfa* \xe2\x04\xc9\x1f\xf1\xbdRl\x0bO\'\x99\xd5\x9b&lt;)\xbc\x12\xe2\xbfB\xf3\x94_\xea\x0cT\x89\xea\xb3\xb9\xa0\x04\xff\tp#\xe1\x14&lt;imo\x00\xa7\x8bm\\u\x8d\xb8\xdd\xf9\x1f\x08\xa3cy\x19\xc0\x8dy#\xeb\xca\xc3\xf4\x88\xe9\xc7\x0c\xa9n\x90N\x18\xb8d\xf4t\xbe\xa8\x8d\x90j\xd5{h\xfb/\x1d\x0b\x7fd\x9bC\x1ax\xbfij\xda[L\xd34\xba\xff\x10zk\xf2fyz\x93*\x8c\x17\xc3\x92\xedM\x05\x9e\x99\x91\x8f`\xb7\x14\xe3\xe4\xc0\xac^\xe5,\x91Y\x02\xf7@:\xf3|\xba\xa1\xa9L\t+%\xc1r"\x9eC=\xd6\xfd\x03\xc04M\r*\x1e{\x1d4\xba\xff\x97\xd6\x13g\xe0*\xf0I\xd2g\xce\xaaI\xa2\x8fCn\x07\xff\xb9_\x83\x02F3n\xe1\xf5sWt\xe0\x8cXnd\x1f-\xc6@\x14z\x0fZ\xf4\xf6`X\x1d\\\xbc\x82qD\xd5\xdf\x1e\xe0\x11~C\x0e\xe7\xd1\x11\xc6SsR\xd7\xa0\x03\t\x05\\\xff\x8dMy&amp;\xf7A&amp;\xb4^\x9f0\x89l3\x0e\x0c4\xc5\x88\xb9\x04\xa8\xb4\x8cm\x00F2\xd7\xc1\x05\xd83\xad\xc2\x88\x9c&lt;\xf4j\xb7\'\xf2\x87J\xe4\xefP\xd3C\xd1\xff\xe7\x04x\xf1Yk\xedP\xde\x00\xb8\xdd\xff=s\x04F\x80\xa7\xc5Y0\xe50.\xbc\xab\\\x8c\x1e\xc0\xdbD!\xbeB\x8f%n``\x00\x00\x8c;\x00\xfd\xb5#\xcb\xa1K3\xa9\x8c\x8a\xa6\xb46\xf7a\xcf\xba\x9em\x126\x88\xf8\xe8&gt;\x8c\xa9\x87\xde\xd2\r\x00\x00&gt;U*U\xbc?3\xf3\xa8?e\x0f\xc5Rj\x9aV]D\xf6\xd3)\xfc\xb6\xbe\xde\xe1\x91"Y\xb7\xfdG\x84\x9f\xcd\xa2\xac\xf1\xfd\x84\x85\x14\xba\xc0\x07\xb0\x16J\xd6&amp;a``\xe08\xcc)zCW\xf7"\xb7\xd2\xdfl[b,c\xbc\xb3\x8d\x13\xa1\xda\n\xdd\n\x86\xfc\'\xd6\xa25\xb2&lt;~\x97a\xe16@\xc4;\xb7KL\xa3\x96\xf2\xbe\x1d;\xd5\xd6\xaf\xcd_zd\x0f\xf0\xba\xff\xfc\xda~A\xebB\x198f\xbc\xb4\x95t`\xc5\x859\xf5l\xba\x18IU^|{\xae\xdd-\x97\x16\x83\xd7V\xb6z\xb0\x8c\x82\x0c\xed\xfa\x8c:\xdfv\xbf4.\'h5J\xa1\xa4\xa0\xf8\xb1\xec\x1c\x1eci/\xc2]\xe0\x88\xda\xcb\x08\xb0m\x9f\xb0\xfc\xe9g4"zM\xb5\xaa"\xda\xa1e\xc9\xa9\'\xea\xc5\x97\xa3\x10\x18N?\xc5\xcep \x0b\xd9~\x1d\x01Q\x88\xf3&amp;\xd5\xd9\x03\xe6\x90vGS\xfdg4\x93_\x9d\xcb\xd2\xcb\x9e7\xf8\xf9\xd0S0\xbe\x01P\xd8c\xe8\xf6R\x87\xa3\xf3\xb8r\xbd\xf9\xcf5\xcb\xa95\xc6\x9f\xe2\xf5\xfe\xa8\xbc\xdb\xacQlkT\x8f\x95\xe0\xa7)\xd2$\xd9\xd4\xa5/\xc7\xac\xf8\x9d\xc27\x88j\xed\x0c\x07\x0e\x87\xb9\x93&gt;\xce\xbb\xd7\x18[5Jm3\\\xc0\x06\xe0\x10I|w#\xe2\'\xc8%\xd9r\xb6\\\xa2\xca\xe3\xbd\xf9\xdeqc\x87+b\x1cG\xed\x1e\xa3\x1b\x80\xf6\x91\xd09zVG\xa7\xf8\xe4\x151gJ\xa0\xf5\xef\xd9z\x00E\x1b\x80\x90vV#Tiu8\xe9\x8a\x7f\xea^e \x8a\x07\x1d\xbf\xbd;o+p\xb5\xc8\r\x95\xff\xa6,G&gt;\x0e\xdb\xeb\xfa\x07r\x19\x85\xd5[\xb0\xb3\xc5i\xbd\x01\x00\x00\x80_\xeem\x03\x80\x88\x00\x8f;Z\x8a\x18\xe2\xf5\x99\n\x83C\xad\x9a\xe5\xd6_\xea \x12N\x84\xac%{\x8b\x13\xb4\xafT_\xfd\xb5\xe9\xe7u,\xb1YVQ\xfa\x8b\x1a\xd6`}fc`\xa0%\xdao\x00\x08.\x07n?\xae\x12\xce\x1a \x9d]\xa78^%\xf2"\x1f=\xd4\x90\xad\x0e\xeeuZ\xc9\x8b\x91\xaf\xecl\xa8\xe7D\x06t\x95AW\xe7Y\x00X\xefn\xb5d\xd8\x90W!j=\x05$\x9a0O\xfa\x08\xce\x06\xa0`q4\x04{\x9d|iy\xcc\xb4\tf\xe2\x1a~*\xefRa\x85e\x83_\xa7CD\r.8\xa2\x8e\x02"\x9e\xe8GUa\xf5\xe3\xe9\xc4&gt;\x1e\xfer\xe2\x1a\x10\x11\x97\x9f\x81\xef\xc4\xb0\xbb\xafM\\\xb7\xdf\xe7\xc8\x87\x94\x8f8\xe5n$\xd1\xa1\x98\xd3\r\xa0\xec7\xc8\xe7\xdc(\xa0\x80\x08\x1d\xa5|E\x88\x1b\x895\xd3b\x14\xd7\x97\xd9y\x14*\xcb\xf3\xf5\xfc\xf4$\x85Oi\xb4\tS{\x15\xc8\xf8y\xed\x81N\xb0\xfc$\xf5t\xb2\x95\xf8D\xa2\xb6\xfc\xc2\x93\x17r}\xd8\xd7\xf9\\\xeaw\xd1)i\xaf\xf0\x88\xd1D\xfa\xb7\xe4\x97\x11\x91AL\x03*\xd9\xb9\xec\xb6\xd3Eb\x0ea2\xba\xed?\xd3Y=\x13\xb9\xc5u\'\xc5!\xd8\x8a{y\xf7o\x1e=;K\x06"~,\xc7\xb9D\xca_fH\x88\xdb\x95\xe4x\x8d\xfe\x87\x92\xea\x0e3\xed\xa2\xfe*4\xd7\xfbH\xb7\xff\xd64\x01\xbc\x9a\x98!\xbbcy\xa9\x98\xf4\xc05\xe3\xc2\xfb6O\xbb^\x9fv\xe8G\x98~$\xe9\x04\xb2h\xf9\xed\xea\xd1\x95\xff\xe0\nq\xe9\xc4\x0f/U\x01"\x02&lt;\xd0\xb9\x92\xf1\x10\x829kX\xb5%\xf6H\xae\xf2\xa54\xba\xc8!X\xf4H\x8cA%\xf2^)q\x15(\x16\xa5F\xf5\x8d\xf8D\x99#C&amp;\xddQ\x9c\x07*\xa1~T\x95\xd2\xbfo\xf8\xfb\xb0R\xc4\x9d\x9c\xe16:#\xd9N\x8c[Vq\\w\xf1\xa0%\xcf\xfa$\xeeXc\xf4\xb1\x18\x93eU\x9d\xaen\xa0\xda\x11\xcf\xed+\xa4F\x86\x90\x85\xaa\x19[\xa3\xc4q\x801\xe0\xa0\xb0\xec\xa5(I\x05\x98M\xe7\x9b\xb1\x00\x0f\xd6#5pZH\xa3\x909\xb0bT\xa5\xb27\xfb\x99\x07\xdc\x1a\x17\xa90\xec\x9a2\x92\xed\x94X\x97\xb7\xcepW\xe5\x9f\xf1\xd2]\x14\xa9U\x7f \x08\xc3VZ\xe6Z\tv\x18\xbagC\x07-cE\x94o\x00"\x0f\xffuT\x07\x10\xe1N\x9d\xfc:\xa1,+\xd1C=\xc9\x1c\xce\xc7{m\xa0\x13\x1c\x9d3\x1b\xe2\xc9\xa3\xf90Cz\xce\xc1\'\n\xaf\xd7A-\xbbVt\xb0\xa4\xb1\xbd\xcf\x1a\xa6\x14K\xcf5\xa9\x9d98\xa5\x92\xc7\xc6\x7f\x96U(\x92\x07\xa5\x9a\xc0\xf0\xa7\x10\xf2)\x9e\xdb\xb3r\x9c]\xd9H\x0b\xfe"\xb5\x06\xfdm\x12\xebr\x1b\x1b\xde@\x06\xa7\x95\\\x1f\x93+\xc9aa\x80\x88\xf8\xd1\x881?\xee\xf8\xd6FB\r\x9c\x1d\xd7U\xc4+@\xbafk\x18\x1c\x01\xbe\\\x9b\xe6\x80\x18\xdd\xf4@\xdc\xce&gt;\xb9r\x94\xf7\x01\xa6M\xce\xbf\x01\x10"\xa1\xa9\xd9\xe1\x077\x00\xf2g\x03\x04\xf2)v`\xd7\xe5\xd9\xd3#\xb1\xb7l\xe4M\x01\x0b\x84\x82r\xe4*\xab\xb3\xb5nP\xcd\x18\xc4y5\xfc\xeaj\xef@\x1eF\x94(\x81\xfb\xf4?\xf6\xf90\xc9@\x0e\x9a\xfaq\xab\xe9SF\xfc\xb0\x96\x84\x8f\x06\x85\xa7\xc6\xf7\xb9c\x11\xf2\x116\x88\xb9C{nk\xb1\x06.\x19\xfdt\x842\xee%2\x1b\x13M\xddK\xd4\x7f~t\x0b}\xab\x12\xe2\x9f\xa9\xe4\x1d\xf4p\xf8=\xea\x81\xaeA\xe5\xd8\x88\x18-\xdc\x96\xaa\xbc\xc3\xbc)\xe8-TG/xj \xceu\xb2&gt;\xe7\xc7\x1c\xa7\xb2G\xed\xa0\xe1h\n,2\xdd\xb1\x0b\xf6\x15\xb9)\x8c\x0b\rW\xbft\xb4e_2\xb7dY\xf5\x15\x11\x00\x00 \x00IDAT\x03\xb0gb\x0b\xc5?#{\xa6b\xb3\xeeo\x00\xfe\xe8"Cz \x0b\xe8oa\x8f\xab\x0b\x97\x0f\xa2i\x1b`\xe0\xde\x9a\xe6\xba\x10\xb3S\xb1$\xde\x00\xf0z\xd3\x8c\x88=\xb0s\xed\x08\x85\xc9~aU\xe2\x9c\xea\xe4\xf6\x9a\x1d\xa3|\x19*qe\xde\\D|\x1c\x1e\xfbi\xdd\xdf)f\xbd&lt;\xc5\x94\x0c*\xc5\x0e\xc1\xdf\x00\x8c\xc7\r\x06\x00\xc2\x8b\xd39\xcb\xf4\t@\xa4\xe2\xc01HY\xfe\x04\xae\xd1\xe8\xb0y\x14\n"\xb6\x7f3VGA\xb2\xdbK\xf5\xb9+\x86\x19B\xe7\xd2bl\x00h\n\xd9~,\xdc9 \xe2\xad\x0e2\xef\x16\xc0\x19m4"\xbe\xbe`\xae\xa6\x82*]G\xe7!=\x90\x87@L\xe8;{\xdcd\x88?\x8dw\xbau\xb1_\xa4*l\x9fG \x87\x04\x80\xe0D\x7f\x84h.rk\x9d1\xe5\xec\x05\xb3\xfe\xa9\xc7\x19\xb7\x16G\xc1^\x83\xde\xe3DF\xeb%\x0b2d\xd8v\x0e\x88\x08\xcfn\xaaB\xf1\x06\xa0v\xf2\x0e\\\x1d\xc8&amp;\xf8\xf2\xa1\xb2\x17W\x85@\x8c&gt;\x04&gt;/\x82\xa1\xdeS&lt;\x0ct\x87\xce*\x06\x07^\xa8WV\xe1T\xc69\x18\xce\x1a\xf4\xed|\xbb\xa9\x18\xf9\xc1\xa7X\xf1\x95%\\\xe2\x13\x11\x9e\xb6\xff\xb2\xd0\xeb7\x8c\xd8\xec\xec\xeb\xafc\x19\xe8\x1f\xbcX\xb1\x03\xcb\x1d\xcf\x0e\xb8\x93\xc5ew\xb9$y\xb0\xdb\xf87\x89w=C\xa1o\x87\xe7zN7\xfe&lt; \x1ep\xbfO2\xdc\xd4;\xba+\x1aQ8\xa2\xbe\xa4r\x0f\x11ZA\x9a\x03\xa3\x7f\xf6\x02\xf4P\x8f\x15\xc9\xde\x1a\xa0\xef\xb8\x8d\xe0\xaa\x9d\xf9ou\xa7$\x8ex\x8e\xeb\xa7\x05\xdd\x94a(\x9c}\xe4J\xbb\x0e\x98\xaa\x88:p50\xa3j\x9a&amp;\xff\xad\t\x00&amp;:\xcc\x9c\x80\x9e\x02\xc3\x8e\x02"\xf6&amp;Rg\xc0:\x05\xa4\x12Y} b$\xbc\xdb\x88\x0005\xb0\xd8\x92\xcbW\x9c\x0e[\xb1*0\xc2\x99\x02\x1b\xb6\xc0\x9a&amp;\xd0Q\x9f\xe02M\x00\xb8\xb4*\xd3\x04g\xb1O\x08\x91\xd5\xb0\x12\x97j\xbc\x10\x91\xe9\x91E\x1c\xa5J\xb8R\x9b&amp;\xb2\xdf\xad\x1d$KLz,\x0e\x11&amp;\x0b\xbb\x019\xa3o\\W\x98\x81\xb3!\x94\x00\xe4Xg\x18\xd91G\x16=a\xd9:\xcd\xf29P\x86I\x12\x84GBi\xdd-\t\xec\xc9\xf8\xb7\x1e:=\nm\x06s\xf9/8\x17\xe8=\x9e\x1d\xf8^\xd7\xed\xfe\x01`\xe92\xd7\xcd\x85\x16\xf1C\xe0\xf5\x88\x8d\x16,E\x1e\xf6\xc6\x8fI{\xf1\x9f\xa7-\x1a[;\xbe\x8c[48\x87\x830\xaf\x0b\xb5M\x1a\x92\xd4\xdc\x0c\x1f\xda\x8a$Y\xcbr\xf4\x862i\x06.\x07\xc6M\xa2-\x82~)22y?j\x8b\xc4\xb2;e\xb8\x12\xc9\x9c\x98\x8d\xfe\xce;{\xeb\xc3\x96\xa3\xc1:O\x05\xa8\x93\xec\x14\xf3\xcdm\xe9\xa4\xe5\xdfFf\x9af4\xe1\xd5\x17\x9a\xdf\xe8\xe7\xa3\x85T\x8b\xd3\x11\xa7\x8a\xf5\xf0\x14\xd1\x95\xb6\xf649\xadY-\x8d\\ki\xf3YU\x95\xd1%&lt;\x98+\xd8\xf4\xc6\x0b\xbd\xd9\xa4\xd34\xad7\x18\x1a\x04\xc9d\xafk\x9b1L\xa3\x1f\x16\xab\x9d\x96\xa2\x81\xde!\xfb\xe6\xda\xad\xe7\xa6f\x85\x9e\x86\x0b\xac\x94n"\xe5kpy\xb1/\xec-\xba\xb4\x80\x96\x7f\x8f\xc5\xea\x88\xf3h\xf1\xb4\xf6\x0f\xa1\x9e\x17\xf9V\nT\xb9\xc3\xcd\x1e+\xb9\x1ax\xe4Kf\xca\x1b\x97k\x8f4\xd6\xe3\xd7\x9f\xd60Bj\x04\x80\x15\xe4\xb7\xd3R\xe4\x13\x14$k\x0eU?jE\x05\xc7\xddW\x9e\xa7\x03&gt;x\x95\xc2Y\xe1\x8c\x90\xbd{hX`u\xac\xa2\xc2\x88\xec\x9a\xf8\xdc\xe8\xbb\xa9/\xe5&lt;\x8fk\xc2!\x8a\xe2\xfdX\xd7\xc0s\xf9\xe5 \xa4\xed\xd3d\x03\xb0\xc6\x9e\xe4\xd3\xfcu\xeb\xad\xc7\xa6~,)\xd1\xff,]Q\x17\x0b3M\xdd\xc6)\x16\xa3j\x1b\x80\x19op9%q\xc3\xe6\xa3\x9fN\x0e\xd2\xe4W\x9eD\xa3\x0b\x1a\xc8\x003\xf8\x98\xdd\xbc\xf9\x169\xa5R\xf9kPU\xeb\xa1s\xe1\x9b\xad[\x1a@\xf88\x81\xa8\xdb\xc8\xda\xf1\xd9\x11\xdc\r\xfc@)\x14\xeb[\xb8o\x13\x90m\x1d\xc6-x\xfd}}\x16\xf9\x08\xb8\xec\x18HBQ&amp;\xf3F\xf6\xd5.\xb7Z2\xad\xa7\xa7\xf8\xd7kY\xf2\xf2|1\xd0\x06\xac\xe0\x0bu\xf3\xe1\xd8\x15\r.\xc5\x99\xa3\xbf\xfb2z\xbeNQpV\n\x00\x00?^;&gt;;\x04\x9e\xcf\xad3\xba\x93Y1r\xae-\x08y@\xdc\xbf\xe7\xf1z\xb0)\xfb\x00\xd94v)\xcb\xb0\xe7\xec\x08`\xb38!\x92J\xa1\xe2\xc7\xabv3^\xa0%\x07.\x08\xa2\r@td\xc5@\xafE\xbfn\x8a^|\xe6\xf7\xa9\xa0%\xd5\x85.f1\x90\xfa\x8e\xd5(\x17\xc3b\x144\xd2\x8a\xdf\xd1\x9a\x93\n\x99\x1e\x0e\xb9\xdd6\xfb,\xb6\xbao\xea\x0c;\xdb576=\xa2P+*\xef%\xc4\xc4\x13\x1b\x00=i3\x02[\x11\xa7\xcf\x91\x81v\xf0\xfb\xf8\xdc\r\xc0\x19\x81\x88\x08w?\xa9\xf0\x03\x04N\x1e\x90\xb5\xb0\xae\xe8K\'q\xb04\x03\xa7\xc6\xefi\xed$g"\xbf\x1d}\xd7\xbc\xb0/R\x1a\xdc\x8f\x82\xf8\xf9\x9cG\x19\xd6\x8eT6w9\xce\xf1Q\xe1\x9anL\xa9\xdb\x1b\x90\x9f\xd0\xe0|\x02\xaa\xcd\xf3?i^\x95b\x98\xb3s\xc3\xf9wl\x06.\x11(\xff\xb2*+\xec\xb7_\xe2\xa0\xbf\x0f8\x9c"\xdd\x7f\xa1\x1b\x89\x0cs\x9d\x15\xd8\xe2\x07\xce\x8e\xb6\xe7\x1a\x9f\xaa\x9a:J!\xc0+\x02\xbcD\x8f\xfe\xc0\xc0\x80\x05\xa4\x7fk\xcf\\|\xceS\xb7\x11\x0b~*\xcb/&gt;\x10\xd3\x1dq}3\xefgU\xf6\x05\xbe\xe4\'Y\x9c6A\xffW\xe4\x80\xfab\xfe\xbd\xf8C@r\xb7\xd5\xd1\x92*\x03\xe1\xe5\xb8\xf6\x1a\x8a\x88\xe3w\x00.\x14\xcc\xaf\xfc\xb1/\xee\xd16G\xe4\xfa\xf5\xccD\x14\xa2\xfcW\xff\xfa&gt;\x8b\x8d+#\xbeW\xbb:\xa0g\x95\x15\xe1\xdf *\xff\xe0`\xc9\xf1^\xa5Ps~\xf6\x0e\x00\xfe-,\xc1~\x1b\xad\x8a,\x03\x03A\x9c\xfdh|G\xea\xf7e\xcf\xd3\xfd\x97\xbb\xe4\x8b\xf1EsUY\x8aJT\xf7y\xe1\xc6\x0c\xb6~k\xa0\xd3\xfd\xeb\xc2\xeeL\xec\xca\xbc\x0b\x00\xf0E\xe4c\x90\xce\x85\xc7(\x0b\'Ax\xfb\xb1_\xafs\xff\xe4L\xb93 E\x8b\xa7\xdc\x02\x8f\x00\x05\x9f&lt;&gt;c3\x94+9\xe7.\xa4@\x86\x9eWt\xcf8:\xa1\x95\xdf\xc6\xbfn\x9b\'\x04\x10\xe0\xffz\xd7\xac\x87t\xcf\x1b\xf6\x05\xb8*e{\xc4\x15D\xdd\xaa \xa9\xa3P\xf7\xbf&gt;\x83\xad\xa8u\x96;\xb5\x15\xa3\x18\xa9\x96\x1f:\xda9\x06\x98\x1eV\x9c\x11\xf3\x1a\x83\x92\xb5,\xa6`\xf7a?\xd0\x14\xd2|\xf0\x8bEdz\xe3*\xa0\x85\xb6\x95"X\xb0\xea\xb3\xce\x84\xc02\x02\x1b:k\xc6on\x96\xe1P\xd8\xfc\xf5\xa3u\xed\xe6\x17\xe5-N\xd4\x16\xd1\xf3`y\xda\xf8:\x94\xed\x1a\xd7\x11u\xb4\x82\x19\xba\x9f\xc2V^=\xa9%\xb0\xc3\xe8\t\xb9\x96\xb1\xa4}c\x0e\x91\x96\x87\\h\xd6\xea\x96L\xd7\xa7\x03\x0c\xa6mco]X5\x0f(\x07.\x04\xd1RH\x84\x8b\xdb\xe6t_F\xbb\x84Y\x89"\xc6\xaf\xc8\xbep:\x93\x82 Bb{\xc5$\x05?\x1akX\xef\x17C\xdc\xcd\xd5\xe5\xb8\x8c\x90n\xb6\xfd\xc1\xe4\xf4\x1b5_3\xc6*\x95\x85\xbe\xef\x19V\xc2%\xafD\xc4:\xfb+\x05\xe4~\x83$\xef\xf1A\xf8\x99\xd2\r@|\x08XU\xfa\xe2\xbcF\x03\x01\x9eb\xff\xd9\x96\xfb\xbb\xed\xb7\xa9\xdb\xb2\x1e\xa8\x055_\x8a\nh\xb3\xee\x9f\xc3\xe2\xdc\xd1|\xce\xdb# \xbc;\xc9\xf1\xd1\x9f\x15\xc7R\xfd\r\x00\xf7.\x846_.$\xdcW[\xd9_0\x82\x88\x7f\xe9Px\xf1:\xf23\xc6\xcaQ\x88a=\x01F\xb0\x99\xc0\xb2\x95b\xaf\x8d6\x91\xd0\x06 \xdb\xf8\x9c\xf5\x9a\x1a\xf3\xc6y\xecN\t\x89\x9d+d\xc1\xe3Gf]\x12\xd4|\xc9\x8fH;|\x8f\xdf\x00\xfc\xc3\xb5\x05t}\xcbW\x00+\xae\xfc\xab"5\xab\x96\xb6\xfe\xeb\xa6LB\xc2\xb6\x88\x88\xf0x\xfa\x01\xa7\xc2\xce` \xebx\xfeZ\xad="M\x19F\xfe\x1aq\xe8e\xb4tY\xff\xc3&lt;9\xa4\xb3.\x08\xa1\xf6\xa9\xe5S\x00\xd7l\xff\x81\x04\xd0\xf8w\xbd\x14@5\x11\xac\xf2\x94btu\x05Ea\xeb\xd5\xfc\xce\xc3\xed\xf7\xb5\x87\x83\xcb\xfeM\xca\x8eA[\x1b\x11\xf1\xd3\x82Q7\x1cD\x822\x948\x98\xaf\xd5\xb6\xa9\x9a\xdfH\x8c\xeap\x1f\r\xaf\xba\xaa\xfak7Q`\xbf&gt;sq\xf9;V\xad\xbe\xfazNwP\x8d\xcdr\xdd.\x18H"\xd4\xf1S;\xd7\xda\xf8:\x15*\x9fd?\xea\x00\x9f~\xb2\x1c\xb0l~x[\x8c\x08\xdf-\x13@\x186Q\x05\xcd8\xbc\xf2\xe5d\xa0\x05\xdc["c\x05\x1d\xd0B`y\xad\xce\xcb\xbc\x12z.(\x83\xb8\x8e\xa0\xe7\xc2\xd7\t\n\xc2M\xaf\xd6J\x03\'B\xa8\xef\x7f\xc4\x85\xc4\xee\xf9\xb40\x1b\xe8&gt;J\xad\xf0\xc9\x1c\xa1\xc0Q\x05\xd1\xba\xa3\xdd\x05D\x92do\xa1\xe36i\x80r.\x9d\xf8K\x82\xcf\x19\x1b\x80K\x07\xe2\x81\xa7*\x87\xec\x01\xc8?\xcd\x8b\x19\xb4\xbd\x17,qN~\x88\xb3\x19\xb0\x95\x16\xe76\xd7\xc01\x10\x05\xcd\x93\xe6)\x19\xc5\xa8i&amp;\x9c\x08\x8bY\xb0\xb8{x\xc5\x82\xf6Q\x1f\xb3$\xed\x17Nk\xa5\xb4\x9fa=\xa4&gt;\xb2\xd3\xa4`\xeb\xf2\x1a1\xbf#"|[\x17!A\xa0\xdc#c\xcd\x1b\xa8\x85Fm\xb7H\x8c\xcaG\x1b\x88\x88\xf0\xa2}\x0f\xe0\xbf/%\xe8|\x97@ry\xfa\xddF\x9a\xd2Pe\xfa\x8c\xd6\x1b\x80\x81\x81\xca\x10=\x82\xefL\x1di\xe0C\xbd\xb2\x0b\x8eX\x8ayE\xa9\x1f\xe5\xee\x80=\x8f\x92\x87\xeb\xd6\x9f\xc1m\x0f \xe6\xf1\r\x07\xac\x94\x9d\x00\x11\x01\x1ep\xb4\x14\x17\x83\xeb\x8a"\xbbP\xd0\x1f\xccX\xdf:p\x03 \xfd\x1e\x9e"Q\xcb\x1aV\xfb\xa4\xff\xfb\x11\x8dS\x18^7\xdcr\xb7\xe3\xe3\xc7-\x8e\xe2[\x10\xaevGu\xff(\x96|```A\xc3\xcc9\xb2\xd8]\x1b\nm\x9b9\xfd\xd2\xdd:\xe2\xf6bq\xe9\x9e=G\xed%:\xe2\xb8\xa8?U\xa4\x0b\xbbg\r\x8dy\x07W\xd4\x9b!\x00\xc0\xf71\x8d|\xec\x06\xc0j\x9d\xfb\x8f\r\x03w4\xff8\x89\xcc\x03\xd7\x8d\x11\xa33NUh\x98\xb8\x18Ef\x98\xea\xdcF6\xb3\xae[\x99\x94\xcb\x0f\xa2\xec\x87\xa9\xa8\xaf\x02\xab/\xc3@S\xb0{\xc1\xb3\xe2\xd8\r\x00\xd3\xbc\xe2\r\x80\xda)~\xe6tWTD\xf3j\x06\x95&lt;\x014&gt;E\xb0\xde\xfci\x9f\x08\x85\x1c\x11_\x9c\xab\xf8\r\xf9\\\x07\x06$\x98\xa6\xe9h\x116\\\xf2:w\x04\x9ey\xb4\x00Z\xf0\xd6 |\xb6h\xf6\x04P+\xcc\xefB\x04-\xb9^f\xae\x83\x81\xd5w[\xd3\xb7+\xd34\xf9\xb9\x8c\x88\x7f\xb0L\xdf;\x01\xc7\x9a\x97\xb5\xe9\xbd4L\xd3\x04\xd0O\x89\xd6\xc7\xb4\x06\xee\x1a\xbc-C\x119\x0cC\xd9\x11\xcf\x9a2\xc7\xf9\x13?\x80\x18u\xdf\x90\x00^!x\x9a#\x98P\x1a\xe1\x0c\xf3\xf9\x1d\x80\xe5\x9b1\xa4L7\xe6\xcb\xff\xda7*\x85\xa97M\xaf\xd4Qs5\xd0\x0ec5\xcd\x81\xf4dB\x9d\xfb\xc5\xdd\x01\xb8\x18\xfciA\xcfZ~\xbe\x18\x9f\xf5\x9a\x12:,\x01\xa8\xb3\xc6y!-\xed\xdaIS\x8c\x98\x1f\xe8\x04\xad\xe2\xd0\xdc\x12\xb3\x82\xdfO\xc9\xaaY\xb3\x9d\x9a\xef\xbbv\xbft\xc4\xcf\xa7\x95\xe4\xfc\xb3\xec\xb9a[e\xc9Sl\xf0O;\xd1\x9d\xb4\xb3\xc89@c\xf8\xaf.\xb6\xfa\xa8Nv4C\x15\xf1\x0c\xba\x04\xd7\xb6\xf9\xee\xd6\xba\x9eU#\x1el5\xba\x8e\xcc\x918\x1b\xee\xd7\x8c\xd3\xa8W\x19@D\xf8L7\xbf&gt;?j\xc6\x036\x00\xdf\xb2o\x00\x9eZ\xb6\xd5\x17\xcb\xa9\xa6\xda;\x7f\xa5+\x06r\x0b\x85;f+\xe0\xf9\x9b\x87\x91)\x03\x03&amp;4S"J\n\xff\xda\xb8)\xa8\x90\x8a\xb7\xb5\xa8\x15\x912\xb1\x17\xa9\x01}\x04m\xab\xdc\x9d?\xb2\xe0\xb8\</t>
        </is>
      </c>
      <c r="E236" t="inlineStr">
        <is>
          <t>&lt;class 'numpy.ndarray'&gt;</t>
        </is>
      </c>
    </row>
    <row r="237">
      <c r="A237" s="1" t="n">
        <v>235</v>
      </c>
      <c r="B237" t="inlineStr">
        <is>
          <t>steps_per_sec</t>
        </is>
      </c>
      <c r="C237" t="n">
        <v>2700</v>
      </c>
      <c r="D237" t="inlineStr">
        <is>
          <t>3.021708</t>
        </is>
      </c>
      <c r="E237" t="inlineStr">
        <is>
          <t>&lt;class 'numpy.ndarray'&gt;</t>
        </is>
      </c>
    </row>
    <row r="238">
      <c r="A238" s="1" t="n">
        <v>236</v>
      </c>
      <c r="B238" t="inlineStr">
        <is>
          <t>Loss/RPNLoss/localization_loss</t>
        </is>
      </c>
      <c r="C238" t="n">
        <v>2700</v>
      </c>
      <c r="D238" t="inlineStr">
        <is>
          <t>0.13449347</t>
        </is>
      </c>
      <c r="E238" t="inlineStr">
        <is>
          <t>&lt;class 'numpy.ndarray'&gt;</t>
        </is>
      </c>
    </row>
    <row r="239">
      <c r="A239" s="1" t="n">
        <v>237</v>
      </c>
      <c r="B239" t="inlineStr">
        <is>
          <t>Loss/RPNLoss/objectness_loss</t>
        </is>
      </c>
      <c r="C239" t="n">
        <v>2700</v>
      </c>
      <c r="D239" t="inlineStr">
        <is>
          <t>0.01933154</t>
        </is>
      </c>
      <c r="E239" t="inlineStr">
        <is>
          <t>&lt;class 'numpy.ndarray'&gt;</t>
        </is>
      </c>
    </row>
    <row r="240">
      <c r="A240" s="1" t="n">
        <v>238</v>
      </c>
      <c r="B240" t="inlineStr">
        <is>
          <t>Loss/BoxClassifierLoss/localization_loss</t>
        </is>
      </c>
      <c r="C240" t="n">
        <v>2700</v>
      </c>
      <c r="D240" t="inlineStr">
        <is>
          <t>0.1439386</t>
        </is>
      </c>
      <c r="E240" t="inlineStr">
        <is>
          <t>&lt;class 'numpy.ndarray'&gt;</t>
        </is>
      </c>
    </row>
    <row r="241">
      <c r="A241" s="1" t="n">
        <v>239</v>
      </c>
      <c r="B241" t="inlineStr">
        <is>
          <t>Loss/BoxClassifierLoss/classification_loss</t>
        </is>
      </c>
      <c r="C241" t="n">
        <v>2700</v>
      </c>
      <c r="D241" t="inlineStr">
        <is>
          <t>0.111800015</t>
        </is>
      </c>
      <c r="E241" t="inlineStr">
        <is>
          <t>&lt;class 'numpy.ndarray'&gt;</t>
        </is>
      </c>
    </row>
    <row r="242">
      <c r="A242" s="1" t="n">
        <v>240</v>
      </c>
      <c r="B242" t="inlineStr">
        <is>
          <t>Loss/regularization_loss</t>
        </is>
      </c>
      <c r="C242" t="n">
        <v>2700</v>
      </c>
      <c r="D242" t="inlineStr">
        <is>
          <t>0.0</t>
        </is>
      </c>
      <c r="E242" t="inlineStr">
        <is>
          <t>&lt;class 'numpy.ndarray'&gt;</t>
        </is>
      </c>
    </row>
    <row r="243">
      <c r="A243" s="1" t="n">
        <v>241</v>
      </c>
      <c r="B243" t="inlineStr">
        <is>
          <t>Loss/total_loss</t>
        </is>
      </c>
      <c r="C243" t="n">
        <v>2700</v>
      </c>
      <c r="D243" t="inlineStr">
        <is>
          <t>0.40956363</t>
        </is>
      </c>
      <c r="E243" t="inlineStr">
        <is>
          <t>&lt;class 'numpy.ndarray'&gt;</t>
        </is>
      </c>
    </row>
    <row r="244">
      <c r="A244" s="1" t="n">
        <v>242</v>
      </c>
      <c r="B244" t="inlineStr">
        <is>
          <t>learning_rate</t>
        </is>
      </c>
      <c r="C244" t="n">
        <v>2700</v>
      </c>
      <c r="D244" t="inlineStr">
        <is>
          <t>0.039994963</t>
        </is>
      </c>
      <c r="E244" t="inlineStr">
        <is>
          <t>&lt;class 'numpy.ndarray'&gt;</t>
        </is>
      </c>
    </row>
    <row r="245">
      <c r="A245" s="1" t="n">
        <v>243</v>
      </c>
      <c r="B245" t="inlineStr">
        <is>
          <t>train_input_images</t>
        </is>
      </c>
      <c r="C245" t="n">
        <v>2700</v>
      </c>
      <c r="D245" t="inlineStr">
        <is>
          <t>[b'1024' b'1024'
 b'\x89PNG\r\n\x1a\n\x00\x00\x00\rIHDR\x00\x00\x04\x00\x00\x00\x04\x00\x08\x02\x00\x00\x00\xf0\x7f\xbc\xd4\x00\x00 \x00IDATx\x9c\xec\xfdy\xfc~\xdf7\xd7\x8f\xef\xf3\xeec\x8c\x0c\x99i\xf0E\x86|\xc8\x94\xf1F&gt;D\x86\xf4\x11\x19&gt;d\n\xc5O\xcaP&gt;\x862}K(\x92\xa1\x901\xea&amp;C\xc4\'s"\x1f2\x95\xe8\x87"\xbeJ\x84\xaf\xe1\'"\xd3\xfa\xfdq\xaes\xce\x9e\xf7Z{\xaf\xbd\xcf&gt;\xd7\xf5\xb8\xdf\xde\xb7\xf7\xebz^\xd7\xdek\xad\xbd\xf6\xdak\x0f\xe7\\\xe72\x06\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p&gt;DDDg[\x01\x8c\xd7\x0b\xd3v\xca\x1d\x07\x0cm\x9cm\xc8\x06\x911\xfa\xc6\x10\x03\xa6$\x8ed\xfbS\x13\x93\xccQMD\xe6\xbf\x07\x1fEt\xbdVJ&gt;\xafEN\xbd\xec\x9bI;\x0fc\x88\xd672\xc5\xf6\xbfC\xcf\x14\xfb%x\xffo\xda\xef\x99H\xc5\x82\x93C\xb5\x99\x12\xbe\x07\xa2\xe6\x96\x1a\xb5\xb6\xbaX+oh\xf4\xcf\xfd-\xbb\xcb\xac2)\x15\x85vq\x0c\x0b\xed|\xef\xda\x01%\xd2R\xe7\xc6\x8c\xa8jc\x00\xd8Y\x06\xe8X\x83uYF\xe8\xba3\xe0\xba9!"t\xca\x19\x10;e\xf1KN\x877\xbb/\xcb\xb1\xfe\\\x16\xc3m\x17\x11\xb9\xa9#\xb5hX\x96e\xff(\x8c\xea\xc0\x18\x81W-\xb1&amp;ev\\\xf5\xcd\xf8x\xad-+\xee\x9f\xda\x16\xe6\xcc\xbbU\xdc*\xa7\xb4d\xbc\x11)\xb4+^RB\x0e\xf9\x9e\xe4\xd4\x9f)\xd5a\x81D"""\xb3\xbfM\x14\x91\x9f\xb79,\xe0\xbb.K`\xe7\xf1\xc6\x12\xac\xa3\xed\xf0\xcb\x9b\xd7\x87L\xa2 ctl\x8b\nih\x1d\xed}\n@\x0bO\x9cm\x00\x00\x07o~\x91\x83\r$_m\x98\xfd\xcew\xfb\xc8\x0ez\xf6~\xa2\x97e1fYn\xff\x18A\xbb\x82\x10]\x8eO\xbc\x8f\xfe`\xde\x80:W\xba\xc7\xbd&amp;\xd6\xc5d\xac\xf5k\xect4\xbf\x08^\xac\x17\x8bup|\x9c^\xc7\r\xf3\x17d\x8b\xad\x96{\xb6\xeazeyIG\xbckpYX\xb8\xe5+)?\x16\xf4Dd\xcc\xbf\x08&gt;_V\x1f\xd8\x82=\xb1\xa9\x8e]\x96H\x9f\xdf\xde\xccY\x16\xd9\xbdl/\x96H![\xf8S"\xc6\x8c\x1a\xc0\xe9}\xe93\x8d\xd9\x1a\x1e\xfa\x84\x7f\x06\x9fX\xfd\xcb\xac\xf4j\xb7T\x06`(\x92+V\xb8\xbc\xe5\xf0h\xdex\xa8\xc6\x02\x8b\x0b\xf7{\x9f\xa0\re\xfeF\x07-\xbb\xb6|\x9e)\xde\x9b\x91\xae\xb3\xddi\x13\x93\x7f\xac\xb9\xf3\xf7H\xec\xaf\xa3\x9f&amp;\xd4\xe6\xee\xed\xf9\x0b1\x81y\x03&lt;\x1b\x18\x0e\xf8o\xbe\x9c@\xb2\xa7\xab\xd44\xe3\xdd\xb3\xe4V\x8f\xd5\xca\xb9\xabP\x97\xddLG\x16\xbf\xa4\xab:\xb3\xf5JuM\xfe\x0e(\x1d6iOK\x18/\x16\x15\xab{\xe1\xd4\x07\x00\x0b\xc51\xf98\xd4%\x9a\xb9\xf8\x9a+\x1b\x0f\xa6\x83\x1fNg\x04\xde\xb3\xca\x16+c\xc8\x19P\xce-\xfe\xaa\xa5zQ\x18Ked\x9eA\xfb\x87v\xa5\xe0\x10=\xea\xd5\x9c^\x8eI^\xe1\xe3\xd3\xf5\x1d\xef\x9a\x82\xd7\x10\xf6b\xd7\x13\x12:\xe1(\xc6I\xf8\x89\xad\xcb\xfe\xa6\xed\xba\xb8\xbb\xc8\xff\x06B\xca\xa5\x05K"-\x8d\x9b\x1a-\xec\xf5B^r\xd1T\xaf8\xd3fN\x19\xa1\x01\\\x81\xf6\x9fu\xa2\x00\x00\xf7Lc\xae\x99\ror\x02\xe0~\xc8\xac\x14\xce\x1e\xc5\x96\x01\xa1\r\xdf\xbb\x96\x88\xd6\xda\xde\xffZ[\x02{\x14\x93%\xa1}\xa1\xe34!\xdd\x9c\xcd\xf2\xb4\x85\xd1\xae\xf9\xe1DO\x85ofz3\xecn\xbe\xcd\xc6\x90y\xb2],g}\xbeu\xf9\r@\xb4\xf9\xa9F\xa5,Ybk\xfd\x9c\xd91K\xed\xba\xfcy\xa1\xe0\x9f&gt;W\x00|/5\xc8w\\]\xeaM\x00z3\xf8f2\x1a\xa6q\xcf\x02Z\xb7k\xd3\xf0\xef}\xaa7\x01\xd4\xb1v\x04z\xe1n\xd0\x1d\xcbD\xb4~O\xb7\xf8\rZsZ\x14\x11\x91\xf5\x15\x02\xb2\xbe"z\xfb(by\xea\x0b\xc4\x9c&amp;X\xb9\xebX/U\xb7\xdd\xcb\x84\xdbx4\x89\xd9\xc4iQ\x98E\xf3\x0bD\xfb{\xae^\xab\xedF\xa5\xbe7\x1c\xea\xda^\x93\xa1]\xb2\xdb\x1d\x9b\x8c\xfd+\xa7\x96\xa3\x8e\x19\x93\x88\x8a\xdf\xc1M\xf5\x1a\'2\xa3\xc5\xbc\x1a\xb2o\xa1\x9cA\xd5\xd0f-K2\xbd\xdf\x0fL=\xa0+O\x1a\xa6\xc9\xca\xda\x97\x04\xab\x7f \x81\x88n\x8f\xbc\xb8\xbf\x1e\x1c\xbf\x19\xe63\xd86\xba\x9d\xf5\xc6{\xd9{\x04JO\xf3\xf2\x8b\x18W\xa7\xb3F\xe4T8\x96\xbfL\xe3\xf7o\x81n\xb65\x8d\x02a\xdd\xe3I3\xde27H\xaa\xb1epB\x95]t\xed\xf3\xa3\xf8\xb2\x04\xdb\x83\xd0\xf2\xc5\x92\xfc$c~\xdb\xd9\x85\xed\x92~\xc9\x98\xe7wzg/\xc3q\xc2\xf7\x19cGB\xa6\xca\x1a\x99kIN\xcf\x92\xd5\xdc\x89\xa9\x19\\vo\x9a\xb2\xd3\xfa\xa3x\t\x03\x80,w\xfb\x14 \xeb!h\x97\x1cM\xd1\'\x0f\x80\x13\x11\x06\xd2\xd1w\x17\x8d\xc0\x0coUYO\xe8\x87n~S\xbc*\xc8\xd1VUK\xc0\'k\xde\xf5P\x84\xa9i\xb1\x97\xa1Q\x87?\xd9\xbf\xf3\x84\x84w\x92\xe4\x16j\xab\xe4\xdb3hn\x97=xG*$\xeb\xa0\xbd\xe8*\x96w&lt;\xfc;\xc9\xdc\xfe\xfc\xce_qK\xd3\xe6\xbd\xda\xfe!\xeb\x06\xf7]K\xc9`\xa2\x8bLF5\x16\xda\xed\xca4\xb1\xd8|\xef~\x9e\xd4\x8dUE\xbc\nWp;\x00S\xa2{G xL\xdcT~r8=NHO\xde\xcc\xad#\xca\xf7\x04Gn#\x96G\x11\x11\x99E\xdf!\xb2\xc5\xae\x15{mq\xe8y\xc3\x7f\xabX\x99\xaf \xfa\xe7\xcd\xff\xdb;^\xd7\x10\x91y\xf6\xb0\xd3\xfc\x8b\tQ\x15\x8c\x9e\x959&lt;Z\x9e"w\xa2o\x0b\x7f\x9e\x0f\x8d\xd7\x83\x99\xf2o\x96\x95\x96\xf8\xa8!6\xb4y\n\xc3\x92\xe7\xe7:-\xc5\xadz\xec\x0b$u\xa2&amp;r \x00\x00&lt;\x14\x14\xa4r\xd3\xba\xe8Qa\x86\xb9\xe1\xfc\x99\xe9l\x0f\xdcl`\x9a\x11YK\xd6.\x0b\xe4fv\x81\xd1\x8a\xbc\xa9\x11o\x10\x91\xf9\x05""\xf3Z\xed\xcd\x8c\xba|7\xf8\r\\#\xfdNy\xb9\xed\xc5\xcbg\xfb\xcb^\xf3uZ\xb4\x91\xf5mQ/#\x85e\x8f\x8f\x8e\xf29{v!y\xcb\xb7\x8f"\xd22\x15\xcf\x8a\xd5\x06\xbdM\x06\xdb\xc1`\xbd!\x97\xf9\xeaN\xc5y\x86&lt;\x00\x00Tp\x0f)\x0c\x89x\xa5u\x95\xf3\xe9\xf7\xe3\xc6pM\x96Y\x0c%V\xa2|\xfe\xdcl\x11\x98\xb4\'\xd7\xc0\xc8\xf9\xe8\xb6N\x95\xb8\x85w\xc9e\xbf\xa7\xc8\xf6y\xa8\xa2\xb8\xfc\xe5X\x95\xed\xd6\xd6\x8e\x0b\x84\x97\xa3\xa8`\xf6\xc7\x93\xf9po;A\xc6\x98\xa7\xa6\xc5\xeee\xf86\xf3\x0b\xebq\xde\x18I\xb7\xf7\xfd\xc4\xae\xb8E/E\xae\xf3\x00\xd0\x01\xe9\xf0\x06\xe7r\xa1\xfe\xea7\x13\x8c\x9dc\xae\xe1\xed\x11\xb0\xdc\x9e\\\x1d\xaa\x9ar&amp;N\xf81Vcm\x1b\x80\xf9\xc85\xe1\x95\xc26\xde\xde\xc9l\x99\xf89-\xeb\xbd\xaco\xc5\xceg\x16\xee\xdc\xb3\x8eXN \x95-\xf9\xe8\xc8\xf5\x04\xb5&amp;\xc4\x85l\x1b\xb0\t\x82\x7f\xa0\x19\xf72\xde\xc1=r\xce\xf7Kh\xe2\xa7\x88\\\x07\x9a\xfe\x99\x0c\xe0Q!\xff\x11\'\xfb\x07\xf7\x11\xb4\x14{\xde\xa2\x9b\xd3\x8e\x96F\xa7\xffey\x1ec~\xa5\xab\x91\'\xe29d\xf7@\xff\xb4\xef\x06\x98\x17\x87\x9b\x1d\xeaf\xd8]\\\'&lt;\x16BEUIuli\xb7\xc2\xcc\x87\x87\xf2IM\xf1"\xc3\xecz\xd1\xbcQ\'\xad\xba\x815\xeb\x16\xab\xbb\xb0\xe6\x01\xb3q\xdaS\x80F\xee\x89/t^.\x01\xd9\x04\xccJ\xfa\x01-#\xad\xe8\xcc-\xa5|U\xe5\r\xbb\'\xae\xfeG$C\xf7a\xf6\xc3p\x03l\xf1\xff\xec\xf44\x1b-\x91Z\xd3\xa2\xa8\x99}\x1c\xb2\xca\xfc\xba\xe0\xfd\x1auD\xb9I\xbc\xcei23\xb6S|\x86.\xf7\xbc\xdf?\x14\x00\x00\x9c\xc07\x14K\xe0:\x1d\x98\x80\xbb\xdc\xac\xde\x1b\xcee}\xde\xfd\x18!\xe3\xcc=\x9b\x01\xed\x15\xaa\x98\xcd\xff\xd1\x90\x08\x02\x86\xf7\x9d\x13O\x88\xae\xa1"t\x9d\x9c\x97\xc6tH\xdd\xe8\xf3j\x11\x91\xf9\xa3\xb2`\xf3\xba\x0f\x000\x19\x18\x9f\xe0d\x9e~\xaf\xab\xc3;\x9b\xff\xbc\xd5@\xc5\x06\xe0\x9e\xbc1\r\xdc\x813\xd5\x10[\x83!\xb5\xc4\xdf\xdf\xac0\xb8_\x1b\xc7\x07p\xbe\xcbxi\xb3i\xe858\xb3\x90\x1f\x00\x00\'\x80\x01\t\xa6\xe2\x8e\'\tA\xbb&amp;\xf6\x00m\xf7!\xac=\xf5\xc97Ss\x13|t\xf5\x7f\xda:u\xec\x8d\x97\xbb\xbb:\x89\xef#\xf9\x1c\xac\xc08\xae,iI\x96\xf7\x82\x17\xa8\x14\xfdP\xc5&lt;\x91A\xf9Os&amp;\x1d\x05\x9e\xab\x8b}i\xa4\xa3\x1e\x80a\xdc\xd3-\xb9B\x88\x08\xdf\xcb\x01\x00\xf0\xa0\xdb7\x0e\x8d1\xcb\xfa\xd7\xfe\xb3\xaf\xdbG\xe9\xef)\x06K0V\xe6I~\x97\xda\x91\xcf\xfb\xf5\xd9\xd1\xec\xcb\x9d3r\xec\xda;\xd3\xf9$\xc3\x11BDfh\x87F\xbe_k/U\x97\xbd\x84\xfbE\xe1\xd3\xdd\xeb\xd8\xb0Yl\x7f\xef\xdc\xb6\xd9i\xd1X\xcb\xad\x81`&amp;\x1c\xa7\xe0\x919\xedK\xc0\xe7sv\xfe\x02 \x04\xa7D\xd3\xb2|\xf4:{\xafyc]\xf7o\x1f\xa5\xbfs\xb9~P\xd9\xa9\x8c\x1c\xb5\xfc\xb6\x99sU\xb1\xda~\xd62\xf1\xf4\xe5\xa9\x94#\x84\x96\x7f\xbd^d\x1a\xa37\x9aov\xef-\xcb\xb2wd\xb4@Bf\xd7\x8b?1\x1b\xd6\xc5\xb5\xf5\xce\xb2\xa8M\xf1\xb5\x87\xf7a\xad\x8b\xc5$\x00\x00\xdc\x05\x97YX_\xc5\xceG\x87\xbf,\xf8\xf0\xf0\xfe\x1f\xd6]\xdd\x8e\xfck\xee\x0c\xafh\xf3&lt;\x901\xaf\xdeCl\xef\xdbQ\xee\xed\x8e\x97\xda\xef\x0c\xec\x1e\xb8\x1fW\x00\x00\xc0\x8c\xfc\x0f$\xd9{\xe0\xc7\xaf3Y\xe6\x8f9\xed\xe9\xdf\xdf\x00\xb8\x05\xd2\xbc\x97-\xa1\xdd`m\n&amp;Mis/.\xd4\xd8\xae\xe1\xb4\x07\xf9{\'U\\\xc6Q\x1e\'\x0e\xc31\x17U\x00\x00\xe0\xbeA\x0e\x9d\x9a\xfb[H\x05\xab\xff\x9a\xc7\xb9\\\xc8-\x1b#l\xdeT\x08\x14\xf5\xb1\xea~\x1e\xeb\xb4_\xa1\xaa\xae~\xcdp-\x10oW\xe9\xc9\xa4\xfb3\x03\xf4U\x03\xd0\xcc\x03\x7f\x07\x00&lt;\x1e\xcc,:m\xb6\x9d\xd3*].t\xf3\xf6z\xcfq&amp;Z\xc2\x8f\x96e\xb9\xa3[\x81\x9f7\xfbi\x97\x9f\xdc\nY}\xcc\x1f\x1a\x1d\x8c"c\x96+\x05n\x96\xad\xd7NN5\xe3\x93p^\xdd\xf2\xa9\xd1ws_\xf0\xd9\x07\xbb\xca@(f\x1b\x00\x00\x18\xc7\xe52\x91\xe8\xc8v\x80=\xc0\x18s\xfaR\xa3\x11\xe7t\xff\x8d\x9c\xe7\x84\x06g\xffM*\xf4L\xbe#4\xdc\xdbhA\xee\xb3){\xad\x83\xbb\x9c/\xab\x88/s\x05\xe5\xfbth\xa7;\xd6F?Zw\xce\xa0\x02\x00\x80\x1a\x90\xd1\x1e\x99;\xea\xfd\xe8\xb2_\xa1u\x98\xf5\xcb\xcc\xe7\x9fi{\xad\xabU\x8f\xbaH\xed\xda\xdeC\xf8?{P\xf7\x02\x00\xee\x94\t\xd2\xd9\xe9\x06\x80;\xc2\x9d\xa1\x1b\xc2{?L\xfd\x90\t\xc6\xc8\xceC\xaf?$\xc7\xdb\xd2S\xf0{@qy*\xbe\x92\xa0\x87\xb5\x8d\xe1\x180\xca\xc8\x7fJ\x03\x1e\xe2\x04\x00\x00\x8f\x05R*\xe8A\xdbl=\xe3L\xaf\xb8\xbc;q\x85W\xcd\x84=r"\xfd\x16\xa3\xe7^I\x90l\x00\xc8\x98O\x1ba\xd3\x96\r\xa8\xed[\xda\x00\x80\n0\xea\xee\x1bt\xee9\\\xeb@K\xbaf\xbdP\xd3t)6\\i\x857\xfa{\xa2\xd7\n\xd7\x83\x9e\xcb\xf4\x9e\x92/\xe8\xea\x8e\xc0\x1b\x00\x9c\xc35\xf3\xfe\xf4\x8c\xf2*\xfa\x0e\\\x8f\x8b.\x83nfK~\xe9\xacZ\x91\x8es\x84\x8fsU\xd0x\x17\\18\xc7\xf2b\x8a\xb2\x10~\x00\x80\xbb\x82\x88\xcc\xaf\xcc\x90\xd1f\xb0\x01\x00\x07w%\xad\x12\xa2#._\x0c\\\xa6(\xden^.s\xcd\xe5\xd7\xafq\n]\xb0]\xb3\xa3\x1e-\xbc}5\x00\x00\x00p"D\xc6\xd0GY\x87\xa6\x7f\n\xf3V\rg:\r\x8b\xc2\x9d\xeb\x1e\xff\xb3m&gt;\xa5]\x97t)\x97\xb0]\xdf\xcb\xf9F\x01\x00\x00\x80\xf1|\t\xf2o\x13\xce:\x89\x92\x9cm\xe6U\xa0\xef\x81\xaf\xe6`l\xe8*?\xa4\x7f\xda\x11w\xf7\t\xa1\xaeiw\xec\x100\x15w\xf2\xe3\x85\x00\xd4BD\xb7_k\xac\xa89\xe6\xb7N/\x81=i-\x8b\xb1sKj&gt;\x83\xf7J\x10\x11\xbc4\x05{\x0c\xf7\xee\x8e\x87\xca*\xabW\xbd\xf6&gt;\x94\x07L\xe0\x84\xa8O\x00\xe8\xc1\x13g\x1b0\x1d3o\xbeg\xb6\xed\xa2\xdc\x16X\xc8\xb6M\x90\xb5&lt;Z\xa7.\xc7\x9f\xcb\xb2,\xcb\x7f\x8cW\xbb\xb7\x90\xd6m\xce\x9f;50\xef\xack\x9aX\xd6\xb0\xee\xdf\x1f\x8f\xb6\xf2K\xb4\xf63\xc6Z\xe1C\x92/7s\xf3\x18Q\xf4j\xcc\x963\xf7?\x97G\x8b\x01\x00f\xe1\x1e\x17% \x0e\xfaZ\x03\xe7\x9e\x1fc~;\xef\xd2;\xbf#\xe8\x8b\xef\xa8-\x00\xf4\xe5\xb7\xa2c\xffZ9!\x97\xc7\xbc7_\xe52\x8d\x02\xe0A\xb9V\xf6\xd1&amp;rL{\xc7&lt;v_+\xe0N~lO\x86\x1b\x00\xf4\x02\x00&gt;\x97\x19\x14\xb2\xe1_\xaa5mNN\xcd\x17\xf7y\x96\x01\x1e\x00\\i\xf2a\xdc\xebI\xf0\xdb\xe5\xd9\xbay\xd8\xed\xa7\xf7xc+\x11\x1d\xb7\xfb\x13\x91w\xeb\x7f\xa1f\x8c\xbbs\x11\x00\xe0^\xd8\xf2]\xec\x13\xc9WD\x12\xb3\x0f\x00\x83\xc1w\x00|\xf6\x1b\xf0Rk\x14l\xf2\xef\x80T\x1f"#\x0b c\xb6\xe1\xf0!\xb7\xdf\xa8?&gt;K]\x13\x1fe\xdc=A\xc6|\xd3\xd96\x00\xf0\xf0,K\xea\x91J\xeb\xb2\x813}\xd8\xf5q\xc5\x00\x9c\x0b\x96;q\x08\xdf\xc4\xbfk\xd0\xbf\xcd\xdc&amp;/\xf7\x01J\xc7\xc5\xb1\x9b\x87\x9dO\x83\xca\x01\xe8\x91\x10\xd1\xa5\x95\x99\xb8\x9dr\x9el\x05\x00z4N\x1c\xcfN\xf4\xeb\xee;\xc8x\xe0Dp\x05\xc0\xc1^\x97`d\xde1\xcc\xd3\x1a\x90\xe2\x18(\xd6\xea\xdf^\xd5\xdf.\xa4YN\xfe\xd6\xedc\x9c{1\xb1\xae\xa2\xe4c\xf5UGXS\x03\x86\x18\xe8\xc2Y9\xc4\x9f8$f\xfc\xf6\xb6\xfa_\x16&lt;\xe9\x07\x80\x19\xc1\x1a\xe5\x11\xf0;\x17\xdf\xdf\x12\x11~\xe9\xcd\xfa\xf3\x8bS\xdf\x93\xb3\xdc\x1e|\x0b\x18\xdf\xa2\x8b\xc1\xf1\t\x9c\x06\xc0\x19\xc8\x1e`\x90\xca\x99=-\x04\x00\xdc\x1f\x7fR-kH\x12P\xcds\x1e\xc0]bOfO\xf6\x96\xef\xf1\'{\xdc\xa6\xba\xdc\xc2\x1f\x1b\x808\x05\x87L\xe94\x91I\xb3\x19?\x9a){\x10\x14\x10\xe7+\xa4;0\x1f\xb8\n\xc5\xc4y\xf2\x0f\xdd\xe1\x13]\xe2d2T\xb5\x078\xde\x1b\xe9\xe1\xc7\xe9M-\x1a\xa2\xa2&lt;\xe5\xa1/\xae\x0e\xe1\x0b6\xdd\xc1\xf7+N\x86\xb2\xdfqJU2\xc1MC\x18&amp;\xe0D\x9et\xb6\x01W\xc1\xfbe\xd3\xb3\xcc\x18J~\xb1V=\xcdO\xe9\xbd\xbbx\xb4\xeb\xedk\xb9\xf5\ra\xee\xcd\xe4R\x8d1fY\xf0\x10\xa0&amp;\xae\xb2S\xbd\x84\x91\x97\xa6y\xa0_\x92\xa9\xe2\xbf\xc2\x12d?0\x1b\xf8\x12p\x1d\xb3\xa4\xa1\x10\xad\xab\x8a=\xafN\x96\xbd7&lt;\xd1\xcf\xdb\xa1"\x1a\xfb\xac\xab\xdb1\xff\xb5\x80\xbb\x05\x80.T\xf5\xeb]\'2\xcf\xea\xbf\x8e\xd0\xfa\x86\x16\xbd\x7f\x93)\x00\x18c\x18\xeb\x9e\xbb8\x19\xbd7\xbaw\n\x7f\xb5q\xf5\xa4\x0c\xa4\xe4c#\x88\x87-V\xdf\x89\xe8\x8bX\xf2\xab\x8e\xd6&amp;:\x1aT7fw\xf8&lt;m\x04\xe7BWz2,\x96\x10;N\xee\xbcN\x0f\x82\xbb\x05\xf1\x07L4G{\xeb\xbcu\xf1\x11.\xfe\xeefQ2\xd5"rf\x8a\x9b\xc3\xdd\x8d\xee2\x85\xbb\xa9\xb4\xab\x87o\xc6yu2\xdf;K\xdf\xe9\x06Rt\x18\x029X\x86\x82Y "\xe1\x97\x07\x00\xe8\x02B\xf0\xaeP[|\x04\xab\xb5\xe8\xb2\xcc\xdc\xd3\x8a$\xfd3\xef\x1a\xb2\xefgw\xc1\xdf\x00\xf0\xab\x84\xd5\x99\xab\xff{rl\x1c\xd7ww\xdeX\x00\xae@\xec\xfbo\xd8a\x82\xeb\x11\xff\x0e\x00\xee7e3\x97\xa3\xb4\xd6\x07\xa9\xd5?\xafx\x83\xde\x13\x03\xaf\xe7\xea\xbf\x93\xe4\xd3\xf1|\x16\xffy\xb5\xe3\x0e\x16\x9ePw\xe9\xdf\xe1K\xc9\x97\xc2j\xfe\xa4\xab\xff\xfb\xf6?x$\xf6d"\xca*\xeb\xf3&lt;\xab\x12\x11\x9e\x04\n\xce$\xbe\x01\x98t\xa6\x99\x91\t\x1d\xa5\x90P\x96\xc4\xb2#\x91\xad\x96\x1ez\x81.\xc7c\xa7\x95\xa6\x9c\xdb/\xfd.\xce\x9f\xdb\x87?r\x9b\x12kgE\x15\x0b\xef\x86i\x7f\xb8\x1a\xeb\x17pOlc\x8c\xf2\xa3\xcd&gt;\x98\xb0G\xc0;\xc8F\x03\x06\x0f\x00`J\xfc\xdf+y\x80\xdf1i|,F\x1fo\x08~f\xb2XFe\x93\xb6\xc7\x83\xf9\x1bd\xbf\x99\xb6*\x11:\xc9\x88:\xaap\x8d\x01\x00\xdc3s?\xb0\xa8*\xb5\xd6\xcc\xa1\xffrb\'\x80\x0b2\xe3\xa9\x12\x98\x84bn\x9a\xf3T\xb2\x8a\xa3\xad]\x7f\xe0\xacB*g\x90\xd2\xd8\x9f^\x8a\xa9\x0b\xec\x0c\xa2\x87\xff;\x00w\x14W\x0f\xcf\x93\xc9\xfc zS\xc0\x91Fz~+)\xaa\xd9\x18\xe3\x8eb\xdc\xd7\xde\x91=A"\xdd\x81\xb3\xc0\xef\x00\x80$\x99;\xb097g_\x08\xe1\xea\x9f\xa2+\xd9eY:\x9cF\xb3\x9c\xac\xdd\x1d\x15\x07Z\x81\xf6&amp;\x93p\xd0\x95bF\xcf\xe4\xc2\x1e\xab\x7f!\xfb\x97\xe0I\xf9\xa2b\xe9\xb0y\xfbe\xdb\xa3t\xe5}\xedW\xa1[\xd3~\xaf\'\xf9_\x99\x9f\x8cd\xd45?\xde\xd34\n\xc0=\xe0e\xbd\xbbN\x82\xe0\xb8SER&lt;^\x98\x7fI\x97S\xec7\xb7\xfbax\x86\xe9\xf1\xc3\xe5\xbb\x89\xf8N\xa8\xb8\x11\x88\xd1\xe4_\x97\xb5\xe8\x9e\x98/\x1d\xfd\xcc|&amp;]\x9d\x9a\xfbCJ\x02E\x99DE\xfbcN\x9d\xb8/\x11\\\x05\xf9\xees\x0bm\xec\\\x1f\x14"\xb3,}nwQAv\xd9\xba\xe2:l\xe6~\x1b\xe6\xad8\xa2b"\xdb\x86\x91\xb0\xcdu\xbes\x0f\x83`N\xe4xfB\x9f\xcc\x03\xfc\xf38L\xdb\xd7[\x963\x8fv\x1f\xd1\xe0\x1b2\x01\xa8F~\x0b\x10\xc2\x1a\xcc\x9c\xdd\xd6U\xa6\xf0\x97\x8c\xb9w\xfelU2\xab\x7fER\xbf\xbd\x90d\xe0\xc9\xd3\xb2D\xdd\x10&lt;\x16t\xa7q\xf5\x7f\xaf\xbf&gt;\x01@\x1b\xd3\x8f\x85\xc9\xcd\xd3\xe6\xd8\xf6\x000;\xf8\x0e\x00\x901\xfb\xa5\xcd\xf5\x0eZY\rf\xb6.\x17c\xde\x8b_u{&lt;\xa3M\xbd\x1e\x16\x99Q\xbd\xb8\xbb\x0e\xf7\xb9@\xc7]\x07\xac}I\xc6{\xc4\x95\x01\x00\x98\x82i\x9f]\x9b\xa2\xfe\xf4\xe4\xabnY\xce\x98=\xb9_\xa9\xe1\xe0aA\x98\x82\xbbC\xff\xe9\x19\xdcG\xf1\xf4\x98\xf0\x86\xdd\x08T\xab(&gt;o.\xe2m\x98A:\xeaO\x18\xc9DT\xe8\xf1io2\x01\'3\xfa9E3\x82\xd1\x01\xae\x8b\x13\xb8\x08\xe5\x14w\xe7\x19&lt;\xdf\xed2X\xebr\xe3=\xa6\xc3\xccp\x03\x80\xc6]G\xfb\x93O\xcc\x0c-\xbaS\x92\xee\xc52\x0e\xc8\x19;Z\xa7\x9d\xb0\xc2g\xa7\x02p\x19\x8e[\x80\xeen\x8d+&amp;\xf3\xe5\xfde\x91\x1eh\xb6Z\xd2YC\xfc\x16\xf6\x87\x7fv\xc1D?7\x13\xeb\x0b\xa7\xd7fy\x12k\xb3\rS\xb4\xe2a\x88\xc4\x15\xfc\x0f\xaa\x18\x168\'\xceK\x7f\xb60-\xe2n\x1f\x00\xfa3dmz\x97+`n\x8b\xb6\x9b\xb6\xc1\x0c\xb4\x85bm\xdd\xdaM\xa0\xe0\x11\x9f\x1e*f\x03\x16Q\x9f\x03\xd0\xc4\xab\x0c\xd0\xf1\x0e\'\x05m2S\t\xc5\x14u4\x08\x07\x00\x00m\xae\xb5V\xb8\x90\xa9\x19\\\x9f\xb7\xb4\xe8o\xd82E\xfakV\xe1\xb4}\xd3\xb7z\xe9\x0f\x86\x00\xcf\x03U\xf2\xe1\xa4\xf9+fz\xa2\xd8*\xfd|%8J\xdb\x12)\x99B\xdd\x9ava\x08\x0303\xf70&gt;\xaf\xb5V\x98\xd7T\x89a\xa2i\x86)\xf0\x14\xcf\xe4\xd6\xfd\x83V\x0c \x02v_\x17D\xbd\xb3\x86\xfd\xb8\x98\xce\xef\x18\x9e\x18\xb1\xb7\x06~w\xd5\x06\xc0\x96\xa0i\x91\xcc\x18\x00\xc0\x959o\xb6\xc6B\xa1\x1d\xe4k-\x10\x8d\x0c\n\x97\x8f\xdc\r\x00v\x02WB\xa5\xb3Z\x17\xd3\xc2C\xf1\xfc\x86\x93i\xc9\x14[\xd6\x9f;-\x87\x07m\x9f\xc0\x1b\x00\x80iiL\xb8\x97\xc7\x9f0\xcel\xf5\x14\xb3\x97*\xdc\x16\xdd]\xc3\xef\x05\xda~V\x01\x1d\xf4\x80\xd4\xf7x\xe4j\x1e\xafJR\xe9\xd3Y\xab\xea\x19\x02\x15\x878\xe0.\xc1\x17\xd8\xef\rJ\xfd\x00;\x11=\xc8\x13W\xe8\xf6\x83,g\xdba\xcc\x1d&gt;\xda\x926\xef\xe6[\xc4,\x06\xc00\xa8\xf8\x8b\x07 \x83\xb7\n\xe7z2\xf3\x90Y\xe6\x944S&gt;\x07\x00\x00pp\xfa\xf1\xcc\xcc\xccp|u\x12\x8f\xd9j\x006\xeek\xe0k\xe71\xeee\x84\xb5\xac\xaaj\x00\x801\xf6\xef\x00\xa8r\xa9E\xcf\x00S/\xe4\r98T\x031\x10\x15\xe0\xb1\xb9\xaf\xc4\xa8\x9b\xe7ES"\xe1\x98\t\x80\x0et\xd9\x00\\k\xa8V&amp;\x17Q\x95\xfb\x9a\t\x00\x9f\xfe?\xd7\xf5\xd8\xdf\xf7\x005l\x074\xc2 \xc1\x9d\xd0\x97f\xc2\x9c\x80\x89\x11\x80\x13\xe9t\x05\xc0\x18#\x9d]&amp;\xc9Ml3\x90\xba\xc0\x14\xc4\xe3\x10\x97e@\x14\xeb\xb6\x0b\x92\x9e},\xcb\xfa\xbb\xa7\xdb\xe3\x1d\xe7[P\x82\x0c3\xa5\x04Z\x96\xff\xb2\x85\x13(\x80\x8d7\xb8"\xd7\x88\xda\x07\xbeK\x1b\x00\xf0h\x90\xce-\x9aH\x9bi\xb0b\x03Z\xb8\xeb\x13\xc4\x15\xb8\x08\x98\x1e\x00\x00\x00&lt;\x14\xb5\'J\xffq\xdb\x98\xdd\xeb\xbc\xf9\xecg\x1bPI\xf3JF\xe1\x87\x17\xec\xbf\xda\x8c\x01`\x08\xfd#\xf5\xcc\\\x89q\x08\x1e\x9c\xe8\x10\xb8\xeb\x15\xcc\x082?\xe2\x81\x9c3?\xfcg\xe4\x83\xab@DO\x13\xfc\xf2IX\xd2{\xe7\xef\x89Tc\x03\x00\xfa\x81;\xf0\xee\x06Bo\x02pu\x88(\xfa\xfd\x8d}\xe2\xc7\xb7;\xa6\xe5\xe8#3\xd7\x1d\xf7\xa0\x89\x85\xe8w\x8d\xf1\x87\x9e?\xe1\x12Q\xb1\xdf\xed\xe5;s \'\x7f\xd8\x07\x80fz~\tX\x08v\xb7m\\8;\xa0\xdf\x01XI-\x0b\x96\x8d\xce\xfa1\x1258o\xf5\x8fiT\x1f\n{3\xe2\xe1eYJ\xfdN\xd9?\xb35\xd1\xa5\xa0\x03}6\x00\xb1kad\xd1E)\x88p\rW3\x965\xd7h\x08\x98\x92\x0b\x05\xcf\xe9\xa6*\xad\\\x89^\xf0\xc1\xf2\xfcs\x1c\x97h\xce5\x04\xa8C\xcb\xe2MR\xeb\xebT\x84\xb3\x169\x9c\xf1\xf1\xacN\xa1\xc7\x1aP\xe0\xc2Dn\x86;V\xff\x88c\x00\xc0 :\x9c8&lt;Z\x06\xabk\xef\x0b+[1?4\xc1\xa3Q\x7fp\x9da\xdf\xe3x\x07\xe7nc\xc9\x1ct\x92\x0b_\x14a\'\x00\xae\xc8uS\xcfE\xcd\xae\xe3\xa1\x1a{9\xd0;M|\xb6\xb6\xf7\xd0\x1d\xe0:\\w\n\x9e\x98\x9c?sK|\xe1}\x10V\xe1\xaf\xd8\xde\xfb\x13\xc8?\xe02\x88\x8e\xfc\xe7IU\x8fv\xb7\xd2\xe3\xb4\xf4\x92t\xe9\x1dM\x99OE\xfc\xdc\x0bH\x05uL\xeb\xb7\xd0\xb0iM\xbd\ny\x07\xe6\xcf\xf8\xf7\xfb p7\x04\x00&gt;\x93\xe4\xa6\xf6\r\x80\xb4\xee\xd9\xe9`\n\xb7\x03\xd0\x89\x87\xda\xcf\xb7\x00/\x01\xd0\x02\xf3&amp;\x1f\x0c4\x00\x862\xfd\x90\x9b\xdc&lt;\x00\xae\xcb=\x0c\xae\xb3\x8f\t@\x7fn]\x8c\xfd\xea\xa5\xe1\xf7\x1dz\x19\x00\x8b{\x98\xe4^;\xf2\x04\xa4\xb3l\x01\x8f\xc0\xf9\x01v\xba\x01\x17\x87\x93%\xce\xefe0\x82\x93n@\xc5&lt;\x05\x00\xe8\x01?\xb3`\xb9\x9c\x86h\x86\x07Ml\xa0\xa7\x86\xf0\x7f8\x85\xd0\x11\xfd\x18\x13\xe7\xe9\xa1\xfd\x9d\xbdU\x833\xf9\xe4\xe1\xbf\xa8]\xb8=\x1d\x00\x00T\x99p\x03\xd0\xacht\xae$\x97|\xc9~6X\x7f\t~\xd5\x1c\x80\x8b2f\xf5\x1f\x1b\xd4\xb4\xfd\xa7\xa9JU\x1aX\xb9\x92W3\xd3\xc7\x93\xef\xe0\xf2;\x00\xe0\xba\x0c\xde\x00\\\xe8\xcc\x83o\xadh\xbb\x95\xd1\xc6\x14\x02\xee\x85{\xee\xf1\x99\xe39\xbd\x01\xb0\xf9\r\x15U\x1aB\x80\x83\xca\x81}M|~W\xf8xx\x91\x90\xe1\x17\x1f\x00\x00\x8f\x89d\xb5=(\x01]0\xd9)o\x00R*\x98\x9du\xad\x1d\x14\xe8\x04\xc2\xa0\x91s/\xeb\x81\x16&amp;9H\xd23c\xc0\x14\x03\x008\x9f\'F*[\x04?\x92&gt;\xe8\xe7\xd4\x97e\x19\xa6K\t\xdf\xdah"\x96\xb8:R\xdb\x92\xc9\xcb\xf2\x98\x0c\x1e\x9e\xa6\x88{x8\x03\xb6mP\xdf`\xad\xdb\xa69\x16y\xc7\xeb$\x96I\xe2\x7fY\xda\x97\xe6\xac\x96\xa8D\xe3\xf59\x7f\xe3\x07\xc0U\x99\xe4\xecD\x15\xdaO\xd0\xcf\xb6\xa4\x89\xb5_~\xb6\xe1\x17O\x00\xe0\x82\xf8\x91\xaf$\xb6\xf2\x82Z\x82o\x10\xa1G$\xcc\x91\x00\xdf\xd2\x18&lt;\xc9g\x1c\x98\xfb\x00h\xe5\xac!DD\xe6\x8f\xe8\xe8\xf5\xec\xbf\x9b\xbc\xc0i\xc5\xad\xcc\xf5\x1b\x0b\xc0\x99\xd4\x8f\xa0\x9a\r\xc07c\xc0*\xd3\xc5\x9fw0\x89\xdc1\xd1\xf9\xb1}6\xbc\x8f\xc5\x03\x00\x8fBt\x03p\x961\x00\x80\xbbC\xed\xa8\x02\xd9I\x9d\x8cKq8\xf2\x10X\xb7\xcc\x11\x91\xf9\x1c\x85\r\x00\x06)\x18\xc0\x93\xce6\xe0\x0eY\x96\xe5\xed\xef~\xf4\x12\xf1oz%\xa2[Q\xdc6\xaa\n\x11\xe1N\xdc\xbbg]\n(\xf7\xb3d\xfc\x82&lt;\xa91\xb8v\x1c]\xedKf@\x8c\x15\x00\x8d\t\x19\xeb~0\x12\xa4&amp;P\xc3\xb6(A\xfc\x9c\xc9#m\x00\xb0\x8ej\xc4_Zp"\xe7\x91\x02\xac\x03Df1=\xe2v=RY\xfb\x13\x1dt?Xc\x14\xdd\n\x060\xf4)@\xe0\x9e\xa8\xcaP8\xde\xd0\xe4\xd4Ib\xf0\xbd\r\xf3L\x87?z\xb6\x015\xec}\xb5,fY\x16f\xe4`\x15R"{\xb7F\x9fG\xcc\xed\x17\x16\xc0\x9d\x81&gt;\x05\x83A~\xbf\x0cwp\x1aw\x07MxXp\xcd\x07\x00\x0f{\xe9?jh\xdct.}\xae-\x80*p}\x12\x80Z\xecC\x94\xe6{\xe0\x92\xbfk\xdb&amp;\xf6|\xbe\x15w\x07\x823A\xf8\x81\x99x\x97\xf3\x032\xfb}\xcd\xd7\x1em\x8d1f\xca\x9b\xc8\'4I\x97\xba\x06\xe2\x9b\xbe\x00\xdc\xf8\x03$\xf8\xf5\xd9\n0\xd2\xc0\xbc\xe0\xb1\x0f`^\x10\x96\x19\x92\xce\xe91\x9ci\x9a\x1fh\x93\xf0\x00\x99\r\x1b\x00\x00\x1e\x95;\x1f\xc3\xc8S\xbd\xb9\xc4s\xdf&amp;7\x0f\xd4Q\x0c\xbc\xefB\xbf\'(\xb9\xee\xe9=\xd4]r\x18\xbe\xcb5\xcd\xee\x0c\xbb7\xaf\xb8\xeb\x03\xe0\x01\xb8jF\x96p\xcdc\xa7+1\x7f\x14\xcdoa\'\xee\xbe\xd5\x0f\xdb\xb3\xedd\x12\xa3\xb2K?j_\xfc_\xb2\xa7.jvo\xd8n!\xfc\xba3\xb8[\xae\x1f\xd9\x9c\xab\xc0O\x1f\xf3\xc8\x14\xd2\xfa\xdd\x19d\x9ca&lt;\xc7\x85\xa7\xf6{\xe7\xed\xd0/gp\xbb\x1dt\xf6s\x87\\l\x94,g\xc7\x15\x92\x03\xb8\xc0X\x00\xa0\x16D\xf6\x00*\x9c\x8c~\x01\xe0\x11\x9819L\xbf\xea\xad_\x97\x0b\xd7\xf4\x93\xfb\x01D\xd8\xba\x18w\xf8\x00\x00N\xe7\xed")\xa64\t\xfdj\'[\x00\xc83\xfd\xe2\xef\xae\xc0\x19\xf3`\xe0\xf0\x07\x80\x98[D\xb5\x8b\xf6\x00\x80;\xe5\x84\'#a\x8a\x02\xe7\x81\x15\xd28\x1cWG\xd7\xa6\x17\xed\x8b\x8b\x9a\xdd\xd7dk\xdd\x00\x00 \x00IDAT\x06v\x17\xd7\x02\xb7\xf7\x00p]\xees\xe8v\x9aE03\x0103=\x97\x8fC\xc7~\xd7\x86\xfc\x93\x89\xf3\xd8\x90\x1cK\x89\xd7\xa0\x028\x10\x80j&amp;\xce\xc5\xd7%1}\xb6\xbb\xfa\xc1;\xeb\xc1\x9b\x0f.\x80h\x05\xf9x\xf7\xb2\xf3\xef\xed\xbegF]g\xc0\xd5\x0c\x00\xc0e\xb9\x9b\x0b\xb2w\xd3\x90\x13\xb9\x9f\x9b+\xc0\x9d2\xed\xea6\x95|NJJ\xff\xed\x0c\xa5\x13q\x9b\x0e\x90\xbej\xc1d\n\x00\x98\x940=a\x03\xd0\x03\xb8\xf4\xc1\x992\x00\xaaM:*\x0eK\x17Dd\xcc\xf3\x0cP\x04l0\x1d4\x82\x1d\x14\x00\x00&lt;\x0e\xc8\xf5\xc0\x87w\xe2&gt;8r\x14\x96&amp;\x99\xd5\xa1\xee\xc2q\xf8%\x8b\tG\xf1h\x93\xba\xae\xfe\xe7\xdbW\xc8~\xa7\x85;vH&amp;\x16\x80\x1e&lt;q\xb6\x01\xe0L\x90\x80\xc6\x80T\x0f\xd2,\xcd\x054\xb9\x05*Kg2\xa6\x97e\x84\xcdD\xb4,\x8b1\x0bg-\xa52\x02\x89&amp;\xcc\x99C\xc3c\xed\xf4~*\xc7D\x0e\x0f\xf1\x12}-\xcd\xaa\xb1\xac\xd4\x19\x06\x80\x0eO:\xdb\x00p&amp;\xc8@\xc3\x80\xabA\xc8TQ\xb1._$&amp;\xc5K\xe6\xe5(\xb6x\x155~E\xbem&lt;\x1e\x91m\x7f\xf8\x08\xcd_\x8e\xddN\xa1\xbdN\x0c\xb6\x8f \x00\xce\x83\xe8Y\x88\xcc\xb3\x91\xff\xee-\xc6\'8\xffx\xa3\tl\xb8;pE\x12\x80\x8b\xf3B\xe9\xfc\x9c\xbfUf\xbb!A\xe3\xbe\xe4\xc6L"\xad\xbb\xddL\xd1-wM\x9d\x15\xd7\xfe\x1ag!\xe6\x88\x18:\xe1\x07\xdf\x82)\xf0\xf2i\xf7\x0c+a\x1eK\xee\x89\xa9\xba\x18\x00\x90\'L\xd1\xf9\x9b\x95?/\xbbL&lt;\x86\x7fM\x06\x88&lt;0\xa0a\xd1,^\xce&gt;r\xeez\xd8\x86\xdf)d\x0c\x99\xffJ\x06\xdf\x12\x06\'\x92J+\xc85Y\xae\x9d\x8b1\x97\x00p\x15\xbc\xa1z\xbb\xf9\xb8v\x08\xbf\r\x11\x11}\xd9\xd5\x86?\xb9\x9cm\xce)`\x8dx%\x18\x81z\xdb\x00\xe7c\xfbQ\xa3\x1d\x0c\x81\x12\xc7ED\xf4\xe2\x88\xbc\x1c\x97t\x0e\xff\xa4\x01y\x07\xf081N\xfe\xe9y\xaaO&amp;\x95\xb7\x9dO\x85w\x8cL;\xe4\x83\x15\xd2\xa4v\x02\xb0#\xda\xa9b\x03\x00\xce\x01\xe1\xf58\xfc\xc3\x87&gt;?\x03\xe0q\xb8\xcb\x91\xfe\x9b8\x05\x7f\x10\xee\xe0\x96\x98\x8a&amp;\xa47\x00\xd7v\x05\x00\xe0d\xa2\x07\x0cw\xb7D\x00`\x10\x93O\xcc\xe9\xa1=\xaf\xcdi\xaeh3h\xe0\xaf&gt;b\x8f\xe3fl\x00@?\xbe\xda\xfd\x13\xdf=\xea\xce}\x1d\xc4\xdeMC\x00\x00e4s\xd7\xfd\xa4A\x87;J\xef\x00\x80G\xe2\x91\x93\xd7\x98\xb6\xdf\xd7\x06\x00\x00 \xe3\xba\xc3_\xf1\x1b\x17\x93_.\xab!r-\xfd\xbe\x1a\x08\xee\x0b\xc5_\x02F\xa0\xdf\t\x0f\xfb\x1b7\xa6w\xdb?\x9c\x8cyy\x12\xff\xdc\x926\xcc\xc5\xc7e\xd7(\x0f\xcb\xba8\xfb\xbd\x97\xea\xb8\xeb.\x85\xab\xe9\xdd\xe4\x01.U\xd1\xb0\xfe\x8a\xb3\x82 \x8f\xf3"\xca{t\xba9~:\x9aw\xe2\x83\x83!p\x11\x10\xa6\x17\xc3&gt;\x8d@\x969\x95\xf3\x9c/\xfb-\xbf\xdb\xd3\xe8\xfa\x99\x03t\xa9\xba\xb24\xb0\x7f\x93w3?\\\x8c\xe9\r\xab\xc1_\xec\xee\xf1\xc0\xa5\xfb\t\x80\xdd9\x14#\xdf\xcc\xd4\x03\x7f\x00\xe8G\xe5\x15\x00D\xe9H\xf4\x92\xc2\xed\xb8%s\xfc\xfc\xfa\x8f\xd2\xb5\'6\xf3\xbc\xb3\xffe\xfdq{\xa6\x01\x0bf\xa3\xebp\xeb)\xf9\x95\xa5\x81\xd1\x18\xb3\xad\xfd\x18\xf8\x8aQ\xaar\x01\xd0].\x8eq\xc2b\xfd_QfD\xe0e\xbf\x8a\x96qN\xf2\xa3+\xc60x@\xb0C\x95\xa1\xe2\xaeo\xd2\xf3\xf9\xa3u\x1f\x11\x99\x8f\x8e7\xf9\xd1\\Q\x01N\xa4\xae\xc5\xb0\xce\xba\xaf\xa8\xb8\xe4\xc9\xab\xe8t\xf9z|\xd5\xf5z\xc4\xb4\x8e\x0b2/H\xe67\xae\xd7j\x00@\x1c"zF))\\q\xfa\xb9\x10wp\xc7\xed\x99\xdcw\xeb\x80\x1cQ\xbe\x9a\x7ft\xdc\xe7\x02\xfa\x9e\xe9\xd4S\xcd1\xf0\xaf0\x8f\x030\x96\xc9\x87\xdc\xe4\xe6M\x02&amp;`\x87_ju\x85R\xd4\xfdR\xcd\xd6\x14\x01?\x0fU}Q\xecq\x1cX\xcc\xc6\x83t\xc7\xa8\xadZ\xa5|"\xfa\xd4\xc7\xe8\x08\xf0\xa8\xbcY&amp;\xbe\x11\xfa\xa0\x9a\xc7}\xee\x90:J\xeb3\x8a\xdd\x1aQ\x16\xfb k\x91;\xc6\xe9A\x8dX:/$R\x8b\xc5g\x8c6\xa4\'\x8f\xb3\x1f\xabn\xe9\x18\xffhk\xc1\xa1\x18\x98\x8cL\x88?H\x0e\xba:\xe8\xa6;#\x9c\x14%\xd3d\xb1\x98\xb3\xfaG\xf0\xf0x\x9b\xb3\r\xd0\xa3}q\x19\x970\xe8\xfb\x9d\xdb\x811\xe2\xf6\x1e\xa8^\xfd?\xce\x1e\t\x80\xbe\xa4\x07\xd2\xa5\x07\xd8\xd4\xc6k\xe7\xaf7\xd0\x13\x05N\xc6\xbd&amp;.\x9d\xeaDA5\xf5\x18\x01Wb\xf4m\xf7\xef:J\x11\x98\x8e\x89W\xff\xe5m\xf0\xac\x96\x83\x07\x05\xdf\x97:\x01\xdd\x146[N!z\xa8\xe7\xcd\xff\x8c\xfa\xf0\xd9]\'\xbfG\xf63u-1\xbc\x03\x82\x87\xe9\xeb~\xbc\xcfL&gt;\x9c\xf7\xae\x8cs5\x82\xcbp\xc6&amp;\x81\xca\xcf9\xc5\xb5\x0b0\x19\x08\xc7\x93\xb8{\xb7\xdf}\x03\xfb\xa2x\xa5;*\x87#\x99i\x00r\x08\x18\x0f\xa2\xce\x06\xde\xb0\x99w\x9d=\xfaZ\x19x,\xc4?\x04f\xfd\x82\xc9\xacc\xe6&gt;\xe9\xf25\xd9\x99\x92\xcb\xe8\xef\x01\xbfy\xaf\xe8=\xc7\x9f\xeb\xc0l\xfc\x81!w"\xec\xd5\x10\x95_A\x02+\x8f\x91\x84\x15\xbe30Y\xd4\t\x9a\xf3\x85\x0f\xd1\xc5L\xf8w \x0b\x9c\xb6,\x93E\x87\xcf\xd4\xc6\x81{f\xde\xcd1h\x06\x9d\x0bl\xc8\xa2\xbaz\xb1L\x95i\xe0\xa1P\x08\x92\xef\xd7\x8e4\xc6=\x1b\x1c^\x16gg\xd5d\xfd6\xadK\xa75\x0c\x80,X \x82;\x00a\xcc\xa4m\x03\xc0\xaa\x8b\x8ex4\xeeh\xf4\x8di\x85@\x8b\xaac/\xd0G\xd9X\xaa\xf6\xdb&lt;\x97\xc1\x01\x18\xcav\x0bP\xe9\xcb(\xfd-\xe9\xc1E\xcd\x06\xca\xcc}y\xb7\x13\xff\xb4eqPuE\xfc\xa8\x92\xb9\xb5L\xefZ;\xa6\xed\xcb\xb0\x8c\xd8\xf8\r\xd8ft\xcf#Dd\xc8\xf0\x03[q4]\x7f\x8f\xc6v\x85\xff\xdcdI]\x00\x1e\x07\xf6sE\xf62\xf9\xc2\x83s\xcc\x88\x1b\x9a\xc1\xb90\'\xae\xf6c\xc8\xcb\xcd\x90U_\xf0h\xfa\n\xefq\x05@\xcdWwy0q*\'\x9d\xc7\xf7\xbf\x0e\xd0t\xf7ZQx\x07\x99\x13q\xa9\xe4\xc6M\xf8\xc9\x92\xf3]\x92\x9a\xcd\x1e\xf0 \x88\xbf\x04\x9c\x82\xc80\xa6\xfe\xc1\xfbl\xfb\xab=\xd8\xe2\xdf\'\xf930;\xb1j\x1c\x96])M/\xcb"\x0f{\xa5a\xa2s0Y\xf46_\xcb\x95:\xae+\xf7\xeb\x88\xe6/r\xe6\xa6\xaeKN\x1f\xb4\xcf\xca%D\xae\xbb\xc4=]\xb9\xec7\xdfw~g\xb3\x07\x00\xe9\x81\xca\xe8\xd3\xfd\xb1\xea\xc6\xd1+\xb7N\x9f\xb2\xaf\xc7G\xc3\xa5\xe0b&lt;\x9f\xfe\x83\xbf\x06]\x82\x03\xb5\xe0\x92\x08\x00\xe0\x8e\xc0\\\x02\xee\x1cD\xf8\r\xf8\x01\\\x97\xc8=\xb4\x98\xbc\x1a\xe9\xb1\x99l\x90\x99\xae\xe5\x0b\xfc\x84*\xf9\x00\\\x10\xa49\xd0\x88,\x84\xee-\xdez5\x07\x03\x93\xc5\xab\xde\xad\x97\xee-\x00\xf6\xa5\xdb|\xed\xaa\xfa\x1e\x0e\xc8\xd3\xe5RR\xfd\xf7\x97\xd2O%\xf26\x15\xb8\x08\x06\x1e\x08Q\xb8\x9f&gt;008\'D\xd4#gu_7\xbd\x1d7\x00W\t\xf5\x13\xed\xbc\x8a\x8b\x1e\x1d\xa2W:nV}\xf0.{\xf0\xe67B\xc6\x90\xf9\xa7k\x14\xbdP\xec\xf3\xd6\xeb\x03\x88R\x00\xe6\x05#s6\x04=rfb\xbdR\xd8\\k\x12:\xd5\xce\x19]t\x95\x8e\xab\xa2\xee\xb0\xfc\x8e\x1d\xc2\x87\xf0T\\%R\xb9\xf1\xf9\x9a\xa5b\x9b\n\x1e\x88\xfb\x8e\xf5\xfbh\xd7D\xadh\x8c\x96\xbb\x0e6e\xe0+U\xe0I-\xe0\xc9\xfb\x02I\xc6\x18\xe3/\xfe\xe9;4\xdc\x82\x04\x0e\xe6\x071\n\xb84\xdf,{\x99\x9b\xcdN\xe7:\x1eh\xb0\xf3\x03\x06\xb5\xf1\x0cg\x164b\x83W\xa2\xdd9_\xa0`\xc5\xdds\x95 $z\xde\xe3l\xbe\xe3\xb7\x0b6\xf9\x17q\x0b\x00\x8d`\x1e\x02L\x1aC\xa5\xa2z\xa7t\x0f@gJA\xfb\x12\x8a?\xc4v\x87`V\x026\xbf\xbf\xf3\xcd9\xaepL:\xe0a\xc0\x1a\x0b0\x19\xbf\x01\x00\xe0&gt;\xb9\x87\xb1\xf0@\x13\x07fI&gt;\x89&lt;\xff\x13\xfd\xf3\xbf\x8e\xfcj;1\xc1\x81\xd3\x08\xae\x8e\x91\xf5f\xa1f_\xcb\xc080K\xd5q\xba\xd3\xc8|\x95\xba\r\xd23\xe6\xd3\x9d\xc0\xe6\x0e\xee\x9f\xb9\xba\xfd\xe6\xf6\x13\xb6*r.\xdf\x9b\x12\xee~/\x91\xe8\xcd|/O\xe3\x90\xa6h\x9c\xa6\x15\xe0a\xf9T\'|\xef9\xb7&gt;\xc8\xcc\x91i\xa3\xf7\xd1\x838\xa4\x85\t\xfd\xd3\xa9\xd7nb\xe7ko;\x88\xf3\x16j\xef\xc4\xcb|\xd8\xfa`\x00\xf4\xa6\x1e3{rf\xdbVt\xbfc0\x7f{\x01\xb8&amp;\xeeWv\xee\x99\xcc\x04\x89\x89\xf3\xeaHzP\xd6\xd7\xb7\xb0y\xa3;\x8c\x10,\x19[\xa8q\xddst\xf46\xbaR\x91S\xf7\xfct\xb3\xe0\xde\x87g\xd0\xba\x97:\xc7\x0e\x00\x1e\x96\x8b\x1e\x1d\xa5\r\xbeXC@;]\x03\xf8rC\x83\xc9E\x07&gt;\x00\x038q\\\xac\x87q\n\xc3\xf3\x0f\xce?\xb4=\x0b_\x9eW\x0c\x80\x9e\xec\xbb\x7f\xc1\xf0\xbb\xf2&lt;z7\xeb\x80\xe9[q\'~\x9e\x0cx\xb5\x86\xfe\xb76\xa1S*\xb9\x9b\x84\x0cN\xe3\x1aw-\xceo!x`\xf6,|\xd1\xfb\x80\xcf\xb8\xb1\xe7\x04\x17a\xb2\x9c\x15\xf4\xcb\x84\xb89\xad\x9f\x9a.\x</t>
        </is>
      </c>
      <c r="E245" t="inlineStr">
        <is>
          <t>&lt;class 'numpy.ndarray'&gt;</t>
        </is>
      </c>
    </row>
    <row r="246">
      <c r="A246" s="1" t="n">
        <v>244</v>
      </c>
      <c r="B246" t="inlineStr">
        <is>
          <t>steps_per_sec</t>
        </is>
      </c>
      <c r="C246" t="n">
        <v>2800</v>
      </c>
      <c r="D246" t="inlineStr">
        <is>
          <t>3.0333664</t>
        </is>
      </c>
      <c r="E246" t="inlineStr">
        <is>
          <t>&lt;class 'numpy.ndarray'&gt;</t>
        </is>
      </c>
    </row>
    <row r="247">
      <c r="A247" s="1" t="n">
        <v>245</v>
      </c>
      <c r="B247" t="inlineStr">
        <is>
          <t>Loss/RPNLoss/localization_loss</t>
        </is>
      </c>
      <c r="C247" t="n">
        <v>2800</v>
      </c>
      <c r="D247" t="inlineStr">
        <is>
          <t>0.15330455</t>
        </is>
      </c>
      <c r="E247" t="inlineStr">
        <is>
          <t>&lt;class 'numpy.ndarray'&gt;</t>
        </is>
      </c>
    </row>
    <row r="248">
      <c r="A248" s="1" t="n">
        <v>246</v>
      </c>
      <c r="B248" t="inlineStr">
        <is>
          <t>Loss/RPNLoss/objectness_loss</t>
        </is>
      </c>
      <c r="C248" t="n">
        <v>2800</v>
      </c>
      <c r="D248" t="inlineStr">
        <is>
          <t>0.03468546</t>
        </is>
      </c>
      <c r="E248" t="inlineStr">
        <is>
          <t>&lt;class 'numpy.ndarray'&gt;</t>
        </is>
      </c>
    </row>
    <row r="249">
      <c r="A249" s="1" t="n">
        <v>247</v>
      </c>
      <c r="B249" t="inlineStr">
        <is>
          <t>Loss/BoxClassifierLoss/localization_loss</t>
        </is>
      </c>
      <c r="C249" t="n">
        <v>2800</v>
      </c>
      <c r="D249" t="inlineStr">
        <is>
          <t>0.16822837</t>
        </is>
      </c>
      <c r="E249" t="inlineStr">
        <is>
          <t>&lt;class 'numpy.ndarray'&gt;</t>
        </is>
      </c>
    </row>
    <row r="250">
      <c r="A250" s="1" t="n">
        <v>248</v>
      </c>
      <c r="B250" t="inlineStr">
        <is>
          <t>Loss/BoxClassifierLoss/classification_loss</t>
        </is>
      </c>
      <c r="C250" t="n">
        <v>2800</v>
      </c>
      <c r="D250" t="inlineStr">
        <is>
          <t>0.22528961</t>
        </is>
      </c>
      <c r="E250" t="inlineStr">
        <is>
          <t>&lt;class 'numpy.ndarray'&gt;</t>
        </is>
      </c>
    </row>
    <row r="251">
      <c r="A251" s="1" t="n">
        <v>249</v>
      </c>
      <c r="B251" t="inlineStr">
        <is>
          <t>Loss/regularization_loss</t>
        </is>
      </c>
      <c r="C251" t="n">
        <v>2800</v>
      </c>
      <c r="D251" t="inlineStr">
        <is>
          <t>0.0</t>
        </is>
      </c>
      <c r="E251" t="inlineStr">
        <is>
          <t>&lt;class 'numpy.ndarray'&gt;</t>
        </is>
      </c>
    </row>
    <row r="252">
      <c r="A252" s="1" t="n">
        <v>250</v>
      </c>
      <c r="B252" t="inlineStr">
        <is>
          <t>Loss/total_loss</t>
        </is>
      </c>
      <c r="C252" t="n">
        <v>2800</v>
      </c>
      <c r="D252" t="inlineStr">
        <is>
          <t>0.581508</t>
        </is>
      </c>
      <c r="E252" t="inlineStr">
        <is>
          <t>&lt;class 'numpy.ndarray'&gt;</t>
        </is>
      </c>
    </row>
    <row r="253">
      <c r="A253" s="1" t="n">
        <v>251</v>
      </c>
      <c r="B253" t="inlineStr">
        <is>
          <t>learning_rate</t>
        </is>
      </c>
      <c r="C253" t="n">
        <v>2800</v>
      </c>
      <c r="D253" t="inlineStr">
        <is>
          <t>0.039993424</t>
        </is>
      </c>
      <c r="E253" t="inlineStr">
        <is>
          <t>&lt;class 'numpy.ndarray'&gt;</t>
        </is>
      </c>
    </row>
    <row r="254">
      <c r="A254" s="1" t="n">
        <v>252</v>
      </c>
      <c r="B254" t="inlineStr">
        <is>
          <t>train_input_images</t>
        </is>
      </c>
      <c r="C254" t="n">
        <v>2800</v>
      </c>
      <c r="D254" t="inlineStr">
        <is>
          <t>[b'1024' b'1024'
 b'\x89PNG\r\n\x1a\n\x00\x00\x00\rIHDR\x00\x00\x04\x00\x00\x00\x04\x00\x08\x02\x00\x00\x00\xf0\x7f\xbc\xd4\x00\x00 \x00IDATx\x9c\xec\xbdw\xfc}OQ\xdf\xbf\xe7+*v\xc5\x02\xd8PA#\xa2F)b\x01E\x14\x835\n\x8a\x05\r\xf6\x82\x88X\xb0\xe4gA\xc1\x82"\x02\x8a\x11\xc5\xc4\x00\x96\x84 v\x85(v\x03DQQ\x04\x1b\x12\x10\xb0`T"(\xa2\xce\xef\x8f{\xca\xf6\x9d\xdd\x9d\xdd\xb3\xe7\xdc\xd7\xf3\xf1}|\xbe\xf7}\xef\xd9\x99\xd9\xd9\x99\xd9r\xce\xfb\xbe\x95\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d8\x10)"\xf5{$#\x87\xaa\xe5\xec\xc2jv\xb1\xfd\x7f\xd2\xab\xefI?\x87&gt;\xb2\x1b^^\x87/\xae\xb1\xc1\xba\xb2\xe4\x02\xdf\x9b\x1e\xbd&lt;\x1b8\x97\r\x0b\x91z&gt;\xcd\xe3E\xa4\x1eU\xd4\x97\xd5uYI*\x1e\xd2\xb6\x19Z\xbf\x0eZ:\x00\x00\xe3\x83\xf2\x02\x80\x05i\xd4,\x92(@\xbdq\xdaB!}uq\x92\xaf\x1e\xc85\xdb\xd7\xe5K\xf3\x17\x13\xd9&amp;m\xd7\xcco\x968\xdf;d\x1c\xe7\x87\xc6\x88\x88\x94z\xbeu\x9d\xd7\x93\xb3L\xbb\xed\xf3x\xa6z\xdeq\xfaB\x96t\xcb-\x9cn^.T\x9f`k\x0c\xf5h\xfe\xe8\x19I\x99\x8e\n\xf7\xb2t\x04\xfa\x07\xda\xdbY\xeb\xd3\x88[\xd6\xcbr$\x04/\n7\xf2\xaaf\xba+*\xd4R\xd1p\xaa^\xc3\xec\xf1\xcdTX\xea\xd8\x97f\xc4\xdei8P\x7f\x1dS\xafn\xb0\n\x18\xc5?W\x99\\\x9d\x80W\x0f\x8c6\xe3&gt;\xa1J\xd0\x1f\xfb\xe7\xf2O\xce\x0c\x8e\xd8\xb2@\xcdK\xc6\xb8\x80\x8a&gt;d\x1315\xbd\xcaq\x04\x14\xe8\x8d[\xc2\xb1Vi1\xb0\xfe\x1b2\x86\xb4\xf5\x1f\xc7r\xfb\x9a\xd7\xb3\x9b\x04\x84\xb8\xbd\xf8\x83H/\xd8\xde\xb2W\xae[\xdf\x13W\x06\xa5Z\xcb\x02\xadyb!&gt;\xff\xfc\x1ad*\x8d\xec\x03\xad.?+ma\xa8q\xa0\x83\xc6\xa7n\x03\xed#\xb7U\xb11\xaei\xe3,\x1a\x84\xe0w\'\xab\xef\x05^\x1a\xd2\xb1\x87Y=d\xc79\x18\x87\x93\xd6\x96\x11`\xcf\x98`H.\x83\xf7N2\x82\xbc+\x86\n\t\xfa\x87\xeb5\xf5\xa6\x96\xa2W\x10R\xea\xcf}\x06oO5D\xd8\xa6=\x9f\x97\xf2K\x95!\xc4V\xa1\xdb\xefw/c\xbc|\x17$\x87\xd8\xf2\x8c\xab\xc5q\x9dc\xcd\xb2E\xd1=\xef^\x10\xe1?\xd8\x17\xdb\x92\xc9\x7f[#\xd8\x1b\xf5\xdfI\x85\xab^\xdc*\xdbt\xbb\xfb\xb1\x86\xc5\xdbE\x15\xf0s\xe4*G\xd7[\xa8{\xf8\xf5R\xd1\x81\xbd\xd5*\xa7_\x85\xe9\x9f\xeb\xb1\xd1\xf9\xeasu\xe7\xc0\x8c?\x10\xa4\xd4\xe7\xe67\x91\xe2\x0bGpQY\xd9\x1c\x88Qw/\x87w\xec\xd5S7rO\x0c\xae\xdb\nb",!\xb9v)#a\xa7k\xcf\x85\xaf\x0b\x1c\xd6\x92\xf9\xbe\xaf;_\xe1\xea\xb0\xdf\xb9}\xb6\x03\xa3\xd7\x87\x16\xfd\xfeN\xdam}\x1dQ\xe6\xb8D\x06\xc5l\xe2W\xe4\x88\x8dZk\xf3\xe7\xae\x19NCw\x1c,\x15\xb1\xdd\x88WNd\xc9\xeb\n\t\xf5\xd71c\xbb\xab\xe0\x95Z\xb3\x01P\xea\x1d\xa3]3lS\x1f\xbcO5\xcf\xef\xd4(\xc2\xf7\xe0d\xdd\x01\xad(*\x17g\xa3\xb4l\x0eC\xaf\r@\xae\xa3\x0e\xef\xd8\xab\xa7j\xe4\xdc\x85Ne4\x84\x96G\x17\xfe\x91!\xb9 |CN\x88X\x92\\\x02\xba"\xd4\xe7\x06\x16\xe8\xbe\x8dD\xa6\x1b\xfd\xbd\x08Z\x1e=n_\xf8CJ^\x96&gt;\xfd]\xaf7\xf6!!#\x95\xba\x99\xd9\x8a\xddy\xedz\xb3\xed\xac\xdd\xb1\x9f\xdc\x86\xd6\x11\xb8\xa5\xc4\'&lt;fL\xd8\xb1v\xa6h\x17\\^\xdc\xc8\x15\xa9~\xd0\x1e\x08\xa6s\x94\xf7\xeeA\xf4&gt;\x80\xde2"\xf4\x11g+\xfa\x86O&gt;P\xaawO\xc8\x92\x93\x91\xf2\xd9\x96\x00\xc0\xe7\\\xd9]P6\xaf\x957]j\x0b\xcbW#zu4{\xc6F`\x03\xa0/_D\x02"\xbc\x8a\xe2If\x1a\xc0\x10[\xd4#\xcf\x82/\xa7yp[\x12\x91\xe3~\x14\xf2\xa15d\xe1;\x00\x0fp\xde\xf9%\xa5~\xd1gg\xa2#\xb4,@\x95\xa2\xcf\x8b&gt;6C\xe6V\xc1\xdb\x91\x98\x16c=m7q\xe4l\xaf\xdf\xc3\xba\x9e\xb9\xbbKX\x12\x15\x98\xde;\x85\x94j\x8e\xcahm\x13\x95Cj\xfdr\x9e\xa88\xa5H\xbd\x1a\xdf\xde\x13\x05\xce\x01G\xc0\xa9l\xa7\x8a\xdb\xf8\x0c\x02\x00pa.2\x8c\xcbDr\xccHWm\xf9X)6\xa4H\\l-D\x01\xe7s\xcf\xa1\x95R\xdf\xe4_\xf8\xad\x9e\\\x9b\x7f\xa4\xf3\xd1j\x85e\x83m\x92\xb7\x95/\x18H\xa9\xdfx}g\x04\xd7\xc1UJ)\xf5\xe1z\xa7\xdc\xd7f&lt;\xd8n\xb1-\xf1\xf7(\xec\x91\xe8\xf5\x96"\xce\xf3?\xde\x1f\xcb1\xcd\xcb\x15\xebt\xd0\xf8d}m5\x88\x8f\xa9L\xbf\xce\x00\x9cp\xb5\x9c*\x05\x88H\xa9o\xd9\xdb\x8aV\x0cQ\xb5\x1a\xa8v\xba\xd3d\x99\x04\xae\x11\xdf\xdah\x1f\xf5\x8cK*\xcck\xb3\xb5\xa8#t\x0f\xee\xdeJ\x91\xb60M\x98\xad\xaf\x1a\xb5\xc5k\xbcUd\x03\xe05IYG\xc5\xd6@\xac\xda\xad\xb6\x7fM\xdc^\xa8@\xf9v\xe3\xd3\x8b\xe6L\x8a4r\xe3\xcd\xa34e\xb0c\xe4\xea\xf3Z\xf4\xee\xb8\xaeH\xb6\xfe\xd0\xa0\xb7}B\x1ej\x9b\x9d\xa3\xeb\xaa\xe0\x8e\x02\x11-\x8f\xb7\x8d\xcfU\x8d5\xf1\x07\xd1n\x99\x97\x83`g\xf2\xcb\xa6\x8c\xd2\xb6\xd2\x83\x85\xbd9\x88\xff\x93\xe3[K\xfdy\xb10\xcf;\xd2O\nUH\xbaS\xa5%\xfd\xe1\xac,m\xb7|\x06\xd3E\xa4\x94R7I\x96\x95\xc0G\xfe\r\x00\xc3\xbc\xb8MD\xea\xa3\xb3W\xff\x9av\xbaK\xfa\x1a\xa5\xde&gt;r\x01\xb9\xbd\xf3\xf6\x88\xdd)k_\xf4g_\xcd\xd8]\xf0$\x07\xda\xb2\r\xabN(\xec\x19\x0cR\xa9$\xa0\xc1\xd2W.\xe8:\x06NO\xed\x92.?\xc8\xcd\x91\xab\xf0\xdb\xa1\xa9/k#a\xcdP\xfb\x18\xb0\x87^\xd0\rJ}\x87\x0cK\xc6\xd2\xb6\xfc9\xe6\xa4\xec\xac%\xd7h\\&lt;\xf3\x9c\xe0\xa7\xa1\x0fR\x1d\xd7/\xe0;\xdc\xbf\xf05\xecYG\xd3\x91\xf68\x91a\rZ\xe55r\x8d\xae\x10k\x18\xab\xa7\xfb\x9b\x84\x1fq\xf9$\xeb\xbd\\;\xe3\x97\x19\x17[6\xd7\xe1\x95\x9c\xd9\xbav\x03\x10\x93@tO\x99\xc9\x83o\xe7\xad\x86\xcc\xfd4E\x03q\xc8\x9ez\xa9\xcf\x85\x90X\xaa\xa8T\x82\xa9\n@\x11\xda\xec\xb6\x9f\x05{\xa9\x06]\xa9)v\xdeZ)V=\xef\x96!\'P\xf1w\x0f\xe2\x98\xfd\xe1\x8f&lt;\x8bW\xefUy\x17\xbb\xcbPO\x89q\xeb\x8e\xfd%\x9e1-\x8e,\xc7\xaa;\xbbvj&amp;\x91\x8aN\xc0\xe4cyz\xc7\xd9\xde\xe8n\xf1?\xfc\x13\xfc\xfe\xa2H\x978\xbd6{\xe41\x98\xa5+*_-#\x985"\x1d\xc8\r\x92K\xa3\xb0\x1c\xfe\xc6l,?,pR\xf8:\xc9\xae\'\xad\xd1\xeb\x89\x15QC\xd9\tNO\xfd4\xc1W\xd5E\x0b\x18\x0c"Rw0\x96M\xe5\xa1\x108g\x151\xb3\xaa\xf1\x00U;lCp-HDJ\xdd\xdf\xd7\xe4\xa9\xfa0\xe9N\xfe\x9b\xf4\xf0\x19\xcbe\xcd*\xa7Up4[-\xb3\xfe\xd0Y\x85G\x16\xca\xe4\\|y{\xfe\xff\xe3\xcc\xc5\xb7}\x8d\xbd\x167\xa5q\xbav\x03\xe3\x1a\xd3\xcf\xf9\x8a\xe2\xe9#\x9a_\xf2H\xd9\x16\x89\x81F\x1a[\xd0\xcb0\xae\x16\xa6K\xfb0\xda\xc0\xad\xf6\xf8\x0c\x1b\xc8N\x00\x00\xa8\xc4\\\xa6\x144N\xb4\xfa\xc1b\xcb\xe4\xf8\xd2\xdd\xb7\xd1e\xbe\xf5\t\xfc\x00k\xe5g\rAr\xc1\x14]}\xda\x8bc\xab\x15{}\x1c\xc7\x1f3^\xbdJ}HL\nc\x89\xac~\xdaws\xc3\xd9\x04\xe8\xf7\x018K\xf3\xf8\x05&gt;#\xcd\xfb\x0c\xa6o\xbd\x1b0N\x07\x07^\x91\xc8DK\xd2\t\xd6\x95\x95\xeav"\xd3\xecw\x89\xe4/O\xdf\x81}\xd5\x8f-O\xcf\xe6\xab\x91\xeb\x06`\x82\x11\x04\x92\xacE\x81\x1fX\xe95J#\x06\x9c\xc04\x93\x9c\xf2*\xe6\xa5\xcfV\xce\x92\xc8\x96\xfc\x84Dq\x8fZB.\xfag)\xf3\x04\x9ei\xc9rT\xf6\x12\xd3\xb7\xfe\xf6^$\xf8\xcc\x86%\xcd\xed\xa0\xb7\xd7\x0c;\x87\xb8\xb5\x95\xe2\t\x95\xed3Cb|\x87H\x10\x0c\x8c\x8c\xdf\x02\x97\xb4\xe7\xb4\xec\xe3\xa5\xe6y=\xf4\xc1A\x82#\x14=P\xc2R\xe71\xbe\x07\xa1`\xc5\xe66\xafQ]\x18+q\xbd\xcf-\x14k\x9aD\xfa\x07J\xe6\xb0V\xf3\xb6{\xe4\x9fmgBE\xd6\xc8\xd6\x84\x81Wq\xb1\x1c\xbe\x16\xeb\x03gt\xfa\x95\xa1\xd8\x06\x80\xfd\x8d\xae\xe7\x05\xb3\x82\x03\xd1O\x076\x00X\x1e\x9d\x0b\x8c\xa6\r"\xbc1;\xd6\x90\xc7\xee\xa4\x17\xe4c\xae\xa5\xb2\xd6\xa3\xc6\xd15\x05O\xb3X\xda\x8b\x1b\xfa\xdaz\xba\x93+\xdb\xfb~\x91\xb4\x80\x02""\xba\x99\xb3X\xcc\x95\x94T\xd1y\x03\x10z\xf4\xc8\xbd\xacB\xc5\xc2\x13\xf8B\xfa|\xb3\xbb\xb7\xe3\x9d\x0b\xf1\xd8\xd3\xea\xa7c\x0f`\x11\xf0F\xd3\x98\xf91\x0cA\x07\xdemo\x03\xc0\xfe\xec\xb5\n\xaf\x9e\xc7\xc1u\x10[\xae%\x9f\xafp\x1e\xc2\xae\xd1\xcf\xbf\xfa\xf22`\xde+\x96\xa5\xbfp\xf4\x0f\x94NDJ\xbd\x1e\xe3*2\xdc\xb5\xbc\xf3\x18\xa2\'o\x1f\x85\x1eb\xa9\xdd\x03T4O\xca\xb6\x84\x7f\x00\xa3\x05\xe7\x0f\xab\t\x10\x08\xe6G\xb6\xd6\x0b\xc0A\x18\xa6\x8a\x02P\n\x11)\xf5\x18\xf6\x95;P=\x89\x1f\x98io\x03\x0e\xc4\x16\x9f\xd3\xa4\x8a]w\x912-R*lH4_/\x8d\\9\x1bSb\x89\x08D\xd4V{N\x07I\x1fSo1\xd2\xe5X\x17\xec\xe7\xc3 \x81H\xa3P\xe8r\x02\x06\x80\x1d!\xa2\x9a\xda{ \x90\x8c\xe0\x1c\\O\xce\x1e\x11\xceW\xfb\x01\x9b\x9a\x9d\xea4M\xd34\x15\xad\xfe\xe7\xd6\x8b\r\\#\x06:\x8f7Y\x0e\xdc\x13O\xe7\x97\n\'"\x9a&amp;\xfe\x04j\\7\x99\xacR\x97\x7fIo6fm\x9b\r\x9f\xac\xafU\x8d\x19;M\xbe\x05G\x87\x03\x92=o\xc26\xf9v\xc8\xc2\xd0\x1d5U\x1b\xf2o\xf2\xba|%\x1e\x9a\xb6m\xfb\x00\x1d\xbe\x12\xa7\x83\x06\\&amp;\xa1\xbd\xad\x00\xa0\x16\xfd\xf9\x9d]\x0b\xa2n\xc6\xf6\x14\xca\x0f\xdaw\xb2&lt;\xa6\xbaf\xdfo\xd7\xbe\xbc\xd2u\xe6\xfa\\M\xb5\xb7\x1b\r\xd3\xf6\'x\xf7\x8f\x04\x01\xd2]\xe8\xd0\xc7]\x9d\xf9\xd3yk,\xa2/a\xd8\xb9cl\xac\x19\xb4\x8b\xf6\xbe\xf4\xe9\xe3n\x9e\xbc\x9aq\x04W\xc4\xf1\'Mp\x95\x08n\x00\x8a+\xfb\x83\x8c\x85q\xecw\x91}\xeb\x80\xae\x8b\x12^\x1f\x9f\xee\xb6bm\x00\xf6Y`\x99\x7fd\xf7\x180\xd6\xf7{W\xe4u7\xbb\xaf\x19,\xf2\x02o\x8f\x9b\x00\'\xd9\x9a\x8e\x03~7\x11\x00!\x10\xd5\xe0\xb0\x18K\xd2\x9aUKUq\xd7W\xc6q!o\xdb!\xd3\xfc\xab\xe1\xd2\x9d\x12)\xa5\xd4\xa7q\x7f\xcbY\xd7\xd5v\x9e\xbe\xb8\xfa{\x8e\xb3N=\x1ag\x9c\x15\xd2\xa1\xe2\xf6Z\xc8\x0f\xe7s\xe6\xd5\x81\r\x008)\x88j\xd0\x15\xc9\xd5a\xdd\xba3\xfe@\xce\xe1\x08v\x81\xbbE\x111\xa2\x8b\xa2\x87i\xdf\x11\x04\xc4I\xafu\x8e\xb0\x18\xf2\xdd\x82K\\\x8fE\x1e8\x1b\x08i\x00\xc0 \x94\x9eF\x07\xe5-\xff\x92R\xdf\xc8\xb8r\xe1\x05\xa7\xbb5\x1f\xeeK\xe2\x01\x9e&lt;\x9e\xae~=.d\x97\xc7r\xe4\xb7\x94\x83\xd1\xd1\xa5\x9c89\xc2\xbd\x173\xe0?\x88\xf3\xfc\xd5\xa8\xa3\xdf\x89+\xef\xfeu\x82A\x07\x00t`^\xac\x0b\x1e\x12/kM""\xf5\x7f\x12\x0bS\xf7\x19\xfd\xab\x99\xf2\xa5:K\xac\xd5\xe1\x0e\xc8n\x00Zu\xf0?\xe7\x0b\'\xfd\t\xb7^\xf0t\x91R\xf7lnJ)Z\xc0g\xf9|\xc0\xd8\xee\xc7\x1e[w\xd0\x84\x9cr\x81\x11\x07\x00\xb4\xc4\\\x806:$\xd6\x04\xda\xe5\xcf\xd5\xa5\xaf\x0fb2w\\\xef\xfa\x97}\xef^\xfe{\x0e\xb5n\xe7J8\xfe\x8c\xd2n\xd0\xb3$\x93A+\x93\n\x19z\xb1\xa89\xed\x17\xb0\x01\xe0\xf2\x8fW\xda\xfd\xf1\x92\xcb\x0f\xbb\x0e\x8cY1\x00\x00WI\xf5"\xa6\xa6!=\'\xb0l\xe5&lt;\xea\xc0Y\xf26*\xb5\xfe%{\xd1:~\xf3\xbf\xf9`\xb4\x88\x9d\xae\xa2C&lt;\x1fRyA\x07\xcc\xd5\xff\xfe\xf6\x1c\x88\xa3\xc4\xe1\xc8\x8c\x90\x02@#c\x0e=\xc7\x06\xe0\x04]\x00\xe0\xea\xf1\x9ebV\xe56\xb7m\xfd\xcai\xef\x1a$\xa3\xbd\xe3:r\xc7\xc3\'R\xea\xbfq/=\xc2\x04\xa9\x199\x88\xa9\x83\x98\x91F\xfa\xb6\xc9a:.\x08\xb6\x9d\xa31z\xc9\x92/\xaac\xf7\x17\x009N\xfb\x17\xda\xd6\xa2\xb0\xfc=\xc5\xcb\xff\xa8W\x97\xf9\x8afK\xcd\xbf\xc0\xda\xcdN\xdb\x96\x8b)B\xc2\xd6!\x90\xed\xcbZ\xa0\xf7\x8e\xdelw\x11Q\x867\x08\x7fD\xdd\xc7\xc8n!\xa2I\x0f\xd0\x8a\xc8\'"\xe9\xc4\x01@\x84\x9d\xa6\'\x1f\x97Y\x06\x99\x02@\x017\xecm@{\x9e\xa9\x9f\xfb\xf7*\x13\xc4\xba\xdb`\x1e^\xfc\x89\xf6\xc9.\xe5l=|\x939\x02\t\x16\xe5\xda\x03\x9bi\xfe\xefCCrz\x1d\xe1d\xcf:S\xeeD5\xf8\xe9\x1b\x0b\xe9#\xbai\x1a\xd7-\xd34\xe5\x0fr\x90\xd1\x0f_\xc152VLN\x93\\\xbe\x01\x00\xce\xc3\xf2u\x1co6\xf4&lt;:\xce\xefNy\x1e\xd9o\xa5\xa3\xa5\x8a_&lt;\xcbS\x04\x1d|\x15\xd7/"$\xa7\x17g\x18\xb5\x19\x89\xe7\x00\x0b\x86\x9e\x88\xde|\x88bR\xc8\x18\x95pp8\xdf\x88\xd0\xca\x8d\x18 \x00\xc0\x11X\x97\xb3\xa8Y\\\x1ez\x96\xe7\xf5\xcf0\xe2\xfb\xfe2\xae\xd0\x18q7\x00u\xbb\x9d\xa1\xb6|T\xbf\xfa\x9f\x05\x95\xfe\xe6}\xbd\xea\xbd8\xb4\xf1\xd7\x01\x06\x08\xcc\x1c\xbd\xda\x803C\xc4]|\x14\x0b\x17\x17\xbb\x8ao&amp;y\x04\xca\x97G\xadoP\x0cEn\x003\xd6\x8b\x19\xae\xeb\xbc\xf1\xd8\xefv\x87\x98\xc6\x8b\xc7\xf6\xdd\xb6\x01\x10\xa5:&amp;\x9f\xccz\xb4\xb5VK\x0eX\x86\xee\x05\x11}\r&lt;\x0f\x86\x85=\x13\xbf?G\x98O\xf2\xfcC\x89q\x87c\x805M\xdej\xf8\xe0\xe3bn\x00D\xe6\xdd\xa1\x1dR=\x91\x174\x7f\xa8`\x908\x1b\x80\x91\x18\xcd\x1epT\x86\x0b\xa4\x11\xd3\r\x80aA\xb2\xd8\xf0~a\xd7z\xe3\xda\xfc8L\x9de\xd8\xb0\xcf"\xec\x05\xe2\x12\x9b\xde\xc5:\x1fcx\x89\x94z\xf1`O%\xa9\xc1\x8c\x01G\x04!\x04\xc0\xb1\xf0\xe4\xec\x18\xb3\xe4\x00\xd4\xac\xab\xce~\x8b\xdf\xed\xda\xa1V\xa2-\x9f\xc1\xe8\xea\x01l\x00\x8e\xc9\tn@\x01\xa0\xf3P\xc43(\x04\x91\x03\xc6\xc3]W\xe5\xac\xb4d\xd7\x97\x83e\x88\xcf\x0fx\xb2\xf9\xc2.O\xb8\xc2\xf3l\x86\xf0\x12\xf6l`l*\xe2\x13G\x12 \x83\x17\xecm\x00\x00L\xbcum\xfb*!\xfd\xa3P\xf9+)\x8e\xa3\xd5\xd3\x90=X\x86\xee\xc1\xba\xfa\x87\xe7\x93\x90\xba\xc5 ^j\x93\xd1#U\tp\\\xeag\x1c\xdc\xe3\xda\x81\xc1\xd6\tq\x0ed*\x00q\xc8\x9c\xd1\x89\x88\xde\xcb\x13\xdf\xfa3\xdb\xde\xe8\x8f\xa4\xc4@\xd9\x12\xd9\x00 \xab\xc1\xc0\x8c\xb3(id\xc98\x1d\x04\xd7\rnK\x820X*\x1c\x82\x1b\xedm\xc0Q\x98\x94"\xed\x0f\x0eN\xd3DD\xf6\x1f\xec\xd5\x03\xde\xfb\xc7\t\x89\x94R\x14\xf8\xcb\x85\x07\xf8s\x86\xcb\x1fa\xa52k\x89B}?\x04\x85\xbd\x06\x1d\x99\x86\x19\xa2F\x96\x8c\xd3Ap\xddL\xd3\xe5L\xec\xc0\x15\x1d\x80\xeb\xe6\x86\xbd\r\x18\x1c}\x0b;\x99\xeb\xbf\xd4_ ?r]\x0c\xff}\xf5\xcb\xfb\x85]\x9b\xa6\x8f\xa8\xb1jo\x0e&lt;\xa0\x00\x1c\x897\xc7\xd9a.\xcd=\x16}.\x14\x00\x1d\x84\x0486\xc9\x87y\x82m\x10\xfd\x00\\7\xa8\x00y8e\x16\x0e\xcc\xa3\xc3*\xdc\xa3\xe2\x83\xb2\xa7Hp\x0e"#\xbe\x85\x04\xa2\xa2\x13\xe5~\xbe\xaaC\xcd\x8cG8\xdc\xf8\xae~veyd\xe8\xc8w\x06\x00\x90\xe0\xcc\x0fS\x11\x11\xd2&lt;\x97K\xbde\xd6\xd8\x83?Ix*\xd6\x89\x12#rUDr0+\x97\x81(\x97d\xcc\xf0\xfcU=\x02T\x12\x91\xdb\xf3.\xb5\xdb\xd9I\rq\xae5\x80\t\xe0\xda\xf1d\xe2iN\x8c\xa6\xe5\x1b\x03\xf66\xe4H\x84\x9f9\x04C\x83Q\xbbN\xe2\xe3\x8e\x98\x00\x87\xc6\xb8\xadY\xf0,\x90RJ\xa9\xe7\x8cxot@\x93\x008\x0eD\xa4\xd4\xab\x93\xd7\x8c\x98\xfb]\xa9\xfd\x8a\xc9\xa8\xf7\x8e\xe5\xd8cY\x9b\xc4;4\'\xd9\xbd\x03\x01\xb6\xe4\xbd\xf2\x1a\x08\x8e\xca2\x7f\xbf6)s\x03\x90\x13\xd0x&gt;\xf2\x1ap\xff@\x04\xd09\x9bg8\x19\xfd!H\xfcb\xe0\xb4\xd1\t\x056\x06\x0e\xcch\x11\x82\xa8\x18\x1a\xdc\xab\xf1\x13\x9a\xbc\xa7I\xf1\x9d\xf6/D7\xe4\xb7\x02{Q\xf6l1\x1eyL\x91\xfd\xbb7#;s|\x0b\x01\x00\xfb"\xfek*#\xfd\xde\x8b\xfb\xa0\xb9[\xe1\xb5w\xf0M\xb1\x03sU\xbf\x03P\xc54e\xaf\xe3_Ck-n\x0f\x90\xa6\xf0\xac\x02\x8f/G\x119\x01\x1a\xe8\x18i\x9a\xb0\xfao\x02\xee\x99\x1c\x08"\xfa\x9e\x1d\x06\x8b\x1b!\xbb\xc7\x92x\x85\x18\xa7\xe2x~W\xcb\xe3i\xcd\xdek\xa9\x96\xa8]\x03Q\xfbT\x06\x05(\xb2d\\v\xad\x92\x83yf\xef9\xe3\xbc\xe4z\xf5\xa8\xa3\x80\xf8\xa9a\xf7E\xdbj\x86\x90\x983?\x19\xb8\xd7`\xb1\x95\xd2\x9bcjk\x869\n\xa1\xce\x9e\xdc\t\xe7\xe0\xbc\x9b\xb3\xea\x1bOn\xad\xc1\x93&lt;\xa2d\x7fe\x95G\x84\xdc\xf3\x18\xebp\xe3|\x17\x94A\xbb}\x01\xe80_\xab\xda\xe8v?\x11\x1d-1\x89\xe8\xc4\xf3\xc5~\xa1~Nx\x13\xd90i\x0e\xce\xc2y\x1f\x01\xaa\xaeM(n%\xb0\xce]\xd6\xa5\x7f\xfd\x18\x1dkU\x00\xce\xcc4Gv\xbb\xa3\xdf\x90\xd8\x11r\x80\x94\xba\x14\xcd\x06}\x9f\x8eW\x8d\xa7\xf5\x9f32M\x07\x1c\x12a\xe8fr7\x198\xcf\x91\x0ep{,\x8bW\xecm\xc0P\x1cl\xf0\x80R\xc6\xd7\xf9a\xfcj8\x8a\xf7\x8ebg\x05\xcfB0\xb7\xa2\xfaqA\x96|q\xb1"0m\x1b\xb9\x0b\r8aO\xafi\xf8\x0089W\xbe\x89\xef\x06n\xde\x81A@(\xb6\xc2Z\x1b\xb5\xb895\xd2\x97\x81\x94\xa0\xbb\xe8\xd0\x1d\xe1\xd13\xd7HQ\x8f\xdb\xd6\xe7~\xb4I\x82\xc2A\xc7\xd7\x8b\x810D\xd4$6\xce\xfb\x08\xd0N\xccG\\\xda&lt;\xb7\x9cy\xc5\x0fNp.\x0b\xfa\xd0qE2\xa2\xa8N4\xf2\xf2\xe0\xeb\x83\xe4\x01\xbf\xfe\xa0\xc3\x15\x9c%\xf7\x1c\xac\xa9\xcf\xdf\x9f\x9e&amp;\x81G7%h\xd1\xd3\xef\x93\x10R\xe8\x9c\xc1\x1f\xaa\xba\x82l\x1d\x07\xd7\xd5\xb9\xcf:?Z\xcc\x96+\xa4\xf8&gt;u\xe0\x01\x80\xf4#\x01\xeb\x05\xf3\x8b\xc7!\xd9\xf6\xe0\xef\x98\xdb0\x8cNW\x0e\xf5\xdc\xc8\x92\xec_p\x14\x83\xc5\xc8y\xf6\xe9\xe3\x8e\xffh\xe5P\x96\x93Roy|\x97f _\x10\x0eSa\xf6!\xdb\xe1\xf0\xa7\x8f\xe3Ld\xa7!\xdf\xe3\xc5O\xf1V=\x04\xfc\xa4\x1d\xffx\x1e\x82\x12\x8c\xcd\x91V6\x07\xda\xaeH\x92U\xf7\xda\xfd\xa6Dc.\x06\x7f\x02k\xa9\xdd\xb7\x83\xc7\xf4\xe7\xfe\x0c\xb3k\x1a\xc1\x06\xd0\x14\xce\xd7\xa7\x02y\xf2|}\xd8\xc9\xa9\x8c+:7\x02\xa3\x82\xf0;&lt;Y5\xf3\xe8\xc7\xd5\x9c\x9ef\xcf#-\x1dR?\x9d]\xd9\xb4\x08\x80,#&amp;\xce\x95\xfc\x0e\x80\xc8\xb3uw\x97\x102 \xd30\x8fu\x9ax\xfe\xe4 s\x1ak\x92i\x9a\xea\xf7\xc5,(\n\rY\x1bA\x1eY\x7f\x12{\xb9x\xa8\xb2\x93\x11\x85\x9c\x9e^\xae\xf9\xe0MxJ\xfe\xf4C|\x03v\x84]\xfd\x90\xd5\x00\xac\xecV\xeb\xb0\\\xc9\xc7\x7f\x18C\xde\xf3\xf2N\xfe\xbd\xb2Q\xf4\x1f8\xa5\x0f\xc9Z\x9cQ\xd9\x8fu!\xa3\xa4\t\xfa\xf30\x87\x8e\x870r4\x06\xba\x0fp\x900+!\xd6\xb5\xc5\xff\xf2\x0fnu\xf7g\x07ug\x8d\x90\x16\xc0W\xa3\x10\xc9\xc4+\xb9\x03\x90\x8f\xfftj\xfd\xeb\x87\xfaG\xf3/\xef\xb67\xa9\xb9\x06!d\xa6R\xff\x11[\xfa\xd4\xf0\xf2\xe9\xdd\xea\r\x88\xe9\x18\xf9\xfb\x1a\x0eI\xd0\x9f\x07p\xf4\xe5V\x15B"\x9bu;\xbd\xaf\x19\x17\xa6\xe9\xe1j\xcfU\x0bQN\xe5\xccz\xda*\xf6\xe1\xfa\x0f\x87\xf5\x16\x0fg\xdb\xd6\xbdH"\x01\xf7D\x0f\xc8\xa3\x1c\xda\x00\xa0\x94"\xa5\xde\xa4\xbc1\x9e\x8c4\x11vHS\xc7\xde\x03\x03\x07\x82 6j\xc8\xfam\xe0\xf6\x8f\xed\x8dN\xee\xe1:\xf9\x9e\x90\xcc\x15[V\xab+*\xfc\x91\x86\x03\xcbX\x90\xc7{tY\n&gt;\x001)O\x8dO\xd7Q\xa7jQg\xe0`;\xa2\x03\x99\n\xfar\xa40&gt;,\xb3\x93\x1f\xddn\x03\xb0\xd3\x08\xe6D\x8eV3\x857\x00\xce\xf4\x14\xb73\xf7w\xb8\xb3\xc8\xba\xc51\x02\xa4\xeey k\xc1\xce\x1cl\xe5\x03D!\xa5\xdeP)\x9a\x9f\x07\xf8\xc9\xaa 8z\x0c!\r\xc0\t@\x18\x0b\x12\xf1dc\'G\x847\xd4\x9b\xd3)\xca_:\xe4F&amp;\xf3\xfav\x06\x1ctRC\x05\x00\\\x9a\xde\xcc\x04G\xe1u\x95RJ\x91\xbam\xd5]\x05\x19[\x86\xe6\x1a\xfa\x08z\xc0^&lt;\xbd\xa8@n\x91E\xc0\xe6\xc1G\xf0\xe4.gx\xa4\xd1T\x0b\xfb\xda\x9b\xbb\xade\x0c8B\x0cHs\x85]\x06\xe0\xea\xc1\xf1a\x1c"RO\x87\x7f\x80\x0c\x9c\\\x0b\x1c\xcf\xe0\xd8fg\xc6*\x95\xcd\x8c\tt\xb3\xc7\xea\xff\xa2\x87\x7f\xe9\x006\x9c\x84\x81\x02\x1b\x8c\x05\x02\xe3\xe4p\x06\xf8&amp;J=\xa4\xb9!)\x88H\xa9?\xe9\xaf\x14\xc5\x11\xf4\xe51\xce;\xbd\x96_ L\xce\x13\xed\x07\xc6\x1bf\x81\xe3\xff!\\\xe1X{\r\xfb\xe4\xcf+l\x17\n\xe0\xc7\x9e\xdec\x91\xe2\x89\xd2\x1a\x01\x9e90O\xa9l\xbf\x15\xfd\x01\x82`\xa7,\xd5\x94\xbe\xd9\xfeN\x00WH\x9f\xa7/$\x18\xdc\xbc*\x06\xf2\xff[\xf7_\xe3\xda\x118\x907l\xaea\x03P\xc8\xee\xa3\xb6\xbb\x01^\xc6\xb4j\x18\xf6w\x0e\xbe:\xd7d\x19\x10\xe7\xcb\xfe\x8dk\xd4\xfca\xb1\xf7\xecq\xdf\xfb{\xe5IQ\xe8\x8b\xf7\xdb\xa8S\n\xb1\x07:B\xdex[\xf3p\xef\x04Lq\xfa\xbf30F\x07/\xf1\xb0\xfe\xb5\x972\x19J\xa9\x9a\xe26\xdb\xb0|\xe1\xbeh\x9d\x94\x95vJ8.\xf2\\CDy5d^E`8D!\xaa[\x98]\x1d\'\xfdC`\xbfK\xaal\xf79M\xd3\xe4f\xa5s\xdfV\xcd\x7f\xb6e=\xbe\xc9:\x1a\xf1\x19\xb5\xf7.Y6eRw6\x88\xd4\xfe]\xe6r\x14;A\x84\x83O\t\xa7_(\x88v0\xb7 [Vd\xb6\xb4\xea\x7f\xf2/\x15&amp;m\xd8\x9a_f\x98\x1ai\x96l9Q\xb5\xec~\xf6\x19\x80\xe3\xa2\xc9]Zd\x9f \xf8\xd6\x19\x07d\xb0\x9bB\xe9\xbf\x13\n\xae\x05\xd9\x9b\xfbO\xd5\x02}\xf9\x13!\xcb\xdfn\xcc\x9do\xbeJ{\xfe\xa7x\xae\x12D\xf0&gt;\xdd\xa5;\x7f\x93\xea\xd4A\xee\x0c.\x16\x1e\xc0T\x90\xcdq\x9e\xff\xb9\x06\x0e&lt;\x04\xedB(\xff\x19\xd1!\x9e)\xe5p\xe8\xa4\x0b\x9f7\x8dw\x00\x00 \x00IDAT\x8c\xf8\x0f\xee`J\x0b&gt;\xf5\xc0C\x03\xc0\x8coi&gt;\xc6d?\xd8\x9a#s\x19\x14\xbb\x92/\x8a\x1c\xd8\xf6\xc6\x04\x8a\xad$\xf6\x19\xa3\xdbv\xd7xu\xac\x8b*-\xf0\x02\x03\xbd}4P\xb6\x1e\x91\xa1\xca\xddy\x19\x7f7\xfb\x91{\x1b \xc3\x08\xc7v\x00\x80|\x06\xa8\x8f\xa3\x95\xe9\xf5v\x04\xeb\xea\xa7\x86\x8c\xd7\x1e\xbb\xe2\xfd\xd1\x99\x16{\x80J\t\x968Ii\xa0\x12\x91\xe10"m\xac4\xbc\x0eH\xf0\xb1\x01\xfe:L\xf8t`TF\x9bYt\x16\xdb\xdefoCv#44\x15\xa36\xe8X\x03\x00\xe2\x0c\x95\xba\xdc\x02\xb4\x94\xaa_\x8c_\xc1\xd4zg\xcf\x16`(\xb7\x9c\x8akX\x00q\xf8I\x84\xd9Y\xe0/\xeb\xaf\xa4\xbc\x8c\xdc\xc7\x8c3\xa6s\x12\x8a\xd5\xab\x88L\xb0?\x7f\x87\x18\x03~\xf2\x0e\xd2\xe4\x0f\xda\xaff\x03\xb0w\x07O\xee^pD&gt;\xbd")r\xef7\x16+:\x04\x83\xf7qd\xdbv\xe6(\x9e\xf9\x8e\x83\xd8\tx\xe07\xa6\x01-_\xc1\xc7\x08\x06\xad\x84\x8f\xfe\xcd\x89\x00\x00pM\x90\xf1\x15\xa2 \x8b\xeb\xfc\x8e\xd4\xeb\xecu6DT\xf7\xed\xc0\x83r\xd2\xaf\x01\x05l\xf2\x8e\x1e\xa6\x97\xb7\xb2C\x8a\xa3\x1c\xa5\x80Z\xbe\xb4\xee@\xf1\xca\x1fH\x00\xf2\x8c\xf0\x94\xcb\'\xed\xab\xfe\xc0\x9cmm\xc7\xa5[\xc4\x12)u\x93N\xba\x1a0\xf0l1\xb0ic\xb1wu\x1e\x90\xfc_\x8f\xa3\xfc&amp;\xfd\x18\xd60\x1fG\xb1s4\xaco\xe0\xcdi\xb94\xb9\x92G\xce@O"\x11\xf5\n"\xa5^\xdc\xd9\x1e\xd0\x85k\xab!%\xfd\x1dl\xcd\x10\xfb\x1a\xc3\xc0\xdb\x03N\x16\xa3\xd93(\xb3\x9b\xe6!\x1cn\x14w\xa6"\xb2\xe1\xc9B\x96R\x08\x07\xe6\xf0Is\x15~\xce\x9c\xc5\x8f)\x90\xb1\xceC:\xe2\x96\x82\xeb\xa5[8\xdd\x1eq\x0b\x86\x87\x8c\xd5\xd7\x18\xc56o\xe6\xbd\xdf\xbau\x19\xc2x\x8dJ{F\xebN#h\xc4\x10&lt;\x1f\xd7\xe6\xd5u\x05\xff_\x8aZ#\x0e\x0bX7\xf0\x02\xae\x1b\xecD\n\x00p&gt;Paf\x0e\xbc\xf4:\xe9\xa9\xf1Q\x87#\x8b9\xec~\xc5\xb8\xe9/0\xf1\xdfF \xb1O6\x00\'\xebN\x1c\xednR\xf9\xfd\xd0\xab\xf2\xd8u\x10\x19P\x8cuc\x90M`\\\xce\x14\x9c\xe3\xf4\xa5\x8f%g\x9d\xa9O\xd9)\x13k\xb9_\xb1\x010\xaf\xf7\x05DXr\xd6\xc5`LH\xfbWU\x1f\xed\xe0\xf9\x93\xb3\x11\x1fP\x8cucb\x9e\xefl\n\x00g%\xf1\x10u\xc7o\x9a\xef\xb8|:Z\xe9^\x9eq\xdd\xdb\x8e1\xf0=\x02\x94\xe1\x1a\xdf\xb3\xc2\xa1\xe6\xe1\x15\x80\xf9&amp;\x16\x7f\xc0\x17W\xe0\xc0`\x03\xb07p/8\x05\xdbo\x88\x8d\x1f\xd2\xa4\xd4\xb7\xee\xa3\xf9\xdd\xc7w\xce\x01\xb8\xa2\xaf\xbeZ\'`\xfe\xd7$[s6\xa7!\x11\xb9\xdf\xa9ODz[\x9a\xbf\xad\xd9\xbe\x0c4\x86\x88F\xf9\x92l=\xb4\x061\xe9\x8c\\\x9c\xdc\xc5\xbd\x97\x01ERw\x82\xe0g\xa0\xb6\xc9\x14\xc1\x00R\x10\x11B\xc5\xe4j\xfe\x0e\x80\xbe\x94g\x1e\xc5y.\xf35|\xa5qSl\x9a&amp;gf"\xeb\xe7K\x08~:v\xb0}\xb9\x8c\xd2 \x07\xb1f\x19\x1a\xc2\xa4\x01\x10&gt;\xf4\xba\xac\r\x04\x05\xc6\x98&amp;\xe5\xc9\xfd\xa3C\x81\xd7\xbb\xb3\x9f\x9f\xc7( \xd7\xc1\xa3\x93WL\x07X\xd2\x05\x1f\x19\xe8j\xc5\xd5\x93tw\xe4.\xeeYo\xe1\x0e\x9e9\xf5\xcc\x07E\xceY\xbeb\xf4\xdd\x1eqO+\xed\x12\x7f\x19\xc2\xb9\xe0\x1e\xf8\x8e\x85\xb6\xa1\x1af\xc2\x98M\xc2\xbd\xa0\x0bT\xfe\xd7\x16\x07\xba\xb7\x13\xe5p\xe7\xd6\x8b\xc1\x879&lt;k\xe1\xe1\xc3\x8d\xdaYX\xfeF\xfdq\xc8\r\x15\x84Vgb\x0e\xd7\x1e\x12Q\xfae\x05\x0f\x8f\x80\xfd\xb1~a\xc5|\xea\x9a\xb5\x99K&gt;\xa8\x8d\'\xb9\xc7\xe48\x83r\x88\x07=\xc11h\x17\xf0\x89_\xfe\x1b\x87C\x18\xe9rP\xb3\x85\xb9\xf5\xde\x06\xd4r\x84\x19\xa7-g\xf2\xc0A\x96\x10+1kC}9\xf3#@\xd34\xa9\xcf3\x7f\xcc#1\xf6\xfc\xe08Z$\x1d\x8f\x82\xdf\xd6\x18\x83\xf9xuo3\xce\xc8\xf5y\xb5]\xd8O\x0f/\xbb3\xd3\x9diR\xeau\xf76"\x9b\xab\x8bT?\xbf\xbf\xb7\x01U|wI\xc19\xe5\xc87:\xd5\xaa\x95y\xee5\x18\x91\xfa\xb9\xf0\x87\x1d\r9\x07\xcb\x8d\x82y\xed\x1e~,\x8cs\xd8|\x96\r\xc0\xc8]\xf0\x0fP\x7f;R\x1c\xc5\xce\xc3\xa3\xdd\xe8\x1b\xc6\xbd\x87\x1b\xe8\xadp\x1d\xc8\xf2A\xd7\x1f\xe0\xf4\x0cS\xc9\x8b\xd7\x1b\x02\x8b\xec1W;EV\x9d\xe4\xfe\xfc\xb0\x832&amp;\xc9\xaf\xfb\xdc\xae\xdc&lt;\x0b\xe7vb\xd8\x9c\x1c\xd3\xaa\xc3q+)O\xf2\x9f\xf4\xeb\xc8h\xf6$\xc0\xb4\x01\xc0\xf10\xd26#\x7f\xeb\x93\xbdt\x9d\xdd\x81+\xa9c\x89\xa3\xea\xfe\x06\x1d\x10\xb8\t\xd8\xac\xf9CC\xae,\xc1\x9e\xb0k\xeb\x11\xc3\xe6\x886\x8f\xc1?\x88\xb8\x0e\xfe\x07Yd\x1cG:U\xab\x7f\xb0\xb9\x95\x13\x01/\xcc\x1f`\x03\x00\x8e\xc0\xdbD&gt;\xbb\xf5\xce\xe1\x8b\x14:(]\xc6\x8b\xb7\'\xdc!~\xbe\xe7\xda\xc2u\xa0\xe7\xbepg\x18\xecA\xdew\x9c\xe8\xef\xfc\xcc)\xc3\xf5o1kc\xf5\x02F\'\xfd+\xd7\xa1\xa3\xf7^\x91\x1d\xd6\x82\xbc\x1a\x97]\x86&amp;\xf6\xa5a\xfd\x8c@\xc5\xdf\x9b\x1c\xffc\xa4vg\xe8E\xd2\xc8\xb6\x8dL\xbe\xdfN\xb8o\x0f9\xe1\xcc\xdf\x024\x18g\x0b)i\xe2\xdf1\xb2z\xcf\xbd\xac\x9bc\xa7\xe0\xb7\xac\x08|?\n\xc2\xa3\x11\xeb\xd8x=\xdc\xc6\xed\x14\xbb\'\xd0\xed\x11\xb2\xe3|\x17V&amp;m\xa7gI\xe19Cp\xd2\xc1R\xcf\xd8\xdb\x80\x10\xee@\xdb\x7f\xc9\xcf\xb7f\x12\x8e=\xc6m\xa2\x9b\xe9f\x1cz\x0f\xc08\x87\xde\xbfwD\xe7\xcd\xc5#\x07\xcf\xd1\x81\xeb\x8b\t\x9d\xfd\x17/\xa4\xc8x]\x9a\x15b\xb5\xf8V\xf8\xbd\x82\x9d\x10.\x88\xfa/\xdey\xe6\xb9\xc3\xdd\x87=\x90\xa9b \x13\xaf\x05\xc6(\x87\xff\xfeO\xa4tde\r\xa7 \\.8\\\xf5p\xd8\xe7A\x94\x83;-\x8bhOQ\xd9v\x05\xae\xb7\xe1\xa7\xa5T\x02\x13ykP\xb1p\x99\x8c:~e\x07J\xa5\xa3\xf4\xd9\xc7\x1b\xe8\xf7\x912\xb5\xeb\x83O\xf52\x04\xec\x00\xfb\xf3\x16YW\xf3sS\xbb\xd23\x05\x88o\x00\xca$\x0fH\xdf\xeaG\xf9J\x0fU\x9c\x1d\x9e\xc2\xea\xa9q\xcdYou\x8c\xc0\x89\xef$\xc9@D]\x9fR0\x93c\x9c\x07$V\xbb\xc61)\x03\xa2\xf1\xfeD\xd4\xc5\x9f\x1c\xab$\x934\x19\xcf\x97\x81\xb6\xfe\xce&lt;\x90eq\xf2\x80\x1e\xc6\x8c0.YE\xb8K\xc5F\xb4\xf4f\xe0\xd2!\x86\xd5G\xfc\x0e@+\x88\xae\xea\xdeS\t\x9d3\x8d\xf6P\xcaa&lt;\x8b2\xa0\xf5\x9fq\x98\xef\xcfG\xad\x9a\xf3\xb3\xecPm\xbe#o\xa9`\x87\xd6\x91\xc7\xbb%"\xd5r\x9a\xc2\xbf\xab\xb33cZuf\n"*\xd9\xe4^}\xe6\xf4\xfe5\xd5(h\xfe/\xdb\xe8iN[\xbe\xd4\xf3\xd8\xed\xc0\xa5C\x8ck\xe8#\x1fR\xef\xd9\xee\x1e\xf7z\xbb\xffDist\xcaKX\xdbAD\x9cH\xc2{\xac\xb6\xfc\x81\x9c\xe5\x91\xdc\x82p\xc2\xa1@\x14x\x06\xec\x03\xbf \x1c\xefA&gt;\x1e\xa6\x07\xbc\x8f\xc8J&gt;\x88+"\xaa\xd6\x86\xbd\xcd\x00{2\x07\xc1]\xc4\x1e\xe3\xbe\xbc\xd4\xa3j\xf7@\x07"\xb4^\xa0c\x03\xd0\x9d\x8a\r\x00\xb8v\x103\xa7\xe3\xa1\xfe_\xdcw9\xf5\xb9\x9eg\x03 ^$GXy\x9fw\x04uN\xdf\xc1*$W\x00\xa6\x1c\xac*\xce\x81p\xd5\x8b\x04\xdbYV\xa2G\xeaB\xe0\xb8K@\xec\xee\xd3\x1b\x18\x12DE\x7fH\xfbOV\xec9qg\xa2\xb3\xccM\xd7\xc2:X\x9cQ\xc3\xef\x00(\xb5y\xea\xf9\xc5\x12\xcc\'\xab\xf0\x94\xd59\xa8\x1fD\xed\xd7\xed\xa3\xc2\xce\xf2d\xde\xbe]\xe0O\xf3\xc6\x94&amp;&gt;\xbba\xb6\xf4q\xed^)\xfd\x85\x13P\xc3DE\xeb\xff\xd4H\x9d\xa0V\xfb\x99\xa6\x11\x7fM\x0e\xf0\xb9\x0c\x1fJM\x9a\xf0Co\xe0\x8a0\xc2\xa0m\xda\xfc\x1e\xd2\xb2!9\'U\xe</t>
        </is>
      </c>
      <c r="E254" t="inlineStr">
        <is>
          <t>&lt;class 'numpy.ndarray'&gt;</t>
        </is>
      </c>
    </row>
    <row r="255">
      <c r="A255" s="1" t="n">
        <v>253</v>
      </c>
      <c r="B255" t="inlineStr">
        <is>
          <t>steps_per_sec</t>
        </is>
      </c>
      <c r="C255" t="n">
        <v>2900</v>
      </c>
      <c r="D255" t="inlineStr">
        <is>
          <t>3.0661979</t>
        </is>
      </c>
      <c r="E255" t="inlineStr">
        <is>
          <t>&lt;class 'numpy.ndarray'&gt;</t>
        </is>
      </c>
    </row>
    <row r="256">
      <c r="A256" s="1" t="n">
        <v>254</v>
      </c>
      <c r="B256" t="inlineStr">
        <is>
          <t>Loss/RPNLoss/localization_loss</t>
        </is>
      </c>
      <c r="C256" t="n">
        <v>2900</v>
      </c>
      <c r="D256" t="inlineStr">
        <is>
          <t>0.29841802</t>
        </is>
      </c>
      <c r="E256" t="inlineStr">
        <is>
          <t>&lt;class 'numpy.ndarray'&gt;</t>
        </is>
      </c>
    </row>
    <row r="257">
      <c r="A257" s="1" t="n">
        <v>255</v>
      </c>
      <c r="B257" t="inlineStr">
        <is>
          <t>Loss/RPNLoss/objectness_loss</t>
        </is>
      </c>
      <c r="C257" t="n">
        <v>2900</v>
      </c>
      <c r="D257" t="inlineStr">
        <is>
          <t>0.02939687</t>
        </is>
      </c>
      <c r="E257" t="inlineStr">
        <is>
          <t>&lt;class 'numpy.ndarray'&gt;</t>
        </is>
      </c>
    </row>
    <row r="258">
      <c r="A258" s="1" t="n">
        <v>256</v>
      </c>
      <c r="B258" t="inlineStr">
        <is>
          <t>Loss/BoxClassifierLoss/localization_loss</t>
        </is>
      </c>
      <c r="C258" t="n">
        <v>2900</v>
      </c>
      <c r="D258" t="inlineStr">
        <is>
          <t>0.2850967</t>
        </is>
      </c>
      <c r="E258" t="inlineStr">
        <is>
          <t>&lt;class 'numpy.ndarray'&gt;</t>
        </is>
      </c>
    </row>
    <row r="259">
      <c r="A259" s="1" t="n">
        <v>257</v>
      </c>
      <c r="B259" t="inlineStr">
        <is>
          <t>Loss/BoxClassifierLoss/classification_loss</t>
        </is>
      </c>
      <c r="C259" t="n">
        <v>2900</v>
      </c>
      <c r="D259" t="inlineStr">
        <is>
          <t>0.10202071</t>
        </is>
      </c>
      <c r="E259" t="inlineStr">
        <is>
          <t>&lt;class 'numpy.ndarray'&gt;</t>
        </is>
      </c>
    </row>
    <row r="260">
      <c r="A260" s="1" t="n">
        <v>258</v>
      </c>
      <c r="B260" t="inlineStr">
        <is>
          <t>Loss/regularization_loss</t>
        </is>
      </c>
      <c r="C260" t="n">
        <v>2900</v>
      </c>
      <c r="D260" t="inlineStr">
        <is>
          <t>0.0</t>
        </is>
      </c>
      <c r="E260" t="inlineStr">
        <is>
          <t>&lt;class 'numpy.ndarray'&gt;</t>
        </is>
      </c>
    </row>
    <row r="261">
      <c r="A261" s="1" t="n">
        <v>259</v>
      </c>
      <c r="B261" t="inlineStr">
        <is>
          <t>Loss/total_loss</t>
        </is>
      </c>
      <c r="C261" t="n">
        <v>2900</v>
      </c>
      <c r="D261" t="inlineStr">
        <is>
          <t>0.7149323</t>
        </is>
      </c>
      <c r="E261" t="inlineStr">
        <is>
          <t>&lt;class 'numpy.ndarray'&gt;</t>
        </is>
      </c>
    </row>
    <row r="262">
      <c r="A262" s="1" t="n">
        <v>260</v>
      </c>
      <c r="B262" t="inlineStr">
        <is>
          <t>learning_rate</t>
        </is>
      </c>
      <c r="C262" t="n">
        <v>2900</v>
      </c>
      <c r="D262" t="inlineStr">
        <is>
          <t>0.039991677</t>
        </is>
      </c>
      <c r="E262" t="inlineStr">
        <is>
          <t>&lt;class 'numpy.ndarray'&gt;</t>
        </is>
      </c>
    </row>
    <row r="263">
      <c r="A263" s="1" t="n">
        <v>261</v>
      </c>
      <c r="B263" t="inlineStr">
        <is>
          <t>train_input_images</t>
        </is>
      </c>
      <c r="C263" t="n">
        <v>2900</v>
      </c>
      <c r="D263" t="inlineStr">
        <is>
          <t>[b'1024' b'1024'
 b'\x89PNG\r\n\x1a\n\x00\x00\x00\rIHDR\x00\x00\x04\x00\x00\x00\x04\x00\x08\x02\x00\x00\x00\xf0\x7f\xbc\xd4\x00\x00 \x00IDATx\x9c\xed\xfdy\xfc\xbf\xdf\x7f\xc8w\x9e\xf3\xcd\xb7IdjI2\x18Kc\x89%\x96FKI\xc7\x8c\x96\x0c\x133\xb1\xde\x98\x9b):\xfc,\x1d\xa6\x94\xd8\xab\x82\x1b\x8d\x99X\x8aVn\x0c%\xb5\xab\xaa\x8a\xbd\x1deh\xab\xb5\x0c\x832j\xdf\x19D2*\x06#y\xce\x1f\xd7\xeb\xba^\xd7~\x9d\xfd&lt;\xcf9\x8f\xfb-\xf9\xfe\xde\x9f\xf7\xfb\xf5\xba\xaes\x9d\xed:\xdbu.c\xd02\x11\x11\x11#R; \x00\x1e\x08\xe5T\x11\xd2\x02@\xacW\x1b\x0c\xa8b\xce\x7fdA@5\xfa\xea\x00\x00%&gt;\xa8\x1d\x00\xa4q\xd7\xae\xa0\x87\x80\xa6\xf4&lt;\xa0bm\xed\x10\xb4\xad\xe7\xbc\x01\x00@Z\xccR\xa1!\xe4U\\a\xc2\x13\x00\x92`8\xea\x94\x103\x00\xa0\xcf\xab{h\x99K\x19]\xe9\xdb\xf4z`\x82\xec\x87\x0e\x90\x89\x01\x00@J"b\xad\xe9\xa6\x8d\xb1\x9b\x96\xa4\x03pa\x13O\xc4\x92r&lt;\x03\x00 \xb3_\xca\x82\r`,\xd6\xdanZ\xffG2\xab\x1d\x10E\xd6\xf1\xf1j\xf9\x13E\x00\xfa\xc1\xfac\x00\x18\xd2\xb6\xdd\xcf\x8d`c\xd7\xd6\xa7\x8ft\x83h\x01\xdaC\x8d\x86S-f\x0c\xde"\xe2\x80\xc8Q\xa7jA\xfb\xf2\xcd\x15\xf3Gy\xea\xae\xf6\xea\xc3+\x99\xe2\'\xf5\x01C\xb0\x04hL*2_\x8b\xac\xb5\xack\xc4\x81\x1c~h\x07\xf9\xf9\x9a\x08cu\xda\x881\xf7\xfb^\xe7&lt;\xb7\xfc\xfd*\xe7m\x107\xca{*"g\xc4\x0e@\xa6\n}\xee&amp;\xfe\xd0\xe5\x1f9\xce\x92\x88\x8a\xccW\xcbc\x87\xbe\xc5\xd1\\Te\x0f?4\x80;\xf4#:\xfc\xfaXS\xaf\x9fmmS%\xdc\r\x99|X#\xa6\xfa\xd4\xb6K\x9e\xe3\x97&amp;#eI\xb9W\x060\x97c\x9f\x99r\x08\x00\x00\x00\xea\xc8\xf4l\x8a\xd7\x1bjx&gt;\xa66b\xbe[I\x8a\x15e\x13h\xd9\xaf-y\xb2\xd8\xbb9\xb5\rP\x86\x92\xc6\xf7*\x0c?\xb5nHF%\xc6|r\xed0@\xbb\xc8\x8aBCU\x03@/\xaa\x08\xa0\x18%\x1d\x80\rU\x81\xe9\xd3&gt;\x86\xd5\xe5\x81\x9e\x8d\x1b\xd5d3\x00w\xa8"\xb6\xa83\x8b\x19q\x95\xf3j\xb1\xbe\x193\x06`D\x0c\xa9\x0f\x00\x80&amp;\xda\x9e\xc1[\xf7F\xf4\x84*\x89\x11w\x01\xea+\x05\xe1\xed\xf5\xac\x06C\x0c\x00\x80\xbc\xb8\xd3\xf8\xd1\xd6\xc8\x9e\x82c\x7f\xa8\xba\x80\xb9\xf9k\xb5\x03\xa0\x8f\xd7\x03\xbb\xe8\xcf\x94\x01&gt;\x8eN\x00\xe6%\x81\xb5\x83\x91PO\xd7\x024\xee\x8b(\x8f\x88\xd5\xd7\x1d\n@\x02\xbdV\nE[\xe4\xddu\x00\xd0\x152\'\xa0S\xb1q\xe4L7\xa9\x11\x97\x00\x01}\x98^S\xdac\xfb\xa0\xe8L+\xef\xc1\x81fd\xce\x9c\xdan\xc0\xa1\x98%\xf9Dd\xbb\x80\xb8\xe1\xe2I\x07\x00h\x95\xb5\xf6\x97\xd7\x0eC&amp;4z\x8c1#\xef\x9e\x04\x94 \xc9\x1e\x06\xbbo\xe2\xbf*4\x8as\x1e\x05\xeaIk\xed\x92\xc4\xb2\xfae\xee\xf3\x02\xc0\xa5\xe8\xbaO\xcc\x8f\xe5\xb6\xa4\x14\x1d\x80\xd61\xf4\xab\\\xaa\xd4!\xa1}\x1d\x86\xd2\x1b\xd0N\x12\xb7\x12N\x00\x00\x00\x8cA\xe3\xeb\x98\x82\xdc^\x82\xb4\xd8\xc9A-d\x14\x94\x94\xac\xfe\xed\xa0\x1e\x07\x00\x94R\xb5\x03P\xf0\xd4\xdc\x1c\x01\xa8\xd3\xec\x00L\xa3\xc1\x06\x00\xbc4{\x03\xea\xc7\xd0\x0f\x01\xf36\x80+\xddL\xcf\xe1F\xa3\xcf/\x91+1,\xaa\xe5[\xc4\x8c\x12N\ta\x7f`\xab\xf7 \xf4\x80\xca\xf4\x06}\x00Tt\x9f\xf1\xc8\x96\x18\x16\x99\x1f\x00\x00\xf4\x89V\x0e\x00\x00\xf9|X;\x00\x00\x00\x00\x8a\xad\xc6$\xd8\xfd\x1d}\x18\xfa\x19\x00\x00\xc0\xb5\x1fQ;\x00\x80\n\xb4\xfe\x01\x00\xc8\x8f%@@\x0b\x06Y\xad\xc7\x13q\xe8\x0f}Y\x00\x00\xb2\x13\x91\x9e\xc6\x8f\xd7\r\xe2\x9e\xae\x0b\xa8k*YS\x99Z\xff\x9c\\\xd4\x12 :\xc4\x00\x00\x8c\x8c\xd6\xff\x113\x06\x88\x97;\x0bUx\x06\x80R\xe1\x8c\x88Z\xe1\x95\xda\x83\xe1\x0e\xbaC\x84\xb4\x8e\x86\xf2(~=\xe5tF\xadu\xe1\xa6&gt;\xb7\xd6Nu\xc5\xb1\xc6H\x1b\x99\xa5\xeb\xa3%\xf4]V\x85\xaf\xc9\x1a\xd3\xec;\x964\xfb2\x11[9\xdb\xf4\x9d{\xb5\xc9:\xf5\xd9,a\xdd\xa6\x03b\xa9\x94\xb9N\xa4\x9c\xe2\x14\xd5x\n\xaf\n-ydV\xdc\x05\xa8\xb7N\xe1\xd2:\xec\xed\xc2\x94\xf8\xc0V\xafD\xa8\xc3J\xaa\x9d\xda:=GJ\x8e\x89\x02\x11\xf9\xcc\x96\x86\xf1\xc8:\xa5\xcc\xa5\x94Q^\x9c\xfaZ\xb5\x03\xd0\x05{\xf2S\x8aBW\xbe\xa2|\x85\xb9\xcbarF\x88\xbb\xc7x\x06\xca\x08\xcei\xc9k!\xaa\xb5\x00CU\x14C],Z\xd1\xd93\xf79T\x88\x9d\xbe+\x0b\x11\xe9\xb2o\x03\xa0\xb0\xb0\x1b\xd8qX(\xb2\xb2e\xb3\x17\xdc\xa3\xa5\x85[,\xc9\x03\x00\xa0\xe0\xe3\xbc\xa9N$\xb3\xf8C\xa1Qw\x19\xe0W\x901R\xea\xa9\xac\xf5t-\x00\x00\x0f\xd4\xfeG\xfe7\xc5\xefs\xfayY\x99~\x91$x7\'\xcat|\xb4\xe8\x95%\xc8\x15\x89}\x93\x9e\x8a[7\x17\xd2%\xe6e\x00\xe0\x81\x88L\xdb\xb2\xa5:\xda\xf4\x83\xe3\xc2\x89\xd3\xcf\xdfl!\x17\x17:\xc0\t\xbb\xdee\xc2S7(\xa3\xe2.@\x1d\x9a;\xbb\xf4w\x81\xde$\x1f\xc6z\xba\xb9\xcf\x95\xc9\xc5\xd8\xff\xcd\x17\xe3\xc2\x15\x85\xd1\xbe\xe1\xd0F\xcd\x83\xc6?\xd6\xc2\xe6R\xee\xbfE\x07 \xa5\xf9\xd5\xcd\xb5\xc3\x01\xa0\x01\xef-\x14\xb7u\xf4\xfb\x17"\xe6\xfc\x0f7\xbeu\xd20z*6fIOC\r\x1a\xaaY\x90\xc1\xbd\x8c\xb0\xd6\xc8\xbbv}\xdaq\x87\x0e@\x16\xddgDG=\xade\xc4P\x8ae\xda\xe5D\xf3r\xea\xe73\xdf\x7fB\xfe\x9b!\xee\x85\xa8\xe8\xf3E\x8c\x91\xe5}\xa5\ra\x8a\xbeK#Tw!e\xed\xa9\x84\x8e\xd0\x01(\x9a3\x14V\x88\x15\xcb\xc6*6\xfa/\x9f\xe8\x8e\x1c~Hci9\xed\xca\xa6$\x1d\xf6\x13\x91?\xd9oO@]=;\x0c\x11\xf9\xfeN\x19Ui\xc6S^ ~\xab\xf2\xf0\xe5\x91\xa4\x9aR\xd8\xfa\xd2`\xdc\xf1\xa0ZW\xael\x98\xa1rH\x94\xc5\x06\xf0lSo\xfc\xe8,\x13Y\x12d.J_v&lt;\xcc\xcda\xd3\x86\\\x89\xdf\xd7\xe9u!\x9f\x06nF]\x97Y\xa8B\x87)\x0b\xe9\xfaeg\xc0h\xd2\x97h\xcf;\xbc\xfb\x1eDW\x07\xee\xaf:\x12\xde?\x05O\r\xdc\x9a\xe7\x02\xac:\x90\xe8\xc2\x08K\x80*\xd0\xb78\x92\xe1\x04@\x11\xff\x02\xe9Z\x9f\xe8\xaax2c\xa0\x14^\x8a\xdd\x9a\x19\xc5O\xeb42\x89\xe1Ht\x00\x9a\x117w9R\xa3\x00H-\xb8\xddpq\x8b\xf2+\xc8\x9eg&gt;\t\xeaE\xe0\xfb\xb8}\xf6q\x15h\xd5vm\xde\xe9\x9f|\x0c\xd5\x83w\x13?\xabIW\xe1\x14\x1d\x80\x96\x90\x87\x81\xe6\x1c\xef=^\x05\xd9Z\x1b\xd0\x81\xdfu\x02N\x1b(\xbd\xd4\'4\x98\x90L@\x93\xfd\xf7\xbe\xbe\xb8\xf9\xe5R\xfe\xc8\x9d\xf1\xe2\xe7m\xe8Um\xcdo\x9a\xab\x1b\n\xb8k`\xf1b~\xeb\xaay\xf0\xa8@\xa3\xbc\x9a\x17\xf1\x99\xbc\xe3"\x13Y%\xf2\x08\x01\xf6\x82\xd6\xdf\x7f#\x91?\xe5\xff\xad~\t\r\xcbV0\x03\xd0\x9c_R;\x005-\x15,U-\x1ae?\xc9\xeb\xe3\xb1\xa3\xf4\xdb\xc1\xb3o\x18y\xb4\xce4\xb0\'\x0cJ\x9aK\xca\x7f\xbd\xdb\x9f\xf7vZ\xe0O\xe5\rScz\x99WL\x83\xa5GH\x83\x87\x8a\x80\xe4\x8a7\x01\xfd6\xfdLT\xe4\xe5{\xd4\xde[P_\xdd\xc5f\x8b8q\x9a+nV\xf9\x9bU\x91\xce\x1f:4Fy\xae`\x18\x15-a\x1d\x14\xd2*\x9e\xa3\xfc\xee\x08\xee\xbb\x7f:\x9e\xf7x\xa5\x05V\xc2\x94\x89d\xdf\x0ba\t\x10\x1c\xcd\x19\xd8\xb4\xd0d\x12\x91\xc0\xb2\xc6\xedu4,\x01\xea\\g#\x13\xfa\xf6WE\xf3\xca\xe6\xa8\x80s%)\xbf\xd6\xda\xf3\'\xe1z*P=\xd5u\xa8\xebl\\\xbf\x81\x92\xe2\\\x02N\x1a\x06\xff\xed\xe1\x13)B\x04\x17u\xa2\x9a\x0e\xc0\x10(\xc9\xc0\xa9\xe2\xcd_\x9f\'\x80\xfd&gt;~\xff\xd1o\xbd\x1c\x12\x93\x9ez&gt;:\x88\xf95\xfd\xdch\xd6\xd9\xa3\xb9\x81\xa7\xc7;\xfe\xf4\xf7\xdd\xc7\xbe\xf5\xf6*\xdb\xba\xe4*X\xfd\x05\xd5V\x19\x94&lt;\n\xd4\xe6\xb7\xfa?i\xb1\xady\xa3\xe2\x1e\xd9?n4*\xfc\xceq\x9a\xa4\x97\x97Y\xec\xf2[\x8fjzx\xdd\xbb\\\xfb\x8b\x91\xb1\x00\xba\n\xaf\xbb\x85\xb5\xcb\x96z\xce)\xb5:\xc1&gt;}E\xfc\x0e\x05\x00Z\xdd&lt;\xb1\xc0\xdd\xcd\x11K\x80\xbag\x9b\x9b\xbeDv"\x86\x85a\xe5yF\xb8\x88\x919\xad\\\xbfr\xf37;\x7f\x84t\x07\xd0\xb8O;\xfe\xea/\xcb\xeaqm&lt;#\x9e\x80\xe1,M\x7fz\x86EEt\xb9\xdcRjs\x82\xc3\xa6%S\xaf\xcf\xfdh\x00\xa0\xd4q\x06\x80]\x8c|1\x03\x00\x0c\x87*\xb2\x8e\xd0hw\xfd\xde\xae{\xf1\x0b\xf7\x7f]u\x0f\x98\x04\x00\xd0\xb0\xe3\xd2\x06\x16;\xf8\xfa\xb0v\x00\x00T@E\xd9\x04k&lt;\x9f\x01X\xbex\xdc\xef\xffp`T\xc1\x02\xe5\xc4D\x84\nm \xaf\xe7\xa2\x18\xef\x8f$"\xcc\x00\x00\x83hn\xd0\xb7\xed\r\x16\x92\x10c\x8c\xf9}!_\x94\xddZ\x7f\xb1v\xdd\xea\x1f=b\xabP\xbeg\x88\xe6\xb0\xddx\x05\xba\xcd\xc0\xc3\xdf\xa6\xc5\xaf\xbcL\xe9\xb4DZ{\x1d\x80\xc3\x8d\r\x80\x0bK\xb3\xafM\xff\x8a\xeb\x07\xb7\x83a\xb2\xdd\x13\xc8\x18k\xeco\x9d&gt;\x91\xa3\x06eKl\x17\x9aW)\xa8\r\xd8\xbdW\x8c\xb6\x19x\xe8\xd4q=\xb6\xbe\xb4\xf6\x96\x00Y;og\x07\xc0\xdd?\x16\xf9\xe8\xb6\xee\x92\x8d6H\x12[v\x01\xb2\xe6\xb9\x95c\xad\xbd\xbeu\xf9l\'\x14\x81%.W\x88\x94&lt;D\xa4\xad\x9a\r\t\xac*\x99\xc4\xb5Z\xfe\xd6\xff\x94c\x03\xb3l\xc2\xb5O\xed\xcd\x00L\x1d\xfeR\xe7\xea\xb6\x17\x88\xe1|\x0c\xad\xb2\xb6\x89\xdb\x9d\xc9\xce\x1b\xffZ\xbb\xbdI\xfc\xdb\xc6\xfc\x89\xf93yB\x98I?s\x0b\x94\xc0 \xeb\xf7\x8b\xbdr\xc2\xfayvY\xff\x0f\x06\x94\xb8X\xe5\x9e\xa6\x9b\xb3jH\x8e\x8d\xaf\x067\xaf\xb8\x8e&lt;V\xc7x\xc4\x04\x1d\x89\x1ar@:\xb1\x15x\\"\xe6}-`\xa6\xedewQF6\x1e\xd9:3\x90\x13\xd0\xa2\xe09\xd2\x845a\xab\xcf\x00\x94\xf2\xaf\xd5\x0e\x00\xb4kjHR\xef\xca\xe3\xd2*\x8f%G\xa5Bl"f\xbe\xeeL#gd]\x9cj\xa1\x06\xfe\x89-\x04R\x87a"*\xa0B\xf3\x9d\x02\xbd\xff\xf0{\xa4\xc67\x1c\xe3\xa8\xb2\x92\x95i\x87f\xcce\x88\xc4jK\xf5"\x16\xd0 \x98_\xe9%n5\xf6\xc5\xc7\x0e\'.\x12\t\x8ea~:\xca\xc5\xb8/\xcf\x1bDjy@=M\xd6JAOH\x1a\xb3.\xbf\x94\xe5k\'7\x8d)\xae\xae"\xed\xfe6\xb7\x1c\x8e\x19\x80K\x15\xb3"c\x06\r\xa0\xaa*\xae\x9f\xb5\xe0\x81\x1c\xb3\xdc\xc5\xc7\x8ag\xd8\x84iu5\xb5@\x8ba`\x9b~\xe08\xd5BG\xd5\xe0\xf4n\xf2e\xdd\xa0\xe1\xa9\xcbS7I}U\x01:N\xc6\xd2\x01\xc8\'\xa0\x88\x92\xfb[\xa2yG\xbf.\xc5Gv\xb3w\xcd\xf8l\xb6\xbf\xf4\x02Yw\x19\xa3Ju\xbcD\xc7\xc1\x89.\xaa\xb2Z\xa5\xbb\\\xd4\xadKS\xb3\xb5\xd9\x15K\x19\xbfg\xbf\xe1\xfcC\\i\x9d7\x8a\xb0t\x00nD=`\x11\xf4\xa07\xb9\xbfI"b\xfe\\gu\xb1N.;a\xde~\xff\xb5c\xf8p\x05\xadVS!m\x1f`\xb8d\xcboJ\xa0\xd6\x0b\xc4\xd4\x9aY6\xcc\x85F\'\xb3\x16\x96A4?\x7f\xe6\xbd\\*I\xa5\xda\xde{\x00Z\xe3\x97\xb9\xa7m\xbc)\x11m\xa1\n+&amp;AT\xd7N\xac\xdb\xad\xfa/D\xeds.\xc7FQ\xc9\x1c\x9b\xf2\\\xd3[`\x90NO\xa3\xc8s\xc9\x92\x1e\xfa4\x17\x96\x12\xd0\xd6M\xa7\xa7l\xa6O\xf8#(\xcc\x00d\xb1\xcc\xb0\x84}\xd779)]@C\xbc+\x86\x88{\xbd\x1c\xda\xff\xbbz\xa9\xad\xf5\xc4:\xdb=\xabe\xd9\x7fd\xfd\xdbz!r\xf2\x9e\xa7\xeek\xec\xbc\xf6\x95d-PM\x8e\x9a7\x17`\xb5\xce"2&lt;n\xe9\x00\xf4\x80\xd2\x85|\xberS\r\xc4Fx\x16\xd9\xa07\xc6\xe4\t\n\xee}\xf3\xf7\x8fE"v\xfd\x92\xac\xb8\xe3\xc4\x1f\xa3!b\xcc\xe7e;x{\r\xf4\x02\\c\xe4S\xbdn7\x8a\xeeM\xee!\xf1\r\xf3\xbcNo\x8a\xc2\xd7\xcfI\xf2\x18\xd9\x14\xbdz\xed\xd2Y9\x14m\xaa\xb5W\xe6P;\xc1y\xdd\x06\xe6\x9d@]\x8fm\xce\x9atv\xf5\xff\xc0\xe1\xbdB\xa6\xf5\xbc\xe1\xb8\xabi\xa67\xd6U\xd1[\x9d)"\xce\xe9Rf\x13[\xc7\xbb\xa1{B\x88\xd4_\xa56\x85\x96\x19\x00\xf4i\xfb\xb6x4C\xcf\x88Nn^w,\xdfE\x1a\xe7\xb1\xe8\xbf\xbc\x10h\xc8\xbaH\xed\xd6\xb6\x9d/u\xeb\xa2\xb69\xad3[\xadH\x95uf2Dc\xfd\xf5v\xd3E\x89\x08\x1d\x00\xf4\xa9\xc5\x85\x92z\xe4\x89\xbd\xe7J\xcf\xda\x1e\xc6\xe4\xdcy]\xab\xc8\xd5z\x8f\x8f]&gt;b\xccW7\x9d\xb4j\x90\xdd\xa1\xacuP\xf4\xae.a7\xd7a\x97\x9f\xf2\x06\xa7\x08\xfb7\x8f\xbfk\xb8\n\xf0~B\xeagf\xbck\xb8?\xcf\xe9\x1c\x86\xa8\xb0&gt;vH\x84\xb1O\x00z\xe8~sM\xfd}\xb5\xc5\x931\x9f\x11\xf0\xfd*\x97\xb6\xa3\'$X\xacsH{\xa9s\xc8Q\x97\x19&gt;\xd1\xc3\x12H\xe4\x0f\x9cg\xb6\xf0*\xa2\xa1\xc4\xcd\x18T\x97:v\x90z\xb8\xff+D\xbcA\nC\x15:\x9b\xa1k"\xbb\x0e@\x95\x10\xba5\xe17\xd1(\xbe_&lt;\x9e\xaf\xd6u\x96?/n\xa8-\x9b\xc1^\x97\xd3\xd1\x15\xddh6\xed\xce\x83\xfdY\xa1\x97S=\x12\x1aJ\x88%\xa8=\xcc\x7f]\x91J\x0f2\xa2-\xe4\x93|\x96\xb8]jF\xf5\xf1\x1c\xbe\xa7r\xb8\xff\xb9\xc8\xef\xcfx\xf8c\x9cW\xcd\xf35b\x18\xd7\xda)\x9b&gt;\xfe\xaa\x98\x7f\xce\x8c\x90\xd3\xb8\x7f)AB(\xd2\xdf\xa8\x06b\x90\x19\xe0\xa4\xde\xd0\xf8\xb4D!-fAOQ\x15lp\xafl\xc3y\x1a\x91vk\x9f\xdfBT\x90^ymo\x81-\x91a&amp;.\x8b\xa314\xf8\xe5\xbb\xaa\\i\xfc\x88\x04\xed\xfe?O\x1d\x02Or\xfb\x0c@sw\xd2\xfe\xaa\xbb\x16\xdb35\xe4\xda\x8c\xff\xee@\xaeI\x13|\xc6V\x1b\xb4u4\xdd\x01h.\xcc\xd0\x8f|\xd5\x94U\xf5%\xf2\xe3\x1cZ\xfc\xeb\xaf\xf5\xd7\xf4A\t\xab\t\xa8\xb3?\x92\xa9j\xa3\x0e\xaf\xed\xb4t\x14jj\xe6\xa9\xdb\xbb]\xae\xb4N\x0fVeap\xc2\xf2D\x00O\xa8(\xe4\xfc%M\xbcVrtK\x93r]:\xb4\xb53e\xfb2\xb2\xc7\xe2\xdc\xed{\x00\xb6WL\xbf\x19C\x8b\xd8\xd7\x9f\xb2\x03\xe0\xd9n2\xaan`\xbc\xad\xc6q\xcf\x82\xce\x1b\xf4Fwz\x03\xd5\xd0\xe8\xdfY\x15\xbd\xe72\xd8m\x07\xc0l\xbaA\x15\xc3\x014M]\x05\x07\x04k\xb8\x85ZD\xfc\x1b\x00\x1b\x9dC 7\x0c%\xac\xf8_\x95\x0em\xef\xaft_\x94\xd4o\x07\xa0\xc1:\x08h\x0b\xad(\xb4\xc5\xdao:\xffprwp\xcf\xcf\xa3\xe5|\x87\xebm;B\xd6\xf9\x81\x96C\xf7R%\xf1k\xcaHe\xdew\x7f\x871\x00x\xe3\x91S\xb4ky\xccz\xfd\x9b\x8b\xfc\xbc\xff\xe5\xd7\xd5y\xcf\xaf\xef\xb5\x95P\x9b\x1d$\xb6\xe0\xcb\xa9\xfd\xb8\xbdy\x02\xb8\xcd\x0c\x0f\x00\xc0\xcat?\xfb\xe2\xdeoi.w\xee\xab\xbfj\xbf\xe5\xff\xaf\xab\x85m\x15\xab\x8a\xe3\x07H\x81\xd6?\xe0\x87\xd2\x02h6\xc8]\xed\xbe\x9d\xfa|\xf9\xbd\xc7O\x18\x87\x0e\x80\xf6\xbe\x81\x88|:\x89\x8b\x8d\xcb\xcc&lt;BU\t\x00\x99\x94\xab=\xa9\xa9]pKC\xac\xbb\xfc\xc3J\x1b\x94\xf3\x91\xb8\xcc\xe6\xb0\xc8G\xd6+\xdf\xda\xaa9y&gt;\x00@M\xbb\xad\x8b\xb3\x9e\xc8\xf0\x84\x1f\x1a#\xdc\xa6\xd1\x8d\xa5}\xdcJ=\xbck\xd0_\x05{\xfd\xb1V.\xcd\xf4\xbd\x0b\x10\x00\xfdJ\xd6\x96i7\x7fH\xfbI\x00\xe8\xdbT\x037\xd4D\x9e&lt;n\xa6\xc3~;\x1dim\x1e\x07\xc0\xa3\x02\x85\xfa8\x05\xdc\xdc\xa40\x92+\x9c\x01D\xc4|%\xb2\x1cP\xc1\x80\xb5}\x87\x17&lt;`*\x02\x88\xb7k\xf1\xd3\x01@\xf1&lt;\xd0j~c\xef \xe0\xd1ie\xb2\xfd%\x85\x08@Szi(\xd3\x01\x00\x00\xd4AG\xba4b\x1c\x18\x83S1_\x1a\xfd\xd4\x0cP\xa8\xc5\x1dK\x00\xb8X\x17\xed\xfbb\xfea\xa9 \x01@\x07\x9c\x9e\xf4Z\x1e\x08\xe3\xc90\x94\xf5\xbe\xdd\xbb\xe5=v\x19*\x87\x8d\xc8P\x86c\x16c\x17 \x00\x00Ts\x19\xad_\x06\xfb,\xadL}\x98oAA\xcb\x08\x94\xc3\x87\x00\x00\x80\x06a\xdb\xa5\xbb\x0f07\xb7\x1d{\x19"2mS\x99\xe9\xe0\xcb\xcfD\xfb\xb0\x8a\xbd\xf7\xc6\x053\x00\x80Z\x8c\x18e\xf4Z\x1c\xc9\xb0\x1c\xf4\tk"Xk\x7f\xbc\xf3\'\xd9\xb9\xfcT\xbe\xfa\xa0\x9b\xb8f*#\x12\x8f\xdf\x00h]\xeaZ\xacx\x9dHE\x8c\xce\xd0\xa7\x8d\x91\xbbBp?&gt;US\xafb\x9e\xbf\xe7=3\x00\x94H\\\xf5T\xaa\xc8\xa8=\x01(\xf3\x15h\xd8\xa9\x90\'\x15\xcau\x00\xc8E\xf9PD1\xb4\xa4\xf9\xbf\x93\xd2\xd4\xc7U\x94G\xbc\xf5MVj\x87\x05pR&amp;\xbb\xc6\xcc\x0b=}\xf1\xe1\xc8l\x03\x8a\x01\xb1\xf3]\x1aI\xd7\x10kY\x90\x1c\xb9U\x9f\x96\xcbh\r\xf16\x8e\xb9\x88\x99\xb2\xf5\xf0\xa6-d\xadmdSN\x11\xd1\x1f\xc8\x9e\x89\x885N;k\x06&lt;[\x9f\xb9\x83a\xef\xa7\xb8\xc9U\x00\xb0""\r4\x0b\x80\x96\xdc4t\n\xf4\x04n\xcfNI\xc7\x1d\xf7}{\x8al\xae\xf5\x1e\xbet\xd9W\xea&gt;\xf0d}\x00\x80\x07U;\xd9\xf5\xaa\xb3H&gt;6\xc1\xad}?\xae\x9c{&lt;\x9e\x0e\x00j\xc9\x94\xb1\x93t6\xd8\x06\x14\x00\xe0B\x96wM\xb1\x92\xbb\x88\x0e#y\xd9~\xf4&lt;\x07\xe5\xc9W\xecy\xda\x93\xb6*\x9fL\x19/\xc9N\xbet\x00\xa0\xd4O`?;@\x17\xeb\xfa\x8ayD\xb3\xd6v?E\xbf\xceM\xaf\xd6L\xce\x0cF\x1f\x00U,\x19O[\xd7\x85\xf2\x00\xa5\x1ayB\x0b\xfd\xc8\xf3\xaaN\x9e8G\x88\xce\x96\x00\x195W\xb4k\x84i\x08\x92\x025\x1f5.\xb2t\x1e\'\xd8\x05\x08\xca\xd1~\xaai\xd8nX\xaa\xc6\x8a\x08\x83\xe6\x08\xd1_\xa1SrE\xbe;\xb4(\tv\xafh\xfdW\xc4\x12 \xa8\xa6l\xc6l4\xaf\xd8\xd76q\x99\x89\xb6;\xd0 \xd1\xfe\x88x@\x05c\xe5\xba\xca\xcfHh\xab{;\xb6~\x99\x00\x1d\x80\xaets\xa7\xec\xe6B\xda6^",\xf7\xa1T7$nlI\xb4_!\xb4\x1e\xfe\xe1\x90`\xe8\x1e\x1d\x80\xfe|\xdf\xda\x01H`i5\x15o&gt;Q\xed\xaf\x0c\xd9x\xad\xb2a\xc8i\x03w\xc4\xd8\xef\x16\x89\xf9\xd6\xd0\xfb\x80\xf3T\x05\xcd\\~1DH1\xeb\x1b\x1c\xb5R_z[q\\\xf4\x01\x00\x16#\xc2]\xccC\x02\xc7\x9c\xa6\xe4\xf9H\x9dX\x8a\xdd\x93w\xe67\x83\x0e1p\xa3\xd9i\xa1\x80\xf7\xf9&gt;ff\x00\xfa\xd2[\x06\xadp9\xf7Q("\xe6_b\xacbt\x7f#n\xbc\xea8\xc5\xd0\xdf\xad%!6q\xef\xd2\xaf\xa9\x1d\x80Z\xac\xb5\xf6s(\xf2o\xd6\x0e\x1d\x1b\rM\x88\x01C\xab]V\xa9)\xb4\xa8\x98\x10\xe4\x014m\xaeE\xbfe\xed\x80\x00\xeer\xd5\xba\xc7FE\xb1f\xc6\xb8\xbd.\xa09U\xa6JE\xc4ZS\xb7\xaeha\x8e\xb8\x98\xd7\xad\xe1\x18\x1by\xdec\x90\x0b\xab\x9e\x00\xe0\xa8\xd8\xfd\x8e\xf7\x00\x00\xb8S\xbf\x95\xf6\x07\x19\xf0~\xebf\xf4\xbfv\xae\x1a\x02\xbd,\xa09\xf5\xcbl\xed\xa5\x0eP\x8d\xbcQ\xc7`\xa5RD\x8c\x91\xb96Rt\xe1.\x81\xc9\x14f\x91\xcb\xd8\xb8\xf9\x13\xc6Df\x00p\xe5\xea!\xe0Vk\r\xea\xbb+i[\x06\xd5;\xa8\x83j\xe4i\xc8\x9f\x1d\xdd\x12]}\xdd\x1e\x06\x8b\xeb\x97\xf1\xfbT\x98\xfb-\xa5\x03`gYO\x8dfp7\x04\x10\xa0\xd1\x91\xa4\x16\xc3\\\xc6+A\x89\x1f\xe4\xb7\x1a\x8a\x0e\xcco\xf7\xe3\xdc\x1a\xfa\x00\x8f\xbc\xaaP*.\xa4\xd7\xe6M\x1c@u\x7f\xb5\xcd\xba\xa3\xc50\x17\xd2h\xa7\x0e\xcd\xca\x92\xd9Z\xe9\x00xi\xa8l\xb6\x12N\x00\xd0@\xd5\xe2L%\xc1@i\xaf,\xf8_\x93\xfc\x80.\xf7\xcb\xfa\xcb\x87\x07Hj\xd4&lt;\xec]xG\x8d\xa8\xae\xc9\xca\xfd_\x0bW\xf8\xac\x16M@\x1a\xd9\xa3p\x0e\xa7!\xdd\x01\xbdD\xa4\x85\xfa\xc4\xb0\xc9\x8c\x9bVn\x10\x99p\xdfA7Bk&lt;1\xdb\xce\xe0\xfa\x1d\xf0\xc7O\xbb\x9f\xe29&lt;"7\x8fl~p\x15\x02\xf8\xab\x10\x8d^\xcb!\xe6\x07\x04\xa9\x85+cXW\x13u\t\xa1.@\xd7\x86m\xd4:\xa2\x98/\xbeC71Qc\xa4\xb6\x7f\x9d\xc7\xa7={\xff\xfb\xd9\xe7\x92\xef\xe2p{4\xbbD\xba\xc2\xaa\xbc\xe2\xf0\x92w\xb4\xdcv\xb3\xf2\x19|lI\x07\xb9z1\xd3\xf9\xe7f\xa4Z\x19\x9a\xab\xb8S\x14\xea\xce\x0c\x9f\xa0"\xb2\xbf|Q\xf0z\xc10\x83W\xe3\x19Zeb\xe45\xea\xd1wd\xaes\xce\xe9\x0c@\xf9\x12\xd1\xf0\x8b\xc0\xca\xd4\xaa\xae\xd9\xbd\xeb\x8c{o\xf8\xdb\x9b\xa3\xbe\x867*\xf5xG\x10^\x94V7\x13\xca\xa3\x1e\xc3\xa7\xc5I\x04(\x88\x93\xfd\x88\xb3W\x90\x14\x84\xbf\x8a\x1c/6y\xfd\xd0}\x84\xda\xb3\xe8\xb3\xd6\xae\x07\xa9\n\x07Iu\x07`\xd42\x86\xf68\xe4\xd5\xd3\xe2\x8f\xec2\xc5\xfb\xab\xdfk4u\xfe\xad\xb5\x87\xc5\xa6\x00N\xec[\xff\xae\xdf\x1b\xbbY\x92\xfe\xea\x1b\x9d\x08\nq\x19y\xd5\xf2\x945\x8c\xe0\x9eY-\x1b0\xeas\xa7T\x0f!\xcf\x02z\xa1\xc4\xb5\xeet2\xb7\'\x94h\xa4\xa5p%^\xf7\xa5\x18\x1d[\xb5"\xc2[\x80\xeb7\x01\x17\x1d5R\xfe\xc0\x87m\xe9\x91\xd9\xfa!\xa4\xf6\xf4\xc2\xebZK\xca\xf1\xde\x80\x11\x92Oy\x15\x8dfi\xc9W\xf6\xf3k\x87\x00\x08\xb5\xba\x05\xc5\xdd\x8c\xaa\xec?\xaa\xf9\xee\xf2\x8a\n\xc5!\x84\x1ad\x12\xd5\xd8\xaf#L\x17\x91\xa6:\xfc\xedGo\x001F\xdb\x8d\xf5W\xe7\x18 \xc0Q\x17U\x8a.\xf1\xf19w\x1d\xe6#\x15\x1b\xd9\xd2\xbc\t\x80\xc2\xc9Jh5\xca\x0e\x06m\xd9N\x8f\x9a*\xf5L\xd3\xabhzX\xa5\xa6\xfb9u\x11\xd1\xf5\x00\xc9\xa86\x0f`\xc6-\xa8\xc0\r\x9aU\x19\xc4\xe6\xd5y\t\x90\xb5\xe5\x97%\xa8\xed\r\x92?\xe1\xcc\xaer\xb1\xd6\x0c=\xb4:\xab\xf8\xe6\xbb\x1dY\xa2\x1e\xea\xf1\x01\x88\x881\x7f*\xee\xeb\xf3\xcf56\xa3\x1fg\\\xdcZ\xfb{{i\xfd\xd7\x9dX^\x9d:62\x1b\xd9e\xbf8^^8\x00\x99\x87\x08\xa3\x92\x98\'\xc9\xb0\xd3A\x96\xe8a\x06\x00x\xb2+\xaa\xa5\xb3\xbd\xe7\xca\x0b\xcd\xeb&amp;\xda\x150\x17\xb7k\xc1\x16\x9e\xec\xbdj?\x07\xe4^\xd5\xdb\x80Vd\xad5\xdfh\x88~\xf9\xb0\xa6B\x14\xb9L`\x90\xc1\x9b\x08\xcc\xa77\x89\xa6?F\xb0\xcb\xe7\xa5\xb3\xbd\xb5\xbe\x0b!t\xafk\xdbka\x1cAL\xdc]j\xba\xc6\x92}\x80\x9b\x13\xf9\x06\x81\x19\x00\x8c+\xbe\xd0\x0e\xfeVH\\x\xe7\x8b\x84Y\xa2\xe9\x87\n\xc6D\x92ad-t\x00\xcc\xf4 _\xd8\x0c\xc0\x9a\xfa\xcb&lt;\xf1\xc1\xf3G\x00O\xad\x8c\x8b\xa7-\xb1\xed\x95\xfe\xc2\x1a\xc9\x15)\xe4\xcb\x0b\xe3\xc4!\x80\xb6U\xd9\xf0\xda\x7fu\xbe\x9d\x1f\xfev\xfe\xc2\xe1\xa1\xd9\x06\x1b\xff\xf5\xb07_\xcfH\\\x9cc\xbb=\x8cED\x8c\xf9\xe2\xda\xa1@\x17\xb8\xb1\xba\t\x88\xa5a#\xb6\xce3\x00\xd3\xca\xb7\x16gL\xf0H[1\xe2\xc1)5H\x02\x8c\x85{\x1cR\xf9]\xb5\x03\xd0"\x975x\r5\xfd\x8f\x97\xb3\xfc\x86\xd5\x86\xa8o\xf5N9-\x85\xea)0Z\xc2\x89\x02\xf4d\xcb\xdc\xc6\xb9R`\x18\x14\xea\xf4\xee[\x08\xadT\xa4\xaa\x1a]N\xda\x0b1\x9e\xc8V\xed\xe0\x9cP\x1b0\x14\xd0G\xea\xf7q\x15h\x9e\x881\x1f_;\x10\xa3\xa0\xc8g3\xee\xda\xd4j\x0f\x01/\xb9\x99l\x8d\xc2TN\x94\x89\x88\x8c\xf4\x98,b-\xdb\xcf\x19\xf3\xd7\r\x15)\x8a\x13cD\xfe^\xedP\x0cb\xde\xb5\x1a\xe9\xd5yY\xa4\x06\x95\xb7\x01}\x05Be\x8b\x0ca\x1az\x0b\x92\xa2M\xca&lt;\xdf\x08\x83\xc2T\xad\xb0\\m\xa3\xfcj\x12L\xef0\xd2\x13\xc2\xc2F\xbe\xf6\x02n\xeaI\x9e\xb0*F\xd1\xdd\nH\x84\x1em\x87VK\x80T\xcf\xf3\xb0\x94\x02mYF\xfd\x97\xac\xbb.e=\xf1,\x98r\xf13\xd2`~\xb2:\xeeVH\xae\xfa{\x00\xe8\xcevh\x19\xa4X\xd7W\xffP_\xe5Ue\x97b \xcc\xe9\xed\xdf\xda\x0e\xe7\xafE\xe4\xb3\xfd\xbe\xf1\x8e\x01\x11\xa5\xc3\rM\xb3\xd6\xea\\:\xd9\x9f\xab\xdcK\xf4\x03y\xf5:\x9cV\xden\x12\x80\xd1\x0b \xda\xebA\x11\xcd\x0f\xd9\'\xf2\xfd\xfc\xbf2W\xdd-\xc4\x8c\xfe\x10\xa2\x92\x06roE\xbd\xd7{\xa5\xd1\xa9\\\x93eAm\xed\x90\xe0e\xb5\xdc\x99D\x811c/;\xe6\xe9\xa9.p\xa3\x01B\xd0\x1eH\xab\xfa\x12 U\xe6,\xf5\x13\xe9b\xea0rig\x9c\xe3\x9a\xbc\x87z\xc7\x8a\xa5i\xcd\xda\xf2\xdf\xda\xc1A\x98%\xe1\xc6\xca\xbd@$\xaa&lt;\xe4\xf5\x9b\x07kR@\xa1^\xd6x\x881\xbf8\xd9\xb1V\x1b\x07\xaf\x9f\x85Mu|\xa0$r/\x00/\x15*\r\x1e\xff\x07\n[-\xf3\x0e*z\xbfMI\x81M\xf9D\xcd;*\xe8\x00\xb0\x88\x1c\x00\x06sl\x15D\xde\x08\x9egT\xd8}\x16e\x90\xd3\xd6X\xec\xf8h\xc0\x0c\xc33\x00\x1a\x08\xaf\x1dHOD\xcc\xb0\xcf\xf6\x00U\xf0\x0c\xc08\xb4\x0f\x19\x0e\xb2\'\xa7\xe3\xb8\xf5\xb4\xed\xde\x101\x02gc\x14\x11&lt;\xebm\xfa\x8b\x17\xdd\xfa\xe8-\xf53\xf2\x88\xa5\xf5\xe2\xd2l\xe1\xd1\x85\x0e\x00T\xa1y\xb3\xc8\xbb\xbf{\x92[H\xdd\x8ar\xd0\xc6\xb0\xb5\xd6\xda\xff\x1bEE\xb1\x02\xe5\xa2\xb7w\x98\xf0\\\xbbk\xb6\xf9\xa5\xeb\xa7\xa1\xb2\x86\xa7\x0b\xde9\x8aX}\xeb\xe5aD\xa0\x80\xff\xa2v\x00\x9a0DeB\x9d\t\xc0\x8bc\xa5\x11\xfb\x84\x18.t\x19\xb1Q\xd7\xf2\x8e\x8e\x8eb\x04\xc8a\xae8()\xb9h\xaf\x88V\x19\xa0\xa7[Hr\x05n\xb1\xca\xee\xe5\x1a\xc2\x80N,\x19\xfb\x0bU\xe4m]b\xca{\xb1z)\xeb)\x8eg\xbc\xf9\xab\xeb\x12 2\x1apo\x9e\xbf\x1ey\x16;_=1\xaf\xce\xccv\x82x\x9fb\x8cy\xadc\xe6!Q\xbc\xd1NCBK\xdd\xf2\x89T2[\xb1[\xe2\xa4\xa8\xb5\xef\x07\x01\xcb/\xdc\x8b:\x9f\xa6A\x14\x00\x83\xda\x0e\xe8*\xaf\x8e\xc4(\xa83\xab\x07\xe0V\x81\xb0)\x9a\x01\x10\x11c~{\xedP\xa0\x1f\xbe\x19[C)(@Gy\xaf\x1e\x00\x00\xf0\xa6w\x81\x8dl\xdd|\xacd\xa8n\xe9\t\t\xaa\xd3\xd0.AO&lt;r\x94\x8ef14b\x17 \x00\xc6\x18#\xd2L\xa3\xf5\xea~\xa6i\xe1M\xbe\x90\xa8H%\x9a\x14&gt;\x14\xe5\xcb\xe1\xfc\x0e\xfds\x86\x01\xfa\xda\x03\n\x80\x17\xba\xf5n\xfeN\xed\x00\x94W5c\xe49\xf5a\x06\xe0\xb7\xc6\x1fP\xc3B\x9dvQ\xff\x9cR\xf6\xf01@Q\xc5%:\x91M\x93\xfb\x14\x94\xe1\xdfX)\x83\xbd,\xb6\xd7\xeb\xdd\xdd\xc0\xe2/p9`\x7fqUF\xaf9-\xd8\xb1\x8d\xd5\xf3{m\xe7\xd7\xf6\xa2"\xe7\xfb\xfbC;\x01\xc3b\tP\xd3\x9eK5]\xff\x91\x0c\x91\xd6I\x1a\x9d\xd3[\x87h\xbf\x16\x97r0R\xcf\xd0\xe6:\x18\xaf\xaceL\xcf\xad.\n\x8e\x0en\xf9\x9f\xc4\xc29:\x00\x1a\xe9\xb9\xb1\xb5n\xb0F^\xb7W\x9a\xe1\xc2\xba\x8d\xab2B\x0bVt\xb4\x1f*FUU\xe5{\xd4\x7f\xa0j\x07M\xa2\x99\x81,Z\xd8\xaaO\xb7W\xc9\xfc\xfd\xb5\xc3Q\x8f\x881?\xbev .Qo\x96\xf4\x8e\xed\x1f\xab\xf4\x8e\xa53T]Z\xb7Z\xf4\xad\xb6\xd7\x13\x12\x0cB\xf5{\xaf:@\x14\xf9#\xca\xa2\r\x9e\xed\xd4\xd7M\x15\xc2&amp;\xca\xdf\x83\x9b\x87\xfa\x9c0\xe8s\x9f\xb5.\xf6\x15\xcf?W\xc6\x8cv\x00\xd7\x92\xd5\x06\x87m\'\xfa\xc44%4z=bh\x98I\x7f\xd3\xf3\xd8e\xd9\x87\xcb\xb5?\xc1\xb6]\xff\xad:\xa8IUK\x97\xb3\xc7m\xc7\x89v\x00\x99\x1d\xaa\x18j\x18(\xd2q\x97t\xd6s\xb7;\x90\x8e\xa1\x88\xe3\x1a\x8c\xba\xe1\xa9\xae\x83Q\xa2\x1c\x81\xcf?a\xd5p\x84C1\xf2\xd5\xf0J\xdd\xe0\xaa\xdf5x\x08\xb8]}\xd7Sw\xcf\x18\xb6\xde\xde\n\xa4\xe9y\xe6O\x1d0\xfe/,\xa9\xd2t\xb6\xcc\xd2\x07H~\xc4\x8dr\x85aI\xd9v\xd3\x17\xce\xd4T\xb2e\xad\x87u\xea\x86$R|\xf8#\xbf\xefx#\xd0P\xa5\x84t\x00\x9a\xbe\xcf\xa9\xe5\x15\xab\xf6\xb7\x98a\xeb\xa9\xb1\xd5O\xf4O0\xc6\x18\xf3\xc7\xf5\xf4E\x80\xcc\x96\xccN\xaeG\x9f\xfe\xe0\xab1\xaa\xa1U\x1a\xe9w\xc6}\xbd\xe9k\xcf\xaf\xfd\xf9n\x9d\x88UG\x89W\\\xbc\x0eE\xcc\xbb[\xc5?\x99\xd6\x183\xeas\xc0\xf7\xde\x11\xf2\xf74\xc7\x89{\xd86-$ X@\x16\xfa\x8a\xd92\xdet\xfb;\xcaq\xae&amp;l\xd7.\x9e\xacc|\x8c\x1c\x97\x98T\x12\xcf\xfe3\x00=\xbf\xde\xb0\xa6yl\xe9;\xd4\rFu\xafRQ\xaa`\xc8\xeb\xa4e\xce\xd6\x9d\xb1^\xb3\xe0\xaaz\xb5\xae\x81]v\xc3\xff\x04\xcd9\xc4=l\x9a\xaf\x02\xed\x08\xaa\x1c\xbe\xf8\xf5\xd5\xf4\x15\x8b\xb5\xf6\xb8\xba\xb4\x83Z};\x9b\xe1\x11o\xd6\xda\xd5L\xdf\xfag\xd7\xfe\xff\xee\xedC7_\xa9\x1e\xcb\xd5\x03\x805\x11\xe9\xa1\xec\xc5X\x97\x96cT\xdc\xff5\xe6t\x83G\xbb\x17Q\xb3\x1f\x91\x1e\xeb\x8c$"\x8c\x93$\'Q{O%\xdc\xb3H\xfb\xb6T\x83\x99\xca]\xc2\x14\xc9{\x17\x9e+O\xe3\x1b\xe6\x02\xb5n\\\x11SdW\x1b\x9b\xd4\xad\x05\x97\x03\xde|\xf8\x15\xcf"\xd5\xd7\x14\xf2\x10\xb0*\x8c\xa7n0\x92\xaa\x96\x92l\xfa=\x14\xcc\xa2Nv\x05WG\xa0z\x13\x91\xd6\xe7\x196h\x16^I\xde\x871\xc6\xcc\xb3\xc5\t\xcb[\xde\xbb\xf0t\xec\x80\x8c\\\xe0\xad\xf6]6?\x12\xc6\x9b\xd7q\x9e?\xdbcl\x03\xb1n\xd6\xcfeX\xa4\xe8r4ZsJ\xa5]F\x99\xeaPJ\xd6w\xe2\x11\xc9\xd4\x01\x111\xe6+\xd6\x0e\x85\x0f\xb2\\f\xab\x1a\xb8fT\xdf4cv?\x04\x1c;"\\o\x1f&amp;9\n\x90\x90\xb5\xf6\xb1h\xa4\x1b\xabp9\x12=u\xa5\xac1\xa2o\xe6\xda\xe6\xbf\xedh\xbb\xe4F\x11\x87\x1dh/\x11\x9b\x0bpk\x96\x95?\x15W\xd9&lt;\xae.\x8e\x19zHu]t\x00\xa0\xd3]\xad\xde^\x8d\x8fL\xa6\x95\x94\xc9\x0e\x96(_e\xcf\xa0\xaf\x87\xdb(\x08\x00p\xa5z\x05yYE\x7fJ\xb2%\x0c\x83\x0cP2k\x06\xa0g\xeecB\xac]Y_\xfe\xe0Q\x01@\x9b\xdb*z\xbd\x969\xae\xee\xfaAN\xefm\xb8:\x17\x1bVT\xf4J\x0e\x86\xf1\xa0\x07;\xfc$\xe5W\xc6=\x06\xf5E\xc4g\x8f\x8b\xd3#7\x9d\xd6\xeb+J;\x19\xd2t\xb4\x14F\\a\xe1\xb5I\xce\xc86\x11e\x12\xccS&lt;V\x80\xbb\xa6\xffr\xd2\x0f\x0cO\xa4T2B\xb43N\xd9\xac\xe4\x0f[\x8f\xc9\xaff\xf7\xb8k\xee\xb7\xb6pI\xa6\xae\x92r}\xf9i\x1b\x1b\x05\xb6[\xe9EW9\n;\x9e\xf5\xff\xe6\x93\xdc8\x8e\xce\xe3\xa4HU\xb3\xdf\x87t\xfe\x81m@wJ\xbd\x7fj\x8c\xe21g\xbb\xce/\xb6\x9b\x86\xf2jw\x82\xba\x01\xe9G\xa9\xd6\xe4\xc3)\xa6\xd7\xfd&lt;\x1e\xa5\xd9lL{\xbd\x82V3\x0b|8\xd6\t\xebO\xd9\xe3\xaf\x90sV\xc4\xf1\xc8\xd3\x87\xbep\xf5\x1b\x1e\x02\xde\x98\x1e\x1c\xcf\xff\x08_\'\x05\xc3e\xfd\x18ci\rY\x1e\xa9]\xd6\x96\xa0cS*/\xd3\xc7sq\x06\x9c\xcc\xef\xbc\xfbd3e\x1e\xa3\xe0\xa1K\xbd\xa2\x1e\xd6\xd4\x1f\xbd\xeb\xed\x18d\xde\t\xcd\x0e\xf3\x88j\xa4\x02;:\xd8\xb3\xb6\x9a\xba\x19\x80\xba\xcd\x8e\xcf/s\x1a\xc5\xc5\xd8\x8b\xe3\xb0"\xdaa\x97\x11\xeb)\x93\xf6\x92U\xfb\x94b?\xe97\x1e\x06\x83/k\xad1\x7f\xe1\xf5\x03\x95\xc5\x85\xc8\x19b\x99_uV\xb8ut\x9f\x9e\x87\xc0\x9c.2!K\x9c\xd03*z\xf5\x0cY\xb5~\xdb8\x0f\x15=n\x13\x0b \x88\x88\x0cQ\xac\xe2\x9f\xba\x1b\xa7\xbe\x05j\x89,e\x15\x1f\xae\xbd\x0e\xf9\xbe\x8e=\xed\x9cP\xb1\\\xd97\xffj\xbc\xb0@D\xae\x96\x00UK\xb6qr\x8c\xb5\xb6\xdd%\xb7\xb8\xc6\xa4g5\x9b\xf2T\xf1\x1d0\x11\xc2\xe6\x82\x1b\xbc\xd0\x86\xf1\x06\x06x\x89\xcct9\x12\xa6\x00\x00 \x00IDAT-\xabG\xe9\n\xe7:Y\xfd\xb0;\xb5\xb5v\xddx\xf9\x8b\xc7/SF&lt;\xd4\x88+k\xcd\x07\x86t\xaa\x88\xed&amp;\x8a\xcb\xdf\xe7j A\xbbyj\xf9F\xa3\x97\xf7\x89\x81\xdf\x0b\xccu\x9dU?"R\xe0-\xcc\xab\xff\x8en\x84\x9aD\x8d\xa5\xac\x16\x8b\xf3\xfb\xa7y\xd7u\xc7\xd7\xc9\x1f\x98\xaeLM?k\x7fv\xd1\xb3\x1eVm\xf5U\xfd\x03OX\xf3`\xfa\x8d\x84\xfdn\xc7\xdd]\xe0N\xaf\xe9\x18\xacT\x840\xcb\xf72G\xb8!B\xca(\xbcr\xd8\xab@\xf1\x1e\x00\xe5\x8e\xa9\xf9A\x95\x1di\xea\x8c\x19\xb0\xaf9\x98t\xe9\xda\xf6\xf1\xe5\xfe\x93y^&gt;J\x9dVX\xffY\xcb\x13\x11R\xc2\xaa\xf5\xff\x9b\xca\x9c\x91wbt\x8f\x0e\x00\x80N\x88\x881\x7fv\x8cb.\xd4i\xd0e\xd8\xac\xf8~qb\xae\x18\x90\xfc\xa7\x88\xf4\xda\xadHk\xf0pT\xe1\xb9\xe3\x8a\x1d\xca\xd6f\xcce\xd9\x94\xbdvH\x80&amp;\xbc\xef&gt;\xdd\x97\x1a&amp;\xdc\x01\r\x8eM\xde\x1c\xe5\x91m\x03\x91\\\xe9\xf7\x00\xd4\xcd\xbb\xcd\xceg\xd1\xa5\xc6(\xe2\x06\x90\xec\xe6\x7f\x00\xa0#m6`\xc6U`&gt;$\xe6\x14\xea^\x04\x86\x15\x8a:\xc6\x12?\x89l\xe7\xed\x15\xd2\x05j\x11\x12\xaa|7\x80\xa5)@\x93@1\x19wU\x0c\x92jv\xf8r\\\xfa\xd7D\xd1\x01\xc8*6\xe1\xe72O\xb1\xc7\x10\xfev\xed\x00\x9c\x9akp\x8d\xc5pz\xecY\xf3=\xa6\x11Y"P\xe4\xf5\x02W\x12\x08\x18\x93\xe6^\x9b\xe2\xa0\xf5@D\xcc{_\x92\x86\xb1\xed]\xa7\xe6\x0cZ;\x1co\n\x1f\xd4\txri\xf9J\xd6\xa7\x9e6\x8f\x01\x98r\xf5\x0co\xc2r\xc4s\x1aCXF\x08Hb4\xe5\xeaM\xc0H\xc2N\xdb"\xb4_+\xb4\x7f\x058\xf5=k\x07\xe0@\xe1M4,H\xf9\x07}\xbfx\xf3\xaf\x82\xf1\xa6/\x894\x99\xb7n\xa8\x1d\x0e\x94b\xade\x8c\xac;\n\x87\xa2\x92;\xb96Fw\x12\x13\xd1\x7f3\xe0}.\x07"\x12V\xf8k.\x17!\x1d\x95(\xf7J2\x11!\xc5\x15\x13\x91.&amp;\x81\xb3\xd17\t\tg=w{F\xb8\x99\xf2\x0c@~T\xfd\r\x9a\xdao"b\xcc\xdf\xf2\xf9\x96H\xcd\xa7\xfeXg\xac\xc2q\xec?\xe3l\xc0\xedcB\xac&gt;\xaf.\xdb#\xe9\xbd\xa8\xfe\x90\x1b\x05$\xd0t\xb3\xeb9\xf6\xec\xf2\x9fN\x9dt\x00\xba\x1e\xfe\xff_\xf6\x9d_\x83\xcd\x89\xdeq\xd2\x07\x12\xf9\xaa\xce\x9f\\g\xad*\xd9\xccZ\xfb\x87xj\x1c\x13\xea:\xe0\xde\xd4?\x9e\xfeS;,\x8dYj\x97"\xf5L\x85\xd4\x19\xb6\xeb\xdemIP\xfe"=\xe8\xf1\xce*\x9f\xe3\x98[V\xafi$\x83\rNNT\x0cE\xf9S\x03\x8d\xd0\xfez]\xcd\x88\xb7\xd6\r\xd7\xbf\x19\xe1\xc1\x0e\xc4\x0bx\xed"oj\xc4\x8e\xc3&amp;0\x19\x17\xd1\x8e\xb0\x86\x15H!y1\xecyq\xbc\n-&lt;Z\xa9\xdfp\xcf\x00\xf06\x8d\x0ee\x9b\xc0\xf5\xca)K\xbebB\x19\x93\xc7\xaa&amp;\xeb\xf0Y\xad\xb7\x88\x14\x1e\x17\\\x8d\xe0\xc6\x9d\x97\xb1\xccq%/#}\xb71J\x15\xf0?\xb1y\x91\xd6R\xb10\xef\x90J\x7f\x1d\x80\x8fgZj\x10\xb2\xb9\xf3\x9b]\x9b\xdb\xbd\x15~\x9aa\x96\xb7\xacz\x05i\xd5\x07\xf0\xfa\x1e\x80\x04b\x06w\xc4\x94Y\xcd\xdc*"\x071y`}\xbbv\xfd\xca75\xe6u\x0f~\x7f\xe55\xb1\xe9yj\x9f\x8f\x0f\xa4\xb7~\xaa\xc3\x9c;zpZ\xa4\xd7)\xfe\xae&amp;\x9e\xb3A\xca\xe9Z\x16\x02aGDX\x87\x93U\xa2\x85\x9db\xc4s\xd6o$\x99W\xcfJ\xe8\xb6\xcb(fs\xd7\rx7\xe2\xfa\x9f\x9e{\xe3\xce\xf7h\x99v=\x0e|-#v\xfa\x9b\x01x\x1b\xad\xdb\xb7\x9e)\xab\x1b\x92\x02N\x8b\xf3zt\xe1\xf5\x1eV\xb7\x83%\x0b\x16\xad\xbcF\x94,#\xec\xcb\x94[\xa2\x85\x9d\x83n\xfaqc\xbd\xe8\xc2\xe4\x1d\xd4(\xf7\x12k\xdfqh\xec\xd8\x149\xc1+\xf6\xdf\xb55\x054\xa9\x9e;\x00MH\xb5\x05\xc1{m\xdc\xbc\x83}|\xd8t\xdb\xd7\x04\xc7\x15\xcfu\x9e\xf7X\xce\xf8\xdd\xbbO\x02\xa0\t\x94\xc4@s\xfdY"\x02\xa3\x96oy\xb6\xe9\x1b\x9b\x91{\xafv\x95\xe5\xdf\xce\x17\xbb[&lt;\x13\x93\x94s\x8c\x05\xa5T\xa2{q\xc8=\xbd\x9b\xe1\x7f\xd6\xb7\xbf]5\x9dS5\xa9\xcbH\xd8\x01\xd8I\x12&lt;\xd5D\xccg)\xbd\xcc!\xe2\x1f\xd0mW\x1f\xde\x96\xca\xd8j\xf3\xd0&gt;\xeb\x89\x88\xee\xdd\x8d\xfb\xbe\xeb\x1do\xee\xceW\xba\xfbd\xe5\xf8\x89k\x9f\xf4\x99\xb8^\xfa\xce\xe7~n\xe3\xa2\xa9\x08J\x93\x9c\x9b\xda\xe1\x8f\x0f\x91EF\xb8F\xc0\x11\xc5a\xcf\xa7\x03\x10;\xba\xb6&gt;K\x7fwh\xe5\x1d\x00\xd3F\xb4\xc7\x84\xf0\xb7O\x8f\xa9\xa7\x0cNqU\x06(\xd5\xe7\n\x0f\xaf\xa8;\xbb\xa2\xb0\xcbl|f\x84\xbd`W\x96\x1c\xe0\xf9x\xcd\xfe(\xcdF\xa9\x88\xc4]{b\xaf\x04\xe9f\xfe\xb1&lt;\xe1\xe1-W\xc23\x94\'\xe6:\xb1\xc0\x92\x0fY\xad\x92_\xff\xdc\x0b\xed\x1b\xdb\xeb\x8e\xf3\xa9g\xf8\xfa\x87\xd6@\xe6\xb6i\xa3\x16\x8c\x04\xedYw\xe7\xe9\xae\xf7\xaa\xd2&lt;\xbfu\xae\xf1g\x00\x06-HO\x86\x8c\x96\xd7\xb3\x0fjz\xfc:B\xd1\xb6Q\xef\x94\x01\x88\xa83\xd6\xd6z\x19Bw\x88\xc0P\xda\xd7O\x95\x12\x14\x03)\xee\xe6\xede\xdd\x80\xab^\xbf\x86\xc8\xfd\xeb\x8dw\x00&lt;)i\x1ajr\x98U\xd4\xd9\xe4z\xe5i\xe7\xfd\x83Ih\x0c\xe6\xbc\xb3DA(\xe2\xbc\xc2\xf9vD~9z_\xf1\xe9\x15\xac\n\x0b\x99"V\x16\xb9\x85\xf6\xb8\xe8\xe7&gt;Jz\xba}gX\xf2\xf40\x9ca\xed\x1fRY\x0cT\xe8\'c\x1d\xbd\xb3\xdao\xf2h(7Q\xd8\xdcJ\x91\x1c\x15\n\xdfm\x80\xea\x86A\xb5\xa7\xc8!\x02\xa3/\xff\xff\x9b&amp;\x1cx2\xe7UY\xfdk\xe8\xac\x9bJ\xee\xca\xbcXJ\xadOtu\xd2L\x81\xb9\x9b\x83\x08\x9d\x9epO\x97\xfdM\xd9\xa1\xda\x0f\x08\x8fFj\x9a"\xddZ\xc7\xec\xaa\xfe\x1dTPn\xd3\x1fc\xee\x17\xf5\xd8\x07\xd0\x7f\xb1\x1dU\x7fO\x1e\xaft\xf8\xaa\xf3\xfe\xf2\xbfS\xb9\x80\xc0\xc16\xb1F\xce\xb7\xe9u\xd0\x01x"\xeb\x1f\x92\x86\xea\xfe\x06\x1a\xd6j\xf2l\xda\xfa|XM\x8a8\xb9\x0fj\xf4\xb5\x88\xf9\x01\xcdDE\x152/\xfc\xa6\xb3eL\xa7\x1bE\xb9w\xedn:\x00\xf3?\x95\xc7L\x87\xc9\x87\x08\xe4\x04\xd4\xd7u\xa5\xa4\xff\xa6\x10\xe9\xfc\x9e\x12\xd7T\x08hn\xf5\xb60\xc1\x98\xaf\xfb\x18\xd4\xabX\xda\xfd\xa6\xd6%w\xf0\x0c\x805\xc6\xfe\x9a\x94Q\xd7D\xce\xbb\xb4Z]\xd7\xf6\x85\xac\xc5&lt;\xc6\xb7/W\xdac\xc5\x1ac\xec?\x9b\xf6\x98\xda\xaf\x19\xd7X\xcf\x89\xfa\xe6\\\xd8eM\xd2\xfd3\xe2\xd6\xda\xc3;\xddb\x9b\x9b\x011\xd6[$\x8b\xfc\xf9\xc7\xcf\xac\x9f\xcd=|\xbd\xcb\xd2TI\xaa\x19\x80\x16\x06\x89\x9fL\x910j\xf6\xba\x99\x04h0e\xbf \xbe\x9a\xa0\xa2A\xdb\xda\xcf\xc0_\xd6\xec%,\x13\xa7j\xc6e5\x84\xa1UK\n\xbeo\x8e\xd1\xef\xbeH\x9e+\xd4\xe44\x17b\xcc_}\xf8\xc4\xc5\xd2\x83\xb3\xe5\t\x194\x13\x93q~\xe0++gy\x80&amp;Q\xda\x94\xeaZ\xe4)\x96\r\xd9\xb6\xfe[\x8f\x87\xd6\xc3\x8f.yg\xcb\xc1k\xa4\xd6\n\xb2l\x1ea|\xa5]\xfdK\x18\xfc\xd6\x16g\xb9!\xca\xd3\xf3E&gt;G\xcc\xd0\x010\xe6[\xa7=f\x0b2\xe5j\nK\x9cL\xdd\xdc\xfc\x9a\x0bpJ\xf5S\xad\xbd\x0c\x03d4\xf2\xb4dsv\x93\xa8\x9f\xa6&amp;\xe1\xde\xb5\xba\x9a \xa5\x95\xef\xb65\xfch=\x10\xa2vS2T\x8baN\xa8\xe2\xa8[\xfd\xee\x07\xa0\x0c\xc5\xa1\x84D\xbd\xac]\x07@ak\xbb\xc1I\x15\x17\x9b\x1bG\xd2"\xf3\xe3\xf2\xdf\x92z\xbd\xe5ur]"b\xcc\xd7\xa8\x1d\n\x94\xa2\xb3\xe2\xae\xa6\xe0\x8a\xa0\xed\x1a$\xa54\x87\r\xe8O\x81\x12\x97\xb4\xce\x91i!P\x91\x9b\xc8\xe5)\xe4\xa2\xdeV^\xbb\x06\xdb^W\xd2\xedMr\xdf\xfe\xd4\xdf\xf2BurQ\xc7\xab\xe8`\x17\xa0n+\x82x\xf6s\xb4\xbe\xd9\xb7\x86\xd7"\xd6"9ey\xf6_\xe9\xcb)\xe7\xba\x80\x82\xd3!\xa74\xfd\xb6\xb9C\x81\x0b\xe9\xb7M\\K\xfaB\\k\x8c5\xd6\x16\xb8\x89\x88\xec\x06M\xde\xd7n\xe7\x0fl?_\xa8\xe2\xaa\xdd\xbax\xc7|\xfcp^\xccfz\x8e\'0\xfd\xed\xf5c\xccT\xaaj\x87!\x81&gt;\xaebO\xffP+\x14h`H\xbe\xa4\xc3\x1c\x05\xd1\xd2\t\x9d9\x9c\xa2g|\x86`\x07\x8c\xae\xdbY\xd3\x93\xa8\xe85\x8a\xae\xaek\xfe\xfd\x0f(\x1f$/Y\x13E\xd3M\\C\x18\xa0+O\xe0A\xc5\x94"\x9f\xac\xed\xc6\xdb\x88\x96\x8e\xc8\xf6\xbf\xf5\x13\x97\xa27\xf1\x88\x81\xc3@\xf8\xe3\x17\x82B\x04-^\x05\xe47_\x96\x94\xdb\x0e\x92&amp;\x19\x83\x97&gt;\x06\x82\x0f\xd5@B\x0c\xe3G\xbe\x12\x83\xf4hA\xfd\x0e\x00\xf9\xc4\x18C\x156\x8c\xea\xa9\xdcF\xc3\xa5\x04\x8f6=\xd1\xb5\xd2\x7fT\xc8\xd6\xfd\x07\xae\x8e\xd0\xfd\xadMO\x07\xa0\xb1\xbda~m\xa5p\x96\x89\xa0f:\xc7\xc3P\x98\x10d\x12(\xd6u\x9e\xa4\xdc\x19c\xe8r\xe3\xc6{\xc2\'\xf0Q\xdd\xbe\xb3\xd6\xee\xea4\\l\x07\xc59\xefC\xc0R\xeaACk\xbf\xbfy?-\xd4|\xaa4N\x8a\xa5{\x98\xffs\xed\x00\x00\x07=&gt;\x9e\xb5\xb06\xe9\xc3\xa9@w\xdeO\xe8\x06&gt;\xaa;T\xf9\xd2p\xb1\xd4i\x0f\xca\x0f\xb82\xca[\xdd\xe3Tf-\xab \x15\x9d\x95\xba\xfak\x810 \x85\x02)\xf5\xaf\xf8~\x81\xfcs\xaaV\x9d\xe3x^mU\xe2\xbd\x11\x96\x94 \x9f\xd4\xb7\xda\xffS\xbaC\r\xaaB\xdb\xac|}\xf7\xba\xb6\x88\xf3\xaec\xa7\xa1\xfaZ\x89C&amp;S\x14\x81%\xb3\xfe}Ik\xab)\x80\xb4v\xe5" 34\x9by\xf2f\xfb\xda\x1d\x80\xc7S\xff\x81|g\xdf]{\x8a\xba\xb7\xd1&lt;6\xa6\xcfK\x9a\xf3S\x1c\xaa\xd5:\xaa[\xc7\x0e@\x97\xf3\x17"\x125C\xb4+H\xcc\xf2x\xda\xc4\x9f5\xca\xdeE R6&lt;rZ\xcaD\xa4\xdbM\x93\xf1\xe4U\xf9\xce\xf9p)0\xeeU\x8d\x88\xf8\xd6K\x01_I.\xe0J}\xcf`$s\x85sV\x81\xcc\tj\xaeJt\xd6\xc8_W\xb8\xef\xb3\x88\x18j\x98^\x1c\xf2\xcf\xf9m\x05\xc1vur\x97\x8e\xd5o\x0f/\x02;H\xbc0\xab\xd9\xc16\x0fI\xafq\xbb4N[\x81*]\xc2\xcfO\x97\xe8\x9d,\xfd\xe7\xcc\xe6&lt;\x16\xa5$e-\xb0\x8a\xeb\xbf*\xcb\xfe\xd6*\tO\xc1\xb2\x91\xef]\xc30\'\xa9\x94\xec\x9e\xa9\xf3L(\x92\xf5\xd1PQ\xb4\xbew4\xde\x01\xf8\xac,\xc96?\xb1\xb6}\t_\xbf\xf6\xf5K\x1aK\x1cj\xeb\x014\xe6v*\x9f\xb8m\xd5\xbaz\xb1\x11\xcf\x93\xf9\x15\xdb\xda\xe3[\xb9\x07\xd8\x1c\xd6\xf8\xd5\xa9\xc9\xb3\xd6\x84Ibu\x8a\xb3\xbe\xeft\x99\xe4^\xec\xbaK^\xaf\xd3\xe4\xb9\xb9\xbb\x9e\xbc\xc6I\xbd-c\xff9j\'U\x05\xaa\xbf\xa7\x96\xf3F\xee\x1f\x91\xbd\xac\xa7\xab\xa8\xe3Kk\xda\xf7\xef=\xe3\xf5\xc7e\x06 `\xc5\xff\xf5\xb7\x9a\xcb\x1bY\x03\xfcP^\xe2K\xd3\xe9\x11bn\x10\x01\xdf\xcd\x95\x13\xfeW\xcd\xe5%\x1547\x0f*\x86Mm\x9c\xecd\rg\x131\x80\x1b\xb2\xf4\xa1\xcb\xa7%\xb9G\x95\xe8\xe4\xf0\x1e%\xfaf\x8ao-8\xe5\x90X\x81\xad\x7f\xb2A\xbcd\x1d\x80\xc3\xae\xe4\xf1\x1d\x00\xa7\x9c\xf3\xf5\xc8\x03\xba\xac\xd2Nc\xd2\x9cf\xd7b\xe7\xa5\xca\xd2\x99+\x10\x82\x0e\xc0\xc8\x12\xd4h?&gt;\xe4\xebu\xabQ\xb57\xb6\x0b\xf5\x83\x9a&lt;\xb1\xe8\x00\xa4\x96\xa0\x03 \x17\x1d\x80\xc8&gt;\x80\xcb\xc7\x02\x8e\x9f\xd7\xd8\xbb\x85R6Oi\x88\x16\x12\x05#"\xdf\'\xb5\xd4bu\x86y*V\xa3\x1a*ql\x1b\x97\xdf\xa2vpB\xb4\x98\x85\xaer\xfeU\xa1\x18\xb6\x9f\xf6\xba\xe4\xc1\xaezm\xb4\x14\x7f\x</t>
        </is>
      </c>
      <c r="E263" t="inlineStr">
        <is>
          <t>&lt;class 'numpy.ndarray'&gt;</t>
        </is>
      </c>
    </row>
    <row r="264">
      <c r="A264" s="1" t="n">
        <v>262</v>
      </c>
      <c r="B264" t="inlineStr">
        <is>
          <t>steps_per_sec</t>
        </is>
      </c>
      <c r="C264" t="n">
        <v>3000</v>
      </c>
      <c r="D264" t="inlineStr">
        <is>
          <t>3.0799005</t>
        </is>
      </c>
      <c r="E264" t="inlineStr">
        <is>
          <t>&lt;class 'numpy.ndarray'&gt;</t>
        </is>
      </c>
    </row>
    <row r="265">
      <c r="A265" s="1" t="n">
        <v>263</v>
      </c>
      <c r="B265" t="inlineStr">
        <is>
          <t>Loss/RPNLoss/localization_loss</t>
        </is>
      </c>
      <c r="C265" t="n">
        <v>3000</v>
      </c>
      <c r="D265" t="inlineStr">
        <is>
          <t>0.31607646</t>
        </is>
      </c>
      <c r="E265" t="inlineStr">
        <is>
          <t>&lt;class 'numpy.ndarray'&gt;</t>
        </is>
      </c>
    </row>
    <row r="266">
      <c r="A266" s="1" t="n">
        <v>264</v>
      </c>
      <c r="B266" t="inlineStr">
        <is>
          <t>Loss/RPNLoss/objectness_loss</t>
        </is>
      </c>
      <c r="C266" t="n">
        <v>3000</v>
      </c>
      <c r="D266" t="inlineStr">
        <is>
          <t>0.034136746</t>
        </is>
      </c>
      <c r="E266" t="inlineStr">
        <is>
          <t>&lt;class 'numpy.ndarray'&gt;</t>
        </is>
      </c>
    </row>
    <row r="267">
      <c r="A267" s="1" t="n">
        <v>265</v>
      </c>
      <c r="B267" t="inlineStr">
        <is>
          <t>Loss/BoxClassifierLoss/localization_loss</t>
        </is>
      </c>
      <c r="C267" t="n">
        <v>3000</v>
      </c>
      <c r="D267" t="inlineStr">
        <is>
          <t>0.36618367</t>
        </is>
      </c>
      <c r="E267" t="inlineStr">
        <is>
          <t>&lt;class 'numpy.ndarray'&gt;</t>
        </is>
      </c>
    </row>
    <row r="268">
      <c r="A268" s="1" t="n">
        <v>266</v>
      </c>
      <c r="B268" t="inlineStr">
        <is>
          <t>Loss/BoxClassifierLoss/classification_loss</t>
        </is>
      </c>
      <c r="C268" t="n">
        <v>3000</v>
      </c>
      <c r="D268" t="inlineStr">
        <is>
          <t>0.15813592</t>
        </is>
      </c>
      <c r="E268" t="inlineStr">
        <is>
          <t>&lt;class 'numpy.ndarray'&gt;</t>
        </is>
      </c>
    </row>
    <row r="269">
      <c r="A269" s="1" t="n">
        <v>267</v>
      </c>
      <c r="B269" t="inlineStr">
        <is>
          <t>Loss/regularization_loss</t>
        </is>
      </c>
      <c r="C269" t="n">
        <v>3000</v>
      </c>
      <c r="D269" t="inlineStr">
        <is>
          <t>0.0</t>
        </is>
      </c>
      <c r="E269" t="inlineStr">
        <is>
          <t>&lt;class 'numpy.ndarray'&gt;</t>
        </is>
      </c>
    </row>
    <row r="270">
      <c r="A270" s="1" t="n">
        <v>268</v>
      </c>
      <c r="B270" t="inlineStr">
        <is>
          <t>Loss/total_loss</t>
        </is>
      </c>
      <c r="C270" t="n">
        <v>3000</v>
      </c>
      <c r="D270" t="inlineStr">
        <is>
          <t>0.8745328</t>
        </is>
      </c>
      <c r="E270" t="inlineStr">
        <is>
          <t>&lt;class 'numpy.ndarray'&gt;</t>
        </is>
      </c>
    </row>
    <row r="271">
      <c r="A271" s="1" t="n">
        <v>269</v>
      </c>
      <c r="B271" t="inlineStr">
        <is>
          <t>learning_rate</t>
        </is>
      </c>
      <c r="C271" t="n">
        <v>3000</v>
      </c>
      <c r="D271" t="inlineStr">
        <is>
          <t>0.039989725</t>
        </is>
      </c>
      <c r="E271" t="inlineStr">
        <is>
          <t>&lt;class 'numpy.ndarray'&gt;</t>
        </is>
      </c>
    </row>
    <row r="272">
      <c r="A272" s="1" t="n">
        <v>270</v>
      </c>
      <c r="B272" t="inlineStr">
        <is>
          <t>train_input_images</t>
        </is>
      </c>
      <c r="C272" t="n">
        <v>3000</v>
      </c>
      <c r="D272" t="inlineStr">
        <is>
          <t>[b'1024' b'1024'
 b'\x89PNG\r\n\x1a\n\x00\x00\x00\rIHDR\x00\x00\x04\x00\x00\x00\x04\x00\x08\x02\x00\x00\x00\xf0\x7f\xbc\xd4\x00\x00 \x00IDATx\x9c\xec\xfdy\xfc\xff\xdf:\xd7\x8b\xaf\xe7\xd76$\xf3\tQ\xe6\xb6\x0c\x99\xb6\xb1R\x14u2+Cd8*C\xa6\x10\xe7\x87S8\x0eJ2d*\xc3\x91\xa4\x12B\x85\xd2&amp;CD8\x1b!3\x91m\xca\x10\x11\xf6\x0e\xd7\xef\x8f\xe7\xb4\xe6u\xad\xb5\xae5&lt;\x9f\xaf\xc7\xfd\xc6w\xbf?\xaf\xd7z^\xebZ\xd7\xba\xd6\xb5\xae\xb5\x9e\xeb\xf9|)\xd5\x03\x92\x91BD$#\xeaa!"\x05\x1b\xde\x82\x19\x86\xc3\x00\x1dF7\xf9"\xbc\x93RJ*\xf0\xfa\xf8\x93\xcd$\x03\x00\x00\x00\x00\x80\x89\xc1z\x12\x00\x00\x00\x00\x00\x00\xf0\xb8\xccp[\xe6\x01ikst(\x00\xe0a@\xbc\x03\xe0\x12&lt;\xc6P\xbdH\x06\x86\xfb!C \xa2v\x03\x81v\x1a\x89w\xabkS\x11\x00\x00$\xc9\x0fv\x88Y"`\xefP\x00\x18\xf0\x86\x90z)R\x883`\x10\x9b\xe3\xf5\x88\xcfM\x17\x1b\x00\x00 \xcd\x0c\x01k\x06\x1d*\xb9p\xe8\xbf\xae\xe6c\x80\xad\x80,\x7fk\xb4\x02\xf7\xa7C|&gt;\xef6 \x9c\x02\x00\xda\xb3\xd4\x8b \xa2e\x11\x90\xf3\xe0\xac\xb3\x0b,\t\x00\x00\x0f\x85\xb5\xb4\xc0,\x00\x00\xe8\xc0\x93\xaa% \xfb\x97aQ"\xcb1\x00\x00\x00\x97\xc1\xc9\xfe\xbf`\x94&amp;\x00\x80\x87\x02)\'\x00\xb3B\xa4\xb0\xba\x06`\x18\xeb\xc3\'\xeb\xeeL\xab\x91\xa8/\x00\x9aV\x04\x00\x00\x92\x14\x1f\x8b\xc4\xa9q\x00\x00\x00\xd3\xd2m\x922\x1f0\xc0\xcc\x08\x00\x00\x00\x80\xbb\x81\xfc\x06t\xe0\xbanv]\xcd\x01\x00W\xe2\x89\xd1\n&lt;,\x88\xf2b\xe0n\xd2\xc3\xf2\x83-\xdf\x01\x0f\xae\xcb\x95C\x02\x8e\x00\x01\x00\xc0M!"\xf5\xbf\xb7\x9b\xa0\x1e\xee\xa5\x9c\x8f\xd6\xde\xae\x94\xdb6~\xa1@\x975\xfe\x91&amp;\x00\x00\x00\x00\x00\x19\x9a\'+{J\xf4(Y\xd1\xa3\xb5\xb73\x93\xa7\xd7\x93\xabw3f\xb3\xf6\x1fy\xdcW\xe6?f\xab\x01\x00\xe0\xb2t\x98Ag\x9b\xa4[\x83=`\x00\xfa0\xcd@\xdb\xd4\xc0\xd8\x07\x00\x00p\x010W\xc9\x83\x1f\xce\xbc\x03\xb8\x81\x03\x06\x02\xdf\x03\x00&lt;"x\x08\xb8\x1f\xf8\xc54q\xb6\xa9\x1bv\xbd&lt;\xe8B\xd0\x8a\xd4\xce\xcbp\xdf\xc3}\x0c\x00\xc0\x00\xb0\x00\x00\x17fY\xd6UU\x87)\xbc\xed.\xf5cg\x00\xc330pc\xbe*]d\xe4\xe8\xdb\x87\xfe\x1fn\xa5\xc3c\xc7\x16\x00@\x10L\xbd\x00\x1c\x10\x11n\xd4\x00\x00\xfa`$\xe7-"\xcfZ\x01b\x1a\x00\xc0\x05w\x00f\x03\'\xda\x87\x01\xc3\x03\x00\xba\x81\x80\x03\x00\x18\x08\x16\x00sA\x84G\xd2F\x01\xc3\x03ps\x1e\xec\xc5A\x8f\xd3R\x00@6X\x00\x00\xa0\xd4\xbe\x1b\x87{\xe5\x00\xdc\x86\xc9\xd3\xfd#\xd8,\xad\xce\xff\x88\x8b\x04\x00\xdc\x87\'\x8dV\x00\x18,K\x93\xa8MDHm\x01\x00\x0f\xcdt\x19q\xdb\xa8\x8c\x98\x0f\x00\x00\x00\x80\x0b1[\xa2\x06n\xc2\xcc7\x04\x00\x00\x00\x00\x00\xf8L}\xce\x01L\xcb\x0f\xc3m\xf2\x99\xfcX\x11\x00\x00\x00\x00\x1e\x83\xc7\xcbH\x88f\xfd\xf1\xe0\x0buD\xdam$\xfd\xaa\xb7\x8b6\xf3\x10,\x00\x00\x00\xf7 \xe3!\xe0oD\xd4\x03\xe0\x0e\\~ /\xcb2\xe9o\x98\x9c\xa7\xaeg]\xa2\x1c\xec\xbf\xa2\x17\xe2\xda\xf1~Z\x0f\xe9\x0b\xd6*\x00\x00\x00@-\xff7\xd1\r\xf6\xff\xae\xae\xffu\xb8\xa4\x9d\xc9D}\xaeT+\xe6\xb1F\x9d&amp;\x93G\x00[\xb7\xb7\x1e\xa3\x06\x00\x00\x809\xf8\xc7\xa3\x15\xb8\x18[\xf6C\xa4\x9c\x94\xa8\xc1\x1a\xa0s&gt;\x11\xabn\xde\xd35\xa0\x0b-\xfd\xfc&amp;\x10\x91R\xef3\xa2\xe6\xf7K\x8dM\xc2\xf8\x05\x00&lt; \x88z@\x0co\xd2\x7f\x8f\xdc(\xae\xf9\xa5\x9b\xf6\x98\xc8\xe6|\x9a{\xc3\r&amp;$\xda)\x7f\x1c\x83\x17\x00\xf0x q\x01"pR\xff[9\xdb\xd9\x90\x8fp&gt;\x01\x93\x10t\xb9\x16\xaex7\x0f\x7f \x08\x83\x17\x00\xf0p`\xc6\x02U\xc4R|\xdfW\x97r\xb6\xd0\xd08\x9aY6|0\xe8\xfa\xa0m\xc9\x7f\xb6\xfb\x95\xf8V}h\x01\x80\xee\x9e\x05\xf4\x02\x00\xa0\x9ae\r\xe8\xf7\xf8\xc9@\xc2\xef\xdd\xca\xb0\xce.\x0fa\xc9PB\xe3:\x92[rY\xd4p+\xb1\xc6/\x11\x05\xca\x1c\x97\x1f\xad\xcb\x1aAs\x8c8\x1a\xde\x0b\x1d\xe9\xd1\xd8\x903\x10\xd1\xa2\xf47\x1d\x01\x00\x00\xb8,W\xdc\xce\x04@\x84\x92#=Z\xb19\x8e\x03\x89\xbd\xa4\x85\xb7\x97&lt;\xdd\x1epK}&gt;\xb4\x99\xe4\xa9\t\xbb\xf4+\xf5V\xe5\xe1!"\xa5~l\xb4\x16\x00\x80\x1b\xb2\xdf\x01P\x17\xde\xd7\x99c\x1b\x12\\\x0f=\xcb)\xdd\xce?e\xdc\xd2\t\x9d;\x0cD\xd4\xb0\xa5D\x94\xdf\x11\x0fu\x07`$\x88\xb4\x9d\xb9\xd3\xfdy\x00\xc0l&lt;\xb1\xac?\x07s\xd9\x10\xb3\xe7_s\xedJj4\x7f\x99\x06\x11)\xf5;\x13[`F\x8e=\xceW\xdb~\x10\xa9\xf8g\x83\xb4\xab&amp;\xdb\x1ao\x00u\xf1\xb2\xdc\x8eh\x13\xbb\xfa\xf7\xe6\x87L\x1e\xca\xae;K\\\x95%\xf5cm\x00\x00PLmp\x19\xbe\'4\xf9\x1eIG\xf5\x1e\xe8\xe0~\x1d\xc6\xe9\x06\x89\xae\xd1n\x02\x1c\xdd0\xabCf\xb25\xcdh\x0e\xd1cd\x82\xd1\x1b\x0b\xcd\x8c\xc0\x8e\xa8\xb4\xab\xf0\x08}\xf1\xc0\x10)\xe3\x11\x1de\xf68\xc2&gt;\x00\xa0\x90\'\xeaE\x8c=\x13&lt;\xff\x1eI\'\xedH\xbd\x8ft?\x8c&gt;\xdd\xde\x84\x06\r:}P\x7fm\xd0\xcc[\xb9L\x0e[Yk\xa6\x86\x15\x8e\xf7\xb7C\x81H3\x1b.\x81\xf8\xd9\xffZ\xbc\x91\x1a\x0f\xcfp?\xdcY\x96\x9f2\x9e;RJ\xfd\x88\xfe5|\x00\x00\x00\x8007]\x00\xe8O\xeeJ\xb6\x8e\x1c&gt;\xfc\xe2\xd6;\r\xd5\xa5!-:\xe5\x10\xcc/,]\xbb&lt;\x13&lt;z~}\xc2\xd6\x9b\xed\xc5\x18\xc9w\x15\xc0\x13\x00\x00\x00\x88s\xb3\xa9%1\x95\xca\xc8mS\xc5\x9c\x885\xb3\xcd\xaa\xec\x96|\xce\x00\xd7\xe2\xf6\xcbE\xdc&gt;\xa6du\x13\x1a\xee,`t\x00\x00f\xe7"\xd3\xc0\x00`\x96\xa1H\xa5\xe6\xfe\xdfH\x1a\xbe\x06\xe0T\'\xbc\xbb)!\xed\xb4U\xff\xd1q\xc7\xf1\x98\xb6dv\xaby\x9e\xfc\xbe\xf1&lt;\xf5\x1a\xf9\xebl\x93\xd7\xe3\xec&amp;\x00\x00\xbas\xa9\xc8\x82]\x10P\x8c\xc8F\x9a;\x1fG\xb2\x7f\x89\xa4\xf6;\xb8i=g\x01\xf0\xb5\xf3\xed#J\xda\n(54\x85\x8dx\xd7u\xb2\xd8\x99\x94\xfc\xf7\xc8\xfe\x01\x00-\xb9d|\xb9\xa2\xce\xcd\xf8#\xb0F\x1a\x91]y\xdf\xee~|\x05\xd0\xbek\xd8\xb5\x08\xac\x7f\x1a n\xa8\xa9Z\'\x0f\xc3P\xb3u1\x00\x00\x00 \xc1\xed6E\x04\x0eQ\x88\xe8a\t\xbdU\x1a!\x99\x91\x1b\x99t*\xff\xaf\xaf\xee\x8bs\x95\x0bjLDD\xef2\xdf\xd8\x91\x1c\xd1\xef;]\xebd\x89\x18j3\xe3|\xfd{9\xee5\xbf\x00\x00\x80\xcd\xf9\x061*\xf9\r\xcea\x1c\xd1y\xf2w\x80v$\xfa\xdar\xa0\x94\x8a\xfe,\x03e\xfe\xa2EV~P\xe9\xa5\xb9\xba\xb9\xd7\xabEy\xde\xe8?\x13\x91\xae)\x10\xb5\xcb\x11\x1e\x14\xb5\x1d\x01\xae\x83T_\x0b:6\x00\x00\x08b\xfc\x0e\x00\xd1U\xb6=\xf0\x12l\x9bk\xf4\xdb$8\xc6\xcau\xfb\xb7\xcd5\xf7\xd8\xeeY\x96\xfd\xc7\n\xe6\x1d1\xcb\x9b\x16\\\x94|\x91\x8bp{g6\xe0d\xcc\x16\x8fr\xef/}@]E9\xaf\x9dE\xec\x06\x00\x8c\xa5\xf3\xa9\xe5bN\r\xdf\xff^\x07T@k\x82\xee\x9d\xed\xf6\xc93?\rN\x01\xdd\x1e\xb1\xe1\xbc[\xbbP\x9a\xf7\x08\rz\xf0\xfad\xf4`\xee\x98=\n\xaf\x17\xfe\x96~-&lt;\x07\x000%\xc6\x86\x96\x1e\xf2\x16\xd5\xed7ls9\xd5|\x90\r9\xa1\x9b\xd1\x0f~F\xc8\x9e\xd0\x97\xe5\x97\x95z~\xeb\x0b\xbf\x9d\xc9\xf3\xcb\xaf\xb9\x19\xe1\x83\xf8\xea4\x10Q\xa1\xcd\xf73\x1b\xfa\xa1\xa9\xdfM\xf4k}z\xb0\xf7Q\xccg#z\xc6\xf6g\xb3\x06^/\xf2\x10Q\xd9\x0c\xd8\xf0\xc0\xcf\x1eq\x10I\x00\x00"\x18G\x80\xf4C\x02\xf3\xeeZ\xfc\x9d\xabM&amp;M\xc8\xeb\x9fG\xdf\x83\xf65\x9f\xe8\xf9\xdc}&gt;\xbf\x99\xda\xcf\xb8D\xf4_\x1e\xba\x87d\xf9c5\xb6\\\xc3\xa0)\xe1\x7f\xf6\xca\xba\x8a\xb2\xff\x9a\xe1\xfd\x8ct\x91j\x98\xcd)hB\xab!\xb3\x1e\x9a+\xba\xb0\xc9A;\xa3\x83\x11(\x00\x00\x12\\2\x97&gt;\x82!\xf6B\xd8\xec\x9bp\xbe\xcd\xec\xdb\x93\x95\x1eE\x9d\x8a\x94Z\xca\x92\xad\xb8\xaf\n\xdd\xe49\xe5\xf1\x87v\xab-\xe7\x91\x9eF\x8a\x14=L|\xa8\xdcun\xb8i\x9d\xa9\xc6p\x1d&amp;\xc5\x8c8\xcb\xf2\xeaJ}\xc70e\x00\x00w\xe1\x89t\x11p\x07\xf6\x9955\xc5\xde\xf2N\xc1\xf292r\x88Zm\xbfI\xa7&gt;y\xd2\x9a\xb4id.\xb7\\a\x95K\xfb\xff}y\xa5\xa0\xca]\xe7e\x19\x9f\xfd+\xef\x10\xb8c,*A\xeb\xdeeQ\xc8\xfe\x01\x00\xbd\x11I\r\xa5\x84\x10\xd1\xd7`z\xd8\x99\xfb1\xd3\xf1\x8aI?\xadk\x94\x94\x13;\x80\xc9\xd5\xcb\xe75\x905\xe6@\x84\x1f\r\xb8\x005}\x84\xce\x05\x00\xb4\xe7\xaf\xac\x99\xc4\xbf\x8eG\x9c\xf2x\xf4d3\xe5z\xb4\xd0\x16\xcd\xd5\x1e\xcb\x14\xb9H/\x00J\xc4\xcb\xb7*_\xc5\xd0W\x9d\x95\xf1S\xa0\x86\x13\x04\xea\xc2\xc2\x1cv\xd0\xd0\x02]\x13\xddz\x85\x14R\xdf1\x9dm/\x05\xac\x07\x00\xe8Fi\xd6\xd2+\xd7\x19\x9fQ\rb\xee\x1cnV\x1a/\x008\xbf\x04&lt;\xb2\x83&amp;Y\x84\xc4)\x0e8\x95\x12ZR\xa9\x8c\x80g2\xa5\xcbJ\xf6\xd6r\xf7,\xf6mG+\x00\x00\x00yx\x9f\x01\xa8\x9a\x10\xba\x1c\'\x9d\xe1\xccj#\xfeQ\xf4\xdb\xdb6\xbb)Ioi\xeeN\xef\xddX\xfe\xf5)\xeb\x01=\x10L\xf5Kg{^}\x81\xac\xb7\xa9\xd1\x96e\xfb\xbf{\xc7.\xa2/\x1c\xad\x02\x00\x00\xe4\xe1\x7f\xeb9\x9d)Q\x8b\xa8M\xda\x0b\xb6Y\xe5\xef=yh\xe4Z\xe6\xf2P\xe9\xfb\xb6\x0b*\x8a|[i\xf0\xe4\x1e\xea\xc0\x0e\xa5\xfd\xad\xf6\xea\xbf)\xf5B\xdd\xded?\xd3\x0b\xd4\x9b\xc0\tJ\xb5\x81\xcb\xf2+q\xe3P\xe7\xdf\x1chC\xb7\x18\x02\x00\x00w\xe2I\x9e\xcf\x1aO\xc2\xf9\xaf\x07|\x9c\xc8\xbe\xec[\x86\xe5\xa9CY\xfa5\x84c\x8f\xf4\x1a\xea\x86Y\x96\xc2w\x83\xf6\xa3\xa3\x95\x8b\xdd\xef"n\xab\x147\x88\xd5\xb6G\xf7\xab\xb2\xdf4\x8b\xebp\x95@\x11\xe161$\x17m\xf1\xf6\x80\xad\x07\x00\x080\xe05\xa0\xcb\xb2(\xb5 fy\xd9O1\x14\xfe\x82\xe9\xeci\xa8\x0f\xf1\xf7\xcf\x0b\xcb\xe3\xb1,\xcf\x1f\xfej\x9c\xab\x1f\xcf\xcd+5\xf9\x88\xdb\xc3\xc25\x18\xd1\xa5\xb9\xafv\x9d-\x180~q\x0f\xb0Y\xfe\x93"RD\x14\x0ex\xb00\x00 \x06~\x07`B.\x93\x06e\xe1N\xf9[\x16\xd5%\x99j\x9f\x85\xffr\xa0\xde\xc6\xd5F\xa1\xc8\xbf@&gt;\xda\xc3\xac\x8b\xea\xf5\x02\xcd?\xcd\xf2^r\xff\xb9\xfc\xb5F\x1a\xe5\xef5\x90\xbdK\x9d?\x1eI\xbd\x8a\xa7\xc6U\xcc\rned\xf3\xaa\xc7O\x03\x84J&lt;\x9eM\x00\x00\xe0\xfa\xdc\xeam\x86+n\xc6 ~\xcb"\xf9\xb2\x91\xf0[z\x04\xaa\xf6\x88\xe5Kn\x93J6}\x8dLG\xdem;\xe9a\xb4e\xc0\xbbe\xf4\xaa\x89\xe8\xff\x9c\xc6\xa4\xdd;\xb7\xab\xf1\xaf\xef\xc0\x00\x00\x00jx\x8c9@OqF\xeb"\xc9\x9a\x10k=(\xd6\x9bD\xa4\xd4\xb7*F\x1a\xd4s\x01\xc0\xbd\xf2-\x1avw\xe1jDZ\x05\t\x19\xee\x02\x00\x8c\xa4c\x80\xea\xdf\xe3\xf0.\x00\x00\x00]\xf9Sz\x8a\xf3\xd2\xf7\xcar\xda\xcd\xe2\xfc\\$\xb4\x00\xa8T\xcc#\xed\xcff\x08l\x9d\xdf\xec\xf2?IJT\x8e\xb6\xa1\xae\xc9M\x1fo5\x16@\x16r\x03\x84\x1b%$\xea\x02\x00\x80\xa9\x11=&amp;H\xa4\xae\xffR\xb9\x81X\x13\xcf\xb2\xfc\x17\xa5^z\xa0*\xf7;Y\x1b\x9f\xda\x8b_^\xe9\xc8QY\xa3\x80\x1a\xbf\x01SP\xfe\xd1\xde\xfb\xf9\x86\x17\x12{Q&amp;^\xd5R\x0c\x11u\xf57\xba\xce\x8b\xd4\x00\x00\xa0\x18\xd1\x87\x80/\xf5\x1e\x8f\tq~\xc7\xe8\xa5D\xc5\xe7\xec\xa25\xfcM\xa5\x91\xbbk\xb2\x8d\nd\xff\xc6(`\xda|Y^OL-\x93=\xfbo%\xf9\xd2\xf0\x9aPk;\x1cY*e\xccj\x13\xd9?\x00\xe0\x11@\xa4\x9b\x0e\x81M\xd6\x9b\xee\xdfK\x11I\xc7V\xa3E\xb6\x00\xc5\xef!4E|\xc3^\xbf\x99 \xb7;&gt;\x8c\x1e{\xbd{\x1f\xcc\xe6\x1b\x00\x00\x00\x1e\x99\x9e\xaf\x01\xc5&amp;\x18\x8beY\xff\xaf"]x\xdc\\\x83\xb4\xff\x06\x89\x98\xe78mLDJ\xbd\xc5\xf9\xd1\xf9\xda\x19[\xd4\xb2|\xdc\xb2S\xa5{3\x12j\xe5\xecNk\xcd\xbc\xc3pF\xf6\x0fn\x80\xc8\x83L\x00\x80Gc\xec\xb4\xb4\xbfQ\x1b\x00\x19h{A;#\xdf2\xcf\xc6,\xca\xd9\xdd_\x94R\xd1\x9f\xf8\x9d{\xff\x9b{\xe8\xbct\x17|3LMj\xdb\xe8\xe1\x87\xd6\xcfTdq\x83\xfb$`r\x1e\xed\xc9\x1c\x00\x80\x08c\x7f\x08\x0c\xcf\x0c\x00Y\xb6\x9f\x05b\x15\xdd6\xb3O\'\xd4\xaf[\xd6\x1b1q&gt;\xb4H\xc7NpGVi\xd2P=r\xb5\x17\xc2\xd6\x8ar\x98\'\x13\x9a\xe7\x17\x8e\xef\xb5I|\x9b\x86\x080\xf9\x1dH\x00\x00\x00`z\x9c$)\xf6\xe6\xd0\xfb\xa4S*7\xa3\xaa\xcc&amp;\r36\x87\xd6*\xe3\x9a\xb4Wc47jf\xfb\x86|Hc\xf9\x00\x00\x00\xc0ux\x94TI#\xb6\x00\x98\x96\x96\x1a\x9a\x16(\xab\xa2\x9f\r\xe3\xeb\xb4c!7ko\x8ak5g3\x0bh\xfe\xbb\x19\x0c\x97\xf8\xf3\xedt\x00\x00\x80\xd6\xdc\xf1\xa6!\xef\x088(\x80\xces\xf3\x8fba\x9a\xe9@9\x13=wit\xc2\xbeF8Mwd\xf9a\x1eF\xda\x9f\xdb\x18\xad\xc7\xcc\x9c\x0e&gt;\x8d\x7f\x02\x00\x00\x00\x000\xa8\xdb\xa1\xf7\x0bTJ\xa9w\xaa\xbf\x07BD\xa4~\xf06[\xd1W\xa2\xfd\x8d\x8e\xcd\xe5f\xbd\xa3\xb2\x92\xd0Mv\xe0\x94\x12\xd7a\xb8z\x00\x00\xc0 g2\xb0\xa2\xde\xb4\xb7\xe6\x01\x98\x9f\xda3\xfa\xd6\'\xda\x1f\x95I^\xf4B\x0cy\x83\xb6\xd6h\x10`\xd1}\x1d\xb0\x8d|\x81s\x89\x00\x00 \x05\x82\x1d\x00\x8d\x88,\x00"\x9f\x00&gt;\xc7\xe3\x07\xa3\x15\x01\xb9\xb4_\x92e{\xc5\x15\x1eL\x02\x00L\xc6\xd8\xd7\x80V\x81\x03\x9a\x004b\x1d\\\xafm\x9d\x85\xb0~\'a\xf9\xe8|\xc1HPV\xf6\x07K\x10\xc4\xae\xc7\xd2\xce\x8d\xa9\xe8!\r\xa4\xfd\x00\x00A\x10Q\x00xt\xf4=E\xff\xfe\xe2\x8f P\xe8\xc0\x1a\xad\x98\xeanI\xb3\xbd\xf6\xdc\x9bB\xa4p\xf8\x07\x00 Kv4A\xf4\x01\x8f\x0e\xa5\x9e\xdb\x93\xae\xaf\xcb\xa0\xd3k\xe9\x9cd\xf4Mk$*\x9a\xe2\xe1\xd1{2\xc7\x83\xb9\x1b\xcd\x94)qxd\xff\x00\x00Ir\x03\xca\x03\x04\xa0\xdb7\x100\x88\xcd\xb5\xbd=\xa4\xd7\xa0\x93\xaa%k!A\xc7\xce\xe6\xf7t_\xe7\x000\x8e\x17\x1b\xad\x00\x00\xe0Q\xb8\xee\tT\xba\xb2\xf2\xe0b\x90}\xfc\x1d\xbe\xc7\x81\xd6\xdf\xe4\xd8\x0f6/*\xe7w\x15\xfa\xfe\\\x80\x1eO\xae\x12[\xae\xa2\xa7\x0cD\xd4}\xdc=\x96\x85\x01\x00\x0f\xc5\x85\x1f\x02\x06\x00\xcc\xcc\x9a\xc0w\xdf[/\xabo\t\xfc=3W\xd1S\x82\xee\xd9\x7f\xa7\x935\xb8\xf5\x04\x00\x18D\xf3\x05@\xd1\tEOyGHl2X+\xfdN\xeb\x81\xaa\xaf\x9f\xe812p-\x16\x93\xd1\xea\\\x83\x90\xa1\x9a\x1a\x90\xce\xd3C\x18\xec.\x975\xcb\x88A\xd7\xa1\xcekv\x06\x00\x00\xc8A\xfa\xbc}\xd1)\n\x80[S\xfc\x84b\xe7\'8\x89D"\xc9_\x12Sh\x1a\x1e5\xb4\x9a\xad\xbe\xa3\x110o\x02\x00r\x99e/\x93\x88\xf4\xb7+/\x8b\x9aG\xb7\x1d\x9c\x07\x15f\xc4\xa1^P\x08\xff\xec\xbe}\x8dRj\xc4\x88\xee\xfb\x08\x81Q-\xbczVH\x7f\x1c\xe56\xeccSa\x86\x02\x00\xf0\x118\x02dn\xef}C\x99\x10\xeb7qf\xdc\xcbx\xfb\xd1\nLJyW\xddl\x1a\xbe"\xfc]\xc3\x82\xb3O\xba\xe8\xc2\x11]\xb1\x97o\xaa\xeb\xbd\xbcE\x94\x81S\xcf\xcb\x8c\xd3\x8a\x04\xfb\xd8\x0cx\xde]\x9b\r\x00\x18\x8e\xfe\xdb%\xce\xef\x98\xec\x93\xf7\xcbg\xc4 \xc1[\x998S\xd4\x9e\xe9m+\xd6\xfb\xd3\xb74\x9f\xb6\x87s\xc8\xa0R@\x83&lt;&amp;!\xf0\x1e\xa1\xe3\x1e\xad\x90@\xee4\xda\xc5Lz!U\x01\x003\xc0\x0epz(\xb4&amp;\x1bk\xfa\x1f\x124/\x15\xa9\xaf\xc7\xfc\xe6\x9d_\xc3\x11t;\x94_{\x1c\x7f\xd4\x1a\xfeF{\x07\xf7h\x05\x83\x99~-\x18\x00\x00.\x82\'n\x16.\x00\x9c/\xcf\xe9\xa7\xc7\x84z\x939\xfb\x1a\x88\xed\xa8U\xeb\x11\xffZ\xb4*\t\x07{X\x17-\xb0^\xb5\xc1\xa3\x97\x7fk\xa2\xde\x0b\xf7\xd4\x04\x03\xb3/S\xc4"\x00\x00xT\x92\xa9\x98\\\x80n&gt;7c.IPy\xc0C\x86\x9f\xe9\xba\x08\x11i\xec\x03\xafQ\xbb\xaf\x18\xcb\xfa\xebq;\x08\x00\x00\x00\x90\xc0\x9a}%S\x9f\xe0\xd4\xfe\xc8\x93\xf7S\xfaW\xe9\xed\x85\x9e\xab\x82\x9e\xf94\x11\xa9\x9f}d\x07\xf3\xf0\xc0\xeb\x19\xf0\x90\xc8-b1v\x00\x00\xb7\xc5=\x14\xd4\xa1F\xc1\xa8Z*\xaa\xd9\xb2\xe7\nh\xb7\x05\x1e\xab\xe1l`\x99\xa9@_\x80\xfb\x81 \x03\x00\x88\x91\xfd\x1aP\xd2~\xb1\x8b\x13_\x9c\xb7\xe25\x7fI\x9e\xdck\xf8jN\x00\x1bJ&lt;\xf0\xab\x01\xbd\r\x7f\xe3\x87Y\x11\x85\x9a\x19~g\xdf\x05(y:\x88-y\x88c\x08\xf7\xc5]\x9e\x1e\x9e\x14Y\xdb\xde\xb7\xa7\xae\x1ba\x00\x00\xf32\xfa\xd8\xb7R\x89D!\xa8[vF2\xba\x99\x97d\x02\xf7\x00\xe3\x89\xbe\x1e\xc0\xcb\xbfn\xa7LW\xe0\xff-\x11\xb5\xed\x8d{\xea\xc6M\x03\x00\x8c\xe4\x92\x91\x05\x01\xb1\x821\xbf\xe4\xc0\xac\xb0ou\x02&lt;\xc2\x1a\xc9h\xe05\x1b\xfb\x08\xdd\x04\xee\xc8\x0c\x9bt\x00\x80\xa9)\xfe%\xe0K\xde^|\xe0\xa38\xf5d\x98\xae\xbb\x9d\x07vk\xdd\x14\xfb\xb13\xcc\xd0-u8R\x90\x98K\xcc`\x04\x0f\xc8\x9f&amp;\xa7\xd7SFWt\x83Ea\xbe\x03\x00\\\x87\x8c\xdf"\x98~n\x9e\\=P\xc9\xfe\xc3v\xb3\xfba\x9aFCi\xfc\xfba%\xf0?\xect\xf1F\xdd\x86{\x0c@\x1e\x0f\xd2L\x00\xc0\xe3q\xa6\x0b_E\xd6\x87\x03\xb5*fW\xfb\x92\xca\xf7\x05&amp;\x1a\x8e|\x17l#\xd7\x18\xbcW\xed\xe8\xebF!\xa0\x94\xba\xae\xe3\x01\x00\xc0\xfdq7\x0b\xd7\xec\x01\xf3\xeeex\xdd\x92g\xb2o\xb1\x81wu\xfd\x9b`\xf7l\x97\xb1\x8cL\x1d\xb8&lt;\xb0W&lt;f\xab\x01\x00\x80\xc1\xa3N\x0ci\xb2,S\xfc\xca\xffK\xcc\xcd\x11\r/\xa1\xff\x1c\xe0\x95\xe4`\x0c\x8f6H\xcf\xdd\xb4m\x11\xfe@m\x07\x00dQ\xfc\x100\x8f\xef\xb3\xa3\xcfl\xe1x*e\xe6\x81\xff\xf4\xd8a\xc0\x02C.\xcb"\xf2\x98Z\xd3N|\xf4\xe7\xe8\xb4\xbd\xfc\x8a\xc1[\xfb\xbb\x07\x8f1N?\x0e\xe9\x1a\xa8\x83\xf4\xbfH\xc1\xa1\x00\x00\t\xda\x05\x89?hm\xfe\rX\x00\x84k\xf4\x9dT\x9e\x07R\xcf\xc6Tl\xf0\x0f2\xf8\x1e\xf7\xect\xe4C\xd7\xa0uu\x01\x05\x1e\xe8\x97%Z\xd8\x99m\xc3y\x8dv\xf8\xff\xbf\xad3\xcel\x9b#\xe0\x8a\x90\xc9hu\x00\x00WA&amp;^\x90\xf3\xcf\xe1a\xe8\xed\xbc\x9fjQr\xb8\x866W\t\xdf\xde\x99\xa6\x8f\xf2m\x16\x00\xdd\x8e\xaa\x97Ut\r\xaf\xe0\xd3\xac9-\xc4\xfa{\r\xf9\xd65\xb9g\x7fa\x01\x00\x00(\xa2I\xbc\x989\x12\x91R\x93\xbe\xd4O7\x1a\x11\xfd\xcc\x94J\xaa\xa1o{\x1c~\x07\xa0\x8c\x1a\x8b\rn\xe9u\x8c,\xcb\xb6`\x0b\xff\xbe8\xf2\xad\x0br\xcf\xfe\xc2\x02\x00\x000\x11\x88D\xf7\x86\x86\x1d\xa3\xba\xe4\x02@U*|\xa9\x96Jr4|\xcc\x19\xc2`\x97]\xce\xfd,\xae\xae\xff\x9d\xa8\xb87h\x08\xc1\x02\x00\x00P\xcc\xb4\'\xe33 \xa2w\xb8~+.@_#\xbbs\x1b\xa6:\x0b\xba\xef[t\xd1\xd7\xc2\\&lt;S\x14\xc9\x98G\xb1Y\xfe4&gt;\xc9.\x00\xaek\x19\x00\xc0@.&lt;%\x1c\\zb\xbb\x12}g\x9akvko\xfb\x18Vz\xf2\xe5\xcc\x15\xe4\x9a\xbd?3\xb1\x9b\x1b\xa01\xa4\xd4\x7f:\x8c\x7f\xf8vew`\x01\x00\x00\xa8\xe1"\x81\x03\xf3\xd6\x04 \'\x8b\xf1\xb6b;\xacl!\x13M\xfc\x05\r\xdf\x13\x17\xe3\xa5R\xfa\xb7#2\x9b[\xbeR\x1d\xc3v\n\xf6^8\x1d\x1b\x0b\x00\x00\xc08\xe6O\xe9\xf6\xa0\xa9\xfc\x19\x03\xe8\xc7\xed\x16\x00\xdf*,Ol&amp;&amp;\xed\xbf\xd7\xa0\xd81\xac#^\xc7\x1f\xa3\x06\xbb{\xf0\x0c\x0c\xe3\xe8\x8by_\xe2\x9cC\x9b&amp;\xc0]\x01\x00\x850\xf7\x0f\xee\xb7\xcd0(n\xd2K&gt;|\xb0\x9ed\xba\xba\x9fK\x0fD\xb6OK\xf75EwU\xe7\xf0\xd2\x8d\xb02\xfa\xaa\xe9f\xfeL&gt;F+5\x1d\xb0\x0c\x00\x00\xe41.h"R\'\xf9_\x1d\xea(\xea}\xf4\x9d\x87\x16C)_\xe0\xb6f\xa8\xd6\xa4\xf9\xb1\x8a\xaf\xb1oz\x94T\xe46\xf3\x96) \x16\x00^vS\xbc\xad\xc2\x02\x00\x00p{\xdad\x18\xb4\xfe%+y\x15\xdf@&amp;\x00\xb3Q\xe3\xe7\xe4\xfcQ\x87\xc4\x83\x95\xda\x02\xa0\x0f\xec\x8a^M\xda\\\xd3\xe1i\x17\x16\x00;f\xc3WS\xfcURX\x00\x00\x00n\x0f#\xc6\x15D\xc0w\xe3I.\x00\xe1X\xe9\xd3w\xe5\xf5\xb2j=\x0c\x17\xb0[u\xff\xca\x8f\xdc)]\xeem\xb4{\x05\xb3\xe9\x06\xda\xb29\xa4\xe1\x93\x13\xba(\x00\xe0\xe2d\xde\x92\x8e\xbd\xc7\x83\xcd\xd7\xec\xb1,v\xad\xf4\xacLJ)\xf5&gt;\xe7\x0e\x8a\x9cd\xa5\x06\xdc\x8e\x9fr2\xa8\xd9\xb7\xdb\x8fsL\x99\x8d\xa5\x11\xd1\xb9r\xe3\xf3"v\xd3\x1b\xf8\t\x83uQJ\xcd\xf7T%\x95\xdf\xd9\x98\xa8\x15]x\xeah\x05\x9a\xb0:\xe4\xef\x9b\xc9\'\x01\x00\xa0\x9es\xfaO\xccp\xff\\\xec\xb1\xbc\x7f\xba\xd5\xb8m\xab\xdc\xf2\x0e\x00\x11}X\x83\t\xe3\xc5X2\x8d#\xce5\xb6\x9d-\x15c\xb2\xab\xfd\x07\xa5DM\xb6\x00h\xb2\xe9.(k\xf8\xe8\x9b\x82\xcb.\x9e\x8b\xa9\xb9\xd3\xc8\xf0\x99a\xcf\x85?Z?\x02\x00.\x0e;`\xa5\x16\x00t\x94\x12\xd2Lmw-\xb4\xec\xff~\xe1\xd5\xb9e\x0c\xfa!\xe8QD\xa4~=\xfd\x06\x18\xef\x97m\xf2`\xa6X\x1a\x95\x88\xc3\xf3A.\xbc\x01K\xea\xb9\xe6{2\x04\x00\x00\xa6D$\x8a\xb5\xca\xd1\x8f\x9b\x00\xa5\xc2\x11\xa3A\x80^\x1b\xf6\x91K\x86o\x84\x0fW\xe0"\xfc\xdb\xd1\n\x005\x95\xa3r\xe7#\x8c/\x00\x00\x8fe\xb4\x02\x01\xf6P\xb7,~\r\xf5P\x18*#\xa2B\xae\xf0\xb2\xab\x80Rj5\x1eLgAD\xd96!R\xe1\x81\x03\x0bkP\xf3\x18\x18\xee\x0b\xd0\x97\xeb\x85\x97m6\xd12\xfa\xb8\xfe\xe6\xb4\xb8\xfdo#\xdd\x00\x00W\xe7\x89\xd1\n\xf8I\xee`,\x1a\x8dt\xc8\x91m\xacF8\x97a\x1f\xd4G\xc4n\xedl\xf5\xee\xcd$;\x14\xdd\x01(\xf0p\n\xdf\x04\xb8V\x02\xd4\x9e\xf6\xd6\xa82\xf8\x80S\x88\xf7\rM\xcb\xf2Tu\xa1\xa6\x1d]\xcf\xcc\xfe\x95\xe9k8\xf2\x06\x00\x88\xb3\xcc\xb9#x\xc4&gt;i\xdd27\xfc\x88\xd4\xa2\x92\x97\x10\xd1\xc2(f]\xa2\xcar\xbb)\xfb\x8bG\xf9nk\xfbVo\x1e\xb7\xd5r\xf1]\xdb\x88w]\xd9\x7f\x1e\x8e\xbd\x1f\x15\xf6q\xeb\xb1\x96R]\xacZ\x7f\x7f\x89\xb4\x1b\x00,Q#\x9a\t\x00\xb8$O\xa8\x82C\xc6\xed7\x16\x16\xa5\x96\xa5\xc5n\xe5\'\xe65vYB\xd1S\x93\x93\x11\x9d+\xd9*5\x9eO\xb8\xd0&amp;O\xb9\x89\xda\xe7\xac\xa7\xfc\x1b&gt;\xfam\xd3\xb6}\xf7\xddB\xee\rNq4b9\xfe\xd3\x84\xe3)\xb2zQ\xcb\xfe\xdfbm\xe1&lt;\x00\x80 \x92\x8f\x18J]~&lt;\x83\xfb\x1c"\xc9\xd8\xeb\x9d\xc9\xbaTv\xb2\x07\xf8\xc2g\x85+\xdfLw\xcb7\x14\x8d\xa5\xb2C\'C\xb0\t\xc3\xde\xdb\x03\x94R\xb0\xbc\x18e\xefu\xf8\xae2\xfb\xaf\x15}\x19\xb7\xa8h\xc0i\xf4z\x0c\x00\x00\x10\xe28\xe0\x18H/\x1aE1)\x81G\xbe("\xad\xa0\xf6\xbbf\x06\xe3\xa6.Ry\xdd\xcaTrT7\x05\xea\xcd\xf4\x9c\xd40\xbc\xa7\x13&gt;6\x0f\xd1\xa7/\xcf\r2\x8d\xad!=\xcdm\xd2\x90\xfd\x03\x00&amp;\xe5\xd3\xb7 \xd51\xbd\x981 \xce\xb4I\xf3\x1fG+\xb01\xd6&amp;\xdc\x05\x00c\xce~\xf3\xe3W,F\xb4\xc8\xa7\xde\x87\x15$\x07\xfc\xec\x84\xddq\x847\x15NLV\xefx|\xe9i\x13\xc5\xb4ZJbQ\x81o\x7f\xa3\x9c\xc5\xd2S*\x00\x00\xe4\x12\x8a)\xf9\x81\xe6\x85\xf6\xd4\xdf\x8cV\x83\x03\xd6\x90\x889S\x98\x9eG\x93K\x900\xd7X\x97\xfe\x04\xcfhm\x9e\x19\xe4\xac\x13\xe0lq\xaea\x1fo\xe8\x9e)\xa6UQ61\xcd\xb0\x7f1\xc9\x94\n\x00\xb8\x0f-B\x9b\x16\xad~^\\x\xae\x0e\xb7\x99\xbanN\xdd\xe3\x13\xbf&amp;\xd6\xcb\xdf-\xe03\xad\xee\x0f\xd8\xfe\xdc\xc3\xc3_q\x8e3\x15\xe3\x10\xb3\xf0E\x02\xd1d1S\xf8\x14M\xb8u\x92\xf7\xa5\x8b\r\xe8\xbd\x10s\x19\x00 \x8f9\x82\xc5\xb0\x93\x12\x08\x9a\xb3\x11\xdd\xbe\xfa\x17e\xdd\xd4\xac\x7f\x87\xf9L\xbc9k{\xdf{&gt;\x97&amp;"\xa5\xbew\xb4\x16\xd7a\xbe\x1e\xbc7\xe7\\\xf0\xca~\xcb\x0b\x86\x91\xe2\xa0\x14\xb9\x10\xdb\xff\x00\x80\x1c\xc21\xe8\xfei\xf1\xd9\xc0{\xb7\xf4JM\x8bv\xc4\x95\x1a\xc2\xa0x\xaa~^w\x9a\x1f\xe2\xc0\xb7\x1e5\x17\xe5\xd5G+pa\x18S\x9e\xe4\x91\xfd\xd2\xeb\xfcJb\'\x0b\x00\x90Ez\x1f\xb1\x91\xf0\xd9\x90\x8b\x9b\xae\xd1\xaed\x87\xb9\x89\xad\rZ\xcc|\x1f\xd2r6\xcdU\xd8:\xd5\xe3$\x10#v\xfe\x1eh\xb563IS\x93\xf3\x07\xe7\xaak\xc1\x98\xcb\x04\x86ss\xa3q\xf4tC\x07\xb2\x7f\x00@\x1e\xd1\x90\xf1X\xa1Dv\x01 4\xd9\xc81\x952\xa5\xfcV&lt;\xdd\x14}\xc7+\x11\xa9gm:\xa1\x1e\x13\xf6ZE\xedO\xf6L5\xfd#\x1d\x99\x0f\xb2:\xa5e\x07M\xd7\xef\x17r\xc82=q\xf8\x07\x00\x90\xc5\x13K\xecgV\x1f\xe8G\x04E\'\x86eYmj\x19\xf6\x8dI\xfd\xc0\xb0\x19\xe8\x1e\xd3\xc2\x93\xc2?\tL$\xd4F\xbd\x83\xfe\x97RJ\xa9\x7f\xdc\xc8x\xcbQ!\x11\x11\xfd\xce%\xb2\x130\x02\x81\xc4\xeep.=\xe07\x0b\xf1|\xc1\xbd}~\xf6QF\xa4\x8a~\xfb|\x9bt\x1ei\xd6\x06\x00\x00\x01\xc47\x87\x9c\xcd\x98\x17n\xb9\x05\x85\x8d\x1f\xb3\x07+\x8cL\x1a\xee\xebt\x1a\x91\xe9\x1b\x17\xb8eg\xb7\x88\xe8\x19\x1d\x12\xaf\xad\xc6\xff\xa5\xdano\xf7\xa6\xbe!\xd3Z\xa3\xdb\xa6\xb59\xae\xafHZm\xb7iD\xa4\xd4O\xb7\xd1\x07\x00pm\xb0[\xb0A\xa5\xfb.\xb9U\xa8\xd5\xe8-+\xe2h\xd2\xb4\xa5\x8dxv\xa2g,*\xea\xb4$\xe4\xd2\xe7L\xda\xa9\xb3\x88\x88\xe5~R\rl\xce\xe9\xed\xcb\xa2\xce\xf1\xb5\xb6\xa0Y\x13\xf6Z\x97\xc3R\x17\xf4\xf3\x16\x10\xd1\x92\x18;C "\xd5G1=9\xbe\\\xf4;\x87O\xc2PF|\xe80\xa9\x01\x00\xae\xcb\x13Cj\xbd\xec\x1eL\x15\xeb\xc1\xa0\xf5\xff\xfb\xd6&lt;\xfe]1"&lt;cYR\xf3\x9f\x98a{\xcf\x99&lt;\x97 R\xed\xb6Ke\xf7b\xcd\xb4\xe38t\xdex\xb3w\xaf\x94\xcc\x7fNuod\x1c\x13&amp;\x82\x8b\xf6_\x90$i(\xbb\x00\x92\x7f\x00@\x88\xc2\x05@e\x12\xd9bO\xa2\xfe\xden\x97P9$\x1e\x1b\x95.\xfb\x13\n \xccb\xa6\x92]\xde\xfb\xc1\x18V\xcf\xaeT[\x17\x12m\xa8\xe6i\xcb\xfeI\xa2\x9a\xfa\xd5\xa9\xb8{\x13\x91\xfa\xa2k\xbf_u\xe65\x7f\xffXt\xc5\xe8W\xe6\xd5Kz\xc7\x04\x00\x00\xae\xcf\xc5\xcfw\x82K#sD\xfbW\x9a{ob\x8f\xbf\xe5\xf0I\x8f\xcdm\xfc~\x01\xe7\x05\x88\xe9\xb7^jk\xaa\xaaF\r\t)\x08e\x0c\xaej\x1f\x9a\xed\x05q\x00\x00\xb0\xf3\x81\xa3\x15(\x01\x0b\x000\x02\x19\xaf\xcb\x15R^c\xc1\x85\x7fChL\xb1^m\xbe\x96\xf9X\xef\xf7\xe7\x1f\x8c_A\xd6\xff\xbeJd \xed\xb9\xf3A\n_\xc0J+\xdd\xec#\xde\x17\x9c\x95\xb0`u\x00\x00\xc0b\x0fv\x9d\x02\xd0GH\xc6\xd6\xcbL\xf3 \xc5\x95:1\x9d\xae\xf1\x06T\xa7\x05\xc0\xb4\x9c\x91\xe7\xf9\xd4s\x1c\xad\xfb\xab\xfa\xf7\x9e\xbf\x89\xfe\xf7\xc0/"9\x1f\x14X\xccwI[\xcb\x7fMe\x1c\xabv\x8c\xdb\xf9U\x1d#\xe6\x14t\x01\x00`\x0c7L\xa3?\xad\xef\xaaf&lt;\xf7\xea\xbe\x8bC\x8a\xe8\x0b&amp;x\x8d\xe3&gt;\x04r\x85\xd8\xc9t\x8d\x0e\xdc\xfa\xbc-=&gt;\xfc\x82\xa3\x80\x7f\\\xbb\x12\x1a\x04\xb4I\x87\xd8\xcdB\xf7p\x1ek\xe2\x00\x00&lt;8\xecT\xe3b\x91\xb1bj\\\x8f\x1c&lt;IH\x9a\x00\x1fw\x9e"\xbdR\x17\x80bD\x16\x00EB\xec\xe34\xc7\xc75\xca$\xea3+rtN/\x00\xfe\xa3g\x01\xf0\xd0#e3\xe95\x97\x07D\xa4\xfe\'\xc7u=\x9e\xd0H%\x00\x00\xb8!\xccS@\xa4\xd1G\xb1\xd6\x84\x1a\xe2\x9f;\xe5O\x85\n\x9e\xb4\x16\xed\x91+\xf5\xef?o]Aw\x87\xff\xfdG\xc5\xd5\xa2JF\xab\x93\xf4\x1bO\xd6\xb6\xb1\x06\xb9\xac\x9f\xeb%\xd6\r\x08\xe6V\x05\x11=\xe9Jn\xdc\x82k7\xbfl\xed\xdaD\x95)\xb8q\xd3\x00\x00\x83a\x1dY\x1e\x9a\xfd\x0b\xd7\x1bi\x8b\xfb\xf9O\xc87\\LZ\xc7\x1e\x19\xfe\xc0bo\xac\xc6^\xb0\xd5%\xe7\xe0\xb5fZy\x7f\xbb\xde\xf7\xac\x01\xcc\x8a\xb2*}\x14\xff\x94dF\x8bM\xa8\x12\x00\x00\xdc\x10\xe6)\xa0\x9b\x90\xb5\x00hQ\xbb\x941{\xe6:\x8f\x93\xfa\xaf\x98\x8d\xbdX\xdbK;\x8b\\\xe7\\E\xfdXx\x87^\x86\'\x87\xb2\x7f\xa5\x94R_\\Z\xdd\x97\x96\xd8!s\x84^\xc91\\\x1em\\\xdf\x08\xf4\x1a\x00\xa0\x8e\x86\x93z6\xbd\x14\xf8c\xf1\t~\xc0\x8cXZ\xe3\xf0.kA\x97F\xdd:\xe9)\xcb\xea\x8e\xcd~\xf7C\'5oc\xbd\xb4\xda\xffg\x81H\xef\xdfq%\xb2*\xf8i\x9f\xda\x97J\xac\xaf\xa2\'8y\xbf\xcbx\x17\x00`v|\x1bo@\xa9\xc0\xec(g+"\xa5\x9ee\x84\xe5\x8dS\x16\xddk\x1f\r\\\xddD\xcb\xef]\xcb\x902W\x02\xa3\x1c\xa6f\x1db(/\xd9\xfb\xfe\xe7\x13\x06Z\xe9ay(\x9bc\xb2\x06\x00\xf0I\xfcN8\x11-J)\xd6\x8f\x90\xd3\xc3\xfc\xea8\x11\xf9\x7fO\x9e\x88\xae\xf8;\xf3\x07\xc7\xfcq\xe9V\x00)8\xfe0\xdeg\xb4\xacgY\x96\xf5_\xae2\xa1\xcf\x1f)p= \xc1X\x9dYFT!\x04X\x00\x00\xb8,\xfe;\x00\xbd\xb5h\x00\xee\xf9\\\x90V\xfd\xc5t\x06"R\xea#\x1a\xe9\xc0\xe7P\x95\x88\x94\xfa\x12\xf7[\x7f[\xe0\xed\x8fM\xe7\xfbW\x88\xae\x00\x00P\x8bs\xeb\x1f\x80\x0b\xf1\xcb\xcdk\x90\x18\x17W\x1c\\^\x9d\xfdI\xdec\x04\x10\xba\xec/\x00\xb4`\xc8\xacQ\xb6\xcc\xd0\x0fd\xa2\x13\x01\x00\xb2&lt;)]\x84\x87\x1eO;\xdf\xdf\xc4\xcd\xd4\xdb\xb1\xfa\xd2};\x96\x88w\xac\xae\x0e\x89\x1a\xaexV\xc1\xab\xb3\xff\xcc^{ef`Y\xd4MG\xd3\x9c\xc7\xb7\xec\xf0\xa5\x1fR\xcb\x90b\xa6\xfb\x96\x03\x8f?z\x07\x00\xb85\x1f\xce/:n?~\xaf\xae\xa8\xdecW\xe6\x116\x02[#n\xc0\x87z\x80\xaf\x08\x18\xe7qA\xbc*\xe0Rq&gt;\x16\xfdp\x03\x1c\x00\xd0\x90\xdc\xc8\xd2?\x1em\xd5\xd1\x96\xc1\xf3\xaf\xb2\xdea\xa2.61&lt;\x0c\xe8\x11\x00&lt;t=\xb6~T\xdaR\xf8\x0b\xb7\x14~r\xa3 \x8f\x05\x00\x00\xe0\x811\xc2\x1f/\x0e\x12\xd1\x9f1\xdf\x02n\x04P\x04SpA\x90\x048\xccd\x90a\xa7\xb7%+m\x9an"\x91\xcd\x07\x0b\x00\x00@\x1dZ\x04\tn)\xddk\x8f\xdc\xdf\x84on\xb8\xa3v\x03\xa3]\x83\x87}N.\xdc\xf0\xf3\xc58\x91\xc1{\x8bq=/\xff&amp;\xdb\xbcko\xce\xe5\xcc\x1e\x17\x92S\xef.\x93KO\xb0\x00\x00\x00T\xf2+\xf4\x11\xbc\xfc~\xa6X\xd3\xe8-\x9c\x93\xb4\x0e\x142\x8d\x7f\xf6&amp;\xdcp\xfd\xa8p\xe2&lt;q#\xdd\x86\xe2\xf9)\xae\x8b\xb44\x11\x8a\xa7Z\x1b&lt;\x08\xf3z\x0ec\x8c\x03\x00@9\xbd\xe3K8\xa7yv\xfc\xc4\xa6\x0e\x82\xfe\t)\x155\xc8WLa\xabnC\x89L\xe2\xa5:\xe8\x93\xe4\xbdE\x07\xb2\xd5\xae6IR\x1b\xbb\xa5Vk\x99\xad\x98\xa2sA+X\xc3\x1c\x00\x00Ji\xbd\xed\x84\xc8\x05\xda\xf3\x92\xa3\x15X\xe9\xe5\xeagN\x10&lt;\xdd\x17*\xd0?\x99\xd8j$\x92Z\xa7\xa8\xf3\x80\x11\x00\x00 \x00IDATYY\xd1\x852$\xce-\x9d\xae\n\x81\x89\xb1\xd7\xf9O\x83o\x00\x00\x18X;d\xcc\x92\xa1\x025\xd3\xd2C\xef\xe2\x83\x87f\x8c\xdb\xc7w\r\x87,\x00\xf6-\x06nPb\x8a\xb53\xa4\x9c\xab+ko\x01\xb2\x7f\xa0\x83\x05!\x00\xa0\x80\'\x8e\xbf\x92\x11$\xf9\x83#\xcb\xb2\x84\xcap\xc2\xd3\xb2,\x9c\xdfIA\xa4s\x98\xcd \xc1\xcd\xcb\xaeZ\\\x89\xbc\x9f\xf2\xe9:\xdfw\x1cn\xcb\xb2\xa8\xc0\xaf\x1d\t\xd7\x92@3/\xcdx\xc4\xae\xf1o?M\xd7\xde\xe9Y-\xf6\xafG\xcdM\xd6\xcc\x8b\xf5\x00\x00\x80\x85q\x06\xe0g[\xbd\x06\xa7i&lt;B\xb0kM\xd9\xa6\xe9\xe1W}\xef\xed\xfc\xbb^\x15\x8d\xa5\xf9\x1b\xab\x9a\x1d5\xe9\xbd\x01\x7f\xc6\xb7\x9c\x0b\xf4\x7f\xd4\xebp\x1dp\xbe(\x8f\x8a\x9bK\xed\x98D\r\x00\xc0\xf4t\x89\\\x0f\xb7\x00h\xa3\xd5w\x8bH\xd168\x9d?\xbc\xa5s\xf2\xa7_\'c\x010\xd9\xd4\x08\xb8\x1c\x1d\xf7%\xd9}\xf7\x9ew\xea\xee;\xb5\x85\xc1\x7fi\xbc\\\xaf\x0c\x05\x9d\xfa\xc2U2\x14\xc4D\xa2\\\xdf-\x12\x00\x00\xd8\xc9\xde!+\x11^%AJ\x99\x9e\\Bmv\xefP\xce\xd6\xe0\xb3X\x15\xbc\xd9\x15L\x01\x82&lt;5\x96\xf7X\x1f\xabN\x1b\n2\\E\xcfn\xb4\xee\xbb\xa6sMCb\xf9\xbd\x9e\xfd\x97\xb4+s\xf1\x807\xc0\x02\x00\x1e\x86\xcbN\xd2\x17U\xdbK\xd6\x02\xa0\xa2\x1a\x01\xf9w2{6}\x92oc\xcbS\xe8\x9d\xbc\x83\x86\xb9\xf5\xb4\xf1C;\x8f\xba\xd4\xe2m*"\xcb\x83\xf8\x13\xed\x95\xb7\x0e\x00\x00`\x00G\xcc\xea\x18\xbc\xf4l\x03\x11\xb3\x1f\xde&lt;\xafM=\xe8\xd6\x1a\xe8)\xc1\x8dyI\xc3\xd6\x9fy\x98\t\x84\x14\x1d\x18\xa1\x88\xc0@0\xc7H]\xf6\x8f\x05*\x00`\x06\xf4\xb0\xd53\t\xc8\xca&lt;\xaas\x14\xed\xc2+&amp;:\xdf)\xa8\xb3p\xfaX\xf0\x15`b\xf9\xfc\x8d2\xf5&amp;\xec\x96!\x05+]\x92\xa9\x8f\xc4\x1cw\xc9\xea\xc7 F1\x00\xa0-\xfc\x10\xd3-\x18\x99\x15e\x9cE\xa9\x8e\x98\x88\xb6m\xc04\xd6\x0bd\xff|`(!\xfa\xdb\x90\xbf\x83^S\x05\x95\xed\xc1\x13e\xccYv\xa5\xceJ&gt;]\xfe\xc7\xe1\xc3\x00\x80"\xf6(\xb3\xfdw\xb4:\xe5\xf4\x9a\xce\x0b\xaa \xa5\x90\x04+\xa5~d\xb4\x02\x0f\xc1TI\xad\x842\xff\xaf\x80\x1e\x00\x94P\xbe\x9c\x16\xb9\x03\xa0bG1\x9f\x84\xd5&gt;\x00\xa0\x9e\x16Ad\x93\xd9:&lt;\x1dA\xf0Ye*"\xed\xbf\xc7\x0b1ke\x8a\x84\xe9C\x08"&gt;\xb8\x04en\x0f\xf7\xbe\x1cN\x97\xa1\x07\xa56\xa4bB\xb0\x00\x00\x00H\xf0\xd3YA\xe4\xbe\x11\xc7\x0c\xa6\xc7\xed\x91J\xa1\x95K\xac\xfdZ,\x00\xe2\xc0,\x13\x12{#\x8a\xff\x82\x8b\xdf\x8a\x04[\x14\xc5\xdbE{\x00\x0b\x00\x00.\xc0%C\xd5\x14\xd9\xf6(\x1d^s\x82\xb6\xb3\x99\xa2\xa7\x9a\x91\xdb\xba\t\xd3#\xfe\x02\xe0So\xdd\x95\xa0\x12\xd2\x88\x17\xec\xa4P70.\x00\x00]\xb8\xfc[2\x8e\x1c\xa8\xaa\x15W\xb6@%\x97\xee\xfd9\x18s\x8f^\xeel\xc0\x00\x07\x80\xd7\x818\x9a{\xc7\\\x85:\xbd\xcb\xb8\x1f8\xf0\x03\x00\xa8\xe1\tN\xa15\xce\x1c\xe7N\x9a*\xd4\x98\xa5r\x0e\x10k\xfc\xa4f&lt;_\xedz\xf1\x8e\x9e\x91\xd5\xa2K\xefJI)\xb5,\xcb\xb2\xd4\xd7\xfc\x9c\xb9\x95W\xd7\xa8N\xad\xe1\x90 \xc0+*\xb5,Kzlu\x1e{\xb9d\xde\xa6\x13\x1a\xd4\x00\x00\x90\xa2\x7fR(R\x1d\x11)\xf5.\xeb\x9f\x95b\xef\xfd\x14\xa3\xde:oK\xdb5D{\x98aR[\xe9\x96\xa9\x11r\x15g\xa8\xc0t!\xc1\xe7Ag5\xddct\xeb\x03"\xd1\xa79\x8e\x01G\x02\x00\x00I\x04C\xea\xbd\x03\xb4\xd6:\xdf\xfd\xf4\xb6\r\xbf\x90U\xab\xdf\xe57\x13\x7fBX\x9f\xf3\xac\xd1\xfa\xc7\x9ft\x1e\xa3\x17\xadn\x06\xc6\x1c\xeb\x02\xad\xe9\xbf\xdb\x05/\x02\x00\x80Ii\x1d\xa3\xa7\xd9\x02\'\xf53ej\x84\xae\x9a\xa1Q\xa0\x07\xd6\x02\xc0\xfd\xbe\xbfJ%\xe4\rs\xfa\xdf\x90\xba\xdd\x90\xab\xdc\xee\x86\xef\x01\x00\xc0N\xa3L\x9d\x88\x94zwq\xb1\xba\xfcI6\x81&amp;Q\xa3/\x0f\xd8dA\x0e\xeb\xc5\x17\x00V\xe1\xc1\x84\x8f\xba\xcd\xa2!\xe01\xbc\xbff~\xc2xZ\xc5\x00\x00@\x9eK\x86\xbcy\x16\x00# \xa5&gt;{d\xf51\xcb\x93^\xae\xbd.W$\xfb\x05\xff3\xe0\x19qD\x9fu\x1d\xfdw.\xa7\xb0\x0e=K\xfdO\xe4\x8e\xb7@\xc9I\xb0\xf5\x92\x1fc_E&amp;\x88E\x00\x80\xdb\xf3(a\xeea\x17\x00\xe7\x94\x16-3\xc8\x13\x1av\xca\x8d\xba{\xaa\xd7\x04s5\xd1\x1c\xcf~Xy\x95\xf0\xa6DJ\xbdZ\x03\r\xc1\xc1$&gt;SKI\x80z!\xe2\x84\xbeC~\x84B\xa5\x01\x00\x0f\xcc\xf6\x12\xb1#\x82&lt;]\xa9\x17\x9b\xe6\xcdbD\x84\xd7\x9c\xf9!\xda\xbb\xee\x1e\xf6\xa1\xadA\xe1\xee\xa6\xfdu\x96\xfd\x94\xd2\xaa\x96\xabw\x1dh\xf7\xe85\x03^\x07\t4?\xd9\x1dG4K\xf6\xda\xa6\xb3\xb2\x1d\xefl\xcb\xee\x97\x15\xfa&gt;\x10\xcd#6\x917D\x10\xd12\xba\x9b\xf2\xdb\xee\xc9\xdb#\x12\x92Y&gt;\xe6J\x00@\x16\xf6\x02\xc0\xf8nY\xbf\x1a\x14Y\x88(\x1c\xd4\x1e}m\xb0w\xd8p#t\xcc\xcb\xd3\x8b\x040\x0eNf\xbfyme\xae\xc6\xca\xef\x03\x99\xa2W\x94+g\xff\\!\xf5\xcf\xa2}X\xa6.=\xd2\xa9\x16oJ\x1f\x99\xf2\xe2\xe2\x86\xcf\x05\x00\x80k\xb1\xfd\x10\x98\xf7\x17E\xd6C\x86\xc3\xa2\n~\xe5$\xc2\xb2L\xf5+0]\xeeA/\xcb\xb2 \x1f\x9b\t\xfd\xecA\xfag\x98\xd6\xf5\xdb\xb2\x15\xae%\xe1\xfb\xbc\xa11\xd5 \xba\x01o\xda\xbc\x86\xd2\xce\xca\nP\xdfUXIZ\tC\rO\x0c\x87/\x02\x00\x861\xe8p\xe1\x0cOq\x85\x98\xfd7\xaa\xc6\xf2\xbf\xe1\x04\xea\x03\xc3\xef\xfak\x9dT\x1e\xa1\xad\xfd,\xf2\x85\xcce1\xdf\xc1t\xa2\xbcGfk4\xff\xa0\xd0\x1b\x81\x84lb&lt;m?\x99\x9d\x01\x00\xa0\x84/\x19\xad\x80\x0f&lt;huO\xee\xd6\x95p\xce\x9bq\xdd\x80\xe3\xec\x1fM\xd1\x8a,{\xd6\x19\x7f\x7f\x1a\xde+\xe1\x9a}\n\x00\x00J)\xf5\xd6fp\xbc\xe8,\xc5fm\xdd\xdb\xdd\xbd\x99\xe2\x0c3W\xb2\xa7\xae\x9bZE(m\x11=\xff,/\x13\xbca\xa7\xd4pi/\x1dq\x0f\x99A\xc7\xbbUA\t\xcd\xad1\x99\xcd\x01\x00\xb7\xc2\xdc\xd4A\xac\x01.\x81I\xa8\x83\xab\xa4\'\xbf\x0e\x13d\xffAQV\xe3$\xb9\x02\x11)\xf5Q\xa3\xb5\xe8F\xc6\xfbI[\xab\xd2\x94\xa9\xee\x00dR\xadv\xe4\x0e@\xcbw\n\xcfv\xe3\x05\x00p}~.\x18MR\xb3\xd4e\xc3\xd0\xff\x98F\xf3\xdd\xc2\x9c\x84`\x92\xa4\xc1{\x07\xbcO\xe6\x1d\xbc\xf9.ZOZ\x87k0\x87\x9e\r\xcd5G\x03w\xae\xe3\x18\x97\xa4\xd7\xf0\x9f\x94\x19\xef\xba\x00\x00.\xce$\xd1\xc4\xaf\xc6\x1a\xec\xa4C\xde$M\xb6h\xba\xb7\xddb\xe6\xf0\xff\xb8\x92\x9cx\xcfM\x86p+\xb8?\xb5\xc3)\x14\xf1FL\xc0L\xfe\xe9n\xc9G1\x17\x1c\xa3-H\x7f\r`\n\x00\xc0C\x10\x8dtt.\x12\x06\x07\xc4s~\n+L*\x9c_\xee\xbc\x95+W\x9d\x93_a\x1b/8a\xf8\x1a\xfb/#\x0b\x80\xc4\xdd\xaaL\x0f\t\xbe\xe8\xa3\x93\x19/\xd6Y&amp;\xcfM\x16e\xcd\xf1\x9a:\xd2\x05\xbe\xcf{\x9c\x97\xf8\xa1*\xc7@^\xcb\xa0\xce\x91\xee\x859\xb2\x00\x00\xa0\x0b\x1f?[\xc4\xb1\xf3\x0c_\x91\xce\xca$\n\xfd\xe7\xec\x9d~F\x1b\x85t+\x12\xdc@\xa60D\xa4&gt;K\xa0\xf95\x0b\xb0\x9c*\xb6?\xf9\xd7HgEB\xae\xf2\xcc\xaa5\xc0\xee\xb1\xcf\xe5~\x9e\xd7\x0b\xedC\xd6\xaej\xf9\xa3\x1a\xb3\xc5\xd5\xe98\xad\x140\xd4\xf5\r\xc8t\x03\x91\xe9\x00\x00\x00n\x00\xe9!\xf1\'.\x10\x10\xab\x16\x00\xe5\xb5\xb6J^/\xb0\'\'5M\xf6\x98nKw\x91EU\xe8\x97XD*\x92Sc\xee;6\xdf\xdf\xc7\xda\x17J\x16\xcf\xc7\xa2V\x9d\x7f\xa5t\r\xd9\x12\x9e&amp;9q;\xd7\xe1\xb1\x00\x00\x00tb\xe6X\xd3~;\xc4\xca\x9e\x8b\xeb*\xbc\xb0\xc3\xdesR\x05\xff\xa7\x1d7\xa2\xca*\x12U/oz\x16\xaat&gt;.\xd6\xb4ki\xdb\x86\xabl\x18\x1bY\xfe\xa6\xf054\xf7\xd1t\xab\xfe\xbaf\x01\x00\x00A\x10\x07\xdb\x12\x9di\xa6\xda\x99\x9b\x04\xcc\xcd\xb3\xf0x\x1d1\xfa\xf1\x95*\xe6\xd70\x83\x96\x0b\x80C\xec\x0bKK\x06\x00\x80Yi\xbc\xd3\x0f\\\x84\xef?\\!\x1d\xa1\xcaV\xcf\xd9:\x9f\xd9g\xd4S\x92\xae\x1d\xf1\xe3\x1d\xeb\xf2\xe0\x1dVM\xf7\xa1o@C\xb3\x10\xa9w\xa1\xf2\xfb\xb7\xd1\x8eC\x87\x02\x00",=+[\x83\xd1\xb2,\xeb?\x94Rj\x91T\x80\x88\x96E)\xb5\x1cQo\x91\x96_)\x93\x88dU\xba%\xfa\xa4\xb5v\xe88]\x82l\xce\xb0\xcf\xdb\x05z\xce\xe9\x0c\xb6\x93\x13\x91\xf48z`\x88h\xb0K\x07\x82\x18\xed\xf1x\x80b\xf5q\xb5\x19\xb4\xf7\x14u\xe9\xb2\\\xf70\xd2{}\xcc\xae\xff\x9e\xd8\xb0\x00\x80\xf1&lt;q\xfc\xd5a\x13hY\x963\x18-K\x93\x07N\xc9\x08\x8aT\xf7X\x98\xa0)\x88\xe8{Vi\xec\xe7\xbd\xa4\xaa\xbe(\xbb\xab\x1c\xb3\xd7\xf0\x87\x1c\x0c\x96E-\x8bR\xcb\xb2|V\xe12v\xce\x89\xd9\x18\xa4SY|\x06jG\xe5j\xdb\x91\xfd\xbe\xf8\x1do\xb1\xfa=\xcc\x03y\x84\xbe\x11\xd1\xb1\xda@]\xce\xd4\x1cx\xa7\xdd\x96\xf5+g,\x03\x00\x80\r9\xf4\xbb\'.\xbd\xde\xf0\xb4\xa5N\x94\xfbq\x8dz\xea\'\xf9\x97_n\xa2\xbd\x9c\xc2\x07\xd7\xd5\xbc\x07\xde\x13#C4iO\xb2]\x17l\xb8\xe8.\x86\x94\xa8\xeb\xd3\xdd\x14\xe6|\xb4OO\xe8\x11\x00@\x15z\xba\x9c\x9d4Ov\xd0\xd0\xcc\xfe\xdfX~\x81!(\xed&amp;\x1cn\x93a\x9c\xd9\xcc\xb8\xea\xe3.\x1d\x07\xe89\xff\xbc~\xcbQ\xe0\x8bc7l\xe6\xac\xc0\xd4i\x8e\xc8\xd0\xfa^=\x00\xe0\x11\xd0\xee\x0f\x12\xa9\xa2\xc3\xa9\xd3\x1c4\xdc\x0ec\xaf\r9\x1e1 \x92\xd4\x8d\xd3X\x9a\xf2lwk2\xdd\xa0\xcf\x99\xda&lt;\xac\tuY\xce\x13\xfe\xfdu\xe0Xr\x8c\xa7\x11\x91R\x0b)\xf5\xc4t=X\xc7\xd6\xd7\xabU\xcf\x8eP\xc2\x8f*\r\x81\xf6\xe7\xa3:V\xb7\x10Q\xd4zk.\xbb\xfdc\x96\x98\xa9)4T\x0f/[\xd8\xcc\x8a\x12\x00\x00\xe0\xe5|\x06@\x95\x1eN\x9d&amp;\x06\xed\xfa\xef\rY\xb63\xda\xc2\xea\xb9\xcf\xcf\xc9\xca\x7f\x0c\xb8\x9d\xd2s\x97kY\xce\x93\xd0\xda\x13\x08]\xdd\x9b\xe9\xad\xb9\xabny3&gt;\xa1\xd2Oe|\xfe\xb5\x86\x86\xd1\xd7\xfa\xd3JV\xb9\xcbn\xbe\xf6\xcb\xfe\xcf\xff\xaa\xc8\x19\xa4\xedy\x84\xedq\x1a\x9f\x9c\xfev\xde|z\x929\xcd\xc6Pk\x96\x89\x17\x00p\x17&amp;\x9a\xd8\x88H\xfd"\xf7\x91Y\xd1\xa9\x82\xde\xfa\xc2\xa7YZ0,\xe3\x99\xff&lt;L1eM\xfb4-\xbb\xe2W$\xde}\xbcC\x08\xd7\xef\xb8\xc0\x1b3\x87\xe82\x19\xbf\x914E\xcdI\x15\x9cr\x01\x00\x80\xceL\x14p\xf9\x13@\xe6\x01\xf4\xb4\xbc\xf2+\xef&gt;c\r\xd8\x93\xbb\xafI\x0b\xb2\x9c\x82\x87\x13\x84\x13)\xa2/&lt;\xd5\xbem\xd7xq\xfb\xeb\xc6\xce\x19\xc1yT&amp;V\xb4\xad\xfc"\x1e\xb3\xd7\x00\x00\xe0B\x843\x8cV\x11\x1c\x13\x03\xe8Jm\x96#\xff\xce\xae\x844-\xef\x1f?X:grgV\xfa\x1f\xcfg1{*0\x07DD/\xd0\xb2\xe1d\xd2\xa2</t>
        </is>
      </c>
      <c r="E272" t="inlineStr">
        <is>
          <t>&lt;class 'numpy.ndarray'&gt;</t>
        </is>
      </c>
    </row>
    <row r="273">
      <c r="A273" s="1" t="n">
        <v>271</v>
      </c>
      <c r="B273" t="inlineStr">
        <is>
          <t>steps_per_sec</t>
        </is>
      </c>
      <c r="C273" t="n">
        <v>3100</v>
      </c>
      <c r="D273" t="inlineStr">
        <is>
          <t>3.0042896</t>
        </is>
      </c>
      <c r="E273" t="inlineStr">
        <is>
          <t>&lt;class 'numpy.ndarray'&gt;</t>
        </is>
      </c>
    </row>
    <row r="274">
      <c r="A274" s="1" t="n">
        <v>272</v>
      </c>
      <c r="B274" t="inlineStr">
        <is>
          <t>Loss/RPNLoss/localization_loss</t>
        </is>
      </c>
      <c r="C274" t="n">
        <v>3100</v>
      </c>
      <c r="D274" t="inlineStr">
        <is>
          <t>0.06991039</t>
        </is>
      </c>
      <c r="E274" t="inlineStr">
        <is>
          <t>&lt;class 'numpy.ndarray'&gt;</t>
        </is>
      </c>
    </row>
    <row r="275">
      <c r="A275" s="1" t="n">
        <v>273</v>
      </c>
      <c r="B275" t="inlineStr">
        <is>
          <t>Loss/RPNLoss/objectness_loss</t>
        </is>
      </c>
      <c r="C275" t="n">
        <v>3100</v>
      </c>
      <c r="D275" t="inlineStr">
        <is>
          <t>0.015667189</t>
        </is>
      </c>
      <c r="E275" t="inlineStr">
        <is>
          <t>&lt;class 'numpy.ndarray'&gt;</t>
        </is>
      </c>
    </row>
    <row r="276">
      <c r="A276" s="1" t="n">
        <v>274</v>
      </c>
      <c r="B276" t="inlineStr">
        <is>
          <t>Loss/BoxClassifierLoss/localization_loss</t>
        </is>
      </c>
      <c r="C276" t="n">
        <v>3100</v>
      </c>
      <c r="D276" t="inlineStr">
        <is>
          <t>0.27584082</t>
        </is>
      </c>
      <c r="E276" t="inlineStr">
        <is>
          <t>&lt;class 'numpy.ndarray'&gt;</t>
        </is>
      </c>
    </row>
    <row r="277">
      <c r="A277" s="1" t="n">
        <v>275</v>
      </c>
      <c r="B277" t="inlineStr">
        <is>
          <t>Loss/BoxClassifierLoss/classification_loss</t>
        </is>
      </c>
      <c r="C277" t="n">
        <v>3100</v>
      </c>
      <c r="D277" t="inlineStr">
        <is>
          <t>0.15914506</t>
        </is>
      </c>
      <c r="E277" t="inlineStr">
        <is>
          <t>&lt;class 'numpy.ndarray'&gt;</t>
        </is>
      </c>
    </row>
    <row r="278">
      <c r="A278" s="1" t="n">
        <v>276</v>
      </c>
      <c r="B278" t="inlineStr">
        <is>
          <t>Loss/regularization_loss</t>
        </is>
      </c>
      <c r="C278" t="n">
        <v>3100</v>
      </c>
      <c r="D278" t="inlineStr">
        <is>
          <t>0.0</t>
        </is>
      </c>
      <c r="E278" t="inlineStr">
        <is>
          <t>&lt;class 'numpy.ndarray'&gt;</t>
        </is>
      </c>
    </row>
    <row r="279">
      <c r="A279" s="1" t="n">
        <v>277</v>
      </c>
      <c r="B279" t="inlineStr">
        <is>
          <t>Loss/total_loss</t>
        </is>
      </c>
      <c r="C279" t="n">
        <v>3100</v>
      </c>
      <c r="D279" t="inlineStr">
        <is>
          <t>0.5205635</t>
        </is>
      </c>
      <c r="E279" t="inlineStr">
        <is>
          <t>&lt;class 'numpy.ndarray'&gt;</t>
        </is>
      </c>
    </row>
    <row r="280">
      <c r="A280" s="1" t="n">
        <v>278</v>
      </c>
      <c r="B280" t="inlineStr">
        <is>
          <t>learning_rate</t>
        </is>
      </c>
      <c r="C280" t="n">
        <v>3100</v>
      </c>
      <c r="D280" t="inlineStr">
        <is>
          <t>0.039987564</t>
        </is>
      </c>
      <c r="E280" t="inlineStr">
        <is>
          <t>&lt;class 'numpy.ndarray'&gt;</t>
        </is>
      </c>
    </row>
    <row r="281">
      <c r="A281" s="1" t="n">
        <v>279</v>
      </c>
      <c r="B281" t="inlineStr">
        <is>
          <t>train_input_images</t>
        </is>
      </c>
      <c r="C281" t="n">
        <v>3100</v>
      </c>
      <c r="D281" t="inlineStr">
        <is>
          <t>[b'1024' b'1024'
 b'\x89PNG\r\n\x1a\n\x00\x00\x00\rIHDR\x00\x00\x04\x00\x00\x00\x04\x00\x08\x02\x00\x00\x00\xf0\x7f\xbc\xd4\x00\x00 \x00IDATx\x9c\xec\xbdy\xfc\xbf\xcf5\xdf=\xd7/!\x96Zr\xab%D\x91\x88\x84\xa0\xb8\xedkh\xd0P[\x1a\x89]Pk\x10\xb5\xdcU{\x11D\x84\x10{\x11\x89\xa5\x04QK\xa9\xaa%\xf6\xa5Q\xfb\x1a\x89\x10k,\x15\x8d\x08\xe1\xdc\x7f\\\xdb\xecsf\xe6\xcc\\s]\xef\xd7\xf3\xc1/\x9f\xef\xfb=s\xce\x9933g\xce5\xd7\\\xd7{R\x00\x00\x90\t\x11\xcd\x7fL\xd3$"j\x95CJ\xd5\n\x047\x06\xc6Lo\x04\xa7?\x00\xe0(\xee8\xda\x00\x00\xc0M3Mz\x161)E\x07\x1a\x03\xc6\x84\x88\xb6\xa4\xd3aR\xc1\xaf@k$=OD\xe8J\x00\xba\x81\x0b\x00\x00@9\xe1\xb4,\x8b)\xf07\x00\x0c\xb0\x0f\xdd\x13\xa2\xe9\xa3\xb7\xbf%\x05O\xd3\x84\xf4\x1f\xb8D\xaf\xff\x01\x00\x00t\x844\x8e\xb6\x05\x1c\xc6:\x000\x12n\x8a{\x98\x01\x80p\xd7\x0e\xb4\x05\xe1\xa5\r\xd88\x01\x00\x94\x80s\xc0\xc0Z\x95\x8f\x1a\t\xebc$\n+Z_H\xd1\x92\xfb#\x08\xdc\x06x\xde\xe6R\xa0/\x01\x00\x00T\xb2\\\x0b\x1c\x92\x08j\xd7\xa2\n\x8b\x1a\x00\x8d0_\xd8\x00N\x0f:\x12\x00 I\xf5"q\x8b\x9bL\'YY\x07\xed\x1a\xfdF\xc4\xf0&gt;\x04\x00\xb4`\xd0\xe8\x04\x00\x00\xb7B\xf5\xb3\x017z\xd6\xf3\x0c\x87\\\x0f\xb70i\xc0\xe1\x16\x02\x00\xc6\x01\x0f\x0f\xc4\xc0[\x80\x00\x00\x92\xcc\x9b0\x15\xfb\xb0\xb7\xb9\x8b\xf3\xf43l]\xa7-\\\xae\xfdZ-\xba\t\x03\xb0\xd6\x97\x92p\x1c\x1e\xf2\x063\xe7\x1a\x06\xb3\xb1\xe7\xb2\x19\x00\x00F#\xe3]\x1f\x08\xb8\xb9\\\xe8U*m_\x0f\x15\xbf\xba@\x9e\xda\x88\x9bv\xec\x1f\xddj\xc3}\x9cn\x18,C\xf7\xb9\'3\x1b\x00\x00\x86\xe0B\xe9)\xe8C\xe3k\x00p\x007\xeav\x8c7\x9d\xd3y\x03o\xaa\x05\x00\x80\x01AP\xbe6y\xd7\x00"\xd7\x0c\'KP\xfe\xeb\r\xef\xac\x03\xd0\x05L1\x00\x00hNn\xc2\xd7\xce\x12p:n\xf3\xa7\xe5N\xd1\xdeS\x18yc\xa0G\x00\x00\x00\x0c\x03\x12\x05P\x03\xc6\xcf\x90\xbc\x0f\xfae4\xd0#\x00\x00\x00\x06\x02\xcb\xd2UA\xcfZ\\\xc6!\x9e\x86\xdc\xde}\x98\x93\x81\xde\x01\x12\xe05\xa0\x00\x001\xce\xf0.KP\xc8\xa9\x92BR\xea\x9f\xb7Wr"\x87\x04q\xe7\xec\x15Zum\x10f\x01\x00\x00\x80\x11\xe8\x9c\x1c\xb7|\xd7\xfee\x80\x7fV2\x87\xca\r&gt;\x89\x01\x00\x00\x00\x0008\xb7\xf8\xb0\xec\xd9\x08\xf5\xce9z\r\xa3\x0b\xdc\x02\x18\xe7\x00\x00 \x0c\x02kSp\x0106\xbd\xdf;\xee\x1b\x0f\x18\x1e\x00\x18 f\x02\x00@C\xdev&gt;\x9d\xf2:\xfcPKJ}^\x8e\x86\x13\xe4\xbe\x1d~z\x06\xd7\x00\x03\xd3\xa8\xf7#2\xe5\x06\xc3\x19~5\t\x83\x1f\x00\x00\x0087\xb9k9i\x8c\x9f\xa94\x04\x1e\x88"\x9b#2E\xed\xc5\x1a\xa4\xa7}\xba\xfb\x14\xb9\xf5)\x8c\x04\'\xe1v\xc7\x12\xde\x02\x04\x008\x1e~\x08\xd6_\x80\xf1\xea7\x1a\xb7\x95R\x8b#nu\xe5J\xd0$\x11O\x8b\xa2]\xf54\x89\'\xeb\xd3\xf6\x1f\xafn\xa1\x9cx\x9a\xa6\xf1\xdf\xe5u\n#\xc1I\x98\x94B$\x05\x00\x80\x03\xc9\xde\xd2F\xc8\xbe\xe4\xa9\xd6\xcfh\xf3\x93\xc0\x9d\xf6\xce\x0b\xcd\xaen\xac\xb8\xc7\xb0\xcb\x0e\xc0\xb5\xc154\x00\xa0\x0e"\xb9\xf7R\x13\x82\xd2I\xd8v\xba\xc5\xfak\x96x\xde\x9d\xdd-].hB}\xdbk\xb4\xa7\x04\xaa\xd8\xac\x8cN\x7f"\xf2\xdb#\x194\x00\x00%\xe0\x08\x10\x00\xc0"\xf1\xac\xa1\xb6/\xb8\x9dv\x90\x029\xc1Y\x98&amp;\xd1\xdeZ3\xe0\x13o9o\xde(\xd88\xaf?\xd32Woq\xf9\x94hML\xe3~&amp;\xca\xf2\t]\xf3\xe6\x15\x00g\xe2\xceG\x1b\x00\x00\x18\x0b\xef\xde\\`\xb5Ne\x1bk\xb5\xf3n\xeb\x82 \xd2{\xffJ)\xef\x9e\x94\xf8\xdev+\xa6iK\x96\x0f\xb9\x9b!\xabNB\xda\xfe \x84%\xab\xc1#\x12\xb7\tn\x99\x82rp\x07\x00\x00\xb0\xc3\xd9\x96\xe3g\x06X\xe2A\x12c\xc89\xc3\xefo\xce\xbdO\xfc\xb5G\x1b\xc0\xa3\xc4\xc9\xdb\xe3:\x89\xbaK\xb4\xb0\x83\xc6\x84#@\x12\xd4\xf9\xf0\xdc\x93\x0b\xd4\x82\x19\x08\x00\xd8\t\xed\\\x16\xefh\x12Q\xe2\x0c\xf19\t\x1en\x06\x99\xb8\xd7\x9c\x9ac\x8d/\xe1\xf0\xa18\xfb3\x1b\x00\xdc88\x02\x04\x00H3i\xc7\x1b\xb2+^\x91\x8b6k,\xb0A92\xd3\xc9\xce\xf1,\xa7\x11\x0f\xb6\x02\x80a\xc0d\x00\x00\x1c\x08\xce\xb0\xde:\xd6\x1d\x00\xeb~\x91\xfe\xedU/&amp;\x01\x00\xdd\xc0\x9d\xab\r&lt;\x03\x00\x008\x90\x1b\x8a\xc2\xe2\xbf\xe4z\xd17\xb5\x1bCb[\xa6\xb1`\x03\x00\xce\xc9\xa0Q\x1a\x17\x00\x00\x80\x1aJ\x1e\x1f\\3\xd7A\xc3b#&amp;\xe97g:\x7f\x9c\x1e\xdf\xeb\xa7\x8e\xb0\x03H\xb0Lst!\x18\tl%l\xe0\x02\x00\x00P\x0e\x11\xf3}\xde\xa4\xb1\xd7U\xea\x85\xb7/\x9b\xd98\x02-ZW\xfb\xe6\xf8A\xd0[1\xbf2^\xfb\xe7I^\x00\xda\x82\xdb\xbbB\x06\xe7\xe4\x852\xcb\x1f?\xaa\xbb\xc7\x93\xdb\x0b_\x00\x80\xcbc\'\xf5\xe9\x82\x06o`\xbe7\xfd\xe4\xbc`\x7f\x95G\xddH\xd1\xfa\xbd\xa1\xf6\x8b\x9eq\xba!\xd0}\xd7\xa5\xa0g\x1f"o\x05\x00\x00\x80C`_\x00(\xe70\x80U\xe5\xfc\x89\xc2\r\x9dv0\xae\xe2n\xa6\xd5\xa7\xe7\x90t\x1c\xd7\x00\xd7\x04\x17\xe7\x02D\x1c\xf8C\xfd\xac\x00\x00\x80\x03\xc1Zr6\xf4\'\x10\xae\xd0w\xb7p\xb7\xe1\x16\xda\x08zA\xea\xcf0\x96Z\x81y\n\x00\xb8\x19\x10\xef\xc0\xa1\xdcBr|\x0bm\x04\xbd\xc0@\x02\x00\x00 \xc0\x99N\x92 \x91\xba\xf1\xe6\x9f\x17\xcec\x1bu\x9d\x8b\x81q:J\xbaL\x8b\x81b=\x8e\xa8\xd2\x19\xbc\x05\x08\x000\x02S\xe77%\xd4&lt;\xc0\xbaZz\xd3\xcb\x15V\xebc)\xbb\n\xf5\xbe\x8b\xd6\x9a\x0bu\xefH\xc1\x0bONGM\x97\xc9\x05\x01\xc4\x13\x00\x00\x00\x1d\xa8|\x89\xcd\r\xfe\x8e\x01\x989\xe8\xfe\x8fG\xa3\x94\x19\x18\xcc\x80E\xdba\xef\x9fV\xd8h\x00\x00\x00 \t\x8e\xf1\x80\x02\x8ez\x91\x0e\xc6*8\x9e\xe6\x83\xd0\xf3N9\x8c|\x00\x008\x1e\xe6N\xe1\xb1!\x1b\x0b\x06h\x00\x86\xb4,\xb8\xa4\xe9\x00\xcf\xc3#u\x04\xff\xbd\xd2\xa0\x0eRx\x06\x00\x00\xc0\x84\x88\xa6Iq\x0e\x8c\x1e\xfe\xbb\xadX?\x80,\xd6O\x14w\xe6\xe8\xf9\xd4\x82\x0b6i4\xb8Qp\xe2\x07Lo1\xc9|][;\x1aO\xb7[_#0\x01\x01\x00l\xf0\x93OW\x04\x1d\xda\x9f[\xf6\xf9-\xb7}\\\xd8\x9b\xee\x9eb\r\xf6\xecq\x07\xa0\x13\xb8\x03\x00\x00`\x83]\x83\x85\xcb\xacO\xe2=Z\xe1\x19\xf9U\x7f\xccn\xba\xe5Yt\xcbm\xbf\x00\xb1\xee\x93\xcb\xda\xa7\xc3\xef!\xdf\x08\xb8\x00\x00\x00\xb0\xf0\xbe@\xf0\xbaD\x16\xb3_\xc2\xfe\xd4\x8a\xeb\x88\x8a\x11"\xbf\xeaO\xcd\xae\x010\x02\xc0\t`\xed\xcd\xe7\x843\xa4\xe6\x00\x00\x00\xc6\xa6\xd9\xab$N\xfb\x8cZ\x8b\x13\\?&amp;-\x10p9\xed8\x04\xfdH\x0e\x92\xef#\xaa?\xc3\xb3K\xc0\x80\xac\xa5\xea\xe5\xd4\x00\x00\x00ld\x8f\xa8\x9et\x9d\x1b _\xbc\xec\xda\xd63\x1d\x9fS\x04\\\x00\\\x91\xce\x1dJ$q\x01P9\x1a1\x927\xe0\x07\x00\xc0\x19\x19&lt;rE\xcd#\xfaQD^P\xc4\x9a\xbe\xfc?}\x16\xef1\xde\x93x\xb8\x01@\x06\xce\x05@\xeb\xf1v\x81\xb1$\xd5\x84,9\x17\xf0\x1b\x00\x00\x80\x02H\xa9\xefo%z\xbe\r\x8d\x05\x86C\xdft|\x88\x0b\x00\xc2A\x85\xeb\xc0\x1bN\xe8\xeb\x18M.\x00\x10~\x01\x00\x00t\x07k\xcf\xb8\x0c\x91|#;\x01\x00\x00\x00\xc00\xd0w5KM\x8e\xdfy\xbd\x05&gt;\xd8\xf3\xa2\xf1C\x0c\x01\x00\x00\x00\x00\x00\x85x\xf2\xe6\xc4\xfb"J\x13\xbe\xefo~:b\x88\xcd\xd7\x9bc\xee\xd3\xcf:\xda\x0c\x16\xb7p\xb9r\x0bm\x04\xe0\x1a`\xb6\x02\x00\x8e\xa1\xd7\x91\xe5E\x056\xe9\xc1Ql#\xf0hC:p\x0bm\xb4\xb8\xc1&amp;K\x82\xc8,B\x81\x1b#\xe5\xf1C`\x00\x80s\xe1\rg\xcb\xcf\xd3L\x13~E\xb25\xae\xff\xb1\xae+\xb5\xfeF\xd2m\x0c?\xd16"/d\x83\x1c\xfa@Nz\xfb7\x12\x90p\x01\x00\x00\xe8\x81\xdc\xad\x00\x7f&lt;\xbb\x89\xbck\x08fG\x93\xf3\t\x90\xe0\x063\xbcs\x0c\x9f!\xac\x1c\xc2\x88[e\x9a\xa6\xc3{\xa0h\x7f\xc1Se^\x88q\x01\x00\x00hH\xc7\rQK\xd1y\x13\xa9SX\x8eT\xa4\r\xb7x!{\x83M.\xe5\xcc\xc3\xe36n\x8e\x9d\t\xf4\x07\x00\xa09\xfa\xc6\x7f\xd3e`S4\x1f\xc7h\xa7\x08\xdc\x06\x84QT\x06\x11qf:\xb3\x18\x00@\x1c\xdc\x01\x00\x004\x85T\xc7\xbd\x9f\xed\x19\x80\x1b&lt;I\x01\x1a\x80\xdc\xb4\x10\xe6\x8cG\xf2\x0fn\x93\x8a\x03\xb1w\xc6\xf2\x06\x00\xe8\xc5\xbb\xd5\x85\x9b\xb3F\xab\xf0#_gm\xd1\x80\xc0\x93W\xf5\xc0U\xdb\x05\x00\x00\x00\x00\x06\'}sEt\x87\xe6\x94-\xaa\xe66[m#\xfdB\xc3\xf8ob\x80\x918\xe7{`\x06\x06\xce\x04\x00\x80+\x83\x14\x07\\\x04\xc1\xdf\xb5H\n)\xd3r\xd2\xeb\xedSpk/\xb3\xef\xf0\xbb\x8ag\xf0\xe7\xf8\x16\x02\x00@\x7fN\x10\xbe\xc5\xa1\xd1^\x08MD\xff\xf5\x16;\xe2\x18F\xcfZ\x06\x1b\x9cWb\xf4\xae\x97\xa6\xcf\xcf8\xde\x94K\x87\x02\x0f\xe0\x00\x00@\x06\xe6\x8b\x86\x96?\x0f\xb2e\x81\x88\xf0\xd6#\x00Z\xa3\xcd\xfd[\x99k]b\x0b)\xc2\xf3\xe0\x00\x00p&lt;/}\xb4\x01M\x11\xd9\x1f\xc5\x96\x15(\x01\x9b\x9d\'\xa7\xc7\x8e\xf8\r\x02\xaf\x02\x00\xc0\xc1\xe0\xc4\'\x92{\xd0\x12R\xafq\xb3\x03\xacu\xc3{8\xf6$A\xec\x8c\xc0\xab\x00\x00p\x1cM\x97\xb7\xfdD\xe9A+(\x11}rT5Vw\x00\x1a\xd1\xe1\x89\xd2v\xc2M=\x08\x11W\x00\xfd\x08\x00\x00;\r\x17\xe9G\x92N\x13\x15\x02\xe0\x01J\x00NJ`\xe6~\xd4\xc8\x01\x07\x80\xc3\xc0S\x17\x00\x80\x9dy\xa5l\xf1\xd4\x97\xb5\x06g\xab \x92~J\x8c\x10\x00\x01\xb8&lt;7\xf8\xe4\xeeP\x10\x11&lt;?&amp;w\x1cm\x00\x00`8\x18\xfbe\xd9;j\xd3=sUX\xf5s\x15\x1e \x11\x00\x00\x80\x05\xee\xc0\x8c\t\x96@\x00\xc0\x8e\xf9\x8eK\xf1\xf8\xb0/\x04xm%\x00\xa0\x0f\xb8\tp \xeb]ex\x1e\x00\x00\x86\xe6b[5\x17k\x0e\x00\xa0\x80\xe1~\xbco@\x1a=\x9d\x85\xed\x7f\x00\x00\x00\x00\xdc\x10WL}\xae\xd7"\x00\x00\x00\x00\x9c\x8ac_*zj\xae\x98\x9b\x82\xb6\x8c\xfd\xfe.\x00@\x1ex\x08\x18\x00pn\x1a\xa5$\x9ds\x1d\xd1+\x99d\xa2v\xb64n\xb8\xbc\xf3\xfb\xd5K\xe1\xe2\x93\xd1\xf6\x9b\xf6\x0f\x00\x00\x00p\x1eN\xb4\xcf\xb7\x9az\x0ek\xe3\x08\xba}\xf8\x1f[\xe0\xf0\'\'\xb1\xff\x14F\xc6\xe17\xe1:\xd3\r\x80+\x81\x89\t\x00\x90\xc1\xc8\xbd8\x91\xe5\xb8_\xf6\xadM\x13\x07\xca2?@\xca\x18r\x10\x11\xdb\x97\x1b\xdf\\\xef\xc6I\x87\x07\x00\x00\x00\x00Z\xc2\xc9 \x8f\xca!$\xb2\xdb\x0bf?\x97\xb8\x00\x002\x10\x91\xbaol\x00\xf4\x1d\x1e\x18\x8a\x83\x83\x0e\x02\x00\x00\xa0\x94b&amp;\xd9/\x89ec4\x9a\\\x00\xe0r\xe2d\xa4\x9f\x92G\x87\x02\xc0\x81\x9c?\x00\x00\xe0\xe2 E8\x1f\x8d\xb6\xff\xc3\x027]\x97\x1f*\'k\xa0\xd6_\xe4|\xe2\xf9\'\x00\xc0\xe6\x9dq+\x15\x00\x00t\x10\x13\x07\xc0\xbb2\xed\xd9\xbft\x07\xf9z\x9c\xf4+\x0eYu\xe3q|\x03\x0b\x9c\xacuM\xa4\x8f\x98\xa3\xe5x\x0f\x006\xe8,\x01\x1a\xc5\xd2\xc3\xc1k@\x01\x00\xa5L\xf8\x81\xf7\xe3\xf1v\xc1\xf6\xa1\xf8\x92\xe5\xaa#\x9a?^\x90V8\x16\x83\xe4\x00e\x17ZD\x14\x1f\x10i\xa1K"4\x86\x17@\nt\x94\x08KX\xbbBp\xbb\xe6\x95\x0c\x00`\x08\x10_V\x8e\x7f\xb6\xf26\xb6\xe4C4i\xf8x\xc7\x9cX],\xb8\x859\xfe\x88Z\x87\xfd\xbf8\xda\x90\xa60{\x81\xa2\xff\x04\xb7\xc5\xcd\xdc\xa7\x05\x00\x1c\x03BLw\xaa\x1c~\xd1\x9e\xbas\xab\x1f\x88\xcb\xae\xd0r:X\xc21\xf5\x14\x9c\x00\x1ar\xeeq\x85\x0b\x00\x00\x00\xb8\x16O\xeb\xbc-\x9d\xa1k;z\xde\xc8\x94\xa8\xde!\xd6\xb9.\x17\x00Kc\xb1\xc0\x83F\xcc\x83\xaa\xc3\xd0\x1ay\xf4br\x01\x00n\x1aO\x04\xd4\x1f9E\x88\xcc\xa0\xdeQ\xa3\xff\x02\x03\x11)\xf5\xd1\xed\xcc\x88~y\x03\xe3\xd0&lt;\xd8\x83\x0b\x80\x15x@\x98uP\xfdtk-#\x1f"\x1d\xc1&lt;Lp\x00\xc0(\x90\x89R\xff{\x98\xf0MJ}\xde\xd16\\\x93A\x12M\x9e\x01\x07\xdf\n\xe8\xe8(}\x1a\x0e2\x07\xcf\xc2\x85\xdc\xd5fnv\x9b\xec#\x04\x96\x18\xc7\xda&amp;:\xbb/\xf0P3\x00\xa0\x1bs\xdc1\xe2\x86\x15\xac\xc7y\x0f\xccf\x98\xdf$"5)\xc4\xc024\xdf\xaa\xd1}\xc8\xefh"j0\x80\x13\xe3\xb0\x89*V\xbf\x10\x91f\x12\x8d\xde\x8f\x80G\xb3\xf1\x86\x11r5\xf0\x1aP\x00\x80N|k!\xf6\xc6\xc9\xa5\xbe\xf4/O\tJs\x84\xb7\x93-C\xceF\xfb7\xa9\x8e\xfb\xbe\xe3\\\xe6\xa5\x99&amp;s\xdc\x86]\xb4\xbc\xc54\xee\xc3\\\x0fS\xe0\xefB\xa2\xe3ay\x0f\xebd79XZ3\xe9&lt;\x1d\nR\xb4y!/F\x08\x00\x00\\\x97\xe2\xdb\x8b\xe6)\xa0!\x18\xcd\x9e\x08\xff\x18p{V\x13r\x1aK\xeb\x11\xf9X\xf9S\xb8.\x9b\xee\x8dz;\xfb\x8c\\\x15\xb2\xc7{X&amp;\x1d}\xe8\x19\\\x98\xb3\x84\xe8\xfe\xc0-\x00\x80\xae\xd4\xa4\x17\x03&amp;\xdct\x92\xdc%\xe2\xb4\xc6MH=D{\x06\xef\x8d\xcf\x80\x97\xc73\xcc\x0b\x00\xb6\xe5\xcd\x1b\xb8\x8e\xc9\xb1\xdc\x08n\x96s=os.k\x01\x00]\xa9^\xbf\x07\x8f/#\xdb6\x1cD\xa4\xd4\xa3\xe2\x05F\xcbh\xc7d\xf4\x0b\x00VZ\x904\xbe\xdfC\xa2}\x14\x9d\x99&amp;.\x82\xe7w\xd6\xcd\x91\x13\xf9d\xc0\xf8\x03\x00\x00\xf2\x04\x82\x1d\xc2_\x06\xc9\x9c\xf5\x06V\x14R\x7f&amp;vp\x7f&lt;_\xb9g\x93\x0c\x0b\xdf\xc2\xb49i\xffS\x87k\xe0\x8d\xd2h\xa4U\x8b\xfd\xc7\xcb\xdcQ\x1cr:\x03\x00\xc0i\x11\x8c\xaa?t\x85\x00=\x82\xfd\x83\xdf\xd2Q\xaa\xcdb\xfc\xf5\xb3\xc0\xd7\x91\x92L\x03\xdf|\xb7.\x03,#\xbf4K\xd0e2&lt;\xe0\x03\x9d\xbb0\xea%}\x10\xaf\xb5x\xac\x1b\x00\xd0\x8f9\x06\x85\xdeP\xb1E\xa8\xad\x80\xa7\xfc?\x92\xba\x13\'p\x11\xd1\xf6\x9e\x93t\xf9\xb8a\xc7@\xa4\x86\xb2\xe7\x96\xd0\x17K\xcf\xa8\x98\xbf\xe5\xf7\x0e5y\xc1\xa8(\x02/y$\xa2\x13\xbc\x16\x16\x14AD\x93\xca\x19\xf3\x97\xc6]\xaa\x86%\x12\xca\xf0\x1aP\x00@?\xa6)\xb6\x82\xc4/\x0c\x96=\x8c;e\xa8\x9b\xf3.\xa6a\xc31\xa2M\xe3BD\xea\x9d\xec-\xae\xe2]\xba)\xee\xfe\xf88\xf6\x96\x1f\x1d\x01\x0b\x99\xaf\x1f\x05a\xc6\xddQ\x9er\xc7\xfcm0\xf0\x9d=\xd5\xe1\xa1|\x00\xc0M\xd3\xf4f\xa8#&lt;C\xcb\xb9n\xd1\xae4&lt;D\xb1;\xf3?tsK\xcf\x1b\xe5\xbb\xa2E\xa9\xffL\x0b[\xd6\xf9\x06OW\xe0\x9f\x8b!\xd0\xa1D\xea{nbT8\x0f\xcf\x8c\x08\x99\xb8\x05p=\x07\x00\xa8\xc2\x8a,\x8c[\xa2\xdb\xae\xfc\\\xb1U\x14jy a;_\x94Q\xe5\xf0x\xbb\xdf\xb6V%{\xd2\xc5\xa7\xa4\xc8\xf8\xc5\xd9\x1eh7\xe8U\x99\xdbOt\x8b\xff,\x08\x0e\x83\x11\x0f\xec\x9d\x9f\xec\x0er\xce(\xdeN\xbf\x18\x11\x86\x06\xbd\xc5\x97\x0cb8\x02\x04\x00\xe8\xcc\xa4\xfd\xd10n\xb6&lt;\x90\x90\xfc\xa1M\xf7,\x8a\xe7\xc3\xc3(Z\xae\x8a]\xd9\xf4\xb7\xa2C\x1a\xa7\xa9j\x00\x1c\xbe\x9e\xa7\x1e\xa8-\xff\xb1\x8e\xdc\ne\x8aB\xe2\x86\x11\x02V\x8a\x0f\xb18a\xa4\xcd/\x10\x0f\xce\xb8\'\xa3\xa6\x95\xa3\r\x01\x00\\\x16\xed&amp;\xe3\xfbcmVj\xe8\x83\xa1\xc7\x1b\xb6\xa4\xb69\x99\xe5\x01\xf7\xd9\x8f\xbe\xb9\xff\xae\xa9\x03\x06e\xe6\xe5\x1fZ\x18s\x18\xab\x11F\xf29\x90\x1c\xc9p\xf8\xca&gt;=%|2\xf09"\x00\xc0MQ\x1a\x8c~w\xe8\x03\x91@)\xd5\xf7P~\xd0\x86\x93&lt;\x9d\xf63\xf3\xff\x9c\xc1T.\x03\xf4&gt;\x882n\xef`\xe4\x18l\x0f\x1a\x89H\x120\x08\x97g\x00\x00\tj\x0e\x18D\xebb\t\x89\xc1\xfcMV\xb68\xc7\xdb\x8d\x9f]#\xd5Px\x1d\x15V\xb9-*h\xe307\x85\x82\x96\x0f\xdaq7\xc6\xa8]\xb0\xbc\x87\xcd\xff\xdd\xb0\xb3\xbe%z\x93\x89H}\x8aXx\xc9-\x00\x00\x00\x97\xe7;\x8f6\xa0-\xfb:\xda.\xdc\xb7\xbc\x00 \x93Ja26\xc9@D\xf4s\xda\xab\xa8\xf2[7z\x86\xa4\xf5\xda\xb8F\x82\x83\t\x8d\xe1\x81\x07v;\xfa\xcc\xe8\xd2p\xfa\x98\xc1\x03\x0e\x00\x00d\xd063\x1e\x83\x0emlv\x01`\xe5\xffU\xf2/\x96\x8c\x9e`1nye\x08\xaeB\xd9\xf0\xf8\xc5\xab\xc6\xedN\x93%?\x122\xe3\xf0\x9d\xeb\xec\x02\x00\xdc,\xbd\xdfk9\xc2\xdb\x0c\xa8\xf1o\x9dvh\xe34Mm\xd6\xadI0_\x9f\xa6\xe9\xb7Z/\xae\x1d\x7fh\xb9\xc6\xe7T\xf6\xf6\xcc\xdc\xd6I\xf6\x1e\x88Ag~Wf\xae\xd9\xdb\xb0?ekS\x04\xbc\xc1\\\x19i\xfd=\xf1T\xe1\xfc\xa12MW\xbd\xe6\x02\x00\x1c\xc9;\xed\x0fq\xde\\\x8c\x91\xdd"\x1d\xdb{\xf9\xcd\x94;\xff\xc3U\xb8\x18y\x8eq\xf8MG\x1b\x90\xa0{\xf7\xdd(\'s\xf2\x1bT\x99z\xa6\x96v\xe7b\xf79\x01\x00\x97!\x14\x95\xf4,\xe1?w\xb5h\x00\x04C\xb6ON\x99X\n\xfc]Nq\x8e\xd2;\xb9\xb9Bn\xf1\xf0A2$\\\x00x\x11\xf7\xc6\xb9\x9c\\m-\x12\\\x00\x00\xb8\n\xe7Z\xc0d\x894\xbc\xc8!\xf6\xbbe\xf2mi\xd5\x0b\xee\xa5\x0eSW\x8f\x81ADD\xffZ{\x05\xc7\xa1\xa3\xb1B\xf5\x17\x91\x8b\x9cay\x8c`\xc3\x90\x90\xba\xbf\xa4C\x02\x1e\x1e\xd4\xe7\x18\x12\x17\xe6\x92\xe7\xb2\x00\x00\ry\x06\xd1+\x9d\xf3\x00kS\xa8\xef\xd1\xde\xce\xea\x0e\xd1\x18D\xcbG\xb6\xb3\xeb&gt;\xc3Z=\xa6BD\xd6\x99y\xce/C\x13\xa9\xf5\xf9\x91I\xa5\xae\x94\xba\xfb\xd90\xa7\x85v*{\x98a\x00\xc4G\xbe+p\xa0\xc9\xe5R\xfa\xb4\xccy{&lt;\x9f\xdeO\xc4\x89p\xc7\xd1\x06\x00\x00N\xc6\xa9\xb2\x7fr\xfeh\xac\xef\xba[e\x03\xfd\xaa\xfc\xfa\x0b\xf7\xcb\xffOj\x9a\x9e\xe9-\xd7\xd6\x06\xcf\x9f+\xf3\xa6\xa9\xb6\xa5\xbe&lt;\xad\xa0\xd4\xf6q\\&lt;\x11)\xf5&lt;i\xa3#\xf4\xe8\xd9\xb3\xef%\x13\xd1\xeb\xb6y}\x96\xb4LQJ\xb3\xff\xf5\xbfc\xb7\xae\x9a\x93\x0fj\x00\x00\xb8"{\xe6\xc5([\xad\xed\xab\xfb\xe67c\xae9\xff\xf2h\x03\x06\xc0s\xae\xa7\x90T/\xeb%\xc5\xac\xae\x17\x15Qp\xea\xc76\x9a\xf9\xe7\x82)\xa43\x92A_\x18&gt;\x1fc;\x07\x00\x00\x1a@W?\x963\x1aTu\xd3\x7f9\xcbSo\x83:\xb2\x17\x84\xb3\x9dHCtM\xf5\xed\xdd\xa45s\x1d\xadgInw\x82\x98\xb4&lt;7BD\x87\xc6"k\x1aL\xaa\xf0N\x02P\xcdb\x1a\x8e\x00\x01\x00.K\xe7S+\xab.R\x8a\xd4\x9f\xdc\xe2\xa6W\x8d\xb7\xe7\xdd\xe1\x0e\x9b\x85\r\xb6$_x{7\xaet\xf6\xaf\xbc?\x80MD\x9f\xb8\xfc$\x85\xa0\xaei\x13.)W\xd3\xa0\x94R\x8fO\x16\xdb\x9cx\x133\xa8\x95\xb7\x97\xee\xe4\n\x976\xc3\x91\x86\xec\xbf\x82F\x0b\x19\xba\x04\x00\x00\xc0\x10\xf4\xd9\xbc\x97\xd3BJM\xf7$zj\xbdM\x0c\xbc\xcf\x8c\xcazL\xf6\x96B\x8d\x19\xb7|\x1bM\x94?T\xea\x15\xcaj\xd6\x0e\xadu0\xa1+\xb9t\xfci\xc2\x19\xdc\x01\x00\x000\xc0QN\xd0\x0b\x89a\x96x\xc1\x8e\xc8\x81\x99\xf9~E\x9f\xec_\x05\xdc\x92\xdf\x92\xb8g\xf2d5b\xa0\x94\xf1\xe5\xce~/\xa20\xfbWJM\xd3\x9fO\x1fU\xa1y\x9cw\x06\x9c\x85\x17:\xda\x00\x00\x00p\t&lt;\xce\xf5\x00\xbdHo\x9b\x8e\xe1F\x9ay\x18D\xa4\x9e\\\xed\xe4\xf7\x13\xfbA\xb4@\x8f3\x1e\xe0m\x80\xa5\xbb\xacM\x891\xac\x89\xcdTq\xc5\xa91\x0f\x80\xba+\xd2\xd2\x9e\x02\x17\xa5|\xf2\x02\x00\xc01Db\x16)\xf5[\xfd\x0c\x19\x88+\xc4\xf1\x8al\xf2\x8c|#\xbfh\xc03}\xb3~"]\xa32&gt;/\xe6v\xba\x1b\x00\x00\x00\x007E\xe3\xa4\xb6:\t\x1b\x85\x06\r\x19\xd1-\x94H\x9d\x7fI\xad\xa96S\x08+w\'\xfa\x83M\xecr?\x81\xd4g\xe7\x8a\xb1\x7f\xf3\xb8\xe0\x1a\xa0\xefX\x1dq\x00$\xb9\xc6t\x06\x00\x00\x00.L\xfa$\xc3\x9a!\xb5[\xd4I=\xe6\x12\x19\x83\xb4\x97\xc6L\xa4R\x17\x00\x8a\x88\xd4\x1b\x86\xb3js\xf7=\x95\xaf\xcf\xff\xf7\x87\x1cc\xb2\xae\x01\x98m\xa9\xc3j\xc8h\x88&lt;"2`\xbb\ni6\x0c\xc0e\x99\x07\x0c\x1e\xd1\x00\x004\xa2\xe5[\xae\x93\xba\xc7x\x9f\xc9)\xa0\x9by\xe9\n-\xaf\xce\xccmlF~5i\xff/#q\x93l\xf6Q\xd3\x11&gt;\xf4\xf4a\xbf,ek\x85\xd3\x84#C\x93,{&amp;7Z7]\x85K\x86\xc7\xb9Qx\x0b\x10\x00\x80\x83\'_\xf9\x8eH\x12\xb3\xecI\x1d\xb6/\xb5\x85\xecT\xe8\x1ew/p\xdbH\xee\xb1\xbdw\x8fA\x9d \xcb4M]\xb2\xffB\xe2c\xd5\xb2\xc3w= \xdf\x89#\xa6&gt;l\x934\xe3\x7f\xce\xfaF\xd0\x9ccY^i5`7]\x85\x11\xa7@5\x13~\x90\x0f\x00\xc0d\xd9g\x9a\xee\xa4\xd4?\xe9\x9f\x86\x17\x9e-\x17\x19?\xc8\x0c\xbd\x1d(\xbe\xff\xb4v\xe5\x81M&gt;\xd1\xd8\xc8H\xff\xb5]X\xd6\x88r%o\xef\xf5\x8fi\xf1\xdd\x07\xf0\xfe @\xe9\xed\x8e\xa5r\xed\xd5\xcc\t\xb9\xe4^/h\x06)5\xf9\x16A"*\x9c\x89\x9dG \xee\x00\x00\x00\x12lI\t\xd1?\x1a_\xc4B\xd5\xbc\xd5:\xb5?F\\/\\6\xe0\n7V|=\x18\xe1\xf5\xdc\xdd~\xf4\xb7\x92\x8c\xec\x7f\xd2\xa7\x03\xcb\xbfz7LSaG\xeb\xbfi\xa0\xd5\x7f\xbbZ\xdf\x96\xdc*\x01\xe0V\xa0\xed\x16\xb7g\x96\xd8\x1f\xf1o&lt;v\x0e\xcd\xb8\x00\x00\x00$\xd0\x83RAb\xd12\xd5\x1b0\x83\x9c\x86\xb4\xca\xe2\x90\xdcn\xdf\xf8\x9f\xa6\xe93\x8e\xb0`|j2\x80oX\xff \xfa\x81M^\xa5=7\xc5\xf1W\xc6\xe0$\xac\x17\xde\xfe\xcc\xfe,\x03\xe9\x1cV\x02\x00\x06`I\xe3\xa7\xe5\xb6\'7z4;s\xb2\xd93D\x1c\xab:q\x01\xe2\xb0\x9f\xfb\x94U\xca\xbf\x92\xab\xe8\xfaY\x89y`\xc0\xbcZ2\x1e\xc9U\xcau\x851\xc5\xd6\xd2\x83\xcc\x0bp\xc3\x0c}\xba\x12\xe0\x0e\x00\x00\x80\xc9~\xc2!+\xb7h\xb6\x02\x8c\xb7\xb4\x8c\xbf\xf5\x7fJ\x8e9*\x94\xa7\x94\xb6\xff\t\xd6s\x8e\xc3\x91\xf7u|\xf33\x9d\xd3\xa4&amp;_\x12\xef\x95n\xdc\xa3\xdb\x84\xb4\xa4\xf3\xf1-\xbc\xe9\xf2\x9c\x8c\x17\xa2\xcfAh\xa8g\xc6\xa4\xd4\xac\xc1\x05\x00\x00\x80\x8b~\xe08\xabZ\x03[f\xc1\x03\x9cg_\xc1\xbb8\x9a!\xd3\xc9M\x93\xc8Un\xec\xb0\xafu\x97`\xf9e\xb0 \xfbp\xf2\xbd\xc5\xd2\x91m&lt;Q\xd0g\x1c\xf6\xcb\xc8\xd7\xf6x5\xfe\xea\xa8\xbfW\x00\xfas\x8da\xe0\x9f\xbf\xbfLGm\x86\x00\x00\xc0yx\xbd\xee\x81\xf2\xd6v(\xcf\xd0\xde\x9a\x97\xa8r~\x9b\xcb&amp;3\xff\xf8\x10\xfe5\x89\xa3(V2\xc7\x86\xd3\xc3t\xcb\x89\xb8LCn\x80s\xf7\x14\xf6\xab\x00\x00\xddi~\xa4\xdb~\x11[\x07n\xef\x1d\x82W&gt;\xe0[\x9c\x84\x95\xfd\xd0\xd8}H\xfdf\xf2\x17+\xa2\xbf\x03p\xb3\x18\x0fH\\\xc2\'\xb7\x17IN\x8a\xfd\xf4\xce\xe98\xb1\xe9\x00\x80s\xd2#;\xc7"\xca\x07\xber\xa9\xd9\x85m\xe4L\\\x00x8\xe4\xe9pp9\xac\x18\xe8\xbb\xaaL\xedw\x10\x91\xc4\xac\xec\x19\x8d\xf1\x0c\x00\x00\xc0 \x90\xfa\x08\xded\xef\x11\xdf\xd8:&gt;\xd59Uy\xee\xbb\xba`\xa5\xa0\x1f\xb7\xdf\xbb\xa8\x1a\x03\x8d\x8e\xa3D\x87\xf4\xae\xf1\xb6\x0e\x90 \xf9\x07\r\x98\xd6\x07\xcc\xb4I\x97\x1aj\xbe\x07\xd2|\xa7\x04\xd3b\n\x0c.\x03\xb3\x07\x00\xa0C\x8a\xfc\x8f\xedn\xc1\xeb"[\x8fDJ{\xc1\xa2\xf7\xed\x8a\xe0p\xa8\xe3\xef\x16\xaf{o2)t\x99\xcd\xf1YfnL*\xed\xe1Xm\xf7\x11\x9b\xe2\'\xe0\x803\x8a\x17g\xc8a\xef\xdc\xb5SCe\xdd\xb8\x03\x00\x00\xd8!\nn\x9c:;"\'\xc7\x0c\xc6\xb7\xb4kz&amp;\x1a\r\xb7H\x8e/\x94\xfd\x17W\xe4O1\xad\x98\xb1S\xf9\x96\xf1jWz^\xf6\xb4\xd4\x04R\xf4\x9d\x8fiR\xea\xf3$\x045q\xef\xfaS\xdf\x02\x07\x840y\x01\x00\x8d8M|\x91\n\x85\x17{\x85H\r\xd7\xf0C\xf5\xabr\xdc\xfb\xf6y,\xd7\x10r\x9e\xfc`\xedxO\xfdp\xb5\xaa_\xa0\xc7\x95RJ%^\xaa\x9a!\xa7-\xf5\xf2\xaf\xd1_\x83"\x1b\x03\xd9\xd2\xec\tn\tY\x0b`\xa9\x02\x00\x80\x05\xa9P\x98x\x81\xe3\xad\xc4\xdc\x97\xbb\xc2\xea\xa2-\xa2\xf1\xdf\xe4JT\xaf\xca\xfe\x95\xfew\x9e\xe5\xb1\xcf\xffZ\xe0\x02@\xad\xcd\xd7\xff{v\xa4Z1\xbe7\x90\x02\xb6\xa6\xbf{\xe7&gt;\xfd\xef\xe4\x9f\xddz$\xd9\xbfM\x86\x17\xce\xf3\x06\xc5\x16\x03\x00\xc0\x8d@\x1dO\xa2\xe7\xd3\xe4u\x9ct\xe2W\x03-Kd\xc4\xfeP\xebD\xd6\xfeiRI\x03,\xb5\xca9z\xe7\xbe\x93d\x13\xeb-S\xcc\x99;Z\xa9\xdes\xf3E\x88\x9es\xac\xbb\xc6\x8eE\xd7\x83\xfa\xbc\xb3N)5\xe9\xcf\xa4\x99\xd3\x7f\xfb\xa7\xd6\xfb\xc9\xb0\xef&gt;\xcegW\xc13\x00\x00\x80\xce\x9co\xfbj\xec\x87\x1f\x9a\x186p{\x93l\x0f\xabd\xef\x95N?,\xa0&gt;\xff"b\x8ao\xe5\x95\x9b\xc2\xd1}\\G\xc7\xef\xd2px\x81\xbe\x9b\xb5D\xcf\xa9\x97Qg\xc0M\xbe\xeb\xa9\x10\xa9w\xd6y\'\x88\xe4}\x98\xbf\\\x13u\xef\x83v\xd3\x03Mk\x96o\x93\xd3\xd6\xfdez\xbb\xcayC&lt;\x00\xa05M\xb6\x96\xff\x8e\xe8\x85d^\x86\xf0\xa7D/\xa3\x9ad0W\xfe\x89+\xa0\x94\x8at\xb1\xe0\xba\xce\x1f\x99\xae\xd2\xed\xb5Tq{\xce|\x9d&amp;\xf3\xe6\x96\x9ew0\xeaw\xdf\x99\xd6.\x8a\x94\xfd8\xf9v/\xa8o\x80:i&lt;\xbc\x8bR\xcf\xab\x14\x11\xb9U(\xd5\x0b\xe4\xfb\t\x02\xc6 \x11\xe8\x14\xdc\x01\x00\x00\xec\x98;LM\x82\xfe\x0bU\xbd\x0cAO\x86^\xb6\xd9\xc6|\x96Ll\xc5\x9d\x88m\xcb9\xd8\xc5R\x03j\xfa\x91\xaa\xea\xa4\x94R\xef\xb8K\xbb\xe2[jO\xf3\xab"\x9a\xaeJuY\xd5]\xff\xac\x06t\x1e\n=\xaf\xafH\xffw\x99\x14\xf5\x9es\xc5\xc7\xc9Ye\xf3;J\x1d}Q$\xa0\xfdr\x11\x05\x00P\x01i\xafB\xcfY\xab\xce\xb3ED2\xbf\xd78\xf3L\xa2\xbb\x0f\xf6j\xe7\x0b\xd1\xe4\xf4-g\x0bV\xe8I\x00\xce9\xdd\x84F\xfdX\xb0\xe7[u\xc5\xcb\x025\xdf\x19P\xb70\xad\x92\xcf\xa2\x8c\xf6\xe6\xf8\xf1\xd1n\x92\xa8Z\xd7\xbd%\xd1\x93\x99]\xd0{\x05\xb4\xc2BY\x9c\xc4\x1d\x00\x00\xc0\xce\xb4\x9c:\xc8\xae\xd7\xc0\x966$,\xfd\xb6,a\xaf \xf9\xb2G`\xf1\x05-\x84v\xd80\x9e\x96\xc3\xb7\xf4@R\xbcm\xee@\xf6\xcf\xd1tI\x0e\xd8\xe4\xe6\xd3c\xc2\xef\xa3\x14\xe1%\x13-\xf5\xaf\x1eB?6\x8b\x88\xc8\xd9n\x98\xd7\xaa*f\xec\xe7\xd3\x00\x00gC\xe4U\x83\xa0\r\xe8\x948\x12C7\xf0\x8a\xcf8\xea]L\xd5D\x0ccH=",P\x93\xe0\xfbJ\x06\x8fy\xcf\xee1\xc6*\xba)\xab\x96p[zF\xc5\xdc\x8eF\xc4\x9e\xc9\xf5\xc3I\x17\xbbz\x9bq\xdd\x00\x00\xf0@\'}\xd9\\\x97\x1f\x84?\xabsn\x00\xda\xcfNT\xf5N\xc1\xe2\xba\x1d\xd7q^\xe1\xa7"KmD\x91\xfb\xde\xcf\xfd\xab\xd7W\xea)\'\x1e~u\xdd\x94x\x8a\x03\x00\xc0\x01G\x80\x00\x00\x1e\x8an,\xd6\xbe\xd4O\x00$\xe57\xc5X[w4M\xd34=B\x9f\x05\xc9G6#\x036\xd6\xb2\xf2\xec\x7f\x08\x8fy_w\xc8\x87\x96\xb3U\xc77\xe4\\\x8c\xd0\xf5&lt;H\xfb\xef\xb8\x84\xfc\xe9\xf9\xfc4\x9e\x07\x00\x802\xce\x1f\xe6xk$\x9de\x89\xba\x01\xd6\xdf\xc5\x9c\xff!4\x02\xdf.\xe7\xf0\xcf~2g\xb5\xc1{\xa8\x80\xe6\x97\x9c\xf8&gt;/St\xab\xd03O\xee\x81\x9b\xef\xc1\x04\xb4\xfeF\xf5I\x1deY\xaeM\xdb\xb1\x9a\x83\xdd2\x00@\x80.\xc7i\xc6b\r\xdb8\xdesRH\xec\xad\xf0\x85\xb9\x87~n\xc7\xb2d\x93h\xbd\xbd\'W\xd3\xad\xbf\x19\xe6\xfc\xef\x08\n\x8f\xd2\xc4\xcbd\xe4\x86\xf7\xd8\x9c|\xe9\xb1f\xba&gt;\xc13\xba\xaf\xbd\x13p\x04\x08\x00`\xa1\xedW\xcc\xff{\xcem\x18\x06od\xfd{\xa4v\x8ed\xcby\x90K\x8fjN\xa7\xa4\xca\x18\xe5=\x15\xa6IM?\xc9\xd2Vh\xc1\x99\xa1h\x13O\x10\xaf(r\xf30\x91\xfd\xab\x9c\xcb\xc5\x93n\x9f+\xd5\xe1$g\xdb{\x0b\xfb\t\xb7\xf9b]\x83/\xa4C\xe7\xe1\x02\x00\x00`a\x07\xa9\xd3.#I\x1ey\xb4\x01\x11N\xbc\x01\xe6@\x1f9~Z&amp;Gh\x99\xdf\xb3\x82\xe5\x03\xbfO\xe67\x0f\xd2\x9b\xc54\xe8\x7fXW\xe9\xa7\xf3rY*\x16\xaa5\xb5\xfc\xc9\xb4]i\xcd`\xee\xf5c^7q\xaf\xa0\x88qB\x91\xffP\xdf\x8b\xd1\xfc@\xd1AF\x01\x00n\x98\xb3\x9d9\xee\xf02AP\x8e\xc8(\xea?\x143\x8e\xe4\xeb3%a!)E\x8f\x8aKHi\x0f\xd9\xb9\xfd[\xdc\x15-)\xe9\xd3f#\x81\xe2\xff\xdc\xfa\x97\xd1\xd1\x12\xd6\x98*\xfaO\x01/L\x03\x0e\xb73D\xc4\x8d\x87\xb8\xd7Q\xda\xd0\x86a;\x05\x000\x0e\x89\x9c\xe3\xec,\x8dz\xb1\xab\xb5k`*]\x9d\x18\x8a-\x86\xe8\x9e\xd0G\xf3u\xcd\xb0\x97d\xca\x8c\nI\x14\x0f\t\xaenn!5\xf1a\xad\xdb\xd6\xf8\x1c\xf3\xcc\x92\xe1\xfc\xbbOT\xb4\x9c\xa3\x190z\xe0\xd2L\xfd\xda\xa3m1HM\xa5coT./\t0m\x13\xb0\xe7\xd3w\x81\xa3\x8f\x1c\x00\xc0\xf1\x18\x81\xf2\xaa\x17\x00\x97k\xd7\x85Id\xc0\xef\x9cL\x91\x0b5\xaa\xfdY\x98\x18\xfc\xb1\x14\x94`\x96\n\x15\xb6\xcd[\xffQ\xdd\xdcBj|\x9e\xea\xb2\xb1\xa6\xa7n\xad\xecH+0\xa0X\x86\x985&gt;\xe1\x9bm\x03\x07X""\xf5\x85\x11\xc3\x0e\x9eJ-\x86VH \xce\x18\x01\x00&lt;\xe8!\xa3\xfe7\x95p\x9cq\x10\x88\xc8z\x05\xcdyX\x86d\xe8\xf5)Dj\xfa{E/(v\xf4y\x9b\x02\x91\x1f\xe4\xda\x08x\xd5}\xa9\x8b\x7f-\x9e&amp;\xa5H\xd1\xfc\xc7\x9b+\xf5\xe3\xc14dn\xdd,e\x90iU&lt;\xc1\x87jE\x92\xc5Z\xb5t\xf4\xda\xea\xc4{{\x9a\xd8p\x12\x8f\x9d\x93\xae\x1dj(6\x07X\x070\x8c\x00\x00\x1e\xe4.\x00\xcc\xbcM\x93{\xe82V\x1e\xe5)\xf5\xdb\xae\x03\x13\xcf\xa1\x81\xcd\x9ao1.\x00|C\xc2\x9b\x19[W\x00zB\x99\xb4g\xd2\xf6\'\x9bv\xa2\xe0\xf5\xff\x950\xe7\xfe\x01\xb3\xe9\xcc\xc1\xe7LD\xafi\x0f\xbbB\xc8%ye\x8e\xb7\x00\x01\x00ZAD/\xb0\xbd\xcbx\xbeu~\xacA\x12\xf4y\x83G5Ov?Z\xf3\x15&lt;\n\xc6e\xddn/L\xf2\xbc\xb5\xe6\xb7\x00Y/\n\x1c\x07\xdf\xd8\x88\x8d\x16\xd1\xb1DIu\xc7b\xce\xfd\xed\x8f\xce\x06\x8f5`\xaeJx`\x9f\xc5\xff\xe9a\x89\x0b\x00\x00@\x8c\xca\xfd\xad\xbfWjyY\xa1RJ=x\x93y\xf4\xb6\xa2\xccoEI\x08i\xc4[\xb9\x1f\xad^\xe7\xee7\x9f\x896ggg\xe6\xb1\x12\x1f\xb0\xdew\x8a\xb0K\xa6\xe5\xab^\xdb\xff\x93\xfe\xe6\xf2\xf5\x9d\xa4\xe9j\x12\xce\'\xf7\x01\xc8\xb1\xd9\xde\xf3\xdeG\xdd\xf6\xf8A\x1fu\xb7Lb\x85:\xc3s\xd8\xeb\xb0d\xfd\x9e\x08\x00\x00,\xb4y\x84\xeb\xb0\x87\xe7\xa4\xf1?\x94y6j\xfaw\xacV\xf7\xea\x0bJ\xa2y\xe6O#B|\x0e\x0c\x08\xf4k\xe9FZ\xd7\xda\x1c\x11\xc3\xe4\xaf\x00\xda\xba\xab\xf8\xfdB\x85\xda\xce\x1es\xce\x8d\xe6\xfce\x16\x8f\xdc\x17\x8b\xb5_5\xae\x85\x00\x80\x11qV\x1aR\xea\xb5\x8f4h\x0c\x029\xdf\xa5 \xa2oY\x17\xb9\xf0\x1e\xf6X\xad\x96\xea\x0b\x8e\x04\xda/\x8c\x83o\xf3\x8f\xbb\x8e\x88\xd4;\xd8\xef\xfc\x89\x88\xf2\t\x07\\\x06\x19\xab\xe88\xa5T\xdd\xa6C\x11\x7f\xd1.D\x1f\xf9\xb2 \xa5\xfe\x92Sl\x90\xc1\x0f\x008\rV\xaa1^\xa6;\xc4k\xda\xa2n\x19\xc7W\xd9\xb8\x8d\xfa\xa9\xd2\xdet\x0eB\x1d\x00\x00 \x00IDAT7\x12\xd6\x96\xe3Gh\x88\xc6\xfb4^#\x94\xbe\x07\xeb\xac[\xdd\xb4m{\x87\xab\'e\xd61\xd0\xd4\x96\x87\x8c\xcc\xfb\xca-\x1d\x9e{G.\x8c[\x91\x9e5e\xf6\x1c;\x90\xba\xdew\x02\x00\xdc\x10V\xaaa\xa4qZ\xa1\x03,[\xf8\xa8\xe3T\xa7\x93&lt;\x8f\xaf\xae\x80\x99E\xf1z\xbfU\xc2\x1aPT\xa1\xcb8\x9c\x96%\'u\t\xb0\xe4\xfa\xe6\x90\xe0T\xd2\x9b\xa3\xcb\x015\xb4\xbb|B\xd7\xd4\xd0\xf0\xb2V~\xe2\xf4\nk\x00\x00\xd0\x1f#_qS\xabn\x89]\x00\x04\xdf\xa3\xd0\x13\xe5\x81z\xa1\xf2\x02\xe0w\x8c\xa3n\x86\xe0d3\xb9\xb9\xfc\x9a\xc1\xe7\x95\xeft\x0bn\xa0\xae&lt;\x11V7\x95\xd6U\xea\xa7\xe1\x7f\xe1x\xa2\xbb7\x7f\xe2\xc4\xca\xb7\x9f\x8c\x19\xc6\xd4\x83\xb7\x00\x01\x00,\x8c\xd7\\\x0e\xf0\xc6\x1e\x8b\x96\xc6\xdc\xdc\xd6NV{w\xcf\xcf\xd9\xac\xb85\x87p\xaf\xc9}\xb1\xa3\n\x7f\xa2\x94\x96ULO\xcfP\x94\x9d\x89hNn6\x07\x0b\xbbq\xcf\x84\x1e \xf1\xe8\xc5\x99\xc7R\x8d\xedDDo\x9cW\xa3\\Y\x8e\xcc\xce\xb3\xbb\x9d\xb6\xa7.\xf2\x93\n\xb6\x022/\x88+p\xa0S%OF\xdf+\x13\x00\xc0U\x89\xc6\x91c\x03\rGu\xd9\xb6\x1cS\xf8e\xa8\xd9\xc2T\x97\xf3Ui\x1a\x9a\xb9\xab\x9f\x8faa\x03\x8a\xc4z\xcc\xab1\xe0\x94c\xa9\xce\x03E\x0el\xe2\xa8\x11\xfc/l\x80=\x83$\xc7j\xe2\x08\x10\x91R\x1f\xacv\xaf\x0e=\xb0q\x07\x00\x00\xe0\xb0\xbd\xb8\xdf\xfb\xa5{O\xe0CH\xa9\x07\xb46\x8aKE\xa0\x1f\xec^G[\xf2^\xf4\xee\xab\x1e\xfc\xee\xe1C/{.\xf3\x8a^dt\xdb\x01s\xec\x80\x0c\xa7M\x8b]\xb74]\x1c\x96\x9fq+t\xc1Trk\xb5\xd5\xcd\xd8\x87\xb5\x10\x9a\x83l\xbb\x9c!+&amp;|\x9a\xa6x\x94 \xa5\x94\xfa\xeaL\xd5\x87]\x80\xdd\xf2\xf4\x05\x00\xa4!\xc6\x8f\xcf\xcf\xf1k\xfe\x01\xa1&gt;V\xc5\xa1\xd4O\xa0{+!\x1e\x8aS\xd4\x11gd_\xc1_H\xa9\xe7M\x02?\xb5\xe6\xf3[\x93!\x1a\x99\xe0\xcb\xbc\xce\xe9\xc1\x82*\xea\x86\xc6\xc9\x98\x0c\x1e\xfa\xb2\xcd\xb3\xa6\x9e\xf0\xd5\x85&amp;&lt;5I9\x96\xd3Z\xea\x80.\xc0\x1d\x00\x00\x80\x0b\xe9\xf7:\x99\xdb\xa3\xfb\xad\xd6\xa3\xef)gG\xfc\xe3\xef\x81_\x93\xa2\xa5\xb7yg4\x90\xbfl\xe7N\xd3\x92\xfd\xef\x1f\x95\x8a\xf3~\\j^?\xeeUT\xeb\xda\xd9\xff\xe1\xf10\xc5\xd0\xce_\x9f\x84\xf9\x9e\x82\xba\xed\x1f`s\xbbuQ\xb7-\x9e)\t\xf3\xafI\x0f\xdd\x05\x00\x80\x1b"r\x10\x99_e\xec5o\xe7MNem.\xd4\xfd\t\xcb38\xb3\xafy\x7f\xe6\x9d\x1c\x06\xdfy\xe0q\xe1pg\xf5\xeb\xca\xae\xcdo\xa7\xcb/v\x80\x19!\xab]FZK\x9f\xf4qxD\xc5\x95\xd7\x14\x00\xc0\x95)M\xe5\xe7\x92$\x12\x7f;D\xcf3^\xae\xe4\xd3\xbb]\xab3\x07\xf5\xe71\x1d\x1d\xcd\xfe\x0f\xb0\xc74-p\r\xf0\xa5#\x98W\xc9f\x7f\x87\xb6\x84=\xc9\xaa-iJO\x8aZ]6\xf8\x99U\xf2\xe3\x8f\xb4\xf3\xc7\x98\xda^^\x7fH\xab\x00\x00\xa3`\'(\x07\x84\x8c-\x806\x0c\xa3\xc7\xe5a\x7f\xd5QWo\x86]\xf9f\x8e\xb2\xcd\x93\xf7\xbfd\xca\x92\x1e#3\xac\xe2\xb0\xb9\x9f\x84k\x92\x1eC\xba\x0c\xcb\x01}%\xcf\x7f[\xdf\xaf_\x13&lt;\xeb/\x00\xc4:\xf4\xd1\x8d\x06F\x8f0X\xea\xc0\xa5\x16\x0e\x1e\x01\x00&lt;\xe8\x91E\xec\x18\xe5*\x94#\x90\xb6\xa7\t\x89\xb2\x9e-\xa6\xcc\x07\n\xb7\x96^\xfb rW2\xbb\x0cD\xf0\x8e\xe7\xd0 \xdfgM\x8e\x06\xa9\'\x80\x87\xc3\xc9\x8f\xce\xdd\x9c\x91\xb0\\[\xe0X"\xca}o\xc46&amp;\x05\x83\xb69\xce\x97\x05JD\xa6b\x98W9\xcbr\x17\xbbY\xe1V\x05\x0f\x01\x03\x00&lt;\x98OO\t\x1d\xfa\xcc6\xa0\xe4]\x83\xfa\xf2\x10\xb5f\xd9\x08\x99\x8a^\xc8w4l_\x1e\xb2\x89{6o\x8eL\xce\xd0\xdc7G\xf9\xf2C\x8f*\xce\xcf4\xbb\xc2\x9b\xc3&gt;p\x98.2=\xd9\xf8\xd7\x11\xc3r\xf0\x1bb\xc5l\xce,\x8e\x9e\x933\xc28U\x1a\xf7\xa1\xc8\xf3\xb8\xb1\xee\xd6\xc6\x03)E\x95kO~\xdd\xf3-u\x00\x80\x03hq&lt;\xa6\xec\xb6on\xf2q\xa9E\x97H\xa9\xc7\xe8\x1f\xfc`N\xebVW\xbc\xaf\xbca\xa0\x1a\xfe@e\x96\xb4n\xf1\xb3\x05\xfb\x85\x1f2\x89\xf43\x1e\xf1bi\xf3\x1aD\xb0\\h\xa0cT\xaf}\xb4\x01;\x12="\xecU\xd9e.\xf4\xf92\x1a\xb7?~f\x90\xb1\x01\x00\x00\x1adr\xac\x19%UFYw+\xb1\xf3\xb9&lt;\x87\xbc\xe0\x95^?r9\xd8\x93\xab\xdd\x1c\x0c\xcf\xf1\x83\xaf\xa2\x19\xda1\xba2\x19&amp;$\xfe\xcf\xee\x96\x8c\xb0"\x90\x8f\x021!\xc9\xf5\x16\x02\x00\x80R\xe9\x0b\x80\xd2\x88\xb3Hk\x19\xad\x1a\\\xb7\x8c\x13^\xcf\x16\xebkM\xbd\xd6\xe5\x9c\x0b)\xf5\xeb\xbc\x82\xcd\x9f\x86\xd7:\xab\xe1e\x7f\xb5XY\xdb\xe8\x03gi\x9f&gt;\xc2\x00\x1b\xc1\x86k2\xcef\x96d4\xd3\xe4\x9cjQ\x00\x00\x0cO$bVDR\xd9\x0b\x80\xa0\x19\xd2\xe1\x1e\xe1\x95I\xa5\xa3&gt;\xdd#\xe1\xbak\xdb@\xcb\xf6+\x19\xc9Dj\xeeT\xcc\xacW\x17\xb8\x00\xa8\x93\xe0\x93X*3R\xf1l\xd7\xea\x17\xc6\xda\xce:\xf2l\xdb\x81`@\x02\x002\x08\xedX4Z2eE\xe5\x18\x89\xb0\x08\x0e\xe1\xd72\xcbw[\xc2\xf7\xabt\xf7\x8a\xfd\x80\xe9\xff\xa7\xa3\xce\xd0T\x08\xeafH5c\x9a*\xb2[\xb4\x0eW\xfbN\xd7\x05\x89\r9\\\x00\x00\x00\xf8\x84\xb6L8\x19@\x87X#\xa1\x82u[\xf6JqSo\xcb\xf6\xf7\x08\xbd\t4B\xde&gt;`\t\xf7N\xff\x1ai-\x9b\xd0@x\xeafH4\xa1\xbc\xb5YS\xd3^\xad\xee\xbe\xee\x888\xf0TI\x7f\xdd\x00N\xce\xaf\xad\x00^\x03\n\x00\x88\x11zk\x18\xe3\xfde\x1f\xa1\xdag\x8d\x12\xef\x81^\xffh\xac(\x9bV\xae#\xe5\\\x03\xd0\xfcN\xee(x\x7f\\7\xd6\x05\xda;\x00\xfa\xbf\xc8\xcfcF\xbe\r\xf7\\d5\x0e\x08\xda&gt;\xefzU_\xaf1\xde\xd8\x84\x86s\xcc\x1a\xb9~\xa9i\xaf\xf7\xcd\xd3\x02\x0e\xbc\xc7\xa9\xf2\xff\xca\xd7(\xaf\x01\xc2\xdb`\xdc\x01\x00\x00\xe4\x90\xdc\x1d\x8fT\x1c&gt;\xdc\x90\x91+tQ\xd8CK\xdc\x02m_\x8d4\xea\xe5V\xdb\xf6\x90j\t\xed\xe8\xd7qR="E\xa51\xe4C\xd0\xbcF\xba\xb4\x8a\t9\xe3\xf4T1\xfd\x02\xa0\xa3\xd7\xbb\xd3/\xb7\xf7\xbfkI\x96\x92RWF\x9fQDD\x7fz\xfe\xe1\n\x00\x90\xc7\xbbd\x8e\x1d=\xefZS\xf9\xa1]\x92\x12\x9d\xa1\x12\xbb\r\xa9\x0b\x80j!\xa3xf\xcb?z\xf5\x97\xa1e\xc0\x0b\x80\xc8w\x9c^\xeb&lt;\xbft\x1e\\}\x01\xe0\xcdPo\x90\x16=\x18\n\xbf\xb2\x03\x865\xa1\x86\x99n\x00\x00p\x08\xc1p\xcc\xa9\xd6\xd20qh\xbey\x8f\x0b\x80\x19\xa48:\xd4o`8\x8a\xfa\x0e\xc8z8vvk\xce\xd7X\x1d\xd7kRw\xd0"\xce\x00c\xac\xd3,[\xe4\x7f\xf7)\xbb\xa9\x1d\xe78\x9d\x06\x00\xe8\xc9\x1c\x8b\xb3\x8e\xf9\x16T\x19\x80y\x8bw\xffw\x07\xfb\x87u\xd4\xb0\x86\xf5\x83HMj^\x16\xadt\xa4\x9d[\xbc\x8a\xc4\xfb\xa2i\xe7\x12QRr\xcf\xd1\xb5\xb9t\x9a&amp;ETy\xa2\x9a\xa9\xf1\x8c\x13\xc7\xdf)]&lt;\xa6\xeb[\xffh\xa8\xd4\x18\x12\xc3px\xc8\xc5C\xc0\x00\x00\x1b\xc6\x03\xbe\x02U\x06`\xd2W\x9d&gt;\xe6\x0f\xeb(Y\xab\x88\xe8\xdf\x1f\xf1\xb2\x9a\xaa}\xc4I\xb9\x8f\xde\n\xf4W\xfe\xad\x95\x16\x83d\x8c1\xf7]\xad\x15\xd8\x03\xa0\xcb\\\x1bsF\'\xf1\x8f\xb2\xdem\x99\xac8\xdcD\xc74)\xa5\xa67*\x97\xd0\xe2\x06E\xe5,\x1f\xe0\x06\x0e\x00\x00\x94r\xf2\xf8uj\xe3-\x96\xc3\'b\xe2\x8e9\xc4B\xb5\x07\x99f\x9b\xdf\x84k|R\x9d\xe6\x07\xd6\x8b\xf9$\xb0\xe5p\xb4\xb7\x1e\xccK\x03\x7f\xa9^KJ\x02N\xb2\x01i\x90j\x03\x00@6\xf1\xb8)\x1eX\xfbE\xea\x13-\t\x87\xbe\xdc#\x9c\xfe\nZ\xe5\x7f\xe1]\x9e\x08\xdb`\xceX\xfa\x8cT\x01\xd2e\'\r\xc8\xb1WNN\xf9\xa5Z\xc6\t{\x91\x89y\xd0U%\xb8i\x98\xd7\xf0\xc3\x82\xf9\x02\x00\xe0#\x19/\xde\x92\x1b7_OD]\xdf\x14\xe1,\x81\xb5\xca\xce\xe2\x95\xcf\xca\xa7\x0b\x04\xf0\x151?\x8c\x0b\xb1L\r\x18O\xb4?Z\xaa}kx\x89\xf4\xd4\x9fy\x01 F/EN\xa3\x12\xafXax@\xf7mP\xe3\x99\x12\x9a\x13\x99\n\xc2H\x8e\xba\xbe\x03\xf8d\xf3\x05\x00p\x93\x08\x1f&gt;\x91\x92v\x15\x9e\x11\xfb\xb2\xef]\x9aa\xe1]\x00\xec\xc5\xcco\xf7\xab\x02\xa7l{\xef\xd9/\xac\xcc\xaaJ\xeb\x85\xca\xdf\x17(\xd6\xc4\xd4n\x91\x9e/\xbf\x1f\x14\xc9Xz\x9em\x8eZ.\xb9s\x84\t\x05\x00\x0098A\x93\xb1\x10.\xb9\xcb#N\x19m+\xb7\xea/\x82\xeb\x81\x9c\x0b\x80\xfd[\xbdX\xc3\x14j\xd3\xae\x99Qv\x01 \xd0\xfbsu\xcf%\x108;\xc1\xf3u\xd9\x03\xe6\x93\xdb\x9e\xf6\xac\x19\xc3g\x8b~\xac\xd3w\xc9y}\xcaG\xd7\x01\x00C\xd0\xfb\x85q\xfd\xa0\xcc\xf7\xfa\xcdAvR\xfd\xdf\xa1\xc1\x84\xd2\xd1~^\'\x06\xb5\xbf\x07\xc4{+\xdfZls\xd84\x7f\xaa\xa6\xc9\xbb\xd6\x8a\xbf^i\x15\xbb\x1a0\xf7n\xf9\xfbC\xc9hH\x85a\xba+jD1\x15*5\xfd\x13\xd1\xac\xe9\xa4\xef\xe1iAn\xecJ\t\x8b\xfb\x96\x11X4Y\xd3\xfa\x9a]\x01\x88\xc8\xecwmjxT$\xdcr\x9e\xb5L\x8f\x00qg&amp;\xa3\x01^\x03\n\x00(\xe5$\x11\xb3\x80\x82\xb7\xa0\xce\xff\xd3\xc4\x9aB\xf4d\x94a\xd84\rf\xff\xa0\xe8\xef\xe8\xdc\xfe\xa0\xc0\x86\xa8pbj\x9cP\xdatT\n\x9d\xa6I )\xdb[\xda\xe5\xbd\xfbs\xf3\xef\xd0&gt;i\xad\xf4p\xf6\r\xdd\xe5f\x8b\xbf\xc9\xa2Cn\x9a\xee\x1c\xf7\xed\xc4\xbf\xe13)\xc9\x9bC\xae\xa4)}y\x11V_\xe8\xb4cG\xdd\x94\xb4!&gt;\x18p\x01\x00\x00Hp\x0b\x8bk=\xa3\xedA\x12\x9d\xbf\xe3r\xec/\xba\x89oT\xc9|\xfb~\xa2\xe4\xd4\xe0\x97\xbc\x02\xcd\xab\xd6C\xcb[`\xeb\xa4\x1c\xc1-]\xb4.\t\xeeC\xb7g\xcc\xbb\xb4\xfc\x1f\x93%\xd8w\x00\xa4G\x98\x7f\xa7?b\x80\xfc\x00?`\xf09\xad\xbe\x99\t\x00\x00\xe8\xcf\xd9\xceG\x82\x99\xd3\xf4Z\xe88o\x96\xfd\xfc\xf2{\xb1\x82\x81}\xd4\x03\xd3\xda\xdb\x84"\xa7\xf6\xd7\x0f\x0b\x1f\x03\x98\xff%d\xf1@t\x9b\x08\x82\x8aF\x9a\xbc\x05\x96x\xc6a\xeb\x16\xc5G\xfe\x19\xc7@\x05\xcf*\x08\xa1\x00\x00`sSq\xe4vZ:\x0e\xa1\x0b\x00\xf5.\x92\xe9T$o\x8eWU\xbfj\'\xdfRVea\x1a\xe07\xa3\xdcH"\xa5~X\xc6\xd0\xf1\xb8\xc1I\xbd5\xf9\xa0\x11\x9b\x1c\x849&amp;\xcd\xa2\xfc\xd2(\xf0wk\xc6\x1dQ7\xb5^\x03\x00NL8\xb27\xd1\x95\x8c\x8c\x88\x9e\x97\xc7\xd7\xbfs\xa7\xff\x81\xf7s\xe7\xe2\xe1\xe0\x0b\x80\xf86\xe7\xb1F\x8a\xf2\xcf}\xce\x07y\\\xc3o\xa1&amp;\\\xa0ii^ki\xe3]2\xeep\xde\x80[\x00\x00\x87"\xb2\xfb\xd2o}rr\xa3\x0bG\xc9\x0b7\xad\x12\xff\xea\xe8\xcd\x93\xb6\x0f)\xb6\x07\xd9\x0f"\xba\xcf\xa5\xaf`=\xd7[&gt;\x8e6\xb3\x11M\xdau\x15\x8f\x05\xa7m\x7fS.\xc3\x9d\x8f6\x00\x00pR\xf4\x17\xc0-i\xd2\xfa\x1a\x06J\xbd&lt;Ng\x9a\xa6\xc4\x1b\x</t>
        </is>
      </c>
      <c r="E281" t="inlineStr">
        <is>
          <t>&lt;class 'numpy.ndarray'&gt;</t>
        </is>
      </c>
    </row>
    <row r="282">
      <c r="A282" s="1" t="n">
        <v>280</v>
      </c>
      <c r="B282" t="inlineStr">
        <is>
          <t>steps_per_sec</t>
        </is>
      </c>
      <c r="C282" t="n">
        <v>3200</v>
      </c>
      <c r="D282" t="inlineStr">
        <is>
          <t>3.0353649</t>
        </is>
      </c>
      <c r="E282" t="inlineStr">
        <is>
          <t>&lt;class 'numpy.ndarray'&gt;</t>
        </is>
      </c>
    </row>
    <row r="283">
      <c r="A283" s="1" t="n">
        <v>281</v>
      </c>
      <c r="B283" t="inlineStr">
        <is>
          <t>Loss/RPNLoss/localization_loss</t>
        </is>
      </c>
      <c r="C283" t="n">
        <v>3200</v>
      </c>
      <c r="D283" t="inlineStr">
        <is>
          <t>0.20717445</t>
        </is>
      </c>
      <c r="E283" t="inlineStr">
        <is>
          <t>&lt;class 'numpy.ndarray'&gt;</t>
        </is>
      </c>
    </row>
    <row r="284">
      <c r="A284" s="1" t="n">
        <v>282</v>
      </c>
      <c r="B284" t="inlineStr">
        <is>
          <t>Loss/RPNLoss/objectness_loss</t>
        </is>
      </c>
      <c r="C284" t="n">
        <v>3200</v>
      </c>
      <c r="D284" t="inlineStr">
        <is>
          <t>0.031713307</t>
        </is>
      </c>
      <c r="E284" t="inlineStr">
        <is>
          <t>&lt;class 'numpy.ndarray'&gt;</t>
        </is>
      </c>
    </row>
    <row r="285">
      <c r="A285" s="1" t="n">
        <v>283</v>
      </c>
      <c r="B285" t="inlineStr">
        <is>
          <t>Loss/BoxClassifierLoss/localization_loss</t>
        </is>
      </c>
      <c r="C285" t="n">
        <v>3200</v>
      </c>
      <c r="D285" t="inlineStr">
        <is>
          <t>0.29877838</t>
        </is>
      </c>
      <c r="E285" t="inlineStr">
        <is>
          <t>&lt;class 'numpy.ndarray'&gt;</t>
        </is>
      </c>
    </row>
    <row r="286">
      <c r="A286" s="1" t="n">
        <v>284</v>
      </c>
      <c r="B286" t="inlineStr">
        <is>
          <t>Loss/BoxClassifierLoss/classification_loss</t>
        </is>
      </c>
      <c r="C286" t="n">
        <v>3200</v>
      </c>
      <c r="D286" t="inlineStr">
        <is>
          <t>0.15372309</t>
        </is>
      </c>
      <c r="E286" t="inlineStr">
        <is>
          <t>&lt;class 'numpy.ndarray'&gt;</t>
        </is>
      </c>
    </row>
    <row r="287">
      <c r="A287" s="1" t="n">
        <v>285</v>
      </c>
      <c r="B287" t="inlineStr">
        <is>
          <t>Loss/regularization_loss</t>
        </is>
      </c>
      <c r="C287" t="n">
        <v>3200</v>
      </c>
      <c r="D287" t="inlineStr">
        <is>
          <t>0.0</t>
        </is>
      </c>
      <c r="E287" t="inlineStr">
        <is>
          <t>&lt;class 'numpy.ndarray'&gt;</t>
        </is>
      </c>
    </row>
    <row r="288">
      <c r="A288" s="1" t="n">
        <v>286</v>
      </c>
      <c r="B288" t="inlineStr">
        <is>
          <t>Loss/total_loss</t>
        </is>
      </c>
      <c r="C288" t="n">
        <v>3200</v>
      </c>
      <c r="D288" t="inlineStr">
        <is>
          <t>0.6913892</t>
        </is>
      </c>
      <c r="E288" t="inlineStr">
        <is>
          <t>&lt;class 'numpy.ndarray'&gt;</t>
        </is>
      </c>
    </row>
    <row r="289">
      <c r="A289" s="1" t="n">
        <v>287</v>
      </c>
      <c r="B289" t="inlineStr">
        <is>
          <t>learning_rate</t>
        </is>
      </c>
      <c r="C289" t="n">
        <v>3200</v>
      </c>
      <c r="D289" t="inlineStr">
        <is>
          <t>0.039985202</t>
        </is>
      </c>
      <c r="E289" t="inlineStr">
        <is>
          <t>&lt;class 'numpy.ndarray'&gt;</t>
        </is>
      </c>
    </row>
    <row r="290">
      <c r="A290" s="1" t="n">
        <v>288</v>
      </c>
      <c r="B290" t="inlineStr">
        <is>
          <t>train_input_images</t>
        </is>
      </c>
      <c r="C290" t="n">
        <v>3200</v>
      </c>
      <c r="D290" t="inlineStr">
        <is>
          <t>[b'1024' b'1024'
 b'\x89PNG\r\n\x1a\n\x00\x00\x00\rIHDR\x00\x00\x04\x00\x00\x00\x04\x00\x08\x02\x00\x00\x00\xf0\x7f\xbc\xd4\x00\x00 \x00IDATx\x9c\xec\xbdw\xb8}MQ&amp;Z\xebC\x14QQ\x94\xe0\xa8\xa3(I\x01\x13\x88b\xb8\x8e\t\x03\x98eT\x0c\x88\xe1\x9a0\xeb\x98\xf3\x8ccV\xd41\xe0\x88:\xe2\xe0uL( *\x8a\t\x03\x181`\x1a\xb3\x83"\xa0\x82\x98F\xb0\xee\x1f{\x85\x0e\xd5\xddU\xd5\xd5a\x9ds\xde\xe7{\xbe\xdf&gt;kwW\xbd]\xa9\xc3Z{o\x80,\xd0\x07\x00\xe6\xdb\xa7\x84\xe8:\xb6\x02"`\xc8\x07\x8f+\xfd\xa8bD\xe3\x06jl!z\xbc \x1b \xe5\xfd\xb4&lt;ZT\xdcTLW\x8f\xda|&lt;\x0f\xe2\x01\xda\x8fw\x063\xf2\xbc\xb9:\xfd\xd3o\x8aF\x80\t&lt;8\x13\xa66E\xc3\xda\xb5\xe6E,\xdc\xf9\xb3*w\xe8\xbe\xfci"\xe8&amp;i\xcb\x9f\xb6\x98\xc26\xce/\xec?\x95`\x8cJi\x97\x176\xec$\x8a/J-F\xc1Ui(\xcb\xf9?\xad\x8b\x86FU\x95uZ\x985\xc7\xa7[2t\n\x9a\xeb\x03?!\xc9\x06\xa2b\xc7r\x10"\xd8\xf9\x91_\xe8gX\xb6v\x06"\xc2\xdb5\x18\xf2\x049\xc8,\x05\xe6\x15c\xc2\xfa\xd3p\x81x\x1d0\xa3\xe9p\xfd\xcfr\xd9\x97S7\x9f\x05\x940](\xd3b\x9d\x80\xe9i\xb1\xbb&gt;\xc3h\\C\x17Q\x1d\x82y\x10\xe2\xc8C\xc4\xc7\x8f\xc8\xab\x11\x96\xfd\xc9&gt;j\xae`\xdcL\x80O\xca\xe6d\x8b%T\x8b\xd2\xccN4\xdc;^\x8d9\xef\x1a\x02\xd7-_W\xf7}\xfb\xbc\xf3\x96\xd5I\xe7\x95E\xdek\xf3\x94\x02r\x15\xe1.=\xcd4\xbdI6\x92muu\x04a\xb4\x06b\xf3\xe7\xa1{\x17\x13\xd5I\x0eI\xf9\xee\x04\x97\x14c\xcbm*\x90\x034\x1c\xf5\x92Q\xec\xb5[\x88\x96\x976\xe4[V@D\x99|DlL\xa9\x1a\xcf\x04x\x1d\x00\x00\x84\xe9\xa9\xf2\x81\x99X\xea\x89=n\x97\x05\xbaPZ\x15\x1a\xf9\xf1H;\x91\xc0\x0e\x99x\x83f\x18\x90;N\x9a\xdc\xc4\xcc\xc9 \x9e\x13\x07!\xb5FY`\xad\xce\xb6\x8a&lt;\x9b8\xcb\x00\xb26\xb6,\x986\xe9\x1c[oy!\xc0\xcb\xd9\x10&amp;\x84\xf7\x8d(\x97@Y5b\x140\xf5FF\x80\x85\x92\xdc\r\xac!P\x81\xaa\\$\x98#\xb9\xfdrvu\x95\xdb\x14\xf1F\xc7\xfet\xc1\x14\xe6\xbb\xf9\x19@\x0f\xe7\xfd\x87\x1dD\x9d\xde\xbc\xf2\x18&gt;\xfd\x90o\xd0\x1d71\xa3\xc6n\xba\x13\x19\x10\x07\xdd\xc0\x8f\xce\x9b[iI\x8e\x8e\xd2\xde\x8c\x8c\x99X\xc6\xe9\xb8\x81\xf0\x81\xab\x91\x1a\xbdC\x82\xd9\x16\xcc\xe1\x93\xcd\x0c]V\xb5\x81\xc0\xc4Q\xc4N\xae\xf2\x14\x16\xe5\xdbtE\x97&gt;\x88\x1d6!I\x1d6\x9b\xc3$7\x01\xd8\x98\xe5\xae\xc5\x95A\xaa \\5\x8c&lt;7\xba\xc1x\x04\xc5\xfc\x141\xef\xe4f\x8b\xba7\xb0\x96\x1e\xdeH\xcdA\xf1\x0cE\xcfY\xdb\xcd\xdcz*&amp;!\xd1nb\xa5V#\xf6Z,p\xe1\x19\x12s\xf9/\xcb\xee\xb7\t\xf9\'\xc1\\\xa9\xaa\x17\xb4\xcc\xb9\xf8\x16\xa9\xdc\x03_\x8b\xb4\xf8\x9fus`\x80KN\x11\x06\xa7 )\xc2y\xce\xc2v\x0c\x9c\xb1\xe63\xd6\x95\xbb1\xd5\x0e(9\xbf\xe9\xc0\x87\x81Ih\\\x11\\\n\xc7\xb2\xc0r\x9eE\xc7\xc1\xf4;M\xe4\xdd\xd7\xfd\xe3\xf2iR\x13\xb9\x02\x10\x15\x8b\xf6\xc6\xb2,\xc1jd\xbd\xe0\xb7\xe7\x9d*\xe7\x9a\\ll\x1b\x14}l\xdb\xe26C\xadP\xde\xfd\x8fu\xf5\xff\xb8*U}\xb1\xae\xe9\x05q"\xb7\xa4\xb3\xdbo\x83\xf4\x14\xf8\x02\xb3\x95\xc4\x15Z\x91\x8c\xbd\xdd\xd6\x14\xf2;\x95W\xcd\x02rL\x15\tO\x03\x007B\xd5\x82\xc6\x8e(\xad\xbd\xd5\'\xd8x\x94\xe8\x8f\xaf\xd9R\xca\xcb\x9c&amp;\xd2npE\x10\x14\xfcA\xd5\xec(Yw\xb1\xd0\xbe\x8db\x17\x85\xf1\xbbo\x9eR\xd4\xc0\x02\xb8}B\xb7\x81y?\x16#\x98\xca7\x08\x89\x83\x98+g{\xf4\xceg~\xa6\'\x82b\xb3df\xaeJ\xef\x8c\xaa\xfc3:#J\xef\x1b\x0c\xc2Dk\xdf\x81\x98\xd1\x08\x8f=\xf1\x06\x00{&amp;8s\xf5\xdfsa\x94\x19\xfe\x84\x91&amp;\xc3\xca\x7f\xc6\x94\xd9\xf0O\x13s\xb3\x07"\xfe\xef\xdcxOi\x8aL\xc2\x1eo}\x05\xfd@\xb6\xbfN\xb5\xadB\x8d\xcaH\xdb\r\xc0~\x80\xaf\x93\x8c\xce\xe6\xc75\xe6n\xe7\xce\xd5\xb5)2\xa3\xe0\x0f3jy\x15,c\t\x7f\xbfx\x83\x91\xb8\xf1\xc2\xb6\x9a\xb9\xb1\x83\x19\x18\xb5R0g\xd4O-i&gt;_\xd1\xc2\xe9\x89\xe2\x86\xf0\x8f\r\x02\xec\xd3\rf_\xa1/fO\x93Fk\x91]\xec\xc9\xd6:\xdfx\x02\x97\x05@\xc4\xef$b\xd2\xfb\x05\x83\xd2\r\xbd\xa3\xb1\xd5\xf0\xdb\xadt\xb1&lt;.\xa5\xdc@\xbe\x99dO\t"\xe2\xdd\xcf\x95\x14rHW\xffk\xfbff?1\xfcp\xbf\x81\x1e\xd6s\x7f7w$\xca\xdc7uxv"\x9cTb\x18)\x9a\x06\xdd\x17m\x05K^\xae\xdf\x85\xfb\xac\x1aw^LjL\x90\xb9\x12\xee6\tZ\x86\x90\x82\xfc\xbc\x83\x0e\xc9\xeb7\x92}\xb6\x82\xa4\x04Rk\x08\xe3\xf0\\1s\xefS\xb1\x05\x80#`\x929[\x0cx\xbf\x9e\x8b-\xe0jq\xd5]\x96t\xb6\x01\xf0\xef\x1a\xcd&gt;\x0e\xcf\x16\x85\xce\x91\xd9\xaa\x8a\x9e\xb18Gk\x89\xf3\r\xc1\x04\x85\xf9`\xb5\xce\t\x1d&lt;\x02\x06\xb7\xa5\xdaI(\xe1\xddH\xa5\x94\xebs4R$k\xc8#\x85\xa0\x89Nr{\x08\x88ye\xa8S\xc6Y\x06\x15\xbb\x98N\xeb,h\xc7m\xb5\xcccm6\x00\x84\xd7x~L\xba\xdb]B\xb5X\xe5T\x83?a\xcfA{\xa9\x8a%\xe1\x8ad\x8e!{\xe0\xc7\x8f:\xd8\xc2\x90\xf0%\xb0\xcb\x91V]+XK~\xba\xc3\xf6S\x11&gt;\xa9\xc9\x8d\x91\x81U]\xe7\x8b\x86\xae\xfc\xcd\xc9Jg\x16\xac\r\x803\x9c+\xb3U\x9a\xe9\xa8\x95\x81\xd7\xed=%\xa3\xce\xd7q!\xde\xaf\x17\xcbDjt\x99*\xef\xb0\xd5\xc0v\x86\xa0d\xebk\x939\xa1\x8c:Ca\'\xbe\x97\xda\x92\xb6\xc9d\x93Y\x82\x08\xe4\xd7\xec\x13z Y=\xba,\xbfl\xa0e\xf8r}\xd5m\x9ds\xa5uR\xf4\x8f\x07\xc64t\x83\r}\xe7\xaf\x99\n\x82&lt;(\x11\x11\xe0!MIU\xc0\x1d\xcek\x04\x0b&amp;D\x04\xf8\xb0\xb1\xfcT\x181\x8b\x18,4;G\xb9\xe5\xca\x98c\xf0\x06\x1e\xe1\xde\x80\xb6\xd6[V\xdd\xac\xaf\\Yh\x81Z\xedu&amp;\x1dS\xca;\x14\x04\xac\xae\x00\xf9%\x08S~\xff\xc9\xb2^\xe3\xb9V\xff\x1b\xceqX\xe6\x1b\xb6\xed\x1e\xd8R\xfe\x83\x06\xc4\x83|\xe9\xff\x95\xad\xa8L\x8c\xd8)i\x1f\x91\x1e\x949t\xae-\xd9\t\xebT\x19\xebpn\x15\x8ek\xb2a\nv\\\x931\xaf@\xdb{\x91\x8d\x84\xffxZ\xa3-\xae\x84\x8be\xa8\x0fl\xab\r\x80\\\xce\xa0\xc4,\x16\x84\x99jE\xd5=\x96\xfau\x9edv\xe76\xe0\xebm\xbdH5\xc4Y\xa6\x98\xd4\x8a\xa5~Q\xd5\xc1\x02L\x924\r\x1e=a\xc8\x15\xcb\xc8\tB\xa2\x12\xfc&lt;\xcd\x17^f\xfc\xdcl\x00\xc6\xe2|\xc3\xcc\xcf%\xd7\xc6qE\\\x9f\x18\xbe:\xb8N\x95\xe7\x02\x9b\xc5%\xfcrF\xce\x99\xd6\x9d\x0c\x9cz \xa7&amp;\xdf\x0fN\x11\xf8\x92bK\xb2hp\x16U\xf9R3_-\n\xcf.\xd9\x1b\x00#\xed\xe9\x95\xee\xab\xcfe(\x16R+o\xbe\xdfM\x96\xca\xf3\xac\xfe\x9f\x0e\xf0\xa9=7\x00\xf3%\x18\x07\xe3\t{&gt;\xfaH}\xf8\xf6\xc202\x93\xd9\xa1+\x82\xb1\xcf\x17\x154\x8cx\xda\x7f\x87FS\xb4\xae\xbag\xf1\xfe\x94h\xbew\xea\xe5\x9a7\xed\xa2E\x80w\xb5\xb8g\x95&gt;@\xbd;\xa73S\xcbl\xa07&lt;3\xad&amp;\xdb\xc1\xe88\xc3-\xb9\x95se\xb6\xf1\xe6\x97^i\x1eN%,\xd5Cf\x08\xdf\xf4\'\x88\xdai\xe6\xd1\xcfJ\xc5.LDr\xc5\x85\xcf?\xccD\xe9\xca#\x8e\x81\xd9\xa2"\x85\x1a\x9e\x18\xc1\x96[;\x9c\x94\xf6\xcc\xd8\xcch\xf0\x10H;\x8f\xf8e\xbc\xad\xeb]\xe1\x93\xc4\x98\x85y\xaf`\xca\xd4\x0c\xe7J\xd4\x90\xe4\x10L\x8bd\xb2\xe4\x9a\x1b\xb0\xb3S\x82q\xed\x15&amp;\xc7ax\xd0\xa4\xb5O\x14\xca]\xacT-\x7f\xb4+\xdb\xe1\xaa\x8e\xcb\x1c\xc3\xd3y\x00\xbc\xaaw\x8aY\x90\xb8\xa1\x7f\x06\xda\xc3\xc0\xb7\xcc\xc5\x8coUm\xcc\xd4\xfa\xa0Ff 9t}\x97[@\xdd\xc2\x8c\x15\xd5\x05&amp;\x05\xaa\xa7\xca\x17\x84w\xe7\xb0\xad\xdd\x00\x9c\xf7\xb8-\x130\xaa\xf2\x98\xb9W\x90H\xc0\x06w\xfc\x86\x14\xf6m,\xeb_\xd1\x0b\xa2}S~\x05\xb3\x9e%\x8d[\xf3\xbcY\x01dpc\x9c\x18\x99Z9\x84\xcf\r\xb8\x08o\xdfu\xf3\xd7Y\xeb\xb0\x88\xdbe\xfe{\xc9\xda\xe1\xe0\x0fS\x1b\x80z+\xa5\x17\x1f\xe6\xd87\x156\xfb\x16ASb\x80Y\xc9x\xe6/\xe1-a\x1d\xe0\x83\xaf\xe6\xe8\x98\xe0\x84A2`\xdeD\xbc\xfaw\xe5\xec\xff\xf7%G!:8\xfc\x1e=T\xfb\r\xae,\xaeO\xdd\xb9\xb2S\x08\t\xb2\xa4\xder\x9d,P\x8b\xa8\xf4?\xc8\x9f!\x9a\xaan(\xfcPr\xbd2\xc2\x14\xf4s\x08\xb5QA.\xffg\xfd\xf8\x87rU\xf4\x1e\xf2\x01n\xf7\xeet&lt;+\xe0*}\xa4\xa6\xf31\xc0\x7fev\x92j\xb9\x1a\xd8\xac\x94\x19\xfe\xda\xa0&gt;\xcb\x82e\xfd!0woA\xac\xf1\xa6\xb4^#\xd4\x04\xca\r\x1a\xe0\x8f\xfc\x87=\x9cGi\x9f|]\x1c4\xc5\xf2N\xc6\xa1\xe1rG\xc4\x00\xa2\x95\xd8)\xf2\xfac\x84&lt;K+\xb0\x13\x0c\xd9\x1a\xdc\xf0\x13\x06\xaa\xec\t% \\\x83\xd1}\xa1\xf1\xa8L\x8dR\xf8YA/\xdf\xe7\xa6Y\x02\x86\x05\x84\xc3dt\r\x94\x03\x01\xbe\xb1Z\xc8\xff\xedV\xfc\x03\xa7T\x97w\xba\xef\xd9\x9c87\x0e\x9f\x8d^\x1f\xa4\xae\xfbQU\xbe\x99u\x9c/\x8e\x00"\xfe\xfcU\x08P\xda\xd4\xc1\xd4\xe2\xbe\xe8Mp\x1c\x9aE\x97L&amp;\x9f\xc3$9\x1e\x90\x19\x98\xa4r\x88]s\x9e\xa1u\x02\xbd\x1a\xe8\xfa(\x9dW\xb2\xdc\x8b\xfd\x91\x1f\xe3)\xe2\xa7\x86d\xf5\x00\xbd\xee\xcc\x85\xe6\xfc&amp;\r`\x12\x06\x9d+\xad\x95\xae\xcc4q:?N\x8e)&amp;\xe34\x01\x84?-/\xfd!\x8a\x98\x9b(\xa9\xc1f\xc0\xcc\x9d\xbb\xf5\xcf\xee\xd4Z\x811\x8b "\xbe,""\xfez\x83\x81\xeb\x82\x96\xd9e\xaa\x8c\x18\xbf\x15il\r\xa6\xb5\xe7\xf1H\x0f$\xeaI|\xa5\xb1Y\xa6;\xef\'\x10}\xd3\xf4\x84\xa8q\xd3T\xe5\xe8\x1a`t\xbd\x95\xa3\xd1Z\x8e\x12\xf5\x1bV\xc2\xa7E\xbd\xf9\x1aGO\xce\xd3\xc6\xc7\x9c7\xdb\x03\x1e\xd2\xc6\xbc\xb2\xa6cm\x00\xda\x05Oj\xd3\xc5\xe9\xa5euMw\xcb\x93\x0cy\x12\x1a\x1dQ\xde\x00\x14\xfa7\xdcxs7lz\xafu\xf2\xf5\xf9V{7h\x0e\xa3\x90 3\xa5y\x1d\xfba#\xe1\xd4d\xd7\xb9\x08\x9f23\x15\xeb\x12\x11\xfe\xd2h\xb7\xc7\xe1\xd9hgy\x05\x10\x18\xe4\xc6D1ZG\x8eDrm\x15;\x06r\xcd\\\xbc\xd9\xea\x1e\xa3\xf4\x8f0\xf8\xaft\xd7H\xa0&gt;kv\t\xb6\t(\x9a\xe0\xa6\xaf\x8a\xba\xc9z\xe6\x11\x8d\x85\xb5ezW]\xbc|&lt;\x9c\xd32\xdf,\xb5U\x8e\x97\xd4b\x8e&lt;T.\x0e\xc9\xb9;\x9f\xce\xd3\'{s\xacg\x1e\xed\n\x04Fh\xa4\x88T\xdbE\xd79\xe0\xd9\x7f\x8a=\xd2\x84\x0e\xc2\x9f\x16\x9c\x02\xb6M\x99Ju\xa3\x9d{\x83\x1b\xe8\xd18t/\xeb\xb3\xafJ\xa9\xbeb\x89\xd3\x7fD\xfet?\x891\xbb&gt;%_6\xb8\xe5\xfc\xcb\x933\xfd\xa3\x135\xd1\x92\x89\xb7&gt;\x1b\x80I\xa2\\\x8a\xb6\xb4\xe3\xd5\x7f\xdf\x08C\xe7\xff\xd7\x1e\xa43T\x0f\x96\xd4\x13\xd9\xce\xb1\xde\xa0R\x94\x19TO\xe7\xdb\x06\xf3\xc5,\x93\xcd\x9a&gt;\xccRx\xca\xd1\x9d\x0cW\xd1\x86O@\xe7L\xaa!\xa6\xce2kt\x1el8\xbf\xbc\x9b\xc1|\xc1\x88\x87\xad\x01\xd9\xf2\x17\xfa-&lt;8;\x1f\xeb\x15Q\x8b\xe7\x7f\x06\xa4\xc6n\r\x9dMR\xc6\xd4-r\x04\xbdF,m\xcf\x81\xd1\x1b\x80\x1b\x1cp\xed\x7f\xbc\xee\xbe\xf0-\x85\xc1\xdc+`\x17\xd6\xc1|\x864\xd1\x87M\xbd\xde\xbe\x1ag\xc0I\x12\xc1\x0e\xfe\n@p\x92\xa7St-\x83\xaa\x8c\xea\xa8s\x8b\xd8.\xeaM\xcd\x83y\xf7\xe0\xe79\xae$\xdd*\xf3u\xd8\xf2\x81\nb\xf9\x91\x9e\xa1\xd4\xef \xe95\xa9Ko\xe1\xdad\xf4\xbd\x08\x81k\xac\x1d9\xf2\xa9\x0cs\x81{\x15\xb8\xe0\x87f\x0f\xf7+\x8b8Ju\x11[\x99\x9f\xfe\xdc\x90|w\xfe\xa5\x0f#\xeb\x15V:\xc1\xd8;\xcdX\xd1\xe7Uz(\x9d\t\xddG\x8d\x13m\xb4\xa8G\xe0*\x0c\x92\x946\xcbx\xaf\x1c\xc25\xae\xb5\xb5\xfdi\x02\x83r\x11\xc4OUE\xfd\xa5|\xdf&amp;\xf3\xe0PL\xb1\xf2\x8eC\xa5&gt;x$\x12\xdeK\xe0 \xdbR20&amp;\x10\x11~^s$\\X\xe8\xdc}M\xd1)\xc3\xfd\x06]\x91\xde?x\xb7&amp;D\t%\xaf\xa4f\xa9ze\x16\x10\x93\x8fefnL\x94\xeb\xe4U\x81\x93\x8cfs\xb6\xa2,\xb8BH\xe3\xa7k\x11\x97\xd5\xec\x90\xf0\xb4]\x8fb\x02dK\x80g\xa9\xe5s\x9a\xed\x7fI\xb5lx\xed\x8c|\xad\xcci1\xef\x06\xc0d\x0f\xc0\x14"(8~\xbbJ\x8a\xca\x92d\x87\x06\xaaM+\xcb\r\xce\r2\xa3\x1e\x7f\xa4\x8fb\xa6W\xb7\xaf,(\xc9\xa8~\x03\x83R\xd5\x19&amp;\xe5u\x00NRXL\xe2\xedl\xa8\x1a\xef{\x85I\xaa\xcf\xd9L/-\xc3\xce~T\xac\xe3e\xbd\xa0A\x05\xf0\xcb,\xed\xbe\x9a\xbc`t&lt;\x84\xd7\x8d\xee\x04i[3\xbaD\xdf\xf0\x1el\xe7\xf2\xd5B)_\xe6\x1e\xb7\\\xa1\xce\x85\xa7\xe8\t\x1e\xab\x8aQ1w\x82Xg#\xf6\xf4~\x9b\xfb*\rs\n\x08\x12\x95&gt;\xfeG\xb7\x01"\xc2\x1b3\x05\x86\xd3\x0c\x9b\x85r\xa6d\xca\xb6\x96\xd9\x01}8_\xcf\xec;iH\xd4\xa0\xce\xd1\x1f\x1e&gt;7\xb2\xbe\xbevf\x14\xe0\xa8\x84\xdc\xe2)\x10{\xac\xa7\xd9\xbb)\xa4\x90z\xdf\x90p\x86\xd2U\x05gU\x93\xb1\x7fV`[\x1fe`\xbeTs\x06\xf2:\xa1"\xf5\xe8\xaeO\x90U\xa2w\x05w\xd6\x85\xfb\x85\xeb\xba\xfe\x98\x1cU\xa7\x17\xe9\r@Vl\x9b\x8a\x16\x84\xdcU\x02"~\xd1M\xad\xbbA\'\xd4\x1f\xdc^G\x18\xaf\xd5\xc8%\xbc\xd9M\x98\xe6\x1b\x80\x06\x98\x94g\xd1\x8cd\x83T\xaf\xe3\xfa\x1d\xcf\xe4#\x06\xc3^c9\x85\xbd:\xa3{$yK\xc3\xcb\x95\x1e\xca\xc8\xf5\xdfM0\xb4\x81os\xdf\xf8\x88\xf0\x93\x85{\xc4\x95\xaa\xb3|\xeaD\xcf\x170h\xb3{\x9fqh\xa6\xb0/qcg\x93\xa6\xda\x8bA\xd5L\xf5Y\x830o\x10V\xfd\x91\xdc\xad-\xcck\x121\xba\xbe\x13\x02\x11\xefN&lt;\\\xd0\x95@\xe4\x8e\x8c\xdf\x8b\x93`r"\xdbg\xd5\x1a\xef\xb7\xc2\x12Rb\xc6X\xcdB\xf4\x8aE2\x1b\x16c\x1e\xb8\x01\xd8\xa6\x99\xda \xce\x90\xef&gt;\xba\x1b\xacpl\xfeAqYl\xaa\xf6q\x89\xb3\x93\x1a\xbd\x8a(\xeaT\x9d\x1feV\x04\xea\xe5T\xe1\x83\x94\xa5\xbfEcN\xcb)\x8c\x06\xd0\xe4\x13\x17?+\x15hA`\x12{\xaaPb^\xac\x1e\xb2\x81\xbf\x977{*1K\x00\x9b\x81&gt;G/\x8c\xd1\xd2\x08\xa4\xa8\xcc:\xbe,n\xd0\x1e\xa6\xae\xfb\x1b\xc6\x1b\x00n9\x95\x13\xc0\xb0\xe3\xdb_\xa5\x90\x06\x00\x00D|\xcf\xe4\x03agD\x0b\xda\xdfMK\xbe\xd9\x00\x0c\x82k\xf3D\th\xf5\xa8O\x0b_c\x04s\x15\x9dp\xd7\xc4\xee\xe8\xd1\xe3G\xa4\xdd\x00\xb4`&gt;\xde\x1aW\x03[\xb2\xccwT)\x86\x19\xffs\x17\x90q\x10\xd5^f\xad\x1e\xe5\x0b\xe6\x06\xa0!\xb7\xcf%%\xff\x86N\x18"\xc2\x1f\xed\x99\x1e\xbd\xc5\x93pi\x89\x88\x00\x9f"R}8\xfa&amp;\xb3n\x10\xe2\xec+\xb6\x02N4\xae\xfaE@\xa9\xfb\xe76\xf4\xf5&amp;\xf6\xec\xe1\x84\xf0\xbd\x07\xf9\xd3\xefg\xe4\xb8\x1e\x83m=F\x04\xf8\xb9r\xa3\xf2"l\x9c/\x84ao\x96&amp;\xaft\xed2\xce\n\xcef\xf2\xb8\x144\x08\x1a\xdf\x98\x9a\xc4\xfdvK\xfa\xc6\xf9\r\xd1=R\xc7\x1d\xa4\xb4J\xe8\xce\x83&amp;\xf6\xb8\xcd\xd3\xba\xc6\x98\xd5X\xcc\x82\xcbz\xb0D\x1b\x13\x93Z\xc6\x05\xb9\xe7\x9e\x15=x\xb6\xdd\x00|\xdc\xba\x07\xe8\x99\xc8M+\xda\xdc\x15\xb3\x13\xce\x91D_\'q\xd3OO1\x1cb\xc5f\'\xbb\xb6\xbf&lt;\xec-\xd2\xe4\x0e\x80\xf8\x17W+\xe3\xba\x8d%\xbf\xa6\x8f\xaf_\xd5\xe2f2"g\x05\xef]\xe5w\x8f\xcd+\'\x96{(N7\xccy=\xbe\xdb\xeb\xb3\x85;\x819\xc6#\xe4\xa0\xe7\xbcw,;r\x9b]\x10\xb3\x0fDV\xccC\xbaQ\xb4\xf7\xd7\x16B(\x8c\xa5q@D|B\x07\xaa\xd3\xe6\xbf\x16-WQ\xae\xfc3\xa0\xd9\xd6nr\x0b8s-\xf7~zkJ\x1c0OpD\xf6\xcf\xaf\x02E\xdcFl\x00Z\xc5\xf0(\xa0\x8f\xd6\xa3s\xb5\x04\x910A\x16O\xb1\x11*v\xdc_[qh:=]\x1dD&amp;+\xb7\xdc\xff\xecn\xdf@c\x96\xf3s\xe8\xedxY\x87/S\x11\x91G9\x90\xdd+h\x07\x83\x99I\xa0\xe6T\x89\xd7\x8d\xed\x043\x811LV&lt;y\x05\xad$[\xa2\x11\xc9\xffo\xfa\x80i;\xd1v\x1f\xfba\xed\x07k\x972&amp;$\x14\x9d\xf2\x02\xa5c\x99;\xea\x08\x10\x841\xc4\xe5j\x1f2\xf3\xcc\x80=cx\xd5\xf52\xca\xed\xd6\x9b\xd8\xf1\xbc\xd8\x7f\x1e/L\x8dbuxYg\xc5\x1fm\x00\x1a\xe3N\xe1Z\xdcuj\x86yM\xf9\xb6\xcb\x99Y\x82\xaf\xdbd&amp;Z\x10\xb0\xf94\xa6\xfdg}\xebc\xe2\xcdR\xd1\x9c\xf4\x8eJ\xd3\xb8\xc2i\xee#\x89\xc7XM{\xc8\xeasW\xcem\xd7r\xa1\xdcy\xf8\xde2q\xbf\x8d\xd9\xe9[\xc2\x1a\x82Z\x07_-\xdc);\xaep#\xd0c\x12\x9c\xa4j\x01\x80\xfa\x91\x95\x81\xb8\xb2\x81j\x00\xf6\xea\xcaV%\x00\x00|\x86\x9fEO\xeb\xb6\xa0\xf4\xff:\xae\xb06\x00\x19\x92\x0fK\xbeu\xf5\xe2\xaf"\xa9\x04\xbdDE\xb6\xd8r}\xf7\x1em\xcb\xc1F\xa3yZ\x9d\xb3\xae!\xc0\x17x\x7fK\x9e\xf7pl\xab\xd2m9g\xd7\xdeYfk\xd1\x0f9(w\x83W\x9c\x92,\xee&gt;+\x99C\x1df\x7fb\xcb\xc3\x1a\xabk\xda\xfb\xa8 \xd9\xd1&gt;\xe0\xa6\n\x89\xce4n\xd0\x05\xc1\xb3\x1b6\x071\xb6\xd1"\x15\x87&gt;\x93\xde\xb1\xfb\xfb\xd1\x82{#0o\n]\x95i\xe9t0\r\xce&gt;q~e\x83\xa4\xc9\xa0\xa4\x1b\xbc\x9a\x92\xe5\xf6\xc5\xb9\xce\xd5h\xacl\x95\x115\xd7\xba\x84_&lt;\xaf\xf1\x8aJ\xe6\xe81&amp;\xea\xf2$\xba\xa8,\xb4\xa3QT}\x8dc\xf5\x04\x10\xf9%\xd1xsn\xda\xcbR-\x86\x01s\xcb\xb3&lt;z\x9c\xf2\xf1\xdd8\xfa[D\xef\xb1,\x97\x17K\xf8b\x19\xc4\xa8\x8c\x9d\xea\xcc$G\xa3EH-\x8e\xe5\r\x84\xf9\x7f\xb7\xc9\x81e\x89\x82\xe4\xcby=\x11&gt;MM\xa9u&gt;\xeb\xe57\xda9\xd7\x940D\xbc5\xc4\xf1\xd0\x13_\xcdit\x89~Tn]\x17\xf0\n\xd7`,\x0b\x10\xc5\xf3\xd8\xe1\x1c\x17\xb6\xf6\xb30\xef\x87\x9f\x85\xc3D\x91e&amp;\x01\xf6ZsS\xfe\'\x0c20L\x16\x07\xc3H\xf4\xc2\xf969B\xc2\xb4\x0f\xff\xa1,K\xeb}\x0b{"\x05E\'\x03*W\x189\xfb\xac\xdb\xaf\t+\xf5\xfc\x98(\xf0\x9a$\xc2\xb6\xf0e?\xef!\xe1\xd0\xd5t5\xc6)\x15\x19\xa6d\xaf\x99nGq0\xd1\xdc25\x83c\r\xd6(\x84\x84OV\xcf\xdd\xd8\xb8\xe6S\xd2G\x1c\x87s\xf3\xda\xa1\x8b\x8f\xfe\xe96\xb1\xf0?kr\x8e\xd0\x18k\xb5)\xdajN_\x9f\x1f\xedJw\x95\x10\x132\xab,b5\xcf\xd8\x03\x18|\x96e\xd6l\xb4\xcd\xa5\xdby&amp;\xf2\xc4\nm&gt;)\x12\xb6\xea3"\x84\xef\x19k\xb7Wn\'Z\x91Y\xfc\xf6}g\x8bx \x967={\xce\xebR&amp;\xf5k\x9d\xce\x13\xc6\xe9V\x12\x1b[j"\x9br~i\x88\x7f&amp;\x8d0-\x9e\xd0Y\x9f\xc2 \xedl\xc8\x94\\\\\x1e\x04\xben\xec\xf4\x99\xc3\x89\x0b\x9e}\xda\x8ct\xb6\x94$\n\x06w1Z[hf*O&gt;\rkb\x19CMc\x01\rr\xae\x9f\xc8\xb9gE\xd3E\xcc7\xf4\xfb&lt;\x038\x1b\x80\xdfS\xc9(V\x98gL\x12lq\xf1\x94TTZ`vh\x8dF=\xc8\x98\xday\xc4}\xac|\x97\xe0X~Tl\x0c\xd1[;/\x9f\x17\x8c\xf1\x8a\xef\xdd52 \xdf;\xf9\x96\x91\xaf\xaf\x9d\xd3E\xc0\xf4\xed\x14jav\r\xcc\x18V\x0ba\xf4\\\x8d*\x83\x88\x00\xef\xe2\xfdm\xec\xfe1\x15\xd9\xad\x0b\x8d\xe5\xe7\xde\xc5\x8a\x05\xd0\xb5G+\xbbu\x88C\xaa\xb0h\x942\x12\xe7\xf3\xa6\xaaB\x86d\xf2\xa2\xcc\x87&lt;v\xda\xab\x18\x0e]`\xb7\xd7\x03F\xd4\xb2\xf0\xb2\x9e\x06\xb9\x1aS3\x1f\xa7\x1b/\x97*{\x92\xc5m\x1b|-V\xae\nH\xc2\xe3\xba\x98\xf1f\x89\x06~*\xb6+\x9d\x94\xa9\xdb\xda\xbc\xf54P\x90\xff\xa1\xb8\x9d\xb8\\\xdf\xd0\xba\xb6\xc0\x04j\xa4\xd54\xc8\xf0\xd2Q\xca\xeb0,\xa7\x8a\xa9\xa8\xcb\xec\xf5\xb1\x8d\xe5\xcb\x90\xf1f\xbb\x02\x18\xe8\x81h\x1e\x01\xd8\xd7d\xa6\x8a\x8a\xef6\xae\xfc\xad!e~\xea\xc1rP\x8amt_\xf4\xa7w\x12\x98[\xa6\x87\xb5mg\x93\x0e8\xf7\x82\xcf)%\xc6\xa3x\xa2W\x94\xd5GS\x02b\xed\xc6\x12\xa8h$\xfc\x06\'\x06\xf582\xfa+$\xa1\xc4l{\xc9\xd1N\xe3\r@\x93\x83\x03i\x17\xe9\x9c\xc1\xd62\xed\xcar$\xabU\xf5rT\xf5\xf5\xca\xaf8\xaf\xad\xf0\xda,iS\xfa\xa8\tf\rH[$W\xff\xee\x06\xe0lF\x98\x9dm\xb9\x90\xf6\xd9\x00\x9c\x08n\x14\x9e3(\x9bm\xb9~\xc3\xcd\xd2\xba\xa3P\x1e\xbd\x93\xda\xff\x8a\xc3u\xc7\x95vM\xbc\xd4vBQ\x1c\x99\xb5a\xec\x1c\xc7&amp;(\xad\xed\xaa\xb44\x80(\xe5\xf7.\xd2\x81\xdc\x9fW\x97\xea+\xd8UE\xe8\xa3\xddPV\x15\xf8\xa3\x82\xa0-\xb8\xe0\x9c\x95\xbfX\x1b\xc3A\xed\xc3\xcc\r\xf6nW5\\\xc5\x95a*\xf4\x9e\x02\x848r\xed\xd0\xfb\x96=\t\xc0\xa4Y\x9c\xe5\xe4\x96\'\xca\x82pES\xb1\x13\x84k\xfaK\xcb\xc75\xa5\xa4\xc7\xe7 \xc0\x93\x01\xe0&amp;$\xae*\xdc\xe9\x99\x1f\xb7d\xcb\xca:\xf85\x97*\xe4\xac\x9fbJ\xc2\xe4\xea\x04\x7f\xd9\xc7\xeds\xfdn\xfa\r\xa6\x14m\x8a0\xeb\xb8p\x15K\nt\xba\xffg\xc4@\xe0&gt;\xcf&amp;\xf9\x94\xdc4\xc4byV\xf10\xa3\xce\x89\r@N\xdf\xa4\x11\xabF\xc1\xf5\xad\xb5\xdbI\x92\xdf\xd8\xec\x8a-r\xbc\x87\xac\xae;\xca\xb3\xd1\xf6\x16\xd9\xf2\xaa\xee\xc5;\xc1\xba\x9c\x8d\xf4\x05RP\x08i\xc1\xed\x06F\xc0\x07\xaa|\x9a\x98\xe6\xb5\xbev\xd6L\xe9\x90\xd3\x07aS(\xb2\x03\x11\x01\x9e\xd1\x94\xd5T\x98\xc5k\xfeQt\xcakQ\xf8%\x03;\x90\x10DB~\xd4\xbc\x98\xa9\xb1\x9b\xe6\xec\xb9\xd2S\xba\tb\x8a\xd8\xb0\xc3\xc0\x11\r5\xe6G\xe6\xd3\xa4\x95Z\x7f5\xdbJ\xcb\xa6\xa3\xa9|\x03\x88f\xa3\xa1\xe12\xbd)\xf3H\x98n\xce5\x8a\x0eHA!\xa4\x05\xb7\x1bL\x85Ll\xf0\xc2&amp;\xf9\xfc\x8f\xd7w\xfd\xd38\xa2*CT\x9a\x1d~{\xef\xfeF\r\x8d\x99\xa1*\x1d\x06\xd6\xc8+E\xf2\xf1\x8c\xd0;\xce\xe1b\xe4\xaf\xf5\xfaS\xe8\xfb\xe7\xc5Q\xf3l\x82\xd1\x0b&amp;\xc4\xd1US\xe7\xe7\xc4\xa0\xb1\x0c\xb4\xde@\xf7U\xeeu\xe7\xc7ku\x1b\x85NKv\xee\x9c\x0e\xb5\x93n\xdfG\xeb\xa8J\x9a=:\xea\xc6\xac\x1d\x88x\x1a5.\x95\xeau\n\xef\xc0\xd9XE\x13\xc2\xad\xdd\x17,g/xH\xb4\xcce\x88)\xc6\x9bTfY_\x9d\x8c\xff\xc7a+[f]\x8dB\xd1\x02\x03-\xe3{3p\xd6\xe1\xe2\xae\x1e\xf4\xa2\x8b\xb5m\x08\x88qx\xeec\xbc2a9"\xc5&amp;x\x86\xa2\xe2I\xce\x16\xb8(\xfaB\xe7^n\x07\xa5-t\xf5\x0b\xa7\xdb\x0b\x15\x91k\xb5+\x93\xc6\x01\xf8smg\xc8\xaa\xe7\xf4&gt;r\xa7\xbd:\xaa\xe4\xcfK\xa1\xf3\x1f\x8b\x08\xc0\xeb\x8b\xb4v\xcb\x02D\x84\xbb\xce\xebG\x00\x18u2\xf4-r\xa5\x9fS\xa8`\xdbu\x8b\xb1\x18F\x08\xbf\xea^\x87\x12=\x01*\x0c\x9b\x9cL\xddbu\xbb\xbe\xee\xf3J\xb1\xf7\xce\x82\xc1T\x82\xd9?]\x89\xedi\xb3`\x95\xce\xb4d\xf2\xe2\x9b\xb5&gt;\n9\x03F\x94\xa0M\xe3\xe3{*\xb5BOs\xc9\x14%J\xd6I\x02Q\x03\xc5\xd0\xf2]\xeam%\x93\xe0\xcf+\x93b\x8f"\x8bpr\xba\xef\xf7\xd3\x11\x01&gt;\x8f\xd57\xa9\xfd\xca\xdfy\xb4A7S\xd4Gu\xc6q\xa6)c\\\'\xd9\xd2nb\xd2\xc5SF\x13\xa0\x91\x98L\xffj\x8f\xbd\x7f\x1b\xb1r\x8a\x02,5\xf3\x1f-\xd7\x17\xf4\x06`\xd8\x1d\xdd\x80\t94\x89&lt;AY0\x9d\xd4&lt;\xb13O\xe5$\xfa\xcf\x8f\xa9hl\xa8kb\x81f\xa0\x93\x7fN\xaeW\x16\xca\r\xc0\xa4!\xb5\xc2\xb2&gt;\xb6\xa9\xbc-7\x00\x7f\x9d\xeb\xcb\x90&lt;\xb3go\x00\xf67FfO\xe7\x89p\x82\xea\xf7S+\xc3_r\x9e^\x18E87_xo\x1d\x07\xff\xc1\x8b\xb8\xd3K4~&amp;\x90$\x1c\xf0\xcc\xb4T(\x92I\x98&lt;\xfc\x188A\x12\xf9\x90\xb2\xad\x18\xa0\xbde&amp;65\x128\xc7\x06\xe0\x89g \xe9\xc3$\x08\xee\x13\xd6\xacic\xcb\x03"&gt;_\xc5\xf3\x13Z\x95\xaa\xc2\x06\x80!\x80N\x96K\xf7\xafLK(\t\xb7\x1d\xec7g\x14\xd9i\xb9v\x98\xb8\xa6_q$-\x7f\xe3\x0e\ng\x9a\xd3\x01 \\\xd6#\x00\xc0\x7f\xa1\x97\xe9\xca\xe5{\xd4\xdd\x84\xf6\x89\x10\xae\xf7\x86ri"\xb4jt3\x98\xa59\xc2m\xb4\x7f_[\xfc\xd4\x84\x14\xf7\xba(\xfa\x9b\x99\xadl\x1f\x04f\x02\xef\xe4s\xfb\x95:\xb1\xbf0\xc4\x0b\x08\x8fAD\x84\x1f+k\x9f1!\xc3\x1aJ\x9cK\xbd\xbb\xfc\xe9\xa3]D=\xbb\x9f/\n\x99\xcd\xa47\xb8\x01\x03\xe9j\xf0\xc1\xbd\xa9\xdc\xa0\x01\xe2\xe5ij=7\xcd*V\x8a\xc1lg\xda\x00$QA\x0c\x11\xf1OjG\x87\xdb\x7f\x1d\xd0J\x0b\x7f\x00\xac\x800\x0c\x97UT\xab\xe03{\xd8\xd7B\x88\x8b\xbf\n\xe4w\xc8\xc0X~t\xa5w\t\x98\xab\x00}\x8b\xfe\xf4\x88|\x1c\xdc\x1b\xda\xe5\xfa\xeb\xf7\x1e&amp;"\x02|fO\x8d-\x80\xc7\xcejt\x90\\\x0b\x8cLF\x91jD\x84\xd7\xbf\t\x89\xab\x87\xa8\xa8\xfa\x1b\x80\xb0\xf9\xa7N0}X\xc3)zm\xb5\xc4Sp\xcb%\x99\x18\xa2\xb5\xc1\x14\x0b\t\x12u\x8b\x1c\xfd\xa0\x1c\xd7\xb2D\xb0\xdb\x9b=\x81\x9d\x88\xb6J\xf9\xe17\x1b\x08:v\xc7a\xf3\xbfk\xfbHe8\xbaYR\xe5\xcck;\'z\xa3\xdc\xf9\xf2Kl\x1f\x11\xde\xb7&lt;\x89\x12\x7fZxV\x9d%b\xaf,\x92k\xac\x8e\x14f\x88\xd8\xd1F\xb8\xdexd\xb0.\xdd\x1dq]&lt;\xe2\x0f\xbcaF\xa46\x00S\x05\xbfx\x03p\xc5&gt;\\W\xe3\x0eiA/\xb5\xb77\x1c\xa9N=\xe0 \xa0\xdfs\xa68.\xa09\xd5\xb9\xb2\xba/\x1a\x0f\x1c1\x88&lt;\xff\xcd!\x96_\x99&lt;\xe3\xe4NO,\x05\x861\x19H\xa01\\#\x8f\xb9\x19\xd8Y)\xac\x13\xcd\x13\xdc\x0b\x1e\x9f\xab\xec\xee\xa9\x81\x11\xb6\xfd\xffw\xd4\x0b\xb5\xa3\xd9\x02a\xb9\xcb\x84\xa2EU$\xaa\xabo\xf0\x1b\xd8\xe2-D\xadk]\\\x1f"~\xf7\x97P\xcb\xc9h\xb0\xbd\x9f0b\xb9\x80O8Q\xaa\x9c\x88\xeai\x10\x05\xde\'\x87\xcf\x02\x8d\xe2\x94oP)\xbf\xa6\xbbD\xcf\xa8\xbc\xa6y\x0c\xd1\xde\x1a\xce\xe8f\x89\xd5\x1e\xa6F\x84\xbb\x11\x07\x9f\xe1\xaa\xab\xa5\xdf\xafjD\xd5\x00\xfdG\x80*#\xd32\xb0_,\x8b\x840\x90x\xed\xddR\x93J\r\xb2\x1c\x89j\xd4n\x16R\xe3\xd8\x82pU!\x9dAj\'\x1d\xa3\x19\xeb4\x11\xd0 p\xb3\x0eH\xe4a\x1b\x9c\xc6\x0bg\x83\xacF\'ED\xb5{4f\xe0p\x80LI\x8e\xa1b\xdb\x0e1oMaAD\x80\xcf\x82tA\xb7+\xd4\n!\xef\xe3\x1f\xff\xf7\xc7\xb0|q\x87L\xbcn{\x13\x00\xb7\x81\xcf\x95\xa7\x07\xc6\x151?\xd7j\xc3\xc3.\xb0e9\xa2+\\G\xcb\xb5\xf1\xcbB\x14$\xa44EyD\xce\x06`\x8a\xb9\xec\xca@\x19?:e\x8b\xb4\xc3E\xd3\xb2\x88;\xce\x03D\\\x16@\xb4\x19\xc5n\xfa\x05\x00"\x81\xaec\x8a\xea(\xdb" !6%@\xe1\xd0\xeb\x04\xbd}\xac\xc2\xfe\x88\x963g\x90\x0bD\xb4\x1a\x0b\x99,\x88HfV\xaes$\xa4\x0fD\xc9\x1ew\xbct\t\xc6\x11\\l6\xa2lj \xc2\xb2l+\x8cAq\x8bx\xa9\xb0\xdd\xd5\xae\xae\xf1\x9d\xfb.\x88\x8f\x07\xdf\x1d\x86\x89\xe0h\x06 \x9c\xde\xb4\xce\xcf2\x89\\\x12\x1f\x131?k!]yqX\xa5\x16m^\xe9\xa3b&gt;\xae3\x1ck\x90\x85\x85\x89@c(\n\xf8K\x94\xb1\x10xg88K\x0e\xf5\x8c\xb3\xe3\x16&gt;\x1bw\x9fa\xb4]\x1e\x83eY\xccj\\\xc9\x0e\xcb\xc2\xf7\xcb\xc5\xdf\xe15\xdc\xdeb\xe0\x04a=\n\xdbQ\x85\xf28M\xe2\xc7\xac\x1c\xe7\xff\x9d\xc1\xcbY\x99ql\xeb\xc0\xf2\xba\xd4\xc5ea\xcd.\xcb\x8a\xed\xaf\x01U\x9e\n\x12V\xbc-\xec\xf0\xb22x$\'\xab}]\xfd\xdb\x95M\x19\xd6\x89g\xc8\x9cC\x06\x12\xe2\xe3w\x8f\xc5\x1eq\xae\xbc\xbfZof\xb0[\x1dk\x84)&amp;\x91\xf5\xa4\xd9y}\x12,\xcc\\\xce\rj\xbb\xad\x01\x8c\x98g\x1a\'Z\xfds:\x11\xed/C\x0b\x06\xf8\x152a\x83\x11\x8c\xbd\xe6\xf8|\x1e4\x9b\xec\xbe\xc6\xbb\xe3\xe9l\x03No2\xa3[W\xea\xbb`\x98x\x1d\x89\xbe\x12\x01:\x1c\r\x8cI\xdcu\x9d\xf9fha\xe0r\xe3\x04\xf6|\xeb\x89\xc7&gt;\x02\xfax\x8bc\xd5&lt;z\xcfRR8\x03\xef6\x1fy\xd3_\xfb\xe2\x9c\x92_\xabq\xe2\x19\xfcM\x90\x06\xd9\xf8\x8c3cb|\xceH\xa3\x94/\n\xc97\xee0\x96\x9eJ\xcdq\xda!\xd8\xd4\x1f\xf6\xe9\xf4q\x8fI\xd0kf`\xe2\xfe\x9a\x10\x1f\x82\xf8h\x90\xec\xc0\\\x87\xf1\xef\xef$\x1a\xa3\xd5\x83L\xd7\x01|\xcb\xf3\xa5\xb9\xb7k\xad$\xb7\xc2\xfa G\xeaM1\xff\x13\x0cy(*\xecs\x84\xaa{\xce\xdc\xc9\xce\x87n\xc8\x97\xc7 \x05\x1a\x10\x91&gt;\xb4\xd0\xef\xf1\x95R1Y\x99 \xf3\x01\xb6\xb4\nj\x92\xaa}\x94\xf1\x82\t\xa7rr53\xf3\x13&amp;(|\xee\xab\xb8\\s\x9c\x82\xa9\xe7U\xa2\xbc\x80\xb0\\4\x01\x11u\xe9\x10eu\xbf\x81\x12~\x04\xd48\x9d\xfb\x08\xd0v\xeb\x07\xe6\xf3\xa2r\x03d\xf4 \xd0\xa3e\xcd\xb5\xdb\xb5\x17\x03\xc4#\xbd\x08\xc3\xed\x1f\x8d\xf0&amp;{\xdfI\xf7\xd3\xee\xcd\xd9R!f&lt;\xb6aA\xa9+\xb2e\xe2f\x11o\x0e\xc7\xa0\xd2\x8c\x88|a\xf5\x08\x1a\x03\xfb\xf3\x07\xc3\xcf\xc5\x96\xe5\x95\x97\xe35g\xf8\xddb8\xba\xf5\x97`\xc2}\x80\x8d\xc2V\xaf\xb6\x1d \xee\xb7\x1dB\x02:T\xf8\xf7\xcf\xeb\xb5o\x1c\xbcS\xcc%Za\xd4\x18\xb0\x03lW\xff\xb0:\x057\xd9t\xd6oO;&gt;\xd8\xbf\xd0\xb6\x86\x93\xdc/zy\xcf\xa4\xd5=\x16u5\xa1\x1d\xef\xb6\x1ao1-Lzs0\x81{\x8c\x0f\x1aD\x80_\x964\x17\xdc\xb8\xd9Z\xe6\x1a\x07w\x03\'\xc0\x9d\xa7\x0e!\x86\xa1\x14\xdb\x83\x7faxj~L\x13B\x96@D\xf8\x14iv\x98=\'\xa66\xe9\x90\x8c\xc6\x08#C\xda\xa5\xf1_&amp;\x8c\xcc\xc0P=4)\x1e\xd5K\x8a\xaa\x10\xa1\xef+!3y9\n\xe8\x15\xf3%N.\x12:&amp;\xcdm\x95}\x06\xcfH\xfb\xd4\xee\xbe\xc0\x1dl;\xb3\xf3\x83\xa1\x92@xo\xd1\x956\xe5y\x7f\x084\xfe\xee\x85\xe9\x80\xa5\x9b\xc8\xae\xcf\xae\x96)0u\x0f\xb4\x9d\xc6\xba\x807\xbe\xcb\xf92\x88/\xbc:&gt;\x1du\x0b\xf8\xc8\x8f\x17\x00\xbc\xbc\xe4\xf3y\xfb\'\x8a\xdb\x10\x9b\x11\xe4tR\x13\x81A}F\xc9SC\x01\x99\xad\x0c\xe2m\x11\xfeq\x92\xa4\xb8\x1d\xe2\xf3\x8f\xbf\xe2B-\x1ao\x1e\xbb\xa8\xb1S\x1e\xda&lt;:{H\xbb\xbc\xc8|\xd5Oq\xb0[33Vy]\x9b"\xf4\x9f\xbf=\xa25\xc3$\x0e\xe9 \xdf\xd8\x9e\x9d\xe8\x89\x1a\xdf\x89\xb8}s\x89\xed\xcc5\xcbx\xe3\n\xd9"\x19\xf3ya\x08\xff\x11\xa0`h\x0f\xb1\xd1Q\xdc\x19\xd7\xe0\xaa,\x8f\x92(\xde\x03\xddo\x03]9Kt\x1d\xcf~\xbe\x96z\x9f!\xc3lR\xbc\xe0\x85\x02\xd5\\\xbc\\\xfd\xf9\x9f\x0e\xcd\xcf\xa7R\n\x8eU&lt;g\xf5\x0f\xe1\xe36W-\xa9\xf2\xf0\xbeF\xc9\x7fjN\x85\xc3)\xf5Q\xb7\xfe\x84r\xa1\x00\x00 \x00IDAT\xaf\xaffY\xfd\x03\xc0\x0b\xfc\xe5\xfe\xf6o0X\x93t\xdb}a8z\xca)?\xcd\xe1bE \x1f]\xa9\xefY\xba\x00\xb7\xcf\xbfn\x7f\x1a\xd8\xf9\x17\n\'\xf1x(\xf2?Q\xe56/\xb28F}\xa4\x1b\xf7\xeb\x83\x00\x00n\x9d\x9f\xaaz\xc3\xe7\xbd4y\xaa\xb8\xea\xb1\xb7\x17\x192\xe9\x83Q\xcb\xda\xda[Qy\x89&amp;\x02op}\xc0\xd8:\xdam,\xa7\tQD\xfb4\x8c\x85\xdb\x8a\xe5hn+\x1d\x11\xe0\xb7\xd2on\x81\x84x\xc7q^\x9e$\xc0\x86\x00\xb7\x1d\xb6\xb4K\xd3t\xa8\x07Ir\x8f\xb7\xc1\xcc\xbf\xaa\xa07.\xb0\xd3\x14\x07\xceS\x16\x08\xc1\x02\xa3\x9ay\xc9Y\xdb\xbb\xdfM4`\xfb\xda5xr\xfe\xca\x0cg\xe6t\xd8`OL3X\'\x13M\x08\xd8\x06\xdb\x0cH~\xc0\xdc\xea\x86\x9a#p\x9ac\x1b;\xa0\xe5\xddX\xc4\x9b\xaf\xf4!\x90\xba\xf7\x87\x00\xeb/\x92\\I\xa3mC\x03a\x1a\x1eu\xb2\xe6\xae\xba\x02{.`\xc57\x9fT(\x07H\x8e\x0b\x11\xd7\xbb\xed\xa3\x1ek4\xaf\xab\xd7\x04\xf1\xac?G\xb2\x1f\xb5\x9a\xb9.\x99\x83v\x88\xb8\x1aX\xd7\x07\xd9\x93\x1bx\xfc\xf8\x17\xec\x8f\xd9\xe4\xf9\x04\xf67`\x8e\xe5oK#\xeb\x9b\xcb\xa4\xf8\xfd~\x97\x01\xfa\xd6\xf6l\x95\xa9\xffW{M\x95D\xd6/\xe9N\x96\xb6\xe2\xbb\xf8,\xe0~\x0b\x90\x1a\x1d&gt;\x9fn\x08\xc5\xc6\xdan\x17.\x98N\xae\x16\xf2Cv#g\xdf\xca\xe3T\xf7@[\xc0\xfb\x0e\x10\x1e8\x91\xdb\xf8K5\xd0\xf9\xa7\xeey\x0f\xd5\x11K"y]C\xe6\xa6\xf6\x1e\x11u\x95c\xb6\x0c\xa9\x85\xbdg\x0b6\x19vt\xd4\xd8Wl\xb9\xa9\xed\xde\xd2G;\xb8h\x18\xa8\xf6l\x0f\xaa\x05\xce\x0fp\x9f\xf3x{N\x0f\x80\xc8\xc2\x06\x96\xd1\x0e\xff\xb9\x0e\xa5b\xe3}cSj&lt;\xff\xc2\xa9\xd7Y\xf8\xb6\xdfV\xb8\xd8*\xa2\x9d\'$\xa5\x12\x15w!\x86\x14\xba\x0e\xb76\xba\xae\xdb&gt;K\xd0V~\x7f\xc7z\xd1\x10G\xc9\x0c\xb3\xdd\x14\x08\xf7f\xd8\xe3\xb7x\x1a\xc0\xbf\x8d(\xef\x9e\x89\xcc\xf0\x1ee_\xb8\xae\xd9\x08`\xf8\x96D\x9a\xdd\x10\x86\xe42!\xbc\xb9_|\xb3_\tPvK&lt;\x9f=\xb0\x0e\xf8$\xef\xd8\xd6\x05\xfaX\xf2\xd7\xe2\xcf\xebS(DE`}\xaa\x07\xfe\xc7\xf1x\x0f[O\x87\xe1\x94Up\x12\x90\xc93\xd5\xc6|\x985E\xa3\xe7\\\xa3\n\xfby\x96\x07b\xda\x14s\'\xf7\xd9[\xeb\xb1\x18\\\x94\xa5\xed{\xcc\xd3\x12&gt;\xfc\xe6W\xe3\xa1\xb4\x14H\xbflW\xc6\x0c\\\xe2 \xdc\xe7\xb6\x8616G\xdc\xc2n\x99/\xbb\x90\xf9\xec\xa1\x15J`\x93I\xac\xa7\xc6&lt;\xb5kC}nb\x9c2\xde\x18\x11\x01\xf1\x87Fo{\x84\x85\xa8\xd6G\x9b\xae\xdfO\xbc\x95\xd6\x8a\xed\xab\xd0 \xf0\x86#\x19\xefj\xe4c\x03\x93\x97\x7fq\n\xc7\xa4\xb1\xf1\xa9.\x9d\\\x93\x8f\x84\xe2p\xb8}MN\x96\x0f]\xe6\x96A\xcf\xe0\x0f\x18\x9c\x14\xeb0#\x8b\xa53w\xd2,\x1eX_\xa4\xd5\r\xd3\xc6\x1d\x03!\x93\xbd\xe5x\xe6M\xf0%)S\xcc\xbf\xc3\xdc\xfc8St\xb5\x863\xc6+\xbb5m3\x15\xe9a\xc2g\xae\xe0\x0c\xab2\xeeW\x8f\x17\x13\x10\x16\xadK\x9c\xc6\xff~\xff\xdb\x86\xc73s\xa2v\x03\xce\x16\xb7&amp;\xd8\x0bl\xbe\r\xd3\xd4\x81C\x19\x0b\x03\x81\x13\x03i)\xb1\xddb\xdb\xe7C\x1e\xb1\x15\xfa\x16y\xeem\xe6*/\x00@\xac\xaa\xc7N\xd0\xb9m$U\x0c\xd7\xeb\x13e\xb4K\xae`\xca\x99\xa2!2\xee\x13&amp;a\xc4o\xec\xbf\xb8\xc14p*\x0b3W%\xae\x9f\x1f\x98\xfd\xf3\x06V00\xec&lt;\x81\x17/\x92\x9c\xdc\xc1\xbd\xc5H\x8arP+-Q\x9d\xbfA\n\xdc\xb3\x18V\xa3h\x81\x15_\xacDf\x8d\x84\x11\xac\x94f\xc8\xa4V\x96E\xed"\x93N\x1b\xea&gt;\xb1o@\xc4\x9f\xeb\xc8Sj\x9ci\xcd\x08 :\xba\x9ei\x18\xb5Y\xf7e\x8d\x062\x8b}nP\x01q\\\xad-+\xb2\x03\x99\xa7\x02\xc3\x8a\xf2\xd9\x03{.\xfeF\xf3\xeb\xd3\xdc\xc7\x1e\xda\x83\xb5h[\xffqF\xe7\xbc.\x1cxS\xcd~\x8c\xad\xda\x18)\x1f5M\xc0\x9f\t\x1f\x15h;p\xc5X\x1a\r\xbf\xc6\xceA\xcb\xc3k\xdd\x8f\xe4\xbb\x17g"B\xea\t\x8c\x1bN\x92\x0c\xf9\x8e\xdb\xa6g\x89\xc8\x1a\'y+\xa0-\x9d\xba\xde\xc3\xdd\xac\xd1\xce\x0bS|z\xea\x86]\x03\x8c6\xe3\rl M\x8a\xcc|\xc3\x16\xc2\xd2\xd8sb\xbb2\x98\xa0\xbe\x85\xf0\x0b\x97\xf7\xf4B\xa2\x18\x1e7\xe5\xb7\xb1|]\xcf\xd2\xad\xd0\xb57.V\xe9b%\x1f\xe2&gt;\xc6\xe42?\x92\xf6tbO(\xaeI\t"\xec\xcc\xb7|\xd0\xb2\xb3\xd70B\x1f\xbd\x19&gt;9\xb7\xca\xfc&gt;&gt;\xf2\xfb\x98\x94\xe9\xbb\xb8\xa6\xb9o^\xaat,\xe4n\x16\x95\xcd\x8b\xf0\x98:S\xca\xac\xd0\xf2gL-zR\xd7\x00\x8a9\xe0\xea\xe2]\x9d\xd7\xf8S\x12\xcbd\xd2[8Y\xb2\xee\xcf\xb2\xa5\xdd\x00`V\x8b\x85\x8b\x06w}O-\x9d\xd1\xdb\x00\x04\xd7\xa7\xba\t\x10w:&gt;Q\x93l\x91\xad\xe4\xff\xb8?\xec\x9bs\xe5+k\xb8\xa5\x91\xa7t\r\xd1\xce d\x18\xf3\x03;\x08\x8c\xde\x8e\x93\xab\x1b\x94\xbc\x9evv\xb3\xf1\xfb\x99&gt;\xae\xe4h\xf1\x8bp\xaeM\xe2z\xd5(\x8e\xef\x9e\xdf\x7f\xdbbW\xe6|q\xf6\xfc_Fk\x0f\xdc~\xad\x83y\xfd\x06^\xe4\xcc\xf4\xcb\x0f\x13\xb8\x0c\xcd\xb4#\xe2U\xf9\x15\x92\xc9\x11\x94\xddS\xd8\x9c\xe4\x9c\x9a?\xdc_#\xa2\xde\xd5\x8f\xf7(\x05\x05!\x88\xda_?\\\xa7\xadl^\xbbC;\xb4 \xc2\xb2\xd0oQ\xfd\r\xfd\xee\x14"\xbb\x82pflNl`\x8a:\xdf\xa1\xff\x13\x9f\xd3Nm;\xc6\x16+V\xbe;\x14\x03\xdb\xce\xc8\xb6\x17X\x85(\xdb\xbbf\x14\xc7\x0f\x81\x11\x93\xc02i\xac3Q\xb9\xc9K\xfd\x0c\xd3\xb2\xff\xef\x06&gt;.FY\x1a\xff\xd6\x94\x0e\x97\xf3\xbeq\xfa\xed\x0c\xa2\xfc\xa5\x9evgl\xebq\xac\xad\xf0\xe18\xe9\x19-\x19\x1b\xc1\xef\r9\xbf\x9d\xb4\xa4\xbat@\xe5\x19\xdc6\xa4\x1cy\xfa\xc7\xb0\xbd\x06\x997wv\x08\xf0\x89\n\x86\t&gt;\x97-\xd9Y\x03\xcc\x16\xe1\x8f\x84\xda\x1d\xb4\xe3&amp;O\xd6\xab\xa4\x1dg\xad\x0c\xcb\xf2u\xa3)\x1c\xae\\m\x18\x18\x8a\xfds\xce\xd7\nu\xe5\xd7\xf2\xd7c\xd7\xb9\x9c\xca\x81^w\xbe\x08\xdc\xbdbm1\x90\xb6\x14\x08\x00p[s\xb6\xfd\x87?\xa3\xc1\xfd\x90\xb6\x7f\xd2\xd4T`\x13\xb4\xb8\xf7\xba\x9bT,\xb9l1\x1dO\xfb\xd1u\xbbYl\x8b\xdc-\xe3\xdb%\xc6b0^\xef)#\x00\x00xG\x95\x9c\x82\x16\xc5\xaa.\xfa\xf3\x18\xa6;^B\xf2Q4\x9a\xe4\xce\xb5\x01\xb5"t\xdfk\x90n\nQ\x19\x1a\xd3\x17\x84\xa9\xb8\xe5\xdcM4\xed\xcb\xd91\xd4\xf8\xe7\x91J(?Adi\xc0\x94\xac!N\x82\x07\x94\xbf\xd9\xb7,\xa4%\x9c0\xaa\x95\xe4\xccI\x86\x9c\'\x0f\xee\x142\xb4\xd5\x87\xcd\xe99\xbe\x02\xd3\x14\xdc\x02Z\x84\x96z\xecdGD\x84\x07\xa3\xf3\xbeTr\x9b%\xda\x19\x9c;\x1b\x84\xeeK5\xceH\xf8e1\xa7\xbc\xf6\xcc\x06`{\xc3:\x128&amp;\xe2h\x9c3&gt;\xbd\xd1\xf9\xeb\xadD\xeb9\ni~\x95\x8f\x11\x86\x90$\xe0\xb3z\xe9y\x88\xf1\xd0\xdb\xa4s:\x91\x02\x87d\xb6\x81j\x03\x9cz\xab\xd4\xc6\x10\x9b\x96\t&gt;2\xb2#*a\xcfe\xc7\x10\xab\xd9\xfc\xe18\x14\x7fo"\xc5\xda\xc2\x8d\\\xe6\x06\x8ca\n\xd8Q\xad\x88\xd5\xcc\xcc\n\xaa\xd5@\xa3\xac\xb9I\xc6\x1d"\x8f0\x1b;\x8e\xa6\xe3\xa1K\xe5w\xa9ZMmf\x07\xd8\x00\xaf\x99\x95\xff\xa5V\xdb\x12k\x83;fL{9\xe8`\xa4\xba\x1e\xb7\xcf\x86\xc1W\xb4\x9d\xa6\xb5\xc2\xd1\x87\xb4\xafB\xa31v\xe6\xc5\xdd\xb8\xa5\xb6\xd9W\\\\\x9e[~\x1d\x06T\xa43\xd7"\xc9|F\x00\x80\xb771k\x18\r\x86Pss\xc6\xf5\x07\xbb\xb9\x85S\xdd\r\x94\x08\xacW\xe3D-\x85\x07\x91a\xff\xd06!\xda"\xfe\xad\x83P,*3"\x8c \x13{\x83\x96\x90GNmU\xecW0\x9d\x05\x87\xc9\xccU\xcfh\x93\x94\xf9\x16`\xdco\x1a\x9b\xa93\xc4O\xaf+\x84I\xe9U\xc1rPq\x91\xdf\xaf\x88+a\xd0\xe5\x84\x96\xf7\xc7\xab\x99\x08v9\xe6\xdcFa\xb7\x00\xc3\x1a\xc5/F\xe3)\xd3\xf5\x8f\xe7\xefJ7l\x12\xd2B\x10\xe1\x95f\xf04k\xbf\xd4o&gt;\xbb6(\x84G\xd4\xdc\xe9\xa5VH\xf5m\xe5\xd6&amp;\x0134\x08\x0bYPQ=n2\xeb|\xc8/V\x8ew\xdfj\x9d\x08\xdaW\xd1\x8f2\x99\xb6\xac\xd8\xe4T8\x06i\xad\x8e&amp;P:\xce\xbf\x99\xec\xd8H\x1c\xa4\xaaVSZ\xb3O\xe5\xac\xda\ry\xaa\xa4\xd8\xa1V8\x7fP\xae\x05\x8a\xd6\xa8\xae\x90\xea\xfe^\x98vZ\xef\x9e\xa5\xca\xf89\xdc\x82\xf0)\xb7\xfb5p,\xa9\x89Uk.\'6\xfeF\xfe\xe3\xbb\xa9+\x96\xb0;v\xa9\x1e#p\xf5F\xe4"\x1a\x1d{\xba"\x9b\x11\xab\x9f\x1e\x81Q]\xa5\xbbl\x00|\xcb\xfc\xb3\xa8\xb3T\xd1\xe5e\xe2\xfa\r\x9a\x01C4U\xd5Nx\x1d\xe6\x8a4+_\xacB\x92r\x0e\x15\xddsM\xa3\x8f\x0c\xd3\xb5d\x9b\x92\x03\x00\x80\xefk\xb7\x92n\x02\xd3\x1c\xa6$|\xe9iLa\x85\xf1E\xc1\x89\xf3\x9cg\x9f?\x9ag\x01\x15\xa9\xa4\xcf\xc1.G\xa4\xa3\x91\xad\xefW\x0c\xc7n\xdc-t\xbf\x8c\xb9\xe8*V\xc5&gt;K\x9f\x16@D\x80\x0fL\xbfi3\x11(\xec\xa3RM\x9f\xb3\x9c\xd1/\xe6\xd8\x8c\xc0|B\x03\xca\xcd\x9c\xed\x96\xdb\xec\x9aY{\xde\xd5]EE\xf2zqJ\xdf\xfe\x87\x82goD\xe3Y\x13C\xbf\xbc`h\xb3\x16\xdb\x10&amp;\x84\xd5B\xcee+\x0e\xdes\xe8\x88\xdc\xba\x0f\x00\x00\xaf4T\xbbX\x00\x80\xf5\xeaj\xb2\x85\xda\x0cd\x10\xf1\x91\xa39\xf4A\xbcR)\x19\x9fu\x97\xf8hPk\xc6\xde\xc1P\x9c\xda3\xeb\xbf\x1d\xb7.s.\xd80~\xabc^\x988nz\xa0\xf7\x89U\xaf\xa8\xa6Jt\xc9e\xdb\xff\x9f\xda\xc5YOk,\xbf\x12\xb3\xc5\xcf\xee\xbb\xfaeX\xb9\xfa)T\x8c\x81S\x86\xfc\rk\xb31\xd4\xb8\xe1\xbc\xa8\xa8\x08\xe2^\x93\xc7\xdfX\xefw\x9cG\x93\xda\xd5\x91\x80\xfeCzV\x03qSr\x82\xe0\x89\x876\x9c\xd2\x95\x85ojFP!\xc2k\x19\x87_\x1e\x9d\xcbE~\xee+.\xd9\xf9\x96)\xb6\x0c\xdf}j\xaf\xc2\xf5\xbd#+d\x15^AK\x1b\t\xa4\x9a\x06\x9d\xfc\xd7n\xf0\xdcoo\xa7d5\x10\xa1)N8\x84\x08\xbb\xbfT\x83\xf2\x1bWT\xbf\xc3\xaa3\x04F\x1c\xee]\x8a\xfb\x04#/\xa1d\x04\xcd\x8d$=\x9bI\x15)\xd0o\xe90!\x8e\xe4\xba\x83f_\xe7\xdb\xcd\xb04\x07N\x11\x8b5\xf7\xe9Q"{\x94#\x15\xae\xc4\xd4\xb8\x1b\xd9\xfb\xd3oB\xf6\xea\xee\x94\xf8\xcbU\xc6X&gt;1\xea\x83\x95\x9dY\x88\xa9\xd9H\xf2\xd5C}@b\x0cN\x87\xa0\xb3\x97J\x10^\xac\x04"~\xadf\x98\xe2|\xd9T\xf8\xba$\xc6\xb1\x86\xfd\xe4\xf2Vr3\x06R\xd47\x13\x06\xd9\x90\xc7\xa6\x0b\xb9\tF^\xc0\xe0ifN\xd4G\xc5D\xa1\xcf\x821U\xe5\xd8\x13%\xa3Y|\x8a}d\xce\x84\x98\x8c\'\x8b\x99+U\x1f\xbc\x81\x947\x00u\xaa\xb4\xae|\x93n!\x11)*\x1b\xc1m6A\xc5\x90\xc8o\'\xbc\x0bbg\xb1Z\xb3de\xa5\xb9\r\x9c\x80\x0c\xef\xa7%\xe4\xa4&gt;gR\xa6.\xbdU\xfb:v.f\x1ayr0\x87\x105\x0b\xbb\xe8\xec0\x9d\x01\x03\xa7\xb2K^\x95\xc6\xf9\'\xce\xe9\xfc4\x1a&amp;\xc9?\xa8\x82Tm\xd6gXz"}\xb8\xd8\x8a\xd8\xf0\xe0\x8f\x8b\xaf\xa5#\x0c\x87v\x82RVd\x18\xef*\x1b\x92\xa9\t\xadx}\xb6g\xa8\x15\xed\xa4\nFO\xd8\xbf&lt;\xe3vg\xda\x03\x9c\x1c2g\x85m\xa8\xc6"Q\x00\xdfDj\xcf\x0b\xd1\xf9\xd4\xe9\xf2\xba\x92\xee\xfd\x82\xc70PiQu\xb9P\x9dJ\xf2\xb2`\xcf\xc1\x04\xc1l\xda\xec(1\xa1|\x06\x13\xdc@\x86\xcdkgt\xdc\xc0\x92q^\x90\xbfczzT\x96\xefX\x9e\x85\x90\x86\xc0\xd2\xc6\xc9\xb1\x83\xa1Y8\xea4}\xf3\xa8\xde\xda\xa5%\xf3\xba\xd7i/Pk(\xbc;&lt;\xc3\xda\xcd,EO\x05\xde4\x08\xf8o\xa4#p\x7fM\xcb\xaf\x0eW\x16m\xc4\xbb\x9c\'lb\xbf\x98\xd7\xa2M\xe6\xffADxw\xfd\xf2]J</t>
        </is>
      </c>
      <c r="E290" t="inlineStr">
        <is>
          <t>&lt;class 'numpy.ndarray'&gt;</t>
        </is>
      </c>
    </row>
    <row r="291">
      <c r="A291" s="1" t="n">
        <v>289</v>
      </c>
      <c r="B291" t="inlineStr">
        <is>
          <t>steps_per_sec</t>
        </is>
      </c>
      <c r="C291" t="n">
        <v>3300</v>
      </c>
      <c r="D291" t="inlineStr">
        <is>
          <t>3.1149483</t>
        </is>
      </c>
      <c r="E291" t="inlineStr">
        <is>
          <t>&lt;class 'numpy.ndarray'&gt;</t>
        </is>
      </c>
    </row>
    <row r="292">
      <c r="A292" s="1" t="n">
        <v>290</v>
      </c>
      <c r="B292" t="inlineStr">
        <is>
          <t>Loss/RPNLoss/localization_loss</t>
        </is>
      </c>
      <c r="C292" t="n">
        <v>3300</v>
      </c>
      <c r="D292" t="inlineStr">
        <is>
          <t>0.2947482</t>
        </is>
      </c>
      <c r="E292" t="inlineStr">
        <is>
          <t>&lt;class 'numpy.ndarray'&gt;</t>
        </is>
      </c>
    </row>
    <row r="293">
      <c r="A293" s="1" t="n">
        <v>291</v>
      </c>
      <c r="B293" t="inlineStr">
        <is>
          <t>Loss/RPNLoss/objectness_loss</t>
        </is>
      </c>
      <c r="C293" t="n">
        <v>3300</v>
      </c>
      <c r="D293" t="inlineStr">
        <is>
          <t>0.06259503</t>
        </is>
      </c>
      <c r="E293" t="inlineStr">
        <is>
          <t>&lt;class 'numpy.ndarray'&gt;</t>
        </is>
      </c>
    </row>
    <row r="294">
      <c r="A294" s="1" t="n">
        <v>292</v>
      </c>
      <c r="B294" t="inlineStr">
        <is>
          <t>Loss/BoxClassifierLoss/localization_loss</t>
        </is>
      </c>
      <c r="C294" t="n">
        <v>3300</v>
      </c>
      <c r="D294" t="inlineStr">
        <is>
          <t>0.23486906</t>
        </is>
      </c>
      <c r="E294" t="inlineStr">
        <is>
          <t>&lt;class 'numpy.ndarray'&gt;</t>
        </is>
      </c>
    </row>
    <row r="295">
      <c r="A295" s="1" t="n">
        <v>293</v>
      </c>
      <c r="B295" t="inlineStr">
        <is>
          <t>Loss/BoxClassifierLoss/classification_loss</t>
        </is>
      </c>
      <c r="C295" t="n">
        <v>3300</v>
      </c>
      <c r="D295" t="inlineStr">
        <is>
          <t>0.2393907</t>
        </is>
      </c>
      <c r="E295" t="inlineStr">
        <is>
          <t>&lt;class 'numpy.ndarray'&gt;</t>
        </is>
      </c>
    </row>
    <row r="296">
      <c r="A296" s="1" t="n">
        <v>294</v>
      </c>
      <c r="B296" t="inlineStr">
        <is>
          <t>Loss/regularization_loss</t>
        </is>
      </c>
      <c r="C296" t="n">
        <v>3300</v>
      </c>
      <c r="D296" t="inlineStr">
        <is>
          <t>0.0</t>
        </is>
      </c>
      <c r="E296" t="inlineStr">
        <is>
          <t>&lt;class 'numpy.ndarray'&gt;</t>
        </is>
      </c>
    </row>
    <row r="297">
      <c r="A297" s="1" t="n">
        <v>295</v>
      </c>
      <c r="B297" t="inlineStr">
        <is>
          <t>Loss/total_loss</t>
        </is>
      </c>
      <c r="C297" t="n">
        <v>3300</v>
      </c>
      <c r="D297" t="inlineStr">
        <is>
          <t>0.831603</t>
        </is>
      </c>
      <c r="E297" t="inlineStr">
        <is>
          <t>&lt;class 'numpy.ndarray'&gt;</t>
        </is>
      </c>
    </row>
    <row r="298">
      <c r="A298" s="1" t="n">
        <v>296</v>
      </c>
      <c r="B298" t="inlineStr">
        <is>
          <t>learning_rate</t>
        </is>
      </c>
      <c r="C298" t="n">
        <v>3300</v>
      </c>
      <c r="D298" t="inlineStr">
        <is>
          <t>0.03998263</t>
        </is>
      </c>
      <c r="E298" t="inlineStr">
        <is>
          <t>&lt;class 'numpy.ndarray'&gt;</t>
        </is>
      </c>
    </row>
    <row r="299">
      <c r="A299" s="1" t="n">
        <v>297</v>
      </c>
      <c r="B299" t="inlineStr">
        <is>
          <t>train_input_images</t>
        </is>
      </c>
      <c r="C299" t="n">
        <v>3300</v>
      </c>
      <c r="D299" t="inlineStr">
        <is>
          <t>[b'1024' b'1024'
 b'\x89PNG\r\n\x1a\n\x00\x00\x00\rIHDR\x00\x00\x04\x00\x00\x00\x04\x00\x08\x02\x00\x00\x00\xf0\x7f\xbc\xd4\x00\x00 \x00IDATx\x9c\xec\xfdw\xdc&lt;OU\xa0\r\xd7\x8d\x18\xd1}xU\x16\x04\x05\x11\\\x13(\xba\xa8\xf8\x18\xc0\xac\x98\x15\x03\x08\x82 \x18\x10E\xdd\xd5\xc5\x80bVL(\x06\x0c\xa8\xaf`B]\xb3+F\xd0UQQ0\xa0\xc0bdUt\xcd\xaeY\xcf\xf3\xc7LwWwW8\x95\xba\xabg\xae\xeb\xf3\xfb|\x7fs\xf7T\x9d:\x95N\x9dSU3c\x0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4\x83\xc8\xde\x1a\xf4\x82\xd0\x14\x8dx&lt;\r\x9b\x8d\x18s\x01\xad\'#\xd6\xcb\x9cz\x9d$\x98o\x1a%\xc8\xf4&lt;P\xaa\xbb\xac\xe5C+\xb1\xbb\xd9\xed\x125\xca\xaaS\x1ac\xfef&amp;\xdc_\x1doas\x16o\x99\xb9\xe6\xf34\xb3f\x0c\x94\xa2\xe8\xb8[\xd9\xc9WJ-2\x0e\x0fo#v}\xd5\xc3c\x96\xcc)?]\xe6\x941}|\xfe\xa3Rr\x12\xab\x06L\x94p\xeaz\x966\x00X\x93\xbd\x12_\x1e\xb4C3h\xd8\xabfr_r\xa6\x98\xd3\x975\xb6\xc02\x9f5-\xb1\x95`t\x13\x93\x9du\x9f\\\xfb/c\x8c1\xbf\xbbH\x11U\xcc\xe7g\xaf\x9bqJf\x07&lt;\x81\x16X\xbe\xf5n\x01]\x8c\xf9\xf2\xb5^Nys\x1d\x128g\xbf\xfb"\x00X\xb8\xcbf\xec&amp;\xcb\x81\xde\xd2\x1cy\x83L\xcd\xf0\x90\x15\xb5\xd4\x00\x00\xd81\x00\xe8\xce$\xed\xd7\x14\x95\xf9\x97\x8b\xa8\x05\xf4@\xbd\x19\xd1xL\x06\x03\x00c\xfeE\'\xc3v\x13\x1d\xef\x8fi&gt;&amp;\xe8\x93\x85-\x89[\xbeC\xda\xe4\xadZe\xbd\xea\\\x8e\x92\xe56\xf0\xbc,\x91\xe9\xdd\x90\xa3)k\t\x81\x94\x8e\xb7\xe4\xac\x89O\xc3\x08?\xa41\xd1\x1ew\xd9\xd7\xa1c_\x04\x02\x83\x9aC7\xc3\x9b\xaf\x11\x00\x00\x008\xc0\xac\x9c\xc0\xc2\x02\\\x18\xf6\xa4\xbe\x8d2\xf5\xf8\x97/\xd1\xe9\xad\xdb:\xcc\x85\x18\xf3\x84Q\x92O\x82\xd3\xc8&lt;l\xee\xe1\xad_\x7f\xd5\xeaV\x8f\x9d \xee\xa4\xce\xbd\xe1U\x96o\xb2o\x01ED\x19c\xb9\xcec\xe2OZ*\xe7\xdb\xf2\xf7\xfa\xb2\xaa\x1dqe\xb2I~\xa8:\xb3C\x0f\x7f\xc5\x93\xda\xd6\xad\x8f1b\xcc\x03\x02\xe7!\xd1"V=\x0e\x00\x0058\xd8\x16\x0b\xd7:\xe1\xaa\x101\xe6\x19\xea\xbdX\xc7V\xb7\xda\xaf\x9d\xb2\xa5\xeahf\x1ej@\xc2#\xfd\xb9\x07\xaf:\xb0%\x7fN\xf3I\x96\xa6b\xcc\xad\x97\x82\x06W\xdbR\xec\xfc2\xd6\x8c\xc1}\xfd@\xaey\xe9\xab\x12eAP\x87x)\xb5\t\x9f\xd8\x94\x0b\x17\xab+\x93\x05\xda-\xf6\xdaY\x12\x00\x00|44("b\xfe\xa0\xa2\xfc&amp;\xaa\x1e\xc9\xfb\xef\x9e\xbcE\x0e\x1ap\r\xbd\xa0\xd9\x7fU\xf0\xe1\xb3\xfb6\x99\xaa\xb8\xb6\xf0\xc3\xe9\xe7\xc9d\xed,.\xe4\xd8\x0e\xf4\xdc\xa1t\xdc\xcf\x89\xe9\xe0\xbb\x18\x93\xc1\xfbk$\xdf5\xf6\x99\x8ds\xba\x0b5\xc5-W\x19\x0e\x07\x00 \x8f\x96VCd\xf9\x1d\x14]\xd2\xb9zG"}\x9d;\xe8\x81F\x0f:\xf7\xa0CE\xd2\xaa\xa3\x0b5\xef\x98(\xb6B\x93\xea\xa6\xc0\xcc\xcb_F\x02"\xc6\xc8\x1dW{\xc6S\x00\xb0z\xb1k\xe0\x9dZ\xee\x85\x8d\xdb\x13\xbf\xe3\xea\xca-\xf0\x85\x8b\x00\x00\xfb\x83a\xba\x1e\xf6;Na\x8cmLv\x83\xd7\xe9)\xf50\x9b9\xd0\x19\xe5\xac\\\xab\x88\xab\x1d\xf1\xc5]&gt;\xfd\xaaD3\xf7&amp;gO\xd6\x01\xc3\xeaa\x95\x16V\x1f\x11\x9cwy\xfe-&amp;-\x1e\x14\xe9\x14\xcbH\xbc\t\xb9\xa6\xcf\xce\xe5\xea\xdfh\x99\xb8\xfe\x00`n\xb1\xb7\x02nnnn\xf6V\x016b\xec\xea\xad\xd7$V\xc0\xfa\xd4\xf5\xd8\x86&lt;\x95zJmUn\x86r\xb3\xef\xf6\x9cF\xf5\x98=R\xee\xcd\xcdM(\xcd\xf4\x8e\xcfo\xbb1\xc6\x1817S\x1do&amp;\xc1\x8bW\x96\xc4\xd3\xc3\xda\xde\xa0J\xdc\xff4\xc6\x98\x97\n\x86=&amp;\xdan\x1e~\xd1\xf3\xbc\xbf5\xe5\xe6&amp;c\xa5[7\xefM\xca\x8ayscnn\xee\xc1\n\x0b\x00\x00\xd0\x9e\xeb\xd8o\xfb\xd8\xd8]\xedLOs\xb7\xd6S}\x8c\xd5\xf1\xders\xbdD\x7f+\xefl\xef\xf6\x8dW\xc9\xdc\xa5D\xdb\xbc\xee~\xb0\xff\x80b\xc5}U-3J\xf3\xe8y\x153\xab6\xcb\xcf\x81\x00\x00@\x11\xfd\x9d\xabV\xd4\xa7\xb7\xaa\xc1\xc1\xd8\xf5\xd2yeVuY\xdf\xf9i\xaeA\xc5\x9bQ\x8d\xee\x84L\x92\xef\xeb\xbe\x1d\xa4+\xd4\xfe\xc4j\xa6\x92\x9f\xe4\xcd\xbb\xc3\xfd\xfbv\x92\xfb[\x80\x00\xe0b\xb9\x9c\x15\x1d\x00@\x89\xf3J\xfdn\xda\x94\x91\x1b\x00\xc4\xb3\x9c\xc4\xfe\xa4_xR\x00`\xea\xc7*b\xcc\x1b%\xa6_&gt;I\nK\x12\x95O\xab\xe9\xa1\x07!\x00\x1c\x91\x86\x16\x07s\x06\x00\xbd\xf3\t-\x1c\xafMM_\xf9GQ\xd7o\x16\n\xef\x95\xfcc\x84\x0c\xef?\xad\xe9\xce\xa1\xc8\xb3\x12\xb2\x00\x00\x1c\x93KZW\xa0\x05\xc7&lt;\xa1\xba(\x87\t\x9a\xb2\xd7P\xb9\x8bq\x1d\x83X\xfa$x\xba\x15\xd5jM\xe0(#\xe6\xac\xa7G\x89\xdf\x90s&amp;sY\xe1\x16\x00\xc0\x04\xd6\r\xf4\x1cr\xb4\xb0\x84\x9f\xe8\xbe\x1d\xaa\xff\x1eE\xe7\xf5\x9dQ\xfd\xa3\xc3\xe5E\x8b\xb4\xff\x85\x90\xac\x00`\x1b\xbf\xbc\xddg9\x00\x00\xf6\x07\xeb\x06\xd0\t{O\xc6\x9dM\xc1v\xce\x16F\xcfb\xee\xe6v\xd52\xb3\xefk\xb2^\x8a\x88\xfcD\xfbO\xc0\x0f\xcd\xd2U\x9b\x00\x00\x00\xec\x00k!\xc0\x11\xa9&lt;sw\xdc\x1a\x17\x91\'&amp;\xfb\xe5\x19\xe9\xf9\x100\x00\x00\x00\x1c\x81\xf7\xd5}\x8a\x94@\xee\xda\xa8\xeb\xc8\x1e\xf9n\x8cR\xe7\xf2\xaa\x1d\xb1q\x00\x00\x00\xae\x8e\xabY\xb0_\xb7[\xd7\xadO\xad.\x9b;d\xe49\xe8\xdd\x98\xcd\x82\x96\xc3FG\x00\x00\xd0\x19\xd1\xe5\xb6\x83\xf5fw\x05@\xc5\x15z\'G\xf4V{\xa6d\x08\xed8\xf6\xee\xb8a\x00`\xbd`\xe0\x01\x00@.\xd1u\xeb\xda\\:(\xe0\xda\x02\x80\x9f\xe8\xc0\x0f\xdb\xff\x03\xd65\xc5=E\xee\xd4k\x00\xd0\xd3\xd8\x96-\xbeF\t\x00\x00:\x00[\x0f\xfdsm\x01\xc0\xfet\xd0\xe0\xf5?\x03PQ\xe0\x05CC\x01\x00\x00@E\x92\x1d\x8b\xef\xde\xd7\x17\xb9PO\xe8\n=\xbc\xc2*o\xd6b=\x04*\x1d\x9c&gt;\x01\x00\x00\xc0\x8c\xaf\xdd[\x815o\xa8L\xb7\xbbg\xb3%=xr\x1e\xae\xc2\xbd\xab\xeb\xc5n\xd8\x95\xf7\xde\xaa \x00\x80\x8b\xe5*\xd69\xb82\xaepHwZ\xe5\x98\x8b_\x12\x00\xb4\xab\xf2q\xbf\r3\x8dk\xa8c\x1b\xc4\x98\xbb\xee\xad\x03\x00\x00\xb4\x855\x12:\xa7\xdf0\xbeOO\xfa[\x82*\x1d\xfc\xeb\xf0\x8f\xa8\xf6\x96T\xf9)\x00\x1a\x19\x00\x00\x00\xe0r\xe8\xfc;^\xf6W\xec\xb0\xd1\x11\x00@\x0e\xb7\xd8[\x01\x00\x00\'xc\xd58{\xb677-d\xd7\x10\xf2\xd55\x84\\3\t\xbd@\x9c\x03\x00\x00\x9b\x90\xba\xde\xf0M\x14`\x8c1\x1f\xba\xb7\x02\x17\x06s*D\x07n\xb1R\x81\x0c=\xc5\x98_J\xcf\x05\x00\xd01\x1dXm\x08C\x07\x01@\xff\xc8\xf2\xcf\xfe\x16\x97\xe1\x9e\xd2R\xb1W\xeeOU\x00\x80\xb6pq\xb3s\xe8\x1d\x00\xd8\x83\x14\xcb\xf3\x91]\x9a)\x87\xf1\x94\xee?\xce\x01\x00\xb0\t\xbe\x1d\x11\xe8\x01\x91\xf5\xf7\xcaU\xec):\x1d\x00\xae\x0e\xe5\x92\xc7\xe6\x0b\x00\\&gt;\x1eK\x87\xf9\xdb\x15\x02\xb3\x06\xb0\xa8\x03\\\x11\x99\xf3}\xf8\xca\xd7;b.\x00\xe0\xc2\xc1\xccu\x08\x9d\x92\x0c\xfe\xbdE\xe7\x01d\xcf\xba\xc1\xa5\x90\x1b\x00TV\x03\x00\x00 \x0f\\[H"\xf2\xf1\x9e\'1\x9c\xe0\x8aP\x7f\xdam\xf1soL\x13\x00\x80\xce\xc1?\x06\x98\x11\xf9]\xdb\xcd\xf4\x80\x154\xfe\xc6\xe8\xbf\xebb\xfcP\xdcq\x7f\xf8\x19\x00\xa0\x02\x98?5oF[\xf5\x0e\xcby\x0f\xf0\xad\x03\xb09\xbf\x978\xe4d\xa4\x91B\x00ptZ\xfc0$\xc0\x8c\xd3"t\xd3\xe4WH\xaf\x0c\x916?\xe6\n\xd0\x04\x11a\xe2o\xce\xcc\xed\xa7\xfd\x01\xc0\xc9-\xf6V\x00.\x9f\x9b\x9b\x9bC-B\xbf\xb5\xb7\x02~\x8e\xd4\x8c\x15a\x17\x13 \x87C\x19^\x00\x00\xb8Lp\xe3\xda\xd1_\xdb\xd6\xb8{0\xfc\xe0Q\x7f\xb5\x03\xe8\x1b\xee\xff\x00\x00\xec\x0b&amp;\xf8\x0c\xabQ\x03\xc6k\xbe\x17\xda\xb6\xdcc\x06\xc0x\x02\x00\x14\x80\x01\xbd(X\x11\xcd\xb4A\x1eLplN\x15|\xee\xdej\x00l\x80{\xb6.b\xe0\xf4\x90\xf8\xe8F\x00\x00\x00``{\xd7\xb6?g:\xbe\xf7\x7f\xfc\xed\xf3C+\x0fP\x99\xd4\xef\xf6\x19\x12?\xbe\xa9V\x00\x00\x00A\xfa\xfeUK\x111\xe6/vWC\x8f\xc2\x0f\x10c~n\x0bU\x00\xa0?\x8e\xbf\x05\x00\x00\x00\x07\xe7\xbc\x14u\xbd\x1a\xfd\xda\xde\n\x00\x1c\x92\xf6\x1fD\x99\x0b\xef\xda\x8ct\x04\x01\x00\x00\\43\x03\x87\xb1\xeb\x13\xfd\xc9\xb5#\rk\xd8\x02\x1adsh\xf0\x10\x95b{\x95\x04\x9c\xda\t\xda\x01\x00\n\xc1\x9e\x1e\x8f\xe3tY\xca\x82\xedN\xa9\xb9\xec\x1e\x95\xabS\xe0\x10\xe0\x00\x01$sy\xb3\xe6\xf2j\x04\x00\x1b\x83?\x01M)\x1c`\xf1\xdb\x05\x1a\xf9\x97\xb3qx\x19\xb5\xa8\xcc\xe5~\x17*TBD\x8cy\xaf\xbd\xb5\xa8\n\xa6\x00\x00\x8a\xc1\x8e\x1c\x88\xae:\xab\xbd2\x95\x16\xb9\xcb\t\x00\\\\p\xd5t\\y\xf5\x01\x00\x00\xe0`&lt;eo\x05\xae\x05\xcfM\xe5R\xdf\xf1\x92\x7f\x8a\xeb\xd8\xd4\xefk\xe8\x9e\xc7\xee\xad@;\xbefo\x05\x00\x00\xfa\xc0\xb3\xeb\xc9\x1a\x0fn\\\x87\x00\xc7;\x168\x9c\xc2\xbbp\xd9\x07&gt;\xe0\x84P\x1c\x00\xe0*\xb8\xd0\x05\xfe7\xb9\xd9Y\x17k\x9c\xdc\xa6e9_\xdcR\xb8\r\xc3C\x07\xee \x1c\x8f\xfe\xbf.\x19\x00\x00\xb6\xa0\xc3\x95\xa0C\x95\x1cl\x1b\x1f\x1e\xa3M\xae\x0c\x02\x80\xeb\xe4\x0e{+\x90\xcd\xf8S\xbf\xeeq{&gt;\xe2 B\x00\x00\xb8x:\xbc\xc9\xd0\x9b&gt;&gt;*\xe9y\x8c\xca\x82\x0b!\x06\xb8&gt;\x1au\xf7\xc6\xa3\xc8W\x9c\xd8\xb7\x16\x87\xd5a\xf60\xbf\xc8\xfe\xd6\x1a\x00\x00\x80\tn\xfa\x82\x9aq\xa80`\x0e@\xde\xed\x97\x93A\xf8G\x8dY\xc8upw\xf4\x8c\x15EG\xce\r\x00\x00\xd6\xdcro\x05\xae\x02\x11\xb9\xb9\xb9\xd1&lt;&lt; b\xcc\xd6\xb5\xb8\xf9o\xc6\x98\xdf\xdc\xb8\xd0\x12N\x0bs\xb0\xbbO+\xf7\x05\x8c\x87\xde87\xa9\x88\xb9\x84\xd9v\xe9d\x98\xc4\xd3\xe4\xd2\xba\xbe\xb9c`\x97\xc1s\xb6\x1b\xf1\x847S\xe4\xc3@\x07\x00\x80K\xe5x\'\x00\xec\xcc\x01\xb4\xa1\xca\xb6w\x87{\xe7\xe9;\xfa\x9c\x03\x00@e\xb0&amp;\xd0\x17\xacp\x00P\x0b\xb5\xd3\xfc\x0f\xcdU\x19\xc86q"\x84\x01\x00\xa0\xe2\x16\xd1\x14\xa7\xf3\xd5\xf6\x9a$\xd1\x9b&gt;\xb0)\x9b\\\x9db\x8c]-t\xfd\xd5\xa11("/\xb7\xcd\xd88\xfb\xeex\xf0\x00\xd0\x92x\x00pscfW\x0c;@\x84=`h\r\xf7h/\x03\xfb\x0bR\x1a\xdf\x13\x87crss\xa3\xbe7\xbf\xe1\xd8(\xde\xe6P\xad\x92"\xe6\xc5,\xa6\x00p\x10\x8ew\x05&lt;\xc2[\xed\xad\x00\xc0%\xc3~\x01\x1c\x85\xc2\xdb;\xb2"\x9a\xfe\xb2\x16S\x00\xa8\x0f6\x02\x00\xda\xe2\xf6Wp\xdf\xb7\xe1]i\xe7\x9d)\xbf\xbe\x9f\x14\x00X?#`\xaa\xfc\x92\x00\x00\x1c\x08\xfd\xd7\x80r,\x0e\x00; \xc6\xdc\xf0\xe5\x86\x8d\x19\xbe\xa9vo=\xa0\x84\'\xa5y\xf0777\xd6\xf78_\xc4\xb7R\x03\x80\x9a\xca3^D\x86\xcf\x0c@\xef\\\xca\x0f\x11\x00@\x19\xc3\xde/\x06aG\xec\rx\xbb#4\x86ZD\x02\x1f\xd4\x0bd?e$\xf2\x03\xb8B4\xdf\x02\xb4&lt;\x19\x0c\x9c-\xe2\xfd\x1f\x08\x16{\x000\xc6&lt;\xc9\x18\xb3\xa1A\xe0K*\x1d\xac\x16Y\xfb\x85\xbf\xb9\xc4\xf1*\x81\xb7\xcf\xcd\x08\x00\x87Gg\xf1\x9d\xe7\xef\x1c\xca\x03\x1c\x9b*\xbf\xe2\xbc\xc3OA\xc3\xa5!b\xae|\xf3(\x16\x12\x85\xc2\xb3\xec\xbc\x9c\xfc\x00\\1\xf1\x13\x00c\xc6\xf3\xc1\xf9\xd7\x05xL\xc6~[;\x97\xb1\x91q\x19\xb5\x80CPe\xd5\xc7u\x80b\xae\xdc\xfb7E\xb5\xcf_3n\x8c\xc1\xfb\x07\xb8Vt\x01\xc0\x99\x1b\xb5\x95zJ\x8e.%\\\xce\x912\xb6\x18\xb6\xe5Rf\x0e\x1c\x19\xec^&gt;\x05\x1e\xfc\r\xde?\xc0\xd5\xa2\xff\x16 -\r\x0c\x8a\xe2\x8e\x01f\x0c \x0bn\xf0\x00\x1c\x9d\x9b\x9b\x9b\x8b\xd9\x03\x03\x80mH:\x01\xd8\x8b-\xfc\x13\xac\'\x18c\xae\xf0\nV?\xb13s\xf0\xa0l\xf5\xa1\xde\xcb\x1e\x1e\xdeyxS6I\xfb\x99\xe0\x00\xd0\x15y\x01@\xdc\x10\x1f\xee{\x1e\n\xad$\x9f|\xb8\x08\x9e\xc1n\xb8\x86\x16\xa3\xfdX\xe6\x02lnn\xaa\xdf$q\x0c\x86\xcb\x1f \xbe6\xd4\xb5-\xb7y\x00 \x89V\x16\xa3\xd1w\xcc\x0f\xbfV\x93*\xb9\xf55\x07\x119\x1f\xc2\xfat\xe3K\xf7\x01\xfc\xc8\xf0\xa5b\xcc\x11\xb8Z\x1cQp\xf2\xa4X\xc9`\xdd\x01\x00\'\xd9W\x80\xf6\xd9\x8d\xc95e\xad-\xe0Y~\xbb\x98\x07\xe0\xa2\xb9\xb9\xf9\x83+\xd8\xe2\xed\x11\xd9\xda\x98\x17u\xf3e\x0f\x11\xc7\xf2Q8)\xf0\xfe\x01\xa02x\xa5\xdb\xa0\xb9I%\xb2\xf9\x12\x0e\xc50\x83V\xbc\x19\x11\xc0\xf6l\x7fW\x13{\x15F\xe6\x14\n\xa8\xaf\x1f\x00\x80\xcd\x91mM\xd7j\x0f\r\xebU\xf2\x9c\xe0\xa8\x8d\x0f0\xa2\x1f\xc3\t\xa3]D\x8c\xf9O\x19\xda\\\x0b{\xb9\xe3\x98,?%\x1e&lt;\xde?\x00l\xcd6\xe6\xa6b)\xc7\xb1\x8f\xa1\x15\xfa\xd1l\xa7\x01\xf8\xc1\x13\x82\xc31w\xe2\xb5\xa3W\xef\xfa3#\x00\xc0\\\xd9G\xee\x16\x1f\x05\xe6\x0b\xd0\x01.\x9c\xdc\xaf\r\xb8\x1e\x9cf\xf0\xe4 \xd2h{\xb2v\xd3\x03\xc3\xd8N\x1c\x1e\xed\xc3\x8c0\xf4/\xc0\x95s\x88\xdf\x01\xa8\xc5M\xf0\xcf\xa3\xc1.N%\xd8\x0f\xeb\x98\xc2\xae\x91\x9b\x7f=\xf9:t\xb1\x0f\x97\x19\x14\xcfs\xd8\x90\x9b\x81@\x1an\xfb\x00@6W\x15\x00\\\x14\x98\xfcZ\\\xf2\xf6\xf0{\x1e}\x98\x14t\xcdK\xc4\x18c^\xfa$\xe4r\xbb\xb8\x05\xf5f\xc4\xe9\x12\x0b\x1ej\t\'\x03uss\xb3\xfc\x80\xb0\xabU5\xdb\xff\xa7\x84\xf5\x15\x05\x00\x00\x80\x13\x9b\xb9&gt;\x96C0y\x06\xec\x0e\x82\x9f\r6\x8f\xf9\x84R;\x98\xe3\x00PD\xf5\x9fod_\x01`#|\x17\xdc\x17\x0e\xc1%\x1fq@.\xe3 \xb9\xb6\xe1!\xd7\xf4\x9b\x8cWUY\x00H\xa2\x81i\x18~\xd2\x13`\'\xe4\xf4\xc3\xcc{\xab\xb1\'\xc4\x00\x00\x1e\xaeh\xa3\x8a\x00\x00\x00|4\xf8\x0c@\xa7\xe6\xe6\xd8\x87\xa4\x1c\xf2\xea\xe9\xa7\xa9\x1a\xf5\x9aF,\xab\xbe\x13\xe6\xd1\x99\xb6_\x1f\x9c\xf6\xfd\x95\x00\x00\x00\xed8\xe8jtP\xb5\xf7\xa4\x9fK\xb1-\xd4H\x92\xd9\xe0W\x81\xbahXhFy\xff\nW\xff\x0fF\x1f\xd6\x12\x00\x00l0\xcd0Q\xf8\xe3\xa0-T\x82\x14\xba\xe9\x85\xacQ\xa4H\xf5\xa8\x0c]\xa0\x8c&gt;F\x14\x00\x00(x\xad\xbd\x15\x80\xe3\xb1\xf2\xe3U\x17-\xa2\xdf\x1bx]\xd0\x02\x990x\x0e\r}\x07\x00p0\x9e\x8e\xed\x06c\x8c\xed\xc9\xdb\x7f\xfb\x12\x8f\xff\x12\x00\xf8\xa15\xf6\x83\xa1\x08\x00\x00\xe0\x83\xab\xdbpb\xe6\xc4\xcb\xe4\xd9+\x92/\x02\x00F\xc2\x19\x111\xe6!{k\xa1\xa2j\xe4v\xf7z\xa2J`\x1c\x02\x00\x00xX-\xfc\xac\x9a\x0b\xae\xa5A\xd6\x1b\xf9\xe1\x1d}\x7f\x00\xf0\x9c\xed\x94\xee\x9dk\x19&lt;\xd7\x03g\\\x00\x00J\xf8\xae\xc0\x13\xc7\xf8fh\xe1K\x9d#\x1c\xa3\x1f3Xx677\xe7;\x14777\xebQ\x11p\x83\x18?\x95\xb8\xd8\x91vd\x84\x1f\x00\x99\xc3(\x05\x00/\r~\x07\xe0\x90\x1c\xc3J\xb2\xb6\xc5\xb8\x96\xf6\x119WUDnn\xccb3;4N:\xdb"\xdd{\xcb6\xb7\xf4\xbeZ\x11\x8c9\xff\x04\xe5\xc5X\x00\xcd\x08\x8b\xa6\xf9`F*\x00@\xff`\xa9\x93xAo\xbelS\xfcWzjf\xd9\x9e}\xf5\xa9]z\xf9G,\xc4\xfa\xb7&gt;\xbd\xf5~MD\xbe\xf3\x12j\'F;O\xbb\x9b\xcb\x00\x00\x00\x1bpm\x8b\xdf\xfa\xb3\xbci_\x00\xdag\x00\xb0\x1f\xf9\xed\xd0\xbc\x19\xdb}V\xfbr?\x05~9\x03\xfbK\xa3\x15\xf9G~m\r\x00\x8e\x07.H\x14\x9a\x08\x9cT\t\x00\xb6Qu[^\xce\xf3\xfcq\xbe\x0c\x85M\x91\x9b]\x9bED\x9e}\x81=uy5\x02\x00\x80\x04X\x06"\\\xae\xa3\x06Ed\xf8\xf1\x97\x17\x00|\x98]\x05\xc5\xb7!\xb9\x18#\xa8&gt;\x91\x0b\xdd\xa7\xbf\xbc\x1a\x1d\x94w&gt;\xfdOD\x8c\xf9\\\xfa\x05\xe0z\xb9\x00\x9f\xe0\xca\xa0\xbf\xae\x994g\xf7\xf2\x02\x805\x17T\xa9!2\xb9\x9c\x1a\xc1\x1e\xe8f\xfai\xb0\xb9R2\xfc\x00\xae\x82\x8b\xf9\xce\x84\x0bA\xf8\xa2O\x08rZ\xb0\x95\x83d\xb1\xba\xdf\x18c\xaekt\x9d\xaa\x7fUU\x86\xa6\x1ceD\xa9\xbf\x00T\xc4\xac\xbeD\x985\x08\xe0\x1a`\x9e\xf7\xc2\xe8\xabY\xc6\x97oq\x86%\xaeq\x12K:\xc0\xba\x0e\x001Xw\x00\xae\x02~\x07\xa0\x17n\x06\xc6\'\\\x04\xd0sA\xf7@"\x8c\x83$t\xa5\xc7\xf5\x1e\xce?\\4\xd7b\x01\xe6\xfcP\x03\x99X\n\x00\x00\xa8O\x8bu\xfa2o\xb7\xc7\x90\xf1\x92\xff\x10,\x9e\xff\xbd\x86\xab\xff\x16\x17\xf9\x91\xd9\xee\xe8|\x14\xf5\xfd\xc1\xee\xc6|\xf9\xb5V\x1c\x00\xe0pt\xbe\x9aB\x01\xdf\xbdYI\x0eO\x7f\xf8\x86\xd0+\xf0\xfbG\xba\xadi\x9fZe\xd2k#\x8ft\xae^u\xc6\xfa\x8e[\x00""O\x8e\xfd8\xe0\x06\x9a\x01\x00\x80\x17\x0c1\x94\xe3\t\x00\xae\x8d+\xac\xf2\xe1\x10\xe5W\xd3\x80\x9a)\x000\xc3\x97GE\x8eAD\xcc\x17\xd1\x05\x000\x81E\x80*8\x07\x12\xa3k3\xae\xf6\xeb#[\xd5\xfaX\x0ek\xc7\xda\x8a\xf5\x1f\xd4\x82\xc6\x04\x00(\xa3\xe3\x85\x13\x00\xf6\xe1Xf\xe1Z\x0f\x7f\xae\x19\xba\x1b\x00\x0e\x0b+\xd6\xbe\xd0\xfe\xcd`\xb3\xf3\x02\xa0\x07+s!\x06\xe72j\x01\x00\xe0\x01\x1b\xb7\r\xffmo\x05\xc0I\xa1\x07\xcf\xf49\x18\xd9\xbe\xe9\x86N\xed\x05\x0c\xaa\xe3WA\xc4\x98oJI\xce^\x00\x00\xc0e\x82q\xbf\x04\xe6n\\\xdd5\x9b\x11r\xd9\xac\xfb\xb7Q\x8f3\x90\x8e\xc7\x85\x1cz\x00\xc0\x85\xc2\xe5\xd1\x02&gt;\xf9\xb8Mw\xd2\xfca;k\xd1\x1d\xbdM\x87\xae\x94\xe9\x80\xbez\xc7I\xff\x1aB\'\xbc}\xfb"\xc2\xa3\x91\xb1\n\x00\x00p\xda\xb1+p1\xd3\x83\x07\x16`\x80\xabe\xf7\xe9\xcf\r%\x000\xc6p^\xb9+4\xfe\xd1\x99\xff(\xaf\x8eW\xa6\xd3\x01`/\xb0?\x00\x00\xfb\x83-&gt;49\xbf\xc3\x15NOL\x08Uy\xd0\xde\n\x00\x00\x00\xc0\x05r\xc5\x07\xca9?\xc4{\xb5\xbf\xdd{9\x14\xde\x19\x0b\xcbn#\xf6\xa0\xf4\xd2\x1aE_\xec\xb3\xfc\xb2\x01\x00\x00\x98\x81e\xec\x96h\xd7\\R\xdfU\xf4\xce\xdd?\x93&lt;\x04\x00\x97\xd4hWI\x93Nd`\x8c\x1c\xae\x1d&lt;\n\xbf\xe2\xe1*\x02\x00W\x87\x18~]\x12r\xe8\xff\xfb\xd4w\xc0W\xbb\x96\xfb\xc7`\xccVF\xacY?^\xc3\xd8\xe0\x8b\xc8\x00\x00:\xe2\x1a\x16\x1e\x00\x80*`0\x01\x00\x00\x00\x00\xe0\xb8p0\x15\xa4\xd6\xb1\xd2e\x9f|\x02\xc0\x05\xf0\xf4\x1e\xed\xd4#\xfbS\xe9\xf8\xe8:\xfa\x8a[\x9e{q\xc7\xe3p\xfdu8\x85!\x93\xe1#@5\x7fz\x1c\x03\x05\x00\x17\x0efn/\xb6j\xf9\x1e\xfb\xb7\xbb\x0f\xc6t\xa5\x0c\x00\xa4S\xd1\xa4\x0c\xdfF\x86Y\x00\x80:`PZs\x8f\x9d\xca\xcd\xea\xd6G_\xef`\xe0K{\x00\xa0GD\xac/#~\xcb\xbd\xb5\x01\x00\x80\xae\xe1+\xcc\xe1(\x84\x07\x15C\x0e\x8eH\xb5\r\x05k\xef\x9f\xb9\x00\x005\x11c^mo\x1d\xe0hpp\x04\x00\xe0\xa0\xb6\xa7\xce\xcd\x1f\x00\xc8%l&gt;\xb0,\x17\t\xdd\n\x97\xc1\x03\xf6V@\x03\xd3\xedR\xa1g\x01\xe0\xb0\x1c\xfc\x93C\xc7\xd5&lt;\x85\x03w\xd0qi\xfac\xc0G\xe0\x05\x87\xd5\xfc\x82x}\xaevt\xcd\xab\xec\xad\x80\r\xe3\x04\x00\xae\x86\x83G/\xc6\xf0\xa5F\x9dR\xf3\xdb9\x0e\xba032-\xf6k\nz\xc1\xcb\xc6-CG\x00\xc0%p\x8b\xbd\x15\xa8\xc2\xb1,\xb2[\xdb\x9b\x9b\x9b\x8d\xf5\x80\x18bL\xb5N\xb9\xb91\x15\xa5m\xc8\xb1&amp;Wk\xf6\xebA\xec\x83\x87\x8d##\x11\xc3\xa4\x00\x00\xe8\x06\xb6\xc7\x12a[7\x02\xeds\xe2\xb0\x07\x17G\x80\x86\x05\x00\x80\xfd\x11\x11\xe9\xd5\xef\xe9S\xab$.\xa0\n}B\xc36\xa5z\xf3V\x12\xd8\xa9\xa5\x82+\xc77,[\x0f\xd7j_\x00\xca\xde\x10\xc0\x95`_\x01\xba1\xfd:SG9\xfe\x0e\x98\xe0\x9b\xfa\xdf\xfb\x06\xc6\x1cgl\x1c\x94\x82\xe6\xfd\x08\xe7h\xaf\xd4_\\\x89\x81\x1e\xf1\r\xcb\xb6\xc3\xf5\xec\xb4\xb3\xbc\x00@\x1e\x17\xf0QZ\x80\r`\x9a(\xc0\x98\x00l\x81X\x18s\xffrau\xd4\x02\x80\xbe\xb9\xa5\xfdG\xcb\xcf\xa1\xd6\xfc&lt;%\x00\xf4\x0e^\x04\xc0&amp;\xdc\xdc\x9cO\x00\xcaWp\x9c\x7f\x00\x18\xbf\xb5\x10{\x00\xb0\xa4\xc2&amp;\xd9\xa5\xaf\xb4\xec#\x02\x00\x00t\x8bw\xc3`\\\xbf\xf9z\xca\xcb\xe3\xd4\xb9\xf4,\\\x13\x1cB\x02\x00\x00\xcca\xbb\xee\xda\x10&gt;5\x06\xd7\xc4\x81M\xdc\xfb\x891\x0f\xd9\xbc\xd4\x0e\x9a\xebH_A[\xeb\xebw\x8eR_\x00\x00\x00\x80\xee9p\x00\xb03\x1d\xb6\x9b\xfczno\xf6&lt;\x0c\xfa\xf8\x12\x8e\xdd\x15\x00\x008\x18\xd8M\x80\xa3\xc3,\xee\x9a\xf9\xd7\xdd\xf4\xcf]\xd2\x92\xbf\xa4\xf5\t@@\xf8\xf8\xd6\xeb\xb5T\x00\x00\xe0\x029\xc4\x82\x04\x00\x01\x9e\xe4zx\x14w\xf3\xf2y\xe6\xe4\xfd\xd3#\x19x\x1a\xad\xdf\x1f\x00\x05\x00\xe8\x8b\xa3\xda\xcaa\xed\xfc\x8b\xbd\x15\xd1r\x9c\xad&gt;\xb8\x00\xde\xc6z=\x1bu\x7f\xca \xcc\xc4\xe1\xa9\x17\xce\xe8\x8e\x7f\xae\xfe\xb8\x10P\x01\x00D\x10\xd3\xef-\xd2\xb3V\x01\xa7\xf9P\xa7\xe7\xc6\x10\x00@5\xc2\xa3\xe8q\xab\xe4\xc3G\xe4u\xc3\x8fQ\xeabt+\x9f\xe8z\x98+te\x138\x10H\x84\xb6\x02\x803;\x9a\x83\xd1\x94c\x92\xca\xf9\x81\xd3\xe2\xeaq\x9aet\xff\xcdj\xf9\xc4}\xe9\x15\xfa\xa5\n\xe1\x11\xeex\xeb\x94&gt;ejl\xd3S\x8c\x07g\xa7\xd0,\x00\x00\x07\xa3\xe46\'F\xdfGZ\xcb\x1c\xeeX\x00\x8e\xc8a\x07\x98+\x96\x1e_U\xabTWa\xc6\xe1\xa0Y\xbc\x1cv\xde\x01\xc0\xe5\x83y\x02\x07\xbb\xc6$\x15\xcb\xe5\x80\xeb\xc2\x98\r\xcbjCt\xbb\xa1\xbe\xd7\x97\xcc4\x85\xf9\x05\x00\x00\xd0\x9c\x8f\xdb\xc25\xdf\xed^\xefm\xeb\xd7\xee\xf68(\x17\xc3".\xa5gm\x82\xad\xc11\xe3&gt;\xd8\x97\xd9\x18\xba\x00\x00P\xc0E/\xe4-\xaaV$\xf3~xN\xdd\xd0\xe2;(E\xe4E\x15\xfa7*a\xdf!\xc4=\xc3\x05[6\xc5\xb1~&lt;\x01\x00 \x08\xb6\x0c\xae\tF{?|\xa4\xfbq\xc1o\xd3^\x815\xdb\xab\x8e\xbb\x7fA\x90\xfb#\xe6\xe9\xad\x91_\x0b\x11_\x00\xf02\xd92\x01\x00vc\xfc\x9a\x8e\xcd\n\xdc\xaa\xa0c\xf2\xac:\x11}\x83\x00\x00 \x00IDAT*\xed\xf3\xf75\x84\xd4\x85~\xbf0\xde\xd2\xff\xd6W\x96\xdd\xc5O\xcf+2\\\x8ci4\xcc\x0e0z\xbf\xc2\xdb\xe6\x15&gt;\x18\xed\xfdJ\xb4\xd9o&gt;l\xcd\xc6\xdf[\x9a\xbe\xfd\x7f\x80a\x03\x00\xd7\xcc\xd6G\xa8\xb5Du\xfa\xc1\xd0\x1e\xf6 {\xd0\xa1&gt;_\xbf\xb7\x02\x9dS\xd7\x19\x8a\xb8\x83\x1bj\x12\x87\x8b\x19\xc6\xec2\xeb\xaf\xab\xc17\x8e7\x00\x00.\x89\x83\x19\xd0\x83\xbb\x14=+\x9f\xa1\xdb\x06\xd7\xbbA\xc3oX\xafWM\xfaE\x8e\x9f\xc8\xd8\x80+\t\x00&lt;u\x94\xc3\x99\xd6\x9a\\A\xbf\x03\x00\x048\x84\x11l\xadd\x17\x1f&lt;\xed\xc1\x11i\xf1!K\xb8*\xb2nW\xef\xfb\x9d\xb3YE\xd7Q\xf8\x8d\x99k\xfb\x91\xf9\x038=\x18j\x00\x008\x00\xca\x05\xa3\x07\xe7\xbb\x07\x1d\xe0\xe0\x1cn\xf0h\x14^\xa5\xf9[\xb9[\xf2L9\\\xcb\x1c\x13U\xbf$\xf4\x9dm\x12\xfdGF\x98M\x00\xb8\x16~|o\x05.\r\xff\x97El\xa7\xc2;\x8b|\x17\xfb[\x00Z\x12&amp;\xcby^\x8b\xcc\xfe\xdcI\x99$\xb1\x17\xb8\xe7\xad\xaa\xd1\xb9\xbf\xea\xed\x89\\\\3\x02\xc0\x81\xb8@S~a\xec\x1a\x00\x1c\xf5J\xf4R\xe7\x17h\xf2\xb0\x1e\x97\x0c\xb6C\x8e\x93\xcad|h\xa1\xe9\xfcR\x7foO\xca7\xd2\xf4g\x13\x8e\xe7\x8b[;;]\xb5$\x00\\\x13\x9d\x99r\xe8\x8b\xfe\x16{h\xca\xc9#y\x9f=\xca\x8d&amp;)\x1c\x87\x9f\xb6\xc9g\x87v\x9f,\x9aXw\xc6\xcb&amp;6,6\xa1\x9c\xbd\x8fv\x01\xa0g\xda\x9b\x86]\xbed\x03\x8e\xc5\xe5\xadR\x05\xd5\xb9\xa8v\xf0\xd0i\x1d\x8f3\x0ewTr\x9b\xf0\xa3\x87 \xe7\x02\xa0\r\x01`7\xb0\xe3\x97H\xe8L9\xa7\xbb\x0f~H\xed\xfb\xd5\xa1]8n3n\xce\xba\xd7~\xb9\xb7q8\xd3\'18\xd9\xe5\x8b\xf6\xeb\x14z\x9cH\xac\x07\xbe\xda\xf3\x9c\x06\x04\x80N\xc1&lt;uF\xc2\xa2[{y\xbe\xc0\xc5\xfe\xf2jtY\xec\xebb\xbe\x89\xfe\\T\xac\x17[*\x9c\xf3\x85\xc2U\xee\x9cT\xbe\xb8r\x12u\x81\x16\x06\x00\xe0h\\\xee\xc5\xc4C\xd7\xa8n\xa7\x1c\xba)|\xa4}\x8a\xb1\xa1"PN\x93C\xa7\x87&amp;*\xd0-9\xa6\xa0\xde\xf7\x89m\xfa\xb9\xd57\xf5h{\xd2a\xa8\xce\x9fl\xa3\x0c\x00\xc0\x05Sk\x91\x80n\xe9\xed\x1eE5\x0e:n\x0f\xaav;v\xffj\x94nz\xa4\xae\x0e\xef}\x08\xdb&gt;;\x10\x88i+s\xb6\xd0\xaf!G\xd7\x1f\x00\x8e\xcd\xc5\x18\xd3c\xf19{+p\x8dt2\xceE\xc4|\xf8\xfej\xf4\xc3\xee\x01\xc0\xa5\x922\xe0\xf7\x99\x1a\xf3\xd5G\xa5\xc0\xe5\xc4\x00\xe7\xc8\xa7\x9f\x0f,\x01\xc0n\xec\xb9\x01\xb6W\xd1W\xc0\x06m\xfb*\xed\x8b\xb8\x04\xf6\xf2\x18V\x85\x96^\xc9(\xcb\xde\x1b\x83\'\xd7\xaf\x15j\x1d\x9c\x8c\xf2\xb7\x8d\x82\x9a4x\xde\xcf\x0b\xa4M\xccU\x0c\xd0\xed\xc8\ts\\\xcd\x01\xa0\x1a7\xc6\x18cdx\x01\xb0\x0f"rss\xa4Ax\xf2\x1b:\xd7y\xde\xaab\xc4\x98\x1c\x85\xc5\x98\x1b\x11\xb9\xb91\xdd\x18\n\x11\xa9\xd0\xf8\xa3\xf3\xd7\xae\x1f\xc7\x86K\xe1\xdcSs\xf5\x1aYi1\xe6\xc6\x88d\r\x8c\xce\xd0\xd5b\xe1\xf1\xa7v}av\x00\x80N\xb8\x851\xa6\x9bE\xfdX\xf8\xbes-\xca!\xb6^\xbeb\xe3\xf2\x8e\xb5\x8eZN@\xd7\xbdyc\x8c1\x7f?\xfdU\xd0\xc8777\x97g(J\x06\x9d\xf2T\xc7\x95"\x9a\xeb\xdcS77777\xe3\xd4h\xd4\xf87\xc6\x945D?\xb4\xf7\xfe\xd5\x05\x86\xbb\xb8k\xa3\x01\x00\x00a0\xe2W\xca\xb6\xf7\x80\x19fN\xea5\xfewd^\x878\xf0%\x90\xcc\xa6K\xcd\xd5c\xcb(\xef\xf1/\xdeZ\xffY\xd6\xfb=\xb6\x0c\x00\\\x1b\xb7\xd8[\x81\xe3\xb2\xc3\x9e\xd9A&gt;|\xf6\xbe{+\xd0\x96\x9b\xd3\xc6l:Y}w\x11[\xb3\x99\x04\x9a+\xb3\x0b\x16\xf2E\xc4\xbc\xc8\x945\xf2M\x9f\xfe\\h\xb0e]\x03K\x1f\xbc\xdd\r]}\x1d\x16\xa3\xcb\xf7\xa7\x88\xc9\xea\xfd\xeeZ\x06\x00\xae\x10,\xd1a\xd8\xe0\xbe2\xe8\xc9\xf8\xd0\xc2\xe1&gt;\xe7\xe0\xe2r&gt;/4|\x8a\xc3\x94\xd6\xe82.\xd0\x87\x90\xa1\x8a\xc7\xae\xe6:\x00\x98}BF\xfd\x89\xb8\x0b\xfa\x18\xc0\xa9"\xc7\xd5\x1f\x00\xf2\xb9e\xfb".\xc7c\xd8\x89s\x03\x1ey\x99\xb9@2\xba\x83\x1e\xec\x8aj\xddq?\x93n\xe5\xca?\xc4\\\xe7c\xd0:nnn.\xd5\x8c\x9f?\xe0&gt;\xbc6\xc6\x98\x9b\x9bP\xac~\x843\xd8\x14.\xb5c\x01 \x06S\xbfw.b\xdb\x18\xe0r\x111)\xbb\xe3\x1b\x1e\xe5\x1dp\x7fWD\x9a\xb5L\xd8w\x8f\x16z2\xc5\xc1c\x04\x00\x80\xc3\xb0\xfdg\x00\x8e\xf9\xb1\xb9\x08\xedj$7\xf7o%9\xf1\x9b\xb3\xa1\x0b.m\x03r7\xc4\x98\xaf-\x172|(G\xef\x02\xca\xf9;}\xeay\x8d\xc3\xa7Q_w\xf5\xdc\xfe\xdf\x96\x14\x94X\xe5\xc3\x1d\xb9D?d\xe5|7cJ\x06\xb30\xc1\x01`\x0b\xb6\xb6\xb5\xd5\xee\xdd\xee\xcd6\x1b\xf3m\xbel~\xf8\xe6oc\x92v.\xf7\x83S\xea\x89\xce\xbe\x8f?B\xa7\xbf\x960\xf8_\x85\x8a\xe5\xec\xe5\'\x1e\x17\x14s\xc4\xb9\xd3Jg\x8d\xa7\x9ew\xf3\'i ]\xcc"\x08\x00\x87f\xeb\x13\x80\xe1\x1bT\n\r\xdf\x9b\xd6\xd1\xa6\x80M\\\x9aq\x9d\xa8\xcb\xcd\xf9\x9f^\xbe\xd9}\xf1\xd5|\xeb\x85\xb6\x07%{\xe1X\xdf\xc7o}\x8d}O\xd4\xf8\t\xb1IXJ6\x7f\x8eF\xfb\xbe\xfd5\xfe\xa6\x881wW\xb6\xad\xff\xdb\xbd\xb2\xbf{\xed\x13\x83\x05mp\x01\xcc\xa9\xf6\xfc!\'\x8a\x00\xd7J\xc8\x06\xbdH\xe4.\xee]\x8a#\xee*\x1d\x92\x03~\x00 ml\x04V\xd6\xa3U\xfc:\xb9\x1eS\xb0\xf0\xdd\xc5\xf3\xfaj\xd8\xe8(\xa3f\xdb\x96\x7f\x06 ;\xaf\x8e\x8a\x95U\x89\xe2\x9b\xe5\x00\xae\x99\xd0\t\x80\xc7\xfb\xf7=\x84\x05\x9a\x9d\x95H\x9a\x03\xda\xe5\xa8\xc2\xaa\x1f\xe21\\v?\x06\x87\x1b\x9f\xd9\xdc\x18\xebK\xdf\x17\xdf\x03\xa9\x93pI\xbf\x8f\xb1\xd9E\xa6c\x0c\xb0J\xc6\xaaNeS\x959\xde"\x03\x005`\xea\xe7\xd1n\xcfO\x8cycc\x9e\xd3F\xb8^\x87\xdd\xee\xe0\xda\x9c\xbe\xfd\xb4\x85&amp;\x009\x0c\xdf\x87\xbf:\x9a\xbb\xcaC\x80\xa3\xe1\xb3?\x9a}\x96\xa8\xed\xaa\xf4\xcbt\xe5r\xc4\x88\xcalv\xfa\xf9\x1c\x00\xd8\x8a\xcb\xfe%\xe0v[\xc8\xe3O\xc6TF\xc4\x88\xfcj\xd3/\x82\x88\xaed:/\xbd\xee\x17_\x04\xca\x90\x0b\xfd\xe6(X\xd0\xa4\x97+\x9f#\r\xde\xd2\xcamJ\xf8\x16 \xff[\x1f\xdc\xe0\xa7\xbe?\xb6\xaa\xb4c\xe3\xf4u\x95\x1ep\xf8\xf7\xbf+\xb9\xd1\x95\xbe\x02\xa9F\x8d\x00\x00:Aui\xe4Rh\\\xc7=\xdap\xf99\xdf\xa9+\x9d\xef8\xb8\xcbUt\xfd\xe5sM\x13\xd9\x9c\xe7\xf2]\xc5\xfa3P\xf1\xdb\xb7l\x99\x99\xd8\xb1\xa0\r;\xe2/\xb7*(\x84\xc7\n\xe5g\x17\x11c\xee\xdcH[\x00\x00\xb86\xbf\xa1)[\xb7\xe1r\xbd\\v\xa26\x06\xd8Xmh\xc1U\xf5\xa6UY\x95\xb7\x9d\xd22_\x98\xab\x89\xe3q\x92\xa8\xa3\x93cR\xac\x94\xb5\xecR\xedf\xbf\xaeN\x04\x80+\xc2^Ga\x89\x881\xdf&gt;\xfe\x11Nj\xcc\xfb7kF\xf7\xaf\xe4\xa8\x16\xcb\xc4\x18\xe0\xda\xbc\x168(\xc9\x8e\xa66\xb1\x98{\'H\x0e\xd8\xcf\xeeb\x80\xf6\xcad\xbb\xefa\xa3\x94\xc8\x8bs3:\xe9\xa9\x07\x01\x00V\x14\x19\xa9\xc7u\xb5J\xedCy\x0bH%9\x</t>
        </is>
      </c>
      <c r="E299" t="inlineStr">
        <is>
          <t>&lt;class 'numpy.ndarray'&gt;</t>
        </is>
      </c>
    </row>
    <row r="300">
      <c r="A300" s="1" t="n">
        <v>298</v>
      </c>
      <c r="B300" t="inlineStr">
        <is>
          <t>steps_per_sec</t>
        </is>
      </c>
      <c r="C300" t="n">
        <v>3400</v>
      </c>
      <c r="D300" t="inlineStr">
        <is>
          <t>2.974805</t>
        </is>
      </c>
      <c r="E300" t="inlineStr">
        <is>
          <t>&lt;class 'numpy.ndarray'&gt;</t>
        </is>
      </c>
    </row>
    <row r="301">
      <c r="A301" s="1" t="n">
        <v>299</v>
      </c>
      <c r="B301" t="inlineStr">
        <is>
          <t>Loss/RPNLoss/localization_loss</t>
        </is>
      </c>
      <c r="C301" t="n">
        <v>3400</v>
      </c>
      <c r="D301" t="inlineStr">
        <is>
          <t>0.550102</t>
        </is>
      </c>
      <c r="E301" t="inlineStr">
        <is>
          <t>&lt;class 'numpy.ndarray'&gt;</t>
        </is>
      </c>
    </row>
    <row r="302">
      <c r="A302" s="1" t="n">
        <v>300</v>
      </c>
      <c r="B302" t="inlineStr">
        <is>
          <t>Loss/RPNLoss/objectness_loss</t>
        </is>
      </c>
      <c r="C302" t="n">
        <v>3400</v>
      </c>
      <c r="D302" t="inlineStr">
        <is>
          <t>0.022163143</t>
        </is>
      </c>
      <c r="E302" t="inlineStr">
        <is>
          <t>&lt;class 'numpy.ndarray'&gt;</t>
        </is>
      </c>
    </row>
    <row r="303">
      <c r="A303" s="1" t="n">
        <v>301</v>
      </c>
      <c r="B303" t="inlineStr">
        <is>
          <t>Loss/BoxClassifierLoss/localization_loss</t>
        </is>
      </c>
      <c r="C303" t="n">
        <v>3400</v>
      </c>
      <c r="D303" t="inlineStr">
        <is>
          <t>0.058313947</t>
        </is>
      </c>
      <c r="E303" t="inlineStr">
        <is>
          <t>&lt;class 'numpy.ndarray'&gt;</t>
        </is>
      </c>
    </row>
    <row r="304">
      <c r="A304" s="1" t="n">
        <v>302</v>
      </c>
      <c r="B304" t="inlineStr">
        <is>
          <t>Loss/BoxClassifierLoss/classification_loss</t>
        </is>
      </c>
      <c r="C304" t="n">
        <v>3400</v>
      </c>
      <c r="D304" t="inlineStr">
        <is>
          <t>0.16509312</t>
        </is>
      </c>
      <c r="E304" t="inlineStr">
        <is>
          <t>&lt;class 'numpy.ndarray'&gt;</t>
        </is>
      </c>
    </row>
    <row r="305">
      <c r="A305" s="1" t="n">
        <v>303</v>
      </c>
      <c r="B305" t="inlineStr">
        <is>
          <t>Loss/regularization_loss</t>
        </is>
      </c>
      <c r="C305" t="n">
        <v>3400</v>
      </c>
      <c r="D305" t="inlineStr">
        <is>
          <t>0.0</t>
        </is>
      </c>
      <c r="E305" t="inlineStr">
        <is>
          <t>&lt;class 'numpy.ndarray'&gt;</t>
        </is>
      </c>
    </row>
    <row r="306">
      <c r="A306" s="1" t="n">
        <v>304</v>
      </c>
      <c r="B306" t="inlineStr">
        <is>
          <t>Loss/total_loss</t>
        </is>
      </c>
      <c r="C306" t="n">
        <v>3400</v>
      </c>
      <c r="D306" t="inlineStr">
        <is>
          <t>0.7956722</t>
        </is>
      </c>
      <c r="E306" t="inlineStr">
        <is>
          <t>&lt;class 'numpy.ndarray'&gt;</t>
        </is>
      </c>
    </row>
    <row r="307">
      <c r="A307" s="1" t="n">
        <v>305</v>
      </c>
      <c r="B307" t="inlineStr">
        <is>
          <t>learning_rate</t>
        </is>
      </c>
      <c r="C307" t="n">
        <v>3400</v>
      </c>
      <c r="D307" t="inlineStr">
        <is>
          <t>0.03997986</t>
        </is>
      </c>
      <c r="E307" t="inlineStr">
        <is>
          <t>&lt;class 'numpy.ndarray'&gt;</t>
        </is>
      </c>
    </row>
    <row r="308">
      <c r="A308" s="1" t="n">
        <v>306</v>
      </c>
      <c r="B308" t="inlineStr">
        <is>
          <t>train_input_images</t>
        </is>
      </c>
      <c r="C308" t="n">
        <v>3400</v>
      </c>
      <c r="D308" t="inlineStr">
        <is>
          <t>[b'1024' b'1024'
 b'\x89PNG\r\n\x1a\n\x00\x00\x00\rIHDR\x00\x00\x04\x00\x00\x00\x04\x00\x08\x02\x00\x00\x00\xf0\x7f\xbc\xd4\x00\x00 \x00IDATx\x9c\xec}u\xbctG\x91v\r\xf0\xc1b\x8b\x13X\x1c\x02\x04_4\x8b\x06w\xb7\xa0\xc1Y$H\x80\xc5\xdd\xdd]\x83\x07\r\xb6\xb8/A\x83C`\x91\xe0\x0e\x8b\x04g\xb3\xf5\xfd1s\xcei\xa9\xea\xae\xee\xae\xee\xd3g\xee&lt;\xbfK\xb8w\xa6\xbb\xf4\xa9j9s\xef\x0b\xa0\x8f\x83r\'\xa2\x89\xec\x99\x00is+\x00M\x8b\x9a\xdb\xd3I\x10\x96\x0b;}\xdfB\x80}\x01\x10\xfeS3\xa4\xc8Cf\xe1V\x02\x01\xbem\xff\xb8\x89\xc9\xdb\x12\x1b\xc2\xdc\xf0r\x8a\x08p\x19\xc9`p\x8b\xd7q&lt;\x1a\x07\x04\x1c\xbe:\xe0\tAo\xb4\xbd;\x9dC\xfe\xcb\x90\xf3\x81\x9e^\xc3\xc0ZP5{\xd9\xd8\xae\xf8\xfcOY\xa1\xe9D\xc0\x0b\xa6N&lt;-\x993\xe4H\xd3\x97\x9a\x90d\x90udF\xfe\xaff\xd1J\xc0\x0b\xc0j\x05r\xf3\xfc\xf0\xadV\xb3\xbb\xb61\xaa\x03Kv\xc8\x00"\x0e$\x1c\xe8\x95\xc4\xc9 \x9e\x8dx\x0f\xee\xbd8a\x06biX\xb2C\x15\x98\x1diHT\x9b|\x99\x9dp~\x86\x90\x0b\xdbXG\x82\xbe\xed\x0eY\x81*\xf35\x16\xde\x8d;wF|Qx\xd8\xfc\xe9\xe8\x04\x0c+\x96\x15\x9f\xcd\x9a\xd0A7&amp;\xc2\xa9\xb7TM\xc27"q\xfc\xae\x01\x86 k\x8e\xac\x04\x04\x0c\xd1`\x1dG\x92\xe4\x81\xb7j\xe38\xedU\x1a\xf8\xd5:m\xe4\xf1\'\xde\x98{\xbf&lt;X\xadVK\xebi\x1da\xf6\x9c\xae\x93\xb72MA\xf4y\xf9\x91\x0c\xd1\xc1\xdd\xbf\xc4\xb4\x1e\xb6v;\x84\xb0\x1aV\xe0\xf1\xff\x9bi6\xbef\x07\x92F \x02y\x1fF\r\xf6^\xeb\xc1\xad!\xb3\xab\x15\x8c]\x02^\xbcZ\xadB\xd6\xe9\xadS\xb3\xdc\xc5\xee\xc0\x80-5bS\xa3\xa1\xcf-\x1c\x9a\x0bH|\x97\x85\xcd6f\xa5"L\n\xdc\xfc\xf7C\x00\xf0\xb9\x94I3\xd6E\xb0\xf8{\xbd\xafk\x7f\x000\xe9{\xea\x92|\xc5\xa6v\xd2"\xbbL\xfb"\xd0\xcb"\x87\xce\x0f\xf6\xb3\xd6\xcb\xcb\xd6u\x91/\xd3f"6p\xc7\xab\xfe\xb1Z\xef\x10\xf7n\xa6\xd67\xa3\x91\xf7-l\x8e\xdbl\xb1\xe8\xddk&amp;c5m\xfaWFfW\xee\xa8\x15\\\xb5\xbe1\x89\x9dq\x11\x1f\xa2\xf0\x0eH\xbfE8K\xcff\x8f\xd9\xe7j\x9cx\x96U|\x08\x1c?\x89c&gt;`\\\rg\xd1/N\xbb\xcc\xf1\x9b;\x97)\x1c\xc5\x85O\xb7\x8a\xd8|\xea\x07\x11\x01\xaf\x08\x88\x17\x97\xb1Wn\xdeZ\xc1EJldm\x08\xbe\xbb\xe7\xef\x83\xbf\xec|Fm\xf3A\xd5\x00\x02\xc2B\xd3\x96\xf1\xb9\xb1Tl\x9fG\x1c\xde\xd2\xd3\x83\x9d0\xd1Bd#\xc9\x9cB\xf5N"\xb0\xc3\x0e\xc9\xd8\xb0\xda\xf8\xf8\xfe\xf4\xca\xd0\xfc\xbd\x17\x81\xba\xe0DD&lt;\xb6JK\x8f\x97\xf6P\x9b7\x03\xb8\xac\xd8\x80\xb0(\x1d\xc3\x93,\xe9\xaf\x93D\x833\xbe\xf2\xfe\xd9l\xd4F9\x07\xecXI9\xa0\x9d}\x04\xb8\x84\xaa@W\xfe\xf5\xed\xa6\x91476\xe0FF\xc3\xe9\x04\xaa\x9dA\t?\xd4\x17IT{\xfc\x00\xf0&amp;*.\xa1\t\xc9\xe5\xb1 \x9c`n\x03\xa0IT\xfbM\xa2\x98o\x08\x87JHJ\xefx:\x82e\xe7\x0e\x0b\xc5\x1dg\xd1\x1a\xac\x945\xa3N\x85\x9b\x95\xf8F\xbc\x98S\x8f\xcb\x04\xc0i2\xac\xe0\xeb\xcb=\x99\xc4J\xfb\x93\x00\x08\xf0\\\xa1\xde\x03D\x8d"\x1b"!\x93\xd2\xa9\x84\xd7\x06\x1cQ[u\\J08\xda\xe1\xaa\x84d\xdb\n\xdb\xa9\x15\xabd9=G\xd2\xc7\xcf\x01~Z\xef\xcc\x0f\xf0fm\xc9\xf9(d\xc5"\xc0v\xdb\xe8~\xde\x15$F\x0b\xa7\xb6AE\x12\xaa\xda\xe3g\xf0r5\xd5\xa5#N9\x84\x8bvB\xce(\xa2\x8b\xab\xe7Zwl\xdc\xa1_\xc4+\x05 \xf6\xa7\x8aL\xd6\xa5ow\x10\x11\xf1/\xa6:\xc36\xc9B\xe2\xed\xb1\xbe`\x98\x94V&gt;\xcdk\x9fT\xea\xc5?(\xe1\x8c\xec\xc8OT0\xd0\n\x8e\x9d\x02\xf67\xa6\xf6$L\xfa\x9d(q\xe2\xde\x06""&gt;\xb5\xbfS%\xd5j\xba\x80b\xa4\x10\xee\xc8\x15|\xb8\t\xd3O\x84%P\xb2\x9c\xc1\xc7[)\xea\x0b\xd5\x8a\xa7}\x06s g_\x80\x96]\xf8ED\x18\xad?\x1fI\x99\x8d\x00G\xaf\x87\xee\xce\x03\x05\xd8\x1b\xa1\x13\x14\x02\xd6Z\xf9\xd0\xb9r\xb2\xb5\xc8K\xf52\x84\xd8\x7fE@\x84\xef\xf4y\x00\x08]\xb4\xf1\x01\tI \x07h\x108\x18\x1c\xdb\xd4\xc9\x85-\xc7\xb5\xf7\x80\x8f\xa9\x18\xe9Z\x18\x99f5\x98\x8aN\xb9\xad\xbe\xc6\xb3\r1\x8c&lt;)\xf5OT\xfd\xf2\xa9\xb2\xf0\n\xf2\x1f\x14\xcf{\'\xc8$q\x87~m\x8cA\xebg\xabv\x1c\xb3\xc7\x91\xef4\x86\x1d0\x83\xe5\x13:\xbd8\x11`\xa1f\'!Z\x08\x0e\xaf\xf4\xb5\xfa\xc2\x13\xea\xd4\xa5\xd6\x8d\xc4\xd7\xff\xeen\xdbs&lt;bzALn\x11\x88\xf6$\x9fSA\xce\xe2Gd\xda\x18|\xfc\xb2\t{\xc0\x8b\x1d\xf6\x12\\b\x14\xcb)\xa2n\xbaZ\xd9(\x04\xb8EeKh\x04\xffF\x03\x8eCV\xd6\xeb\x9bW\xa7\xb7eX_+\xa6\xdb\x17\xfb\xcb\xd0\xe2\x89\xbap\xcdP\xfd\x15oS\xf4\xca\xf8\xf1_\x01\xbeL\x8f\xa7\x93\xa5\x8d\xb5\xcf\x9aZ\xf6\x07\xf8\xf4h\xfe\x1a3\xfe\xad\x8f\x18\x14ZG\'\x7f\n`\xed\x89Q&amp;\x93k\xe4\x9fi7\xfe\x96\xfd\xaa\x02\r\xe4\x98\xfa\xcf\xc6\x8a~\xd9\xa2\x85\xd4N\xdb\x0bF\x8e\x91ES\xe7\x9fG0h\x0c\xc4\x12 /`\x9bW\xff\x07\xb0\x0287\xc0\xb7b\xf3.\x04\xf0\xa5\xd1aN\x19AZ\xdb\xb2\xe3\x02\x1c;UXZ\x88|\x1fW\x00\xb0\xba$\xc0\xa7\xec\xc2\r\x19@\x1aIH\xce\xe9f\x91$\xacVp\x01\x84\xaf\xb0\xef.\xaf\x10v0\x80\x89|\xd6\xe9\xf3\x0e\xe7Z\xad\x1aBgSc\xa2\x86\xd0\x9f\x01\x1d&gt;\n0~\xbb\x8e\xe0\xfa\xa4\x82\xc3\xe7\x05\xe4\x1b\xa2\xac\x90\x13\xd5\xbe\x1a\x918Q\x17\xfe\x9f\xa7U:V:\xc7\xddC\xc6P\x03\xe2\x97\xa8#\x14"\x9a\xc9\xaa\x07\x84\x15|PW\x0b~\x9a"\xffR[\xfc\xaa\x01\xefTa\xdc\xff;\xaf\x06/\xdb6&gt;~\xb0\x92U!lZ\x11N[\x99\xc5\xb2E\x8ce;8\x1e_\x86?VX\xf5\x9fG0\x04\xaa\x95\xe2\xcd\x06\xb1\xff-\x18L^\xd0\xb8\xf0&gt;|\xe7\xb6\xf5c\xd7\xafoF\xa65\xdc\xd5Q\xe4\xcb\xe7\x04\xd8g\xb5\x82K\x02&lt;\x1d\xa8\xd5b\xe5\xff\x14\xd9\xfd\xe7bZ\xba\xef\xc5\x8c\xe0v\xff{\x1b\xdb\xf1\x00$\xb5*\x15\xaa\xf8\x8e\x04u\xdb4\xd5%\xb7n\xea\x01\x1c\xf1f\xaaT\xf9S\xd8L+[=\xe2q5\xea(5]`\x1f\x86\x92\x9f\xdch\xe5x\xb4\r!\\H\xda\xaa\x86\xb8! &gt;@3\x8c\xb5 \xa1k)\xa5\x9b\xc06\x89\xe6\x98G9\x8bu\xc3+\xaf\x9b\xc3j\xbf\x10\xa61\x9d-\x93]\x19S\x8c\xf1\xe2G\xc0g+S\xe7\xee"\x0e\x81\xda\xe4\xa9\xb5iP\x82\x0f\xff\x0c\xe3\xffA\xfc\xfdSO~\x82E\x00\xffc\xc9O\x89&lt;"\xbeur\xc7\xf7\xd19\xfa#\x1c\x84p\x90\xfbz\xcc\x8b\x0c\xdcj&lt;\xca\x13\x91\x0f\x85\xa2\x0b"\xcd\x81\xbd\x1c\x84\x8d\xbfy\xc4S\xe5\xad:\xee3\xe3\x9e\'t@\xf1\xc3d_\xba#b\xe1\'m\x10\xbc\xbb\x10^\x1d#\x82\x9a\xdf\xec)\xa1\xa3\xdd\xd0;\xbe\x9ej\t\x0e7\xe2\xe7\x05\xf8\x06\xa5\xc4\xd6u\x00\xe2G\xa9\xd7\x1b\x00\x11iu)\x9fX0.r\x07\xf4\x7fh\xc6\xd1\xea\x8d\xab\x0b\xfc\x14\xca\xda\x87\xd5\xf0\x91\x1e\xfa\x86\xe4\xbd\x80W\x1f\xbe7?\xb0\xb1I=L1\xf8\xb8\xf9\x17\x9b\xaa\x85\xc2\xb3\x93\x8c\xbc\xe5\xda\xfcH)\x87\xbeA\xad\x08\x10p\xcd\x1c_\xff3\x992\xa4,\xfe\x13\xc3\xdd\x8fXF&gt;:+Q\xb1Z\xad\xe4\xb6L:\r\xe1\x81VOd\n\xc6\xda\xf5_\x0c\xe7\x855S\xa7\xc4\x88\xa2v?\x7f\xa8\xaft\x91\x98B\xd2K55\xc7\x18\x82\x14\x1a\x10T\xca\xdd&amp;\x9d\n\xe07Quk\rb\x99\x888\xdb\x07\xdbB\x1f\x012M\xa2\xac\x1b\xffA\xc4l\xac\x80\xff\xd7\xd1^#\x98?\xef\xee\x1f\x08\xeb7\xb7\x17\xaf\xcd\xbf\xc8\x1e\xff\x8d\xc9o\x0c\xaf\xbc84\xfc\xa3\xde+\x8dN\x93\x83\x1az\xeb(N\xc1\xfa\x03\x01\xcfY\xff\xf0e\x80\'\xaa\x18W\x19\xf1\x0f\xa0\xf5\x8f\x15\xc0\xea\xc60&lt;\xea\'\x9cA\x00\xb8\x86q\xa25\xff\x05\xca\xcd\xab\xb7\x1f\x87\xe2e\x8d\x99\xf7\xaf\xc5@\xf2 \xcc\x0e\xee\xe5\x96\xa7\xc6\x07]Zb\xb8q|9\x15\xd0`\x90{&lt;\xd7\'\xd7\xad\xfdY\x99\xe8\xb6C\xb6\xfb\x07\x80\x87\xa5\x12\x14}\xe1\t\x12F7.\xec\xbe#\r\xc8;\x88i\x1aI\xb5?\xb456\xd6\xa57\xd8zX1\x9f4\xddc\x0f\x07\xa4\xfc\xf0~W3i\x8b\xe8\x043\xba\xfb\xcf\xc0{*\xc8T\x83\xd6\xdf\xfc\n\xea\xc8~\xb68|\x80\xe4\xfa\xf3?\xd9\xb9\x89\xff@S/n\x81\xf8\xe4\x86\xae\xcc\x1e\xe33\x00*\xea\x04O\xd5\xbbB&amp;c\xe5\x9f"h\x0f\xdf\x1d\xe2\x01=o96\xf1\xce6\x86\x89y\xf8\xddr\x1b:N\xa2:(\xa2K)a\xcd\xef\'\\q\x97l\x8e\x19t\x8a\xb9\x90$Zn\xc3\xc87\xe2\xad4C\xf8\x15J^/5\xf2\x88_@\x04\xb8\x15\xf1\xce\xbb\'k_\x9b\xcf\xa2^\xb8gC\xd7\xaaGGY\xb1-\x90\x13\xb5pK\x96\xb3\xfb="\x87\xa5[\x9f\xb2\x08\xfe\x93jU\t\xe8\x87\xfa\xa6\x0bO\xd5\xb3\'\x10\x9f\xe9\x95\xe1\xbfZJ\xf5P\xba\xfc\xa7\x97n=\xe0g\xd8\xc55:uL\x10\x02\xdc\xb6\x1b\x8fL\xd8\xfbx\xc2G\xfe\x00\x80\xc6\xe7\xa47\xdf\x1c\xa9o\x9fi\x8c\xfd[I\xc37\'\xaa\xb9;O\xd8\x84)\xe8\x9a\x1b\x0c\xd3m\xf7#\x11\xa8\x1d\xa5dH\x9c\xa2=\x8dd$[pP\xa9\xf1\xf1}\xf8\x92\xd4\x9e\x804\xf7\x95. \xf2\xe5.\x99\xab@\x8bKL1\xaa^\x1f\x98\x84\xb9{\x05\xf9K\x02\xcd\xff&amp;Z\xbb\xdc\x83u\x8f\xfcl]\xb6\xa3^\xe6\xb9P\xeb!\x80\xffV\xbf\xb7\x92\x8e\xe5\x7fN4\xb2\xb3\xb5\xeaftg\x91\x98\xb7\x9fw\xe5\xd6\x89S$(7e\x0f\x01j\xf6\\\'\xe6\xaf\x038&gt;\x00\xc2s\xed\xc0Vb\x0b\x99\xfaG\xd7Z\xce+\xc8L\xc3c)\x7f-2H\xe3\xfc\xec\xba\x86\xa6 \xe8S\xd0\xdf9\x0f\x00\xee\x99\x1cN%z\xf0\xe2J\xbb\x89\xfd\xcf\x81u\xc01\x80a\xdb\x14|\xd7\x0eH\x1a^\xd8\x8f\xa7\x00\xfd.\xd3\xdb\x05\xa6\x94\x1a\xe9\xac\xachK\x11\xea\x83\x82i\xad\xcc\x0c\xc32\xfb!\xd5\x1e\x02h\x89m\x00*\x9b)\xf6\x9f\xb9\x13\x97\x87{8\xef"\xcdsG\xe2 \xc2\xeff\xf7(\x04\xb6\x12\xe7\xff\xb0\x13\xbd+\x02D\xf8\x8e\xf3\x99\r}\xd5\xc9\xdd)WQ\xe3]\x02\x93_\x8e\x05\x85\xe1\x9d\x93\xf9\xacK1\xccr\x00@\xf7\x0c \xf5\x12\xbc\x0f\xfc \xda\xf5\xd2\xcd6\xd4p\x93\x1d\xf2U\xd7\x914\r\xb9F\xf5\x12\xa2\xedE\xad}\xf9\xd7\x06\xaa\x1c4]UT\xcd\xa6Un5\x15m5\xc6\x08\xfe1\xde\x13c7\x07\xb3\xc1i\xb8\xfab\xbb\xf4\x9a\x01\x97\xc1\xd4O\xe3\xcd\x0f\xdc\\\xe1\xeb\x1c\x00\xfa\x07\xbe\x9a\xdaC \xa6\xeeE\xaa\xe2\'\xa1Mj\x05\xb0\xbdH[M\xcb\x08\x07\xe3\xb6\xb6\xe4\xd7\xce\xb82\xf3\xe6\xe4\x0fK\x97\x18\xeaI\x8e\xe8\xcd\xfcT\xf1\xf0\xeb\xbe\x93\xfd\xd3\xee\xff*=\xad \xd2\x08\xa7\xe4B\xcb*\xe1\xd8n\xfaa9\x88\x08\x1b\xfc\xa9\xa2Q&lt;r\xbf\x94\x93\xb0\xc1\xf9v\xcf\xdb\xb7\x89\tE\xb8\x9b}\x0b\x98\x17\x94`[\xdc\x88\xa5~s\x88\x11\xd4\xf4\xb3YU\xd45\xed\x80*\x88-l\x8d\xac`\xbeO\xc5S\x00\xf0\xffBl\x94\x10\xfe\x80\x02\x03f\x00\x9f\xbb}\xe76m\r\xd7\xb0\xca5\xe2\xa7\xbe\x8a\x8a\nb\x83\xfaD\x1eM\x07B\xf8\xab\xf0A\x10+\'\xc7P\r\x04:R\x00\xf2=\x87:\xf2.\xb0\x99Y\x83\xcc\xbeV\x10\xe9\xfe\xac,&amp;\xf5\xd0\x9b=\xf9\x18#|\x9c\x89!&amp;\x15g\x84S\x14\xc9\xd3\xb7&amp;G\x0b\x02y\xfc\xca\xc9\x04\xd5\x163\xa7o\x0cxO\xe1\xe1\xa4\x01\xba5L\x8e\xe8\xdaVQ1\xb1\xc8)\xe8\xe5}A\x84;#\xac\xff\xa2E_\xebk!\xf0Z\xd2\xf4\x8d\xd54&gt;u=n\x0b\xfb\xec\xea\x9e\xd2\xb1L\xd4.\r^g\xb4:\xa6+dD\xbcm\xdcH\xee\xe1\xd8\x8c\x8d7\xd2\x91\xd8\xea\xae)&gt;0+\xdbM~K\xbd\xd4\xba\x00j\x1dG\xef)\xe5,f\xc1i\x17\x1cU\x1b!Zva\xd6\x94\xfd\x1d\x96\x88\x81[\x82\xa1\xb71K\xbd$\xe5d\xc3m\xfc\x9c\xbd{T\t\x05\xbf\xb4Um(\xa3\xfcS\x8e/(}\x80!\xec\x8e\xb1\x01\xdd*\x84]\xfe\xdc\xfaD=\xbe\xe2\xd4Z3\xf3\xc6\xe3GY\x8as\xf4\xab\xa9+\xe5g\x91^\x83\xba\xaf\xe4\xb7\x8f)\xc95|a\xf8\xd3\x00\x08w \x98\x99\x8a\x04u\xa9\x92\xa9WJI\xd5.\xbc\xe5H\x88\xad\x97\x117\xad\xc7\xceqx^\xeeu\x83\x07\x95\x12\xa8n\xd8\x16\x05|\xafa"S\xfc\x02\xc9Hv\xf9\xa28&lt;\x8b\x98\x87:{\xf6\xb0a\xb6\x8fF\xbf\x8e\xb3\xc6w\xa8\x87\x98\xc5\x8d,\xd8\x1f\xb7\xf7H\x19v\xf9\xfeVl{X9Zj\x0c\xbb\x89pt\n+\xe6\t\xd7\xa4:\xd8\x99\xd7\xaf_\'!\xb3c\xbf\xe5\xf8S\x17\xa1jME\xaaj\xe7\x81IP\xb2\xf5\xfd0=\xd3e\x00\x84{\xf8\x02{F\x92\x91\xfe"\xe2\x06\x13\xe0\xe1U\xccd\xec\x89\xd1\xe3:yb\xe1\xf8\x8ds\x87\x10,\x98\x86\x96p0\x8c\xe9\xc2\x9e\x1d2\x90\xd0\x98\xa6|\xff\x10\xa7~\xba\xcc\xdco\xf3\xee\xb03\x8c\xc7\xc5\x1b\x8d\xafx+D\x81\xf4\xd8Z^\xee@\x87\x08{\x1d\xc5\xdc\xe6\'bm\xf3\xd9Ef[n\xba\x9e..\x02\xf8\xe5\xc0GGr&gt;\x16&lt;\xf4=\x92\x15\x95\xc3\xe2\xaa{j\xe8YD\x1d\x0e\x87\x1e;8[X\xd9\x02\x11\x1dCh\xdc\xd6\xa64b^7\x07\xed\xcf\xd5\x92g=\x8e\xfbJ\x8b\'\xa8#\x03\t\x96\xf6\xd5\xbb\x8e\x87\x88\xf0\xcd\xed\xa7\xf4\xb6"\xed\x1f\x91u\x89X\xd4\x8bg\xc4\xc6\xf2\xf3\xe9&lt;\xca\xd8!\x19\x13\xe5\x14\xd6\tvE\xdf\xe2\xb56\xe4\xb3\x00\x94\xc8k\xb7\xf6A\x8e\x94\x95\xcf\xedQ\xd4\x9b\x0f_^\xcb\x02\x80+:\xd7\xd8Y\x07\x00\x00@\xb8(\xf3\\\xe8\x9f\xdb\x1e\x00\xf8\xb7d\x1cF\x80\xf5\xa7\xbd3?\xb2B\t\x9c\x06\xf9\xe4\xe1dE\x99\xc9)Z\x0e\x96esI\x90\xfd\xa4\xfb\x7fe\xae\th\x8a\xee\xb0\xc3\x84\xf3\x97\x95%\xc23\xbc\xc6\x14\xae\x9ca\xe4\xc7\xac\xde\xb7,^\xda.\x1b\x17Q;\xb4\x85\xd6\x01\x00\xe0&gt;\xfc\xa2\xbe-M\xd3^\x03X\x7f%\xa0\x02~\xdb\xee\x03%6/\xe4i \x0251%\xaeP\x06\x9d\xc7D\xb6\xff,p\x11\xae\x1a\x19N\x14\xa1\xa5\x88\xd0R\xb3%r\xa6q\xb6\xcc\xe9]R\\\xd8\x00R\xcb\xa2P\xe3\xa6\xacf\x1c\xac\x8c\\%i\xa6\xf5=\xd5ou,\x94\x19c\xe9US\xbd\xb8=[\x00[\xe3H*\xaeQ\xfe\x0f\x88\xb0\x1f\x88\x9c\xfeh\xb17\x05\xdd\xbb\xff\x84k\xb9.\xb2\xe5x\xba\xc83\xccv@\xf1_\xc0\xe1W\xf4mI\xae\xbd\xfc\xfc\x8bY\x83Q\x0cA\x08\xaf\xe2\x97\xaem=\xff\xf6\xa9\x01\x10\xe0\x8c\x9a\xcaX\x8d\x08Wh\xce\x07\r\x9eS]z-\xf0\xf8v\xa2\x93\x05\xc7.8s-OqY\xcc\xe5\x00\xc3#\x1a\x84\x9f\xfe\x0f\xd8\x17\xb0Y~\x00\x008D\x18\x93\x9e\xb0v\xf0\x01\xd4\x8b\xd9"\xab\x96\xe1\xd0\xeb\x8e\x10\xd2# \x04\xc0\xcd\xa03\xa6"x\xbdE"_\xb3\xc8Sh\x18\xdb\xe7Q\x10\xc2\xd6\x13\x15C-\x00\x01\x81\xd36"\xa1\xae\xf4I\\\x00\xba\xe9#\xc0\xa9\xe7\xb6\x0c\xea\\\xb4\xf4\t\xffc\x0ce\xe2\xc8\xb4\xe2x\xc6\xf8\xaf\xb8=\xbd\x87}\xf0k\x7f\xf7b\xd2\xc1\xcf\x13\xca\xb9\t\xee\xe0%e\x02\x8e-H\x89\t\xf8\xd0\xae|\x1f\xe0\x18\x93\xd1\x0c\t\x86{\xd7\x93\xb9\xfe\xdab_\xe0\'\xc8\xff^$\xb5\x9b\x03\x00\xfb\xc4c\x9c&gt;\x04\xf0$\x01\t\x9c\xd9QO-]K\x81\xec\xb3\x00\x05e[\xf9\x00`_\x91\x00&lt;\xa1H\xdc$\xa7}\x06\xb55\xea5[\x11\xa5\x8dN\xe56\x13\xfdG\x8e\xe9\xd2\x16T\x92\x0e\xb4\x19)\xbaD1r\x99 \xb9f\xfd\xacM\xbam\x8e5\xb3\x954\t{=;\xb2\x13\xab\xd4\x11\xbd\x8a\xce\x12\xea/\xea\x93\n\xbcw\xecX\xdb\x19\x13\xc28\xc2\xfc\x81\xf1:#\xc8\x95|\xf73S\xb0\xa7\xf4\x04\x03\x00\xc0#\x01\x11.&lt;]L\xf4W\xda\xe0\x9c|D\x0b\'\x81\xa36\x1eY\xde\x99\xfe\xe6\x9bg\xc7-mn\x81^J}:(\x1b\x8c\x12\x08\xcf\x8d\x13&amp;\xb2\x0f\x06\x00\x80\xaf\xc9:LSh\x10#"Y \xdc\x0f,\xc2\xf5\xaa\xd7&amp;E\x12\x05yE2\xce\xe0\xb4\xbe\xb9\xa0s\x00\x88U\x8d5\xc6,7\xef\xdeg\xaePhqcN43\x1d\xff{\xca_\xfad\xfd@\x1b\xbc\xb1v{r\xbc\xbd\xc2\x19\xb4\x04~\x91l\x07\xf2\xf6\xa3\x89:\xb8\xd5\x1dp|\xd7]\x84\xc6\x06\xb4\xe8\x80\x13\xbd5S\x8a=\xfd4j\x16\x1a;0;\xd4&gt;%\xde-v\xc1\xcc\xef\x14\x81\xcfj.\xf9\xea\xd0\xec~\xca\xdee\xc6M%\xce\xc9\x7f\xa7\xdf\xadq\x9f3\xc2\x89\xc3\xaco\xf3\xd20\xb8\xe49r:\x03\xedl`\xa8\xbc\x81\xa4JF3\x86\x1f\x1buU\x85\x9f\xeeR\x81Y\xb3\xcec\x9eB\xa7\xd6\xd7]wJ\x84\x88\x00\x91\xba\x9bV\xe1\x19\xa0\xcb\x8d\xedG?\x9b$\xe2\x0f\x0f\xf7aX\x19\xdc\n\xa9\xe7Q\xe3p\x99\x9b\xecj:\x18\xfc\x1c\x89\x03\xc0\xf8\xee\xffC\x84\x9f\x16\x12{n\xe2\x89Wb\x89\x14\xeb\xa8\xf6\xcb\xda\x7f\xe6\xeb\x9a\x00h?\x9a\x97\xaas*\x85C\x1d\xb3\xb7\x0f\x99qS\x883""\xdev-\x04\x11~\xc3\xa62\x0c\xf3Z\xf1\x91\xf2Y|\x046\xef^m\x14\x1e\x89\xc1\xfc}\x80\x82\xe7Q|\xa3&amp;v\xc4\t~d$\xf5\xf8\xabA\xc4\xc8\\\xb7\x04\xcd\xab\x9e9#\x00\xc2\x95\xb8:r\x06ru\x87\xfe\x98\xea6\xbb\xd1\xce\xe0\xfc\x0e]@\xd2t\x16\x07\xe3TS\x97\x91\xedI\xdf\xe003-Ed\xc3\x1dnL\xdd\x03@\xbaa\xfe\xb1sv\x1e\x9e\xac\xb8\x91Mq{\x92}\x06h\xde"\x11\x11\xe1_\x04\xba,\xc3\xac\xef\xeb\x1b\xc9\xda4\xb7\x01\xd9\xb0\xcaG\xdcZ\x0b\xe9aL\x9f4R\x05\\\x07\xac5\xc6\x00\xcf&lt;\xd6\x89nn\xc7,\x90\x8e_\x9b2\xd5\xf0:\xe3\xf8\x17\x9d\xf2\x05\x7f\xe2:b\xa9J\xb30_^\x18\xe2\xd9\x9c\xe9\x8e6\x0c\x86\xcd\x89\xbd\xce\x86\xa70\xa5\xe7\x9e\xbd+o\xe7\xf0\x85|\xc9\xd7\xd4\xbbC%t\xd9m\xcb\x80\xdeW-EMzn3x\x1f\xe1=?\xd1p\xedc\x95\xb0y\xb1\xea\xba\xdc\xea\xe5\xf6\xd0\x03B\xdd9e\x8do\r\xc3\xb0\xb5\xef\xaf\x9f\xdb"\x00\xb8G\x7f\xc4\x90\x00\xc1\xfc\xb7\x1d\x13\xe6\r\xf4H\xe6\x1e\xbf!\xa0\xf7\x0c\xfa\x08\xdbd\xbeB\xc6$I\xf2\x8c`\x8d\xb4\xed4\x8c\xcf8\x00(\x98\xb4\xc0\xaa\x11\x81\r\xfb\xf0\xcaU\xba\xf7\xddq\xe1\xc0\x8d\xc1\xc2\xcf\x88\xba\x07\x06\x8a05\xdd_\x18\xc1\xfa\xeb ;4\x01&gt;\xd8x\x02\xf0\xf7Z|\xc5q\xc7\xbc=\x8fP\x88U\xe45\xc4\xd2\xb2v\xf9&amp;\x98x\xe50\x0ev\xee\xab\xcc\xbfY\x89\xde7\xcb\x00\xb1\x0c;a\x19_\xffe\x07\xae\xd1E\xf1\x91\xfe\xc2\xbe&amp;\xc9m\xf5\x04~SO\x14\x89{\xdb\'d\x1f\xec\xeb\xd9\x8b+\xbf! v\x0c5 4S`\xbe/\xb9;B\x9a\xedk\x8dg\xf8\x11X\x1b\x9f\xb0.\xec\x0b\x88p\x1e\xa5\x03\xc0\xc2\xae\xc3]\xc4B\x87\x88x\xc1\xe2C\xd7\x0c\xf02\xf5\x9e\xcc\x9dCj\xe9\x95\xa3\xe7\x92d\xb1E;3}4&amp;P;\xf0\r\xb1T\xb0\xf3\xb8m|\x84\xd7qI\xe4\xfd\xc2\x00\xf1\xdb{f$\xcd\x1f\xe5,\xa2\xd7*?\xa4\xc3\xfa\x1a^\x03z\x8b9\xc3:bL\x07\x96\xb3\xe6u\xd00\xcd\x9aR\\r\x8c\xbc|\xa2\xb6\x8fk\xfb?\x1c0\x02\xe0\xd5\xfc[9\x0f\xd3\x8c\xe9\x9e1\x95\x9f\t\xa4[\xcb\x98N\n\x9f\x9f\x90\x0e\xbc\x96\xf5\xa0\xd0\xc1\xe6\xe8\xd8\xe7:\x9c\xf1\xe9\xd9_D\xd0\x12 \xf3\xc2=\xe8\xb6s\xbc\xa8\x1d\xc5\xcb\xe7u(\xdaW\x18\xd3c\xc6\xa8Vh\x07\x8b\xd7\x0e\xe5\xf8\xf16g\x94Y\xa5\xdc\x85\x10\xde\x15u\xdc\x8c\x8f\xd9b\x10\x00o\xe86\xdc\x0e\xc3\xa8\x98e+\x8cLx\x85\xb6D\'\nv~\xfd-r\x84k\x9dY(@u\x83\x87\xb4F\x06\xacqG\xbd\xca\xa2RS\xa9f\x11\x9e\xcd\xa4\xfe\xf3\x01\xda\x9bo\xfdG\x96Z\x92r\xa3LBQ9\xe0!*\x01\x0c\xaaxhoEtO\xf1H.\xd7\xd6\x18ox^\xdf@\xfb\xe4\xbc`X\xd9O\x99\x06\xe7(t\xfc\xf9\x02%\xd99\x1a\xc7{\x0c\xa7TDo\xd6l\t\x93p\xb2\xb1$\x9a\xca**\x14\xb5C70H6\xb7)\x15\x10XN\x86\xf2\x08\x12\xda\xff\x98\xddy\xc1\x11\xe2K\xfe^\x87\x9d\xd7\xecV\x9a\xb61\xb1M\x9f\xc2\xce\xc2\xdf\x9a\xbb\xb4\xe7r\xe7\x04bb\xaa/Z\x08\x90-[d\x7f\x8c\xca\xc6t\x90\x86K\x86\x9d:\xc4\xa2\xc7E\x14\x82\xc0\x10\xafRl\xc9\xa3\x85ul\xa6\xae\x1e\xa4u\xc4j\xa5(\xe7\xb1\xf1J\x00\xe8\xfd^O\x0e\xf2\x8c\x0c\x1b\xcf(R\xb8p\xd5\xb45\xd1\x00\xf8\x8a\xf8\x00\x90t\xadK\x8aB\x84\x97\xc9\xe7\xbe1]E\x0bx\xd9o\x86\x7f\x86k&amp;\xacbr\xb9\x9b\xf1#\x99G\t\xfc\xf2\'i\x08T\xa0t\x0f\x00\xb6\x19[\xb9W\xdcj\xf0\t{\xe6\xe2?&amp;\x18Ft\xe9\xa2\xd6\x18\xf6\xc3\xb2\xce[)\x97\xd9=\xa0\xc6v\x07\x9f\x80\xf8\r;&amp;\xb1)\xef\x0e\xa4\xc35x\x08\xf8\x7f%\x87w\xb6,\xb8~)\xb4\xcbn\x19\x95\x87\xb7\xcc\xa4\xf7sTj\x1a\x07V\xf0\xb7&gt;\xcaz\x08Y#\x84\xe3|\xfb\x12"\xcf&lt;\x99\xf9\xa6\x16\xeb\xa9EJXH\x9bg\xac\xa3s\xcb[\xc1)\n\xe2\\?G\x8d\xd0\x84o!\xfd\x00\x1f\x0f\xbc;\x95R\x82\xc8\x89\x872N\x1eh\x9d\x13\x04\xa2\xf9\x03\x00\xec\xee\xa1\x16\x01\x95\x10\x0f-~?\xae\xfd\x99\xdfl}R\xb9\x05\x8c8\x03p0Ve\xc1\xe0\x8a!\xc5\x03-Eis\xab\x98\xe7\xfa\x9e&gt;\x87\xb6j\xd8\x9f=\x95\xc8\x85D\xc3\x0fsBT\x0e\xdb\xd4G\xae\xfdzb\xb9X\x05\xd3\xf6:\x1c\xb2\xcd\x15\xd2\xec\xfaM\x10\x1e9\x00&lt;c\xba\xec\xf0*+r0\xa8`\xb3\x1c\tY\xe3\xed\x9f\xf59\x80p\\\xae\xc1\xae\xb3D\xbef\x0f\x82\x14=\x11O\x0b\x1b_\xce(\xcd/\x02\xdc\x11\xe0\xe9\xa2|\x99%\\\xe5\x00\xb0C\x0b(\x14g\x97\xbdo^H\xa2A\x8d\x19\xbf\x00\xc8%\xb3u\x9c\xb3\x159N\xa9\xda\x94y\xb4\xf0Cm\xe2\x03\xf8r\xeeCV\xae\xfdT\xa7s\xa3\xd4\x92\xf9\x08O\x19\xd4M6\xec07,\xfe\xd0\x9ci\xf2t\xbbR\xa3\x08\x15\xb8[&gt;\xeee\xd0\x16R\x94m\xces\xae\x83\xc5\x07\x00\xc4\xdb\x0f]\x91\xe4*\xe1/3 \xd7\x85v\x08;\xb2T\xc4\x12\xe4\x8c\xcex\xe4\xc53|[bX\r\x9dl\x91K\x9f\xd4\xb0\xbdoO\xc3\x8f\x86\x17\x10b\xa9\x10\x89j\x17\xe7LE\x8eSZ\x16\xdar\n\x9fV{\xdbz\xb4\x1f\x95"\x9a\x0fCOd\xe9\xa5\xe6N\xb3^6\xdb\x8do\x88l;T\x01\x1fg\xebn\x0c\x016\xbf\xae\xf3|i\xd5k\x19\xa8\xde+\xc8\x16\x14:\x03\xec\x15Z\xb2.\x9b\x87\x9f\xa6\x06\xc9Gn\xac}&gt;\xfd$\xe7D\x01\xa2\x06\xd9\xa5J\xbc\xba\xd8^\xae&amp;\xfc\x9b_\xd9\xcf\x7fbbw \xa0M\xb2yXK\xb6\xfa]\xca\x01\x86\xd0\x84w\tk\xbc)\x1a1:\xcc\x08o\xd5\xbf_w4\xc2\xf0\xe1x\xb9\x90\xeb\xd2\x1f\x00+0kc\xc9Uu\x041\x8f\xaa\x11\xdd\xbb|\x8f\xcf\xbf\x18~|#\xc0Y\xcc\xd9V\xb8^?\xd3\xcd\xdf&gt;\xbb\xeak\x86\xe8\xbf\xc5q\xa5a`\x08-\x0c5\xd5\x15k\xa4\xbd\xf8\x05[P\x9e\xbf[LN\xf7W\xb6\xfc\xa7\xbe\x007\x98\xc7\xb4L\x18\xbed2\x87$^\x8f\x1cp\x88\xfa\x94u\xfa^\xb85\x8c\xc5W\xc6\xab\xaf\xe0\x00\x10zN\xde\xed\xb9\xb75\xac]\x91jC\xfc\xb9\xbd]k\x89\x89\x04?j\xb8\xaam\x17\x84\x11\xb3&gt;5\xfbD\xfd\\\x9b\x8b\x96\xbffg.\x007Q\xa1D}^\x19]\x8c\xf8\x9dE\xcb\x0e6\xf2\x0f\xd8\xd4\xf8%\x10\x10\xe1\xa7\xb3\x9d\xc6\xe1\x9b\xa9\xaa3L\xf5\xff\x15\xc9\xed+|\x04D\xb8U\xf0\x81O\xec\xf6\x8b\x04|\xa4i\xa3\x16[\x9b \xca\xf5\xc8\x97\xcc\x8f\xdc\xba5\x82\xf1t\x0b*\x82\xe8\x81\x99\x02\xa6\x8b\xa4Z\x91)\x94)&amp;\xf6\xd6\xc2H\x93(\x98\\\x94\xfe\x1dN;_\xd0\xfa\xac;\xbb\x0c~\x03G)\xb6\x89M]=d\x93\x86\x93\xab\x18,\xd7\xbe\'K\xa5sd\x93\xca\xdd\xe9\xe6\xf2s\xd3\xe8?7\taG\x8a\x99S\x9b]\x8e\xa7\xf8m"\x02w\x13l_\xa2w\xc3\x15\x91\xb5T\xaf\xa7\x1c/i\n\xf9Q\xa8D\xbd\xa9\x90SQ\xc5\x92!\xfb\x87\xa1\xffbJu\xa4\x8e\xef\x1a\x89\x9b$r\xf86\xc4\xc1\xc6\xe2\xdcL\xb5j\xdf\x12]\xb1\xb0(\x85\xa88\xda\x89\xdc\x8e\x08+\xb1d\x1e\xe4P\x97\x1c\xbf\x0e\xda\xbe\xd3\x8f\xc9\x1f"H3\xdb\x90\xdc\xe7?I\xe1E\xf6\x02\xee+\xf9\xa2\x01\xf1B\x15O\xd5\x02\x0bzov\x8aX\x86\x83*\xbc\xf2\xd2*\x97fq\xfb\x1f!b\xa8\x94@%P\xfbx\x11\xd5\xb5n\xb9\x9a\xc5DX\xbc8|\xea\t\x01\xf0UmO8\xbf\x98"\xdf\xee\xef\x88\xfb;\x00ws\x00\xd7L\x10\xb4-\x1d\x12=$M(\xb8\x9eH\xb6\x94}];\x17~L\x942\x8e\x00\x08G\xa8\x87k\xb6\x87\x93\x04g\xb4r\xa1!\'\x99\xdb\x8c\x98%V\xfa\x83\x1c\xc7\xe5\xbeO\xe3/:\xfd8n\x1b\xd6o}\xb6\xe4R\x92??\x98\x06\xbf\x19m\xd5\x1d\xc1\x8d\xac^\x9b\xd0j4%()\x95\x1d\xf4\x91S\xc3\x94\x98\xe3M\x1b\xd9\x04\x82\xb9\xdc\x0e\xd8\xa0\xb9R\xd6\x80Il\xabl\xff\x875\xf8Z\xa9\xe1\xe2T\xb7\x0b\xc8\xbd%)0Rit\xb0F\x16\x02\xc0?$\x1f\x1dQ\x0e\xda\xd9&amp;\x02o\xfe\x9bK\xd7n\x19^\x88\x8ck\xc2V8\x8cUj\xb7&amp;\xa5M\x83\xb7\xa6kt\xe0\x8d\xe8-a\x8e\x13\x19\xf8\x81\xf9j?\x1f\x1f\xb0\x8c|b/V5\xc0\xe4\xf5\'\x9cL\x89f\x8f[\x05\xa3C\x96\xdf\x85Mr\xfc"%\xcb\xadu\x9f\x91\x82i\x10\x89\xe6\xaeC\xf08G\xee\x87\xbbX]j\x1b\xa0%\xbf\xe5\x15\xd4&lt;0xU\xbc\rM?\x00\xb8\x8d&gt;Lo\xab\n\xfc\x91\x08\x80p\x99\xf9\xf2\xf5\x92\xe9\x17\x03\xbc\x9a%M\xd20\xf5UIMSc\x87\x11_\x80\x11\x11/H\x1c\x00\xaa\xe6%Ux\x98\xa8\xc9\xa6N\x046\x97\xb4\x1d\x921\xf6\x81\x7fk\xa7\xf3\xdf\xf8\xe5\x95\xda1H\xfb\x15\x0f~q\xdfqf\x03*,~\xb8\xe8\xa9y\xaa\x8a\xcc]\x1e\x8a\xfc\xb5S#I\n\'`j\x9bU\xc9OTn\xd7E\xc75\x88\xe4\x03\x80\x89\x17\t\x16\xef\x1dF8\x7fk\x7f\x8b\x81\x00\xb7\xd4\x91\xf3\xa4\xd4J\xf6\xe9\x1d\xb9Z6[\xcf\r\xecJN\xecAU1\x19\xf3\xad\x9a\xdb\xc1\xf4\x16vH\r3l\x8cYx8\xfc_\x9b&gt;\x9bZ\xa4kcN\x00pC\xe6}\xbcS\x16\x8d7\x92\xff\xd0\x03\x03\xb7\x0f\x08\xa7\xaf\xc6\xa2\xa7\xf3\x14]g\xf6\xa1\xeeF\xa7\xb4\xe1\xd8\xadL\xd0\xfdDB\x01\x8e[&amp;\xa1+8\x1f\xad\x14\x86\x1d\x83?\x12\xe3\xeb7\xa8$\xbc\xb2\xc1\ri\xe2f\x12\xec%\xecx~\nRk\xc1\xca#"\xdc\xb6\xae\xcb\x1es\xb0\xbf\xbc\xdb`\x1aMy\x838\xab\x8ayKC\xde&amp;lw\x93\xe7#\xbcP\xa5v\x96\x04\x86\x93\x15\xc1\x94I\x0f\xb0\x1b\\\x9dFc\xb63\xe1\x0cu\x1b|\x15\xa3\xd7\xaa\xbd\x0b\xc2\x87\xc3d\xf3\x04L\x93[v\xc7=qS0;f\x8ep\xe7=\xc7\xee\x06]\x98\xa4\x01\xfc\x1c"\xdc\x89\xbcl6}$\xfd}\xa3,\x0e\xfd\x84\xcbX2\xaa\xe2\xfc\x88\x88G\xca\xdb\xb2e\x92\x0e\xed\x7f\x1dY\x1a\x94#`W\xc7=b;\x99.0\x05\xa8\x9f.\xd31\xf8tv\x9f\xe9\xe5\xc0\xfc\xa8\x0f\x00\xdc\xdf\x0e{\xd2n/m\x1d\xa5\xd7]\xe3\x13\x84]-\xc6\x00`7\xcaJ\x0c4\xa3-Y6\x1a\x14\xc2\xc6\xe5\xb3\xa4$W.W\xc9:\xf3\xf3\xfa\xe11;\xf4\x86\x12\x0e#\x00\xc2\xd1\x99\x7fl\x9elA=\xf5\x1cy\xef]\x16\xac%\x86\xd9\x0e!\xc0\xb7Z\xdb\xa5\n\x8fQ5\xf3\x98\xa6\xc8\x1a\xf9\xcf\xc3\xc4\x7f\xee\x85\xf6\x85\xd8\x0e/\xf2\xb1\x1dK]\x93\xb2\xd9\xd3@\xeb\x0b\x91j"\x81\xb6\xe2\xfe\x98\xba\x8e\x12\x83\xd1^\x18:%@\xd5\x0b\xb9w\x1b\xd1\x8ejI\xfd\xcd\xa7\\\x9b\x87\xec\xc8\x93\x1b\xb7DA\x88i\x9dAc~L\x16\x9d\x1eZn\xe1\x0e#\xecJG\xef\x954|\xcb\xfa\xec\xef\xad\xc3\x8aa\xdf\xe1\\=|Y\x9dG\x8d\xdb;\x84\xd1gWW\x06\xb5\x14\xdeJQ\xb4\xf3\xdac-E\xb1\xd8\xba#\xf7DF\xf6\x0c\xac\xed\xd4r\xb1\x1d^\xf4\x0b\xbb_p\x7f\x9f\x8a\xcb\x82s\xdf\x96\xf5\xe7\xad\xfc)us\xbd\x80G\x84`\xe6%\x16\r/\xe0\xf1\xe1\xf6}\xdb\xb8\x1fJ5M\x9c\xe2\x8d\xd2\xb3\x04$)eD\xfd\x08d\xfe\xcaP\xef\x9cY\x10lz#\xd1\x05\xac\xe3AB\tD\x15\x1f\xb3\x1e3\xaa\xa0\nMVJ\xf5p\xa3\xbd@\xb6\xa4\x14/\x14\xc1\xa5\xed\xb2\xe5\x92\x03\n\xe3\xcb\xa8r\xef\xdda\x83\xe3\xccm\x00\x00\x00\xac6\xff\xbf\xbe]\x99\xd3\x92\t\x19f\xacV\xab\xf8\xa0\x1dr\xe1dd\x05D\xb4W\x00\xab5\xc0M\xc6\xf8#\x02\xc2\t\xd1\x13\xb72\xc70\xb0e\xbe5fq)p\xbd\xdd\x80\xad\xe9z)\xf5\xb1\xc9\x90\xb9:\xa4\x87\xc2S\x18\xdf\xff\xaf\x15}?$I\'\x1b\xc2`Hc\x86\xb8\xbd{\x93Y\xb1\xee%\xab\xd5:\x15+2#\x08\xc9\'\xaf\x87\xc5\x06\xfc\x0c\xe0$\x00\xd6\x8a8j6\x1a\xd1\xa6\xdd\xcd\x867\xc3\xa6*\xbbb\x9f\xf31\xd1\xd8\xe0\xd8\xb0\xd5jXn\xfaqQ\x19\x96c\x1b\xa6#\xfeh\x13\xc6\x8f\x97\x88\x1e\xe8\xc9\xc6.\x1e\xd4\xd5\xea\xa8d\xb5\xedoC\xb6\x96\x1c\xf5\xc1\x1e=\xa1\xb3\xce"\xc1\xb2\xac]\n\xa8+\xd8\x9ff\xdc\xcb\x12\x17x\xa2K\x88\xf6\xe8\xd96\x0bI)\x90\xdd\x80\xd2Y\xcah\x05\xc9Y\x1e\x07\x7f\xcf\x19\xdc\xf7-\xd4B\xa8\xd2\x12\xebL\x05?f\x93\'\x97\xfat\x99\x98\xa2c\x9anc\xbc\xe0\xcfe\xc4"\xc2/\xbd\x87\x99\xb3\x01\xedmV\x0f\xdc#\x1e\xd1\xc46\x82I\x96\xf7\xe0c\x15\xd8d\x9b~~#"|\xba\xd8k2\xfe\x96\xc6\x17\x94\xaa`$\xef\xbab\x06j\x1c\x9e\xee\x1a\xd5h7;\x04@xv\xd7\x8b.\x83\x8c?t\xb8{p\x1f\x85C\x8f\xfb\xae_\x84\x9c\n\xa7&gt;A\xdbc\x8fp&gt;\xd4\x81\xe3\x8a{\x86\xde\x9eG\xa7\x04\xd0Zf\xa2\x83\xdcmP\x96q\xce.J:\xdc\xbd\x89\xe8\xba\x17ml\xfb\xe1\xdcv\xd4\x868\xf8E\x9c\x89Hf\t\x9a\xce\x10\xb2\x0b\xb9/\x8e^&lt;t\x94?\xd7\xdf\x11_\xeb\xc2\x7fR\xfeT\x8c\x86\x0b\\:^6\x98\xfa\xf1M&lt;\xf32\xb5\x07\xb0\x8e\xc9\x1b\x01\xe0\xd3\x14-\x0b\xf0\x18&amp;\xd4U\x12QX\x92{\x1dv\xe0\x9a\xe1\xe1\x81\xa6\xfa\xab\x1e\xf7g:\xb0\xa3\xfd\xdd\xb9\xcd\xe9\x17\xe3Z\x88\xd3\xda\xf3|\xa3\x83\x103\xf8\xce\xf5k\xf7nX\xdbX\xbd\x8e\x83\xf0\xdc\xd0\x8dc\xdb"\r\xe0J\xc6\xf7\x08\xf0\x1f\xc6\xf7\x0e\x10\x11\xaf\x184\xdb\xf2\xaey\x13\xe7V\x8e\xdb\xcd\xbc\x96\xe0Iv+\x99\xf0C\x1dL\x06\x13\x15\xe5\x9cQG\xd2J\xd5\x10\xa6\x06\xa4Y\x15\xd1\xb8\x03PV}\xa4\xb4\xd7iz\x81\'2b8\xac\x11\xd7 u5\x0e]\x11\x92\xffq\x1b\x15\xe4\x90\xd9\x9c\xee\x19\xcc\xb8\xb0Vq\xdf=~\x00\xe8\xc9\xbc\xf9\xa2F\x15h\x11\x0b\x17\x00\x9e\xa6F/\xdb\x01\x80\xbf\xf7\xe2\x88\x1a&amp;0\x06O\x08%P/\x1f\xcb\xf1.K\xe3b\x01#3\xcc\xb3\xe7"\x9c\xa3\xf5\x12\xe8\xad\x1f\xd3;\xcdl\xf0\xd0I\xae;\xc6+\x98\x02I\xcb\x9a\x9c\xba|M\xea\x1e\x00L\xfb\xd3t\x9dBhF\xb2\xa9\xc3\xf5\x7f\x92\xb3\xa4\xcc\xa4\xe7\x87\x85\xc8N\xd3\x12\xa0\xf54\xda0\xc5\xec\x00\x00 \x00IDATf#-\xb7|\x00\x0e c\xcb\xf5pa\xad%\xc0\xab\x9d\x9e\xb3\x8c\xc3\x83\x97\x8e\x90\x95u%\xbdN\x7fq?\xaa\xa1iU\xa4\xb9\xb7\xd9\x7f[.\x9b\x0fU\xb1\x91\x01s#mm\xb6\xbf6/\xd2\xed\xe3\xf0\x99*\xdf\xe2\xb0\xa6\xdc\xf0\xa5\xa3];oQU\x1d1,nR\xaeHo\x9f\xd12\xa1NH\xe7\xc7Lmy)\xd0!\xa1WJ\x99zs\xd5\x91\xa2\x90\x99\x1112\xeeB\xf6\xc3\nDx\xa2\xc2\xdf\xc6\x9d\x83\xd2I9\xf2\xe3\xdf\x03\x98\xfb\xf5\x89-\x87k\xc8\xcf\xce,\xbb\xd7\x87}\x0c\xc9h\xdf\xe8U8\x00\x9c\xb7\xc7\xdc9\xa8w\x11\xb9@0\x95Y\x85%\x00_\x08\x18\x02F;\xd6\xd3\xc8\xab\x03&lt;\x1f\xe2\xb1\xe6\x01\xa0w\xe2\xaa 1\xa7\xe8t\x96O\x00\x9c\x03Xb\xcc\x13@\xc9\xc2\\,[\nm\x03&amp;K\xccE\xa2\x86\x19\xd7\xb2bX\xdb\x1d\x0e\xba\xa9,\x17\xb2\xe8\x9e`v\xb6\xb3\xd7\x12N}B\x06\x11/[t%?\xbd!\x9c\x98\xc4UA\xf9\xa03\x18\x98w9\xc9\x01\xe5r;\xc1\xda\xaf[\xb5\x9f$\xc4\xd2\xde\xfb\x16\xed\xbam;\xcf\x15\xe2!\r\r(\x0f\xa6\xcd+D\x80\xa3\xcb\x04\xb2\xf2-\x86\xab5X\x04@\xb8\xd9F\xec\x07{g\xd7\x88E\x18\xd9\x02\x81\x8e\xd6l[L\xb6\xe0\xeaJO\xbf\x18\xb2\xeaa*\xfe\x84\x9b6\xe7\xee?\xba\n\xb6FM\x93\xe8\xf6\x19\x84\xba\rkC6Y\xdbOh\x83\xd0\x0c\xeb\xa6\xd3\xbe\x9e\x9c+\xbf\x08\x88\xf03\x95\x9dJ7\x14m\x07\x8f\x06\xe3\xf7\x15k\x16\x11\xf1]\x8e:\xb1.\xaevd\x05\x85pw\x04Dx@\xaak\x96\xb5n\xf9\xdc\xd3\xedx\x80\x08\xdf\t\xbb\x86\x96\xcd\x95\xfa\xc0\xff\x08\xc3K\xbc\xbb\xb1\xea\xfc=\xb5n\x1a\x95,\xa4\xfe\xe0!\xc3=g\x98\x80\x87\xb96\x99\x06T\xa9S\x8f\xdb\xc5\x8eP\x02q\x1f+\x92\x9d\x13\x0c\x00\xfe8\xb7\x01uc\x94$\xfc\xa5\xb5\xac\x90\x81n\xc1\x0b\xe0\xd0\xf2\x90\xd8\x05\x86\xc1_D\xfb\x05DD\xf8fW\t\xaaE\x18\x92\x9ca\x9coz\xac\xa4lK`\xcb\x92U&gt;\x1e\r:\xaa\xbb\xf7\xa0\xfeZ\xb8\xf5\xb08\xf0f\xe3,\xb7\xc6\xdf\xebmLm#\x12\xb3\x86\x80\xf8\xbf\xde,\x93\xcc)\xac\x86\xa4\xea\xf3\xaa\x866\x03\x0e\x9e\x1ewp\x82\x1cyB\x03r\xc1Y2h\xf76\xbb{\xba\xa0\x90\xc9\x0b\xf7\xfa\x1c\x86YT\xac\xf0\xf9\x9c\xc4"\x92\x893\x05*j\xd9\x03\x88\x9e\xe07\r%\xbdh\x97\xf5\t\'\xa6\x02\x8a\\X\x90\xfbm\x91\xd6b\xccb~.\xc0\x7f\x83Z\x82\x16\x03\x96\x9dAx\x1f\x9d\xd2\xb1\x05\x10\xdf.4@\xfc\x84\xc7yA\xd5\xe0\x1d2\x80\xf0\t\xf2\x00\x89\xf6\x1795\\\xdds\xfd!\xcb\x00xw\xcej\xf8rt\xd8/\x17W\xd2?\xe7H"\xb6\x1e\xf01c\xab\xad\x84sr\xa2\xe8k\xfe)V\x8f\xf6)t}5\xab\x92\x91\xda\x9drTDU\xbb\x1d/2\xb1!2{x\xb2\xe8\xa0\xd8\xb8\xd2\xa0\x91\xd18\xef\xe0\xe0L\xf4F\xe1\x1bcp7\xad$\xfb\x9f\x86\x96_\x99|\x93}k\xda\xcd\x14&amp;\x95\x92\xe0\xf1\xbe\x94@\xd9s\x11\xb3\xfeI\x81N L\x10\xda\x8d86zZt\xbd\xfb\xad\xbdQ\xe1\x9f\xe0\xf9\xc9\xf3V\xab^|\xf8\xc5\x98];\x08\x88\x8fvG~L\xdb\xe0e\xe0\x96\xbd\xacX\xc1\xbf=u\xe9\xf8\xc12B\x804\x864\x00\xdbL&amp;;\xdf\xe0\xfd]\x8a\xd8\xde\x88\x14X\x19\xd3oX\xc2\xfbX\xa7\xf2$\'\x89r\x1b\xd1\xfc\xf8&lt;\xc9ju51\x97\x07\xbd\x87\xf5\x10\x93\x18\xfe4K\x91\x8eJo\x1c\x1f\xc4F\xdb\xa9\xd3\x1dB0"eG\xd3z\xbd$\x8e\xf2\x0f\x03\xc0\xfdC&amp;\xea\xdchR\xe4\xb0\xc8dF#\x17\x0f\xc9\xea}\x96UZ\xad\xb3e\x01$%H\x1e"\xbcm\xe8\x00\xb0\'*\xdc\xd9|\xb8\xed\x8f\x8e\xc3\xa5\xea\x1c\x00\xc0\x17\xeb\xad\xad\xfe\xca\xe1\x16\xd4\x8d\xa6a\xffR\xc1\xc2\xe5\x81\x89[k+\x00\xd9\x03\xc0\xb8\xbfD\xc4\x83\xd8\xd2\xb3\x99\xe9\xbd\xd9\xdf\x01\x00\xd66\x9f\x9a\xbfJ\x04@\x80\xcb\xb0\x01a\xe2\xd0\xbc5\xb9\xcdA1\xc8lB\x193\x8c\xf8\xcc\x02bSH\x1d\xe1\xf2\xe5S\x01\xc1\xa7\x04\x98\xbf\x83\x04B\xd2\x9e2\xd8d\xac^Z)\x17\xcf\xa9#v\x06L\xf5\xe0T\x85\x1d\xc4\xa48\x12\xdb5\r\x1b\x95n4\xad\xe6\xa8\xbb\xdb\x9etd\x084\xad\xd2\xeb\xdd}6\xa3\x03\x00 \x99T\xd3\xf8!&gt;\x8f\xdc;\xdd\xd6.\x01Dxg_\xbe{\x1b\x0fwu4_\xb4\x87u\xe4Eu\xbcL\xb2h\xcd\x0b\xfa\x00\x00gr\xba%\xbf\xf1\r\xed\xae\xbc}X\'@\xbc\xbaK\xc5G\xf3Fr\xbf+9\'\x99\xa9\xa4\xb5\xdd\x82wT\xcb,3\xc5m\'\xf2n\x80\x18\xdd\x04aq\x90fG\xcc\xed;*\x1a\xb7\xb5\x18\xa3\xe9\x84&gt;\xb3G\xbb\xadGi\x99\xcf\x10\x12\xb1\x1c\xdf\x11\xb9\xc2)A\x86@\x8b\xfd\x9boN\xb0\xacV"\xbd"\x1a/\x02\x0b\xafa\xf6X\xab5\x1e\xf1\xf3\xf7\xaf\x07#"\xe2Of^\x87\x88\xeb\x7f\xa3\x0f8[\xc0=\x95D\x08\xf8[\x7fC&lt;\xd4\x9d`Ln\x8e\xe2[\xabj\xd9/o&amp;\x96\x84\xe4\x150c\xb9T\x82\x97\xb1\xf2\xee\x9acB\xf7\x9f\xb8\x10\xae;\xb1}&lt;\x1d\xe1S*\x19\xb9Gq\x90\xbc-\xccWh\xdb\n$H\x9f\xd6\xa0\xb9Gl\x8a\x8d\xfe\\\xb6\xc1*\xa8td\x17\x07m\x83\x8f\x90\x1d\\\x8f\xe5\r\xaaE\xde\xfd\xc9\x1d\xc0\x1e\xdc\x08f\xc08\x1c\xd2\xd1\xae\xb7\xbb*\x04"\xe2\xb3\xec\x9e\xd0\xc0\xc8\x8d\x8a\x93v\x15\x8a\xf6H\xbaw/\xfc\xb0\x84d\xb0\xd6\xaf\x02\x9bs\xf7\xaf\x93\xe2\x04\x99w\x98g_\xc2\x7fd\xab\xbd%3 \x95\x9c\xe3r\x13\x18\xe51\x7f\x1f\xf3\x95\xec\xd2\xd8!\x80\x92\x9e\xa3f\x81\xca=\xf5\x1c\xa5\xa7\x80"\xe7\xa9\xeec\x1f\x00\x98\xfdJ\xb6\xc2\xdc\x89\x0e\xf6\xadC\xb5T\x99L\x0b_\xd0\x01 a9\xf7\x1f\xc5\xfe\xfb\xe6\x02i\x878\xa2\xf4\xc0\x93Zm\xb4\x9f\xa8\x8e\x964\xdb\xa6\x90\x8a\xba\x8aI}\xfc\xb3\xf9{\\\x92\x07\x9e\xee#\x9a\xc4\x1cu\x12\xdb9V\xe2\x07\xcf\xb1q\xf9\x81\xddNk=\xd3\x06\x83&lt;x\x89\x8e\x1a\xcbGe\xc3F\xe3\xcf\x1d\x1d\xfa&lt;v5\xde,X\xf6\xe2\xb5\x83\n\xdc \xcf\xa8&gt;W\xbbG\x95\xe8U\xcbL(\xdd\x8b{\xc1"\x8a\xc4\x19\xfct\xa21Ib\xd4\x00\xb3\x1b\x00\xcb?\x00l\xac=$\xc9`\x93\'\xbb~*\x86\xb8U\xd5\xdb\n\x94B\xdc"\xb5\xf4L\x9dj\xb3\x15\xfev\x8fa\xa9\x80\xec6\x12\xe8B\x8dCW\xba\x18+\x9b\x13T\xda|9C\xb8\x97A\xecj\xa9a\xd6\xa6\xbc\xdb\xf7J\x904C\x11^\xc5\xae\xc6\x9b\x96%\x8b\xc0\x87\x93\xac\xdf^\x08\x97!\x87Z\xf1s\x9a.\x18n\x8f\xc6_C"C\xfa\xe1\xc9\xf1#\xd0\xb3\x80R\x9cT\xcf\x19%1\x9d\x13|99&gt;\x14a\x96\xb8\xc7\xce\x82\x9bMI\xa5_\x92\xab\xda|U\x1e\xe8\xcfW\x0f\x99\x98ko}\xb8Sz\xb1\xf1\r\x8c\xcc\xdc_\xca\x1bN\xb6\x17^/\xc6_\xbb\x95U;&gt;o\xa9,?\x0c!I\x98\x99\xca](\x03\x17\xcd\xde\xd7\xb65\xfe\x9a\x1b\x96\xfeS\xfb\xf3F\xc5\xc6\x8e\xc3\xb3#\x12\x1d\\\xde\x99\xd0\xb3\x87\xf1\xd7t&lt;\xba\xde\xcd]8\xba(q\xe4\x9f\x85\r|\xee\x86c\xa7x8T\x9ffz|\x1a\x97\xe0\x89!v\xda0\xb3\x9b#5-\xfa\xa6\x15\x0f_\x0f\xf1\x99\xce\xa5/e\x8c\xd4\x8a\xbc\x9d\xc7\x1c\xfb6\xa1R\x04\xd87x\xf7\x96o@\x85~\xed\xffN\xaa\'\x7f\xab\x9a\xa0\x05Y\x82\xaa\x90\xcd\xad\xbe-\x04z_\xb9\x82\xac\x0e\x03\x00\x0f\xb0?\xe0;\xf6\xfaJ\x98\xeb\x948\x19P\xc2\x10c-\\\x1e\xec\xb5\xbc\x85"[\x9d\xd3\x18\x8f[C3\x00\x02\x9c\xa7\x82d\x00j\x1b\xbcv\xe7\xfa\x9dv\x1e~\x81C\xdc\xcf\xd9\xed\x84\x0b\xd3\xf7\xdc\xc6\x93\xd7\xa1x\xa4H\x08\xbc$\x10\xa8z1|\x97\xaa\xb4;\x15\xcc\xad\xf4\xc7\xc1\xab\x00\xad\x9d\x8c\xc3|)~\xca\xad\xce~A\xcd\x02\xa7\x9e\xc7\x97\xf3\xe4\x00 \xc0M\x13.\xf3\xb8O\r\x91\xa7\xa5\x7f\xe2\xfe\xe6I\xf6\xe5\xc7\x93\x9b\xd3k|\xdc\xf3\xb8\x84)\xeaFX\x8b\x93\x8e\xc8\xf8\xfe\xa6\xc7u"\x8a7\x89GF\xe3Y\xfd\x00p\x92\xe5\x857\x0c\x04\xb8\x81\xd1\x1fU\xbc\xf3\xe4\x98=\xa7\xe2z#[9&amp;\x03\xae\x99*_F\xb0\x12\xeff^\x8fK`\xb3\xc8\xf8\xdaG\xd9\x1dj!\xf3_y\xb2\xae\xd2\xb5f\x00\x04\xf8]\x05\xc9\x00\xe4\x01`.DI\x88\x08\x88\x1fg,\xf4\x9a\t""\xbc\x8d\x15\xe8;N\x84\x82\xbb\xf3\xa2\x84\x90{\x1b\xed.\xe7\n\xee\xa6l[&gt;)*\x8c\xeaz\xd6ga\xb8\xfe/"\xbfk\x03\xc5\xa2Yp\xd4\xf8\t\xa4\x19X2\xfdFZ,\x1cd\xc9\rBz!\xb7\x00\xbf\x9d;\xdf\x00\xb0\xf0\xcb\xbc&amp;0w\t=\xa3\x8f&amp;R\x05\xc7\xac\x83\xbf\xf1\xeb\xc8\x9a\xae!"\xe2CjWD\\&gt;\xc2\xe7\xd7c\xee\x99*y\xdd\x12\x7fT\x9b\x03\xce\x06z9|\xb3\x16\x0eo\xc5\xa9\xa4\x0b\x11\xe1\xdf\xa8\xeb\xad\x10\r\xc8\xb63D;d\xaa\xfc\xc3\t\x19\x08\xac\xbf\x8d\x11\xd1\x1e\xb3\x90L\x81t\xef\x1e@\xb8\xb4\xf9\xe8\xa1\xff~@N*\xea\x91&lt;\xa03\x18\xcffK\xaa\x9f\xa0\xb4\xa9f\x97\xab@~\x9363\xff}\x8eg\xc4\x06|\xb6Z\xda\x10\xae\x1e\xa8(c\x1c=\xe0\x9c\x15L\xaa\x8c\x03\xa5-\xa3*f7\xa02\x8a\\\xeb!AB\x98-i)6g\xa1\x81S\x05m=mU\xd0\xf7E\xb6&gt;\xa9\xe8\xb5\xfe|P\xda\xb2:+\xfcJ\x19qx]/\xbc\'\x00\xc1\xdd?3\xcc\xda\x880s\xef[q\x99v\xd8U3b\x1f\x8aVS0\x8c\xc18#&lt;7y\xfd\xf5\xf8B#\xe9\x00\xe0\xcf\xb5\x7f\x8c\x1be?s\xb8\x15\xc0~Q\xbd\x12g\xcb\xb1\xd6u\xbcy.\x94-\x1b\xbc \xbb\xa3\xc8\x82z\xbb\x95P\xe2\xf4\x1e\xcdu\xd4\xba\xcd\xd75zY\xac\x1f\xc4\xbc\xee_\x93\xa8\x9b\x8b\x00xj2[\xb1\x03\x00 \x02\x1c\xa4mO\x038.\xcc\xb3ixABB\xbb\xe0hC\xb4\xee\x98%\xb0\x88\xe4\x16N/\xfd\xa59\xf2\x1c\xcf\x0f\xd7*\x890\x15x%X\x9f\x0e\xd1&lt;\x00X\x17W\xef\x89O\xe9\x03\x17\xd8|\xd2\x03\x11\xf1\x8aC\xac\xbe\xd0b\x9bb\xde\xdf?066\xbc\xda\xca\xd7\x0b-\xa7\xbc\xbfv_\x17\x0e\x93CcH\x1f\xc9\xb9\xd4\x16C\xba\x02rs]Q\xc1\x873\x91\xb9\xc6H\x81I\x08\xff\x8d\x80\x08o6T\xf3\x84i\x958W\x9d ,\x8dl\xa0|\xe7h`\xbe2u9k\xf0\xcf\xcb=\xc2:\x1f\x02\xccD\xa4\xcc\x82q\xcc\x10;\xe2n\x00\xb7\xf2\xe3K**\xb3\xa4/\x18\x85!\xdd\x82Wp\x99k\x19\x8b\n\xec\xb9\xf1F\xc3\x95\x9e\x9a\xe5\xf3p,S\x97\xdd\xbf\x9cv\xb6\xbd\x07\x80\xbf\xabf|\x83\xcf\xe6\nD\xbe\x9a\xb8\xf1\xea0n\xb3j\xf3v\xdcp\x9c]\x92\x85U\x7f&lt;\xb4.\xf6*\x98\xf78\x9b\x0f\xe9\xf2\x93\x93\xe8\x0c\xf6\xb75\xd9\xb0\x1c\xb1\xbb\xa2\xb9I\xbah\xb1"Wo\x98\xcc\xebwOM\xbe\xfb\x14\xc2wj\x8b!n\xf2\x81\xc92Qy\xb3HI\x9b\xff\xae#\xf3T_\x94\'\x8dUd\xfc\xd1\x0eM\xfe\x93\x0e6+\x7f\xab\xb4\x83A\xfe9o\xa1\xd9\x13\x10\xe0\x13\xd6!j\xc9;\xcfT\x94\xe42&lt;\xd8{K\xa0e\x0e&gt;u\x81\xacN!\x12\xdc0\x92/\xab \xb3J\x97\tv\r\xa9\x0c\x15Kr\x14\xef\x89&amp;\xf5\xb2:n\xe6P\xe8\xa3\x13\xf7:\xe9K\xa7\xaa\xafb\xd8\x7f\x1c\x8e\x88\x08\xcf\x0fz\xdd{\xd3V\xde\xfd\x98\xb7\x86\xeb\xad\xd5\xd5r|O\x9a\xf2\x02;\xbc\xe5G\xc1\xb0v\xeb0P\xb3\xe1\x84\x9b\xf0[\xd9\x9d\xebf\xd6+\x18y\xfe\x96&amp;\xcd\x9e\x00\xf8\xb9\x0f\xa5\xc7\xa7q\xc3z\xf26I@\xe3\xc7\xc7\xb3\x07\x80\xd8\x8e\xab\x1c\xe8\x8b\xadI\x0f\xd2\x84\xd1\xd3\xa8\x01\x8e\xfb\xf6\x01\xc0\xba\x9f</t>
        </is>
      </c>
      <c r="E308" t="inlineStr">
        <is>
          <t>&lt;class 'numpy.ndarray'&gt;</t>
        </is>
      </c>
    </row>
    <row r="309">
      <c r="A309" s="1" t="n">
        <v>307</v>
      </c>
      <c r="B309" t="inlineStr">
        <is>
          <t>steps_per_sec</t>
        </is>
      </c>
      <c r="C309" t="n">
        <v>3500</v>
      </c>
      <c r="D309" t="inlineStr">
        <is>
          <t>3.0336087</t>
        </is>
      </c>
      <c r="E309" t="inlineStr">
        <is>
          <t>&lt;class 'numpy.ndarray'&gt;</t>
        </is>
      </c>
    </row>
    <row r="310">
      <c r="A310" s="1" t="n">
        <v>308</v>
      </c>
      <c r="B310" t="inlineStr">
        <is>
          <t>Loss/RPNLoss/localization_loss</t>
        </is>
      </c>
      <c r="C310" t="n">
        <v>3500</v>
      </c>
      <c r="D310" t="inlineStr">
        <is>
          <t>0.36550704</t>
        </is>
      </c>
      <c r="E310" t="inlineStr">
        <is>
          <t>&lt;class 'numpy.ndarray'&gt;</t>
        </is>
      </c>
    </row>
    <row r="311">
      <c r="A311" s="1" t="n">
        <v>309</v>
      </c>
      <c r="B311" t="inlineStr">
        <is>
          <t>Loss/RPNLoss/objectness_loss</t>
        </is>
      </c>
      <c r="C311" t="n">
        <v>3500</v>
      </c>
      <c r="D311" t="inlineStr">
        <is>
          <t>0.09635931</t>
        </is>
      </c>
      <c r="E311" t="inlineStr">
        <is>
          <t>&lt;class 'numpy.ndarray'&gt;</t>
        </is>
      </c>
    </row>
    <row r="312">
      <c r="A312" s="1" t="n">
        <v>310</v>
      </c>
      <c r="B312" t="inlineStr">
        <is>
          <t>Loss/BoxClassifierLoss/localization_loss</t>
        </is>
      </c>
      <c r="C312" t="n">
        <v>3500</v>
      </c>
      <c r="D312" t="inlineStr">
        <is>
          <t>0.25568762</t>
        </is>
      </c>
      <c r="E312" t="inlineStr">
        <is>
          <t>&lt;class 'numpy.ndarray'&gt;</t>
        </is>
      </c>
    </row>
    <row r="313">
      <c r="A313" s="1" t="n">
        <v>311</v>
      </c>
      <c r="B313" t="inlineStr">
        <is>
          <t>Loss/BoxClassifierLoss/classification_loss</t>
        </is>
      </c>
      <c r="C313" t="n">
        <v>3500</v>
      </c>
      <c r="D313" t="inlineStr">
        <is>
          <t>0.07647444</t>
        </is>
      </c>
      <c r="E313" t="inlineStr">
        <is>
          <t>&lt;class 'numpy.ndarray'&gt;</t>
        </is>
      </c>
    </row>
    <row r="314">
      <c r="A314" s="1" t="n">
        <v>312</v>
      </c>
      <c r="B314" t="inlineStr">
        <is>
          <t>Loss/regularization_loss</t>
        </is>
      </c>
      <c r="C314" t="n">
        <v>3500</v>
      </c>
      <c r="D314" t="inlineStr">
        <is>
          <t>0.0</t>
        </is>
      </c>
      <c r="E314" t="inlineStr">
        <is>
          <t>&lt;class 'numpy.ndarray'&gt;</t>
        </is>
      </c>
    </row>
    <row r="315">
      <c r="A315" s="1" t="n">
        <v>313</v>
      </c>
      <c r="B315" t="inlineStr">
        <is>
          <t>Loss/total_loss</t>
        </is>
      </c>
      <c r="C315" t="n">
        <v>3500</v>
      </c>
      <c r="D315" t="inlineStr">
        <is>
          <t>0.7940284</t>
        </is>
      </c>
      <c r="E315" t="inlineStr">
        <is>
          <t>&lt;class 'numpy.ndarray'&gt;</t>
        </is>
      </c>
    </row>
    <row r="316">
      <c r="A316" s="1" t="n">
        <v>314</v>
      </c>
      <c r="B316" t="inlineStr">
        <is>
          <t>learning_rate</t>
        </is>
      </c>
      <c r="C316" t="n">
        <v>3500</v>
      </c>
      <c r="D316" t="inlineStr">
        <is>
          <t>0.039976884</t>
        </is>
      </c>
      <c r="E316" t="inlineStr">
        <is>
          <t>&lt;class 'numpy.ndarray'&gt;</t>
        </is>
      </c>
    </row>
    <row r="317">
      <c r="A317" s="1" t="n">
        <v>315</v>
      </c>
      <c r="B317" t="inlineStr">
        <is>
          <t>train_input_images</t>
        </is>
      </c>
      <c r="C317" t="n">
        <v>3500</v>
      </c>
      <c r="D317" t="inlineStr">
        <is>
          <t>[b'1024' b'1024'
 b'\x89PNG\r\n\x1a\n\x00\x00\x00\rIHDR\x00\x00\x04\x00\x00\x00\x04\x00\x08\x02\x00\x00\x00\xf0\x7f\xbc\xd4\x00\x00 \x00IDATx\x9c\xec}u\xdc&lt;G\x91w=h\xb0\xe0\xc1\x82C\x82[p8\x82\x06\x87`\x87\xdfa\x01\x0e\x0e\x97\xe3\xc5\xdd\x9d#\xb8;\x1c\xc1-\x10\x0e\x0ew\t\xc1\xfdp\r\x1cn\xf5\xfe\xb1;3-\xd5=-\xd5\xdd\xd5\xb3\xf3\xfd&lt;\x84\xe7\xb7;SU]^=\xbd\xfb\x00\xac\x00\x1c~V\xe8\xc0L\xb5\\1\xe3\xf6\x9f\x15\xb5\x08*(\xc7\xa5&lt;\x10\x10\xa1\xd7%\xb0\xc4\x9d\x87\xc8\xc6\xb8~\xfak\xe0\xafX\xd1\x0bX\xa2\xf5v\x0c\x82\xec&amp;\xc2*&amp;R\xc8\xe7\xed\xb1\xfe\xc0\x02m\xee\xca\x8d%\xf2|\xda\x021\xbb\xb3Z\xb1\xa2\x06Z\xf9h\x8d\x08Y\xc4\x00\x00\x1d\xb7\xb0J\xd6N&amp;\x01\x80\xf0\x19\xc7\x08\xb4\xa1\x8f\x08\xf0m\xdf\xed\x93\x00\xddjr\xc5\x8a\x9d\xc0\x1a\xa1\xb2A\xf6\xfe\xb9\x15\xf6&amp;\x1b\xbb#\xe2\xcb\x1d\xa4P/%8e~P\xf6\xc8\nyN,e\\\x07\x80\x15+\xfc\xa8\xf3Lf\x01\xdd\x7f\xd7(m\xe2\xe7\xcc\r\x18\xef\xd5\xf6\x87:~\x96\xb2"\x04\xe7i-\xc0\x8a&lt;\xacm\x93d\xd0\xad?\x93\xbdF\x82\xa7&amp;\x08zyIK\xec\xeby\x93\x9d\xc0jf\x03\x8c\xaaXu\xbb"\x10\xb3Nr\xae\xc1\x97\x0e\x10V\'V\xb0c5n\xefX-(\x1c\xe5\x0cd\x9f\xea1\xdfts\x17\xd5-\xc8\x91dEA\xacM\xaa\n\x96G\x81\xe7\x1a\xa9\xad\xba]Q\x00\x08\xf0\xfa\xd62\xacX\xb1b\xc5\n\x0b\xea\x00\xa0\xb7\xfb\xcf\xd0\xce\xfc\x10w\x16\xe8\x16\x92i\xca\xea[\x8e\x97z#\x02\xecq\n\xd27lm\xecI\xb3t&lt;8M\xfc!\x80\x7f\xca\xa5\xf1\r\x00\x00\xd8\x0b\x93\n\xb7\xea\xdf^\xbb\xfa\xea\x8aY\xacN\xb2b\xc5\x8a\x15"\xb1\xb7\xb7\xb7\xd9DD\xb359\x01\x00l\xfb\x15\xb2i\xd9\x1b\xfau\t\x19^\x82\x0c\x0cX\xb7`U8\x0e\x9f\xf5\r.\xf9\xb96\xec\xa3\x88\x0c\xfb\x04\x7fY\x1f\x178\xb0\x1ewY\xd1\x18\x9e\x1d\xbb\x15+V\xac\xb00&gt;\x07\xd0\xea\x17\xf9\xa2\x82{#\xbc\x857\xab \xc0\xdfX\t\xae\xe8\x18\xd6\xd7\x89\xac\x1fW\xda\x02\x01\x9e\xd7Z\x80\x85\xd9\x02\xe1\x9e\xd9\xcb\xf99\xeb\'\xb4\xb6X\x92\x92W\xacX\xb1"\x01\xd8o\xd1)P\x14\xd8\xf1\xf6\xed\xb7w\xe8\xbd\xbe\xf7s\xc0\xf7\x04DxD\xc1\xcf\'\xe4*\xad\xec\xf7\x14\xad\xa8\r\x84S-\xcc\x96=.G\xff:\x82\xc5lxs|\xbb\xc2\xcd\xf9u\x12\xfe\x19\x8f5\xd3\xadX\xb1by@\xb8\xe66\xaf\xfe\xa1\xc7~\xae\xa3By\x1b\xbb\x086Tx\xce\xe7\x01P\xedS\xfa\xf3\x99\x1e\x80\xdaG\xc8+i\xf9\xa5\xe5YT\x03\x9e\xa0\x8b\xa4`\xc2\xfeJ2\xe2\x9a\xdaB\xe5\xe3\x8d,\x99\x82=\xddl\x08&gt;*\xf0b&gt;\xbe;\x8e\xb5f\xacXQ\x14\x81\xdb\xf9\xfbO\xe7N{}\x02\xd0Q\x0f\xdah\xcb\xfc\xea6\xd3d\xa5!1\x00t\xd9h\x89\x86\xa9b\x8e\xaf\xa3\xd9At\xa9\xb1e&gt;\x018\x84+M\xf3*\xe4\x04\xac\xd4V\x84\xa3\xed\x11\xbb\x15+\x96\t\xabk\xe8\xa59\xceD\x17k\xdc\x14\xf4\xcb\xd6`4\xfdJ\xf8@\x86c\x10\x03\x00"\x02\xdc2W\xe4\x15\n\xd6\x01`\xc5\xa2\xb0q\xe0\xef\xac&gt;\xcc\t\x84\x8b\xaf\xfa\\\xd17\x9e\x84\x08p\x9f\xd6R,\x04v\xf7\xbfv\x0eI(z\xf2\xbe,\x94\xadC\xd7\x10\x983\x19NO\x8avo\xc8\xac\x8d5\x8cW,\x04\xab\x0f\x17\xc0\xfa\x19\xac\x15\xbdc\xcd\t\x9c \xbb\xff\xf7\xac\x1a\x8eF\xbf\x03\x80k\x02\x9c\xf8\xbe\x9a\xa7\x16W\x1b\x00\xeeY\x8c\xb2x\xac\x03\xc0\x8a\x8a(\xea`KhU\x1bmu0\x7f\xeca\x19\xb6X\xb1\x14\xac\xae\xc8\x07\xab\xf3;\xde\xbaG\xb0[\x98\x1d\x00\x98Zv\xf7\x80\x91\x0b\xed#\xaf\x08\xff\xb5\xbb\x0el[q\xc5\x8a2p\x86\xf1\xeau#\n\x85\xe1\x1cA\xc4\xbb#\x02\\\x9f\x81\xf8F\xfe\xe1\xe7\xd6\xb4\xc5\x7f\x8aK\xfa\xf0\xc9\x8a\x15;\n\xb4~Y\xb1\x0b O\x8f\xa3\xfa.Cz/\xd5\x9a\x0e\x04\x87\xbf\x9d\x8c\x88\xe7J\x1f0\xfa\x1e\x7f\xd7\x01`E\x1d\xb8\xe7x\x8e\xaf\xeeQ\x8f\x0c\xf6\x1c\x8f\x90\xdd\x19+\x1b\x1b\x9aN\xfe\xe2\xe7\xca\xd7\x8e\xab\xdf\xf5\x81\x8e\xe5\xac\xd9f\xc5\x8a\x05a\x8deAH\xdeb\x8b1\xe2\xab\xd1@\xc4\xbd\xe1(E\x9c\x18`R;\x87\xcc\x86c\xfan\xac6\xc8^\xff\x8a\x15\x81p9X\xa6\xe3]m\xdcoV&amp;\xfb\xdd\xc4\xa4\x01*\xbb\xb5\x11\x89~u\xcd6+V,\x07k,\xcb\x01u\x1a\x879\xffk\x05\x17\x11\x9f\xdf_\xcd\xa5\x1eb\xd4_\x85\x88~\xa5q\x8b\xb0B\x1a^7{\x85\x08\xbf\x9d`\xecv\xef.\xe4\r\x00\xcd\xb1\xb3\x0b_\x91\x86u4]\xd15\x88\x01\x809\xff\x17l\x9d\xdf^7\xfa\xd0X\x8c\xb1\xa1_!\x17HH7\x08\xff.A\x8c\x15\x12\xf0\xc8\x10Oh\xbc\xa9\xdc\xc9\xfeq\x0b-mg\xa1\xc7Y\x93@\x17\x1ac\xc6\xd3wr\xd5+\xd2qA@\x84\xdf\xac&gt;\xb3\xa2_\xa8\xde[$\xf9S\xfbK\x9cg\xf4\x1d\xa7\x98\xcaE\xa56\x06\x8c\xc3L\xab\xe7\x02\xdf\xa9\xcb\xae\xf1\x19\xa4\x15\xc2\x10\xe6\x0c\xedz\xcaFQ\x99\x0053jI\xb9\x0e\xf7\xf3#\xc2\xd5Jl\xd2$\xca\xa3|8\xa1\x1a\xcf5\xb3-\x0f\x15\xb6\xe4~X\x98\xc5\x8a\x15~0v\xd5\xfc\xf1\xe2\x18\x00x?E\xe6dW,\x03\xe0\xf4\r\x16\xe4\xbfKqmX\xa2\x9e\xb3\xc3\xbb\x83+h\x84;\xc3b\xdc\x06\x01\xf6+@U\r.\xa5\xfdu\x87\x1bw\x8e\xb3\x9eo6\xc0\xce?\x85X\xc1\x8c\xd5\x85\x9a\xa3X\x07\xb6\x8b\xc6E\x80+\x99/\x89N\x98d\xff_\xae\xbe\x14\x1d6\x0c\xbc\xce\xa6|\xef2\x9cF\xc8\xf9\x04p\xf4\xdd"\xbds\x97P$\x18\xd4\x9dZ?\xe5G\xae&gt;\xa0C\x7f\x98\xe6\x18\x00\x94\x17\x9f\xa9\xddl\xe48-$3\x94\x8c\x88\x88\xe7l\xb7\xfd\xdfz\x02Y\xb10\xd4?S\'\x18\rzD4\x13\xdd\x8a\x1c\xbc\x97\xd0\xa4\xf0\x84\xf9\xb9\xd6\x03\xc0\xe5\xa4j&amp;\r\x8d\x16S\xc3x[N%\x89K@\x9b\x05\x16\xb0\xddD0`\xb4\xd8\\\xf0U&gt;\xee\xbd\xc33\x00l\xf1\x06s*Pn&amp;\xf2\xe9v\x0b\x1f.\x88\x00\x0f\xac\xb9\x12N "\xe2\xe7\x96\x95\xb2W4\x02\x1eS\xbb\xe5\x15\xec\xb7Vz\xa9\xc6x\x1d\x00\xd8\xf0\x9c\x8d&amp;\x1f\xa3&gt;\x1c\xa6\xf6\x80D\xc1\xf5\x15:/\x02\xb88?3\x9a\xd7\x8a\x1c\x10\xad\xc6\x8a\xce\xc0&gt;\x00\xa8\xfe\x10&lt;\x00|\x8d\x8b{\x15\xec)\xbf#\xc0E\xc8\x8bR\xb5\x8a\x00\x08\xdf\x1bN\x10\xd2\xa9j\xd4\xf0\xb7C\x06\x805\xe5\xadX1@x\xb5\xca\x14,%\xe1 "\xc0I2\x98&amp;cz\x0e\xc0X\x80v\x12\x1b5\xee\xef?\x1d*\x15j\xb5\xda\xbe\xc2&gt;\x1cR\x95qE\x0etm&gt;\xb8\x0f\x85\xca\x11RL\x94\x06\xc7C`\xe1\xd4\x07B\x04\xb8\x82\xffrA\xaa\x88\x86O\xf2\x8c\x86{"\xabkR\xa5M\xb3\xb6\xbb\x7fu\xa3\xe5T\xd2\x83\xf4.\x83\xd2N\xdc\x82\xbbp\xe5\xac`\x80\x1e\x1a\x02q\xf5\xac\xbbS\xff\x0eQ\x16\xd3,\x18\x1f\xef\xa9\xcbz9\x10\xeb\xcfi\x18\xff\x0c0\xe7\xba\xeav\xffU\xfd\xb9\x81\xf9\xefo\xf6\x19\xf2\x81\xf0\x0b\xf5\xe8a[\x99\x9b\x0b\x10\x87\xd1\xd6\xe7\x98s\xebH\xaf\x90`\x0bi\xf8WE!\xa4\xbb\xce\x7f\x08\xd8\x1e\x182\x06\x12\x16\x04Y\x19\xb1\xe1\x0e\xd6\xea\x84\x8b\x871 /-\xf3\x08\x08\xf3h\xd4m\xcb&amp;\xae\x82\xb5\xd4\xd7\x08W\x02\xdb\x01\xe0\x15\xbdFhe\x7f.0-\x85p\x85\xcaA\xab\xe0\xed)\xe9{\xb0\xca\xa7w\xa7\xe9D\xe5\xbfy\x84"JfTq}[\x01[&lt;\xbcg\xfb\x06:\xa7\xe7\x82\xd3y\xc96\xea\xad#\x12T#\xc3]\xbfS\x87Y\x11\x0c\xb3\xff\xafV\xbf*qi\xb4\x95\x9e\x85f\x03\xc0\xa3z\xd2\xd2\xeeA}\x08\xd0\x1d\xeaI&gt;=A\x03@\x80\x1b\x16\xe1!/\xa7$\xa5\x0cu\x1f4v9\xb2\x96\x1f\x06\xf6\xc7\x1d\xe1t\xa2\x98\xf26\xa6=\xee\xed\xe9\xbb\xfby\n\xf1m\x01\xb6\xdc\\\x0fO\xe8\x8b\x7f\x02\xd0\x91g\xba\xd0W|\xa9@\xadh\xfa+\xc8\xe6\x9acs\x17\x8b\x88\x00\xe7\xcb\xa1\x10\xceH`\xb1\x9eE#\xb1\x11\xe0\xd4u9&amp;\xc0\xd0\xc9;\xdaH\x11\n\xde\xc6\xf7X\x00\x04\xf8\x13\x13\xb5EB\xeb\xfes\xf4\xfep\x17\x85\x98\xad\xdfzH\x97J\xdeZJ\x02\xad_\x04\x82y\x00\x00D\xb8\x90\xe4\xf5\x86\xe0[\xa97\xfa\xe2\xa2]s\x80\xc1\x83\xd9\xb5\x00\xf1V\xcd\xbe\x97\xd0\xc0\xd1\x05\xc4p\x11\xec\xcbc\x17\x90Bg\x96\xa0\xefLg.\xb6\xe6l\xd9\xa7]\x1a\xe4\xa5nu%\x16\xbb\xd5\\\t@\x85\xee\\\xe6\xa6\xc2$\xd5/\x13\x04\x93\xb5\x96\x9d\xc7\x9a28\xe1\xdb\xdal\x9c\x9d\x83\xb6\xff\x83\xb6f\xf9\xa1\xc8\xf6\xadrZrQ\xee\xaep\x9e,\xe9\xae\x8b1KQ\x10j\xff\xdf\x97iV\x84\xa0\xdf\xe3%\x92\x11\xa5\xd2U\xf9\xb9P\x8b\xe51\xad\x85\xa9\x8a55/\x08\xbbmD\xad\xd9U\xcf\xff|7\x99\xa0\xb4q=\x06\xcd\x07\x80\xd2\xdc\xe9\x01`7\xda\x91n\x16\x88:B%\xff^7\x0b\\(\xa2\x1e&amp;\xefB\xc4\xc9D\xa1\xf3\xfdK6(\xb96\x89{\xf3\xb5 \xaad\n\x11\xa3(\x8aj{\x17\x14\xe8\xc2\xd6\x93\xb5\x86C\x90o\' G\xf23\x94o\xc1Il[\x87{\xb7\x19?V\xc8\x825\x00\x84\xde\xd2s\xd8.\x00\xbc\xa7I\x17\x8f[\xc4\xdf\x82\xf0\x7f\x1c\'\xe2\xa6`\xb9\x8e\xf9V"n\xf1\xe9\x05G\x1f\x95\x89\xba\xeb\x12TQ\xaf\x94AD\xde\x92w\xa1]\xe8\xcc\xd9\xba\x83=\x00\xf4\x0b\xb4\xfe\x19\xbb\x1c\x84\xeb59\x13\xbc\x1ec]\x01`~\x00 \xe2\x96\xd5s\x04\xe0g\x00\x00\x80\x00Wi,\xc8\x02\xc1\xd4v&gt;\x98\n\x16\xc4\xc7\xa7\x17\xbeEG\x1f\xf1,\xb2\xd7.\xe1\xd4yM\xfcrm\x9c\x05\x04\xb8vk\x19V\xe4!\xbe\xe7\x10\t;B\x93\x06\x80\xb0[\n\x0cK\xa57V\xba6\xaep\xb0\xe9\xb6\xdb#\xa6}I;\x8b\xb2\x91\xd8\xa1}%\xe0w\x1cD\x08\xe5g\xd7\xbe\x9fe\xca$\x17\xc4\xd9\x80^\x07\x80?\x00\xe2Y\x88\xc0k\xb5\x96\xedq\xb4\xc1\xf9~\xd3H\x8cB\xf8\xe6\x9a\xe0z\xc2c\xd7\x9a\x14\x01\xeey\xe9\x1b\x00\xdf(\x7f\x8a`5n!p\x16\xc4&gt;\xe7p9\x07`\xb8\xc4(\xb8\x9cNf\xbcQ&lt;\xbf{K^\x02\x05R\xf3\x8d{Z\x17\xeb\xb3T\x95\x82\x04=\x00\x9c\xac7\xab;\xd1d\xe3\x13O\x88\x04\xc4\xc4\xd2\xb3#\xafw\x89}J\x00\x84\xd7\x08Y\xd4\x8a\x15\xbc`\x0c\xd8\xcd\x00\xf0?L\xd4V\xac\xa8\x0f!\xf5\x8bk\x14)\xb7\x1c\x99E\x9f\xc4#\x87_$\x0b\x19\tZ\xed\xf6+ow\xdc\x7f\x19nmx|@\x84\xda\x07O\xfd\t\xfb\xb2E\xa0E\x1cJ\xee\xfe!&gt;\x87\xba\xaf\x94\xb5\xae\x15+V\xacX\xb1l&lt; \x9bB\xd9\x07\x1a\xe3\x8e*"\x9e\xaa\xbf\xa7=\xe1\x10X\xfd\xb7\xed\xd6\x013\x9d\x89\xb7)\x7f$\xaf{\x08\xd4\x92\x81\xfa\x1dj\xc5\'2\xca\xf3\x8dzx\x10"\x00\x9e\xb7\x05\xeb\x00$\x1c\x9b\xe6"\xc5r\xa34}\xaeh\x85\xd5\x19H\xac:qa\xd5\xcc\xce\xe2*\xda\x89\x97J\r\xcf\xa2\x13\xd4\x11\x08\xbf\x91\xb6:&lt;\x8d\xd0-\xd7\xe3\xb5\x96a\x1e\xd5\xf4\xa5\xee\x8b\xd7\xe3W\x87\x97\xcd\xbc\x11_F\x94\x88%\x1c\x8e\x1eFR\x16\x17\xdb\x1e\xfc\xad\xb5\x00\x12a\x1e8t]\x10F\xac\x13OPQF`\xf3o&gt;&lt;\xae\x08\x97\x15+\xba\xc7L\xfeY\x11\x0ca:\xfc\xc30\xda!~I\xdc\xaek\x1a\x84i\x98\t\xbe\x01\xa0\xc8l\xd0S\xd7(\x0fO\x1f\xd3\xe5\x17X\xe9b\xe2\x83\xa0\xef\xad\xa6\xec\x16\xea\xa1\xb8\xad\xf5\xafL^ \xef\xb9\x19\x17J\xac\xcb\xc8\x99k\x80,\x1bk\xff\x9a\x89\xb2G\x80v\x06\xa2t\xa8W\x16\xe23\x00wh#\x97\x0f\'\x99\xbb@\x94\x869\xe1La\x93\x15/\xb1\xb9\xe0N&lt;\xfc\x10\xe1\x14\xcbTeq&lt;i\x1c\x9fN\xd0Z\x94\xf2\xd86R\x97j-\x87\x1c\x9c\x9f\x8f\x94\xfd\xd1\x18\xa5gE\x84\x8b\xab\xaf\xaf\xd1\x1a\x85Qc\x17^\xbb\xc3nq\xe9\x90\x8b\x86\x00\xf9{ii\x16\x8d5F\x96\x05\xb3\xfbG\xe3\xbd\x1e\xcc\xbd\x0e\xf6\xa0\xef\x112\xea\x02\xf1/\xe6\x9e\xe2_\xa7\x9d\x80U\xef3xRS\xee\xcb\xfctJ\'`\x0b\x8d\x1f\xe2\x10kS\x8e\x9e\x06\x801\xe4\x9b\x1e\xd8[\x00\xee\xbb\xa6\xb2\xd6\xc0W&amp;\xa6\x91\xa0[\xd6\t9\x1b\x9f\x82\xbdU\x81\x0b\x83\xab\x8b\x1b\xfe6\xf0C\xe5\x9b{\xd9\x8f\xbe#Pb\x17\xd0\xf0\x0fe\xccx\\M\xa5\x979L\xbfp,i\x81\xb7o-@,\xaa=.\xef\xc2\xca\xbb\x10n\xbb\t\x84/sYv\xe89J\x1e\xf7Z\x87d\x05\x91\xaa\xdeh\xef\xf0U\x81\xbb\x80\xa2\xc1\xc8\x8e^\xe4,\x8b?\x96\xd9\xe40\x9f\nUv\x0b\xfd\x8c\x1a\x1b\xcd\x1d\xf0\x98%-\xb0;{\x05\x0e\x00\xbb\xd1\x94L\xbd\xd7\xddZ\x8b\xb2\x82\x17&lt;\x81i\x9dp+\x10\x11\xcd\x1a\x9a/\t\xcd]q\nY\'\xa8\xa6@\x84\xd7V\xd6|\xcd`\xf9j\x87%^\x1c*\xc4g\xea\'P\xf3\x98\xb2W\x855\x8bu\x88\xee\x12\x84}b\xc7\xbc`Wj\xea\xff\xdb\x99\x95\xaeH\x81\xd1\xffw\x17\xe96\xfe4\xfdZ\xf2\\S6B\xb9\xe8\xd6i#\xc3\x0e\xc3\xde\x00\x1d_)\x1a,!\x94Y\x04XF\xd47\xc7Zb\x83\xb0ji\xa9\x10hVg\xf9/YS\xaba\x93\xb5\xdf?{\xd9\x82z\xbb\xe6X\x9e\x02\x975\x00 \xc2\xcf\xecO\xe9\xfc!\x96\x8a$%\x943M\xff\xe6\xae\x01\xeb\xa4\xbe\x1a,\xb7l\xab\xbd\xd9}\xae\x00\x1c\xb1\xba\x81\x89U\x17%\xf1\xd3\x05\xa8\xd7\x88\xba\x05\xac(\x0f7\x95\xf9I\xa01\xb5m~\xee\x04\xf0\xa3\xe9\x8d\xce\x07\x80\xe0\x9e\xc0\xee\xf0\x9a\xa3\x89\x0c\xf6N^4\x85EFz\x80{\xc8\xf1\x1c?\x0c9\x87\x7f\xfa$\xa7\xd7\xcbdh\x1e"\xc5\x06\xb3\xfc\x88\xd8\x11\xe8*\x124-o?-pPfZc\xff\xf0j\xe7\x88Z@\xf7\xab]\x91\x04\x84\xc3\xb6\x9dev"\xe8\xa5\xbez  \x15\xc2q\xa9\x97QIp\xcb\x1a\xdb\x82\xff6\x909\x01\xf4\xedi\xb1@\x80\xc7\x83\xa2\x84\xee\xed\xce\x8a\x83\x03|\xa3\x1b\xb71\xe5\x0ci\xd4b_\x8f\x93\x87\xe5\x84F\xc9\xec:\xce\x00e\x8d\xbb\xac\xd0\xabp\xfe\'T\x92\x1f\xf3(\x16\x01\xbe\xc3#\xd1\x96Zs\xcd\xec:8\x9e\r\xad\x98\xc1\xa0\xe1\x9f0t\xffu\x12q\x1d\xb4h\x17\x10\xae\xe7\xd9\xcc\xdb\xfc&lt;\x14\xe0\xaeu\xa5*\x8d %\xef\xf6\x00p|\x00p\xf4\x82\x08\xe7\x13\x1eq\xc5e\x0b\xf1\rD\xdc\xa7\x87\xd4\xa4dQ\xf5\x85v\x03\x80x\x8d\x19\xf6\xaf\xc0\xa3\x10\x8b\x16\x10\xb2\x16\xae!\x93\x11\x1d\xe4\x8aYt\xbd\x80S\x8f\xcf\x86\nD\xdd\x12\xac\x1b\x00\x84\x13UX)\xda\x15\xb80\xc7*\x90\xf3d\xf9@\xd4O\x02\xc8\x90\x8a\x07\xe1\xcbA@\x84\xaf,\xc8\xc1\xe2A\xc5\xd7lw\xd8\x1c\xe5e3\x93\x8fXU\xcc#i\x00X$\x10\xe0\xabA\xd7U)=K\xabn\x00p\xca\x85y\xd4\x8b\n\xcc\x001W\xcb\x0bQi\xf2\x84c\xd8\xefT\xa2\xeew\x9cO\xac\xfa\xd5L\x08p\xfb\xdfJe\x03\xad*\xd5\xf8 \r\x12\xbd;\xc2\x8b\x84\x88\x97\x00\x84*\xbb\\\xd5\xb1&gt;\xe2\x8b\x83\xa3\x11\x1cu\xf8\xd16b\t\xc0r\xa2\xc34\xf1R\xd6U\x10Ur\xe3\x02\xc7\xb0\x0f\xb6\x16\x80\x175J\xc9\x9e\x87="\xec\xed\xf9\xaf\xa9\x8aM0\xec\xedI\x91\'\x1c\x88\xb8U$\xd2\xf6\xa4\x16\x15\xa5\xff\rU\x99\x9aa\x94\xed;\x00g\x93\xba\xccR\x18k\x80\xee$Si\x18^\xeeM-\xc3\nD%\x99\x15\x92 9\xadE\x01\xa3W\xd1wt(U\xee\x1f\x00\xc7\x01e\tj\xe2\xean]\xd5PCK\x88\xd8\xa7w\xed\x08\xc6 \xda\x18h\xd3\x102\x1b\xeb8\xee\xb7\xf6v\xc69\x8aO\xc0\xa3"\xc39m\xe2\x1f\x11\xe0\x9fCn\xda\x93f\xa9\xcd\xee\xc2\xfb\x10_\xca\xa9\xdd\xb3K[f\x05\x94\xcb\xff\x8d\xf7~\xf6\xb6\xe8\xdf\xa6\xcb;\xc8$\x04\x0b\xf0\x8d\r\xe2W\xb1G\xfcV\x1e&lt;n\xfc\x84\xf1\xaf\xe3\xa0\xd1\xfdOX\x86]\x8baoo\x0f\xf6\xf6\xca\xceHy\xb9\xf7\x99\xea\xb9\x865\xfb\x15\xc043+\xdf\xd3\xbe\xcbz.p\x889\xfcA\xdb-\x88\xe7e\xd1\xc2\xa0\x03\xfe+{\xb4z\xef\xf2\xcfavQ\xc6\xf3\xbb\x12\x1a\xc8&lt;\x02\x84\x88\x08\xb7Z\x9eiX\x10\xa1\xd5\xad\x93?d\xd5\xe4\n^\xf4\x9a9\xbd\xa5\xedr\x82&gt;\x8c\xb4"\tO\xb5\x1a\x98W\xa1Z\xe9V\xe32b\xa9\xc7e\xdb\x00O\xaak0\\\xad\\\x06\xa0\xba\x7f\x17M\xe3\x9a\xe3g\xb2\xae\x8b\x9b\xc3\xad6b\x9f\xa3\xb5$i\x98\xfb\xa6\xea\x19OP7\xc1\x86W\x88\xb3\xce\r\x81\x88\xf8\xfc\xddM(\xb3\xf3[(\x9dm\x84\xee\xae&amp;W\x14B\xaf{\xabS\xd9\xbai\x7f\xc2\xd7\xc2\xc6\xb2\xbfmm\xdf\x14\x07#z\x98q+j\xcd\x84\xfc\xd8\xc5\x01\xa0\xc8:\xed\x86;X\xad\xbc\x06\x98\xa6:\xffJ\xcd\x18\xeb\xb3\x1e\x14@y=\xcc\xcdf\x00\x08\xf0\x06\xff\xfd\x7f\xf3\x0c\x00\x01\xd6/\x8c\xe6\x024\x04\xe7\xc2\x87@\xbeq5\x8e+v\x01\xfd\x96|D\x84c\x11\xee\xd4\x9f\xe4\xf5p~\x04D\xb8j\x13\x13#\xc0S\xb7\xbf\xa4\x94\x00\xab\xe9\x9f~\xae\xb2\xb8\x16\x85\x7f9\x88\xf8\x18Bu\xfe;B\xf6\x8bW\xcc\xe2\x82\x1b\r^l|!T\xad\xda\xa4[\x11\xd7"G\xed7U\x95\xa1=\xa8\xbd\xf3\x1a\x86\x98\x1d\x00|\xf7"\xe2\xbf\xb9\xfd\xea\x91\x8d\x83\x19\xe1);\x9eJ\\Oc\xd4\x8c\xdc|sn\xc5\x8e\xc2\xca\xf9}!\xe7h\xe2n\x00\xf1\x158}+`M\xc6\xfa&amp;}\x1a\xeb\xf0\xe6\xb5o\x14\xe8\xb9\x7fC\x8dO\x1aO\xfb\x15=\x15,Y\xe1\x95\x115W!\xc0\xc3+\xc8dr\xb5\xb0\x93\x1e\x80p\rc\xe1\x95\x07\x80\xe8m\x92\x80\x87\xa1-\xb7\xff\xa1\xd7\xde\xa2\x00\xb6z\xf88\x00\xc2\x13\xa6\xbc\x8c\xce\x1c]\x07gl\xc1t\x85\x08,"\xe1K\x16\xbb\xb5l_\xc0\xc7\xa3\x9ad\xaaAm"3\xf3\x7f\xbf\x9e\x19\x882\x01x\xc5\xa1\xa6&lt;\x9fl\x12t\x8e\xc7\xb7\xbb\xff\xc5\xab\xbd\x12x\xbb\xeaRV\xb1\x07\x80\xcb\xedb\xd3v\xef\xac\xd9\xf7\xdai\xf7\xe6\x0c\x00 ;P\x11~\xd1\xef\xfe";\x8c\r\xadGm_\xdd\xb8\xdc&gt;m\xed\xd8\xbbu\xce\xddZ\x80^\xd1,&lt;\xb9\x9a\x9eG\x8bu]!;\xa9\xad\x9a9\tk\xef\x02\xa5\x03P\xed\xe9\x8d\x1778d\xed\xfe\xcb\xe1\xf1\x9c\x03\xc0\xd9\n\x1a\x86z\x08\xc0F{\x17\xfc))\x8c\xc7\xa8\xfb\xf1\xf8OeK\xf8Xv!\xabc\xbb\xa2\'\xe4\xb8\xd3\x1f\x85\x94R.\x08[\xcb\xd5z\x9f\xd0\xd6\xa2\xd5\x1f\xf8J\xccs8\x88\x94@\xd7\xcfUVT\x83\x80\xf4{\x03{\x00\xe0\x02n\x0f\x02\xf0Q\xec\r\x9cO\x00\x8a\xa2\xe4\x00\xf0?\xc2\xd7\xce\x82\x94\xfd{\xb5\xe3\xa7f\xb0\x05(\r\xe1My\x0bY\x8e*F\xc8Y\x8epg\x0b\x91\n\xc72\x03p\xbb\x1aB\xadXa\xe2\n\xa6\xa3\xca\x8d\xa9\x15\x92p;\xf6v+\t\xda\x00\xc0\x85_\x8e\xa7\x94\xf3k\xcc\r\xf8\xc4\xaa\x0c\x04@8\xb0\xe6.f\x0e\xa3\x12\r\xc1\x8e\xec\xcf\xa5\x0f\x008\x9c\xd44p\x99\xe6y\x81\x01\x0bX\x02;6\xe1p\xf2\x02\x94\xef\x19\xa9\xf0\x12\x03?#~\x15v\x19\x02|{\xf5\xb4\x1d\x80\xe4:\x82\xea\x7f\x8b\xc5\x94\xd8\xe5K@\x17\xca\x19\xdb\xa1kIJ\xbf\xf8\xe2\xed7\xear\xee\xfc\xfe\xd70W\x98med\x7f\xb9\x80\x0e\xb2\xda\x12\x8c-\xe4D"\x05D\xed\xda|\xa5`\x0c\x00\xf6\x14\xd0Z\xc0\x15\x85 \xe4\xef\xa3\xd9\xd3\xfe\xcdZ\x8a\xa3\xe1Lk\xd2(\x8f\xbe\n+Z?r\x80\x00\x7fk-\xc3\x8eC\x94?\xb8\xa090\xf7f\xab\xcd\xe8\x0b\x91\xd7s\n\x80\xf6\x00`\x0f\x03\xd5\xc5Z64\r\x9f\xa7}\x07\xd9\\\x00\x15/h-\x00\tCE\xb1\x01\xb2\xa2;\\\xf0\xb8Cflz\xfa\xf3"\xe3#Z\x80\xdfl^\x924v\nl\xf2V\x84\xa3\x84\xed\xee\x04\x80\x00\xbfU\xe8\xcbq\x0f9\x92\xac\x10\x8e\x8d\xdf\xbe\xb7$\x8b\xc3\xa6\x00\t\xfd\x94W~4\xd9\xb7o\x0fg:\x91\xc7o\x05\x81F\xea\xfd\xac\xf8\x0c(\xaaZ\xcca\x1d\x00\xa2\xf1\xb3\xd6\x02\xc4 +\r2\xef\xd3L\xa1!+3K\xeb\xf0V\xccB\xdb\xd7\x1c\xda\x8eb\xbb\x9bh0\xaa\x89\xd5-eb\xb5\x8b\x8a\x1bW\xdcO\xf4\xa4k\xdf\x00 \xdf`]\x08\xd9\x1c\xf2\xb5\xf4\x1c\xf1\x12jx\x84\x94&gt;\xac\x10x\xdb;\xffW\x98\x15r\xce\xaf\xa5\x1bH\xc4&gt;\x08\x0e\xff\x95&lt;\x00t\x87N\xc5\xce\x07\xc2\'\xc9C\x8c\x05N\x93\xde\x05\xed\xae\x82\x9b\xcb\x9c\x0c\x1d\x03\x01\x0e\xa8\xceq\x1a\x0e\x0bNk}\xb4\x945\xe1\x9a\xc6\xcb\x1d:z\xa0W\n"A4\xc4&lt;\xf7\x16\xbb\x0b+V\xb4\xfb\x8an[\x862\xa4\x01\x11^\xc17\x00xw X\xd5\xb8\xed\x9bu\xe5\xc4\xd1\x7fR\xfb\x1c86g\xca\x8f\x94\xb4\x0c\x00_o}&gt;*\x19\x81O\xdb\x85 \x7f\x0eG\xed\xf7:\x03\x80\xf5\xad\t}\xbaJ\x13\x142\xca\x0cOk\xcb\xa3H\x03\xda`i3xqk\x01@\x9b\x01\xde\x80s\xb52\x97\xd7\x9c\x08\xb2\x06\x80\x10Hs\xa9\x15;\x01\xfe\x00\xb9h\\\x00.\xab\xb8r-\xe1y\x9b\x84p\x03C{\xb1\x85g\xa8\x82-\xd4\xfbc\x00|\xcdT\x86\xc7\x8f\x01LE\xfaL\xed-~\x8f\x0f#\x9e\xaf\xbd\x18i\xf8\xaa\xf7]Q\x85\xef\x07y\x83\x16\xfdGF\x0b\xf7y@\x1d4Z\x11\x80\xa3Z\xf5]x[\xa3\xe8\x9c\xb1\x80\x00e].\x01\'\x17#\x0c\x96\xf9\xa2\xcf@\xe6^\xd4\x96f\xc5\x8a\x0e\xc0\x17 \xfe\xf0\x0b\x18\x00\x96\x15\xa4\x99kA\xb3\xf9\x18_\x7f\xecln\xd5\xf7J\xcb\xee\xc4xp\xa5\xf1o\xbfk\x03\xc0\xf0\xb3vTE!.\xa6\x10\xe1~\x9c\xcf\xc7\x94\x05\x96]\xa38M\x8aG\xcb\x94n\x16\x9d\x10\x01\xe2\\H\x9e3\xe47\xdc\x8c\x05\xa2I\xad\xd9pN\xea?V\x08C;\x07\xdaE\xf0\x04\x88?\xf4f\xe9\xd7)\xe45\xc1\xd4\xdd\xe2\x07\r\xed\x05m\xaeL\xef\xdeeRl}\xdd\x1e\xb8\xfd\xe3\xca[\xe1\xb73\xc0\x8fS*\xf4\x8ah\xc8+|\xdc\xb6\xae\xe9&lt;\xdf\x96\xa3\xc6\x0e\xd0\xb4\xef\x1a\xf8\x06\xb3\x8eMD\xc2\xc2\n\x18\x06\x80ed\xe3\xe4\xfecE*\x8a\x1d\xf0\xea\xdd\x17\xfb\xc1/s\x03d\xbe\xf5\xdf\xc5\x00\x9c:u\x96\x8d\x19\xb4^\x99\xbdKI\xeb-\x95\xbf\x15f\x94\xc4\xf4\x8a]s\x8czxT\xf7\x15}E\x9f(\x99\xf3\x8fa\xa7\xb8\x84\x01 /\xccO\xb1\x88\x01`\xcfo\x95\xbd\xbd\xbdj\xa2\xec\x02Fm\xb3+\xb6\x1c\xe5\x15\x14\xb6\xfaN\xd3vx*\xdc=k\xaa\x9a\x89]\xfbx\xaf}#\xceQ#l\xd2\\\xf9\x88\xb8\x07\x00{f\xc3\xbf\x07\x00\x9c\xb2y\xf4\xb6b\xc5\x8a:@\xc4MX\xf3\x86aV\xa9\xf2\x13\r\x96\xb6\x88\x0cy\xd8$\xbd\x1cyP\xa1!g]q8\x8e \x8bt\x03\x813\x9f4y\x16\x8f\xbd\xbd=\xd8\xbb[\xca\x9d1\xdd\x7f\n\xfd\xce\xb1\x07\xb0\x07\xb0O\xea\xbd\x1b\xd8[\xfes\xaa\x14\x19@{{{\xdb\x1ak\x88\xcf\xe6\x18\xe3\xa3\x86\xcd\x8c!R\x0b+j\x03\xe1\x1c\xeb\xf3\xe4\xfa\xd8+\xd0\xfd\x97zX\xf8\x9axA\x85U\xb3\xbdl\x89\xf6`o\x0f\xf6N\xc6#NC\x14&lt;\x81\xa0=\xad6\x12J\xbd\xe4\xc2\xfd\xec)\xe3\x11|\xa9gFig\x03\x8eYS|}\x04\x1d\xfd\x11\xf7\xc0\xb4\x17\xe0\x19\x93\x14x\x9f\xcd\xf5\xd7\xc1)\x94$\xa2\xd0C\xe7\xde\x9fe7\x17{T]sIX\x90VMV\xe4\xa3\xc8\xd9\xe0"\xa1\x1d\xf7\xad5\xe7^\xe7I\xc1\xf8u\xb9\x16D9\xd4\xabP\xab[o\xd8\xcb\xb9\xd8\xcc\x18.\xd5`\x91J\x0bA@\xbcP\xc7\x15\xe5\xf4\x8c\xb4\xd6\xee\xbf$\x0c\x1d\xde9\xfc\xc6&gt;\xea\x13O\xda\xb4\xff\xd0\xfd!\x99\x14\xdb9\xed%\x04\x18na\x03\xc0\xf4\xe1\x93\x90k\xe5\xad:\xffsDM\xd0\x95\xccS\x8e\r\x94\x19\xbd\xff\x94\x00\x81"\xd5\xc2\x8f\x8a7"\x9a\xa3t\xbe\xe1t\xae\xd6\x02\xe4\xc3\xfe\xa0dQn~w\x92\xef\t\x8a\xba\x10\x01\xae\x93E+\xa4\xfb?\x81p\x85\x88\xc5?\xc6\xde\xa5\xe7\x0c\xe3\x01\xc2\x15\xb3\xd6U"\xf7*\xd1\xbd&lt;\x85\xf7\x8b\x1cs\x04\xdfk|c\x95\x08\xe8\xa5\x8dvN9\xd2\x0ex^O\x1bd\xf1!/O\xe1\x1a\x84\x8bW\x1e\x85\x07\x00\xa0\x06\x80o\xf1\x11_\x11\x0b\x04\xf8\x90\xfe\xca]\xf4w\x19q\x1f\xf7\x13\xc3\x9a\xad\x83Z\xa8.?\xbd\xfc &lt;\x15"\xc0\xf1\xbd7"&lt;\x91-(f\xba\xff|Ut\xfc\xb0%\x17\xcc\x9ad\x00\xaf\x18\xb9\x87\xb3\xc7\x01\t\xe06\x00\'\xe1\x91\xa9H\xbd\xd0\xe8\xeb\xab\x96`\xd6.P&gt;\x04\xb4\x01@ \xce\xefp\xce\xdd\xcd\x90,\xf8sT\x8e\xbd\xbd\x9cl\xec\x02\x02\xfc\xebN\x8f\x01d/\xf2\xdc5Hv\x13\x87V\xb2\xfb+\xc7&lt;R\xe3\x9b\xd7\xb7[\xf8\x88x\xcc\x94\x8fBz\x17\x04@\xb8\x1f[gY\xb0\xf5\xd7\xe9\xb3PS\ts\x13,\x81\xbaO\xb7\xe6\xd1\xf0\xf3\x94\xb6\x1e\x8a\x8cFE\x07\x80\x89\xb2\xfe\x8d\xa8\x9b7%\x19Z \xce]\x9e\x85t\xfdS\t\x967\n\x10\xe0v\x1ct\xba\x02\xa2{S\x8f\xb8\x18\x11/\xb5\xbd\xf8\xc1\xe5\x85K\x02\xe2?W\xeaCD\xc2\xd1\x91,\x0eK]\x17\x03\xd0\xf1{Q|e\xebi\xa7A\xf8X\xd1\xc0C@\x84\x7f\xb2\x1a\xee9oW\xfb\x0f\xad\x17\xc9\x94\xa6@\xdfo\x13\xe7\xdd{\xae\x158\x08\x1fJ?\xba\xa0,\\H\x98\x97\xb2r(\xdf-\xeb\xd3\x03\xc0&gt;\x93c\xec\xc7\xc5E\x1b\xa1\x0b\xcc\x9c#NB\xd7&amp;9\x86^!\x11\xaa\xcf\xbc\x04\x11\x00\x1f\xce\x9c\x1e\xedg\xe9\xbb\x80\xa9 \x06\xa8Q~cm\x14\x0e\xe1\xd2\xf2\xe2TH\xa2\xf53\xb2 \xc7\xda\x8a\xfa\xf4PQ\x05\xac\xcb\x83\x8a\x82\xc5\x9d\x89Dxc\xe9\xbd\xf9o\x96[\xfe\xe7\x95Tex8\xd5R\xe8\x92\xc5\\,\x06c\xfc2n\x01\xd6\n\x9c\xac\xda\xfc\x0e3\x895H\xe2\x8eM\xf7\xea&gt;3*\xe1T\x83\x1e\x8ayo\xc1\xa0\x98\x0b@\xe1\x91\xd85\x96\xa0[\xab\xa5\x89\xea\\W\xb8\x10\xab\xc6\xcde\xf7c\xe3\xff\xc1\xa8\'\xab\xb3W\x92\xd4v\xc1=\xd0\x04\xef\xaea\xb9{o\x81\xaa\x0b\x16aQ\x1b\x15SR\x9c\xde\x8e\x90\xdf\xf2\xfa\xa0w`\x96\xc7{=\x9f\xec?\xae\x8b\x08\xf0\xfb\xca\xab\x10\x80ZO\x00^\xb5\xb1\xc5\x19-\x8e\xa7\x9e\xbfY\xc7\xc9\x1a\xf8-\x02\xec\xaf\xfe\xf3\x0c\xb9i*U\x0e\xb3\xf5\x19\x86\xab\x97\x94\x90\xa4\xf0\xe3;\xe3Q\x83\xb4\xd4\xbdH\x84\x9f\xf1\x90\r-\n\xd4\x1fxS2IN\xf9\xb2\xd0P\x92\xa8\xb4\xc6\xeaHvf\x9b\xbb&gt;\xe81\xc5\x0e\xc2\xea\x81\x0e\xe4\xa5]N\xad[\xdb\xdf6s\xc6\x10du\xc4jO\xca\x12:\x12A\x8a\x8a\x05\xd54\x98\x1b\x8a\x01\n\xd9OO:_.+\xf4N\xe3\r0|`c\xb0\xdaU\x82\xcd\x14e\xd3r\x18%?8\xef\x99F\x96\x0cV\xc7|\xd9\xd2\x1c\x8b.\xb3\xb5Mw\n\xcd#\x88\x11\xd6\x00\xb9\x8d\x88+\xe7P\xcb\x12\x88\xed\x91\xe0\xff\xe3 \x12\x02R\xda\xc0\xc6\x1a\x8ff\x1d&amp;#3\xfce\xdc\xac\xf7\xa7^L\x91\xa8\xd7\x06\xc9\xaa\x10\xbek#i?\xb8p\xd9\xcb\x8f\xc3\xe6\xc7\x03\xf4\xf7\xb4\xcd\x89\xe2u\xb4\xd1\xa3\x9e\x7f4\n\x95\x17[\xaf\xc4\x0e\x00\x85\xce\xd6\xaf\xb01=\xa9\x07\xeb\xe0V\x90\xfe\xff\xa8V\xfa\xca\x18F\x97\xb3\xa1\xf2J#\x9cy\xf3\x0cD\xe4s\xc5T&amp;2\xa2O\x82\x0cE\x81\xf0\x90\xc5\x0c\x00[L\t\xe4\xfc\x19\xcdCz\t@S\x8c\x9e@.yV\x0f\xf6\xd0\xc5!JT-\xd8\xcayI\xe2\xc5}\xc3E\xfa\x9b\x9br\xdf\x0f\xca\xc2\xe4\xae\xe4\xaf\xcd\x95XT\x80\xd1Wf.(\x9e\x1d^\xc7\xee\xaf\xe1\xd4^*\xc0\xca\x00@\xf6\xff\xf33p\xa3\x9e\xb2\x05"r+?o\xf8\x98\x96\xe2\xe3-\xd5\x1a\xaf\xde\x19?Q\xd1\x85i\x18\x80p\xcb\x1dX\xe6\x15\x96fM\xbdkL*\x82q\xbd\xec]\x8c\xa6\x7f\xf8\xe7"\xea\xc8|\xff\xadgl\xce.\x99\x81\x9a"U*^\x8f\xb8\xf9\xaa\xcc\x9e\x07\x00\x03\xaee\xb0\x9b\xd0\xc3b\x97Qz\x00\x90\xa0^\x112\x90h-\x95\x1c\x8c\n\xb1\x9f\x9ch\x97\x15\xb1&amp;" &gt;\xb6\xeb\x01 \x055\xff8w!,\xd54\x06\x96S\xefw\x0c\xa8\xff\xe4P\x88\xbc\xadTh7\xf3C}\xa4\xb1\xf0!;c\xcb\n\x99\xadT\xff\x97,\xd5![\n\xb7\xce?\x8a"\x08s\xfb\xd3\xb9\xebD8\x88}\xefy!\xaa\x1fPr\xd0\xba\xe0\xc2\xd45\xf8$"\xc0Ec\xee\xdb\x91\x9e2\x15\x93N~\xd0\x84\xbd\xfehu\xf1\xc6\xaa\xf5\xe8o\x05\x0f\x84g\xd1\x7f\xb4\x16\xa0\x0e\x9a\xfe\x85\x8d\xe8\xfd\xd0\\9\x11\x11nC\x1e\xc2i\x83m\xb2\xa2\xf3\x95\xf4\xee\x1f\xa6\x01&amp;\x8b\x04 \x02\xbc\x84I\xa2\x1d@\x81\xfa-\xd1\xb7\xc4\xa2u\x87\xf1\xe4"T\x0f\x8f\xae\x04Ko(\xf3!\xebk\xd1Lc-\xc4^\xae\xd9f\x19\xab[0N&amp;\xdbFm]\xa8lx*\x19\xa0\xe12\xebG\xab\xbc\xbc\xe7KYF\xae\x96 \xf6F\x8c\xd3Z\xaf\xe4\xd3\\\x11\x86\xb5\xc8\xb5\x80\xaa\xe7\xb6\xca\xff{)\xbe\x9bE\x1d/b3f\x89\xdd\xa4\x8dE\xadKO\x1d\x9b?\x16\xd6\xfb\x02\x89\xee\x7f\x1dGW\x08Cd\x86,\xe9\xc0\x92\x92v\xf5bZ\x9cW$\xfd\x99m\x0b9\xad\xff\x06%&amp;Fik\x8c\xc6q\x9a\xb5\x83\x1d+\xad(x\xcd\x81\xca\x7f\xa7\xff\xdf\xbf\x8d\xf2\x8f[\x86,\x02\xc0\x0f\x01\xe0\xaf\xa9\x04\xf6\xf8d\x11\xb4%\xb0\xa9\xc2Q\xc2\xfc\xa4\x90(,\xd8\x1b\x00\xb0\x07\xb0\x07\x97o-\x1078\xddp\xc5\n\x1e btF\xab\xe1\xc9{\xcd\xc3eoo\xefq{{\xa0/\xb7d\xfe/\xb8bT&gt;\xa4pA\xcf5.y\xf6\x00\x00\xbe\x0e\xc6\xdb\xdb\\-\x04E$\x11R\xec\xd3Q\xf1\x19\x8d\x7f^\\\x01\xca\xc9\xc2\xb0\x8b\xb7?\x7fv+\x13\x95\x9f\xcf\xb4~\x02\x10\x88X\xd9\xd45n^\x98\xdd\x82*\xe2\x8a\xc2|;n\x1fn\xddxn\x01\xed\xabN\xc7\x7f\xfekmCX\x11\xd4\x12\xa5\xffR\x81\x01!\xab\x96\x8amZ\xf8h\xf8\r\xe5\xf5)\xd9^\xe5\xe2\xa8\xdc7\x04\x9cT=\x8b\x08\x9ft\xf7\x12fi\x93\x934\xc2p&gt;C\x81W\xcd\xa6\xf8\xe2\x9e\x96O\xa2b\xbf\xb2&gt;\xe3\x0eA\x909\xee\xa5\xf5\x9avX\x0e\xbf \x02\x9cux\xf1:\x12\xcf\x11\x9a\xc8\xcf)F\x17N\x93*\xe0\x8a\xcd\xdd\xfb\x95\xf1\x9fK\x9b\x80X\xcd7j\xd6\x0c\xc9\xae\xbe\x81\xa5\x8d\x06\x11\x8a\xfa\xcf5\xdd\x97\x95\xc6\x17\xaa\x9bL\xbe\x87\xb4El\xb4F]/\xad\x83D\x80Gs\x10)\x01v]Y\xa4\x88\r,\xad\xaf8\\\xca\xdeV\x1a\xe47?mP\xcf\xa8\xad;\xa4\xe5@\xdfl\xfe\xe2\xf0\xf2\x9b\x86\xa6_\xbf\x08\xf1.\x1b\xd7?\x8b\xd4#kc\xf7\xa9m\x88f\xd0\x1a\x95C\x93:\xcftM\xa1\x01\xc0\xcc\xa4\xda\x95\xe5\xb6\x88\x94E\xc5\x95m+\xf5\x97\x83H\x0f\x14\x84VU\n\x01\xf1\x1a\xda\xc7+u1&gt;Vi\x9f\xa8\n\x97\x15%\xf0\xaf\xd1\x03@\xbd\xb4\xe3\x96\x01\xee2\n#\xd5\xfd\ntM\x04\xb5\xb1v\xdc`|\xc5\xb8\x00\xf6\x17\xab\xa2\x10D\rQ\xd2\xa6\xd3\x82p\x9d\xfab\x07{\xd7\xb5\x83\xf8\x9a\xd9\xe3N\xd0\x9e\x12\xa2\x8e}\xe4f\xb7a\xfb\xf9H\xf5\x9b\x10\x13E\xd5;{\'\x9d\x8cY\xd4U\'\x90\x84\xeb\xb2H\xa6\xa1\xb2\xcdq\'n\x81\xe1\xf0\xc9\x1a\x952\xb01\xc4\x9d\x9b\xf0E\xc4\x9b;\xc7\xd7\x05\xbb\x87\xdc\xdc\xd8\x15\xe2\xbf\x19\xb3\xcd\xf3.\x00+W\xc2\xd9kn\x82\xc4A/\xf7l;V\x8e\x17\xef\xea\xb8\xfe\xd29O\x98;\x83\xd6E,\x1f\x95\x1f\xcaw\xa6SQyA\xcdYG\x9aO\xeb\xb44\x11\xdf\x0b6\xc3\x14lZ\xa6K\xa4\x13\x92+\xad+\xa3\x19\x00\xdc\xdcx\xef\\\xa6\xcaI\xb5\x97.3\tF\x17\xed\x1b;\x87fUG\xdd\xf8\']t\xb9~"&gt;C\xf6\x81\xe8\x06\xb1?$\x00\x9d\x00\x00 \x00IDATIC\xe9\xaa\x8f\xa53s:LQ\x87\x87\xdb\x98\xd5\x91G\xef|\x89\xd5\x0f7L\xc7h-Oq,\xe9\xd1?\xc2\xf7y\xb9\xc4\xb6S&gt;R\xf9\x1a\xb0\xd3\xd6\xb8\x83k\xbc\xd8\x93\xfb\xeay-\xf3 \xbb\xb2\xea\x19"\xf7\x8cn\xb6\x10\x10\xe1\xf8.\xf1\x10\x00\xe1\xc8\xd8\x01\x80\xddF\x8c\x1e[\x01\x9d\xb8h\n\xe2\xd7%\xc5p\x9e\xb8\xd0r\xce2v\xc8zJ\x95\xa2\x11\xd7\xfd+\xed\xacM\xa7\x1c\x10N\x88OB\x13^yZ\xc3\x10\x95\x12&gt;\x92\xe2G\xa2oI\xe7\xd5\x1b\xde\x9f\xa9\xdb\xe6\x10)p\xad\xd0\xe2\xb7Y\xc9v*\xfa\xa1\x9e\x15\xfbZ\xf2\xd2]V\xa4\x1f4CMm\x9c\xdemV\xfblR\xb4\x0f\xac\xe8\x00I\xe9NF\xd5q\xa5\xbb\xb3\x1a\x1b\r\xc3e_$h\xb4\xc1\x1f\x12\xef+\x95\xdew\r_\x88\xb9\xd8\xd5c\x15\xef\x13fk\xa8\xc0l&lt;\xb4O\xae\xc7\x17\xd1\xf4\x865^ \xb4\xfa\x14\xec\x82d\xc1v\x0c\xe3\xfd6bE`#\xe1y\x08\xcb6\xf5\xed:\x8c\x0b\xc5p\x12\xb5\xab\xcd\xde\x95\xdc\xfcY) +\x1d\xec\x02\x1eU\x97\xddh\xd9g\r\xff\xbc\xed\xf6\x174\xb6N\x87\xcd\xd4\x0e2\xcb\x8ap\xa4\x18TF\x0b\xe2I#,\xbb\x8f\x85\xc0.\x8c\x90u-\x15_\x9c&lt;\xedVJ2,_\xc2z\x1c\x00\x0cd\x0f\x00[2\x91\x1d\x88t\xb5\xb0\xc0\x9b\xdf\xb6\xbdV\x07\xaa\xb8\xeb\xd4\x19\x8e;\xc2\xbb\xd0\x1f\xa2\x98Q5D\x86\x8c\x13/G\xebn\x1a\xb7\xde?\xea\xc1\x7f\xadh\xee+4\x10\xdd\xfc\xd6.\x87\xa0\xd2\x9a\xa0\xee\x9f\xfa?\xdb{\xec\x8a\xc6H\rg~9&lt;\xcf\xaf\xcc\x02)\xa8\x1c\xf2\x89\xb1Y\xda\x8dY\x08^\x98\x83\x88|\xe0\x99\x11\xe1\x80X\x8dY\xdb\xff\x80\x00\x97\xe4\x94\x8bdj\x1d\xa4Qf\x0f9\xfe\xecD\x8b\xee\x7fW@\xe57\xf3\xad\x0e\xb4g\xa5\xe8l\x87q\xb3b\xa7\x98\x01\xa5\xf7\x92%\x98\x0b\xb3n\xe4_E\x9a\x17ZU|\'\xa1\xc7s:\x19\x9b\xeaTN\xcc&lt;\xa2\x97\x1c\xe5\x9fw\xdfU+\xac\x18AV\x1da\xb0RG7\x99\xd6\x86K\xec]O\x8cIH\xf6\xdbVJF\xc3\x99E\xf7s\x16\xb2+\x17\xc2\x9bd.\xb6\xb1!\x8c\xfcv\xac\xf2\xac^Kz]%\xear\'D\x10n)*l\x94\x01@\xaem\xa2Pb\x15V\x15\xdf=\x84i \xc9\xb7\x87^\x7f\xfcA2\x89\x00\x02\xe0o\xcd^J&gt;\x8a\xffu\xf7\xae\xb4\xc1\x08\xc37\xc4\xa2\xcb\x86\xc9\x82[\xf8\x1f\x18i\xa1\xdf5VFG\xfe`\xee\xbf\xf4\x10w\x1a\xb6\x02?.U`\xb1\xa3\xbb\x84\xe4\xff~\xca%^\xe3\xea\xa7\xe5\xe9\x10\x00l\xe7.\xa0\xd8\xac\xefl)\t\x99R\xc5\xa3lw\xee\xef}\x97\r;\xf5;\xaf\x01@\x80\x17\xc4\x10\x7f\xd3\xe6v\xca\x03\xdf\xafp\xbc\xa5-H\xfcB*\xa3FXIK\xaceLs\x1d\x07\x9f.\xdc`\xd90\xac\xb0\x9ac\xc1(\xd8\x1e\x15D~\x03:un\x97\xe1\x16.\x0f\x82r\xa0\xa1[E\xe7\xa7d\xf8\x9bEU`\x9ev\xe3\x95\x16\x95V\x1b\xf5\xd7{\x844\xb1_#&amp;\x12\x96\x03\xb3\xf1w\xa7\x1b\xfd]F+X\xedE\xb1\xf8\xe4\xc7\x1b\xc5KX\x00\xf5\xfa\xf2.|`\xc5\x8a\x05\xc1,\x04=\x14\\\x06\x81\xb5\x1bE-\x19\x01\xf10\x89iPo\xfa\xef\x9cP\xb2g\xfe&gt;i1\x90\xe3\n\xa7\x18\x1a\xad\x8a5\x8c\x9d\x8b\xac\xe7\xda"\x07\x00A\xfaI@\xf0\x00`\xbc\x9b\xb9d\x82\xfe\xf4KG\x03\x80t\xf1\x8a\xc0\xeb\'q\x94\xe6\x14\xf8\xf7&lt;\xfa+V\xec\x1aX2R\xcf\x03@\xa2\x06\x10\xe0\xaf\xccb\xf9x\xdd+\xfa\x16\x89\xd5P\xd5\xf9\xf8\xf3\xf9\xb8{\x11\xe1\x1eIK\xcb\x1a\x1e\x8c\xcf\xb8\x87\xaa7\x85Y\x0f}\x8c\x0b\\\x95~\xa9\x90\xff\xd9\x97\x19\x8c\xf6\xfd\x98w\t\xd6x\x10\xb5^\xf3b\x9f;\x19\x8c\xfa\x88\x9d\xa7\xb6\x16\xa0&amp;\xdec\x19h\xc5\x8a\x15B\xd0&gt;\x1e\xebg\x06\xbe-\x89\xd2@@|WBQ\x9b_Z\x9bB\x99:tm\x1b\xa7\xbb\xa0\xfa\x10`\x96\x88~Mz{0t\xfc\xfaW\x8f\xc0\x99iR\xc6c\x82]C/MX\x03T\xcc;f\x84l\xa3\xee\x12\xc6\xf0\x9dB9 \x80\x8d\xfe\x1f\xe1n\x81\xbc\x12\x043\x07\x00\x87n\xb9|\x92\x85\xce\xeeD\xc7\x1d\x08gX\xb1\x04T\xb0\xe3\xea*\xcb\x87\x9e\x19.\xd4\x82)\x03=\x00\x04\xf8\x14\x07)\x83\xb0\xdazrSn\x91\x8aSu\x8e\x88\xf88\xf3\xd1\xc1|\x1fb\x13I\x98=\xac\xa1ef3\xeb\x99:\x8f\xe7F\xf2\xe3\xc5\xd7\x9br\xef\x085\x82\xa1^\x1bd\x0f\xbb\x88`\xf5\xcaa\xabN\x0cW}\xb1a\x8c\xde\x92\xf6\x87l&amp;FO\xa3\xd9\xb1\r\xa5\xfe\xc8\x17\x8c\x86\xcd\xb7\xedu+V\xach\x8b1\x1f\xbe\xb3\xad\x18y\xbb\x03Y\xdbX\\\xe9(\xa6\xc6%r(@\xbc\xab]Z\xad\x91 \xbb\x7fr9!\x03\xc0\xcc \xe1\xa8\\\xc3`\x16#\xfa\x13\x02\xae\xe6\xc5\xba\x19/\x0bz\xa6\xbbt[\t\x82s\x1f\xcb\x00\x10)[\xf4\x91!\xed\xef\x06XQ\xcd\x16\x05\xa9\x126G[\xb1\x93\x0b\xfc\x06_`\x16gE\x1c\xfarui\xe8.WTE\xea\x00\x10u\x14\xc4\xc98a?\xd8\xbe\xa5|j\xbd\xf6:\x00\x0c\x1d\x8b\x7f\x00@\xe3\x1e\xfb\x95\x93\x19}\xfc\xdcN\xa8\xd79\x89\xbb\xc6\x16\xe4\x07\xc6\xed-\xd4\x9d\x11\x1e\xe9\x1c\x95\xdf\xd7\xdd&gt;\x1dI\x99\xae\x94\x14\xe1\x17\xe7\xcf\x00I\xb7\xc4\xf2\xfd\xb7\n\x0e/\xc3\x82I@\xfcC\x1f2\xaf\xdb\x16r\xf0\xfd5\x8dgcg\x9d9b\xd5\xb1\x95b\xdb\xb7\xfd\xa5r\xae\x18\xfb\xc5\x0fk/\xdf\xbeP9\xc8\x1er\xfc\x94\xc3:Z\x19\xd0\xfb~g\xd7\xae\xed\xfa\x91\x03\x00"\x02\xfcX\xfd\xe7\xcd\x98\x06\x80\xe3[\xb3,fo}\xf5\x05\xdd_\xa5\xaf\xbaE^\x1e\x9dA\xb4f\x14l\x8dx\xd5\xe4{#\xa7_\xe5\x96\x99\xd1\xdc~\xab\x86A\xad\x00_\xc1\x0eD\xc4\x83\xa5\x84Is\x01J f\x9f\xb5}\xff\xda\\\x80\x15\xd2p\xb8{\'\xb8(\x8c\xcc_\x96\xefT\x07\x8f\xcb&gt;\xe7\x90%\xac\x97\x9d\x17O\t\xde\xbcra\xe5\x9f\xc4}\xa3\xf9\x94f\xec5\xb3\xcc\x1c\xf3\x06%\x96:\x00\xa4&gt;i\x92\x86\xe0\xd1\x1c^\x96\xc7\xe8\xecEB\xda4N\x03_\xef\xb2w\xcc\x145q\xbdJf?G\xe9\'\x15\xb18@\xb7c\x1a$\xf4U\x921m\x9d\x94\xd4\xd2l\x03!$TY\x050;\x18?\xf1\xc5-\x7fE3|x\xfe\x92\xe2H;L8x\xe0\x98\xf6\xffRo\x00(\xd33\xa8]\x90\xf6\x12\x18\xc9\xa1\xfd\x16\x8c\r\x8fZ\xbc}\xdd\'\xd5[.\x0e\x80?\xb3\x94\xe0aF\xbe\xa9\xfe\xe3M\xfa\xfe\xeeCb\x97U\x05\x12\x12\xba\x0fj\x83\x1e\xdf`9Wg\xf5\xff\x95K{C\xd6\x840\xedX\x8f\xe0\xd6@V;\x9e\xc0*g\x00@@&lt;\x89\x14g\x90\x8c\xb2\xdd\xff|&lt;\x8a\xb0\xce\xd1\xacz\xb0\xfd6d\x00h\xa2\x01\x04x\xde\xf0\xcb\x8a\xaeq\xb5\x9e\xb7&lt;\xb4?\xf8U3c\xff\xc1\xec\x19\xfe\xc0H\\\xe9T\xa7W\x88\x13\x1c\xbec\xf7\xcd`vS\xfaq\x9b\xbf9\xeb2}}\xc6\x90\x93xc\x82\x1e\x19U\xff\xd6\x18R-\xb7\xc9u\xdb\x84\x88\xe1l\xcb\xcc\x06\xbcfi\'YK\x1c\xac+\x83W\x03m\xc6\xb9\xd8\x1b\xd5\xdc\xaa\xbbb9t\xedi\xaaY\xc3\x16\x12\x1a\xd7[\xcd\xdf\xd6\x97\n\xb8\x9c\xaa\x82\x95\x83\xc4\x88\\\x0e\x02"&lt;\xac\xf1nE\x93\n\xdd\x0f\xa4\xf4dn \xfc\xcdh\xbc\x86\xd7\xa5K\xbe\x81.g\xdd\x1d\x81g\x96j\x18\xc8\xd2\xa35\xfa\xa8w\xff\xb2Z\x17\xb2\x9f#Z;\xf3\xf9\x80\xee\x87\xd9\xc7s\x9e_o\x008CJ\xfa\x86\xedA\xea\x8c\xda\x83\x00\xff\x9ez\xafM*\xe0\xa2\xcc\xde\xc8\xe5\xa0&gt;/)\x04\x04x\xa2\xcbSK\xf25d\x10\x8b\x8f\xb7\x16 \x0b\x91\xa9p\xe3l?\x1e\xef\xd5\x9cABJ\xcdE\xc1\xad\xfap\x16Q\xf1\xa5$\x81k\xd0|\xa3\x0f\n*6\xfd\x11\x12\xafV\x8d}S\xb6h\x1b\xd5H\x92Ar\xc4\\\xa9\x16~\xb5\xd8/\x1bgj-\x80\x13V\xa2C\xf5\x8d\x1d0M&amp;\x10&gt;[BKd\xe9Q\x06\x80\x07\xe8&amp;{S\xcd\xc6)\x10\x8e\xd6J\x11\x9b^\xe3\xe4\x87O\xd8\xbe\x92\x8c\xb7\xd4\xdd\x1cO\x19\x00 \x7f\x00\xa8\xba\x07V\xae7"\xbc\xa4\xf8\x00\xe0t\xcd\x92|5\x01\xaa0\xdaM\xc4\xb5\x86\x00\xafS\xfe%-\x99z\x10\xb4\x9b.c\x15[\x95\xfew`\xd2\x98Q~\xdc\x1f\xed\xa6\xeb\x90\xe3\x9d \xf1\x98\xf1\xc5\xc8\xeb\x0fo\'j2\xa6\r/D\xd5|}\xadb9\xa0\n\x9f\x16\x14\xabi\xe6\x80e\xb2+\xa9\x7f\xf3\t\xc0d8\x11\x19\xcc\x04\x99rm\\\xc4\x90\x96\xd3\xf18\xf5\xf0\x12\xb7\xa5\x13\xd8\xfcD\xb97\xa3\x8d\xe6\xd3T\xb8\xdf|Q\xf3\xb33sp\xd7\x85\x98\x88\xc7\x0eT\xf1\xf8S\x0e\xc7d\x8cF/\xc5\xce\xca\xec\xa1w\xc1oD\xe4\x0e\x0e\xe4\xa4\xe6\x8e\xea_\xe0\x00\x00\x00\xe7m\xbd\x9c(\x87DD\x847\xfa\xaf\x0c\x0c\xa2\xc0J\xa4\xe6\x01\xf9`\x14\x15\x01.\xceA\'\x84\x95\xea\x03\xbd\xa8z\xb1\xd0\x0b\x1f\xd1_\xb6\xce\x18\xc2QNK?T\xc3D\xe5h\x0f\x00\xe8\x1b\x00\x9a[\x90\xdef\xd5EE\xf3\x16\x91\x8e\xf7\xff\xdc\xda\xdc7\x92\x94J\'}\xb5\xcc\xce\x97\x92\x8bo\xc6\xc3Z\x93\xa2v\x19V\xa3\xa8.\xc3J\x03@\xb8&amp;\xeb\xea\xa10&amp;\r\xdf\xaa\xb5(E!1W\xba\x10\xe3\xf6\xd7\x9e\x9e\x05g&lt; MC*;Z\x86B\x06\xe2\x13\xb5\xa6\xff\x14\xda1-\x87\xbeDM\x90\x16\x01\x9e1\xfc\xa2\xbcX\xb1\x04w\x85[\x0e\xbfL\xe9\xe2\xc7\xfc\x8a\xdaR~\x933[\xea\xf9\x8a\xc8`(+\xd6,\t/\xe7\xab\x052d\xb6\xb0\x11\xf7n\x1ct\xb6\xbf\xe4$\xf1\xd1\xf6\xa0\x1d\x9cZ\x00\xd8\x172\xb3\x8f\x88U\xbb\xde\xad\xd1o]\x92#\x95\x0e\xe2\xee\xea|\x0cPW\xb1\x98\xaf\xfa\xa5\xd0\xd9\xba\xe2\xd3T\xba\xed\xac\x9a\x13\x06\xe2Lj"\xb0zn)\x87VKh\xae\xba\xe6\x02\x04\xa3\xb3T\xd0;\x8c\n\xcbIy\xa4}S\x8fM\xf5\x94EU|I\x03\xc0\x16i\xea\xaa\xb1\x1c\x0f\xdd\x90\x87byM|\xfa\xad\x9e\x8fS\xac\xd8@\xe0h\x84p\x8bYy\xcc\xe7b&gt;\xfb\xd2\x9e9x\xc5I\x83\xd7n&amp;\x91\x85`y+\x1a\xf1^q\xbe\xcd\x8e\xb4\xb4\xf6\xa1\xf9N?Tu\xca\xf5_\x8f\x90\x04\xd5\xcc\xdc5l]\x1d\xbe\xd6\x1ay\xd8\x16\x88\xd3\xc4\xdfys~a\x96\x0f\xe5\xd3,\x9cT\xed\x1c5s\xb5\xda\x01Nw-hG\xf8\x84\xf6\xd2\xe0\xd2\x000\xfc\xbd9\x06\x8ct\xb7\xff\x9c~^8\xa9X\xd88\xa5\xaac\x85\x07\xa2\xac\x16\x04=\xf8\x03\x07&lt;T\xfek\xbc\x9e0p\xbf\x1c\xe0v\x91w\xc9Ed\xc3\x17J\x95\x8fT5\xf4\x17\x0b\x00@\xc8|\xf9\x90\xbcGl\x8c\x05WV\x93\x94zK\x94;\xf5\x9f\xa2\xc9\xc5v\xeaH\x8bF\xf7\x9e\xb6\x82\xc8X\xb3\xe7\x176\x17\x107.d\x00\xa0\x9eo0\x1f{q\xeaNZ\xd3\xaf\x01\x11\x7fV\xe0\xf0\x197\xc1x\tR*t4\x13\t+uc\xd4\xc0\xf1\xa3\xee\xb2\x16u\x8f\x0e\xb3\xc0s\xf9I\xfe\x82e\x00X{ )\x08\xcb\x0f\xce\xd6\xffJ\x99\xb9\xc5\xac\x14\xcbFx/\xb2\xa2-V\xeb\xf4\x8fk\xda\x03\x80\x1f\xd3\x05\xd6\x8d\x8b\xf1\x07"\x87\xeb\x07,3WJ\x0f\x00\xb7\x9c\xbf\xb1%J\x18x\x18x2\x1c(\xb7w\x8f\xf3~\'\x95\xfe\xbd\x7f\x17z\x8b\xca\xb8T\xff^\xb1\x02\xc0\x9fd\x9cm?g]T\t~&gt;7YI\x87^\x16\xe5@\x940+V\xf0 \xbe\xff\xd1\xb6\xa5\x968</t>
        </is>
      </c>
      <c r="E317" t="inlineStr">
        <is>
          <t>&lt;class 'numpy.ndarray'&gt;</t>
        </is>
      </c>
    </row>
    <row r="318">
      <c r="A318" s="1" t="n">
        <v>316</v>
      </c>
      <c r="B318" t="inlineStr">
        <is>
          <t>steps_per_sec</t>
        </is>
      </c>
      <c r="C318" t="n">
        <v>3600</v>
      </c>
      <c r="D318" t="inlineStr">
        <is>
          <t>2.9726765</t>
        </is>
      </c>
      <c r="E318" t="inlineStr">
        <is>
          <t>&lt;class 'numpy.ndarray'&gt;</t>
        </is>
      </c>
    </row>
    <row r="319">
      <c r="A319" s="1" t="n">
        <v>317</v>
      </c>
      <c r="B319" t="inlineStr">
        <is>
          <t>Loss/RPNLoss/localization_loss</t>
        </is>
      </c>
      <c r="C319" t="n">
        <v>3600</v>
      </c>
      <c r="D319" t="inlineStr">
        <is>
          <t>0.22928333</t>
        </is>
      </c>
      <c r="E319" t="inlineStr">
        <is>
          <t>&lt;class 'numpy.ndarray'&gt;</t>
        </is>
      </c>
    </row>
    <row r="320">
      <c r="A320" s="1" t="n">
        <v>318</v>
      </c>
      <c r="B320" t="inlineStr">
        <is>
          <t>Loss/RPNLoss/objectness_loss</t>
        </is>
      </c>
      <c r="C320" t="n">
        <v>3600</v>
      </c>
      <c r="D320" t="inlineStr">
        <is>
          <t>0.03836434</t>
        </is>
      </c>
      <c r="E320" t="inlineStr">
        <is>
          <t>&lt;class 'numpy.ndarray'&gt;</t>
        </is>
      </c>
    </row>
    <row r="321">
      <c r="A321" s="1" t="n">
        <v>319</v>
      </c>
      <c r="B321" t="inlineStr">
        <is>
          <t>Loss/BoxClassifierLoss/localization_loss</t>
        </is>
      </c>
      <c r="C321" t="n">
        <v>3600</v>
      </c>
      <c r="D321" t="inlineStr">
        <is>
          <t>0.25203004</t>
        </is>
      </c>
      <c r="E321" t="inlineStr">
        <is>
          <t>&lt;class 'numpy.ndarray'&gt;</t>
        </is>
      </c>
    </row>
    <row r="322">
      <c r="A322" s="1" t="n">
        <v>320</v>
      </c>
      <c r="B322" t="inlineStr">
        <is>
          <t>Loss/BoxClassifierLoss/classification_loss</t>
        </is>
      </c>
      <c r="C322" t="n">
        <v>3600</v>
      </c>
      <c r="D322" t="inlineStr">
        <is>
          <t>0.11186427</t>
        </is>
      </c>
      <c r="E322" t="inlineStr">
        <is>
          <t>&lt;class 'numpy.ndarray'&gt;</t>
        </is>
      </c>
    </row>
    <row r="323">
      <c r="A323" s="1" t="n">
        <v>321</v>
      </c>
      <c r="B323" t="inlineStr">
        <is>
          <t>Loss/regularization_loss</t>
        </is>
      </c>
      <c r="C323" t="n">
        <v>3600</v>
      </c>
      <c r="D323" t="inlineStr">
        <is>
          <t>0.0</t>
        </is>
      </c>
      <c r="E323" t="inlineStr">
        <is>
          <t>&lt;class 'numpy.ndarray'&gt;</t>
        </is>
      </c>
    </row>
    <row r="324">
      <c r="A324" s="1" t="n">
        <v>322</v>
      </c>
      <c r="B324" t="inlineStr">
        <is>
          <t>Loss/total_loss</t>
        </is>
      </c>
      <c r="C324" t="n">
        <v>3600</v>
      </c>
      <c r="D324" t="inlineStr">
        <is>
          <t>0.63154197</t>
        </is>
      </c>
      <c r="E324" t="inlineStr">
        <is>
          <t>&lt;class 'numpy.ndarray'&gt;</t>
        </is>
      </c>
    </row>
    <row r="325">
      <c r="A325" s="1" t="n">
        <v>323</v>
      </c>
      <c r="B325" t="inlineStr">
        <is>
          <t>learning_rate</t>
        </is>
      </c>
      <c r="C325" t="n">
        <v>3600</v>
      </c>
      <c r="D325" t="inlineStr">
        <is>
          <t>0.0399737</t>
        </is>
      </c>
      <c r="E325" t="inlineStr">
        <is>
          <t>&lt;class 'numpy.ndarray'&gt;</t>
        </is>
      </c>
    </row>
    <row r="326">
      <c r="A326" s="1" t="n">
        <v>324</v>
      </c>
      <c r="B326" t="inlineStr">
        <is>
          <t>train_input_images</t>
        </is>
      </c>
      <c r="C326" t="n">
        <v>3600</v>
      </c>
      <c r="D326" t="inlineStr">
        <is>
          <t>[b'1024' b'1024'
 b'\x89PNG\r\n\x1a\n\x00\x00\x00\rIHDR\x00\x00\x04\x00\x00\x00\x04\x00\x08\x02\x00\x00\x00\xf0\x7f\xbc\xd4\x00\x00 \x00IDATx\x9c\xed\xddw\xd4&gt;O_\xd0\xf7\x19\xf2\x05")`H\x04\x05\x82F\x111v\x94\xc7\n\xa8\'H\x89\x95`\x01\xc5\x9e\x13\x8d\xc1\x8a\x8a\x05KD\x13K4 b\x12\x13\x95c\x8b9F\x02\x06\x91X\xc0\xde\x81&lt;1\x82\x8a\x01DD\x8a\x05\xce\x01Q9\x9f\xfc\xb1\xe5\xda\xbe\xb3S?3\xf3~\x1dx~\xf7\xf7\xbe\xafkwvfvv\xfa\x1a\x03\x00\x00\x00\x00\x00\x80DDDDJ\x87\x02\x00\xd0\xa9\xb7)\x1d\x00\x00\x00\x00\x00\xf9\xd0\x00\x00\x00\xd4\x84\xf1\x13\x00\x08dK\x07\x00\x00\x80\x07\xe6\xda\xbf\xb5&lt;\xc2\x00\xc0\x07#\x00\x00\x00\x00@Gh\x00\x00\x00\xeaC\xe7?\x00\x00\x00\x00\x00\x00\x00\x00\x00\x00\x00\x00\x00\x00\x00\x00\x00\x00\x00\x00\x00\x00\x00\x00\x00\x00\x00\x00\x00\x00\xca\xe3u\xb9\x80f\xdc\x9e(\x8b\xf7\x00\x00\x00\x00d\xc5{\xacQ\xd6\x9b\xd2\x01\x00\x80\xee\xcc\x9d\x7f\xd7\x95\x80M\x1f\xe1\xa3\x1a\x835\xc6P\xc3\x00\x00\x1ca\x04\x00\x00rs\xac\xca\xdb\x90NBj\xff\x00\x00\x00\x802\xae\x93\x80E\xe4\xb3\x991\x0c\x00\x00\x80\x82X\xc1\x06\x00@\xa5\x18#\x06\xf0\x98\xe3\x14v\x00\x00\xa0\x10\x0fo\x00&gt;h\x03\xe87\xa4\x11\t\x04\x00\xd8`\x110\x00\x0f\xcc\xff\xa9F\xe7\x93\xb5:\xbf|\x008D\xcf\x10\x80\xc7\xe8\xfeG\x15\xa61\x10\xc3\xc3\x0e\x00\x96(\x13\x01&lt;\xb3\xecR\xa5\x01\x00\xf5\x84\'\x1d\x00l0\x05\x08\x00\xd00j\xff\x00\xb0E\x03\x00\x00\x00\x00\xe8\x08\r\x00\x00\x9e\x98\xfe\x038\x13\x96#\x03\x00\x00 +*\xa0\x00\x80\x01#\x00\x00\xd0\x83w0\xb4\x01`\x0c{\xf8\x020\xac\x8e\x02\x80NT\xfd^0v\x9e\x8d\xa5\xeal\x00 \x16F\x00\x00\xa0\x17\rT\xfb\x18\xc4\x08d\xed*\x1b\x10\x9f@\x9fh\x00\x00\x00\xd0\x8bM\x85\xdf\xbbMH\xcb\x01\xa8\x1a\r\x00\x00\x00\xf0H\xc9\xda\xbf\x08[*\x01\x00\x00\xf4\xe1;S\xed\x03\r\x00\x00\x00\xf2\xe0\x89[\x10\x91\x0f\xcc\xa2\xde\x0e\xdcV\xe8\xd7\x9b\xd2\x01\x00\x00\\i`\xe5.\x10E\xdc\x96\xb0\x88\xb1Fx\xa3!\xfa\xc4\x1a\x00\x00\xf7\xac\xb5TC\x01(\x11\xad%@\xb1\x86^\xd1\x00\x00\x80\xba\xc9\xa4t@\x80\xb4\xd6\xfd\x10A\x19\x9e\xfb\x05\x9d\xa3\x01\x00\x00\x8dh\xb6NS\xc7uU\x11\xc8\xfa1\x18\t\xc4@\x03\x00\x00\xea6W\x88Z\xad\x17UQ\xb3\xae\xa3\x91\xd2\x88\xa1\x11\x10\x9a\xdfiI\x00\x00\x00 \x04-\x00\x00\x00\x00\x00\x00\x00\x00\x00\x00\x00\x051\x01\x0e@4\xc3"Tk\re\x0b\x00\x00qM\x0f\xd9\x08OX\x16\x01\x03\x88\x8c\xd5\x90\x00Ta\x9f\\\xb4!\xe2\xc2u\x1a\x00\x00\xa2\x19\xca&amp;\xf6\xd6\x00\x00 \x01\xf6\xc1\x05\x00\x00p@\xf7?\x00\x00\x00\x00\x00\x00\x00\x00\x00\x00\x00\x9a\xb1\xb6\x0f\x00\x80\xa7\xde\x94\x0e\x00\x80Z\xcd5o\xd6$\x01\x00P\x11\x1a\x00\x00*F\xdb\xe3\xce\xd0H#\x96\x00\x00/l\x03\n\x00\r\xb3\xd4\xfe\x01 \x0f\x11\x99\xba]\xb4\xa3\x01\x00\xe01\xa6\xdd\x03\x00\xb04&lt;\x19ky&lt;2\x05\x08\xc0SL\xfd\x07\xa0\x86H\xcc\xf7\xa3\x02^\xaa\xeb\x17\xa3\x01\x00\xe0)j\xfe\x00\xd4\xf8\xc2\xd2\x01\x00*\xc4c\x1c\x00\x00\x00\xf0\xc7\xb6x\x00\x00\x00\xf1U\xb4\xc2\x12]"s\x02\x00\x00\x00\x00\x00\x00\x00\x00\x00\x00\x00\x00\x00\x00\x00\x00\x00\x00\x00\x00\x00\x00\x00\x00\x00\x00\x00\x00\x80F\xb0\r(\x10\xc7\xdb\x94\x0e\x00\x00\x00\xc0=\x11#\xd4\xff\x81\x18h\x00\x00\xf0\'"\xc6\xbck\xe9P\x00\xe8\x05/Y\x05\x00\x00\x00\x00\x00\x00\x00\x00\x00\x00\x00\x00\x1a&amp;"\xc2*\x01\x00\x00\x00\xa0\'\x1fS:\x00\x00\x00\x00\x00\x00\x00\x00\x00\x00\x00\x00\x00\x00\x00\x00\x00\x00\x00H\xaf\x93u\xe4\xbc\x08\x0c\x00\x00\x00\xe8\x08\xef\xd4\x03\xe0i\xd9Mb-\x85\t\x00\x00u`\x04\x00@\x04\x9d\x8c\x99\x02\xc8\x85"\x05H\x88\x06\x00\x00\x9dx\xa1\x8f\n\xbcY\t\xf9\r\x99\x8e\x8c\x07\xa4C\x03\x00\x80F&lt;\xfa\x01\x00H\x84\x06\x00\x00O\xcbY\xff\xd6\xfe\x99\x14\xa7\xc8\xd5\x05Hk\xe3\x94\xfdr\x16x\x00\x00\x00`\x96l~\x88LR\x1c|\x7f\xae\x0cg\x01\xe0\x88\x89g\x00\x00tJD~\x81\xb2J\x00\x95\x12\x00\x00\x00 \x15j\xdb\x00\xfcPz\x00\x00P\x1f\xe6\xff\x00\x00\x90\x08\x8b\x80\x01t\x8d\x15\xae\x80\x06\xcc\xfb\x07rzS:\x00\x00p\xc0Z\xcb\xe6&lt;\x00\x00\x00@\x12"Bm\x1b@I\x94B@F\x8c}\x03\x18\x07\xde\x99\x0c\x03\x00@\x0fX\x03\x00\x80z?\x00\x007D\xe4G\xb1R\x05\x00\x00\x00\xe8\x04K\xd5\x01\x00\x00\x80\x8eP\xfb\x07\xd0\x1a\xca5\x00\x00\x00\x00\xc60\xe8\t\xe09\n\r@3\x16\x01\x03\x00\x80\xf8&gt;\x956\x00\x00\x00\x00\xd0\tF\x00\x00\x00\x00\x00\x00\x00\x00\x00\x00\x00\x00\x00\x00\x00\x00\x00\x00\xd5`\xfb,\x00j\xb1\x0b\x10\x00\x00\x00\x00\x00\x00\x10\x80\xee\x7f\\ {\x00\x00\x00\x00\x1d\xa1\x01\x00\x00@0\x9e\xa6\x00\x00\x00\x00\x00\x00\x00\x00\x00\x00\x80z\xb1\xc9\x18\x00\x00\x00\xd0\x17\x1a\x00\x00\xeaQ{\xa7\x85\x88P\xec\x02\x00\xaa\xc6{\x00\x00\xe0\x99\xca\x9b0\x00\x80\xde\xd1\x00\x00\x80gl\xe9\x00\x00\x00p\x82&gt;*\x00\x00\x00\x00\x00\x00\x00\x00\x00\x00\x1f\x9d\xe1\x1c\xb1\x16\x01\x8b(\xda\x04MOH\x00\x00\x00\x00w\x19\xf6\xb7QTk\x07P\x1c\x05\x02P\x04\x8b\x80\x01\xccl\xfa\x05\xae,\xa0\x05\x00\x00\x00\x00\x00\x00\x00\x00\x850\'\x01\x00\xd02\xa6\x00\x01\xc0\x02\x8b\x14\x00\x00\xad{S:\x00\x00pc\xae\x92[\x9b~\t\x81\xb5\xbc\xe9\x17\x00\xd06F\x00\x00`\xebSh\x03\x00\x00\x1a"\x92a\xa3?\x00\x88(\xe7\x96\xff\xbfC\xd2\xbda\x80\xd9E\x00\xe0\x85\xc232\xb6\xe4\x03\x80\x97t\xd3\x8d\x86#[cL\x86\x89L\x00\xd0\x0e\x11\xc92\x05\xb4\'L\x01\x02\x80\x1c\xc6\x87\x17\xcf0\x00x\x86\xca\x7f|\xc4(\x00,\x8dc\x00&lt;p\x00\x00\x00\x00\x00\x00\x00\x00\x00\x00\x00\x00\x00\x00\x00\x00\x00\x00\x00\xb8b\xfb`\xa4\xc0.@\x00PL\xbaw\x0e\x00\x00p\x86\x06\x00\x00\x00\x80Ri\xdeI\xf2\xa5q\x8f\t\x00\x00\x00@)\x11\xe1\xc5\xba\x00\x00\x00@7~\x1e\xb5\x7f\x00\x00\x00\x00\x00\x00\x00\x00\x00\x00@y\xec\x9c\x03\x00@\x08v\x01\x02P%\xda\x00\x00\x00\xf8\xa1\x01\x00\xa0V\xb4\x01\x00\x00\xf0@\x03\x00\x00\ncW&gt;\x00@N4\x00\x00T&amp;\xfakq\x00\x00\x00\x00\xc0\x0c\xeb\x8d\x9d&gt;\xc4d$\x00@=\xe8H\x03\x80 s\xed\x9f\xa1\t\x00@\x15\x98\x02\x04\x00A\xa8\xf5\x03\x00\xea\xc2\x93\x0b@\xc5\x86\xdew\x05]\xefBq\xaa\r#3\x00p\x86\x11\x00\x00UZ\xce\xbcW0\x05\x9f*\xa66\xc5\xb3\x04\x00\xe8E\x03\x00@}\x14\xd4\xf8\xa1\x1a\x19\x04\x00.\xd0\x00\x00P=\xe6x\x00\x00\x00\x00@\xd7\xd8\x9e\x15\x00\x00\x00\xe8\xcd{\x97\x0e\x00\xb0A\xa3\x14\x00\x806\xd0\xd3\x0c\x00\xa8\x07k\x00\x00 \x94\xcc\xff\x03\x00\x80z4\x00\x00 \x02\x11c\xbeBh\x06\x00\x00\xf4c\xeb\x0c\x00\x08\xb5Yl\xca\xaeD\xa8\n\xaf\xb1\x03\xba\xc3\x08\x00\x00\x84\xa2\xc6\x8f\x9a\x91{\x81\xee\xd0\x00\x00\x00\x00\x00\x00\xa0?l\x9a\x1e\x88\x8d\xe7\x01\x00\x00P\r*\xaf\x00\x00t\x82)@\x00\x00\x00@Gh\x00\x00\x00\x00\x00\x1d\xa1\x01\x00\x00\x00\x00t\x84\xcd\xbf\x00 \xa1ye\x05[\x85\x02\x9d\x1bJ\x03\x8a\x02h\xc0\x08\x00\x00$\xb4|\xd4\xb3\xcc\x1a\xe8\x16\xb7?TyS:\x00\x00\xd0\xb4mw\x1fo]\x05zd\xad\xa1\t\x00=\x18\x01\x00\x80L\xac\xb5\xd4\xfe\x81^q\xefC\x11\x1a\x00\x00\xaa\xc1\xcb\n\x00\xd4\x8b\x16\x00\xf4 7\x02\xa8\x03\xabi\x01\x00\x88\x82\x11\x00\x00\xd5\xf9\t\xa5\x03\x00\x00@\xc5\xe8H\x03P\x01\xba\xff\x01\x00\x88\x85\x11\x00\x00\x00\x00\x00\x00\xa0\x06k\x7f\x01\x00\x00\x80\xaeP\xfb\x07\x00\x00\x00\x00\x00j\x89\xd0y\x01\xb5XN\x07\x00\x00\x10\xd3r\xd6"[\x17\xe4\'"\xd6\x1aj\xb9\x17X\x04\x0c\x00@\xd5\xe8f\x06\xb6X8v\x8d\x06\x00\x00\x00\x15\xa3\xa2\x03\xe0)\x1a\x00\x00\xe0\x84\x9d\x88\xa0\x133L\x12\x91\x89\xc77\x13\x04\x07\x88\xe9M\xe9\x00\x00@\x05\xa8\xfd\x03]\t\xba\xe5\xad}\xda\x06\x18NG[.\x16b\xf2\x16#\x00\x00\x00\x1fG\x9d\xa34\x93\xd0\x9a\xc0\xaa\xa4\xcb\x97\xe7\xfb\x88\x8e\x06dC\x03\x00@\xb7x\xbfXt\xf4\xba\xa1\x11C\xbd\xffo\x85}\xfd\x1f\x19c\xe8\x8a\x06\x00@\x0f^0\x1c\xee\xa3\x88@ \x06\xff\xf5\x06\x00\x00\x00\x00\xd0!ZP\x8f0\x05\x08\x00\x00\x00U\xa3\xea\xff\x0c\r\x00\x00\x00\x00T\x8d\xb5\x16\xc6\x98q\x1c\x84\xe6\x10\x00\x00\x00FL\x92i\x9d\xeb&lt;(F\x00\x00t\x84\x87\x1f\x80\xceQ\x0c6\xcdu\xdfZ\x1a\x00\x00\x00\x00]\xe0\rY\x1d \x89\x01`\x8b\xae/\x00\x00\x00\x00\xa8\x0fm9\x00\xf0\xc40\x01\x00\xa0&gt;\xc3&lt;fk\r\x0f2\x00x\x8a5\x00\x00\x80zQ\xfb\x07\x00\x00\x00\xd0\x1cvn\x01\x10\x11#\x00\x00\x00\xa8F\xed\x1f@\\4\x00\x00\x00\x00\x80\x8e\xd0\x00\x00\x00\x00\x00\x00\x00\x00\x00\xa6`\xa1E\x8c\x00\x00\x18\xf1\x90\x03\x00\xa0\x07oJ\x07\x00@y"b\xed\x0f,\x1d\nT\xc9\xaf\xddh-\xdbw\xa2\x1a%\xb2\xab\xb0\xc5\xed\x85\xb9\xd8\xa1$\xf1\xc6\x08\x00\x80\xa1\x0c\xfd\x0b\x14\xa4x\xe4\xe3D\xbcG\x8dd!n\xa8\x80\xda\r\xb7\x05\xb7\x06\x92\xe2\x81\x0f\x00x E\xbd\x84\x17\xfa\x02\xb3\xcd-F\'\xf7\x1e/\x02\x0f\xc7\x14 \x00\x80\x93t]\x92"\xc6\x18\xa1\xa2\x03\xc0\x05U\xffpL\x01\x02\x00\xdcz&lt;W\xe7\x9d\x8c\xb1/\xae\xe70\x86i\x0f\xe8\xdd\xee\x86\x91\xc5\xffb@\xed?\x141\x08\x00\xb8\xe0Z\xf3w\xec\x93s9\x1cC\x01\xc0@D\x86;k\x9a\xf4\xc2\xad\xb1 b\x18\n\xf0E\xac\x01\x00\x8e]W\xd6\xbdG\xe1\xdd\xda\x00\x9e\x07\x07ZE\x1b`\x89e\x00\x81\x885\x00\xc0\x81\xb3jz\x94\xfa\x87\xfb\x84"\xaa;\x006\xd8\x064\x1ck\x00\x00\x00[Ik\xff\x8f\x8e\xc3f\x88\x00\x10\x1d\r\x00\x00\xc0J\xea\xda\xff|4\xc7\xc3\xd1\x06\x000\xa3@\x88\x82\x06\x00\x00\xe0\xe5\xbc\xf6\x9f\xe0d\xb4\x01\x00\xf8b\xfeO\x08\x1a\x00\x00\x80\xd9E\xed?\xcd\xb3\x96\xb9@\x00\x9e\xa3\xf6\x1f\x88\xe8\x03\x00\x8c\x0e+\xd9\xd6$\xea\xff\xbf&gt;\xed16\xfd\x00\x80p\x8c\x00\x00\x00\x8c\xb9\xa8\x86[cD\x8c\x881\xdf\'\xcd\x99?\xc0\xfd\xa3\x0c\x03\x00@8\xfaQ\x00\x00\xc6\x9c4\x00\xbe\xdc\x98w7\xc6$\xeez\x7f4\xbd\x87A\x00\x00\x08\xc4\x08\x00\x00\xc0\x9c\xcd\xfe\x7f\xf7\xd7\x8f\x1eu\xee\xb7:~\xee\xd1\x0c#\x06\x01\x00 \xd0\x9b\xd2\x01\x00\x00\x94\xf7\xf5\x97\xb5j\x9f%\x00"r\xf3E\xf1\xee\xc8\x17\x11\x96\x00\xa2C\xbc\x0c\x18\xb10\x02\x00\xe0\x11z_\xdb\xf4o\x9f\xff\xc9o\xca\x8dl\xfe\xbb\xff\xc0\xea/\xd4h\x80{\xdc&amp;\x88\x85\x06\x00\x80\x07\x98}\xd1\xa4\xc7;l\x8a\x183\xfc\xdf\xcf\xbf;\xe0\xbe\xc6"\x83u\x95\xff\x0b\xcdG&lt;\x0b\x02\xd0#\xeb\xfe\x02=\xe0\n\xd9\x08\x00:wS\xff_\x8f\x00\x1c\x7f\xf8\xec3\xbb\xca\xca\xd9\x9f\x1e\xb7A\xa8\x06\x01\x807\nP\x00{\xfe\x93\xb3Q\x9b\xfb\x9a\xf7\xb2\xa6\xbd\xf9\xb0]\xfc\xff\xe6\xb0WYH\xe4`\xca\xcf\xc3&amp;\x00\r\x00\x00\xf0F\x01\n\x00\xfd\n|\xbdn\xbcZ\xb8\xc7\x08\x80\xe1\x11\x06\x00~X\x03\x00\x00(\xcb\xa7\x19\xc2r\x14\x00\xf0F\x03\x00\x00\xba\x15\xd8\xfd\xff\xf4\\\xc7\xa7\xfbYT\xe5\x01 /\xc6O\x01\xf4\x89u\x0e\xa1\xf3\x7f\xcc\x93)@\xf3\xb9.\x96\x05\xa7;;\x00`\x89\x11\x00\x00\xdd\x11\x11\x91\x08\xd5_xXG{`"\x90\x82\x00\xe0\x83\x06\x00\x80\xee\xd0q\x1c\x8fO\x15|x\x0f@\x8c\x11\x08\x00\xed\x9bJ\x0c\xc4D\x03\x00@\x87\x98&lt;\x12\xcbow\xf9\xd0\xe1\xc3\x9b\x07:\x00\x17\xbc\xfd,\x05b\x14@\xdf\x0e\xf7\xa4\xefC\xae5\x00\xdfK\xe4o\x04\x9e\xe8\xe4\xec\x86\xa7\x18\x00x\xa0\xe8\x04\xd0\xb9~W\x03g[\x04\x9ch\xf8\x9e\x06\x00\x00\xf8a\n\x10\x80\xceQ\x83LF\xc4\xc8\xe9\xee\x9f\xe1\xbe\x0f\x93\x88\x00\xc0\x0bO&gt;\x00\xe8T\xd2\x11\x80\xc5\xbe\x9f\xc6H\xaaF\x00S\x83\x01\xc0\x03#\x00\x00\xd0\xa9\xa8\xb5\xe7\x8b\x9e~;,\xe2\xa3\xae\x8e\x0c~\n;\xc6\x00\x0e\xde\x94\x0e\x00\x00\xa0b\xcb\xca\x965\xf3\x8a\xea\xc3\x1a\x98e\xe7~\xa4C\xbd\x1fpG\x03\x00\x00\xfa\x15R%\xb7\xd6\x0c\xdf\xde/\xc6\xfd]\xb2\xfc\x0c\x90\x1c\xb5\x7f\xe0\x11\xa6\x00\x01@\xa7.\xa6JX\xfb\xa9v\x9a\xb7s^\x89\xb7\xc6|[k\xed~9\xd9\xcfX}\xe6\xe5\xa7\xfa\x06\x15p\xc4l3\xc0\x057\t\x00t\xea\xa2\xd3t_\x85\xda\x7f\xf8\xba\x9a5|~\xf3\x99\xe8\xdd\xb4T\xf5\x00\xc0\x03#\x00\x00\xd0\xa9\xb3\xda\xf3\xe1o7\x9f\xdd|\xe6\x87\xef\xb6\xfb\xdcu\xc4\xc6_\x9aI\xdd\x1f\x00\xfcP~\x02@\xbf\xce*\xe5\x87\xef\xd8Z\xec\xecy\xfc\'\x97]A#\xa2\xfb\xbfW\xfd\xbe\xbc\x0f\x88\x85[\x08\x00\xfau5\x0b\xc8\x9c\xad\xe1\x95\xf9\xef\xe1g\tA\x03\xa0G"\xc2K\xa0\x81`L\x01\x02\x80~]\xf5\xd9\x1bc&gt;\xe5d7Oq\xaf\xd3\xb37\x0bb\x9a\xf7\x97*\x1a\n\xa0z\xdcB\x00R\xabc\xbc\xfeb~K\xdb\xbc\x06\x01\x9c}W1o\xb5\x8c\x00\x00\x80*\x94\x9e\x00`\x0c\r\x80#\x11\xa3BD\xe2\xbe\x06,B\xe3\x04\x00z\xc5\x14 \x000f\xaa\xec\xf6V\xfb\xbf\x107&amp;\x86\x17\n|Y\xd4#F&lt;\x18\xaa \x93\xd2\x01\x01\xaaG\x03\x00\x00F}\xd6\xfe\xcf/\xfa#\xef\xbe\xfa\xb8\x1e\xf6\x9e\x91"\xb8\xcf\x94\x02\x00\x00\x00\xe2Xt\xac\x8a\x88|\x94\x88\x19\xfe/\xc1\x12^\x89!z\xa8P\x052\x00\x10\x0b\x9d(\x00\x80\x9d]%+\xd2\xc6\x8b\x11*ol\x01\xd9\xad\xdb\xd7M\x00p\xc4\x14 \x00\xc0\x8e\xdd\xbf\x06\xec\xe9!\x0e\x07\x10v/\x08\xf6A\xfd\x0f\x00\x82P\x8c\x02\x00\x0e\x1d\xf4\xd6\xc7\xea}\xf7\x1e\x08\xa0\xf7\x17\x00\xc21\x02\x00\x008tP\xd7\x96\x07\xaf\x00\xbb@\xed\x1f\x00J\xa2\x01\x00\x008a\x7f\xc2\xc3\x1a\xb7\x98\x0f\xb9\xad\xdc\xb3\x86\x13\x00\n\xa37\x05\x00p\xe9`A\xf0\xe1\xb3\xe3\xf5\xb9\xf3\xaez\xff\xda?\xdd\xff\x00\x10\x0b\xe5)\x00\xe0\x96\xdc=/\xb65\xfb}}=\xa4\xe7\x9f\xda?\x00DD\x91\n\x00\x08uX\xb9\xb7\xaf\xff\xd8\xb0\xda\xbf\xe1i\x05\x00\x11Q\xa4\x02\x00bH3\xb7\x9f\xbe\xff\xae\xb0\xd3\xff\xb9\xdbQ8\xe0\x01\x16\x01\x03\x00b\x88\xb0\xc1\xff\xee\x90\x91\x8f\x07\xdd&gt;elB\xca\xf8"j,q7 &amp;\xf2\x13\x00 \x92d\x1b\xfc\xd0%\xdc\x13\xba\xba\x81\xe4\x18\x01\x00\x00D\x12\xa9\xdaFu\xbfo\xa4&gt;\x90\x1c\r\x00\x00@\x12\xd6\xbe\xa6\x05\xd9_7\xfcsU\xb9\xb3\xf3g\xd6\x0cm\x00\x00H\xe9M\xe9\x00\x00\x00\xdaa\xad\x1df\x02\xfdw\xc6\x8c]\xb9\x9b\xba\xbc\xa5\x83\x17\x00\n\xa3\x01\x00\x00\x88+B\xf7=\xaf\x0b\x06\xf4`w\xa6\xf6\x90\x96\x00\x00u\x96\r\x00\xaa\x1d\xa8\x1f+\x9bk "\x148\x00\x00\x94&amp;\x0c\x05\xa0\x01"b\xfe\x03r\xb21\xc6\x98\x0f}m\xf6\xca\xdd\r\x00\x00\x00\xf4\x82\x06@Y\xec\x02\x04@!\x9e\n\x00\x90\x0eel\xefX\x04\x0c\xa0\x08\x111\xc3v\x8f\xbb_\x8f?\x19\xe6b\x02@\x02"\xdb\xa2\x17\xbd!\xfd\x01\xe4\xb7\x1d\xf8\x1dv~?\x1c\x0e\xa6\r\xd0+\x11!\xf5\x81\x14&lt;V$\x0f\x85s\xcc\xfb\x91\x9d\x85\xcab\n\x10\x80\xcc\x0e\xea\xf9"\xe6|H\x9a\xa1\xea\x1e\r\x99\x84)\xc2\xd5\xfak\xa5\x03\x80h\x86\xb9\xfa"\xc3\xfd\xf8\xfdb\x1dv~\xeb_Q\x940\x00\x10\x99\x98\xaf\x92i\xa1\x97L\xe5\xac\xec\x19Ym\nq\xf0\x01t\x86\xd4\xaf\x1diW\x9f\xf79M2\n\xe4&amp;\xb1\x06\x00@t\x8bg\xc4&lt;\xa3_\x8c\xb5\x9b\x1d\x96\xb7c\xca\xd6\x1e\xcf\x02\x12\x11k\xcd\xf2/\n\xfa\x8d\x90\xce\xa7\xcc?\x91\xd0\x980%\xcc\x98\xb10\x0c\x8d\x84\xe3\x83\xfc\xed\x87\x07\x1eJ\xe4\xeeS\xa4^\xa4\x1c\x80\xb8N{\x88\x1c\x1f/\x9b\xef\x0f\xdf\xd9\x1f\x92\xaa@\xab\xe6\x0c@\x12\xf7\xc0\xb1F\xcb|\xf1\xa2d\xaa\xedo\xe2\xff?6\xe6o\x95\x08\x0f\x00\xa0\xbc\xf79\x9b\xba\xb3\x98\xf9\xf3\xd40/\xe8\xf5\xddxG\xd6\x88Q\xf5%\xa6\x19\xf4\xc3\xfd^&amp;W\x00\x00\xa0\xc4i\xbd\xff}\xa3&gt;\xaa\x0fO\xf1s\x1b\xaa\rP\xb9\xd1\x82T\xc8\xeb\xef?\xc9\xf9\xdc#@D\x8c\xa6\x01\xf0t\xf6&lt;\x1e\xf6\xf4L}\xa2\xe8g)\xe8\x9bE\xfe\x8d\x0e\xe76\xe8\xdb\x8a\x9cy&amp;\x00:\xc16\xa0\x00\xa2\x8b\\\x7f\xdaW\xc8l\x82\xb3\x14\xd4a\xed_\xf3\x90\x87\xe2\xa0\x01Eh\xbe_\xe1\xa9\xbb\xa7\x0e\x80x\x8e\x1f\n);Pex\x7f\xf0\xf2\xb4\x07\xaf\x13\x06\xbc\xb0\xfe\x188\xc4\xe0X{HK\x00\x9eNf\xe6\xe4(U\xb6;\x05\xf1XB\x1c\xf1_w\n\x00\n\xf1\x1e\x00\x00\xcf\\\x8c\x05\x17\xab\x87\xeb\x9bM\x8e:\x91\x8b\xd0\x1e!cc\x8f5\x00\x00\x1e\xb9\xa8\xfd\xdbl\x8f\x99M\x97\xbf0o\xdb\x0b\xbb\x0f\x01\xad\x1b\xf6Y\xe56\xc7\x16\r\x00\x00\xa1\xac-0\tg\x7f&gt;\x11\xe19\xe7\x85H\x03Z5\xec\x98\xc0\x08\xc0\x13}&lt;Gh\x00\x00\x08W\xe2\xe9rtN\x86\x02\xa0\x0c\xb9\x11\x85\xb1D\xea\xa1^\x1e!4\x00\x008\x92\xc3\xbd\xe0\xca=\\NOL\x1b\x00\xc6\x18\r{\x17\x96&gt;?\x80\xa7l\'M&amp;\x1a\x00\x00\x1c|\xb2\x88\x9cuf&amp;*+\x83jo\xc5k~U\x98\x9es\xad&gt;\xedJ]\xd7[_!\xe8\xa3&amp;\x01\xa0:\x94M\x00nd{\xe3\xefS\xd7\xb5|\xea^\x00\x00\x1cb\x04\x00\xc0\xa5\x8f\xb9\xa8d\xab\xaea3\x08\xa0\xd1?\x12\xb6\x1e\x02pHD\x8c\xf9\xac\xd2\xa1\xe8\x85\xea\xe77\x80\xe2\x14\xf7\xb2\xdfW#\x8b\x8fQ`\xef\xe2\x95\xa2\xbcm\x14h\xd7Xb\x9f\xdd\xe0\xbc\x87;3F\x00\x00\\\xb9)\x89\xbf6OW\xae\x18\xf3.\xdb_9\x9c\x99\x8ef\x85\xac\xede\x8d\x1d\x80\xa7\xac\xfd\xb8\xd2A\x00\x00\x18c\xa6\xd7E\x9d\xb9\xf8V\xa4=\x10\xe5=D\xcc\x9f\xda\x1e\xea:T.!\x84&gt;\xa4\x17\x00\xe4@7\x0c\x80\x1b\xb7u\xb2\xa4\xd39\x16\xe3\xc2\xe6Ud=\xa9\'\xd2\xdf\x0c\x00\xc0\x12S\x80\x00\\q\xaai\x7f\xe4\xfe3\xf1\xfbq\x97\x01yt\xf4__\xa2S\x99\x9elo\xf1\xc6\x8e\x14a0\n-#oW\x88\x8e1\x00\x17\\+-\x8b^v1\x8b7\x06\x84/\xc3]\x86`8\xcb\xdb\x8a\xfc\xcb\x87\x07\xc9?\x08 "\x8c&lt;\xf8!\xea\x80z\xdc,\xedmIc\xbb\x140\x02\x00\xe0\x94{\xb7\xceTM\xbfx_X4Ok\xffE4\xf3\x90\xc8\x8f\xa8\x03jA\xd7\x7f\xbdh\x00\x008\xf3\xb8h?x\x18$\x98\n\x14\xfd\x88\x00\x00\x0fCs\xdd~M\xe9pd\xd4\xcct\xbe7\xa5\x03\x00\xa0\x15)\xca\xc4\xed1\xdb(x\x01$"\xccm\xce\xac\xcf!\xbb\x06f*2\x02\x00\xe0\xcc\xb3\xd2\xed\xb0f\x1eX]\xdfU\xff\xc3\x0e\x07\xa0et\x10 !\xfb\xb1M5.[\xba\x16\x00\x91\x85?N\xad\x19\x17\x02\x97\n\xc0\x18\x8c\xca\xbbj\x008\x10\x11nv\xc0\tS\x80\x00\xa4\xf4\xfcY\x1c\xfd\x85\xf0\xf6\xdbE9\x0c\xfa\xd5\xd8\xee\x1f\xed"\x89Rc\x86U;\x98\x02\x04\xe0T\x8c\x92\xfe\xf11\x86Gx\xcc\x07\xf9\x97\xc4;\x14:\xe6\xf0z\xe9\x9f\x985@\xd0\xaa\x99u\xa2;\xd4\xfe\xdbAZ\x02\xb8\x12\xf8\x18\x0b\xed\x91\x8b\xf1\x14\r\x7f\x17\x01zv\x98\x07\x93\xbe\xfd\x1a\x00Rc\x04\x00\x80b\xf6\x0b"\x1c\xa4\xc9\x9e\xb8\x8e\xb9w\xafF\xe9\x85u\xaf\xcf[K\xed\x1f\xa8\x02O\x05z\xc5\x00\\*1\x020\x9cq\xfab\x9cA\x00\xca\xbazm\xa7\x1d\xbbw\xb4\xc7\xed\x92w]\x9d""d9@3\x91\xa8\xd3L\xab\xc4\x08\x00\x80\x0bE\xe6\xff\x0c\xdf\xfao\xe7\xa3\xfc?!\x81@\xe5\xfc\xdb\x7f_\x13\xb9\x93\xcfN\x9c&gt;\xdd\xe6\x14p\xa0\t\xdd\xd7\xfe\r#\x00\x00\xae&lt;\xec}\x1ff\xdb\'\x9a\t\x1d2\x12@wlK\\3X\xa9\x9e\xf8?\'\xf2\x03\x8d!\xd7\x01P\x8c\x11\x00\x00\x11\r\xfb\xfe;\xf7\x92&gt;:4\xb5)&lt;\x92&amp;\x1f\xde\xfbA\xe3IE\xe4W\x8a0\xdb\x18\x80B&lt;Q\x01\\y\xd4\xef~V\xdf\x12\x91([\xf1x\x0f\x02\xd0\x17\xdb\x12\xfd\x9b\xed\xbcV\x0b\x0c+\x18\xd8\x87\n\x802\x8c\x00\x00\xb8b\xedG:\x7f\xd2\xe7O\x19P\xf3Bf\xaf\xc6\x89\xb5\x86\xe5\x00\x00\xf4\xe1\xc9\x08\xe0\xce\x0f\x17\xf9\xf4\xfbO\xe5\xe8\x91\xf5\x1a\x02\xd0\xdcU\x0c?"RK\xb2\xea\x1f\xafh\xd7\xaa\xbc \t\x90AEE\x13#\x00\x00\xee|\xc6\xfdG2\x95x\xcfOc\xbf*E8PX-\x8fX\x14\xb5\xce$\x1f\xcd@\x0cR\xab)\x8fQ\x86\x02\xb8u\xdf\xf1\x9e\xadB\xf6t\x0c\x80\x9a"\x02\xb9n\xff\x0f\x8d\x18\x04\x00\x8e1\x02\x00\xa0&amp;\xee\x8f\xf0\xff\x92\xe7=\xa2\x8a\xf2^a\xe4\xf5zu\x03\xa5\x01\xb0\xf4\xa6t\x00\x00hWc\xb5gx\xe0\x97\x0e\x05Z@\xc5\xb1\x01$b\x0f\xb4\xad\xb7Q&gt;x\xc8\x08\x00\x80\xca8\x95\xa5*\x0b\\\x00@\'\x94\xaf@\xe3\x19\t\xe0\x8e\xdb\xd4\x87\x8c\x9d\x1c\x8a\xd6$\x00\xa8B\xac\xb7\x91 \x15\x91\x06;nD\x8c\xd6\\\xc7\x14 \x00w\xacu\x99\x06\x94k\xfb3fb\x03\xf0\x11\xbb\x86yP\x16]\x94\x81\xe3\x04\x15\xc3\xf8\xe41\xd1YM\x0e\xa48\xad\x99\x02\x04 \x1a\x11I\xbd\x0f\x9aK\xed_q\x91\x0b\xa0v_d\xfe\x81\x88x\xf6D\xd0}q\x86a\xdb\xcc\x88n\x00N\xdc\x1fw)\xc7\xd9]&amp;\xff\xa4;;\x80j\x89Hp-\xf3\xb6\x00\xa2\x16\x8bZ0\x02\x00\xc0\x89\xfb\x83M$\xc54\x9d\xd3.\xb7e\xb8\xa8\xfd\x038\x16\\5g\xf6\xa1Z$\x8d\x07\x9e\x94\x00\x1eyP\xd2F\xeb\x0c;?\xe7\xe2\x14m\xce Eq\xd3\xde\x82&amp;A\x06\x13#LY\xab\x83c\xc1\xc7\x08@~\xcaw\xdbT\x8b\x11\x00\x00\x8f\xcc\xef\xd5\xc9\xe5\xe4\xc1k\xb7\xc5=E?\x92\x8a\x9f\xc1\xe8\xb5\xac\x05\xb5\x7f\xcd\x86X\'\xee\x9f\xa2\x01\x00\xc0\x83SY\x1b0,+/\x87\xa7\xff\xe3\x94\xf7\xc8$]\x93\xd7ZK6n\x06\xb5\xffr\x86;\x94\xf8\x7f\x86\xf8\x02\xe0\xc3\xa3r\x7f1\x89\xe2\xd1\xd1\xfe\xa61\xef\xcb\xb36\xbb\\\xdb\xbc\x02\xea\xb8\x14P\xdc\x1d\xa8\x0b#\x00\x002\x19\x16\x07\x1f\xba\xf8\x96\xfd\xa5\x9be\xbe\x96\xda?\x00U(\x93\x90R\x82\xc9\x82"\xe4Y\x00&gt;.j\xedCG\x7f\x94\xf9\xcd\xbc4\x07@\x88i\rw\xc2-\x80\xd8|\x0c)}\x91\xc8w\x8c&gt;\xbe$"\x8c\x00\x00\xf0qX\x1cY;Ok\xb6\xf6/&amp;;\r\x80\x82\xc6Q\xbb\x82K\x98\xefG\x0e\xe7O\xa6\x0b\x84\x9dD\xa9\xfd\x97\x8eR\xa8\xf5\x1dS\x1c\xd4Z\xda\xac\x00\xfcm\x1f\xc1\x9b^\x8a\x90\xbd\x99s\xf5\xfd\xb3y(P\x81eG\xfe\xed\xb6\x8f\xfb\x0f\xd70A\x7f\xb8(\xfd\xe1\x8c\x8f\xf5E\xb3}T\xa4\xcb\xc0\x8c\x00\x00\xf0\xf6\xda\x1d\xc5\xfe\xc1\x83\x12\xea\'\x04\x1c:WW\x18O\x1d\xa0Ub\xcc;\x97\x0e\x83\xbb\xce\xf7\xb1q\x1f\xd5i\x99\xfd(\xb3y\xfaY\xfb\xc5\x85\xc2\x02\x00a~\xf7\xd9\xca\xdf;\xa5\x03\x0eh\xd3\xd5M\xb1\xbfX1\xab\x1d\x82/b\xe35\x9d\x86\xc2D\xbf!\x81(\xf9\x8d1C4\xe49S\xcf\xcdM\x00\xd99\x97m\x8c\x08\x03;\xccX\xdb\x16!\xb7\x05E=S\x80\x1at;Y\xcb\xfb\xc3\r\xcb6!\xaa\xebX\x06\xa0\xc1\xf6\x89nX\xfb\x0b\xe0\x18\r\x80Z&lt;M\xa9\xe1K\xd4K\xb3yS:\x00\x00z\xc7\xb3\x19@"\x14/9\xc9\xb0\xbb\xbc\x7f\x9c\x93X\xf9\xd0\x00\x00\x00\x00\x15\xe8~\x82\xb8v4\xb7*\xc2.@\x00\x00\xa0&gt;T7\x01o4\x00\x00\x00W\xd8\x9a\x03\x1a,3\xe1\xf4\x06.\xe8\xb5L\x9e\xc6\x12kU$V[62\x05\x08\x00p\x8a\xaa\x7fq"b\xadaz\xf4\xac\xb1\xdad\xb3\xac\xb5-.\xea\xdd\xbd\xff\xb2P8\x821\x02\x00\x008A\xed\xbf\xbca\x8b\xf4\xd2\xa1\x00|T[;\xbec\x0f\x7f\xac\n\r\x00\x00\xc0\xb1\xf7)\x1d\x00\xb0/\xeeF\xe4\xa8\xa8yz[\xbd!\xaf\xda8\xfd\xac\xfe{\xb2\xfa\x0b\x00\x00$\xf3\xaac0\xef\x02\xe9\xb8LsJ1\x15\xaa\xea\x97O\x05\xef\xb9\x89\xae\xb1\x06\x00\x00p\xc6ZKG#R\x1b\xa79\xe5\xaf\xca\xd6X\xef_\xa9=\xfc(\x87\xac\x03\x00\x80\n\x9b\x8dn\n\x86\xc4A\xee\xf5\x9d){\xebK\x8etU\x95\xe8h\x07k\x00\x00\xd4\x84-)qODD~\x84\x9a|r\x9di\xd7\xf5?c\x87\xff\xad\xa0"\x18\'\x84c\xe48$\xd6\x10\'I"\xa6hN\xa9!\xad\x01\x00(H\x84\x06\x00\x1c\xe8\xca\'\x17\x81Q\x15\xceB\x88\x81\x19\xf1\x80|\x18\x01\x00P\r\x1e\x8fp\xa3k\x97\x0e\xbb\xed\xb7&amp;#/\xf1J\xaf\x19\xf1P\xa3zngZ\xda\x00*%"\x7f\x9f"\x0cu\x1b:\xbc\x97\xd9\x98,\r\xd4K\xf4\xdf\xc2\xb2P:,\x00\x00,}J/O&amp;\x1e\xc35"\xc9p\xc2i\x05KY4\x00\x00T\x89b\x0b0\xc6,\x9f\xe3\xfa;\x1d\x13\xc9S\x1a\x88\x881\xff\xe6\xee7\x9d\xc69.\xd4\xf2x\xda\x87\x93\tg\x00\x00\xd4b|\x88\xf79o\xbe\xe0\x8e\x99"\xd2g\x9c;J\xf1\x9a\xb6*\x0cy\xb2\xc6\xbc\xc1\x8b\xc0\x00\x00\xa8E\x8d5\x8d\xccR\xbc\xa0\xe07\x1f\x9c\xa6\xda\x9a_\n\xda\xe2!g\x83M\xdb\xb5\x03\x00\x00To\x9e\xf5t;\x959\xdd\xfc\xa8\x0f\xde\x9d\xb1\xf3\xb9X\xca\xd523\xa7 Z-\x00\x00@\xad\xcdkzE\xc4\x1c\xce6\xc9&lt;Ah\x1a\x018\x08\t\x8a\x9b3\x03\xdd\xf3gx\x0f\x00\x00\x00Pk\xac\xc0M5\xb9\xe1\xbd\x01\xd4\xea\xe0\x84q\x8034\x00\x00\x00h\xd8\xef\xad}:\x84\xb5\xf7/\x0b+w\x814E4\xa2\xe3\x1f\x00\x00\xf4\xab\x93\xfd\xbfe\xadtpb\xaa\xf7r~S\xb9\x90\xb7\x9a\x19"\xa2\x85\x04\x00@\xb3\xfa\x99\x0c]p\x93\xd0\xa4j^l\x90bG\xa6Gg7\x15FZ&amp;L\x01\x02\xa0P\x05\xefV\xd4\x8c\xcdI0\x1b\xaa\xc2\r\xd5\x87O\x05T\xfa+\xb8Y\xea,\x11\xcbf;\xd6\x8a\\\xe1=\x00\x00\x14\xb2\x94\xdb\xae\x16\xdd\x9es\x05\xc8\xbe\x9f\xe1\xc9\x87YK\xdd\xe1\xd7\xac\xb5^S&gt;z\x89\x1f\x00\x00\xd0\x82\xc5&lt;\xd7*{\x08[V~V\xfa\xdf\xe8u\x02tkW\xcdtvDG\xab\x17\x00\x80\xf8\xf6\xd5\xb5\xcc=\xf1\xfd\xcc\xfeo\x1eI\x89\xe8X\x03\x00\x00\xe8\xda\\\xbb\x12\xf1[|\xa2\xaf_\xf6\xafnz\x8b\xf5\x85\x10OD[\xc8\xc10\x02\x00\x00\x80Y7\x00\xe2V\x8f\x8a\xecM\xf9\xfb\xcaO=\x82B\xe4\x87Dj\x8dR\xc6\x92\x00\x00m\x12\x91GS&amp;D$\xfaf\x8b\x05\xf6\xa6\\\xad\x0b7&lt;\xe81\x98\xb6\x13%?\xc4\xf4\xb4\x90\xd1\x83]\x80\x00\x00mz\xfaXNQ]\xf6\xdd\x97&amp;\xe4\x94\xcbN\xc9*\xab&amp;\x87\x16\xf3\xe0MK\xd7\x95M\xa5\xf5T$\xc2\x1a\x00\x00\x80\x16\x91\xeb\xca\x8fk&lt;IjH\xd3\x04\xeel\xd5\xafi7\xd8F+|\x8f\xf2\x08\x93^\x90T\xbd7\x19\r\x00\x00@\\T\xb9\xb62\xd7\xc5\xad\xb5\xad\xd6\xfe\xcd\xf3*W\xa3m\x80&amp;/\xaaF\xcd\xdeh\x00p\x85\x85e\xd8\n\xc8\x0f\xe4%D\xd7\xe4[2(x\x11\x88\x11\x00\x00A\xda\xedg\x84/\xf2\x044\xb1\xd6\xd2M\x8bV\xd0\xea\x03\x80\xe7\xba\xea3\xe3\r\xc1z\xd0_\x0b@\x15F\x00\x00\xa0e"}5{\xce\xbd\xd5\xf7\x8b\xa1\xb1\xb7z\xd1\x18\x00\x00\x00\x90N]o\x83\xfa\xec\x94\xe1,\x1a\x0f\xbc\x96\x0b\x00\x00\x008\x90\xb6\x01\x10\xb2:9J\x08\x98\x8e\x05\x00\x00\x00j\x84\x00\xe0i\x1cX\xfb\x03\x14\xa4\x00\x80zh\x98\x13\xc2ZaTD\xc3-\xd3\x96\xba\xe3\x93\xc9u\xde\xd8\x18\x0b\x00:7&gt;=\x1b~u\x14\x10@\x1a\xae,\r7\xff\xf0\xae\xea\xe9\xe7f/\x16K$3\x00\x00\xc0\x11\x11i\xbaN\xbc\xef;\xb7\x86Wy\\\x10\x91U~\xa8\xb7\xd5\xc46\xa0\x00\x00\xd4\x84\t\x0f\xf9X[c\xdd\xce\xddpu\xd6\x18k?n\xfaU\xc9\xf0\xf8\xc96\x0bh8I\x1b7`\x85\xe9\x0c\x00m\xda\xf6-\x01{c\x8f\xa3\xb9\xea\xa6\x15\x112\x12\x9e\xabr\xb2\xd3\\\x1d\x9f\xda2\x8d\x9c+5F\x00\x00\x00\x8a\xb4\xd1\xbb\x96\xc6\xab\x9b\xf3"\x8e\x86\xcf\xb0\xb0\x1b\xcf\xd5]\xa3\xcd\x16~\x9b\xf1\\\xe9\xd0\x00\x00\xd0\x82&amp;\xaa;\x8dO6p\xd7Dj\xc6\xf7\xb4eDK*\xb5\xffT\xe4\xef\xa8\x8bem\xe1I\xceN\xb2\x9d\xab\x8d5\x12-\\\x03\x00\xd4\xbb\x12+X\x95\xa3\xf6\x17\x16\x83\xecY\xaeK\xc4\xdc\x8d\xe6k\xc9]\xeb\xc1\x91\xf3\xf0\xbc&gt;W&gt;\xcc\x8f\xd5\x94\x9fcg\x8c\x08\xd7."\xac\xe2\x85\x0bF\x00\x00\xb4 [\x0f\x90*\xc3\xca7\xfa\xcb\xbd\x8do@\x10\x93!\x02#lXn\xad}\xab\xd3\xe7\x96\'\xf5?\xdd\x85\x14\xafU\xaep?\xf7\xb8\xc5\xce|\xed\xdeY\xa5\xb2\xe8\x03\x00\x00\x1e\x9a|\t\x8e,d;\xd1x\xba?)\x9b\x0f,?\xe9}\x1e\x13\xff\xa2n\x0f"\xb1\xcf\xb8?j\x8a\xd4)\x90\x99\xb3\xe5\xb7\x0c\xa6\xab\xa8\xfeB\x00\x00\xa5}\x04\x8f\x13\xfd~y\xe9\x00\xc4\x94\xb3B\xb6m\x00\\~,\xca\x89B\x0e\xe2w\xc6\x88\xe7\xcd\x954u\xc7\xd2\xf2\xe0\xc3\x7f\xe2\x1e\xf6\xfa\x8c4\x00\xe0\xa8\xbb\x11s\x00\x8fH\xd1\xd9\xcfe\xcf\x8e"\x96\xf5\xb0\xda\x93^\xa6\xed8\xe7\x8b\xcavE\t\xa2qUCNt!\x99o\xf9M\xa5?\xeeyK%z\xedw\r\xf2`\r\x00\x00\xa5d1\x01\xa3lH\x90SK\xd5\x97\x86.%GG\xb6\xfb\x9d\x1e\xabLX&amp;P\xe4\xb4*Tj)\xcfq\x14\xe6z\xd0\x00\x00p\xa5\xcf\xc5\xb5\xe8O\xa2zI\xb1{g\xbeqS\xdc\xbf)\x8ey]5\\\xfe5j%\xd2\xbe\xfe\x13\xb7\xfb?\xe2\xb1\x9c}\x80i\xab\xd1\t\x00\xe8P\xd2\xe9\xb9\xd0,s\xa2/N\x97\xee\x8c\xd5g\xe3W,\xfd\xd1\x04W\xb1\xb9\xd9w\x115\xc7\xde\xfc\x99\x8f\xd3\x1e\x99c\x80?\xdb)\x9c\xca\xaf%\x9a\xaao\x81\xc6\xd0R\x04\xa0W\xd2\x19\xbaP+\xf3\xe4\xe9\xc3JI\xecS\xe7\x98@\x9f\x9a\x88\xd8\xbbw&amp;x\x1fy\xf3\x9b\xcd\x89\xe6\xd9\xed\x8b\xbc\x91$$\xf9\x9dL\xdc\x17\x91Z\xf3\t\xaa\xf0\xa6t\x00\x00\xe0\x14\xcf\xbf&gt;eN\xf7\xcd:\xdd$v=\xda5V^\xb3\xdf\x8f\xbbX:h\x19\x8e\xe9\x96b\xfd\xae\xfdfc\xde$\xbf\xe4\x93\x13\xa8-\xfcJf\xddyU=\xc2\x11\x8f\x00\x80+\xdd&lt;t\x93v\xd2o\xdb\x17}D\xa9\xbb\x9b\xf8yu\xfc\x9b\xd54\xf7\x96\xf6\x8c2\xaf\xd1\x00\xa3\xb6z\xd6Mi\xd0&gt;\x16\x01\x03@k\x9e\xcfh\xbf\xda\x02\xff\xfa\x03\r\xb1vQ\xed\x8a= \xb0\xaf5\xfd\x92\xa8\xc7?p6\x9f^\xa5U\xec\\U1\xcf\xff\x94m\x95E\xfa\x13\xe9\xadaS\xfb\x07\x00 \x8d\xe0\xeaE\xc4%\xad=\xae\xc3Nx\xbdW\xeb\\\xd3\x9d,\xf08\xffU\xc6Z\xf5E\x80\x0f\x7f/;\xcbW/\'\rg\xba\x83\xa782\xb0AK\x0e\x00t9Y\x14X\xc6r\xf1\xa5\x92 e\x91j\tf\xe6)+\x15\xa5\x9a_\xccl\xe6\xccL\xd7\xfb:X\xf4\xcbOz{\xea\x9f\x02\x84f0\x05\x08\x000[\xbc|\xed?\x16c\x8c\x9d\xea:\xb5\xd4##i\xe4\xf5\x17\x15]\xc5\xa7-~v\xef\x05\x9f^Tb\xe7\x7f\x1aS\xf1\x84\xb5)\xbd\xaaI\xb5D\x18\x06\x01\x00\xe0\x81X\x0fN\xa6"$R\xd1\x94\xaa\xfc\xe1\\G\xce\xaf\xcav^h\xa3\xff\xeeh@\xef\xadL\x00\x00\xb2\xc9&lt;\x05(\xc4\x1c\xd4\x9c\xe1\xac(~\xeaU\xd1\xc40\xa4C\x0e\x00\x00 \xa7\xa1\x8e\xab\xfd\xf9[j-\nm\x80\xf8DV\xbb\'m\xfe\x89.\x91\x03\x00\x00\x08W\xe5\xbb\xbdt*2\xf8\xd0\xb0V\xba\xfce^\xeam\xc2\xf2\x06\x19\xcc\xb0\x08\x18\x00\x80\x18\xeek\x12\xcclv\xd4s\xb5,\x85V\xe23\xf2U\xb4\x11)\xde\xde\x94\x0e\x00\x00tG\'T\xfbR\x00\x00 \x00IDAT\xd5F\x9f\x80N\xdc\x1f8\x14\xa5\xe4\xa4\xf8\xed\xfd\xfa\x01 ?\x06\xa0\x81\xd6\xd5\xb1\xd2\xa3K\xcc\xd63\x86)@\x00\x90\xdcv/\xc5\x06\xe6\x81D\xdbl\xd4\x18\x99\xb7\x7f\x8cr\xcc\x96\x10\'\xf5\x9a\xde\xf5L\n\xaa\xc3]5\xa0\x01\x00\x00\x89\xd9\xd5[\xa5\x86\xc7\x8f\xb5\x9fSs\xf7\x7f\xb4\x90O\xf5\xa4\xe1g\x9e\xcc/Cl\x10\'U;L=\x9a\xbbe\xd5\\\xf0F#"\xac\x01\x00\x80\xac\x93\xf2y\xfc\x0c\xf6u\xa0\xfa\xe3%\xd1\xd4\x82fg,\xc4\xda\x9dF\xf3\xa2\x9a\xdd5R\xf5\xc7HD\xac\xfd7\x8d\xf9\xa6\xfcg6\x8c\x00\x00\xc0\xa2&amp;\xfa\x83\x97\xbf.\x10\x94\x8eYk\xab_\xf5\x99*\xcbT\x1e-\'\xe2\xf5\x82k\xbcUu\xb6F\xa0\x8a\xb5\xb6D\xed\xdf\xb4Z\xa4\x00\xc0S\x07s\xd0\x19\xa3Om\x88\xf3\x8f\xd7\x17\xcf\xd3\xca\x04\xa4\x15k&amp;\x8c\xc8\xc1\xfd\xab\xc4a\xc0t\x06\x15\xbd\xa1\x11\x00\x00(\xe5xrK\xc1\x19\x1dl\xd0T\x1d\x92\x0c\xf0\xc0\xdd\x02\x00Pd\xd9?\x9a\xb9Jwx\xeaV\xde\xa2\n\xe0V\xb3\xebm\xf6X\x03\x00\x00\xd0B\xdb\xec\x08m\xe1\x01n\xc9rk-8\x9b\xa6k\xc9\xf27\xe5\x82\x93\x1c\r\x00\x00\xdae\x98\xe3\xabu\x0e\xf1\xfc \xff \x93}bz\xf18\xc9\xdf\xef~x\xc6\xe1\x97\x9a\'\x9a\x03\x0b\xbc}\xc0\xd3\xb4]\xf3k\xe8\xcf4\xdd\x06\xe8e\xa4\x03@\xddD\xd2n\x11#"\xfa\xe6\x10/\xa7\xc2/&amp;:\x9b\x86\x8b\xee\x82\xf3\x7f\x96\xa1\xd8\xc70\x13\xcd\x9b\xd1ARv4\x8f%%\x99\xde\xd9\x92*2\xcbn_\xcb\x08\x00\x80\x1a$."\x87\x1a\x81\xb6\xce\x9e\xc3\x8d1E\xcc\xa7*\x0bg,:j\xff\xe6\xa2\xf6\x0f\xd4\x80\xda\x7f\x14\xd6\xae\xdf\xe1\x08\x00\xc8)G\xddK\x162\x9c\xce\x83\xec\x98\x0f\x95\xe5\xdf\x8a\x86.\x8e\xf1\xba\xf4]\x8b\xfe\xec\xd1\x89\x9f\xd4\xfa\xb6\xa1\xe8\n\x99\x10\x00N-\x9e\xd6\xc9\xd7\x00\xa4&gt;K\xa0\x836\xc0\xe2\xf7\n\xeb\xcd\xcf(\xae\x93\xd1\x00PBD\xfeV\x84$ )\x01\x00\xd0\x8d\xba\xd7\xec\xac\x01\xd0\x06\xcdW\xf4\x8ap\xad!\xec\xce\x98\x10\x9f[8\x18@\x80\xb2%\x1es\x9b\x00\x00\xc5I\xea\xf5v8#EW"\x86\x10^\xd1\x00gsm\x9b&lt;3`\x110\x806\xa9\xedN\xc6\xde&amp;\xad4\x8f\x06 :\xef\x11-jrx\xea\xc7\x96\x0e\x80\x1eoJ\x07\x00\x00R\xa0\xfa\x088IT\x8d\xaew`\x01M"+n0\x02\x00\xa0I\xe5\xb7o\xa3\x1b\xdb\x11\xb1\xd4\xb4\xfb\xc4-~\xab\x02\x1d\xa2\x01\x00\x00\tQ\xbb\xf5P\xf5\xf6\xdb\x1fH\xc3\xef9K3\x00\x00\x004\xa0\xc9\xbdzRhl_#\xfd\xfb\xc9f\xd2Dj\x96\xf0}\xdb\xb8\x11\x00\x00\x00N5\xd9\x00Pp-\xc5\x03\x00\x1fs\xfe\xf9B\x15\xb9(\xa7\xae.\xb6&lt;F\xdc\x00\x007\x92\xee\xb7\xb8\xac\xe5Xkj\x7f0\x15\\\xfc:\x9d\xfa\xd5\xf9\xce\xbc\x9a\xeal*\xfd\xa4 \x12a\x17 \x005q\xdb\xcbYj\xafDvK\xc4X[e\xf2-rf\xb1 ,\x9aOt\xa6\xd6jQ\xb2\r\xaf\x9e\xa3=\x80$X\x04\x0c\xa05"\x86\nP\\I\xab\x1d-\xd6i\x8a\\\x91=8o_sH\x1ac\xad\xfdU\x9b\x7fO?\x92\xac\x00\x80\xfc\xca\xd5*^\x13\xac\xff\xdf\xd30\x04\xcc\xc0\xfe\xc4\xce&amp;\xdd*\xa2f\xea\xfc#b&gt;~\x08\xf0r!C\xf9\x15\xc0\x8d-\xab\xe8\xdc&gt;\x1dIV\x84k\xaf\xdf\x05@rIg\x84\xbb\x9c\xdd\\v\x1b{O\xc2\xe6\xd5Ee\x95\xcdW\xbe\xc4\x18\xbb\xaf\x90\x95\xbd\x90\xf5\xb2\x8a\xea\xa24\r\x11\xa956\xb6\x93\xe2\xea\xbcS\xfa&amp;2\xcd\x0e\x14\x11\x15\xf9\x90)@\x00\x1e+[x\xa5\xdb$^A\x99\xac\\\xda~G\r\x0f\xc5\xc7\xd6\xb3\xb4\x87\x0b\xb0\x7f\xbaTh\xb6\xaa\x8c\xd24\x1e\xe6]U]\xec\xdbD$Y\xab3\xe5\xa7\xb1\xb4\xd00\x86C\x1e\x02\x008q[\x81\xdd\x97\xdd\x1aM\xa3\xe4\xc1J\'q\x08\x86P\x90\x82\xaa"\xb4|\x08\x00\x00\xb5p\x9c%\xa5\xea9\x97\xce\xb6\xf6o\x18Ej\n;\xf0\x00\x00P\x01=\xab0[$\xe6\xd9\x02\xeb\xe4I\xa0d\x91\xeb\x9c\xeb\xbe\x8d\x82\xc0 6\xd2\x14m\xa29\x0b@\'\x9f\xcd\xe0\x19\xb8OGe\xdc*yc\xc0+nJ\xc7\x8c\x92\x08y\x86\xc5\xf7917\x0c\x03\x16\x01\x03\xd0\xc7\xb7c\x97\xe7Zj\xd6\xaa\xaa\xa8\xa9\x08\xc9\xab\xf6_4\x18\xa6\xdc\x1b0\xa2\x8c\xc3h\x18\xcc\xe9\x81\xa6\xfb\x17%\xd1\x00\x00\xa0\xce\xbc\xb3\xfa\xf3\xaf\x8e[\x04\xf1\x90K\xc1\xce\xff\x83\x97E.U\x107\x7f;{-z\xbaO\xa3\x9c\x986\x00\x90\xc9\x9b\xd2\x01\x00\x80\xe8\x14T\xc4\x9a\xa3\xadM\xa5d&amp;\x83\xaan\xeb\x92{\x10\xc5\x98|\xf4\xda*\x1d\xf0W\xe5D\xb8\xfc\x18\x01\x00\xa0\x8d\xa6*\x15\xe0\xae|\xce\xbd\xaa\xf7\xa8}7\xb0\x86\x86\x1cZ\xa10\x83+E\x03\x00\x806\xd4\x06\x0e\xa9{\xac\x95}\xd2*\xa95.\x83!\xc6\x18\xf3\xc7R\x9e\xcd?\xc2\x97\x89\x15\xb7\x19`?l\xf8OPr\xd8I\x94 \xa9\xa4\xee\xfemTH.j{\x07\xb9\xed6n\r\xdfl\x00\xb0\xa2d\xd2\x08Z\x14\x7f\xd6\x81\x88\\O\xe9Y\xbcl\xe1\xeac\x07_\x98p;dC\xe1\xa3_\x1fo/y\x95T\x8c\x00\x00\xe8D\xab\xfd:\xd0 v\x8da\xac\x8b8\x1dV\xc4m4\xa6\xe5j\x8dvM\xd7)[\xd3\xf4,\xa2W&gt;\xa4\x01\x00\xa0\x0bC\x91\x9e\xb4d\xd79\xc1\x1a\x95\xba\xad2n\xff\xfe0\xefQ#\x05zF\x03\x00\x00\xe2\xa2\r\x80`N\xd5\xf3U\x1b\xc1%\xdb\xcd_(\xb9_\xd0\x01%\xb7\x8c\x92`\x00\x00\x80hrv\xcf\x87\x9d\xe8\xafR\x11\x81+Y(\x1d\x16O:\x02\xdf\xf0\xeaO\x00\x00\x00\xb4\xe5\xf3\xdbh\x00\xfc\xeaZ\xc3\x0f\x00\x00\x90^\xcd\xb5=\x9c\nKV\x11\xd1\xf5Z2\x00\x8a\xb1\x06\x00@&amp;\r\xccU(m\x9a\xa5`\x15M\xdf\x86\x8f\xa3[@\xc6\xbf\xf8\xdd\x1db\x98\xc2\x02\xc0\x19\r\x00\x00\xd1\\\xd4]\x96\x7fR\xbe\xfd\x88\xda\xf6\xc9\xd0\xc3;\x06/[\x1c~\xf8\x83\xd8P\x1bu\xaaL-\xe0M\\m_\xd4\xe5\xd7T&amp;\t\x00\x00@\x14\xce\x15\x91\xab\x8f\xfd\xda\xb1BC\x05\xc5\xd7\xa2R\xa82\x0eEBj\xae\xfd8\xb9\x11\xe4\xd0\xa3c\x12\xf3\xc0\x05]\xf7\x88\x92`\x00\xc0\x19]\x85fg\x96\x91\xef\xd9\x82\x8a\xd9`\xb8:\x8ew\xe5\xd5\xe5\xe0-9\x89\x1c\xff\x06@X\xb4C%\x99g\x84\x91\xa0q|\xcd\xf66)\x1e\xb1Y\x03 "\xc6\xfc\xc5\xe5ot\x8f\xc4\x03P`~\x02\xf12\xcb\xec^O\xff\x8b\xc8\x1f&gt;t\xf4\x01\xa7\xaf\xc7\xb2\xaf\xa9&lt;9\xa9\x88t\x9d\xc1\xce\xeay\x0eq\xb2\xfa\xaa5\xea\xe7\xd8\xe1\xce&amp;3XkE\xa4\xe7\xbb#P\xc0\xcd\x15-\x08\xc5\xeb\xdb"\xb2y\xfb\x07k\x00\x00@\xad\xe5{\x9en\xba\x8b\xf6\x0f\xb9"]\x87\x8bWMQ_q\x17\xa7\xf6?|\'J\x80P\xc4r\x0c\xc7~\x8b\xd7o\x8d1oe(\xc0\xcb+&gt;\xffe\xc1P\x94\xbf+\xad\xb5\x9b`\x94\x0f\x13\x004\xe3\xbc3&gt;k(\xe6\xb2\x9d\xd1\x9bZ\xec;}}\xbeV.\xa1u\xe4\xfc\xea\x9d\xdd\xb0\xfb\xee[&lt; 24\x8c)\x0f\x97\x18\x01\x00\x80h\xac\xd5\xf0dy\x85\xe0\xc3^\xbf\xa4\xfbP5\xfb\xc1\x8b\x9f\xedOw\xfb\x92\xa2&gt;a\x9b\xb8R\xd5\xc9\xf2\x86\xb9\xfc8j\x10\xc6\x8c\xdeN\xe2s\xb4\xce\x99\x1a\xca\xe8YG\xa9\x00\x00\xc8\xe8-\x15&lt;\xe9\xd9\x1bj\xf04\xa5BW]\xd7\xa4\xf9\x0b\xccL\xcdB\xd8\xdc\xb4e\xa4\x82\xe1Q\xd4\x0c\x02\x80.\x88\x98\xdc\xa3\xf9\xe5\x97\xa0!\x81m\xcdAU\xd7f\\L1\x8a\xad\xd3e\xf7\xda2R\xc1\xf00\x05\x08\xc0\x92\xa2\xae\x91\xa6e.\xee\xb5&lt;\xed\xe0@W\x0f%\x1a\xa5b\xb6b~\xa9\xe7\xaay(\x15\x1e]\xb1\x00\x00@\xd7D\xc4\xadN\x10\xb6\xef*\x80\xae1\x02\x00\xe0T\xab=\x91\xda\xa6\x81f\xd6\xf9\xe5k\xe7\xbb\x90\x9c\xda?j\'q\x96\x03\x95/\xdf\x8a\x07\xc0\xc5\x9b\xd2\x01\x00\xa0T\x15E\xd8\x19\xde\x9bs\xe16f\xd8,O\x87\xd3\x95\x1b\xf4\xfd\xa3U1\x96+\x95\xbf\x1b\xca\x87\xc0\x01#\x00\x00\x8ei+\xc2\xa2ou\x92\xb8\x85Sq\xf3iVu#0\xae\x12;\xed\x9c\xdd\x80$\x8a^\x0c\xaf\xa1\x16\x8c\x00\x008\xa5\xaa\r\xf0(0\xe5C^\xf3\xbe;\xd6\xdaio\x8a\xd2A\x89\xecU7+\x9fC\xc2X\xd3`\xf2\x1cY&amp;\x99\xa9\xe7\xa6\xaa\xf9\xfe/\xa7\xf6\xbb\xb2.\x8c\x00\x00\xe8\xce\xf0\x94I\xfb\xac\xa9\xfcA6MD\xaf\xfc2\xd6\x96=\xb35w\xd3Zkm\x1f\xb5\x7f\xb3\xcc\x81U\xa5X\'\xa9\x83\x8a\xd1\x00\x00P^\xfe\xc9\x15\xd1\xdf\xaci\xccf\xf9Z\x035\x80\x06.!\x9a^\xea\xdb\xfa\xcc\xbd\xc2\xb5t\x0f\xd7\x12\xce\xaa\xd5\xdc\x80\xd7\x82)@\x00\nk\xa3(\x1f.\x82\'\x7f\xbb\xba\xa8\xd7\x15}M\xd2P\x0e\x1c\x9c\xba\xa2\xa8\xaf(\xa85\x13\xfb\r\xa5\x83P?r*\x80b\x96U\xff\xda\x1f\x9c\xda^0\x89\x0b"\xd2\xde\x04\xa7pew\x7f\xba\xbc\x83\x98R\x8f%\xf2C\x04L\x01\x02PFm\xb5\x7f6\xf7hG\x82\t`\x88i\xb3\xe7\x12w\x1e\xccj\xa6h\xb1\x06jK\x98\x02\x04\x00.n\x1a)5\xb4a\x00\xbd\x0e\xef\xa0B\x03k"\xc2\x1d\x1d\xae@?\xfdb\xfb\xb2\xa8\xa7n\xae\xf6o\x18\x01\x00P\x8a\xf5}\xe3\xe9F{\x1d3\xe9\x88\x08\xbb\xc8w\xe3qB\x8f\x1b?\xfd\xa9\x04a\tP\xa2"\x1e\xa7h\xda\xeb\xac\xb0\x8a\x1c\x87O\x1e\x19\x91O}\x92l]\xa5&amp;\x00\xc4\x17R\x8c23\xc7U\x89WY\x01\x03\x9f\\\xd7X{\x95\x1b\xb0fr4\x08PwR2\x02\x00\xa0\xb8\x90\xde\x1a\x86\xe9\x9f\xdb&lt;\xc9D\x8c\xf9[w\xdf\xb8\xae\x8aIcu5d$g5\xe3v\x97jp\xa7T\xe7\xf0\xcd\x1bug\xce\xbaC\x0f\xa0cl\x04\xf1\xccb\x8f\x173G\x9d\xe3\xc6/\xd7S\xb1\xcb\xee\x1e\x83\x9a\xcc\xab8\xad1\xb2\xad\x08\xc7~\xbd\xb1\xae\xa9\xfc\xdc&amp;P\x85\x11\x00\x00\xf5\x19\xba\x0b\x19L\xf7\xe5S\xff\xb8\xa8\xb5\xd8\x89\xd3\x81~\x16\xb3 \xfa\xb4\xea\xe4\x97]\xed\xdf\x8c\x1d\xe3\x11\xf3F\xaa\xa9\xfc\x00\x00\xe0\xca4\xb2\x1f\xb9\xc2\xc7l\xda\xba\xdd&amp;\x9c\x881\x7f-KP\x90\x94\xcc\xff\xe7n\xf1\xadt\xfer\xca\x83\x9f\x</t>
        </is>
      </c>
      <c r="E326" t="inlineStr">
        <is>
          <t>&lt;class 'numpy.ndarray'&gt;</t>
        </is>
      </c>
    </row>
    <row r="327">
      <c r="A327" s="1" t="n">
        <v>325</v>
      </c>
      <c r="B327" t="inlineStr">
        <is>
          <t>steps_per_sec</t>
        </is>
      </c>
      <c r="C327" t="n">
        <v>3700</v>
      </c>
      <c r="D327" t="inlineStr">
        <is>
          <t>3.0125103</t>
        </is>
      </c>
      <c r="E327" t="inlineStr">
        <is>
          <t>&lt;class 'numpy.ndarray'&gt;</t>
        </is>
      </c>
    </row>
    <row r="328">
      <c r="A328" s="1" t="n">
        <v>326</v>
      </c>
      <c r="B328" t="inlineStr">
        <is>
          <t>Loss/RPNLoss/localization_loss</t>
        </is>
      </c>
      <c r="C328" t="n">
        <v>3700</v>
      </c>
      <c r="D328" t="inlineStr">
        <is>
          <t>0.057404347</t>
        </is>
      </c>
      <c r="E328" t="inlineStr">
        <is>
          <t>&lt;class 'numpy.ndarray'&gt;</t>
        </is>
      </c>
    </row>
    <row r="329">
      <c r="A329" s="1" t="n">
        <v>327</v>
      </c>
      <c r="B329" t="inlineStr">
        <is>
          <t>Loss/RPNLoss/objectness_loss</t>
        </is>
      </c>
      <c r="C329" t="n">
        <v>3700</v>
      </c>
      <c r="D329" t="inlineStr">
        <is>
          <t>0.006810651</t>
        </is>
      </c>
      <c r="E329" t="inlineStr">
        <is>
          <t>&lt;class 'numpy.ndarray'&gt;</t>
        </is>
      </c>
    </row>
    <row r="330">
      <c r="A330" s="1" t="n">
        <v>328</v>
      </c>
      <c r="B330" t="inlineStr">
        <is>
          <t>Loss/BoxClassifierLoss/localization_loss</t>
        </is>
      </c>
      <c r="C330" t="n">
        <v>3700</v>
      </c>
      <c r="D330" t="inlineStr">
        <is>
          <t>0.25253356</t>
        </is>
      </c>
      <c r="E330" t="inlineStr">
        <is>
          <t>&lt;class 'numpy.ndarray'&gt;</t>
        </is>
      </c>
    </row>
    <row r="331">
      <c r="A331" s="1" t="n">
        <v>329</v>
      </c>
      <c r="B331" t="inlineStr">
        <is>
          <t>Loss/BoxClassifierLoss/classification_loss</t>
        </is>
      </c>
      <c r="C331" t="n">
        <v>3700</v>
      </c>
      <c r="D331" t="inlineStr">
        <is>
          <t>0.030903442</t>
        </is>
      </c>
      <c r="E331" t="inlineStr">
        <is>
          <t>&lt;class 'numpy.ndarray'&gt;</t>
        </is>
      </c>
    </row>
    <row r="332">
      <c r="A332" s="1" t="n">
        <v>330</v>
      </c>
      <c r="B332" t="inlineStr">
        <is>
          <t>Loss/regularization_loss</t>
        </is>
      </c>
      <c r="C332" t="n">
        <v>3700</v>
      </c>
      <c r="D332" t="inlineStr">
        <is>
          <t>0.0</t>
        </is>
      </c>
      <c r="E332" t="inlineStr">
        <is>
          <t>&lt;class 'numpy.ndarray'&gt;</t>
        </is>
      </c>
    </row>
    <row r="333">
      <c r="A333" s="1" t="n">
        <v>331</v>
      </c>
      <c r="B333" t="inlineStr">
        <is>
          <t>Loss/total_loss</t>
        </is>
      </c>
      <c r="C333" t="n">
        <v>3700</v>
      </c>
      <c r="D333" t="inlineStr">
        <is>
          <t>0.347652</t>
        </is>
      </c>
      <c r="E333" t="inlineStr">
        <is>
          <t>&lt;class 'numpy.ndarray'&gt;</t>
        </is>
      </c>
    </row>
    <row r="334">
      <c r="A334" s="1" t="n">
        <v>332</v>
      </c>
      <c r="B334" t="inlineStr">
        <is>
          <t>learning_rate</t>
        </is>
      </c>
      <c r="C334" t="n">
        <v>3700</v>
      </c>
      <c r="D334" t="inlineStr">
        <is>
          <t>0.039970305</t>
        </is>
      </c>
      <c r="E334" t="inlineStr">
        <is>
          <t>&lt;class 'numpy.ndarray'&gt;</t>
        </is>
      </c>
    </row>
    <row r="335">
      <c r="A335" s="1" t="n">
        <v>333</v>
      </c>
      <c r="B335" t="inlineStr">
        <is>
          <t>train_input_images</t>
        </is>
      </c>
      <c r="C335" t="n">
        <v>3700</v>
      </c>
      <c r="D335" t="inlineStr">
        <is>
          <t>[b'1024' b'1024'
 b'\x89PNG\r\n\x1a\n\x00\x00\x00\rIHDR\x00\x00\x04\x00\x00\x00\x04\x00\x08\x02\x00\x00\x00\xf0\x7f\xbc\xd4\x00\x00 \x00IDATx\x9c\xec\xbdy\xfc}_5\xf8\xbf\xefGQ\xa1\x81&amp;$)\x95B\x83\xa8&gt;\x86\x06QRh\x92\x882$\x1a)RDE\xa8\xbeRH}\xfb\xaa\xa8\x08\xa9d\xeakN\xfaQ4\x08Q\tI\x1a\x94\xd2\xf0M\x99j\xfd\xfe\xb8\xf7\x9c\xb3\xcf9\xfb\x9c\xb3\xe7\xe1\xdc\xe7\xf3\xf1\x91\xd7\xfb\xdes\xf6^{\xad\xb5\xd7Z{\x9f}\xefU\n\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7\x1c\xc6\xff\x14\x11u8\x1c\xcc\xd7\xea\x17\xf5\xf7o]&lt;\xbfi\xe3\x16\xadu\xeb\xc6\xa7\xb7\x8eo\x94\xd907Zp\xed\xb7]\x86\xf1\x06\xa8}\xa9Y\x1d?S\xa66\xc4\\\xcec\xa7^\x1e\x0e\x00\x00\x11\x10\x11\x02/@j.\xd0\xfe6\x96C:\xa2\xfd\xaf~\xcf\xc6mJ\xa9Q\xcb\xc3?\xa4G\x89(u%\x99\x8apl\xfca\xa7?dr\xfd\xa4\x0bQ\xf3vg-\xceF4\xbak\xde\xd4\x84\x8f9\xb5(s\x916\xd57\xe6\xc5\xcbz\xb3Riw\xe5\x12\x8f\x95A\xd4\xadVdb\x9f\x95[\xb6\x87\xe9\xa8\x87\xb9\xean\xa7\x1b\xe2h\xeb\r\r\xbb\xf5\xb8-\xd0\\&gt;\xf5\t\xf6F\x89&amp;\x88\xf6_\xb3\xf8L\x8ds\xc6\x1c\xdc\xda\xc78\xa2\xc6}\xbb1\x9aQ\xf51\\\x104\x9a\x02c\xb5\xcdv\xb1\xb8\\aoW\x84\xe3\x8bM\x0b\x00\xd3\xc5cy\xe4^[\x9d\xca\x02[c7\xdc\xbf~\xc9D0\xe7\x8e\x94\xd2\x92\xdfT\xed\x0b\xc37q\x9b\xa5kD\xbd\xc9\xba\x11%\xea[}5fl\xce\xc1\x04\x93\xe2\xde\xb0\xa6\x9a\xb53o*L`S\x17\xa6~\x7f\xc9\xbf\x8b\x9d\xf0\x07^w\xb5\xbf\x86\xc9\xcd\x0e\xd5e\x17\x88\x00\x942\'Y\xa8\x97(e\x03\x94A\x86\r\xa7\xf5)w4\xf0\x07G\xff\xee\r\xbfn{c-xys\x81\xb8Z\xed\xcdk\xc1\xc5\xea\xd9\xd8\xf8\x16K#\xba\xd5\xb10US_\xff\x89\xa3\x00\xda\x8b\x1f\xb3\xd2\xf8\xf4\x9f\xc3\x00\'\x8f=V4`\xbeP\xa9\xd7\xa9\xc1\x94\xda\xedo\xb7\xdfE\xf6\xd3\xd8\x9c;O\x95\xbf&gt;\x8a\xc9\x95\x06\xdbM4ln!@`\xa5?\xcf1\x88\x15\xa1\xfd}\x90\xff\x01\x08\xec\x84\x8ff\x06\x81=\x86\x14\x0c\xf5B\xa2l\x99\r\xb3\x89z\xceb%dY\xa7\xaa\xa9\x8b\xfc\xc9J\x815+\xfeLo\x88&lt;\xb9\xbf\xe5I\xd3\xae\xa7-\xafl?/W\xde\x9a\x00""\xea\xaf{!o\xa7\tf_&amp;\x8a\x16\xd4\xf4r\xd3|\x8b\xe5\x8c\x9a\xc9\xbb \xcfV\t\xae\xbey\xba\xed\x1dR~9\xb63\xbfxx\x0e0\xdc\xbe\xd6\x9a\xa8\x8f\n\x8f;\x86\xc6-\\(\t\xebF?\x1bP\xc2y\xb0#o\xbfah\xacH\xad\x8a\x7fkbZ\xd9\xe4\xbe]\xd1\xf8\xe3\x8e\xb3\xb3\xd7\xbe0\x9c\xa9\xd0\xfe\x9c\xd5\x94\xd3\xe3\xe2V\xbe;+\n\x17\xdb\\,\x1f\xf5\xd7\x9f\xee\xecj\x13\x07]p\xd9\xd9hE\xee\xdcK\xb2\xac\x01\xb3\xc0\xe3\x96\xc7\xb7;\xad\x97FJX\xb9rN\x7f\xc9JZ\xea\xde}\xb3\xe9^?l\x142p\x19\xeb+KP@\xaa\x8a\xb5\x91\x134p&amp;\xec\xc7\xd0\xc1\x91\x13\xd4\xc6\xf3\xde}R|\xa4Z}\xe2q\xf3\xd9\xd9kO\x18\xcc\xa6\xd7\x1fKe\xa5~\xb1M\'\x93\xf2W&gt;q\xb9F\\(\x7f\x1f\xea\xefg3\xe1MM]{\xd8\xef_\x18\xb2Q\x80\xd1ev\x1b\xf6.\xf2\x8e\x1e\x1a\x18\xbb\x98\x89\xfa\x9f\xd3\x8e\x16\x05\x9bh\xd80d?f\x16\\o\xedN\xb3\x0blz\xdfq\xb8q\x1a\xda\xe4\xe2O\x8c)\xc8\x88;$k\xd9\xc8\x8e\xed\x0b\xb0\xc2y{~\xa4\x1c\x04.L\x8e$\xb8i\x1e{5\x8c\xc1l\x06[\xca\xf8\xbf\xe1\xc2\xef\xb1\xb4\xfa\xb4\x1c\x9c8\xdc\xc2\xd5\xc3-\xa3WG\xc2k\xa7\xde\x95\xfa\x99\xd5\xce\x87{\xa7\xe5\xe9lc~VU\x8f\xefZ|dq\x83M-l?#\x9eW\xcf}\xa77Z\xd0\xd8L*\xcb\x1az6o\r\x03\xb4\xa7\x97y\xa4\x13\xbbSO\x93\x966\xde\x1d\ty\xe9\xf3N\x99\xbf3{\xe5\x9ei::g%\x03$\xc0\x90j\xd5\xd9O\xb4I\xee\x00\x80d\x88\x88R\x97\x9a\xbed7\xf1&amp;\x05\xba\xf5\x95\x9fl\xb1+\xac\xc6\xc5\xe8\xbd\x94\xd2\xabv\xfd}C\xa5\xbe\xd4\xd4\xf8\x9a\xd9Gf\xd7\x16\x00\xb3o\xfc\xec\xfes\tUV\x97\xcd\xe41K\x18\x05S\xcb\xb3\xf3\xf7\xee\xad\x8dUw\xa3\xc9\x05Kwk^q\xcb\x95.L[D\xe4\t\x00h\x8c\xd5xx\xbeX$t\x00\x88\x81\xa9\xd4\x13u{\xfbm\t1\xd5\xb5KO\x15d\xb8\xc5\xd8\xd4T\x18\xc3\xc6\xfc\xd2\x91\x95\xadxa\xbal\xed\xde\xf1[\xc6\xdav\xe1^\xed\xc5\xc9\x96\xbc\xc3bIosx\xe5\x16\xf1\x03\xa2&gt;F5\xfex\x86_[\xe3\x02\xfd\x96\x93\x0b\xd6\x96@\'\x01\xbet\xf2\xaa\xe9\x9a\xf8k\xa13\xe5kP#\x14\xe2\xf5^Afo\xa0\x81)v\t=?[EN\x9aNED\xa9o\xab\xd5O&gt;\xa2\xb4\x00\x10\x1d\x9f\xdd_C\xf5\xbc\xdc\xec\xda\xb1\x1f\xb7\xae\xdf3\xaf8\xa7\r\x8a\x88\xfa=Q"\xaf\xd8*\xe8g#Z\xbc~\xf2\xf4`R\x8f.\xb4i;\xbaQ/\'.\xfc\xba\x94\xcfC\xc7=\x8a\x12\xf9U\xff\xe0+\x9e\xa6T\xfd\xf2\xa0H\x9c=S\xdc\xcdd\x7f}[\x86kK\xda\xd2\xc4x\x1a\xe9\x19%\xe0\x0c\xd03oiYN\x94Y\x8d\xac\x95(\xc5\xa9\xcb@\x10\x898Aye\x01`\xe4\x06\xddS\x82ot\xef\xc8\xd0\xb2\xa9\xc2\xdf`\xda\xe6/\xae\\i\xde\xf2\xefk\xe8\x9e\x8f\xd4\x9bu]\x008O\xad\xf7\x1b\xdb\xb3\xb93^|\xf1?A\xa4\xad\x1c\xe2A\x85\xb1\x81\xf3R\xdf\xd7\xb8)\x88&amp;FM\x83\xaa\x14=\xc4\x85\xab\xcb\x14u\x014\xfc\xf3\xc8n\x18W\x1d\xd5M\x96O\xaeR*\xf0\xe1"\xfd\xee\xaf\x88\xa8W\xda\x18u\xed\xbc\xcd\xc2\xbb\xbf\xec)\xdd:\x8f0\x9cA2\xf2\xc4\xc5\x92\xbe\x8f5?\xad\xd4\xf3\x95\x1a\x9d\xef?rK\xfd\xc4\xff\xec\\\xca\xac\x9d?\x1cV&amp;\xff \xff\xe6\x16\xc8\xfc&amp;\xbc\xf1l\x8c\xdeT\xa2\x89\xfa\x0b\x131\xcc*\xb2"~M`\xdd Q\xcc\x9eX\xba\x12\xa5\x1e\x1e\xdcB,p\x80u\xf4\xf8\x16\xb39\n\x08\x00#\xe39R\xe34\x11\x91\x9b3\x7fw\x81(\x91\xdf\x9c\x16\xb8\x0b\xa6\xdd\xf6H\xb9s\x90\xcb:\xde\xf8\xf9\xf3D2\xae\xc8M\xe7\x91\x0c\x0b\x00\xed\x0c\x8ch\'|\xc6\x99o2v1\xb6g\xec\xc9~@\xee5t\'\xff\xd44\xf3\x01~\xc0^\x0c[9\x87\xa1=\xd8\xc27V\xf9\xec\xc8\x0b\x00K\xd2\x15"\x9d)/\xe9tS\xb5\x11?*i\x9e4\x9e\x0b\xae!"B\x7fq[\xf3\x08\x8c\x00\xe7\x03+d\xc8\x80\xf4\x1b\xdej\x1a\x91\x17\x12\xcc\xe9\x9a\x8f\x9a\xbd6\xaa;\xc3\x16\x00\xc6{\x97\x1a4\xe4\x92\xcd\x043)\xd9\xef\xa4\x7f\xbat\x98u\x93\xb2\xbe_\x17m\xac\x01\xf4\xa6|\xf3\x9c\xdb\xf6\xbf\xf4\x95\xb7&amp;\xe7\x9c\xb8\x15\x83\xa9YQ\xeas#v\x91\x83\x84\x85\x88\x97\xda\x13X*;\x96\xc27=\xc6\xb2$\x99\xd1\xa9\xe9e^\x8cH\x94;\x00\'\xa8\xfe!\x07C\xf9h]\tM\xae\xf9\x7f\xe32w~\x16%)\x93\x1aw\xf4\xe2\x8f,\x0eg\xa52\x9e\xe6\xa4#\xef\x14Q\xea:\xc6\xa6\xa6\xcd\xf5\xcd\x8a(\x91o\x14yZ\xf2T}\xd2\xb9\xbe\x120\x08\xe3\xf2Ta\xf3\xe2D\xeb\x8a\xdcdX\x00&lt;\xda\xa1\xf1oI%LNZt\x89\xd6d\xae\xf8l\xc0\x12z\x8eX\x98t-\r\x07\x00\xc0\x92deF(\xd6\x05P\x7f\xc8\xe4\xa2\xd3\xc43\xae\x05\x93\xd4Rkb\x19\x16\x00J\xa9?v)a7.|\xfcZ\xa5+Kk\x00\xfdQ\xc0\x0bE\xd4-\x9d\xeao\x0fDD\xde5&gt;\xcb\xb4P\xa6\x7f\xdf\xa6J\x95\x855\xf7\xb0\x00H8\n\xa3[Z\n\x03\xeb\xc4\xb6\xd7\xb0H\x86,\xb4\x1f7\x00\x00,\xa95\xb3\xdb\xd4(\xe63\xf1\xa3]\xf3\xc4\xc3\x13\xa5\x9e\xbf \xda\xd2\x02\xc0\xae]\x87\xbb\x162\xd6\xa9\x85\x0f\x8f/\x9b\\\xd9m\xcf[\xe6&lt;OM\x1a6\x05\xcd\xd5\xedh}2\xeb{t\xcb\xf6\xea\xc8K\xd4\n\xa9b\x01p\xbcmGZ]!d\x8c\xeb*\x92\x95\x9f\x93[\xbe\xe9\x1ct^\t\x99\x9f\x12[S\xc8\x07j-\x0e\xd2p&gt;#MNk\x07n\x93Pk0\x19\x91\xbaB\xf6\xc5\xaaF\x99\x16\xff!\x83\x89k\xaaX"\x85\xf6n\x1d\xd4,\x87\x1f\xa2\xa2;X\xb4\xb6\xb4\x90s?\xd8S\xa1OWC\x98[\xc2\n\x9b\x0b\x00t\x0e\xce0USC&lt;\x84\xd8\xe8\x9f\xdb\xac\x94\xe7V\xeb\xf6V\xf5k\x94\x05\x80s\xad\xec\xd0f\xa9JK\xfacQn\x1f\\.\xcf\xca\xd2\xc5m\x01\x00\x1b\xa0\xc9\x14\xd4\xb9\x00\xc0\xd0\x00\xeb|~i\x01\xc0\x0f\xaa\x823&amp;|\x01\xe0\xbeY\xee,W\xb9\xf3*-\xce\nMo\x0f3\x9e\x1a\xaa\x81\x7f.-@,*\xd1\xe7\x9eXQ\xe9\xbdY\x00\x00@\x8bT\x93|G\xd4T\x15@\t\xc6u\xb6Vm\x8b\xa8g\xeb/\x8aR\xbf\xb4\xd2@\x92O\xef\xe5N\xbd\x81=\xf6\x0b!Q\xeab\xd1\x84\xf2\x10bqIv\xdb\x02\x02\x01\xb4\xcdEK\x0b\x00\x00U\xe1\xf3\xb9\xc4\x14r\x04\xc2\x02`\x97x|&lt;\xf1\xbe\xf3W\x87/\xa1_{&gt;\xb0\xb0~h\x91\xc5c?v\xe7\xfb\xe3?\t\xf1\xa6\x06\x19\x00\xfch&lt;\x8c\xe4\xe1\xa1\xa2D&gt;\xad\x8ah\x03p^P4\x83R\xaa\xd6&lt;\x15\xc7;o\xd17\xd7W\xb7\x86]\xf9\xc9\x03\x84\xb6\'\x86\xf7\x97p?\x83\xef\xbf\xab\x9ep\xeb\x9c\xb9}3\r\x9fM)\x0b\x86\xdfxQ\x8fEW\x00\x99a\xd2\xc1\x1eR\x95\xb9l]\xd9\xec\xd7\xae\x7f\xb2\xe9\xb0~\xdb\xea\x08`\xf3\xc3\x8b\xa54S\xcfs\x89\x19_\x9eO-1\xe6j\xba\x8f\x9aTi\x9d\x08\xf8\x8c\xeb\xda\xedG\xd5l\xb4\x94\x81Z\x91\x13\xc0\x13&lt;\xfc\xbch)\xfc\xceY&gt;\xd5\xa3\x94\xba\xf7\xd6\xd8n\xda\xd7\xb5\xab\xed\xec\x18\x87/\t-\xa8\x9c\xea\xads\'\xcf\xfb\xbc&gt;\xad\xee\xd9\x97\xd6Lp\x0b\xb3\x16\xcb|\xdc\xa5-P\xce\x12\xb5\xae\xed\x01\xce\x8a\xda\xf3,\xc4\xa7a\x8bo\xd6\x85\xab\x17\xccO\xfc\xb7\xa9\x85E\xac\x86\xd3D\xdd\xf6\xd6\x9d\x06\xa6B\xcaO\xd0\xe3N\r\x04\xe9\xf9\'\xa5D\xa9;\x96\x16\x03\xe0\xdca\x1f\xe7\xfc\x10\x11\xf9\xc6\x16\x13\xf7\xf8\xdc\xce\xf653\xcf\xde\xfdi\x1f\xfb\xa15\xa0\x87\x9d\xd6\x97~#\n?\x05\x94B\x93\rx\x11T\x075\x07@-\xc8\x8f\xec0\xc9\xc22k?\x15U7\xb3\xe2~\xfa\xe6\xec\x92\xe35\xfdh\xdb\x1c\xf6\xf9r\xb6\xc6\x9a\xfa\xb6\xfdy\t\x11Q\xf7\\z\xfc\x05P\x05,\x00\x00\x00\xa0\xe7\xb0y\xc5\xa4\xe8?\x1c\x0eKou\x17\xf4\xcd\x8aM\xfbP\x19\xf6V;Z\x7f\x1f&amp;\x16\x11\xddu\x95R\xa2\xe4\xe4\xcd6\xf7\xaa\xf1\xd4\x00\x80B8E0\xe6,\x00\x9c)\x17x\xdf\xb9|P\xe4j\xdd\x1fyck\xf3\xfb[U\x08/\xa2*\x91$?\x93\xa5\xae\xb5\xff\x8e\xd6\r\xe0E\xeb\x93\x17\xea\xc1i\xff\x02\x00\x00\x16X=\x02d\xb8f\xb5\xb1[\xa5\r\xbb\x7f\x97?\xa6\x7f\xea\xd3\xe2\x1c\xe6\xab\xe5\x0b:\x1c?\x03\xb0\x93\xbam\xe1\xe3+\x90\x8dZ\xfc\x1f\xce\t\\\x0e\x00`\x19\x9b\x05@\x7f\x95R\x8f\xc9*\x9c\x99\xaca=\xe4#\xb3C\xd1Y\xd1Go\x9d\x8a\xe0\x9dT\xccc\xf7\xfe\xb6}\x0c\xaa5\xd0\xb9\x07\xfb[8\xb9\x87\x14\xab\xbd\'\x00\x00p\xc4n\x01P\x15\x9f\xd3J1qRi\xff_\x934*\xf6\x88\xa6\xdc\x1b@\xe3\x07v\xe5\xb4\x1e\xd3\xf0\x8c\'\xef\x19\x0e\x19\x00\xa2\xe1\xf0\x19\xc7\xd3\r\x05\x0f&lt;\x8b\x88\xedG-\x9b\xf8|j\xf7\xe1\xd1\xf7+\xf51\x9c$/\xc9\xd1\x12\x07e\xf9\xa9_\xc8B\xf7\xb9l8\x1fN3\xd1\xd1\xee~w\xb5O\x13i\x0e\x00*\xc5\xe6C\xc0\xa3\xf8"\xa2\xed[\x97\xc0n\xa7\xe7\xd0BX&lt;\x1c\x8e\xff\xf7\xb1\x87v\xaa\xffw\x96\x16\xa0QvrV*+/--\x00d\xe7p\xf0Y\xf4\x1d\x0e\x87\xea\xaa\xff\x1c\x1f(\xaal\xc8\x00\xb0KdF@t\x0b?4\xef\xc5WP\x81\xa5\xa3q\xdd\x0ekZQ_\x9f\xe27;X\x00\x00\x9c\x11\xff\xc57\n\x00\xc0\x9e\x88t\xda\xb2Hd\xfc\xc9\x82O-J\x93~\xd4;:\x83\x9b\xe4\x01\xd7\xf9\xfa\x1e@\x14\x9a\x9b&gt;\xcd\t\x0c\x00\xb0O\xde\x1f\xbcti2\xa0\xe7\xfb\x84\xdc~\n\xdc\xc0\x07\\\x0b-\xb2#\x08\xe0\xc7~b\x0b\x00\x00d\xe6\x96\x95\x7f\x91Q"\xa9\xbcFM\xa9\x9a`\xf8\xe1\xbew^K\x88z\xa7\xea.\xa9Y\xd5\xe7\xe4\xf6\xd0\x068$@;|f\x9cO/$CD\xa9g&amp;i\xd7}\xd4Q\xcf\xc0\xd4\xa7\xea\r\x8e\x8azw\x8a\x96#,\x00\x9e\xd6\x9c&gt;\xbda\x01\x00\x00\x15Rk\x15\x01\x00\x0bL&gt;\xc1\xecvo\xf2\xd9\x9e6\xa08\xb5\xfc\x86\xba\x1f\x95$\xe28X\x89\xba\xf8\x01\x80\xccTU\x99\x11I\xf6\xc8)9\xde\xad\xb4\x1c\x00`\xcdh\x01\xe0\x12\x97]\xaaa\xefp\xffC\xf5\xe4\xad\x04\x0b\x80\xe7\xaaK\x85\x7fp&lt;\x1dwT"J\xddS)\xb9}\xab\x8b\x9f\x9b\x95\x16\x00 \x1d\xcd\xcdG\xa5\x8e\x8f\xec\xda\x8b$`\x03f\x05h\n\xfd\x14\x90\xd7C\x803"z\x11\x1c\xdcZ\x1e\xfd\xcb\xe9?\xd26\x00\x84"J}Fi\x19\x00 7\xad\xec!\x9e\xd7/\x89\xe8V)\xf9\x93\xc6\xe7\x884\xa5\xed\xb6\xa4\x05\xd8%LC\x00\xa8\x96\x95\x9f\xe2n#v\xd9\xfc\x12p8\xb5\x9c\xcb\xd4\x7f,\xb2\x91\x15\xdanh`2\x0c\x88\xaa\xc4c\x01\x00\x00\xa0&gt;\x0e\xcb\x85M\x1b\x05O\x9e\x05\xc0\xa1\x9ej\xbb\r\xb3\xec\x93j\x9c`\x8bf\x04\x05\xa8\x9d\x90\xc9\xd4G\xebG+%\xea\x9a\x9c\xcd\x03\x00\x00\x7f\xa4\xfb\xca\x9dZ\x9eK\x9c\r\xedh\x9boy\x03\x08&amp;\xeaG\x89\xaexl\xef\xdfX\x03\xec\x8d\x1d\x1b\xf4\xbfK\x0b\x00\x00P\x9ecI}\x9b\xd2bX\x92s\x01\xc0b\x03\xf6\x8a\xdc&lt;r\xbd\xceW\xb0\xef\r\x11Q\xea\x9fKK\x11\x1d\x1c\x15\x00`\xa0\xa1h\x98Y\xd4\x864\x03P\x926\xbf\xa5\x17\xce\x0b~O\x06\x9a \xe9g\x00\xf0~\xd0i\xe8\xf3\x17\x99EmH3\x00%9N\x15\xd6\x00P1\x9ds\x1e\x08\xecP5I\x17\x00x?\x00\x04B\xa9w\xb6\x98\xf6P\x0f\xda\xbb\x00\x15\x82cB#\xe4\xf9\x16 \x00\x80m88[\x1b\x05\xf7\xdaE\x8c\xaep8\xee\xab\x8a\xf0]\xce\x90\x99m\x7f\xe3\x80\xda\x8e\xd8\xbf%Y\x00\x00\xf4\xf0\xddPe\x11e(\xeax\x90x\xa6\x1c\x0e\x87\xc3\xea!\n&amp;*\xe4\xe4\xc9[\xbf\x0f\xd3\x17\xff\x87\x83Zw]h\x01,\x08pF\xb0\x00(\x8c\xefG&lt;\xb1\xdaY\xf10%\xf2K\xc2\x17\xad@f6\x9c\x8dO\xa8\xef\x17B\r\x9c\x05\xe7\x1d\xc2\xf8\xf6\x86&amp;9o\xa7=SX\x00@m\x90;\xf6\n\xa1\x06`\xf7\xc8@iQ@)\xa5\x94\xc8\xa5ml\xf1\x0f\xd8k\xc7,e\xdf\xcb\x91\x95\xa1.\xbeppH\x92\x08\x00@Q\x1c\x8f\n\xb0\x00\x08&amp;\xba\xea\xb0\xc5Y\xb36\x1f\x1f\x89o@M\x8cr\r\xce\t`\x80\xa7\xb7\xf5\xb3\x13\xeb\xb8\x16\xf4\xe2\xb8`\x00\x80\xc4p\xb2"\'\xa8:\x84I\xee@\x99\xb07\x1f\x880\x1eNZ\xa7\xe7\x81J)oc\xedh\x17|7\x039\x1f\xb0\x17\xec\x98\xaa\xdd;\xcf\xf6Gk1\xd9(\xad\xcd\x10\xda\x1a&amp;\xa4`o&gt;\xb0\xb7\xf1\xec\x17Q\xea\xa2\x9ew\xeeg\x01\x00m!"\xf2\'\xf8\x1e\x8c\xa9r\xcf\xc8\'HV\x1fW\xf3\x88W\xb9\x12F,d\xc3\x96\x86\x00\xe5\xd8\x97\x9fT\x19\x88a\x89\x00K\x9d\x8b\x95\xcfd\x98\x8d\xd0\xd0g0R\t\xc9\xd7\xd1\x1a\xa8\xd2+\xbcD\xaan\x14:\x0f.-@\x9d\xb8\x1a\xbaf\x13\x03\xf8s\xd3*\x031\x80/\x7f[\xad??\xb2\xb4\x00e\xa8\xd5\x1cs\xd2\xc8y\xdaaiE\t\x99 \xef4\x026\x02\xd8-\xfd\xfe\x1c\xf3\x1c\xf6\x01\xfe\x1c\xce\x83\xa2\xb6v\xf9\x8d\xf7\xf7m/\x1e\xb1\x9aA\'\xe1\xbc/q\xfbN\x8b4\x0c\xbaOd\x99\xd2\xa2\xc1\x08\x9f\xdf:&gt;Z\x91_\xba\x86\x1d!"J\xf3\xe8\\\xbe=\xee\xb5I\xde-\xea2\x8d\x0f\xa1F\x84\x1f\xa2\x87\x9d\xb3\x83\xe8\x0736\xab|\xdf\xd2\x91\x90\x18\x9f\x0b&lt;\xee9\x1c(\xfeW\x10\xa5\xde\\Z\x06pD\x94\xea6^ET\xb6\xad)i\xe9\xb8\x8b\x19\xb9\xb4rR\x17\xfb@v\x10a;\xee\x85\xc3\xec\x14\xca\x88\xdda3U}\xa73\xde\x12\x1ft\x1a\x1d\xd6\xa9\xcd1\x8dH\x07\x95)9\x9d\xe1\xc3\xb4\x89\xae\xcfj\xecmr\xb4W13\x9d\xe1\x1ci\x1d\x119\x1c\x14y\xf0\xdc\xb0\xaf\xec\xcbOg\x11\xa9A\x8c\xd2\xf8&lt;\x01\x80Ujp)6\xcc\x9c8L\xff\x91\xcb\x86\x87\xfd&lt;M\xb3=\x94\x7fx\xd8\xe4&gt;|\xd5H=j9(Q\xea\xbd\xc5\xe4\xd9\xcf\x149+\xea\xf1_\xa8\x8f\x8c\xcf\xf4\xee\xb1\xf4\x06AE\xa1\x04\xf0b\x7fO9\x86\x88\xd4U\x1b;\x1b`Z&lt;\xb6i{\x8dS\xdfU\x0e\x96\xb2&amp;O`\xdc_\xf8\xad\x12&gt;\xa2\xe0\x88SY\x9f\xed1;\xac\x90\xe7\t\xc0\xe3\xb3\xf4\x02\xb9\x90\xfdm\xdcj\xfb\x8c\xa2\xc8\xafNhq\xdf\xcb+\xf6\xe6K\x8bp\x96\x1db@t\xcaB\x90\x9a\x99\xe9\'\x96v\rPP\r\x10J\xc0\x8f\xc2\'\x83\x93\xb1\xd7q%\xc4o\x87X\xaf\x86w\xbd\xb5\xdc\xed\xd7:\x9f:\x15%ul\x92u\xa6\xda\xb5\x99\xea\xa7\x95\xd0\xc4\x03\x8a3e\xe5\xf3]\xc6\xbd\x8f\x18\xf1\x04g\x0b\x82\xcf\x00\x80\x1f\x87\x9dN\xbc\xbd\x8e\xab:\x0e\xe7r\xd6\xaa\x1b\x9fc\xb6\x13\t\xf9\x92\xa8\xa8\xfbk\x87\x83\xd5\x87UR&lt;\xdf\x10QWc\xaf\xf0H+\xa1\xa9\t!!\x03\xfa\x16O\xcc\xd64p\xb66\xd8\xf5\x0f\xf7\xec\x07l\x04Y\xe1T\xcc\x12a?\x9d\x93?\xde\xc6\xff\xf12~?\x08\xa0!f\xbf\xf95\x8eB{\xfeQ\xb0\xc5\x8f\x1a\x9f+S\x1b\xcb+ve\xef]\xc2"\rJ\xd1\x90\xe3\xe5\x9c&amp;z_\xa2\x1eP\xb3\x96\xe2\xcb\x16V.\xd4\xac+\x80\x1d\xb29aw\xba\x00\xd8\xd3X\xe2`\xb41:\xda\x01\xc7}\xbe=\x99rg\xc3i\x12m\xc7\xa8~\xe2ou\xb7\x8e\x85\xedD=QN\x7f8\xb6\xbc\x8b\x05@U\xc2\x80\x89\xa0\xa7m\xf3W\xce\xd1\xe2\x16\xb3u\x97\x0b\x803\xfa\x1e\x0bKt\x1b\xffpia *\xcd\x14j\x9b\xecf M#\xaa_\x004\x13F+\xf7\x1cQ\xea\x05^\xca\xf4\x19\x94M.\x17\x91\xcf\x9c\x1f\t\xb0\xe7\x0f\xf6X4@5\x84\xb8\xd6\xfc\xc6\xb3uT\x16\x00\xdb\x97\xb59\xea&amp;\x85\x06X\xa5\xf22\xaea\x0e\x8ean\x87)\xa1$\xe2\xb7\x9d\xe9c\x02;\xc3\x85?\xe1\xc1CV\xd0t\xfb\xf7\x85Ei\r\xcd\xafd\xf2r@\xb5*J\xbd(\xae\x9c\x8d\xf0\xd4\x05}*\xa5\xa6\x07\x80\xe6o6Z\x1c\xdb\xd3n\x04\xa3T\x82\xcaiuj\xed\x94g9^\xdfg\x85\x0b\x93\x88\xb3\xd0\xe9\xfe\xc2Z\xc8\x06\x9bO\x99\xee\xb6\x00\x08a\xb9\xb0plg\x97F\xef\xc6\xb5\xb7\xa1%e\\\x91NT7]\x00\x90_,\x19i\xec\x1f\xc5F\x93k\xcb\x06H\t_\xa2\x04\xfb@\xba\xdfm\xc4\xa5\xabDD\xad[G\\\xbf&amp;?\nR\xa5\xc3\x1c\x9d\xd9]0-\xb5z\xdc.\xee?\xe7|\xbcO\xfb\x86z\xcb{}\xd4\xee+\x9e\xde\xa9R\xeaP\xab\xd1\xa3\xb0\xe3\xa1\xc5g^\x89\x8e\x7f\x9ev\xfa&gt;\xbf\x83a\xc9\xfabi\xae\xc6\xfez4\x9c\x99\x8b\x94\x16\x00\x00\x94Z\x08\x9a\xbbY\xd2\x88RJV\xbf\r\xbaL\xec\xb7\xe9\xb3\x99\xa2*p\xf7\xcc\xd7\x00\x07u8&gt;\xc1\xb7o\xc1\xa7\xa7\xc3\xe1\x10v\x88\xa8_\xa1\xb4aM\x0fD\xd4\xe1\xd0\x8c\xbbV\x88\xae;\xe3\xd7\xd8\xa0[\x1b\\c\xf9\xe1\xb0\xfb\xe3?\x95\xc2\x0f\x81AB2&gt;6=\x1cn\x99\xab\xab\x98t\xcf=\x17\x14%\xa2~|\x17\xa1\xb1\xe5\x9d\x1d\xa3\xe8\xa2D\xee\x9e\xea`\x80\xc5\xafn\x19$\n\x97\xc4\xff\xa7\xa6\xa2\xfeH\xd5\xca@\xfc;9\x1c\x94\xfa\x05\xef\xbb\xdb\xe0p\x88\xfeca\x9f\x12\xb5\xb5\xd6i8\x8a\xd5\x8d\xddO\r\x02@C8\x96G\xc7r\xea\x1b\x97\xde\xdd\xd3.\xc1\xf4P\xa4\x05\xa5E\xce@[g@=?k\x1b\xd4\xe3\xb2~4?\xf9\xf1\x8c"\r\xfd\xfb\xdeU\x8b\x02\xc1\xc4\x9e\xd5\xb5\x19`\xcf/\x02\x03\x00\x94a\xad\xc4\xdfY\x14\xf6X\x00\xecL\x033\xfa\xd155\xc0\x8c\xe68\xe9\xc7\xd8\xe3\xc8=\x9aR\xe0@\x06\xb1\x1b\xd5\x8c\x91,c\xd9m\xb4Q\xcaT\xdf\xcfcl\xff\xcaw\xcfTq\xc3]+\xa7\x11v\xb5-\x08\x00FvU\xfe\x86T\xff\xbbQ\xc2\x9c\xc6\xeb\xd7\xe4\xac\x98\xfe\xa6\xbaoL\x7f~\xb1\x15}\x9a\xb7`\xf3\xcbqV\xb4\x10O\x12\x8a\xb7\x19`\x17C\xee\xbfn\xea\xed)\xfb\x0e\xd7\xb5@\xca\x08\x80CWP?C\x08\x1d\x7fKC\x8b\xb8\xa5\x83\xa5\x8f=\xee\xf3\xb8\xa4\x14\xf9" ?\x86/\xbe\xa9\x86\x93k\x1d\xc6_c\xd2\xf8\xe7\xc8\xf9\xd8eZ$\xf4\xbb\x95\x92#"I}x\x12\x91\xc7\xaa\x90\xee\xb3\xe3&gt;\xbd\xf7-\xd7\xac\xde= \x0e\xdf?\x00:|\x0b\x10T\xcf\xb3O\xff\xbf\xf5\xea\x7f\xb3\xf6\xef\xf2\xc4\xa8\xb8&lt;\x98n\x14\x91\x1d&amp;\x95\xc3\xe1\xd0\xca^\xce\xe9\xab/\xe3Z!\xb0\xd8\x9d\xc9r\x14q\x94\x1c\x9b\xab\xa7\xdb\x92\xb6Z\xd6\xec\x1e\xe0\xc29\x96\xc1\xa9\x03]\xdf\xbet\xa7\x80\xb4\x1e\x83:\xaf*D\xef3e\x1c\xd9\xeb\xb8\x00@\xdd\xb4\xff\xb4e#\xd5\xa1\x89\xc0S=gr\n(\x0b\x91T\x17\xea\x93\xc6{c\x9bU\x97\x10\xb7\x99rV\nI\x11B\xdb\x8e\xc9s\x08\xad\x00\x81\xec-(@QN\xc7\x9a\x1b\x8f\xcb\x7f\xb9V\xfa\xdb\x0f\xadSE\x97\xa8\x9a\xd6I~R\xa8\xcb\x7f\x01\x90\xdb\x82\xcdO\xa2\xc8\x9cU\xb5\xc7\xc6\x01\x00$BV\xff\t\xe0\xc9x\xcf\xfb\x11\xa5\xc5\xf1dy\xd7\xdf\xf3\xcb\x13[{\x14`/d\x13\xc3\x89C\t\xf3\x05&lt;\xafh\xc6\xd9\x1c\xd8\xdf\x88\x96X\r\x17\xe7\xa2\x84\x19\xec\xa1\x00D\xa0\xb6\x89T\x950\xe0\x88\xb6)\xae\xed\x91o\xdaT\x16\xfe.\xce\xf2\xde\x7f\x8c\x16\x1b\xf8\x1e\xb4\xfa%\x845\xee\xda\xd4js\x9d\x1d\x0c\xc1\x8f\x16\x02\xc5\tQ\xeasJ\xcb\x00\x00\xb6\xb4\x12Y "\x89\x8c&gt;\xd9\x1do\xbd\xecX\xa9\xfem\x964\xe6kb-$\xca\x91Nf\x0f\x854\xad\xc9,&lt;\xbe\x91\xa5\xe6\n\xab?\xb9\r6\xacO\x90x3\x08\x1b\x01@c\x88RO/-\xc3.\xd8Q)\xb6X\xfe\xdb\x0c\xf0\xb4H0-\x03\x9a_\x00$\xc3vq5\xbb\xc7\xe7\xc6\xb3\xa1\x95gM#F\xd2v\xf2_\xa6\x944\xcd\xb35A\x98Ap\xf6\xe0\xfc\xe7\x0b\xb1\x0fF\xacT\xff\xf6U\xfb\xf5\x8c\xb5\xe9&gt;\x17\x00w\x8e\xd2JW\xea9\xa8\x85\x05\xc0:;\xf1\xb4\x9f\xc7\xbeAl8\x003\x08\xa0)Z\xfc\xfe\xd4\xe6\xbe\xca\x1a\xce\x94\xf5|i\xf9\xad\xcc\x93F\xba\xdf\xc4\x19\xbd\xbc\x97/x\x8e8\xb5s|C\xf9\x19\xd1\xb9\xdb^&lt;\xadi,\xb0\x1c\x06\x00\x00 \x00IDAT\xc8\x80\x00\x10\x81\x0bJ\x0b\xe0\x01\xb1\x0fv\x81\xdd~\xea\xa4\xe2\xfa\x1e\xe9^\xde\xe1&lt;\x888\xa4\x03\x81"&amp;\xbf\xa6\x14\n\x85\x86\xe1\xb9D^v\xf0\xc0\x10\x00\x1c\x89\xfb\x08\xb8\xed\x07\xca\xebG\x80\xac\xcfT,\xdc\xb2\x8fS\x19p\xa4v;\xe2i\xd04!\xde{\xd7xR\x9c\xcb$\xdaKn\xda\xc1\x10v\x0e\x16\xaa\x84\xd3\x97\xf6\xb8\x1e\xbf6\xb4\xf3\xda\xa1\xc6UJ\x94\xfa\xaf`\xd9\x8aa\xb1\x00\xd8\xd6\x95q\x01p\xfa{\x0fA\x16l\xf2%\x86\x06(B\x8c\xa9w\x9c\xe0\xdf\xb4\xa7Y\xbc\xfd\x95P\xbfDz\x824\xc8\xec\x0f\xc8\xcf\xf0e\x9d\xb3\xff&lt;yfW\t\x8dJ\xdeF\xe3\xc8f\xf9o\xb7Mb\xba\xde\xe1vh\x81\xcdY\x83\xa1\x01\xda\xe2\xc6\xfd_{\x0c\xd7Kc\x11\xed\xbb\xbc[\xa3E\x99\xcf\x92\xb6\x0f\x87\xec\x02\xf9\xb5\xe1\xebV"\x9a\xe3\xd4\x94k\x95\\!v\xf5\xff\xb6\xea\x8c\xaah]9\x00\x00gBk\xb1\xda_N\x9b\x8cvF4c\xf1\xe4\x88Rw\x8bW)\x86\x1f5\x81p\xe2\x96\xfe\xd3\xc6[\x0f%\x96\x0b\x00\x8ba\x1a\xd7B\x0eK\x08\x00\x00G\x88*\xd1hm\x01pU\xff[\xc9G\x03W\xfd\xd6f,\x9e\x1a\x11\xf5\x92\x88\xf5\xa2\xb4\xf9\xdb4pF\xd8/\x00\x9c\xd6\x00\xf3\x97\x08\xb8\x00\x00\xa0\xd4\x15\n\xf7\x7f3\xaa\xb2s\xc7h\xfec\x99\xf2\xf0x\x9dP\xfd@\x04\xc4b%\xe9\xbdy\x13o\x010\xffb5\xc3\x92\x00\xa6l\xfdv\xa9R\xbf\x92S\x1c\x00h\x8c\xdb\xb5\x13`k(\x87\xf6\x9d\x92Dvp6a\x17\xe8\xc5\xd3\xc7`\x0c\xf0B\xac\xcah\xef\xa5\xa6\xcb\x02\xe0*\xde-\xbbJu6l\x99\x8c8\x0e\x90\x90o\x19\x7fK\xc4n\x90\xd5\x7f\x16\xa4\x1eI\x00\xd2"\xd4@\x10\x88\xbd\x0b\xf9\xf9\x98m\xf5/\xa2\xd4{\xe7w\xdb\xb4L\xd0\xef@\x0fP\x0b\xdfNJR\xaa\xab\xfb\x1f[Z\x8c\xb8\xd4l\xd9\x9ae\x83\xda\x91\xab5\x15\xb6\xc6\xd5[K\x92CM{B\xcfN\xd7\xb4\xf5\xf6\xffb\x03\x8b\xef\xdc\x88u/@\x9d07\xa1E\xd8N=c\x1a\xdcM\x9f\xec\xa1B,&gt;\x9c\xa5\x97?\xcf\xd2KY,\xb7\xff+$\xde\xef_\x9e;u\xda\x17\x92r&gt;F?\x9f\x91\xee\x1d\xdb\nps\xe3\x95m\xd9\xf6\xb0\xd9\x8f\xac\x8f\xda\xab\xa8\x16\x89\xf8\x15\xab;3J\xaaS@y$qk\x9f\t\x05\xa0\xc3\x8c0\x83Z\xf6\x83M2\xdaN^\xc3[\xb7\x8b.!$\xa2\xdd\xe5\xdaQ\xf2\x0bK\x8b\xb1\'\x1a\xf5\x84J\xb1[\x03\x88\xdd\xd2+\xcf/`\xeco\x01\x90m8;\xd3\x1b\x00\x80\xc6\xf6\xee\xbe\x88\x88\xfa\xca\xddD\xc2\xdd\x0cd\xb7\xb4\xbbz\x81\xb3\xc0f\r0,\x06\xa6\xc5\xb7\xf4?|\xe1\xfb\xc4\xc0Y^&amp;T\x83D1\xd9\'\xc5h\xa4i\xce\xce\xf3\x7f\x92\xd3\x1a\xe1|\xffY\xebP\xdb\xc6\xda\x1b\xa6\x8cl\xb8f\xaf\xc3o\x05T\xdf\x10\xe79U\\\xd7\x00\xb2tK\x06Q\xd3wQ\x84\xbd\x8eK)u&lt;\xa3r\xab\xd2B\xec\x80];\x89\x81O\x13\x11u\x9bs\x1bul&gt;AZ\xcfk!\xc9%Wb*\x81]\xf5\xdf\xe2\xf0\x0f\xa5\x05\x88\xc8Q\xfb{\x1a\xd1~9N\x95\xc3A)i\xcdd\xe1\x02G\x08\x14\x87C\x1a\xa5\x89\xa8S\xcb\xcd\xd9\xc5\x92\x9c\xe3\xda\xab\x0eaw\x88\xa8\x83j\xc1]\xfb\xd0Y\x9d\xa8}XO\x15\x9c\x13\x13C\xfe3\x8dx\x9a\xeaT[\x1a\xb8\xa0\xb4\x00\x11\xd7L\x07\xa5\xee\x16\xaf5H\xc9\xa1\x9f&amp;-\xcd\x96HT\x9b\x1f\xfeKT\xbf\xdbq\xc3\xb2\xa2$#\xa7\xeek\xb53\xc0\x84\xb6\n\x171\xfc\xe5\xddD$\xda\xdb\xfd\x9ds\x08]\xbd\xb4\xe3B&gt;,\x9a\xf8\x85\xfd\x15{\xf0\x82$,)\x06\x85AA\n&gt;\xb6s8\x0e\x94\xed\x08\x90p\x8a\x11\x00\xea\xa5\xf9c6K&lt;\x8a\xe2\xb1v\x96\x1d\xefc2\x1f\xd0m\x00]\x1d\xbb\x9d\xb4\xd06\xce\xbf\xa5\x15wz\xd7U\xfdCe`h\x80\t&gt;\xdf\x98\xbc\x103\x99_\x10\x8bV\x13t\xbaG6\x83\x1e\x9a;\x17\x05\x19)~j\xd0E\x80\xce\xa9c\x9d\xf2\xb4\x0c\x16\x0b\xdd\xf1\xa1\x17\'ZSW3\xc7\xb2\x01\xb2\xe1\x9e/D\xc4\x1cB\x8b\xa7\x9eJ\x90\xee\x93_h\xa3\xc7\xd97\xa4\xcd\x8f\x01\xa4\xfb\x0c\x80&gt;\xe3\x96\xd4q\xd3d\xbd\x03XbL\x0c\xb9\xfa&gt;\x1c\x96\xd6\x12\x0f\xea\xde]\xba\x80\xdf\xbes\xe4\xd0P\\VJ\xa9\xc3\xc1\xd7\x13q\x8b\xfd\xf3?\xc3\xd3\xf5V9m\x97\xbaE1\xf7)\xbc\x18B\x9b\x8a\x06\xc98\xaa\xdf?\x95\xec3\ty\xfa\xc6\xe1\xd0Z\x96)\xcd.\xbd\x07\xdae\xfd\xb8Z\xba\xc7|\xa2~\xc4-\x9d7\xf7\xb4\x11\x00\xe21\xffA\xc0\xb2\xeb\x01\xfb\xaeOE\xff\xf8\x90\xf0\xb9P\xdbA\x910\x13T4\x90\xc2\xec\xdd\x93c\r\xcc\xb2\x9d\x7f\xf1l\x1cwl\x98\x95O\x8ag3k\xb7\x00X\xfd\x85\xf3\x9dN\xf5\xa6G\x94_\xf8]\xfa\xc0\xceh\xddFn\x9fP\x8a\x91\xfe\x92\x7f\r\xbcve\x17K\xab\xcd\xda/\x89\xec?\x15\x9e\x14\xdfo:\xcb\xcc_\x88\xc8\xbf\xd4\xec\xccv\x88R\xaf4\x84\x92h.\x92\xd2\xd5~g\xbe)\x02\xb0\x89(u\xa5\xd9+\x06/\xaa0|G\xe4J"J}Oi)\xda\x82h\x03\xad`W\xe7\xe5\xfd\x1d\xa8\xda\x17\x00\xb1\xa90\x83\xd4&amp;O\x9d|\xcf\x99\xa8\xa8\x9f\x90)\x17\x85\t\xbf\xc4\x10W\x06g\xac3\xd0\xe0`\xf8X\x8b\x88\xfc9\x86\x83\xe6\xf1Ks\x93G\x97+\x8f[\xfde\xf2\xb8\xcd\xaf\xbbV\xa9\xa5D\xf9i\xedo\x9ftV\xc7(r\xe2P\x0fw\xca\xf9\xa2\xa4\x02\xa5@&amp;\xdfLXZ\x1e7\x1a\x15\xfb\xcc\xf0\xb0\xce\x97\xc5\x97b\x84\xa8\xfftyx\x8d\x83\xb5\t\xc1\x01v\x80\x96\xe6\xdc\x0e\x08\x15\xcd\x8f\xcc\xbb]A,]\xc1kz\x96\xe7\x9a"\xf2\xd9\x93\xc3yMqF\x0b\x80K\xb7\xe7^\x1d\xae\xc7\xb4\xa2\xdb\xf4\x92\x01\xf769\xb1\x1b$\x9d\x86\xb1\x1d\xd4\x83\x8f7z=\x87,\xbd\xafWuR^\x91\xadf\xb1\xf3\x80\x06\x9ci\xb5\n\xfd\xaeF\xe5\x1e\xa0&gt;\xab\x1f\x97\x05\x80\xc85\xe3\xe4\xad\xee\xdep\x0f\x17&gt;g\x92\x014\x0c`d\\\xca\xdbF3=\x8a\x9e\xfb\xcc\xd2\xf4 [\xa1\xe6\xacu\x85\xcf\x807\xa5&lt;\x06O\xad\x1c\x97h"\xe3l\x17\xd4i\xc7\x17\x04{\xc8O\x10\x10\x01\xa0\x08r\xf0\t\x89Tr\x03\'U\\aI\'9\xb4\xd4\xc0&amp;\xb1\xcf\x83&amp;\x80#\xa5\x9c\x86\x18\xb7+&lt;\xf6\xba\x00\x00\xf6\x8a\xcc\xfe\xb0\xbc\x8b\xcc8fXD\xddl\xfer\xf2\xde/h\xc1\x1c"J\xbd\xad\xb4\x10\x00JY\xeea\x9ck\xa5\xf8\x8a\xd2\x02$\xe2\x7fEz\x02`\xc7\xcbZ\x08\xca\x00\xb0\x1f\xb2\x05\x9co\xcd\xd5Q+\x98\xcb\x89\x06\xf6\xe6\xa1\x18\xe2\xbb\x02\x87`\xf2\x15\x82P\x0b\x93#@\xef\xc8\xd0\x1b\x13\x1b\xea\x84\xe8\xb7CF\x87\xd1\xfd[\x89&amp;\xcfya\xd4\x1b\xb3\x0c\x968\xcd\xd3\xdd\x9cJ\xb8\xc0\xe1\xda\xd1W\x08\x17\x18\xf9\xe1\xa0\x94R\x87\xfc\x1dC(~\x0e#J&amp;\xe6\xbe\\$y\x168\x1c\x0e\xb8W*XY\x01\xcc8\x1c\x94\xfa}\xa5\xbe\xdd?\xb3\x9dJ\x11&amp;\x97\x07F\x9d\x93\x04`\x89\xc3\xd9V\xa0\xc3Q\xec\xd3\x1f\x7fM\xc4\x81\xd4\x88\xfe\xdb\x14\xa7\x1d\xfa\xdf\xcd\xe3x\xdf\x97\xa5\x17\x00\x17\xa8\xf3`\x84\x16\x1e!\x1a(\x13\xd68\xc7\x19\'3JKdDD\xe4\xefE\xd43\xab\xdaq\xacG\x92F9\x1d\xce\xd9\xc7s7_\xaar\xe9\xdd`\xd4jR=cDP\x11\xdd\xa0\xe2t\x0c\x00\xfb\xe1K&amp;;\xb2\xa5\xe5\x99\xd2\xc2\x12\x05\x00\xaa&amp;q\xf4 .\x01\x0fst\xd8\xda\x00h\x8f\n\'\xedd\x01P\xa1\x84+4\'0\xc0\x0ea\xfb\x00 #\xbfD\xe2\x83Dd\t\xe6\xfb\xf1\xde\xfc\x99\xcf\xeb\xe3\xa1koj\xc7E\xda3L\x8b2\x03@e\xac\x85q\x82\x0c\xd4\x06\x0ey\xc2\xa2\x00K2\x7f\xf5B\xb9\xcd\xfdS3\xf1\x16\x00K\x8d\x9c\xf5y\x13\xf9P\x81\x91[\xba\xe6N&lt;\xb8q0\x01@E4\xfb\x80\x14\xe0\x0c(TJ\xce\xaa\xd8\xbf/"FF\\\xf5l\x0e\x98M\x87\xd3\xd0\xaf4\xea=\xe6p\x88\xd0\x9aS\xcf\xdb\xdd\x89H\x01\xc1`\xc2\xd1ClL "\xd8\x0b\xaa@D\xf6\xfa\xa5\xb0C\xd0V|\xe7\xe1\xce9\xdaz\xaf\x9e\x0c\xe0OWml^w*H\xe4\xf8\xad\xe4\xd3[&amp;{\xffm\xcd5\x97\xdf\x010\xd1\x8f\xf5x\xe8&amp;\xb05G\xac\xba;\xd7\'3\xf5\xe06\x1f\xb0\x97\x17\xeb\xe7=\xc0\x87\xdd?\xd5\xdd\xf9\xf0`\xa06S\x7f~\xa1~\xdfc{a\xb3{\xba`\x8bm\xa5~\xbcl1\x19\x1c\x0</t>
        </is>
      </c>
      <c r="E335" t="inlineStr">
        <is>
          <t>&lt;class 'numpy.ndarray'&gt;</t>
        </is>
      </c>
    </row>
    <row r="336">
      <c r="A336" s="1" t="n">
        <v>334</v>
      </c>
      <c r="B336" t="inlineStr">
        <is>
          <t>steps_per_sec</t>
        </is>
      </c>
      <c r="C336" t="n">
        <v>3800</v>
      </c>
      <c r="D336" t="inlineStr">
        <is>
          <t>3.086951</t>
        </is>
      </c>
      <c r="E336" t="inlineStr">
        <is>
          <t>&lt;class 'numpy.ndarray'&gt;</t>
        </is>
      </c>
    </row>
    <row r="337">
      <c r="A337" s="1" t="n">
        <v>335</v>
      </c>
      <c r="B337" t="inlineStr">
        <is>
          <t>Loss/RPNLoss/localization_loss</t>
        </is>
      </c>
      <c r="C337" t="n">
        <v>3800</v>
      </c>
      <c r="D337" t="inlineStr">
        <is>
          <t>0.2982233</t>
        </is>
      </c>
      <c r="E337" t="inlineStr">
        <is>
          <t>&lt;class 'numpy.ndarray'&gt;</t>
        </is>
      </c>
    </row>
    <row r="338">
      <c r="A338" s="1" t="n">
        <v>336</v>
      </c>
      <c r="B338" t="inlineStr">
        <is>
          <t>Loss/RPNLoss/objectness_loss</t>
        </is>
      </c>
      <c r="C338" t="n">
        <v>3800</v>
      </c>
      <c r="D338" t="inlineStr">
        <is>
          <t>0.0677217</t>
        </is>
      </c>
      <c r="E338" t="inlineStr">
        <is>
          <t>&lt;class 'numpy.ndarray'&gt;</t>
        </is>
      </c>
    </row>
    <row r="339">
      <c r="A339" s="1" t="n">
        <v>337</v>
      </c>
      <c r="B339" t="inlineStr">
        <is>
          <t>Loss/BoxClassifierLoss/localization_loss</t>
        </is>
      </c>
      <c r="C339" t="n">
        <v>3800</v>
      </c>
      <c r="D339" t="inlineStr">
        <is>
          <t>0.2546817</t>
        </is>
      </c>
      <c r="E339" t="inlineStr">
        <is>
          <t>&lt;class 'numpy.ndarray'&gt;</t>
        </is>
      </c>
    </row>
    <row r="340">
      <c r="A340" s="1" t="n">
        <v>338</v>
      </c>
      <c r="B340" t="inlineStr">
        <is>
          <t>Loss/BoxClassifierLoss/classification_loss</t>
        </is>
      </c>
      <c r="C340" t="n">
        <v>3800</v>
      </c>
      <c r="D340" t="inlineStr">
        <is>
          <t>0.21943906</t>
        </is>
      </c>
      <c r="E340" t="inlineStr">
        <is>
          <t>&lt;class 'numpy.ndarray'&gt;</t>
        </is>
      </c>
    </row>
    <row r="341">
      <c r="A341" s="1" t="n">
        <v>339</v>
      </c>
      <c r="B341" t="inlineStr">
        <is>
          <t>Loss/regularization_loss</t>
        </is>
      </c>
      <c r="C341" t="n">
        <v>3800</v>
      </c>
      <c r="D341" t="inlineStr">
        <is>
          <t>0.0</t>
        </is>
      </c>
      <c r="E341" t="inlineStr">
        <is>
          <t>&lt;class 'numpy.ndarray'&gt;</t>
        </is>
      </c>
    </row>
    <row r="342">
      <c r="A342" s="1" t="n">
        <v>340</v>
      </c>
      <c r="B342" t="inlineStr">
        <is>
          <t>Loss/total_loss</t>
        </is>
      </c>
      <c r="C342" t="n">
        <v>3800</v>
      </c>
      <c r="D342" t="inlineStr">
        <is>
          <t>0.8400657</t>
        </is>
      </c>
      <c r="E342" t="inlineStr">
        <is>
          <t>&lt;class 'numpy.ndarray'&gt;</t>
        </is>
      </c>
    </row>
    <row r="343">
      <c r="A343" s="1" t="n">
        <v>341</v>
      </c>
      <c r="B343" t="inlineStr">
        <is>
          <t>learning_rate</t>
        </is>
      </c>
      <c r="C343" t="n">
        <v>3800</v>
      </c>
      <c r="D343" t="inlineStr">
        <is>
          <t>0.03996671</t>
        </is>
      </c>
      <c r="E343" t="inlineStr">
        <is>
          <t>&lt;class 'numpy.ndarray'&gt;</t>
        </is>
      </c>
    </row>
    <row r="344">
      <c r="A344" s="1" t="n">
        <v>342</v>
      </c>
      <c r="B344" t="inlineStr">
        <is>
          <t>train_input_images</t>
        </is>
      </c>
      <c r="C344" t="n">
        <v>3800</v>
      </c>
      <c r="D344" t="inlineStr">
        <is>
          <t>[b'1024' b'1024'
 b'\x89PNG\r\n\x1a\n\x00\x00\x00\rIHDR\x00\x00\x04\x00\x00\x00\x04\x00\x08\x02\x00\x00\x00\xf0\x7f\xbc\xd4\x00\x00 \x00IDATx\x9c\xec}w\xbc.IQv\xf5\x02\x82d\x04\x14X\xf2\xa2  9H\x0e\x02\xc2\xb2\x04\x11\t\n\x08\x08\x88DA\xa2\n.H\x92\x1c\x96\xac\xa8\x80\x08"Q\xe2\x923\x1f9\x8a\x08\x0b\x12\x95\xcc\x92s}\x7fL\xeaPU]\xd5\xdd3\xef{\xee\xed\xe7w\xf6\xee93\xddUOUwW\xc7\x99\x01\xd85pBte\xfe\x1d\x86\xdf\x11\xd3\x94\xfb\x87\x81\xad\x85\xe1\x96F\xed\xd8\x87\x98\xfcB\xa5\xe1\xb9\x8d\xcc\xed\xe4\'\x937\xb0zP\xf1\x93\x1a?\xa3\xba\x98\xc2\x945\xd6\xad\xe5\x19+\xbdv\x16U\xe3\xb1\x13\r/\x16Q\xc40\xc5\x16\xcc\xb7\xf6\x92R\x0b\xe1\x8d\x01/\xdc\xeb\xb8-!)\xdc\x1dH\xc8\xca\xe4\xeb^xw\xadR\xb8&amp;\x00\xdd.\x00\x10\xe0f\xa4\x05D_y`+IG\xc7A\x84\xdb5\x81\x01\x182\x99\xff\x1c\xa3\xa5sn\xfe\xfdH\x80/\xbb\xf5hc\xb1O\xfc\xc8\xee\x1ch\xe4\x84Y6(\x8bE\xa1\x92\xe1\xc6\x18\xf81\xdc|\xf2Y\xe6W\x03xSFl\xd2\x15\xef\xa7Ox\xc4\x06lR\x85l\x18=\x0f\xb3_\xf7\x8e\xa1\x80\xa4\xda \xe0\xf8w\x94&amp;\x82g\xebA\xb2\xb7\x05\xa4\xf1\xed\x1e\xd6O\x0fl\xe4\x8fL*\xb0"\x91\x00-*\x06\xeb\xea\x89\xe1&lt;q%\xef\xee\ni\xd4:\x12\xe0\xcb\xf3\xdd\xc3\xaf\xc9tt\xec\x0cG\xec\x9a\xc0\x00G\xff\xe9\xed\n\x0c\xff{\x0f\xc0\x97\xdd\xa3\x97\xab\x88p\x16\x84\xff\x0c\x17\x12\xcaW\xc5\x86\x05\x0b9/\xb7\x88b\xd7\xb8\xfdj\x072\xbf\xcf\x97v\xbc\x00\x83\x8e\xef\x1d\x97\xd1\x7f^\xceQ\x88o\xf4-t.\x1d\xb6\x11\xa6"\xce;N\xfb\xbf\x10\x85{\xc6\xf1\x1c\xf4P\xd89\xe7\x1c8\xb7\xda\xe2\xe39Z\xae\x82\x87\xf5b$\xbf\xd4\xb8\xb8\x1aI\x92\x0e\xd3\xd5\xcc\x95\x86\x97w\x05x|k\x99\x08?\xc0\xb1\xa0\xc6b\xa7\x0bl\xd7#f\x0e4\xaf\xe4\xda\xed\x92+;\xab\x97\xc7\xd0\xfb\x1f_\xf2~\xdfOWwttl\x8e\x87\xc6;\x9b~\xf08\xcd\x1a\xfb\xaaYp\x1a\x0b\xc8\xf8\xe9\xdf\xb3\x01\xff\xd7D\x1b\xc1\xf1\xacicO\xa6`\xb6\xb0\xa3\xfb\x9a\xd1\xde\x98\xf2\xccAb\xefw\xcc\xa0\x855+b\x8f8#\x02\xdcp\xe6$&amp;\\\x8fd+\xb1\xfa\nFe\x0b\n\xe2`T\xa4\x15\xb1?U\x94\x06EO`Xg\x85VK\xa5h\x9ea\x92`\x07eA1\xdd\x19\x99\x8e\x8e\x8e\xfd\x07\x1b)v\xd5\xbbp\x1a\x8b\x82\x9a\x92|\xb1is\x7f\xf3g\xbe:\x80O\x03\x00\xc0\xb7\x18\xee\xbb\n\xc7Y\xedJz\x899cq\xfc?)\xd1\xb0\xf8\x7f0:\xa4\x94\xfb\xf6[7\x18\xd6^\xeb\xb6\xc9\x1ez\xb8\xaa\xfe3y\x0fF]Z\x8f\xa4=$n\x04\xa2\t\xe5Hzi\x1eV\xa3\xb0\xb9\x1f(+2i\xb6*\x0b\xa9\x8bL\xc8\xa4k|\x1d\x1d\x1d\xfb\x85L\xa0YW_\xf2\xa0\xb0\x9dL\r\xedp\xd0s\xb5Lt\xcb\x89"\x7f\xa7\xe8\xce\x02-\xcc\x9f\x97\xf2\x89\xe3\xfeu\x87?\x7f^\xe8\xc9\xc6H\xfa\x83\xf1r\x94J/g\x11x\t\xfa\xc8\x16\xa3q3\x94)M\xed\xdb\xd8\x84\'0\xda\xb5\x1cvX\xc7(\x0cL\x1e\xb2R\xfd\xff\xfb\x1d\xcc\xcd\x0c\x88L.\x0b5\x07\x10\x0f\xe4F\xa3\xba\t@\x19\x92\x08\xdc\xac\xe5\x86&amp;\xb0\x0c\xbf\xb2\xe1 \x9b4\x8d\xf6\xb9\xbf\x95\xdf\'\x00\x1d\x1d\xfb\x0b*bf\x927\xd7I\xde2\r\r\x0b\xa2\xcc9\xe8\xdeB\xe6Ik\xb1\xd00y[\xca\xc8kL\xd2\xecz\x07\x00\xd3\xe1H\x99\x94Cn\x1cC\x17*Q\xb8\xfa\n\xc6jb\xf3\xa6z\x87\xc4\xbf=\xee\x03\xe4\xaa\xebt\xeb^;/\x9a\xc5K+\xd5\x99E\xe6\x99wn,\r\xb1:\x1d\xe2\xc85\xa2\x18\xa7]\xa7z4\x12X\xdd\xe4\xdbb$\xf3R\xf2\x9e\x1c\xc86f\xda\xd1q8\xc3\xfa\xccM\xdcBs/4\xc0&amp;\x8f\xf5\xf8Z}\x8d\xc3u\xf5K\x15\x10qx3\xc7\xf2\x8a!\xf5\x03^th\xf2\xb3G)\xf8\x87Y}[$\xed\xa9\xcaZ\xb6\x9f\x018*\x96\xa0\xa4\xbd\x01f&amp;\x83\x953/+\xa5P\xce6\xb6\xe0T\xd3\xdb\xaa\x1b\xaa(\x008M\xd7\x18\xfbm\xf8oyu\x8d\xb6\x8dx\xd9\xa5\xda2\xdd\\\xde\x90\x13QL%p\r9V\xfdZ\x80k\xaf]p\xf9\x16\xddP\xba(\xd6\x14\x88\xda\x82(5\x88K\x16\xa6a\xe5!\xf5\x80&amp;\xd7\xa0\xb8W\x90\xc1\xd4\xb2\xda\xbe\xc3\x87le\x87\x01\xd8x\xb6\xaf\x8f\\wt\x1c\x82X\xfb-@m\x1a\xf3m\xbd\xdf\x11a^\xe7H^\xd3\x91!\xe3\xc2\xd7\xc1XBM\x94u\xba\x14K\x1fq/\x80\x9d\xf6\x97\xf3\xcbWB\xceG\xf9i\xb8\x01\xe5\xee\xe3/"\xfc\xc2cwT\xd5B\xf66\x07\xd5\x86\x01B\xc1\xae\x05\x9f\xf2\xbfG1zaD\xcaix\xe7\xb7\x1a&amp;\'F\xbd\xb2\xac\xd6\x8d\xff8\xff\x92\xa9\xea\xe0\xf2\xce\xa5\xe4\xd6\xefZ\x04\x15b\xc5zn\xa8\x00\xd7\x99\xd3n\xb3\xf6\x19-\x12\xbb1T\x84\x88Jv*\xa5C`u\x16\xe1\xd5\xf6erD\xff\x05iST\xc9\xec~k\x85\xef\xcbx\xb7\xf8\xedg\xaa\xfd\x93$\x8f]OGG\xc7\x8e\xb1\xcb\r\xbb=\xd9(\xac\xdcf\xd5\xc7\xca\xb6\xae\x0e\xb2{\x02_\xb6\x1f^]X\x910\x9e\x97\xdd\xba\x96\x92\x84\x15\xf9^-\x185\x8b\xfa\x93E\xd4s\xe0\x06\x82\x93fK=\x0e\n?\xe4\xa4\xd1\x895\x9eP\xaaK\xef2\xc2\x9b#&gt;\xff\xd3Hu"\x93\x17\xeb\xe9\xdd\xae\x96\x96e\xa4\x18&gt;\xbb\t\xb1u0\x8f\xf5\x83F1\xdb\xa2\xae\xf3D;\x92\xdd\xa8vr\xf3\x12/\x1b\xc4\x87F\xfd\xc0\x94=\xf5\x89*;\xeb\xfd]\xf7A\x1d\x1d\x1d\x02\xc2\xb6\xda\xbc\xb9\xfeY&amp;\x82\x1c\x84H\x81c &gt;5\xc5PI;\x8c\x89\x17oi\xec\\p\x08\xcd\xfc\xd9\x88\x9eG\xe6\xabA\x1d3\x93\xdc\xbaS9I2\xd4\xd6(}\x8bH/\xf4@\xe8d\xb1\xef\xa4o\xe6\x15\xc5\x89/B\xa4\xff\xbe\xec\xcf\x87\xfa\xbaT\x93\x84-Jg\xc1\x15\xb3lZh1\x198\x17\xf1\xca\xf0\xf9X\xd5\xd1\x05\xba\xc5\xa4\xa5\x14\xa1\xff\xf9\x16\x91\x94\x14\x13\xb4\xe9\xc4W\xa7T\xdf\xbat)\xbd\x12Eu\x98\xb6\xab&amp;7^\xb9hy\xab\x84|GG\xc7\xb6X\xb5\xad\x8aQ8U\xbfg\xc1\x82\tg\xd6\xce\xe0\xa9\xab\xda\xc8\xc6\xddREmy\x8e\xa2N\x18\x17\xedR=v^\xdb\xd5\x13\xab\xc6\\\xe2\x9b\xe02V\xc3\xe9\x1cF\xd5\x02\x9b)\xb9F\x91 \x8a\xa5\x1ak\xd9\xb4tHu\xad\xab\xcan\x0c\x94\x11\x17n\xd101~\x03\xe6\xb1\xfbb]\x02\xae\x05H\xb8\x14?CN\xe5\x9dvoJv@Q\xc9\xd2~PK`=\xa9\xdf\xaa\xdd\xe9\x99\x82\x8e\x8e\x8e2\xac6\xfa\x97\xa3\xc0\x8bV\x0c\x16\xb5o\x82g\xc3\xa1Q`\xa3\x80h;\xefa\x11\xec\x99\xb3\x83\xc0\xbd\xdf_\xea\xb5\x9fS\xb2\xd8b\xdb\x9d\x8f\x0e?\xe4\x88\x14V\xd7\x00?\xf6\x84P\xa7)bE\x1bV\x9b\\EmY\xa9&lt;\xeb\xbe\xdfJ\xa6F-a\x02"\x9c\xccv\x82\x85\x90\xcbey\xa9j\xad\xb7ikU\x8a\xfa\xc3\xa8\x9a\xfd*\x17\xf8\xa6\x93rRU\x9c\xe7\xdeS\xfa\xdaf\xb2\x02\n\x8a\xf5g\x82O\xd4A\xec\x1at\xf6\xaf\x160\xb7\xf2\xef\xe8\xe88D\xa0\x8f\x02+\x04\x8b\xfb\x14\x9fe\xe4\xa9y\xbdK\x85({\xc6\xbcd\x88\xcd\xb4i\xf1\x89\x9d\xa1\xd6c\x05@\x1c\x97\xdf\xd6\xd5\xe2\xfd\xac\xa5bO:\xbc\x96\xadI\xac\x0fD\xebX\xbd\xcel\xafq\xd1\xba\xe9\x00\x914\x90\x08H\xbe+\xac\xb2\xa3,y\x03\xbd\x18\xd8\x00\x16\xafF\x96:\xea\xb2/\xed5\xb24\x98\x0fv\xb6\x99\x00\xf8y[\xba\xc8F"S=\xf4\x94&gt;\x08\x80w\xa03z\xee\xa2m,\xaf\x96\x1d\x1d\x1d\x87\x00\xac\xfb\x80\xcb#\xa1\xbf\xa8\x8a\x17\xad\xc2\x1f\xc5p3d\xdd%\xd8\xf8\x85b\x9es\x7f\xd9\xcac\x16\xac\xaf\x8b\xaf\x8d\x9b\x1b\xbb6\x84\x16Wb\xa9\xdc\xd9o\xbe\xda\x17\xa9\xc3xh\x02\xff@oS4\xd1\xddB\x88Z\x19\xe7U)\xc4\xd94(\xae\xd0\x8aK]\xe1g\xff[\xb3\xb4\xa5\xc4\x1b\x95\xa6W\x8b\x10\x11\x8e\x10\xc4\nJC\xb7 \x9a\xedj\t\xber\x14R\xf2\x17M\x94\xb5\xae\xb2Zvtt\x1c`,!u\x0e\xaf\xb6\xbc\xa5q\x93\ry;Z\x8f1\xe0\xba\xb3\xd5\xc7\x88\x91\x1a\xe1\x89x\xe7L\x88\xaf\xc5!\x1a\xb8)/\x1d\xb2\x1dUf\xb0n\x93\xe5\xbb\xe87\xa55\xbf-\xb7\x8c\x10\x11\xe0\xf34\xc9\xc1\xc0\xbb\xb4o\x1aJ\xfck\x03W$A\x8c\xb9\xc5\xa4i\x8e\x97\xd4k\xa1y[z\x87\xd66*]\xf7\r1YP\x04\xab\x97\x88\xd4\x97q\x0e.`\x95\x1f\xd6S\x02kO\xa6uttTbO^B\x0c\x80xA\x80\xff4\xbf\x14\xf9\x83\x00\x17W$\xbb2\xc0[#ud\xa4!?N\xb4\xcd\xa7I\x10Q\xf7Q\x98\x81\x12\x0c\x1fy\x1a\xcc\x10\xbe\xd9\xe4\\f:Si\xdd\xec\xc8C\xec\x03.\x9e]0V\x89\xb0\xce\x1cb\xf6\xa6\x18\xeb\x0f\xd8^U\x1e5,\xc6KX\x17y\xfc&amp;P%d\x80\xa3\x860[}E\x0e\x11k\xbf\x06\x15\xfb&lt;\x94F\x86:c\xed\xc5Y\xb0\x9eO]\x03\xa1\x03\xb4\xe9K\x88;\xf9\xc6\xd6\x127F\xed\x91\xeb\xd8Z\x97\xf4&lt;\xf3\x9fUn\xe4\xb3\x07\x1e&amp;\x9b\xc0x\xeb\xb7\x01\xfe\xdf,)\x926u@\xe1-a\x1c\x9f\xfd\xac\xe1!\x1fW;:\xf6\x07\xab}\x08L;\x9b\x9f\xc3\xa1\xb3\x8f\xfeA7\xfa\x07\x80\xb7D\xf1\x8dg6\r\xf5v\xb1\x1e\x91\xd7\x86\xf3\x87\x9d\x92\x8cd7_K\'\xcfhP\x91\x8b\xda\x07\xef\xcc\x8cs\xce=\x11\xfc\xcf\xcc%\x060\xbb.\x07\xcdR\x0en\xe8\xad\x8d\xad2\xf9\xa4\x14\'\xbb\x10\xedZ\xa5\xf7\x11\xc1\x9d\x0f:\xeeeI|\x85L\x1d\xc3\xf9\x1f\x06:s\xfd\x05\xda!\xba\xa8\xfc\xdeb\xf4O\xc3"\xd1\x15T\xdd\xb6\x98V\xf8Y\xd7!\x80{Q\x94\x1e\x96M\xe8\xe9\xcf\xba\xea.x \xfc &amp;\xdfd\xf1\xdd\x0b\x9f\xe8\x8e\xb79\n\x8b\x8dW\x15\t\xd7Z\xd4\xd1\xd1\xb1\xdf`\x86\xcf~g\x82\xf3\xdf\xf1\xc1\xdc\xc6\xaf\x8cXvZ\x19\x8e\x0b\xde=\xa6\tw$\xb7\x8aV\xb1\xba\xef\xa5\xaeH\x89\x85W(\xa9\xd9\xad^\x81\xd1\xab\x9b\x1d\x86&gt;\x04\x86\xc5\xa9\xdf\xd8\xd2\xd9\r\xc1\xf6\xd8\xc0\x10[\x13\xdb\xa4U""\xc2m6,D\x9b-D\xf5\x0b+^}[;\x1b\x11%n\xe9\x9d\xdc\xc8\xf1\xab&amp;@D\xad\x83\x12@\xe40\x1b\\\xf1\xba\x1b9H\xaf\xca\x17\xe0T\x82\x05\xd2S\no\x8aS\x8a\x0eX\x84\xa4W\xe0\xc5\x91\x90\x8e\x8e\x8e\x03\x0c\xaa1\x87\xcd\xfe\xdf\xfc\xf6?\xfd[\x1d\x05\x82p\xe9G%x\x80\xb8f\xe6\x87\xda\x80\x06""\xbcy\x8b\xa8\xc4\x85H\xcd ~!\x9fH]\xcc\xf9\xebp\xa2\xf5#\xb3Q\xa5\xa5\x83G\xb2\xf4\x0e\x18\x92r!\xef\x1c\n\x96.\xadrU\x1d\xbe\xd3\xde\x99Uw\x88y\xb8\x00\xdbx \xfd\x80\xf4V\x0e?~\xd4x\x84\xaf\xfd`\x15\xf7w\x16\xda\x89\t\x91W\x7f\xcd\xcb\xf6\x1e"\xa0o\xec\xfc\x11)\xed[\x03|LN9S\x15\xf0vb\xa5o\xbd\xb5\xbf\x8e\x8e\x8e\xbd\x01\x15\xd1\x96\xc8NE\xbdr-E\x1d\x06\x11\xc2\xc6\x90\xb4\xed\x0e\xc0`\xbb\x14G\x190&lt;\x11\x9e\xdal$\xe71&lt;MI\xb6\x9ar\xd9\x9bA\x00eKZ{\xa5}\x95\r\x06\xd6\xf5\xd0\xd9\xd2LKX\x8d\x83\xdf\xbd\x91Aq-:\x08@|L\xce\xb4\\co\x8d\x1b\xad^\x01B\xc4\xdf@\xac\x88\x1bm\xf1g\x16\'\x9c=\xad\xc9\xe8\xadp\xdd\x18\xe97\x08EM`W\x1b\xa7\xea8\x06\x9anJ\x17\xeb\x0e@&lt;\xec\xe8\xe8\xa8\x81\x14\xcd\xa9\x88o\x8f\x08\x7f\\\xd3;\xfaz\rBj9\'\xd2H\xc9\x1aT\xaaV\x12\x04\xbb{kx6p\xef\x15\xdb\x14M\x80\xaf$\xd2\xb4\xc5\xd1\xb2\xb6\xac\x8amxZ\xaa\xf7^\xbb\xab\x1e\xa8hY\xe7\xa1N\xfe\xec\xadgfzJ\x9eR\xe9K\x9eY\xdf|\xa3\x9f={\x8d\x95\x19\x87\x8d\xd9\xcd\x0b\xf4&gt;\xde|\xe3\xc1\xcaF\xa7\xda\x97\xceN!.\xb5\xdfu\xb8\xa3\xe3\xd0\xc6\x96\x8fI!2o\xd4\xc1$\xbe\x97\xbc\xc0a\x92B\xbe\x04cx\xcb\x01/v\xccL\xbf\xfa\x03\x91\'\xb3p_\xe1\xb9\xb7\xd41,v\xfe\x1c#\x83\xd8\x04=\xcf(\xa7\xdd@\xafh`\xf5\'\x02c\xb6\x10&lt;e\x97&amp;\x0b(y\x95oo0\xb7\x88\x15Y\xe9\xeb7Ec\x0b\x86\x1b\x02M\xd1xv\xdd\xb5\x00^\xb7o\x1e\xe0\xcbUh\x89re\xa0"\xf3T\x01x\x99\x8d\x80\xcc;p\x149)\xa3\xc4\x17L-\x9d\x98\x0e\x1f\x01\xb8\x88\x95U\xa0o\x8eH\xe1\x9b\xe5@\xe2\x89\x80\xf1\x98\xfd[\x00gH\xd2I\x12\xc2\x84\x06\xc6\x1d\x1d\x1d\x8d\xb0\xda[\x80\x00\x00\xce9-\x03\x0c`\xdf\n\x92\xbe}\xa0dA`\x96\x10*q\xde;\xce\xe6U\x8b(\xeb|aX\xb1\xa2n\xb2=Z\xee\x85\'5\xc8\xc8v^\xba\x15\xb4+!/\xd19\xf6\x8f\x9c\xd0 \xa3\xfb\x8c\x9dU\x91\xe2F\x18\xea\xd14\xf7\xf4\x88\xcc\xa5\xb9\x0c\xfe\xe7\x15\xb0\xbdZ\x06[\xafV\x9bA\xbc\x99\x84h\xc4\x07\x1d\x85\xae\xde\xd1\xe8\xff2\x00\x08p.\xeaVv\xb9\xbeI\xc9-\x15`\xe5\xb6s\x8d\x07\xcf\xef\xc0!\x1e\r7\xebu\xf3?\x1c\x10\xe0\r\xfaE\xf1\xaa\xd1\xff\x8c\x8b\x01,ot\x1b\xfewK\x10x^q\xe8X?\x00s0\xfb\x15\xeb{e\x97\x95\x90\xbd\x082\x1d\x1d\x1d\r\x11m\xe0\xbe[q\xa8\xd1\xdf:,\xc3\x9f\xc0w\xd9\x18\x1dnM2\x8a\xe3\x1d\xc9zJm\xb1Wd\x12\xbf\x91\x9b\xb9\xbc\xdb\t\xdc\x06c\x99\x85]{$du\xc4\xbc\xd5\xaa\xf7\xac\x82m\x83e\xc2=\x19\xce\xf9\x8f\xa8\x00V\x0f7ckH/\x9c~nx\xe0a\xfb:\xa3\xa9\xdelQNYn\xab\x93-T\x83\xe4."\xbcu\xa5G#X{\x03\xed\xf3/\xa2M\xff\x90g\xc8\x99\xbc\x1e\x94~\x9b\xcf\x7fr?\x90\xf8*(2\xbfWm\xda\n:::\xf6\x0fK \xb8\x1d*G\x81\x9a4e,\xe6\xbf\xcf\x9e\x1b\xa4Nq\x9c\x8d\xfb\r\xb9\xad#v;\xc4\xfd\xb0\xbd\xeb\xf2\xb30\xa2l\x8cHbF!\x05`\xc8\xf7\t@\x02\xb1\x86\xc4\x13\xef\xec\xe8\x7f\xf2\x9b\xc1\xe1z\xa6\xc3\xcfwmC1\xef\xbd[\xe7 \x16#\x10\x11\xe0}\xedHn\x07c\xf3D\x00&lt;\xb91\x0b"\x9e\x1b\x91\xd44O\xab\x04\xac3\x01\x88\x960\x88\xb5!\x91\x80\x9f\xf7\x12YU/\xa0u\xed\x1ciY,\xb7\x12\x9e\xff\xc0\xe5\xe6-\xda+c;::\x9a\xc0\x8b\xdd;\x8ak\xda\xbe\x81\xedT\xd6a;\t?\xf0\xe0\xfdf\xc8\r\x88p=\xde\xf9R\xff\x1aH\x83\x9f\xc6\x95m\xa3\xfav\xaf\xca\xca\xb375\x01\x11\x11/\xbbZ\xcd\xf4&lt;\xf3\x86J\t\xbe\x93\xf9\x8aWh\xc8"\xcd\\\x85\xceno\x05\xfb\r\xbajk\xda#\x91[&gt;\x1f\xb4\xa4\xf1\x96\xd5\xf5Xk\x02\x00\x10\xae\x7f\x13vM\xc5\xado\xef\xecPx\x1f+\xcf\xcbj\x9c\x9c\xf3\x8f\xcdu\x1d\x1d\x1d\x07\x06~ \xf3#\xc8f\xad\xfd\xba\xea`\x9aF\xf3C\x00\x97n\xb8\xb8\xe2\x05q\xcd\x16\x8aV\xa4\xbf\xadLv\x15z\xc9oE\xfc{D8uA\x97Ls+\xab9-\xb4\xef\x02\x0f[\x98\xdf|\x95\xfa\xff\x91\xfa\xc6\xc5\xfa\xbae\xb3\xf5\x8b\xcfZ\x88\x07\xb9\x02$\x90\xfclp\xf5\x9c&gt;3\x81_$\x87\xbf\xe8a\x18\x82\xd7\xd5\x99\n\xed9W\xecg\xcd\xf9\xba\x1f\xa8\xad\x90N\xc4=`\xdd\x99[GG\xc7\xbe\x80\x8d \x8dznB\xac)\xc4\x1f]\x12y\xaf\xf5\xa4\xda.\x7f\xca{\xfa\x96N(\xed\x1aU\xe2\xe4\x14&amp;\xb9\xb9\re\xc3&amp;Cp\xd7\xbc\x18L\xcf:\x00\x1e\xa5\xb1B\xc0\x9e\xf5\xe5\xe8-g&amp;\xf7R\xf2\xab\x9c\xc7[u\x02\xb0co\xcbUT\xcej\xbc\xbe68\x0f\xdf\xaeH\xda\xe55\xfa\xa6\xfa6\xfc\xf2\xef&gt;\x87\x1f*\xe6\x03\xba\xea\x9aZT\x80\xe2\xba\xb7\xfb*\xca@\x17!\x89\xb9\\\xd9T\xb9\xa3\xa3c\xbf\xb0A\x03&gt;?7\xc2[G{$\xb9BEn\xd4[\xd4\x15\xc5B\xda9\x81\xec\x9f\x9a\tl\xc31\xa7\x91P\x9c\xebn\xcb\x18\xa6E\xd6\xc0\xd2\xa7o\xec\xae&lt;\x14U\xb4\xb2&amp;k\xb5\xb7\x91B\xd6\x8a\xbd\xf1\xb6\t\xbc[v6\xae\xda\'\xdf\x12\x9b\x84l\x05\xd0I\xab\xb6\x88T\xbd\x0fu\xaf\x88\x06\xe2\xb1QG\x99\x8e\xf2i{\xf7\xa4\x86ttt\x94\xa0 \x80\xd6\xaa#\xe7\x00+\xeb\xad\x07\xc5\xf9\x91\x9a\xde(\x1f\x91\xc7\xc4\x97j\xbf\xda\xda\xb0d\x93@\xbfQ\x91\xf1\xbe-Xa\xe52^/,\xa66N+\xe5\xb9\x12T&gt;|7[\x8d[*\xaf\xf0\tW\x1d"\xe1{\xe2s%\x04?\xef\x91--\xebC-\x05\xb9\xf4%\t\xde/\x85k\xffI\xc6\xfd\xa9r\xc5\xed+\xcc\x12\x0b\xc9\xbb\xbdE\xd3\xee\xe8\xe8\xd8\x14.\x8d\xe6\xa5/\xff&gt;\x1d\xc0\xb7U\xef\xf4E\xc4M\xbe\xcd\xd4\x14H\x99\x86\xd1\x97S\x04X\xbc:\x88\xabuNY\xc9\x0e\xb9\xb4\xdfk+\xfa8\xce,L\xe9\x13\xd2\xbff\xd5\xa1\x14Y\xb5\x9f6LIV\x83\rQ\xdev\xd8Zz\x16\x80\xaf$\x1f\xce\x8bPQ\xd0\xb4\xc8\x9a/\x0c(\x07\xa0{\xf2\x11\x03-P\xf8\xda\xe0\xbe`\xf6&lt;\xef\xdb\xb5\x1bH\xbe\xf09n\x0by\xef\xbfb\xedu-\xa2\x0c\xbeo\xd3o\x93]\x10\xe0\xe3\x91s.\r\xf0\xbe\x8a\xef\x97-6&gt;\x07\xf1\x16\xda\xbc\xbb\xf0LGGG\t\x8eh\xf3\x19+D\xc4o\x0fG4\xf3\x0b\x00\x83&gt;\x07\x07e\xa9`Z\xd7H\xd9\x86\x9ft\x02p\x0eF\xcb\xbc\x14\xce8\x16A\x84\xc7\xb6pLI\x99N62\xa3@7\x1a\xe8\xa2\xe4%\xd0\xd3\x8b\xaa\xa7s\x83?\x8d\xe6\xb9\xc7\x85\x19V\xae{\xc4\xaa\x18"\xe2\xab\x0b\x96\xca\xce\x8a\x80\x08\xcf\x18\xf3\xc0$\xcbH\x87\xbd\xf5\x7f\x1aiUgv\xca\xf3\x92p\x8f\x00\x98\xaa\xc1\xfe|\xad\xac\x16\xab[\xd1\xa6\x18\x86\xe6\xcfW\xe0\x1d\x97\x05;/\xf1O\xf7\x8du\xd2\xe2\x90\xb9\xc9.\x17J\xe8\x95\x03\x87O\xefN\x01 \xd1\x8e\x18\x8f\xfe\x01\xe0\xbd\x05\x96\x02\xc0\xf2u\xae\xd1\x9d\xfa\xd1\x7fGG\xc7\x01B\x9bx\x1d\r \x0e\x91.y\x82\xb7\xee\x05\xb4\xc7\xa6\x14\r\x0c\x7f)\xe2\r\x9a-\xa2\x18\xcb%H\xaeL|\xf0\xca\xda\xb3\x92\xf33\xbf\x03`V!C\xbf\'S\x96W\xcf(tE\x9c\xbc\xaaB&amp;\xba\xd7Z#\\\x9a\xe1:\xf27E\xdb\xa5t\x9c6\x18\x1aG\x95\xcd\x9b?[\x91\xa5u}*\x93iK\x96T\xba\xad\xed\x18\xd4\x88W\x00\x9c\x0f\xe0\x020]\x92\xdawQ\xb9/1\xd2\xba\xd6pH\xb4\xbe\x8e\x8e\xc3\x02G4\x91R\xbf\x83\xa0K\x85\xb8\xd3\xc7\x8cX\xcd\xe3\xd2x\x8d\x13\xa6e\xe1\x1b(\xbe\x15\xbf\x12\xacq\xde_|=\x00\x8fpLp\xf7\x9b\x7fU\x1c\'(S\xa1K\xa5;\x00Ut+\xc2U\xd5)\x07\xc4\xccL\xc5\x1b7R\x17c\xad\xea=\x0c=t\xf2\xb7\x8a$\xc5\xa7\xcc\x9b\x92\xf0\x0e\xbf\xc47\xa8g\xdfW\xe0V\x1f\xba\x1f\x9aQ\xcd\x8f;\xeb\xf6)\xeeB\xa6\xdf\xc1\xc2\x87\xf3\x9e5\xb8\xae?\xfa\xcf\xe1NE\xea\xc6\xcd\x86\x83\x13\xd8;::v\x07\xffl\x839_6\xcd\xf0\xb3\xb3g\x8cVV\x9d\x1c\x17YCpN\xec[k8\xecI?\xa1\xa1\xa1\xf1I\xfdx\x05e\xe4\x84/\xa7\x86$!ul\xe0\xcf\x84\x12O\x12\xbfRU+\n\xb8\xed\x00\xaa"h\xa2\x84tZ\xf3H\x92i\xb3,\rD/\xaf\xaa^\x15\xd7\xc0:\x93\xa7\x91oa[@\xbfAI\xe5~\x89)\x01.\x0e\xf1\x7f\xe7\xcbt\x03L\xda\xff+\xdfZ\x03\xb6\xe5\xcf\x04Kb\xf9\x82\xd8\xef\xb6\xdf\xd1\xd1\xb1\xe0\xee\x08pt;q\xe6\xc6?D\x8d?\xcaF\xf0\xda\xdez\xaf\xa3\x92\xba\'+\x15\xaa\x94|XDp\x8d[\xe6[\xa7,T\xf2\xe7\x85\x1dd\xa3\xee\x96x\x8b\x9f\x8f\x1f.w\'9\xa9\x1f\x96\x8b\xe4\xcb\xbfc\xda\xfe\x88A\xe3\xa1]b\xddz&gt;\x8a}.\xe5\n\xa6\xd6-\xa5\x80\x8b\xab\xb5\xf4r\xf5*\'\x8a\xadZ\xf9\xb4J\x86\x95\x90\xea?\xe2\x89\x88\x00/PJ\x92]\xf1vA\xd3\xb6&amp;S@\xf81\xcb_ \xfc\xfe\x92\xaa~\xb1\xa2\xc1\xff\xe0\x9f\xa7\xd5\x9b\xda\xd1\xd1\xb1\x056\x08j\x8a\xe8\x99\x19\xfd\x97\x90\xf4\xc64\xbb\x0e\xdc\x12\xe2\xe8\xd9\x8a\xe7\xcd\xc8\xd0\xfc\xed,\x9dh\xd4\xd8\x86LF\x9aj@\xdc\x92\xccoFn!\xc6\xbe\xe3\xad\x1b\x17+\x8d$g\x9b@\x9cL\x89D\xc2\x07\xf8\xbaD\x0f+y\xf7\xbeQi\xea\xf7\x022\xfb\xd0\xd0\xb2\x1c\xce\xa4N\xd9\x18a\xad\xc3\xe8\xa2\xa2|\x17I\xd12m\x8d-\xb1R^\x9a\x9a^C\x08\xceQ\x128\xa6F\xd3\n;6k\x00\xe1\x94~\xd9!\xd7\xdeU\xb2\xa2\x9a0\xfdyi\xa1\xa6.\xe9y\x86\x07\xc0\x8d\x1d\x1d\x87\x13,q\xfc\x94e\x11\xbf\xb0\xc3\x98\x02JYgC\xc5\xf1}\x03\xbd\xa3\xddR\xc1\xbex\xe0\x0e\x12\x07\xba\xdbX\x0e}yy\x9b\x99 \x8b]\xc5i\x0f\xcdJ\xa3j\x83\x88\x9c]\x95PK\xa8\xd5\xd8zd\xb0\xd6\xea~$\xf6S\xc5\x1b\x9e8\xd5\xedW \x82X\xf04\x8d\xb8\xf6\xd6.\x1c(\x94\x9aS\xb6\x84\xca9\xf2\xd0\xd3\xac\x87\xd9\xf5:\x95\x89xVaSimt\xc5NX*\x18\x12)\xe2\x12\xe9\x13\x80\x8e\x8e\x83\x03}\x10\x1fZ\xf8O\xcdA_\x19\x1d"&lt;l\xce\xf5\xb18\x18\x19\xb5n\xdcW\x19\xf0\x94t\x8c;\x99\xd9\x10+\x89\xb53\x08J\xc1\xa7\x94\x16\xab\xd0\xc1\xacGI{7M\xde\xa0cc-\x16\\\xf1sNL=\x1f\x8b\xed\xd1/Z\xe9^\x85\xbc\x82\x85\x9aJAk\x810\xd6\xd8\xd3`|\xc5\xa8\xcb+\xa0%\xbbX\xcaq^!AV9\xc36\xe6\x907 \x97\xd2\xce-\x83\x9c\xedm\x06\x97\xa1pv]\xa0^\xd1 n\xc3\x98l\xf2\xcfd&amp;"H\xdd\xc7\x05\xd7[\xa0\xe9\xe8\xe8\xd8\x06\xb6!\xb5I2\x1f;\xb4y\x8b\xa3\xbc\x1f\x98\x8e\xdc\xc7\xd1?\xf8\xfe\x89;\xb6\xff\xa4;\xfe\xf9B\x81\xaez\xba\xc5 \x8bR\xe80\xc8\xce\xbee\xd7\xebi\xc9\x12\xd0H\xfaDu\xff\'\x98lw\xc5\xc0\xa4\xe2$\xee\x93\x95\xb6\x17\x9a\xec\x99\xb0A\xb5l\xa5e\xe6\xfc\xc4ErA\x85D\x84\x1f\x11\xfb]t\x11\xb7\x9c\x00\x90\x0b(\xd6W\x00\xc54\xe4\x04m\xcb\xf73\xb1\xe1Q\xd7p\xa5Z\x05\xac\xf0\xe8f\x13\xbb6\xab\xffJ0L\x1e:\x99|_i3\x8aY\x9b;\xbe)\xc3\x8e\x8e\x8eM\x91\x8c\xd8\x9e[\xb4\x8dX\xa4Z\x0c\xb5*\x99d\'\xba\x15\x10\x10\xe1l\x99-Q\x01d\xa25\xf9""\xfe\xc2\x9bc|\xa0\xf5F\x84\x91\x0b\xe9\x93\x8d\xc6\x8bV\x9fW\x17\x90T\x13hW|!S\xaf\xbe\x85\x08\xf075|\xe0\'ky{\xd3\x02m\xa8e\xc5`\xa2\xab\xf0U-\xc2?\xd3\x82\xb3\xbc\x02\x8b\xf2\xda\xd7-\xdf\xb72\x87sj\xb1\xd8\xb5\xd6\xe1\xba9\xe3\xd9\xb6]\xfe\xcfBp&amp;\xeb\x10\xb5\xd8\xfd1\xb3\xa3\xa3CB\xb2&gt;\xa4\xc9C\x04\x88\xb2.\x8a\xc8\xaf\xe3y\x10\x81\x90Y\xea^:\xe9\xb5GK\x9f.\x1cR\xac\x05\xde\';\xd0l\xcaV\xa97;\x11\x00e\x195\x18^\xac\xe8m\xdf\x9c\xf5\xb4\xac\x80\xac\xe7\xb3\x0fA\xfe\x19{\x8f\x8f\x00r\xc2e\x156O?\x12^\\i\xdfA\xd0\xfb\x95y\xb47\xfd\x98%+\xd3\xa7^jU\x8b$\x87\x9c\xd7\x18\x13H\xd1\xd1\xfa\xc2&gt;\x04[;~\xa8N9\xacS\x1cD\x1b;::\x14@),\x96\xb7\xfcL\xa8=\xa8\xa1\x93D\xda\xf5\x07}Cq\x97S\xc6`\x0f\xc6d\xb4C\xd6v\x02\xa9\\\xef\x8d\xea\x1e}\x1c\x1c&lt;\x8d\xad\x0c\x07\xa6\xceg\x0b\x8b0p\xf7\xb5\xae\x16i\xcbM\x93h\xb2\xe7j\xbb\xd0:2&gt;\x8c\x1d\x9eS\xa4\xafo\x14\x07\xdb\xee\x04\x91\x1d\x11\xfe\x9e\x92\x10Y\xfd\x1f\x9b\xd5\x1c\xb2=\xea\xb4\x97\x16\xd9\x01\xc7A\x8aZ\x1d\x1d\x87=\xeekn\xae\x8a\x1e\xcb\x8e \xc8\xb2\x1aw\x1aY\xda\xaa\xc6\xb4\x8bXMW\xaa\x9c\xd3\xbb+xc\x14y\xb5\xccV\r\x94\xa3\xccRox\x9c\r\xb9\x16\xcc\xaf\x94A\xb8\x98P\x19\xf6\x1e\n\xce\xe4`\xe8\xc9\xdb\x9a9\xd7\x9c\xc5\xc9\x15\x04^Y]XI\x89\xd3rH\xd7i\xf9\x87\xf2\xd3\xdf\xe7\x84\x17\xb1\xf9$O[\xcbjT\'\xba\xe2\x9c*G\xb5\x87\xe0\xf9\xbf6L\xbdvC~\x07\x98\x0b\xf4\x10\xb6\xb1\xa3\xe3P\x82\xbd\xb9\xae\x12\xce\xa6\xce\x80\x96\x19h\xdc\x05\xda\x075y\x02\xb0\x16^\x96vH\xf4\xb1\xef\xc1\xde[\xcc&lt;\x9b\x9a\x8f\x17\x8c\x05\xa6/\xe0\xa3Y\x19+\xde\x94\xd826U\xda\xe0\x0b(]\xf4\n\x96\x15\xb7\xaf\x0c\x0c%K\xea\xc5\xbd\xc5\xe3\xa1-A\x8c5\xab8\x9c\xbf\x92\xbf\xb2&gt;s\xceC\xb8G\x9e\x80o\xe3\\^\xa9\xde\xe5\x8a\xf9d\x11}\x8f\x97\x93\xfa\x9fz)B\x14\x1fv\xb1\xae\xcc\xfa}1\x905\x96\xcduh\x0e\x8e\x0f\x133;:\x0e{\xf0M\xbd\xb2\xd9\xa7b\xbf\x12\xdd\xcb\xc8?\xc3\x9c\xb7\x15f\xa5\xdf\xf0\xd6\xccZ\xc8\':\x86-@\xf5a\x19f\xc0\xa6,Q~\x93E\x1aN+\xf4\x16\xc9\x9fI\xe8\xa9GN\xd9I\x85\xa5 0\xf9\xb3\xcc?I=@D\xc4;\xed`\x02`\xaf\xdeR-b\x92\x12\xd5\xfe\x7f\x01\xee^\xc7\xdc\x08\x82\xc3\x0ea\xa8r)\x9e\xa7\xca\xeb\x04Y\xa9h\xd3\xd4:!\x9f\xf7-[\x15\xa2\x8c\x88\xf0\xc4\x1d\x97\x91\x92*\xcd\x90M\xb6\xb6-\xe4di\xcd\x19\x14W|\x1d\x1d\x1d\xfb\x07\xa2?0"\x08w\x0e\x00\x9c\x9b/9W.?\r\xa3&amp;iM8\xa4\x02\x07\x03Sz\xce\xfd\x05\xc0ck${\xa2\x80\xeb\xa7\xddo\x01|Li\xce"u\xe6,k\x0e\x1d\x85\x00R\xdc\xe6e*\x81\x88\xbe\xa5#\x13\xce\xf6\x9c\xa4\x89\x95D)2\x96V\x94\x94E\x8e\x0c"\x96\xd1\xce1\xf484\x11^\xce\xe2\xee\x00O\x14\xfd\xf0a\xc4\x8bL\xbf\xab\xd8R\x86\x16\x9a\x89\x085\xfeI\x98\xb4\n\x17\xad1\xd0\xf4\xb8\xa5\xccAn\x92\x89\x04\xff\x16.y}\xc1\x8c7\xa2\xd6J7^*\x80gLPbGed\xa0\x9b0\xe4\x9a\xf6\xaa\x86D]\x00\xcc\xc1v\xbe\xb6\x9a\xc2\x00[G\xb0\x8e\x8e\x0e\x1d\x8e\xa8\x96\x106l\xe7\xc2ac\xf9\xd4?\r\x8e\xbbZ\xfb\t\xf0\xc2\xf1\xff\x03\xbb\x99"\xe2c,\xc6N\xa7\\\xe8\x05-~`\xfa1\x8d\xecx\x11J\x18\xc6\xbb)6\xfb\xde\x8eVm\xdc\xe9\xc0\xdd#5\x00\xea\x96\x91\x06\xd5\xf3\x98c\xb9^&amp;\xc99\xc3\xe8\xff\x93e\x8aH\xb1\xfe\xffj\x85q7.\xd6B\xba\x92\x03a\xca\x13ry.\x12\xfc\xa9p,]T\xe6\x12\x19\xaa\xf9\xbdk\x9c\x1f\x12\xb9Z\x85\xa4UA,\x16\x0f\xed\xc7\x81\x9b\xa0\x98\x90s\t\xe8\xbc\x9c\xbct`\x0f\xe3\xb7\xdcl%\xb8\x07\xd1\xdc\x04\x93u\xe7\x8e\xf2\xba;BTD+\xcfb\xe2.`\xe8m\x86\xc9\x1e"\xc0\'\xad\xee\x9f\xf6\r\x1e\xcfo\x9f\xea\xe5\xcc\x9b\x03\xb78h\xb5\xa0\xa3\xa3#\xc6m\xbd\xa0\xd0n\xefO\xdcZ\xcdHN\x08\xb49\xb5B]\x7f\x9cq?\x97\xdc\r\xf6m|\x1d\x99\xabF\xb4\x8eX,!\x9a\xcb\xd5\x0b\xcf\xea\\iTp.\xd6\xa8\x80\x81\xdf3\x9di\xf8\xf3\xd2\xd2\x99"\xfe\xf4\xb3\xc9\x8a\xe9\xec\x13\xeb\xde\xe6&gt;\xe1\x04\x96\x151\x96\x1c\x19\x82\xfa@q\xf9\x82\xea\x97\x90\xfc\x97\xb0\xfa\x9d\xdfNc}\xe8}\xdb\xac\xc2H\x12\xd2ZA*U\xd5d\xb6\xc6E\xb9\xb8\xda\xb8\xdaQ\x16\n\n\xb2)\xc3\x1dA\xeb\xd8Bq\xcb|\xe0\x03D\x01\xf1\x8a\xf0\xf7\xb94[\x1c\x88\xea\xe8\xe8X\x1fI\x1c,i\xd8i\x8c\xf8\xd3E\xe0i\xf8\xf8u&gt;:TM\xcb\xed\xff\xb8JtFSW$\x05\xcb\nz\x92\xcc\xa2\xb3\xc5\x89E\x8b3\x9b\x10N\x95\xaevZ4}\xb0x\xc1Y8\x93\x8f\xc1\xf3\n|\xd0\x1b\xf8&amp;#x\xbd!re\x98(}\xddf\xaeN! \x02\xfch\xba\xfe\xc8\xe5\xfa\x07\x83\xc9|;\xd5,\x15S\x0e\x7f&lt;a\x8a-\xbc{\xe5\x99\xde\x8e\xc14F.\xe1\xbaE\x16i\x84G\xfb\xcf\x05\xbd\x91f\xa3i\x14Q2\xda\xde\xe8\xa2\xd2-\xcd\x90m\xaa\xea\x92\xca\xe8\xa8\x0f\x83Z\xaayEJIJ\x87\xe8Svtt\xec\x0e\xba\xe8 f\x0f\xdf\xb3am\xdbrh@\xc4\xe3\xf9\xa5\\"o\xd3\x103K\xfe6\xe2\xddK\xe3\x17\x1f\x04\x07\xfcc1+Z\xacz\x1d7g\x0eG\xd8F\x16\xe0\xa9\xa4&lt;\xebl\xaa\x1eo"mAD\xc4\xe7H\xd6\r\xe7\xb1\x82W\xaa\x17\xd4\x04\xbe\x1a\xac\xe2\x01J\xd1c\xfd\x1bI=A\x80c\xd7`bGe\x95c\x82\x03"\xc0\x9f\xb6%\xda\x16j\x93\xb9\x12\\\t\xa4\'\xa5\x04\x1br[\t\xc1\x1b\x0b|\xa3Z5\xdbV\x8e"\xab:]\xffy\xc2z!\n-*\xa9}\x02\xd0\xd1\xb1%\xd8s\x88C\xa3m\xf1\x94\xd2\xd2\xfc\x8d\xd2\x82\xb8\x11\xe7E\xfa\xe1?\xcc\xc5M\x07\x00W\x81?|\x0b&lt;\xaf\xc6\xb4\x93#\xfe\x08\\\x12\xae\xdcQ\x00\x9f\x89\x1f\xa5\xf5\x1f\xb0\x8b\x91\xd0\x1d\x9f\xe4C\xc4"\xe7\xcb\xe6g\x9f\xdc\x8d\xb23\x0fo\xc5J\x8ay\x0e\xf9H\xca\xe7\x06\xf8\xdcv\x8f\x8e\x8d\x16E\x0fB\x0c\xbf(\xac\xc3\xe1)J\x1fz\x9f\x90E\xb6\xe6csi\xf1\rW\xe7?}\xbd\xdfC&lt;\x95{\n\xc0\x9d+\xc9`\xbd9&gt;\xef\xc2\xb8D\xf9:\xfb\xec\xec\x8f\x10N1\'\x18\x1b&amp;\x08\x0f\xea\xb4/;&amp;\xd6\x91I\x01Zk\xe74\x91\xf5\x16Bg\x92\x0e_\xf3\xf0\xfbX\x04\x01\x8d\r|\x82^\x11\xd5\xb6\x94\xa5%B\xf9\x83\x02\xd9~0\xabB)A\x89\xa0Q0\xa2\xdd\xd8U\xf6\xc7\x85;:6\x02\xfb\x10\xf0\xf8`Y\x03$\x03buFI\xbf\xf7\x08)u\xf3)3\xfbx\xe2\x00\x80o\x19O\xfeZ\xc8\x84\xf81\xfd\xd4\x1d\x9e\x00\xe1v\' \x8eK\xeb\x1cQ\xe7\xce\x12]\x01\xa3\x9bby.~\xda\xcc\xbbm\x12e\xcc`\x00\x92\xbf\xfa\xf8\x1f.}\xbd\xc6\xf4\xde8\xfa/\xd6\xe8\xa0\xa2\xad09\xd7\xeb\x05\xc9\x91\xebL&amp;\xba\xf3k\x00\x00w\xce\xca\xcc.\xdd\xb5\x1d\xfd\x97J\x19[\x87\xff\xdcl\xe6\xd9YD89\x00\xfc\xe6\xb4?6]\x14\x18"\xc2\xbb\xdb\xaes\x8b\xb1.t\xbe\x9cru\xa4\x9bG\x8aT\xed\xb4\xcfE\xb0h\x99\x82\xf0\xca\xab\xcb\x8dF\xff\x01\x10`\xf5\xb7\xe2\xf2\x0b\x80k*\x8dc\xde\xd4\x12W\xd4\xd9\xd1\xd1\x91b\xeb\xb5"\xf3@I\\r\x13\x94\xa9_\xc4\xa6\x96,iKe\x0ew\xfd\x8b\xa2\x96\xc1\xcc%s\xe5\x8a\xe9\xb2&amp;=oS(,\xf5\x16\x9f&gt;\x04pq.q\xfd\x0e\xc0\xbc`\xe6\x08q\x81dh5v\x94H\x12\xfb-E\xdbVl\xdd\xd3g\xb5+m\x00\x0c\'\x00\xc9V\x1b@n\x94\xbc\xce\xcaw\xaacm-\x9c\xd6\x04\xd9w\x94m\xc53*\xbbE\xff\x96\xaa\x03\xc5\xd4\xebD\xc9\x04\xab\x12\x1a\xdd\x7fc\xc0\x17.\t\xd6lV\xef\x02\xb8\\\x0b9\xd1\xbe\xf7p\xc9\xba\x1b\xa0Z\xdd\x92\xaah\xdb\xf5\x7f\xaa;\xde\xedL\xb5\xa3\xa3\x03Z\xbc\x06\xd4\x06s`q\xc1\xfb"\xf3\xf2\xc9_gA\xc9\xda\x03\xf9\x1c\x81\x81\x1d\xc9a~\x8c\xcd\xd3\x9d\x13\x14m)\x14\x04G\\~\x88\x13)y\x99\x81+..$\xac\x0f\xdcN\xd9\x9f!\xc2t\xe8\xb6\x18\xcbY#\x81\x0eW@6S\xc9\x1a\xa6\xcdZ\x90\xa9\x15\xdc\xc4\xe1wS\x8b-\xde_\xd3\x86\xc5\xb7\x9bxj&lt;\xd8\xcdpQIhIG\xa5\x10\xfd\xc8\xb3\x81\xfa\xb1&lt;\x8e\xf5.\xfd\xd8\xa3\xb3&gt;\x81\x08H\xfc\xf1\xc2(\xc9z\xac\x9a\x8c\xfeS\xdc\xe4A\xdev\x86\x1a\xef\xcc\xa6\x90\xeb\xf0\x1dm\xea\xac\xe8\xa3\xff\x8e\x8e\xbd\xc0\x0eN\x8bV.\xc3\xc8\xcb\x8d\xde\xd1m:A\xc4\xa7\xd1\x9a\x10;Vx&amp;\xc0\x1d\xd6\x1f\xdc\xe5\x9f|PM\x00\xa2S\x16\xfc\xf6\xb0\x97\xf2\xd4\x00\xdf/\xdb\x01\x98Th\xe6\x84\x9b\x1f\x0c\x9d\x9f\n8?\xc0\x7fo\xab\xb3\xfe#kmq\x18\xf6\xd6\x99*I\xb6\x8e4\xcf\x9a\x95v)\x94\xcd\x9f!\xa1\xf9D\x1b\x11\xfa\x9d\x93\xf6\x0c\x16]\x90[\n\xf1\xf6I\xf7\xa6\x92/]\x18\x00x\x9f\xd5\xc9L\x98\xe4\x86\x00\x00 \x00IDAT\xb9.|\xd4!\x17U\xe5 \xb3\xe2\x03\x00\x1d\x1d\x1d{\x83\xfc\x0e@\xfax\xbe\xf5\xb1}\xea,Nq|\xc1\xe8\xff\xb1\xaee\xed\x82=\xc1R\xaaZ\xc0\xb0:\xf9\x0c\x97\x9c\x06\xbf\xfdZ\x1a=h\x82\xf5j\x14\xeeb\xcf\x12\xf2\xdd~\xa5P\x83\xb9\xcb\xdaj\xf4\x0f\xf3"\xb7\xb5\xaf\x1cZ\xd3#V"\x15\xb2\xd9\xcf\xc2j\x8ea7\xee\xab|9\xe4Kh\xcd\xf1NI)\xbc.\x13%\x9a\xbd\x88]x\x81\xcd\xca3"Re\xf0\xd7\xd9\xa9l\xe3.#\xdcw\x05V%\x98\xbd\xf4o\xda\x1d\x8b\xb1+\x0e\xf6K\xc3~\xc89x\x85\x81B\xf3f\xdeG\xff\x1d\x1d\x07\x13\xe9\x8b\xbaR\xd8\xc5\x98:\x9b\xf9p\xcb"F\x0c\x8d\x92d;\xf32x*V\xd4\x02dqp\xd0\x0b\x12}\x18\xc8|\xa7\xd1\xbaX\xcb\x134\xb4\x0f\x93q\'\x005\xdf\x16\x92\xc5\x8eZ\xb7\xa6\xc1aU\x10\x13\xf0\x0e\xa8\x1a\x1c\x9b\xda\x9a\x95\x03\xc0\x9d\x94zI\xed2\xa5&amp;mm\xe7\xad\x98\xd3\x98\\\xc14\xd7\xfa\r\xc7\x06\xde\x81\xff8\xdc\xff\x14""\xbex~\xc0\xd9O\xc6\xda\x12}~^49\x906\xcd\x92\x8a\x10*"\x8a\xa0\xa3\xa3cW\xf0\x1f9\r\xf7\x10\x03\xe0x"\x02\x82M\xc9@Pnu\x07\xcb\x0f\x02\xf9\x9b\x0fSv(9&amp;\x11s(\x12bU\xd8v\xdd\x0b\xe3\x13P\xa8\xef\xbc\xf4e$n\xda\xc6\x1a\r\x06\xbe\x12\xf1h/\xe3 N\xccq\x98m\x1f\xa3\xe6\x81?\xbf\x00"\x1f\xf6\x97\xe8\xed\x0eK\xb14\xad\xb4S\xec\xb5\xbc\xaeQ\xff\xcce\xab\x90\x98\rC\x1b4d\xb1\x8b\xf1o\x91\xd7\xf7\xad\xe1$a\x16\xc6^:\x1b\xef\xc5 \xf0R\x80\x1b\xcc\xf2\x04\xed\xbeZ\x0fW\x05x\x93\xa5\xc7\x81\x03\xe2\xed\x8e\x8e\xc3\x11G,}\x83\xd4\xaa\x97\xd7\xe659Zc\x1c\xa6\xb8\xf1\x07\x83KF \xd1E\xad\x1e\x85Z\xbdJu\xc4l\x02\xae\xf3b;\xefAi\x13\xed\xaby\x04\x11\xbe\xc5\xaf5\x1e\x1d\xfe\xed\xfa\xe8?\x02\xfdz\xd98Q\x98cN\x7f\xc8{\xca0\xd9U\x08\x1b\x7f4\x0b\xa2*\xb8\xd2\xe6#\xc1\xb3\xf8\xafh\xad\xf4\xe58\x95V_i\xbc\xf2_\xae\xca\xe0Ke\x92-\x1c\xe8\xdf\x87\x0b\xd3\x0f\x9du-N\xed\x80\xa0\x1a\xfd\xe7\xa4\xdc\x00\x11n\xaa:\xb7K\xba\xeb\xcd\xfa*\xe2\xe6\x7f\xa2k\x1d\x1d\x1d\x07\x17\xccN_&gt;_\xe5N\xab]#\x9f\xb9@\xc2\x1e\xa0`\x076\xb47k2\x86?y\x12\xf7\x98\xdd\xa8\xf1\xedx\xeb\x86J\x8b\x8c\xeeY\t{Ef\xc6\xde\x9d[\xa8\x80\xaar\x8e\xa5Pa\xf5A\xa8l1\x92\xc6K\xf2\x0c\r\xb1\xd8\xb2\x92\x13\xee\x1b\x1eMi\xf5\x80\xc1\x04!@YkHsn\xad \xd7V\xa1\x1a\xab\xcez\xd5\x95\xf5\x11\xc5L4&lt;;::\xb6A\xedk@\xa5\xcfN%i\x8d\xcbK(\xfe\t\xf0*\xa4\xd7\xf5\x15\xb2\x0e$\xd6\x1e\xa3 z\xc7DYm\xd1\xe5\xc7\xb9\xfb\x91\xd7i\x8c+\x84/\xf5.\x04\xf7O\x1e\xa4\xd5H\\\x1d+z\xfd\xaa5\x1d\xa1\xb55\xed%\xbc\xa1\xc8\xf4\x08#\x9b\xb4^W\xad\x84\x9dbz\xfc\x8a\xdc\x06Y6h\x9d\xabl9\xd2\x04C?V\xfe;\xe7\x96mch\xbf\xf2\xeb\x9f~\x87_\xf5Y\x99\xdb\x05U\xef\x96\xe9\xd6d\xf5i\xab)[Q\xbcyLg;\tQmL-\xe2\x97\xbc\xdf\x7f\x9ee@m\xde\x1e\xe9W]\xde\xe7\x1d\x1d\x1d\x1b\xa1A`\xc6\xf1T\xfa*g]&amp;\xb1\xd28\x7fx\xdd\xdb?\x02\xdc\xc6\xf2^\xb3F\x0f\x00 \xf8O&amp;\xac9&amp;\xab[\xb3\x01\x90O\xd4P\xd2\x7f\x00p\xaa\xfc\x07\x8f\xe6\x04WD|\xdbx\xf1\xc1\x00\x7fS\xea\nD\xdc\xa3\xb3\xec(\x9f\xc0n \x1a\x0e\x9f#&lt;1\x88V\xc9T\xd1\xd0W\xed\x0f\xa9\xaf\xff8P)\xe8\xf1&gt;\xb4\xaa-qs\x86\xd8\x0f\x9c\xdf\\\xf0\x86J\x99\xcf\xdc\x88\xe4dz\xe4\xba\x03\xe6I\xb6\xe1\xbe|}\xa9i\xc1\xa35\x9cL\x96!\xa3\xcb\x08c\xd0\x17l/{ro\xc2\xdb\x01\xae0g\x92\x999\xef?\x99\xc1\xe1w\xc2\xb3\xa3c\xbf\xb0\xf5\x87\xc0rHz\xa3\xe1\xaa"\n\xde\x86\x97\xc9\x04?=+At\xc0\xad~\x8c\xce+"\xa2\xa7\xfd\xc3S|\xd2\xe1\xe4\xf2\x91\xc1\xb5S\x1a\x08\x02\xc0\xdb\x97S\xc0\xc5\xa3\x7f\x98w\t(l\xbe}\xbc\xea\xaa\xb1\xfb\xf2\xa2\x05\x87\x13\xbe\xcdp\xbc!\xad\xfa\x08\x81^\x92\xd2qi9\x13\xeb\x82\xb1\xb4uF\x0c{;\x0ea\x9bw\x9330\xc42lx\xf1\xc5lN\xa4\x7f\x97\x94m\xd2j\x11\x01\xe0^\xc4e\xb6j\xd3\xcf\x06\x14\x93\xf56K\xaa\r\x1e\xb6Pn\t0-\xab\x8f\x11\xf6TK\x92\x9b,\xfb\xf0\xecC\x0e\xc2\x91L\x1d\xc9+z\r\x11gf\xe3\xf6N\xc0\x17\xe8\x07\x05\x0f\xf8\xfe[G\xc7!\x89\xfa~\xef\x8c\x88_o\xb5\x9a&gt;\xaf\xb6F\xbb\n\xd9\x815O\x80_\xa8X\xed\x13`\xedW\x8b\x13%\xd1\xda\x89f\xe2\xa1^n\t\x84\xa5\xaf\x13\x89Tm\xb8T/\x13[Q\xe5z\xcb\xc37A|\x81\xf7g\xc3:\xf9u\x803\xeb\xa4Qs\xcb"\x1a\xa1 ]}\xa3\x9a\x0f\xcc\xdeN+\x1b\xc0\xf0\x1a2\xfb\xdaaf\x07`?\x97\xff\x01\xc0R@\xfe\xea\xb5\xae\xc6\xe6\x17\x86\xc9\x14s9\x8c\x7f\xbe\x13\xe0\n\xac\xbao!\x9e\x9e\x92L\xf2\x01\xd41\xf7h9\xea\xc5t\x91\xa2dK9\xc7!8Tdj\xfeW@|;G\xa35\xb4\xfb\x0c\xf9\x0eT\xe6\x19z;\xbb\x8b\xa2\xd7\xbf\xcf\xed\xae\xa3\xe3\x90G\xfd\x0e\xc074\xef-\xd1\xc3\xb9s\xc2\xbc\xbc\xa0\xcc\x02|\x80f\xe3N\x015F\x12\xb1\xd8\xd1x\xb5\x83\x10w\xf7\x1c\t\x88\x12\x80z\xc0\x14\xc9\x8a\x96\x87\xa5\xa4\xab\x82:3\xaa\xcaW\xa3t:\xc1\xbc\x96\x9d\xff\xe6n\x1c\xfc\xfd\xa6f\x9b\x1bgn"\x85@\xbcK0\xef\x1b\xc4\xbc\x9fS\xaa`\xfc\x87\x1dyN\x89\x98\xf5o\x06\x07w\xa4\xe1\xa6\x7f\xc7_\x14\xef\x03U\xd7!V\x98\x9f\xc29p\xee"s\xd2\xa9Exo\x86\xe3G\xff\x00\x0f=\x83\x8a\xc9\xb4u\x04\xba\xd5\xe2\xe5\x99\x07\xa7\x1fFjS9\x00w\xf9\xa1\xed\xdb\x9f\xa9x\x87\xc7\xd1\x92\xaf\x04\xec\x92\xbf\x1d\xba-;\xe0\x9a\x9e\xc0D\x94&lt;\x06\x93\xbe?\xd0\xd1\xb1\x03\xec[\xafx\x06\x80o\x917\x84Q\xb50\xba]\xed\xe8\x7fNK\xbb\xd3\x8d\xfc\x19\xdc\xcc!\xcb\x1a\x0e\xd3\x0e\xcc\xf0\xbb\'\xd3_\xea\xd9\xfa\x04g\xc1\x0e\x00"\xc2\x99\x01\xbe\xbe\xc7\xa3?z\x9c[A\xd8\xbaka\xd8\x01\x98\x92\xfaUk\xae*\xd4j=dk\x88r\xb6\x1c\x9a\xc3&lt;\x98\x91{zD\x8c!\xfb[C4 \n\xf1\xe9\x00wT\x1a\x85\x93\x10/\xbbt\xf4\xc8\xe4+M\xb3\xc5(\xc8\x94\x84\xe8\xcc*5\xa2\xe2\x0b\x1b\xed`\xf5\xd2\xba\xeat[\xc4\xb9\x11\xbc\xf7\x12RK\xe7\xa2j\xe2\xfdy\x80\x8e\x8e\xed\xb1o\xcf\x00\xd0\xa3\x7f\x98\x96\x9b\xfc\x8d\x01/^\xa9\xf7\n\xcc\xcb9\xbb\xc7\xf2~\x8flJ\xefc\xf6\x95/#\xf7^g\x1e\xee\xa4/)\x00\xe0\xaa\xc5\xf2KI%\xbf\x11@D\xfc\x01.K\xc8_\x03\xd8\xf5\n\x93t\xbc\x9e\xd9\xeb\x92\t\xd3\x1b2I\xfe\xc6V_n\xf9\xf5z\xfeu\x070\xd8q5\x8eH\x1d\x92q\x1b\xbd\xe9\x88^r\xef\xea\x88\xb7d\x86!\x07w\x19\xf2\x19$s\xfcSP[4\xb6\xf4\xd9\xa5O\xce$6\xc1\x0b\xd3l\xd6\xefVi\x98\xa4/k\xf6\xc4\x19\xf4\xf0\x9f\x0c\x86\xca\xf0\x9e"\x1e#\x9b\x8a\xbcV\xe0\xdf\xb0\x1bb\xad4\xc0-\xfd\xd1\xff\xfcO\x1e\xbf\xd3\x0f\xffwtt\xec\x0c\xdc\xf1\x15en\x9b\x8e*]:&gt;g\xcc\xbe\x8co\x85\xa1\xcc|\xccc\xfc\xe5\xcf\x1b\xcbo\x87\xa5\x08\x0c%"\r\xd0\xdb1\xe2h\xa0:e\x9a*MVP\x15\xe5,\xcbc\x826g\xbe\\M\xe0\x92I\xfb\x89\xf9\xa8\xca\x85J|\x7f\xde\xb4#}\xc3!\xbe\xbbs\xe4\xad\xcex\xad\xc8\x9c\xd9\x1b\xdc\xad#K\xc4j\n\xd1P\xd0\x05\x08\xdc"+2\xd6:\x8d\xf2\xa9\x11\xadc\xdd\xb3\x04\xb68\x9d\xa6\xcbU\x15\xa9X\xa3\x97C[\xac\xe0t\x11u\x15\'\xc2\x1d\x1d\x1d\x07\x02\xfb\xd5e\xb6\x86\xbe\x1b0\x04\xd3\rP\xcc!\xbbDz pU\xb2\x9b\x91r\x90\xbdT3\xc8b\xe7:\x16\xf7\xd3J\xae\nC\xf2\xb6\x88\xb6/\xbd\xfeu\xb4\xce\x19\x0e\xe8\x98&lt;I\x8c\t\x8ce\xe1\xa5\x7f\xfb@\xf8\x88\xd486\x8f\xdaW\xa5\x888dLS\x90\xe1\xfd5H\xae\x98\x00\xe0R\'9\xfe\xab\xa2}q\xe8+U\xdb\xca\xc0\x96\xce\x9b\xdbG\x98dt&gt;_\xc9T\x95\xb9\xb8\xff\x05\xf1\xfd\xdc"E\xc9a}AWp\xf3\xa9\x1e\xcf\n?tttl\x85\xad:\x83\xdd\xc1` "\xe2y\xa7\xae}EJ*dz8)\xcf\xea\x8fdm\xed\x9cl\x7f\x1f%[\xd2\xb7\xab\xdba\xe7\x97\xd1\x1bjg\xbb\xcc\x19\xbf@\x94G\xcf\x88\x08w1\x98\x1f\x97\x91\xce\x81\x9c\xe0\xa2L%\x05A\x1b\x0e\x91\x1b3\xb9\xc2/\xd15D\xccJr8(}.\x96xaC\xfbt"g\xc2\x9d\xa9\x8b\xab\xa0\xa4\xf45b\x93\xad3FrK3\xf9\x02j\xe8F\xd6(\xefO\xa9\xb2\x8c|x\xcfL\xfbc\x88\xf00e\x07!\xea\n[eD\xa0\x91S:::VD.\x8cV\xcb_G,\xa3\x0c\xf1\xe6\x99\xe3\x19\xcd4mbZ\xe1\xe8\x9f\n\xd3\xed(\xddk\x92y\xe46N\x18\xf5\xce\xe6x\xa6\x89I\xdbwE\xbc\xcc\xa4\x1b\x06\x7fp u\xa36\x14\xcf\xebV\xab\x0fJ\xb5\xe5\xa3\x7fD\xfc\x06\xd3\xa8g\xb1s\xcaO\xa9u\xa9\x81\x00w&amp;\xd9\x01 \xbc(-\x1d\xc2\x1c\x85\nr\xc5\xd7\xca\x94&gt;\x95\xe1\x13[\xae\xac=D\xbb&amp;\xcba RQ\x0fI\xc9\xeb\xaew\x90\xf8\xe7\x96\xad\xe9Q\x81El\xe9\\\x85\xa62\xe7\xe2k#i\x86T\r\xe2d\xc9\x8cW\xdc\x97\xd8\x83\x15\xb4\x8e\x8e\x0e\x1fc\xcb\x8c.\xac\xd7b\xb7\x0e\x04\xac!\xcd{;D\x80\x877\x96Y\r\xa9o\xa8\x90\n\x88\xf0\x1eD\xc4O ~o\x83\xa1\x03\xc7c\xeauR\xa3\x10\xf1E\x01\xab\x95\xba"\xd9\x9f\x91F$n\xd4\xa1\xce\x90\xfa\x9aP\x86k\xea+\x0co8\x9b8\xca\x08p\xa9\xf63^j\xa5\xd3c\xc5\x94Q\x8e\x7fkd+O\x90hcBpa\xc2]\xf5b\x13\x1b\xdf\xd7\x8a\xb5\xac\xb3\xfd\x02\x10-?\xfa\x01\x00\xb8\x19g{\xb2\x85\x98S\xe2\xa7L\x13\x93\t(\xa5\x06\x99\x1d\x1d\x1d\xeb\xe2.\xb9\x04\xec\x04\xc0\x8b#m\xb0\x83@\x10\x86\xaa\xe6\xaaq\x8d\xd0\xdf\n\\t\xe7\xfb\x832\xa1b\ri\\\x85\x04&gt;p\x87`H\x91!\xdd\x86\xd2Wyi\xb3\xe1\xe4bd\xael\x14h\xe0U[\xd5ED|\xfb\xb6\x13\x06\xaa\xd4\x18\x02a)\xb4+\xe2\x0c\xb7xo\xc7\xbf\x17p^\xfe\xbc\xca6&gt;TV\x9e\r\xc3\x17S\x88\x8a\xc2%\xf0\x07s\xcb\xca4\x936\x94cnM\xb5dT\xf3\xa6\xc5\xb3\xb8\xe0\xee\xd5\xa7\xc8\xc3;V\x12\xee\x1b\xf5.Nu\x9ed\xca\xb6\xa3\xa3c#\x144&lt;\xa6\xf5\xb6!\xd3:\x10\x18\x86A\xad\xb53\xb1rOpNMD\xb6\x83\x88\xe9\x92\x1cJ\xd7\xf0\xe7\x87K\xb4\x13\xf8GM)\xac\xd8!Q\x06\x02\xc0\xad\x15*\xf2%$\x95\x9d\x91&lt;\xb3\xaa\x07\x80\x00\x0f\xb2\x18\xba\x7fU\x9d\xc0\x16&lt;\x15\x05\xc1\x95\x9dJ|\xf5\xe4\xd9k\x17+U~\xf0\xeb\x7f^ \xab\xfd\xc9e\x94\x94\x13\x80\x1aK=9\xc2V\xf9Z\x95MZP\x0f\xea\x12m5\xb7\xfa\xc0\xd9\xa1\x15\xeeyU$Gg\xe9\xe8\xe8X\x1d\xe3w\x00\n^\x1bO\xbe\xd4\xb9A\x03^\x02J\x95\x98H$.\xcb\xf0\x02.\xe6-\x964`\xe0\x87G\x80\xfd\xfb\xce\t"~.\x93\xc4BY\xd3\x91\xa8e\xe1\xf0\xefEtz\xb3\xb8\x8d&amp;5\xfdB\xfe\xda\x9a\x80\x008\x7f\xb8\xd4\xd7\xa6\xcc\xcf}\x15;\xff]\x08\xfb\xb7u\x10\x88&amp;\xf2\xe0q\x80\xf1@\x80\x0bd%\xb8\x9b\x98\x14\xee\x16\x86\xcf\x8d\xd7\xeb2\xdd\xd2\xf2\xa2\xbf\x01@\x82K7\x85~\xb7\xbcJ\x7f\xc9\xd3*\x0c\xfa\x023A\x98\x8f\x98wvE\x9f7\x89\xbfr\xc0\x90\x84\nK\x1d\xf9k\x92j\xa5\xca\xb6|\x129\x970\xfa\x9a\x06\xcc\xce\xc9}T\xf8\xe5\x92X\x8c;:\xefV\x96\x13\xc1\xb2 OGG\xc7\xf6\x10\x97\x04H&lt;\xd8</t>
        </is>
      </c>
      <c r="E344" t="inlineStr">
        <is>
          <t>&lt;class 'numpy.ndarray'&gt;</t>
        </is>
      </c>
    </row>
    <row r="345">
      <c r="A345" s="1" t="n">
        <v>343</v>
      </c>
      <c r="B345" t="inlineStr">
        <is>
          <t>steps_per_sec</t>
        </is>
      </c>
      <c r="C345" t="n">
        <v>3900</v>
      </c>
      <c r="D345" t="inlineStr">
        <is>
          <t>3.0259402</t>
        </is>
      </c>
      <c r="E345" t="inlineStr">
        <is>
          <t>&lt;class 'numpy.ndarray'&gt;</t>
        </is>
      </c>
    </row>
    <row r="346">
      <c r="A346" s="1" t="n">
        <v>344</v>
      </c>
      <c r="B346" t="inlineStr">
        <is>
          <t>Loss/RPNLoss/localization_loss</t>
        </is>
      </c>
      <c r="C346" t="n">
        <v>3900</v>
      </c>
      <c r="D346" t="inlineStr">
        <is>
          <t>0.11442938</t>
        </is>
      </c>
      <c r="E346" t="inlineStr">
        <is>
          <t>&lt;class 'numpy.ndarray'&gt;</t>
        </is>
      </c>
    </row>
    <row r="347">
      <c r="A347" s="1" t="n">
        <v>345</v>
      </c>
      <c r="B347" t="inlineStr">
        <is>
          <t>Loss/RPNLoss/objectness_loss</t>
        </is>
      </c>
      <c r="C347" t="n">
        <v>3900</v>
      </c>
      <c r="D347" t="inlineStr">
        <is>
          <t>0.012038441</t>
        </is>
      </c>
      <c r="E347" t="inlineStr">
        <is>
          <t>&lt;class 'numpy.ndarray'&gt;</t>
        </is>
      </c>
    </row>
    <row r="348">
      <c r="A348" s="1" t="n">
        <v>346</v>
      </c>
      <c r="B348" t="inlineStr">
        <is>
          <t>Loss/BoxClassifierLoss/localization_loss</t>
        </is>
      </c>
      <c r="C348" t="n">
        <v>3900</v>
      </c>
      <c r="D348" t="inlineStr">
        <is>
          <t>0.45325276</t>
        </is>
      </c>
      <c r="E348" t="inlineStr">
        <is>
          <t>&lt;class 'numpy.ndarray'&gt;</t>
        </is>
      </c>
    </row>
    <row r="349">
      <c r="A349" s="1" t="n">
        <v>347</v>
      </c>
      <c r="B349" t="inlineStr">
        <is>
          <t>Loss/BoxClassifierLoss/classification_loss</t>
        </is>
      </c>
      <c r="C349" t="n">
        <v>3900</v>
      </c>
      <c r="D349" t="inlineStr">
        <is>
          <t>0.14759952</t>
        </is>
      </c>
      <c r="E349" t="inlineStr">
        <is>
          <t>&lt;class 'numpy.ndarray'&gt;</t>
        </is>
      </c>
    </row>
    <row r="350">
      <c r="A350" s="1" t="n">
        <v>348</v>
      </c>
      <c r="B350" t="inlineStr">
        <is>
          <t>Loss/regularization_loss</t>
        </is>
      </c>
      <c r="C350" t="n">
        <v>3900</v>
      </c>
      <c r="D350" t="inlineStr">
        <is>
          <t>0.0</t>
        </is>
      </c>
      <c r="E350" t="inlineStr">
        <is>
          <t>&lt;class 'numpy.ndarray'&gt;</t>
        </is>
      </c>
    </row>
    <row r="351">
      <c r="A351" s="1" t="n">
        <v>349</v>
      </c>
      <c r="B351" t="inlineStr">
        <is>
          <t>Loss/total_loss</t>
        </is>
      </c>
      <c r="C351" t="n">
        <v>3900</v>
      </c>
      <c r="D351" t="inlineStr">
        <is>
          <t>0.7273201</t>
        </is>
      </c>
      <c r="E351" t="inlineStr">
        <is>
          <t>&lt;class 'numpy.ndarray'&gt;</t>
        </is>
      </c>
    </row>
    <row r="352">
      <c r="A352" s="1" t="n">
        <v>350</v>
      </c>
      <c r="B352" t="inlineStr">
        <is>
          <t>learning_rate</t>
        </is>
      </c>
      <c r="C352" t="n">
        <v>3900</v>
      </c>
      <c r="D352" t="inlineStr">
        <is>
          <t>0.03996291</t>
        </is>
      </c>
      <c r="E352" t="inlineStr">
        <is>
          <t>&lt;class 'numpy.ndarray'&gt;</t>
        </is>
      </c>
    </row>
    <row r="353">
      <c r="A353" s="1" t="n">
        <v>351</v>
      </c>
      <c r="B353" t="inlineStr">
        <is>
          <t>train_input_images</t>
        </is>
      </c>
      <c r="C353" t="n">
        <v>3900</v>
      </c>
      <c r="D353" t="inlineStr">
        <is>
          <t>[b'1024' b'1024'
 b'\x89PNG\r\n\x1a\n\x00\x00\x00\rIHDR\x00\x00\x04\x00\x00\x00\x04\x00\x08\x02\x00\x00\x00\xf0\x7f\xbc\xd4\x00\x00 \x00IDATx\x9c\xec\xfdy\xfc~_57\x8e\xaf\xad")\r\x12E\xe4\xd6\xa0\x89\x94\x06*!\x94\x0c\xa1\xc1Td\x0c\xa1I?s\xb7!w\x86\x06wH\x19C\xdf\x92\xdc\x84HT\x86B\xdd\x91T\xc6L\xdd%E4 \x8d\xd6\xef\x8fs\xce&gt;k\xafi\xaf\xbd\xcf\xbe^\xaf\xd7\xe7\xd3^\x8fz\x7f\xaek\x9f5&lt;\xd7\xdak\xaf=\x9c\xf3\xba\x0e\xc0\xa4I\x93.q\xf4P\\hoA\xd1\xb2\xb7y\xb4\xb0\xa9F"\xe2D\x0fR\x91\x13\xf9\xfd\x16\x01\xbe\x89\x18Z\xeabD\x14\x9e\xe4\xb1\x15\xc06\x855\xb4\x08\x818\x07\xfd\xda\x9c\xea#]\xdc\x02cX\\y\xfe\x8f\x8d\xdc\xf7\x8b\x86\xee\x98/\x85A\x80GZHB9\xa0\xf5,\xbbp\x183Cu\xc9#\x19\n?8\x81\xb4\xef\x8c\x03\xcb\xb1#\xaa.\x12\xd1`.\x1e\xb1p\x81\x1aTOW-\xd3.i\xd9x&amp;P\x7f\xa2!?y_\x88`\xd6#\xfc\x14D\xc47\x1b\xe2[}\xab\x93\xe8\xf1K\xc7\xa0\x984\xe9RG\x91\xea,\xa6\xc9\xd0\xeaM\x99\x1e\xfc\xf2\x11QQB\rVF\xd5\x183[\x05\xd4\xa6=\x86\xdf\x97\xc9\xcd&gt;\xbb\xa5`\x180[\x83\x19|[\x95o\x0e\x11\x01nQ2\x98\xfcU\xf05\xd7\x0e\xccI\x8f\xda\xb1\x81\x99B\xd2t-n[J\xablU\xd9^\xea\xc9m\xf8\xafJ\xc58\x06)\x86A\xec\t+\x02\x91\xccoD\xfe~\x8e*b\xbcI\xe7\x00"H\xb8\xf5 \x18\xc4\xf7\xd87\x00\xef\xbeh|{\xed\xd0\xc7\x00\xe2\x8c\xc1\xd3S\xe7&gt;\xff\xb1\x85\x8a\x05\xbf8j\x19\x83/P\x10\xe2\xaa\x086\xbd\xb3\xe2\x8a"\x8d\x11\xba-"\x00\xa4\x0e\xc9I\x93&amp;Eh\x19\x99)\xf5\x8c26\xaa\x87(\x91\x14T;JO\xd6\x96\x00\xc0\x11\xd9\xec\xa5\x04\xacFQ$\x15%\xa6V\x9d\xa4\x0b*\xff\xc2\xd6\xd2\xb3\\\x8d%e\xc1\x8bX\x11\xd9\x02\x88\x90\xb6\xd9fU\x80f\xb8\x8a\xa8n&lt;\x9b\x8f@\xbb`\xe9;j,\x11\xedU\x9c\xdb\x1d\x0fn\xeb\x08\xd1\xbe\xc8\x8e\xa4\x94\x8c&gt;ZY\x18\x7f\x00\xcc\xe2`v3\xe8\xefY\x10\xf1\xf4\x83\x01^\xa1:~\xa4\x16\xb5\xc3h\x13\xb1\xe8 \xda\xb2sy\xfe#\xa2,/\xa7#\x99\xa5\xc4:"\x8e\xeb\x1a\x11S5\x13\xe4\xa53\xc8\x10\t`\x83\x01\xed\x1da\xe6\x0es*\xfd\x1f\x80\xbb\x97\xca\x11\xd1\xf54\x10\x8a\x86\xe1\xaf\x16Rh+&gt;\x05?w\xf0@\x1a\xbf[\x9f\xd8\xa4I\x93NJN\xd5\xeeV\xb2\xb7\xbbW\x1bM&lt;\xde\xd6C\xcfM\xb7\xa6\xe5t\x16\xb6\x7f\x80^!\x0b\xc3\x94RJ\xbc\xae\x89\xa5\xf4\x11\xe4\x8b\x82\xb4\xdbj\x13\x84\xc09\x90}\xf4x\xea\xb3X\x80\xd2\x06b\xfe\x1a\xb5\x9e\xd8\x7f\x97/J\xa0\x10\xde\x87.\x8bqoW\x0c\xed}\xeao\x00\x83Q\xa2\x11\xfeJea!7u\xbc=\xdd\x00Rh,$\xf2/t\xcf\xb8\xa7 \x92\xbf\xaf\x00\xc3\x97\x94\xba\x86KK\xae\x92\xad`Pw\xc7(h;9~?\x00X\x81\xf5\xf9?\x8ch\x91I\xe9u\xcb\x7f\xa1\xbc+\x10RT\xed\x11\x9a\xdb\xe1y\xe4\xb5\xb5{\x9b\xbd\xa4\x9cX+L\xd8f7~d\x0e\xc0W\xff9\xde\x8e\x92\xc0\x8c\xd0\x91Km\xa3C\x91_V\xfaC\xd3\xf8\x02U\xb1I\x93&amp;QRNJ\xf63\xdd\xeb,\x93}\xf5(\xc29\xc6&gt;\x82\xa4K\xd5r\xd0\xb5|\x92\xb2\x95c0\xed\xdch\x80\x17M\x16\x81\x1c\xe4\xa8\xe71\x8c^\x88x\xcb\x94\xc8\xa93\xb8\x9d\xa5\x18L\xe4\xffM8-%\x98\xef\xfc\x8a\x95AnDD\xff\xf4\x8b\x1adw\x1bh#\x98\xc1\t\xf5\xb5\x7fx\xaf6Z\xde\xb9\x1a:\xe9\xccNL\x1b\xe9\xd9\x00w\x94\xad\xedh\x8b\xfdx\x93L\xf5H2\xb2\x80S;\xb1\xcf\x0b\x95\xbf\x96\xe4g@\x08\x90\xac\x9bo\x16\xe6\x8d\x13\xfa\x16o\xd6\x8d\xe5\xd6\xd3h\xa9\xd3\xba\x83\xea\xef@h\xddhJ3y\x07o\xd7\xb9\xeba\x93\xa3\xbc\x19\x0bF\x18\xd7\xb4\xb1\xf3-r\x07`=\x86\xc1\xdd\x10\x97:^C\xf4TY*\xb2\xe1\x1am\x9fw\x00&amp;M\xba\xa0\xc4\xce!\xf2\x88N)\xe5\xd5\xbf?\x93n\xf7\x07\x07 \x89\xb4\x97\x87\xfd(hi\xb5\x8e\xf0*@\x13\xa16\xf4\xbd\xa4Z\xca\xc7G\x99\xc7V\xb0\xac\xfe\x01p9\x8a\x03\xdbGe\xa7\xc7-\x1e \xdc\xce\xd8\xe8a\xa3\xb2\x14 \'\xb8nb\xed\xfd\xb0\x9c\xad\xa6\x94\xac[5\x86\x9eJ\'\xca^.o#\x11\xe5\xfb\xce\x8a\x08\xba\xab\xffPk\x806\xf7\x07\x10"\xfe\x84=0\x1aU}\x82\xd4\xd3\xe3#\xee\xf7\xc7|`(\xfa\x06\x11\xde\xea?\xdb\x13Y\xf4h\xf7\x13Z\xefc8(\x0e\xae\xba\xb6\x8c|\x0f\x87\xab\xa6f=\xd0]\xefu^\x1d\x00\xe0\xfej\xa2\x1b\xb2\xc7)\xf7\x1d\xdbTGD)\x9b\xbd\xfa\xe7b\xac\x84\x97\x96\xf2\xb7O\xf4m\x93{)7\x15\x97\x8ao\x02\x11\x03\xa9\xeb_\xd7\xcf\x8a\xc2\x06Z\x064\x02\xa4\xf4pq\xff0+?:\x9di\x8b\x7f\xcc\x05_\x958bn\xd2\xa4I.\xed\xb7hO\xfb\x98G\x9c\xf82\x9c\xd7\x85\xd0\x83\x16\xfar\xde\xe0Y\xd5\xdeK\x95\xf3\x90t\xaf\xc6"\xb4\x1a\xfd2\x1f\x83.e\xb8\x1f\xbdko\x05-s\xc4\xd8Z1\xd6\xe2\xaf"AD\xc4\x7f"\x8f\x04`\xf89\x90\x98\x89\x1eR\x15b\xde\xd6\x04\x1e`0 !\x0eZy\x1f\xa1\xd1\xe1R\xdcT\xb8&gt;\xcd1\xb7jXP\xdd\xc6M\x98\xf5R\x990\xc1\x9ciL\xcef\x1a\x9b\x84T1\xc5\xaey\xda\x9dW\x15\xc0}\xee \xe2_\xaa\x1b\xe8r\xec\xc4\x83\xff%[\xa7[\xfc\xe1\x1c8\xdaA%ld\xed*oC\xa5\r\x97&gt;\x0bZ\xafl?\r\x1fD\x93&amp;M\n\x93[\x16\x03\xd2\xa6\xe0\xa1!}`rE\x8d|\xc6\x88\x06\xc9\x19\x94m\x02/\xb5\x01\\\x95\xaa\xfd\xa2\x8aB\x07{p\x82\xbf\xbb\x13\x99\xc5D&gt;t\xef\xf6\x91\xc9z\xa0W\x1ecb\xeb\x10q\x91\xb4:\xe0_/\x00\x90\xafYP\xd5\xb07j\xd3yG\xb4\x07\x13\x0fr\x80\xfe\xae\xbek\x8d\x18\xaej\x88\xf4\xbe\xec\xf1\x96\x1c\xb0\x92\xad\x13\xf61\xe6VZC\xa4_\xeb*\xb3\xfdP|\xf1H\xb12\xbb@\xcd\xcf`\x7f\xf1\xab\'\xf4\x91\xf0\x01\x03\xac\xb9\x1f\xd1v\xfe\xc5\xa1\x99X\xbfT\xf0\xcf\xdb\x01\x93&amp;\x9d\x82\x10{\x7f\xd8\x01\xdd\x07@\xfb\xef\x18\x92b\xd6\xfaPo&amp;K\xd0g\xb3\xca({\xccWuP\xca\x0e|\xee\xc2\xd2F.\xe9\xd8\xd7\x07\xdfCO\xe2.\xf2\xde\xe3\xa4\xccD\x87\x83TE~t\x95~\xa5\x7fz\xe1ZA\xf6\\2\xa3*\xb6,k?\x88o\xcb\xd4\x12L{P\xa1n\x82\xc8\xfe4\xc0\x17m\xb2#\xb2\x08\x11\x87$\xe4\x16\x81\xeeg\xbbOF+\xb2\xcdG%ne\xb2Af\xa8\x96\x8eH\x9a\xed\xe9\xb4i\xb6\xca\xa3\x85\xfe\xe2\x85TGu\xa4\xbc\xcb(-\xad\xd5?\x1f\xb2\xf4Q)\xbb\x1f\xf7+6\xecb\x1e\\}\x84pep\x94\xc6&amp;\xa3\x04\xf0&amp;\x80+\xe5\xaf\x17\xee/v\xc6S\x99\x0c\xe0\'\xc0\xfc\x1b\x80I\x93NA\xfd\x85\xe6TE\xaa|\x86~\xc8\xf9GV\x92^S\xd8Q\x8c\x97\xed\xa9x\xe8\xbc\x00(P\xd3\'\xbcG\x06\'\xf6\xfc\xa5\xf5\x87\x07\xeb\x83\xbbAS\xc4\x1c\x92S1\x84{";\xa3\xe9s\x90\n-+\xa4D\xb4mPC\x7fA\xb1O\xd2\xe6U/+\xd2\xf6g\x01\xf19\x9e\x1d6\x9aj\xf9\xce\xd0\x81\xa9YAD\xfcBrd\x99\r=F\xf5(z\xdc\xc8\xe9\xb3V\xa9\xd8\t\xdcJ)\xba(ZQ\x9d\xdd\xc1$\xcb\x99\xe8\xea\x1f\xb4\x9d&lt;#\xc7\xa4l\xccAm\x83\xafa\xbe\x184\x0c\x15\x8d\xc9\xfeqI\xbe\xce4\x89\x965\xa36\xae\xf4\x1a\xc4\xed\x94\x84\xcb5\xa1\xb1\x12\xdeJ\x86g\x12\x0bHV\xff\x17\x9d\x86\x0e\xea\x94\x00\xe0\x9d\x03\x15N\x9a4\xe9&lt;\x89\xd4\xbb\xb7\x0c\xd1\x96\x17(\xb2\x92\xca\xd9Z\xad\xb6b9\x82\x00\x97\xf5\xcd:\x0f#\x15\x0b\xa6\x9b2l\xe3\x8acm\xfd\xa4y\x1dZ\xb8\x1c@4@\xb3\xd6_\xde3\x1b5$DO,\x19\x86\xc0n\xe8\xe8b\xdd\xe3\tnW\r\x174w\xba&lt;U"\xa6\xa1Z\xda?%\xacV7\xd3-.\xb5\x1d\x19\\\xc1\x8e\xd32h\xa7Gx\t\xc0z\xe1\x10\xda\x8bM\x9d\xdd*G\x90\x9b\xbd\xcd&amp;H\xbf\xb4\xc9\n\x00=\x0e\xaa\x8e\x84\xc6\xa6\x96i\xad\xd6O@g\x80!{z)\x1e,\x93&amp;]:\xc9\x1a\xb1\x87\x06\xf3\xbd\xed\xdaG\xeb\xe3e\x8d\x19\xba\x06\xb8\x1d\x98\xa6\\7\xf4\xecre\xf0Q\x87+\x9a\xbe\xceP\xa1\xed\xf0P\x97\xbaX\xe55\xd8kn\x87\x16n\xee\xaa\x88N\xa2?t\x83(k\x88\xa0\xf6\x15R)\xa6\xc3\x87\xe1\xdb\x12\xf0:\xf0\xb4\xed\x99[4\x7f\xf8"\x17G\xd2DM&gt;\x1e4d\x84h\x01\xf03\x1d1g\x16\x86a\xbd\x04\x12\r]\xc7\x80B^\xe8\xc6 \xa2\x9d\x12\xd7\x8cZ\t\xea\xf0\xce\xc8\xb4\xc1t:\xcd\x07\xe8V\xb0\xbe1\xa3\x04\xf6\xecQ\x9d;i\xd2\xa4\x16j\xaaY\xa7\xb0_\xb9\xba\xd9=&lt;\r\xc7\x11u\xd7\xf11\x86c\xd6L\xce\xd1\xa8\xbaIY\xb9vOH\xd2\x17\xa9\xd0\x9a\x92-m\xc3\xfb\x0eD\x96\xfa\x9a\x9b&lt;:\x8e\x96k(\xbe\x06\xd5fxD\xb6\x0b\x12qv\xdd\xe4\x1cI\x8fS\xd3\xc1\xec=C\xea\xcf\rg\'\xdc\x8dFZq\x13\xb8z\xa0s\xd7Q\x00(\x06\x07Rq\xe9\x13\x91F\xc9\xd2\xe39x\xb6Y4\xa2\xac\x9d\x19\xf1\xb8\xcd\xbf\x01\x984\xe9,\xc8\x7f\\R\xa1O9Z\xc2\xca\x15\x12\x00\xc0\xeb\xcdR\xb5\xfe\xe2w\x0f\xce\x96\nXL\xf0\xbdO\xf3\x1f.\xb8\xab\x83r\n\x91sJ\xfe\xeb\xb5\xd3\xa3\xea\xa1\rp6\x9d\xff\xd8\x0e\x18fD\x84\xeb\xd6\x11\xca\xae\xcf\x7fM Z6\xb5\xdag\xc9)\xbfr\n,p\xe5\xf5\x8e\xb0o&gt;&amp;\xd1\xc2\xd9Z5\xab\xc4\x13*\xa4v\x83G\x84\xdb\xd3\xab\x18\xfe\xb8\xfe\xb1\t\xb6\xfc\xedJ\xa79\x9fk\xdd\x8ah\x8f]m\x1f\xc7\xc3\x1b=&lt;\xf5_\x0e\xf0\xd7\x9dgV"j5\xdc\x0fo\x02\xf8\xe5\x91h\xb6qm[-\xc3\xf2\xac\r\x85A\xf5\xbfb\xd2\xb4\x06\xc9\xdd8u\xe2\xb9HD\xfe@\x1c\x00\xe6\x06`\xd2\xa4\x0bE\xfb\xda\xf4\xd7\x97\xb92\x17#\x84\xe7\xf5\xcd\x1f{E\xbbJ\xd9\xec\xcb\xc4\xf57\xf2\x17\xe4LTY\xa7\xb6\x8e&lt;:\x95\x92\xb5\x11\x12C:@\xd5\xb9\xe1u\xbf)\x86rw\xb7\xa1\xca\xff\xf2e:\xbe\xbc\x13X\xd0S\x95+\xcbVUD\x9c\xcf\xd9\x92\x00\xd27E\x11\x86\xf1\x17\x14\x11q\xb55\xee\x7f,-%\xbc\xaaDN\x8c%+\xd2\x8fq\x8d\xcd\x18b$\xd7\xf3\x1a\xcfZ\xd2\xb6e\xb2\xc2s\x82\xd5T\x0e\xc8\xf0\xf5w\xcfJ\x11\x01\xe0wU\xc1\x90\xe7\xee=\x04\x85\xfb\\n\xa7\xec?\xdb@\xcd\x1b\tL\xcf\x106&gt;@\x84{,\xdb\x86\xc4\xd7\xac\xd2\no\xff\x91]W\x07]\x92\xd6\xf3\x1e\xe9]\xbf\'\xe1%\xe0&gt;\xdb\xa4I\x93\xea\xb7t=)\x00\x80\'\xa9\xb2\xfb\xf3\tUE\xa4X\x18\xf3z\x14\x1e]\xb6\xba\x07f\xdam\xdfvs.\x8e\x92\xc0\xfd\x03\xe5\xaa\xb6#`\xb2\x92\xabE\xf5\x948k\xf7\xfa\x87DLE\xc0\x0c5H\xf6\xe3\xf9J\xa6\xa6KI\x0bm\x86^h\x9a\xab\xec\xa5\xbd&lt;\x1fM\xf7\xdeR\xe2\xc4=\xdev5s\x81\x9b\xb1\xc3{S\x8c\xf1\xa1t\x9d\xb5\x84v\xe0\xe9\xb4\xd8\x90KG\xbd\x0e\x94\x97\x8a8\x90\xbf\xbc\x0f\xc0\xa4\x9c\x8a\x9bM\x83\x88U\xa7x\x10\x10\x11^~iX\x19{a\xef\xed\xd3I\x93&amp;\x9d\x03\xf5\xcda*\x7f^\x8e\xc4\xeb\xa9(\xd1*\x8c(\xb6,NT]!\x08\x1ezC\xe1\xeb\x19\xa2p\xd1zX\xc3IH\xef\xeb\xdd\xeb\xb3\x84}&lt;\xe6\xf947\xb4\x0cj\xd7/Tp\xc0m\xeb\x12K\xb0\x15@+\xdeV#A\xcd@\x06\xefo\xe7\xe7yjF\x8f\x0c\xb1\xc3\xc3\xb3Y\xd0wD\xac\xc2\xdbV\xa5\xbb;?\xd2\xe7Q\xdb\xea\xbf;n\x85\x06\xa3\x14\xc3}\xcdq\x11Y\xfdg\xe5*\xf5\xc1\xa6\xbaw\x9c-\x1b\x00D\x04\xb8\x85\x83\xe10\xb6\xb3 \xa3S8]J\xeevL\x9at)\xa6\\q\x9a^\xa1\xb2KQ\x91g"~r\xff\x8b\xc0\x18u&lt;\xd5\xa0*\x14zV.\xa9\x9f\x8a\x1fyN#\x06cg\x0e\xfe|\xfeAT\x80\xea\xeff\x1f&amp;\xa1V\xba\x7ffO\xb2\x16=\x08\xa7\xbd\xe3\x1e\xe98U\x0e\xb6wN\xc9k\xad/\x96jL\x0c%\xf3;4\x9c\xa27\xb5\x9c\x81\xedo\x15\x10\xdd\xc8 \xe2\x0b\x01nu\xec/\x8b\xce\xeeak\xd4_\xa1\xc5 \x1d\xfcC\xa9\xd3%\xff\x98Z\x04\xe4\x15%\xb1\x97\xb8\x19I\x0b\xcekE\x16\x96#\x81\xf5\t\xd7\xe7\x88\x1c\x0c\n?A"\x04\x97T\x87"&amp;[\x9d\xc1\x8b\xb3\xa2\xde\x1c\xff7\x80\xf7q\xd8\xe6\xdf\x00L\x9at\xb1\x89\x94\xa4\x07\x05\x05\x9c\xad\xff\x9d\x06&lt;\xdf\\X\x8a\x1e\xd8\xe8%\xbe\xf1y\xebaG/\x11\xb3\xeb\xd1Q\xec\\s\xfb\x13\xea\xa0}\xe3\xe6\x86qI\xe1\xaa\xa8/\xfb\x85O\xcc\xe7y\x82UD\xfe\x82&gt;ok\xfc-H\xf4\xcf\x19&lt;\xb2\xe2\xbf\x1d\x85R6jZ\x1a\xb5:q\xe4\x00\xaf\x99c\x7f#\xef\xad\xf3ne\xfc\xdd\xac\x9f\x8d\xeb_\xa0\x0f}\x03`\x95p\xb7\xacP\x0f\x90\'j{\xa7\xf4\xcavE!\xf2\xff\x8e%|\xbe\x9e\xd6\xb70\x1e=\xe5q\xc4\xd7\xbfGO\x84\xef\xc4\x1d]\xf1\x9d\x85M\xf0&gt;E\xfcq\xfe"\x05\x9b\xd3}\xa5u\xe8_]\x17\xe4\xad\xfe\'M\x9a4\x9e\x8a\n{\xf8va\xeb\x8dQ~\'\xd5}\x90\xa6\x0f\x83J\x95\xdaG\x976\x0b\xbf\r\xc0\x82g8u$\xc2^\xa0ba\xdf\x1do\xed#\x80\x9b\xb5\xa6G8\x13\xcc\x1c\xa0\xc1\x0f\xaa\xaa\x81\xfa\xda \xf8K\x02\x99q\x8b\xc8ZOJ\xd0\xd1\x91\xd5j\xca\x1b\x8c\xb6\xc3;J&lt;2eR\xd1\xaf\xbf\xcc\xb6\xcdf0\x7f\xd7q!\xe2\xe0}O\x12\x04{\xcf\xbf\x9b\xe3\x0c\x9f\xe6\x96\x88%\x01\xee\xcd\x93\xeb\\\xf6\xe1\xbc\xef:Uh\x94\x19&gt;\xb5\xc7\xc7\xc1\xd1\x90\xd8Z \xf5\xe0\xb7\x98?\xb2\xa6\x84\xd6\x87A\x84\x88\x08\xd7\xbf\x04&lt;\xaa4i\xd2\xa5\x8d\x10\x11\xde\xbd\x9c\x1d\x01\xbaF8\x02\x00\\n\xabD\xff\xa0j\xe0u*Z\xb9BUi\xc5@\x14\xa2Z\x1c[\x0b\xa5\x0b\xd2\xbc\xaa\xce7-\xa6=@&gt;\xd0\xa8\x96\x96i\xa3u\x8e\xe1\xee\x93\x08`\xdeP\xfd\xcc\xae\xed\xc1\xcdq\x16l\x83\xd6(\x9b\x95\x93LHN\x0c[s\xa3\xb5\x07\xe3:\xe3\xec\x8dj\xcf|\x8e\x0f\x84\xe8\xf7FD/;\xe8\xf7\xef\xc0\x9e\xaa\xe9\xa4H\x18O\x18\xc6\xa2\xe1o\xc7\xc3\x0e\xd3\xf1\x9cA\x8bT\xbe\xf3\xba\xdf(\xb1\x91\xcfAH\xa3\x90W\xf5\xf0\xd3\x8131:i\xd2\xa4\xb3 \xb6\x86\xdeZ\xdb\x96\x05\r+\xd4O\xe8)"M\xeb\x9e\xfe:%\xea2\xdbE\xe8\xb1\x02\x80{\x1a\xf3\x8d\xfc0\x84\x9c\x89\xad*\x14\x8c\x0fQ~\x9dVH,\x02y\x86\xa3\xecq}P\xcc\x8e\x99.7*\xa4\xedS/W\x10S\xae\xb47\xe7\xea!\x9c\xba\xbe\x16m\xcd\xbb\xc1&gt;T\x87\xe9\xa4v\xaf\x00v\xb6\xef\x08*=u\xa8@\xf9\xedG"_\xe6\xe4%r\x95\xc6\xfb\xc5\xd9~\x9f(?\xebcJ$\x8f\xcc\xa7s\x1b;\x92N\xb1\x01\x984i\xd2\x85\xa1&lt;W\xd1z\xd4]\x1f\xe9\xe2f\xc8z\xe5\xcc\x8a#5\xf1\xd1\xca\x8ehi\xf9\xd6\x10\xc2\x13\x80\xd4\xa6\x89\xe6Sd\xa6\'b3\xe2\x8b\x85\xca\xb5b/eJU\xc3z_\x8f\xde\xe6\xe3\xde\xd8\xb6\xad\x8a\x18u\xa0\xb48p\xc9 \x0cEre8\x9f\x08\x1c\x8b|\x91B\xee\r:G\xba\xc3\xa8\x15\xae2\xda\x8fn\xd5L\xb5l\x07:\x91\x81p\x11\xb37R+\x8e\x8c;C\xf6oe\xa5j\x01\x89\x92\xe0\xbd.DlI\x92\x9f\xee\x86\x89&gt;\x88.\xe6\xdf`M\x9at)!\xd4~\x87\x04\x11S\xfaP\x80\xbf\xebU\xb9\xff\xa5\x94\xaa\xbf[-\xa5S\xfd1Vi\x87\xfexB\xf6\x05\x11\xe5\xcf/\xa8\xe5\xbe\x1b\xa4\xd5/*\xf3\xf2b\x9a\xbf\x00\xb8Q\xc4\x1c"$\xfe\xbb\x16\xd0\xfe\xeb1\xaa\xea\x7fD\xb8\xd6\x80\xae)\xd0-\xc0\x8e\x03\xdez-\xb4/k\xfd=\xab\x8e\x1f\xd9\xc8\x1e\xa9\xb6h\xb2\xc1\xb0l_m\x9e\xcd_\xacV\x91\xd3&gt;=\xf5\x0f.Y\xd6\xbb\xed\xee\xddg\xe4\xa1\xdf\xbf]T\x94V\x1b\xcf\x80\x1f\x1f\xdb\x94TSz\xe1Wy\xda\x86\xc3@*\xf2J\x7f\xb7W\x85\xe1\x88\xfe\x90re\x96\x11\xad\xbd\xf0\x86\xd3\x90\xd4\xf2-,?\xe9$\xf5\xcf_\x01\x9a4\xe9\x84D\x86\xdc\xbe\xb9O)\x19\xab\x7fR\x9f\xc4!\x87u\xea\x118h\x89\x1c*\xac\xbf\x1b\xb1\xfc\xe0F\xcb\xaf\x8e\xc0\x8b\x9bNz\xc4\x8f\xaa\xe5\xfb\xeaP\xdc5\xae\xfdleo\xb9$Ad:m/\x10\x9e\x17\\\xfd\x83\xb9\x16\x19q\x90\x97&gt;\xe0\xd8Kj7\xc7\x0b%\xcb\xb9\xbc\xc6\xdca!E\x16%\xa9\xf8i\x91\xfaI\xe1\x86\xb6\xd7q\xf1#H\xe5\x1ab\xe0\xbc{|cFn\x98T\x7f\xc3\xbb\x96\x0c\xc5\xc5sZ\xe8`\xa8@\x99\xe4\xecB\xf7W\xc4vk\x97*\xed(\ryEt9\x1d@ a\x16\x06\xe5\xef\xec\x97\xd3\xf0R\xdb\t\x89\x1e\xa5\xaf\xc8\x8c\x81s\xa4\xbb#\x94;\xc1\xdb\xfa\x96\xfc\xf9\xe3\tay\x10*\xc3\xb91\xb5:\xee\x12$\xf9\xf3F\xa7\xee\xa6I\x93&amp;m\x14\xb8e\x99Y\xf3\xca\x8b\xf1\x9774\x8b\xc6\x11vk\xb0l%*\xb0\x00\xaf\x90r\xf5\x14\xfc]\x1e\x05]\xe0\xd8D\xed\x8e\xc4\xd3s\xb3\x1d6\x8e{\xca\xcb\x83\xf7h~\x87\xfd\x00l;\x9e:*\xefW\xa1\xe2\x16\xd9w\x194D|\x8a\x82Dn\x05\x0fF{\x7f\xe4\xe0\x98\x9eK0\x95#\x88_\xbc\xce\x98\xc8\x8c\x19\x1a\x97\x00\xd2bh|&gt;\x91}\x9a\xcf\xf5\x19\xc7\xee\xfa&amp;[\x9d\xc5\x07\xbeE\x7f\x9cF\xd4\xa2\xd3\xc4\xadT~\xac\x90J\xc5\x03T\xbd\x8b\x97\xa6I\x93\xce\x90Z\xd6R&gt;\x9b\\\xb8D\xf8/\xc6\x1c\x89\x88\x08\xaf@\x95v\x06\xa8L\x1b\'\xf2E\x87e\x84.\xd8\x8f \x1e&lt;\r\xc3\xf9#\x15[Lv?\x14,#Y\xb8\xa3\xa1B\xca\xd6\x04\xdb\xe92_\xd5\xda\xb8\xb4\xb7\x85H7\xc2Q\x855\xf0\xe5\x94)\x1b\xd0\xd9\x18\xbdK1\x91\x08\xfc n\xbdL\xda\xcf 8\x15+C\xfahtG\xab\xaa\x94\x15m\xda\xed:\xd6\x07a\x8b\xe53I{\xc1\xd94"\x9e\xdc\xbf\xfaw\xad\x9cl`\x8a\xea\xaa\x98&lt;jt\x14\xf2+\x1f\xd60i\xd2\xa4\x1a\x89\xd5O\xbczz\x8b*\x95\xbf\n\xa1\x19\xfdi\x085R\xdb;4\x9b\x11\x0e=%5\xfe\x97"\n=\xc7\xee\x00\xa8H\x94\xbc\x12g\xfcL\x8d\x90\xf50\x9f:s\xa8~D|\xd5\x81\xf3\xc2\xa1\xb8\xfaI\x8b^\x11\xf3s\xc4v\x11(\x8f\x05o\xb4\x06\xd44\xed\xc4j\xd7\xc7l\x00\xaeu\xe2\xceED\xb81\xdf\xe2\xda\xe0\x912\xa9\xdb\xfb\xad\xf1&amp;\xa7B\xcc\x00\xedv\xef6\\73t\xecvb\xab\xe0\x1ej\xed\xa2(\x08\xef\xf2E`\xd2\xa4K;!~r\xfb\xecBkD}r\xe2\xeb\x0c~\xc5\xfaz\xbe$WH\x14\x9e6?U\xf4\x19\xa7\xecG\xcf\x92\xeb\xf1o\xd7\xd6*naR\xf5\xe7&amp;v\xed(\xe8\x93eN\xa1?\x7f&gt;\xdbD}\xebPs\x8b\x0b\xdf\xeb\x0e\xc6SR\xd3\x92\xfa|\n\x82\x1c\xda\x07G\x87\xa6&lt;\xaayL\xcae+\xff\x87\xaf\xb3\x0f\xa9\xd5\x8cD\x1a\xcbK\xf9\xfe\x80~\xc8r6\x99y2\x8b\x98\xeb\xbfj\xb3Wg\x0bw\xc0#\xe2\xf8\'\x9fa5\x984i\xd29\xd1\x81\xa9\xa5\xa1F\xdb\x0ck\xf5\'\x97\x10\x9e0\xac\xee\x1c)a\xeb\xb4d\xf8\xd8&gt;U\xf0\r\xc0\xeex\x07\xc8\xc1\xb3c\x01\xe9\x10\x0e\x86\xcah\x7f\xc7\xe6\xf58\x17\xc0E\x8e\x00Oh\xd3U\xa0*\xe09h\xfb\x1c\t\xe4\xc0\xd65c\xa2\xa4\x07|P/\x04\x10\xb0$\xb9\xbba\xf4\xab\xfbr2tO2\x0eRb\xb6\x85\xfe\xa0I\xb7f\xab%\xaf\x10\xe1\x97\xf1\xddc\xab:\xc8\xff[\xe9KBg7\xedd\xa5\x96\xda#ET\x0b\x86\xb2\xf1\xacV\xa2&lt;3G($\xdd\xedd2^\xe1\xa4&gt;\x86=*y\x10\xbe\xf4\x0c"\xbf\x03\xfb/{\xe4\x9e\xffO M\x9ati":\xd4\xbb\x7f\xa6\x86\xb5\x98z\xde\x82\xf8\x1e\xc6\x0fe B\x02\xb4\x7f\xd5\xee\x08\xe1\x88\xdf\x1een&amp;\xfeS-*r\xdc&lt;E,\x7f\x0b\x95\xf1\xf5\xc2\xe3\x9a\x86\xfc\xe4\x1f\xd5f\xbbV\x91-\xf5\xac\xff\xe51\xdc\xae\x1dO\xc2\xd1\x84\x0c\xed\xf6\xb3\x9ep\xda9H\xc4\x91\xff\x14\x86ui\xbb\x1e\xfc\xb9\xc6\xac)}3\xc0\xc3\xd7\x81G/\x1dI\xc8\xad\xb7\xcd\xdfCL\xe2gg\xf7\xe0r\xa9\x9d\xb1\t\x92\x9fQ-\x05\x81\x03\xa0^X\xdcM\xe3%\xd7C\x07\xb3\xa3\x96\xe0\x01\xab\xd3\xed\xdaU\\\x198\xf46\xc0\xb0\x8c#\xff\x97O\xfd\x90\x9e)i\x85L\xfc\xfc\xae?\xb8\xd6\x1f\xb0\xb4\xb4.\np\xffZ\x9dG*c9@\x88\x08w\x02x\xe6b\x11\xda~b\x8bv\xe51\x18u+\x94\xd4d\x98?\x03:i\xd2`:\xf8\x83q\r\x82\x97O\xb4\x8e\x14\xa7\x11\xa9\xfbw2+4\xee\x08\xc7$;z\xd9\xd3\xa2vf\xe6\xe7\x1d\xc55&amp;^\xecXHnT\x9cSI\x13Y\xfa\xb4\x1c\x16s\r\x97w\x06g5\xefG\x1c\xd9\xce\x1c\xd9\x12\r\xac\xdf\x0c%\'\x85\xfa\xe9fC\xe8\x12\'v\xb5\xaa\x80\x1c\xa4\xf2\xa3&gt;y\xc8\x9a\xae\x06\xf0\xf0\xc4\xf8\xbaKA6\x88\xe4\xfe\x82\xc5\t\xa5\xaf\x90\xdeL/1\x85\xc3\xa9\xc5\xc1\x9d\x97\xc1\xb6\xb8\xc9\x1e\xccQ\xaad\x92\x89\xean\xc1(x?\tZ\x15\x19;\x06\xb7c\x8f5h\xbe\x03;\xbc\xfb\x0c\xb8c\x03\xbf\x8f\x88\x08\x9f\xd5\xa0*\xe7\xaa*S\x0caQ\x1c(=n\xb9*\xd2x\xf9\xb0\xe5\x86\\\xdf\x0bs\xc5\x1d\'\xf8\xaa\x11\xc3\xe0\x99\xf9S\xd7F\xfav\xca\x9d\xa7\x91\xe3s\xaf\x04\xff\xc0\x7f\xb0\xf5TU`\xd2\xa4IC\xa9e\xad\xb3/\x9b\x1amX"K\xfb;\xf3:\xc7Y|\xf4\x18\xdd\xea\xf2\xc9V%\xb6e\x070\x96\xd4\xaa\xfdu\xe4\xde\xb4\xb3d\x8c(W\x98\x979uo\xd9\'\xd1\x8e.\xb0L\xb5JF\x1e$@\xc4\x146\xf1\x01\x07\xe2?\x96PP\xb9\x92\xb0r\xe9`w(\xc6W\x85\xd6\x0e\xc4\xfd\xb9C\xcb\x9dn4\x9d\x0ei\xfaF\x04\xaa\x99&gt;\t\xf1\x8dv5\xebus\x15ay2\x8ed2z \xdd\xfc\xec\xb4\xea\xf0\xa8R\x0er\xd9\xcap\xb2\xab\xcf\x11il\xe1\xa4\x8d\xdf\xae\x81\x1f\x94\xc0\xd4\xe2\x95\xdb\x85\x10\xe0\xea\xea\xb5!\x98\xaaL\xe72\xee&amp;M\x9at*\xaa\x96\xe9\x85+\xf3r)&amp;\x88\x88\x88\x8f\x11U\xdb\xd69\x9eL\x8b\xf5*yCK\x84\xce7\xfeD\x12p\x1c\xec\xddKh\x83Q\xf3b\x9b\x12\xee\xba\x03f*\xe0\x07ww\xaa\xdaT\x1c\x00p\xbf\xa8\xb3C\x08o\x1fw\xfc\xccID\xd2K\x86j\xd8\xab\x03\x07\xcb\xb4\xd4\x12\xdb\x8b\x03\xd1\xff\xf2\x88\xf5pVw\xf8R\x97\xb5\x15\xfeN\x87\xce&amp;\xd3\x9b\xa1\x7f\x0b\xf2\xb6Z\xf9";I|{MV6\xcd9\xeb*\x86\x08\xff!\xf2\x9d\xb2:w=\x95\xa0\x00\xbe\xa0\x00#"\xd6\x7fV\x02\xf6\x08:\x92\xb7RU\x01\xf2\xc7;4\xfb\x1e\x8d\xeb\xa9Zb\x9c`\x83:i\xd2\xa4\x1e\xaa\x8f\xd8\xa8\x16\xaf\x1e\xe9W\x9d"\x8b\xe2\x9cF\n\x9e\xb2\x8e &lt;\xa4Y\xb9\x84*k"\x92\x0fj\xb8\x16f\x95\x9cY\xca\x02\xa0"\x84_\x89\xbb\xa6\x9c]\xed&amp;\xec\xees\x1c\x948}\x1f\x01\xf1\t\x1b\xb3\xe3\xda@\xf2cxR\xcb\xb2\xa5\xda\xa7\xbeB\xbf\x0b\x98\x8d\x15C\xfd\xc0\xf2^\xe0\x0e\xdeU\x8fn\xf3Lc[\xcd\xcfv0\x9bTU\x109uCm2\xe4sB\xf9\x83&lt;\xcd\xb64\xdb\x87\x95\x1c3\xdf\x0f\xe0YY\x87\xaa\xf6k\xc2\x1b\x18%\x9eE\x8f\x1c\x0c\x91y`\xd4\xach\xd8\xe9{\x01Fdzdg8i\xd2\xa4S\x92?\xd2\xe4\xa0E\xb2 \xe8(\x13\xaa\xb9Ry\xc3\x06@\xf2\x00|O\\\xaa\nuP\x1d\x14z\x15TG\xa1\x9a=E\xbf\xe6\xf5q\x8b\xa1!\x85\xd8\x08\xe6\x0eL\xa4\x16\xc8\x98X\x1d\xca\\vx\x8e;BU\xba\xe9\x81\xd4\x8b\x81F\x8d \x1c1\xb1\xe7F\x953\x7fzq\x16\xa9\x06v\xeb\xdf\x03\x08OI\x0f\xf2\x0bE&lt;8\xa0\x0e\xc4\xa0 \xc0\xf7G\x01\xdb\xc6\xe1\xe3\x859\x05O\xb4\xa3\x1b]\xf0\xa1\x1d\xcd\xcf\x02\xc9\x85H\xa7\x05\xc3\xfd\x8a\xef\xed\xb7;\xc6\x04Y\xc9\xb72i\xdf\xd94\x97\x8d\x89-\x83\xd484\xce\xbd\x7f\'M\xbat\x931\x1a\x95IL\x1b\xba\xe1\xb9\xa4\r\x88s\xb9AIC\xa1i\x83D\x1a\xbb}o\x13t\xf1\xcb\xf5\xaet&lt;C\xfdc\xc7\x84c\xe5\xe3\xdb\x03\x18\x8e\xf9\x1e\xc9PO\x99}Zh@\xc4\x17x\x01a\x82\xac}dJ\xc3K\xfb3\xd0TZ\xe6\xf9\x11u\x00\x00\xf0A\xfb\xf8zp\xdb\xb6\xf0\xe0\x10\xbb0\x14q\xa1\xed\x88\x97\x94\x88q\x911\x11\x16\xbf\xab\xcb\xf0|\xaf\xc8\x99\x96\xce:\x9ecc\xa8@^\x84\xf7\x02Q=\xb6\x19\xf9\x15y7\x85}y\x9b\xaf\x9e\x99\xba\xee\xe8A\xda\x02U\xdam\x02s\xab~\x94\x93&amp;M\xaa\x925+h\x13\x06\x9b\xd5v\xde\xb1H\x9c\xab\x7f\xd5~3\xbd\xea\xa07\xb7\x05\x82\xe3\xc8U\xa0\x86\xf9[\xb5A-\x98\xadV^H\xfc\xbdm\xdb\xb2\xde\xa6\xdf\xe2\xf1lH$\xdb;\xd9S\xd7\xb0s\x00\xec\xfcwlGA\x925%\xd1\x7ft\xb0\x08o\xba5\x17.\xefz\xbe\xac!m\xae\xd7\x82\xa15!\x87\x93m\xfd8*\xb3rB\xd7`\xb4\xac\x18J\xb8\xad\xffQ\x0e\x01\xb8\xbc\x9a0\xa6\x0bR\xbb\xda\xda\x8e\xff8)\x07\xc9\x05\xa6s\xdf\xa8\x9c\x18@{"!\x94o\xb3\x01\xf8\xcb\xe3\x18\xdc!\x83p\x19\xb5\x9bD\xa9\xb1\x94xY:i\xd2\xa4\xc3T\x8e\xae\xe8\x14n)\x0b\xb6\x1f\x19\xd2\r\x15A\x99\xecPo\xad\xb9\xac\xb3\xbd\x0f\x137\xc5\x9a\xbcs#\xff)\xf0U\'-\x85\xf5u\x9b\xe6\xb2\x17LD\x04\xf8@U\x17\x95\xbc\xb5\xd0fa\x90M\x0eZ\x1b\xb9\xb7\xfa\xafwY\xa9\xbc\xc2|\x8a\xbb\xfc\xe0$\xf2\xa1-"\r\x11z\xbbb}PG0\x8cq\xbf\x9bJ\xebZb4\x85\x91\xa6\x01\x93zf\x19F3\xfd\xfa\x9c\x00\xdc\x1e\xa6\xdan\xee\xd5\x92\x81&lt;\\\xf78\xfc\x1e\x0fI\xe1\x94\x0f\x04\xce\xf9\xb6\x80\xf4\xb4g\x14\x8c\xa7c\x00h6\xdaW/4\x1d\x05\xc9G\xe5\xa4I\x93\x86\xd3G\x17\xa5\xb3c\xcdZ#c\x829`\x82",\xc0\xdb\xb5Rx\xa4\xef\x04\x1c\x9b\x0e\x12U6\xa6\xd6\xd4X]\x8b7\xe8l\xb1\\\xc3\xb5\xc6\xedF\x88\x80\xf8\xaf\x9b\x88\x12\xca\xa2\x83\xcc\x83C#\xfeu\xef\x9a\x02[\xed\x8b\x96LP\xe4Z\x93\xf9\xc9\xadYa\x9bv"\xcf\xd8\x0b\xc0\x9a*K5\xc8N\xd4\x0c\x1d\xf6\xe8\x1c\xa8\x8c\x18O\xc8\xa0\x82j\xba\xe6$\xd9\x98\xad5w\xe3I\x81{\x9c\x81\xbb\xb9CV\xaaq\xd8x&gt;&lt;\xc0u\x9a\x0c)&lt;u|\x07D\x84\xa7\x9eE\x96\xe6\x1e?\xa8\x81f\x0e\xf1\xeb\xe1\x91\xac;3R\xbb\xb5\xec\x82C\xdb\x80~\xd9I\x93&amp;\xd5\x88\x15\x97K\x00Q\xa8b\xc2\xbbm\xab\x9e\x13\xf9\xde\xad9"x\xf6\x9dE\xa7U:-\xb1\xab\x1axs\xcd\x9d%\xd9\x822\xe2\x9a\x15\x01S6\xb6\x8eAD\x80\x9f\xa8Zg"\x16\x92\xbd\xfd\x94\xd9eG\xbe\xe0\xcf\x1f\xe3\xa1@\xe3D&lt;\'\xc00\x7f\xce\x8fX\xb8\xaa\x91\x94\xcc\xf4\xbc\xfc\xb1\x9a\x94\xa2\xca\xe2\xe9\niS&amp;\x8c\xa5\x98\xad0\x9e\x11\xb0E\xf6~.\xbb\x92\xbf\x9et\r=\xd0\x0b\xa7O/\xc60\xbc\x96s\xedl\xf2p\xd2\xa4I}t\xa6\x13F6\tr=\xd1$o\xdc\xf5\xeeFDU\xc78\x03J\xbbQ\xd5\x04\xd7\xabc\xfa\xab\xe1\xb4;\xc8\xdc\x82mu\xa45PC#P\xe8UmY\xa7\xb6N\x17\x93\xf6&amp;\x90\xf58\x94\t\xff2b\xab5\x1a\xb7W\xa5\xd8\x80"\x9f\xf5\xfd\xc0%\x90B\xe3+\xe2c\xc1\x83\xec\x19kK\xdb\x89\xa2GM;\xb7\x1a\x8e\xaa/[\x1f]\x0b\x947F,\xd6!8WU\xe2~\x17e:d\xe8\x94\x84\x06\xd1&gt;\x1d\x13\xae\x13\xd3\xc5G8i\xd2\xa4\x862\xdd\xa4\xd4\xb2\x94\xeb\xb2]\xa9#\xcaY\xa1?\xba\x01\xd8"\xf0m\x1c-g\xe0\x9f-\x84\'+\x7fY\xf3\x91\x9fGX\x95\\c&lt;\xc2\xb6%/\xac/\xdbr\xa5\xb4C\xd3f\\U({\x7fE\xb7:V\x17\xc7\xf3D*T\x0f\x92\x99\xc5#\xa9\xc5\xc7N\x08\xd4J\xf7\xee\x1a\xadGhxG\xd3\xa2\xa1F\xa0/\xb6{X\x8c\xbb\n\x87\xcb\xecy.\xa4\xe2\x89\'\x9d\xad\xf9\x8b\xd4\xc0h\x9c\xe6\xd6\x1d\xe0\xcf\x0f\xda\x1aO\x1f##\xb0\x07G]\xfd#\xd9\xa5\xb7\xd9z\x12\x02\xe0\xc3"]\xf9\xd5\x85\xdds\xc9\xc3c\x03g\xd2\xa4I5Z\x07\xd8\x07\x8d\x19c\xd6\x88\x15\x8d\xfa$\xe1\xd45:\xbb\x8c\x02\xca\xb1\x95\x85U5T\x9bc\x8e\xde\x01p\xea,\xab\xfe\x9d\xa4k\x180\x01\xb7(\xc1\xa0/\x07&lt;m\x08T\x98\xb3\x9c\x11\xdd\r\x80\x1f\r\xca\xb6\xc7\xc1\x9e\xec\x8bp\x1d\xd8\x004))\x06\xe3\xa8q\x17\xa6\xc6\x8c\x8aj\x85\xa2\xc2\x0c\xd0o&amp;\xcfG\xee\xd1~\xfc\x81\xd0\x9dq\xd8\x17\x9b\x00\x0f\xa0\x00\xaaE\x0f\xb6{zp/&gt;\xaeMAD\xb8m\xa8\x08\x14"\x8e\xf9XI9\x05\x1d\xb4\x1b\x97\xd5\x0b\xc2v1j\xe8\xd6\xf5W\xf0\x9eK\x18U\x0c\xc1b5i\xd2\xa43%\xb5\xb2_\xd7(\x1c\xb2\xa08UF\xd6\xb5\x81\xf5\xdd\xd3p\xf7\xedR\xdd\x90w\xc8\x84\x88\xf0\x1d=G\x89\xd5\x98\x10\x86A5\xf1&amp;\xe6\xb6*\x17_}\x8e!\'\xa9\x8f\x8a\xf7\x08*\xbdy\x8a\xf9\xe6\xa4:\x0f\xabe\x1a.\'Z|sM\xd6\xaf\x92E\xa8\xc2omp\xe1\x1cg_\xdc\xfe=\x05\x06\xbe\xdd\xea\xd4\xe2\r\xc6\xeb\xc0\x95+j\xe3\x19\xd5\x97xv\xc5xj\x13\xa4\xbauc%j\x8fq\tL\xd3\xff\xdd\xb5\x8d\x84f\x05O\xbbjD@|\x19\xd5o\xd717n\xe4\xb5\x8c\x9fx|\x030\x8cb\x9a\x07\x1f!\xa9\x00N\xe4\xe0\xa4I\x93\x0eQ\xcb\xf84\x0e\xf5\x11\x11\xf1\xeb,\xf1b:a\xe5`\xc0\x06\x80\xe3y\x04o\xec7\xd4[\xb3|\x1f[\x0b"\xf3\xc5\x95R4\xab3\r\xa2\xf1\x10\x97\xa6\xfc\x1f\xdc\x15\xad\xa29L+\xff\xbd\xea\xc7\x81\'[\xbc\x1eU\xfbBD\xb8le~\xed\x88\x8cT\xb0u\xcd\x7fA{\n\x1d\xa5A] \x95\x0c\xf2b\xcc\x06\xa0\xdd\xe8nR\x1d\x12\xa6d\x8f\xcb=Cl\xe8\xf0\xf1\xbd\xd3L\xdc\x94\xf75U\x04\xf0\xf5A\xabw8M\x87\x96\xbe\xe8\x053\xb7W\x83\xdf\xda;Z\xbe\x9c\xc3\x01\xb9\xf6\xb0\xe2\xc5&lt;j\x994i\xd2h\n\xceX}\xd3\x0f\xc8\xa9\xce4g\x9e\x94\x07\xea\x11\xd2\xe9\xa7T~&gt;u\'\x18R)\xe5\xa8\xa2\xdf#\xa6\x01\x94\xbfh\xb4\xba\xdb\x8f\xb3t\x04\rj\x9d\xc0\xec@a\xde.\x96\xc0nY\xd5\xd7\x04\xe0\xd4dE\x1b\x11_\xdd\xbePX\xbe\xde\x93vq\xfc\xaf\xba\xa1\xa7\x83\x18\x86\x0e\xd9\x98\xe2\x90#\x0e\x80\xa0\x86\xa1\x14\xdd\x15\xbb:\x9ak\xa9\xa3\xd3\x1f\xa7A\x13G\x00HV\x17\xe7us\x83\xaf\xab\xa5g\x8d#*\x07\xa2p*\xdeh\xe9\n\x01\xcd\xccM\tsI\xa5\xcb\x9f\xf9\xf0\x9c4iR\x8d\x82u\xa7\xbb6mR{]\xd6,\x0e\xa8zj\xbd\xce\xcd\x00\x8fh-@\xa8,)\xbe\xe3 H\x87\x1e^\x84\x85/\x16!\x1c+\x1e\xe1\xc8\xa6\xa2\xbch\xb1?\xa7vW!\xe2\xa6\x83\x19\x9e\xa8\xac]T\xd8Z\xd7H\xfc\x03\x92\xca"+\xb0*\xa7\x00\xdc\x101\x19\xe1\x9eh\x0f\xe8\xa6\xa3]|\x9c\x8e\xa7\xd9@R\x91\x94\x8d\xf5ek\xbb;~\'z\xf1\x19\x15\xba&amp;%\x16\xda\x8e\xe4\x8f\xe50\x1b.\rur\xe37\xcf\xfb\x1d\xcdq\xa3\x11w{\xc5\xcf\x87\x82\x80\xd1\xab\xd8\x93&amp;M:Wb\xa5G\xfdzp\x0c\x7f\xdc\x80\x12\xe9\x91Q\xd0\x95KL\xc4\xd7v\x1c\xd7CZ\xee\xd7\x93\x933\xbek\x8a+\xa9\xceF\x9eB\xf7p\x0b\xbe\x06\x8dH\x977\x13\xa4\xf2\x92\xf9\xdb\xb5\x19\xb4\xd5L#\xc6\xd8\x00\x00 \x00IDAT9}\t\xbe\xa9\x1a\xd4}&amp;\x12\xf2o\x85\x13\xc5\xc0\t\xf7\xe97\xe9\xb1FEg\rB\xbb\xd4\xc5\xa3X\xd0\xbc\xd5\xe1(\xf7\x17$O\xe9M\xb0p\x02Xrf\xe6\x1f\x88\xcf)H\x87\xd47\xde\xab9\xacq\xb6\xa9\x86;\xa8\xbbt\xff\xf4j\xd4\x06\x00\x9c\xae9\xa6\x16bwQ\x9a\x19&gt;\x9b\xf7\x85\x1e\xa2\x11\x91\x994i\xd2Y\x11\x19\xaex\x83@i\xd3\xafju\x7f,N\x89\xc1\xa8\xc5J;\xab\xef\x96*\xda\xd6\x8d\xca\xb9\xbe0Ys\xcc\x91yeH\xcd\x950\xbeE\xb4\xfc\xbdX\xcdG\xf4\xd4N\xd0C\xd3\xbc\xc5\x10\xf4\xee \r\x89\xb0\xaf\xde\xc9\t\x80ol\x86z\x95\x01\x1b\xda\xa1+\xc8\x0eU\xf5cu-\xb5\x1a\xdek\xd1\x0e\xa9\x99\xfa\x06u,\xf3\x97K\xf78\x8cq\x08\xe9\x80\xe3\xbeki\xffCU\x1e;P\xb4\x85\xf2(G\x06k\xfbw\x14?6\xa5\xab\xf5,\x0e\xa1\x1dd\x87,\xf0\x03\xf8_-\xbef\xd8\x88\xf0\x92\xa3S&lt;\xb8\xdd\xd1\x85\x7f\xd2\xa4IcH\x7f\xcd\x8d\xce\t\x08\xf0Y\xe5\xe8\x8dT\x87s\x1b\xed\xb5\x8a\xa3x\x91y\xb0\\4H\rG\x9crB\xe7\x18\xda\xdbk\xc1?5Y9\xd0\x14\x10\xd5\xaf\x08\xbf\xa3\xc9\x11\xcb_\x83\xf0z)\x1a\x81p\xac\x8c\x1b\x05k\xe4?q\xef\x85Wv\x9f\xaa\xd6q:\x11\xaev\\\x98~\xff\xc8\x98\xca`\x02\x1a\xd0:\x87\x96\xaa\xba\xf7\xf9-\x14\x1d\x02\x9e\xe4h\x90\xc8+\x8c,8G1\xcb\xc6XM\xab\x1d\xc1`\x85|$L\x93a:\xa4aP\xd7t\x8b_3j\xa0\x0c\x8e\x131\xc1\xde\xb9gc\xe2\xef\x16\xf7i\xd2\xa4I\xa3\x08\x91\xdf\xae\xb3y\x13@\x02\xfcE\xd1X\xa5\x9dg+\xf1\xd1\x837\xdc\x16:dzxHLVA\x90\x12\xa4\x94v\xd5\xb84&amp;\x8a0\xa5\xb4\xf3P\r[c\xfe\xb0\xd0c:\xd0\x00\xa4\x04\xcb2\xbe\xc6\x88\x00\xf0\xc3\x9a\xfc\xae\xe1&lt;\x0eQ\xd2\x16\xa6\x94 \x96\x03\xa6\x12\xd6\x04v\x12rf\xb1\xb6W\x89_L\xbb D\x17\x1cM$\x9c\xaa\x90\x05\x00\xb7u\xaa\xd0\x9e\xb6\xcb\x08\x00\x1f\x009\x87\xaf\xad\xd8m\x04\xe3\xc1Kk\xd6i{\x80c66\xbam6\xa4C\t/8|\x9f\xb1\xfc\xf3\x19_\xd5Y\x0c/\x84\xd7\xee\x1f\xc55\x97r&gt;\x1c\xedgfu]\x08\xae\x9f\x11\x91\x05\x95v\xc5\x88\x08\xd56l\x7fX\x14\xe3\xfcA\xaf\t\xae.&amp;B\'\x05\x9fY\xcd\xbe\x94RY\xc7v\x8eO\xdb\xb8S!|f\xe5\x1a\x11_\x9d?\xfay\x9c\xe7\xc7\xaaF\x1a\x04\xa5\x80\x13^\xfa\xd9b\x1a\x9a\xb3\x93&amp;Mr\x89n\xbb\x7f\xda\xdd\x91\xfb\xe2d\xfd\xe41\xdb\xa2!s\xe4\x9c\x1b\x99\x86V\x97\xcd\xf6\xff\xf4\xcf~\xdc\xab\xc7\x96\x06&gt;0\xea\xe9\xf6\x816\xb2\xaf\x17\x87\xc6\x80\x11N]C\xd5\x1c\xcc\xa5\xf5\xea+\xf6\xddc(\x97\xc2\xa9\xeehp\xae)\x08\xb5\xbf\t\xb6\xf3p\x05\xd6\x96\x00\x15HZL"\xfa\x1f\x7f\x8a\xad\x14\xa7P/\x076\xd5\x82\xed\x85}\x16\xdb\xe9\x13"i\x9c-\x1e\xca\xbdM\x01\xc0/\x03\x00|O\xa3\x92Z\xf5\x0b\x0e\xbd\xa0\xb1\xf2\x88G\xb7\xf8\x84\xc3\x87\xcdj0\xe3\x11n\xef\x8b\x9f\xe0]yp\x8c\xb4\xdfi\xd9,~h\xab\xa0Z\x7f\xfcHR\x05$\x7f\x8a\xdd64&lt;q0i\xd2\xa4c\xc4\x06*\x1dx\xa2|W\x06\xa4S\xc2b#\xd9\xa8\xc8\x01\x01)\x1f0\xa7[\x8d\x0bF\xd4\x0e\xd4&amp;t\xef\xd1\xa6\xf8o\xd8\x18\xc3n&lt;\x97\x84\xea\xcc\x03U\xe5\xa3lu\x1f\xebA\xfe-K\xc3*b\n\xb2\xc6\xf5G&lt;\x19\xd3\xf7\xd5\xbb\xd8`\xb0\xf9\xab{\xdaH\xd7\x9fUz\xa0\xf8\xe0\xc0\x88\x8e\x05\x8d\xed|S\x1d\xafg\x8c\xe8\x83q&gt;u}\xa8\x8d\x8e\x1em&gt;OP\x9b:\xd5\xd8[\x9a3\xdc\xbb\x9euQ\x95\xe6\x960V\xf3\xdf\xee\xdcP\xd7\xe7K*\xcfY\x04|\xd2\xa4wi\xb2\xa6\x93\xad\xe5\xc1\xcd\xb5\xdbf\x8e\x97\xe6\xf6\x99#\xf3t\xc8r\xb1\x08\x7f\x8c\x9aa\xf8\xda\x94\x82h\x9c\xbbt\xc50\x8c\xe34j\x17\xddC\xb5\x01\xb4\xf4\xacd\x08\xfb\xf8\x99}\xd1(\xb1y{\x80\xaa\x17\xbeu\xd5\x84i\xf4\xc1\x16\x98_d\x87s\x969\x01\xd8\xddN\x1c\xec\xf4k\x04\xf7!\xed\xc7\xa2\xc8\xc35:\xdb;\x08\xe1\x7f\x89L8\x82\xeaT\x03y\xd7\xade\x0b^\xa3v\x8b\xc9Q\xb8\xa92\xd7\x94\xb1\xbe&gt;\xe7cf\xd5"\x964\xc4\xd0\xc3\xc8A^p\x14\xc4\xad[PQ\x90g(\xf3\x90Aw1\x86\xdb\xa4I\x97vbu\x81\xcd\xdc\xe3\x06a\x8b\x9eX\xf9pD\x7f\xafQvx\xd9\xd5\x14\x9f\xd1\x01\x92J\xd5\xc3\xefj\x07\xd9\x9a9\xcf\x00O\x8e\x13Ch8\xf8@\xca&amp;n\x82\xc5\x8e\xba\x9d.n\x88\xaauU\xda\x08\x1e\xc0\xab\x86\xc2\x8c\x95\xbdDU\x1bO\x12\x8b\xf9\xdf\xeb\xc9Y\x05\\\xb9| \\TJ\xbd\xfd\x92\xb9\x9b\x94/2\xe4\x7f\rR7\x8a\xc5?\xa4KW\x95{\xa4\xa3k\xa8\x88\xed]\x91\x15\xe6\xb9\xb2)U\x87\x14\xe1y= \xbef\\0\x89\xf1\xd0\xaf\x148\x97\xb0\xc1\xd30\xa6\xe1n\x12\xbd\xbeE\xcf\xee\xe6#\x96e\xedDh\'M\x9aT#2\xf0\xb0V\xcb"\xba\xe8\x9e&gt;\\\xd1\xe8\xf8o+\x04yji,\xa0\'\xfa[\xcf\x1d\xd2YV4j\xf1\x13\x02F\xed\xc9\x98k\xcb\xf4\xb1\xc6\x11\xe9A\x1f\xd9\x1cp\xf4n\xb8)\xae,\xac)\xf2\xf2k}\x89\xf9TD\xb8\x07\xf3\xfd\xf6\x8c\xc7\xd5\xf3k\x14\r\x95z\xd6\xb6\x81Q\xc9\x07\xd6G\x85~\xc5D\xf3\x8e\xda\x86z\x16\xe3\x82\x98h\xb3\x15\x8cs\x07~"\xd2\x1a\x01\x93?\x06\xb2:`\xfbs\x8c\xe8Wl9\x9e\xd8W\xf8v\xda\x87\xd4\xd7\x0bc3\xf0_\n\x85\x8a\xce\xaa\x0bm\x90\xda\x939\xc8\x7f\x80x\x155\xedj{&lt;*x\xb4\xf8O\x9a4\xe9\xfc\x88\x0f~\xbf\xeaY\x85C\xd6\x82@!;\xb3b\x17%\x7fV8\t\xdd\xb9\xd1\xd0\xf3\x11\x11\xef\xa7\x05\xcd\xef\x8e\xb1\xa4\xd82\x18\x0e\x18\xb9\x0e\x963\x8d\xa2\xf3\xf0\x811S\xe5u\xfd\x9d\xf7\x03W\xa6DQ\x88:\xe7p:\x92\xb1eHMq\xa7\x97\xc7R6\xd1\x96\xbd\x14\xde\x15+^t \xca\x9f\xd9A\x89\x0bD\x8f\x98\x13\xe7`_\x00\x0f\x8eg\xae\xee\xdb\x81\x0e5,\xeei\xff\xd5\xc6(k\xe8Y\xf1s\x11C2\x90+|\x98\xb9\xb7\x89\x0c\x8a\xe0\x0e\xcag\xd1\xd4\x9e\x94|\x13m\xdb\x95!\x80&amp;M\x9a\x14\xa1\xc1\xe3\xcd\xae\xadNYTd\xa5\x86Pu \xf3AC)\xa9\xedUzI:t.\xd5\r\xb7\xff\x89\xf6\xca\x8d\xd7\xad\x1d\x11\xe0\x9d\'\xde\xc3\xec\x18v&lt;ZnTU\xb4X;i\xa7\xa0:/"[\xca\xf7\xc3@D\x84\x97\x9d\xean@\xaf\\\xf6\x05\x01^\xed\x0c\xe4\xb3\x1c\x0e\xc4V\xdd\xa2\x84\xa7v\xe2\xeef\x8f/?\xbd"\xf1\x17|\xa8PD{XJe\xe8\xdcj\xe6|\x8e\x8b0y\x16\n\xad\x17\xc4\xfe\xe7\tk/\x04\x00\x7f\xbe\x12\x96\xf6\x8dn\xd1\xf5\xa4\x81\x80\xec\xa4\n\xfe\xfdjh\x87\xb0j\xbb\xeaY\x1c\xa8;\xc8\xdb\x87\xc6\xa4I\x93\xce\x8e\xc6\x0f\xce\xde\x99\xa0\xa8\xcb\xdd\x85#\x0b\x86K\xd25N\\\xa1\xba\xe6\xd1\x81\xb6\x8b\xd9N\xbfT5:\n\x15\xda3na\x82\xcf\xb2#1\x80\x1b\x96\xb1\xc4\x01\xff\x87r\x06)=\xad)\xdc\xa3t\xa2]\xd9\xe7\x1f\xde\x00\xf8\xa9\xb54~\xe0q\xfc\xd7\x1c?\xb8$f\xac\r\x9c\xa6\x1e\x94\x1aJA\xfe\xb6f\xc1\xd9\xe0\x82\xd3\x05\x8c\xd1_|\xfb\xb6\xf8\x9ea\xd0\x98\xa2\x00&lt;0\xe1]t_g9Z\xd43\xacN\xb51\xab\x8d\x00\x11\xde\xa6\xf7;\x00\x00\xdcH\xe9&amp;D\x80\x1bw\xa0s\xaa\xfa\x19\xec@&amp;M\x9at\x90\xcey\x94\xc6\xa7\x9c\xa0\xa6\xe7\x93\xe3d\xc7\xd0A\x8b\x87\xe6\x12SePa\x8dSY\x06\xa0\xc3\x00F4\xc6u\xcd\xd6\x1d\xdasJ[$\xd9\xa9*\x07l\x81\xecCr\xb2\t\xdb4\xcaVKm0\x9e~\x103\x02\xc0W\x9e\xc4e-\xd5B\xde1\xb6\xd3vG0\xda\x11\xcc\xcb\x07\x10\x9ew\x80\x91Ya\xb1\x06\xb0Y\x16\xfc]\xb7\xbeC\x8b\x18\xc2r\xfd]\n6\xec\x88\x8c\xc6\xc0\x06\xa0`\x88\xd6\xc3 0_\x8d&lt;\xa8\xb20\x0c\xb18r[\xb5#\xbf\x1b\xbb\x84\x88\xf0\xa1\xc7\r}2 \x02\xfc\xc4a=\x93&amp;Mz\xd7\xa0@i\xde\xae\xfeM\xf4\xb8\x9aT|\xd92\x84&gt;G\x05\xd0\xa5*K\x85\xa7\xde\xf0\x84\'\xe3\x90W\xdb\xb5\x80\x04f\xcd\xb8\xbf\x9e*\x15\xad\xc7\x175\x1a\x06\x17n&lt;l)\xe6)\xdc\x1a\x99H\xb7!\x80\xef\xc7c\xf7\xd6vzd\xa1A\xcb2\'\xeb|\x98g\xb5\x018bH\xf7Hu!z ]\xcf\x84\x06\xfaI\x00\x84\xc7\xd4u:W\xe3`PT\xda]\xf6\x1b\x0f\x1ed\x1cM~\xdd\xd2\xc04[U}/m\xb17\x00\xe7~\x10\xfe\xef\xb2\x93\xe8\xe5\x91I\xc8\xad\x9c\xbb\xef\x93&amp;M*\xe8\x0b\xea,\xa3\xef\xe4\xfa\xf4G\x8d\'[\x96\xf2\xdat2p\xae5\xc1\x9d\xec\xf1\x8c\xcf\xee\x00c\x15}\xbf\xe2\xdf\xb0\xe5\xde\xfa\x80TQ\x0cU\x16.VG\xefS\xce\xd1\x8e&amp;7%\x86\x91r\x07@\xd3\x7f|\xee,M\x90\xcf\xf7\xae\x06\xa4\xb6\x0fG\xf4\xbc\xa8u\x90\xaf\xb6\x8f6A?\x15\xdb\x81)\xccF\xbft\xf5W$\x13\x0e\xa8\xdb\xba\xdegn\xba$\x19m\xcb\xc3F\xcd@mc\x81]\x82\xe8\xde\xb5\x0e\x1a\xd4qj\x11xW\x0c\xf8\xa4I\x17\x94b\xe3|\xcc\xb8\x1d^piY!3\\\xfb\xc4s\xd2\r\xc0I\xa8\xff\x00X-\xc7~\xb8\xce\xbcv\xbf9\xce\xea\xf4\xb5\xe1\xe0\xc5\x99\x81\xcam\xd5\x0f*\xf0\xa8w?\xd5\xbb\xb9b\x9d\xfe\xea\xf2k\x1dd\xd0\x17-\xe1w+\x87\x9f|\x80\x08Z5\xcb-\xa9\xaf\x8e\x05a\xe9\x14\x93S\xb4\x1c\xce\xb4p\xd7Dt\x84\xa2\xd1wI\xb29v\x0f\xf8rB\xb2\xbai\x1c\xf8+\x1e\x90=5\xe5,\xd5w\xb0\xa3:N\xd5\xa6*_\x1b/j\xb6L\x9at\xa9\xa2\xd88\x1fv\xf0i\xd8:\xa09k3\xe7\x9d\xf3\\\xd9\x1f\x06`\x86\xfdV5\xb5wq\xe7\xf2"&gt;\xa7\xad\xb6\xc3\x16\xdc\xacC3x\xad\xafiK(+\x96\xc6+\x9c0\x14\x95YV\xed\x08;\xa9\x15~\'\xd9\x84\xef\x9d\xbf8\xd4\xca\x9f\xe5\x8a[1]\x94aK\xcd\x16\xb3\xdf\xe3\x993\xe6T4\\\xa5\xc5\xc7\xd4\xd4\x0e\xa6\xbd\x7f\x1b7\x00\x8b0\xbc\xd3\xdf\x00\x98\xbe\xd3\x9cl\xb0x\x11\xe8\xef\xfd#\x8fK\xd3]\x82\xe6[R\x1dS\x83\x1a\xae`&amp;\xd0,j\xb5;i\xd2\xa4f\x8a\x14\xf7\xf8\xe4\x17\xb4(\x15\xdb\x9c\xf1\xe3Ik\xe29\x8a\xd9\xa9hU\xe5\x07\xe3v\xd2\xb9\xe7\xacf\xe8~\xdfeK\x19v\x8a\xbc\xf4B\xcf\x05\xd7\xdf\xb68D\xe3\xb6\xf1|/\xe5\xcf\x9f\xffF\xec]u\x1b1/|\x86h\x1cj\x8e7\xf2\x97q\x18v\xb7\xa1\xc1h\xcdt\xd4bS\x8fw\xc5\xf6(E\x12\xc6\x06\x86\x00\x08\xef\x94\x81\xfa&gt;&amp;\xb5}.\xd9\xb4[m\'\x8e\xc3\xa9#|\xeekP-\xceM\x93\xc2\x80\xf1\xdeL\xc4\x8a^\x9d\xaa\xb2\xaa\xd7\x99\xd2\x18\x98\x93&amp;M\x02\x00\x00DL\xa92\xac\xf2\xb8M\t\x06\x8eA\xa2V\xd1\x89\x88us\x88@dY}\xa9\xfa\xd5\x82\x91k[.\xd4Ml\n4N\xf4\xbc\xbb\x12\xe2\x9b,\xc1\x00\x95\x91\xa9\x02\xb4\xbb\xa03\x86\xbc/\x00\x82x\x88i(\xe3\xb3\xaa$\xed\x88\x08\xff\rp\x19\xa9\x19\x11\x95tED\xd3\xd3\x1d\xaa\x813\x07*\xc2\\\x00\xde&amp;\xb4\x15\xcf\x8a-\xb1 1\xb4\xead\x99\xde\x01xY*\x92,\xce\x08O\xb6\x18M\xe6\x92\x101\x01@z \xc0\x0fT9)\x98\xb3\xa25\xeaN\xbf\xfb\xe2YJF/-\x9d\xaa\xd5\x04\xc2\xd3\x96\xf0\xad"\xaa\x86\x08I+fJ\x93\x0b4\x14\x95\xca\xbc\xe5\xfdV\x84\xc6wz\x7f\xb8\xf4\xcap\xb1\xc8\xa90q\xc7\x8d!\x7fZ\xafK\xe4\xd0\x14d\xd5k\xd6\xf8nG\x01N\x9a4\x89PcE8Q\xf9\xe8=Y\x14\x05"\xa5\x94\xb6\x0f\x87\x00\xd5\x0e,\n\xf5\xca\t\x19\xc3\xa4\xcc\xb8\xcbq\xb0\t`Y\xfd\xbf\xb8\x11w\x81\xaf%\xaa#g\x0b\x04xF*\xcb\x7fG\x07_A.\xba\xd2\x02)kM\x00\xb0M\t\xe5\xb1\xd3\x96\x08B\x83\xea\x91w\xfbK6\xa5\xaf\x12L\xe2\xd4\x8af\xc1\xb6\xfa\xbf\xe2\x8ag\xcf\x07\x0eOE\xb0x\xbd\xfa~9\x99w\xa1\xd0\xb2\x1cLe|\xf6\x14}j\xc3\x898\xac\x03\xf0\xd</t>
        </is>
      </c>
      <c r="E353" t="inlineStr">
        <is>
          <t>&lt;class 'numpy.ndarray'&gt;</t>
        </is>
      </c>
    </row>
    <row r="354">
      <c r="A354" s="1" t="n">
        <v>352</v>
      </c>
      <c r="B354" t="inlineStr">
        <is>
          <t>steps_per_sec</t>
        </is>
      </c>
      <c r="C354" t="n">
        <v>4000</v>
      </c>
      <c r="D354" t="inlineStr">
        <is>
          <t>3.0177748</t>
        </is>
      </c>
      <c r="E354" t="inlineStr">
        <is>
          <t>&lt;class 'numpy.ndarray'&gt;</t>
        </is>
      </c>
    </row>
    <row r="355">
      <c r="A355" s="1" t="n">
        <v>353</v>
      </c>
      <c r="B355" t="inlineStr">
        <is>
          <t>Loss/RPNLoss/localization_loss</t>
        </is>
      </c>
      <c r="C355" t="n">
        <v>4000</v>
      </c>
      <c r="D355" t="inlineStr">
        <is>
          <t>0.25804192</t>
        </is>
      </c>
      <c r="E355" t="inlineStr">
        <is>
          <t>&lt;class 'numpy.ndarray'&gt;</t>
        </is>
      </c>
    </row>
    <row r="356">
      <c r="A356" s="1" t="n">
        <v>354</v>
      </c>
      <c r="B356" t="inlineStr">
        <is>
          <t>Loss/RPNLoss/objectness_loss</t>
        </is>
      </c>
      <c r="C356" t="n">
        <v>4000</v>
      </c>
      <c r="D356" t="inlineStr">
        <is>
          <t>0.016969644</t>
        </is>
      </c>
      <c r="E356" t="inlineStr">
        <is>
          <t>&lt;class 'numpy.ndarray'&gt;</t>
        </is>
      </c>
    </row>
    <row r="357">
      <c r="A357" s="1" t="n">
        <v>355</v>
      </c>
      <c r="B357" t="inlineStr">
        <is>
          <t>Loss/BoxClassifierLoss/localization_loss</t>
        </is>
      </c>
      <c r="C357" t="n">
        <v>4000</v>
      </c>
      <c r="D357" t="inlineStr">
        <is>
          <t>0.18271726</t>
        </is>
      </c>
      <c r="E357" t="inlineStr">
        <is>
          <t>&lt;class 'numpy.ndarray'&gt;</t>
        </is>
      </c>
    </row>
    <row r="358">
      <c r="A358" s="1" t="n">
        <v>356</v>
      </c>
      <c r="B358" t="inlineStr">
        <is>
          <t>Loss/BoxClassifierLoss/classification_loss</t>
        </is>
      </c>
      <c r="C358" t="n">
        <v>4000</v>
      </c>
      <c r="D358" t="inlineStr">
        <is>
          <t>0.11226031</t>
        </is>
      </c>
      <c r="E358" t="inlineStr">
        <is>
          <t>&lt;class 'numpy.ndarray'&gt;</t>
        </is>
      </c>
    </row>
    <row r="359">
      <c r="A359" s="1" t="n">
        <v>357</v>
      </c>
      <c r="B359" t="inlineStr">
        <is>
          <t>Loss/regularization_loss</t>
        </is>
      </c>
      <c r="C359" t="n">
        <v>4000</v>
      </c>
      <c r="D359" t="inlineStr">
        <is>
          <t>0.0</t>
        </is>
      </c>
      <c r="E359" t="inlineStr">
        <is>
          <t>&lt;class 'numpy.ndarray'&gt;</t>
        </is>
      </c>
    </row>
    <row r="360">
      <c r="A360" s="1" t="n">
        <v>358</v>
      </c>
      <c r="B360" t="inlineStr">
        <is>
          <t>Loss/total_loss</t>
        </is>
      </c>
      <c r="C360" t="n">
        <v>4000</v>
      </c>
      <c r="D360" t="inlineStr">
        <is>
          <t>0.56998914</t>
        </is>
      </c>
      <c r="E360" t="inlineStr">
        <is>
          <t>&lt;class 'numpy.ndarray'&gt;</t>
        </is>
      </c>
    </row>
    <row r="361">
      <c r="A361" s="1" t="n">
        <v>359</v>
      </c>
      <c r="B361" t="inlineStr">
        <is>
          <t>learning_rate</t>
        </is>
      </c>
      <c r="C361" t="n">
        <v>4000</v>
      </c>
      <c r="D361" t="inlineStr">
        <is>
          <t>0.039958905</t>
        </is>
      </c>
      <c r="E361" t="inlineStr">
        <is>
          <t>&lt;class 'numpy.ndarray'&gt;</t>
        </is>
      </c>
    </row>
    <row r="362">
      <c r="A362" s="1" t="n">
        <v>360</v>
      </c>
      <c r="B362" t="inlineStr">
        <is>
          <t>train_input_images</t>
        </is>
      </c>
      <c r="C362" t="n">
        <v>4000</v>
      </c>
      <c r="D362" t="inlineStr">
        <is>
          <t>[b'1024' b'1024'
 b'\x89PNG\r\n\x1a\n\x00\x00\x00\rIHDR\x00\x00\x04\x00\x00\x00\x04\x00\x08\x02\x00\x00\x00\xf0\x7f\xbc\xd4\x00\x00 \x00IDATx\x9c\xed\xfd\x7f\xec=\xdf\x9f\x10v\xcd|\xfb\tT\x91b*u\x81\xcaR\x95e[\x04\xb6\xb6U@\xda\x14+\x05V\x0cb\xd3\xd6J\x7f\x88?\x8b\xad \xb2iM\xd9\xa4F\xcd\x06\xf9\x91\x9a,\x06C\xb5F\n\xfd!fK\x1a\x13!\x9b\x95M\x9a\x16\xbb\xe5\x0f\xa26\x16\x9bBm\x9b\x05\xb1jS\x94\xd0"\xe4\xf8\xc7}\xdd\xfb\xba\xaf{\xe7\xc7\x99\x99s\xce\x9cs\xe6\xf1\xc8\xee\xf7\xf3~\xbd^sg\x9es\xce\x99\xf3k\xce\xcc\x1d\x06\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xab\tw\xb7\x7f\x9e\x1d\xce0\x0c\xc3\xb01\x8c{\xfcK\x1b|\xf9w\xc4\xfe\xe7\xf69\xf9\xfb\xdd\t\xb8\x1c\xf9r\x0c/\x7f\x9a\x8fj\xe2Oo\x1f\\\x0e{u\x83\xfd\x16c\x9b8\xcd\xe5]=2bu\xc3\x88\xa3\xaf\x1fk\x08a\xf8\xe3\xdb\x82\x04\xca\xfb\xe6\xec\x00\x00\xeau\xeb\xc3\x84\x10\xc6q\x8c\xd8\xf8\xa3\xc7\x13\xb3\xf1f\xdb\xf7\xf9\x1c\xc6sol2\xbc0\x0c\xab\x07\x98;\xafq\x1c\xdf{{\xe3xK\xbd\xcd\x891\xb9\xb7\xdd\x9f\x9a\xcc\xbb\xd5\xfd\x8f\xe3\xf8\xdec\xfe\xba\xab1\x84\xb0\xe9\xd4\xee\xdb\xaf|f\xad\xb0M\x04\xb6j~\x87\x8fl\xdf\xb3\xdb\xa5\xa3|\xa4pL\xb1\x02\x00\xa8\xc3\x8e)\xcc\xc9I\xe8z\xc4\x87W\xed)\x0c\x8bs\xf3\x07\xc3~\xbd%\xb2\xb8\xc3\xdd\xc5c\xe1\xd01\xb7&amp;\xb6\x1e\xba\xe6\x02\t\x85us-$9\x91o\x1d\xdf\x05\x00\xc30\x8c\xe3c\x0e\xb4D3\xb3\xb5ow\x0b.\xcb\xdd\x89\x97x\xe6W\x04%j\x80\xe7nDl\xde\xd1\xdc\xba\x97\xcf\x8c|\x8ayn\x9bxs\x9fx\xce\x9a\xd5\xddn:n\xbe\xec\x86\xe6\xf4t9t3\x98\x01\xa8\xc4\xeb4\xf0\x9e]\\\xb2j\x0e_MnP8\x9e\xe7\x7f\xcfD\xb52&amp;\xa9\xe4\\\x1eG\xdd\xb8y\xd4-\x05`\x18\x862\x137I\xb8\xb3\x07p\xc4)\x0fq\xf6\xac\xdafi\xa1+\xfc\x12\xf3\xe4\xbd\x8b\xdb\x7f\x97w\x1e\x11\xc2\xf1\x94\xa94y!\x86\xd2\x9b\x90\xc4\x04\xd8ia5yg\x07\xe5\xc5\xcb\r\x81\xc7\xf0`j\x00\x13\x86\xdf\xbb\xf2\xc8Ad\x9ej\xb0\xb98\x97\x00\x00\xe7\xdb:]\x9djz[+x\xba\xc9\xac\x9c\x1b\x00\xcc\xe5\xd7\x8e\xf2\xb3-J\xe8I\xad\xb7\x07\x01`\x83j\x97\xbb\xb4#j\xe5L\xca\xe3=\xf2k*\xef\xfe\x9e\xed\x19\x9a\xb9\x0c\xec\xd9\xf3\x89\xc5\xd2\xe5\xc0\x1a%\x04\x00z\x91\xaf\xe7\x97v\xcf9\xe2l\xe5\xdckv\x9d3\x05\x00\x9a\x91\xb9\x83RE\xef\xa7l\'liQM\xa6H:\xbbc\xe3\\\x80#|\x0f\x00@R\x9b\x97\x91l\xdd}\x96\xde\xd2\xbe7d\xef\rf\xf6\x1b\x85\xe3\xc2\xd0_\xec\xea\xfbu{z;;\x00pQ\x1b\'\x9b\xbb\x9a\x99\xae\x98D\x06\x00 B\r/\xee\xecl\xf9\xca\x0e\x17?}\x80\xb4,\x01\x02XQ\xa6\xf3\xb9\xd0\xc7=w\x8dD\xaa\xf7`\x1e\xf1\x9c\x02\x86C4B)\xa5^\x06\x00\x00\xb5\xa8s\x0cP\xdb\x12\xed\xe8G\x05\xbae\xfc\xd3\x88K\x97R\x00h\xdb\x15\xfa[W8G\x00\x00\xe0\x83u5\x00\xd7a\t\x10p\x15\xc5:\xb8z\xd2d\xf5\x9b\x140\x00\x80\x05O\xddq\x03\x80%\x8d\x86]\xb1\xcb\xa5\xa7"D*\xca\x12\x00\x87\xd4\xb5\xb8\xe5\xc7V\x13\t\xa4\xa7x\x13%\xa2NV\x96\x00\xd8O+\x12\xab\xa2aR\x1a\x9d\x9dN\x13\xa49\xb4\xc13\x00@\xcfB\x18N\xef\x94x\xf6\xe0$^\xc2X\x9e4\x07\x00h\x96\xe1\xc4\x89\xeaZ\xb7\x06\x00\x00\xdd\x08!\x9c~\x8fh\x07\xc3\x03\xe0\x08K\x80\x00H\xec\xd1=\xbd\xcfdW\xdd[\xd5\x97\x06\xae\xc6r=\x80\xce\x85\x10\xc61km\xbfm&gt;:s0\x9b\xdd\xa2\xaf-*\x80|\xbe9;\x00\x80\xae\\\xaa7\xb9o!\xca\xe4\xa7NL\xb1q\x1c\xad\xa8\x01.\xe5\x12M\x14@\x19\x8f~d\xef\x03\x80\\\x1d\xe6\xde\xd3\r.#\x84\xc1\xe5\\1w\x00\x00\xf6[]]\x93\x7f\xf9M9\x05\xa6\xc9?\xee\x9f\x0c\x83\xae\x03\xb4\xcd%\\7\xd9\x03\xb0\xc7d\xcf\xfee\xfdOO7\x04NY$\xd3A\xba\x01T\xc8[\x80\x00\xf6\x98\xec\x99\xbetXo?v\xd0\x8b=k\x89\xbc\xa5\xf9p1.\xf9B\x9ao\x96\x00\xd2\xba\xd4S\xbc1N\xef\x85\xcb\x0b\xea\xd4\xd3\x02?\xaeF\xc1\x05`\xc2\xe9\xfd\xfe\x87\xdb}\x94\xb3\xa3\x00\xe8\x87%@\x00\xd3\xea\xe9\x01\x97W\xd5\xb9\x87PW&lt;,\x93YP?\x03\x00\x80O!\x84\xe1\x8f\xedxr7\xf4\xd4\xe9\xa9\xf5\\\xea\x8c\x8aWV\xc5@\xfd\\\xa5\x00_\xdc\xba\xbf?a\x18\xfe\xd4%\xfb1\xb5\xf6\xfe\x87\xc1Z\xa0\xaf,@\xafCP&amp;i\x91R\x0b\xf0EO\xef\xee\xdc\xae\xde\xfe\xbf/\x07\xa0J\x06\x00i\x18\xd0\x16&amp;\xad\x01^]\xf3E@\xf5\xf6\xfd\xef\xae\x96#\x00\x99x\x06\x00`\xc2\xf5\xba\x9a%z\xff\xd7KU\xf6\xa9},\n\xad3\x00\x00x5\x8e\xe3\xd5n\x90\x16\x98\xfd\xbf\xf5\xfe\xc7a\x18\xff\xf1\xdd\x89\xab_X\xb5t7\x91j\xbc\xfa\xea\xbfE\xd6(\t{\x8a\x1a\xaf1\x80&amp;\xbc,Zmx\rk\x91\x16\xf8)m\xfe\xcea\xf8\xdd\xef\xbd\xf9\xd5 &lt;\x04L~+k\xfa\x1b\xbe\xcc\xe1\x89;\x00\x00\x1fB\xd8\xfc6\xcf\xe7\xed[\xed\x16\x94\xe9\xfd\x7f\xf9\xe9w\r\xc30\x0c\xff\xc40\xfc\xd4\xdb-\x81\xdb\xff\x8d\xe38\x8e\xc38N\xf4\xbf\x9e\xee\xc8\x98,$\xa3\x98\x8b\xa1\xb6\x19\xeb\xda\xe2\xa1\tm6W\x00Y\x84\x10\x9a\xed\xc7\xefR\xb2\xeb\xf04}\xff7\r\xc3\xef]\xdb\xfc#\xb4\x99I\xff\x0b\xe5\x11\xb5i\xeb&amp;@[\xd1R\x8c2\x01\xf0\xe9R\x8de\xf9\x89\xc3\x03kx\xc2\x97\x7fZ\x0b\x04]\xb8\xe6+\xd7j`\t\x10\xc0\'\xedPfG\x92\xf7\xdf~\xfc\xeb\xa7\x84a\xf8a\xcb\x1e\xa0y\x1f+\xff(\xce\x00\x00\xe0\x8aNZ7\xbc\xfb\xa0\xe30\xfc\x84\xdb\x0e~\xdc0\xfc\xe80\x0c\xbf\xf0\xb6\xb7\xbf#Q`\xc0\x82\x95+\xf7x}\xe2I\x86\xc2\x8c\xba\x00.\xe8\x9c\xd6\xf6\xd8k|\xc2\xed\x7f\x9e\x03\xf7\xf5\xc0p\xd0\xa5\xd6=\xf2\xe0\x0e\x00\xc0\xe5\xa4\xed\xfd\xff\xcd\x1b\x0e&lt;\x1c\xba\t\xf0\x9f\x9a\xda\x1fp\x8c\xd9w\x00\xe8_Hg\x18\xc2\xe4\xee\x86\xc7_\x7f\xf2\xdb\xf6C\x18\x86\xff\xd9\xbe\xc0\xdf\x8fU\xe2;\xcc\xe0l\xfa\xe8\xa4\xe5\xa6\x0f\xc0\xb5$\xecI|Y\xd1\xf3\xf3\x87\xf0\x07\xbf\xfc&gt;\x84\x8f?\xbe\x1f\xef\xc8\xeb\x80&amp;\xc3\xf7\x1da\tY\x13r\x1d\xc1Kx\xaeJ\x96\x03dQi/*\xe9D\xe2k\xaf;\xbc\xf6\xf5\xc7\xf9U:;\x13g&amp;~\x03\x00\x80x\x9e\x01\x00\xc8\xa7\xba\xbb\xf6i\x03\n\xc30\xfc\xd1\xcf\x1f\xdew\xbe\xe5pq\xdb\xea\xe4\x03\x1cf\x00\x00t\xee\xac\xb5\xb3\xe38^\xa2\xbb\xfa\x1f\x19\x86\xbfw\x08S\xbd\xff-n\x9f\xfe\xdb\xf7\x7f\xbe\xba\xa1\x16p-\x9e\xd3\x00\xa0R\xc9\x1e\xfe}\xf2\xdd\xdb?\xf2\x1e\xd6\x97\xff[\x1eM\xcc\xee\xf3\xd7\xe6K7\x00\x00h\xd2\xa1\x9e\xfe\\\xcf{\xeb\xf6\xdf\x13&amp;\x83\x1aB\xf8\xe1\x98\x01\xc0\xcc\xf1\x86\xbf\xc4\xf4\x1b\x95\n+s\xc3am\x03\xba2\x95\xdd\n\x00\x00\xd9\xec\xec\xe3/w\xe8\x87\xcf\xff\x0b_&amp;\xf2\x87\xfb\xef\xff\x9d\xc7\x1b&lt;\x87\x1f\x9ch\xf9\xbe\xee\xe7\x87v\x0e\x00t\xa1\xa0\x1c\x97\x1b\x00\xd4\xed\xde\xc3\xce7\x00\xf8\xe3_\x8e4\xdb\x1d\xffy\x0b\x01\x0e\x8f1\xc0\xdf\xbd2\x00\x98\x1d\x03\xe8\x94\x00\x00\xd0\xbd\x10?\xf3\xfd\x8br\xf4\xff_\xfa\xfa\x8f\x89\xfc\xcd\xe7\xf1\xdc\xab_\xd9\xc9/\x9b\x0ff\xf8\xcd\xdb\x0f\rp-\x17xC\x05\x00\x1f6\x0c\x166I\xf1\x1a\xfe\x89\xd8\xc6\xe1\xfd\xbb\x06\x86\xdb\x0bGg\xbf^\xe0\x1e\r\x00s\xbc\x06\x14\xb8\x94K/\x11\xc9\xb7H\xfei\xcf\xe16\x97\xbf1\xa9\xa7{\xf4\xbb\xee#\xec\xfb\x1c\xc0\x85\x18\x00\x00\x17r{c\xcd\xd9Q\xf4\xea\xa3\xd3\xff\xf1\x9d\x00?:l\xe8\x88/|\x8d\xc0\xeb\x1f~xu\xbf?\x1a\xb6\x1c\x1a\xe0z\x0c\x00\x80\x0b\x19\xc7q\x8c[\x1fb\x9c\xb0\xd3=\xd9~\xcdO\xd9\xf0\x99\x85\xb4\xfe:\xa3\x1f\x86\xe1\x17\xae\xf6\xed\x7f\xca\xdb\x1e\xe5f\x01\x12\x19\x1ab\xa1$p)!\xa6\xde{te"G\x0b\xad\xc8\xdaE\xbb%\xd5\xe3\x08\xd1O\x05D\x05\xf5\x99\x0f\x7f\xcb0\xfc\x9e\xa8\xe9\xfd\xe7\xbc\xbb\x1d\xa3\xb3\xdc\x04v\x08!\xa8\n\x06w\x00\x80K\x89\xe9k\xf6:\x91Y\xe6\xbc\xc6q\x18\xb7&lt;\x13\xbc%\xa8\xff\xee0\xc4\xf6\xfe\xdf\xa2\x8a\xbd\xf3\x03\xf4MUp#\x15\x80\xcb\xb8w\x81W\x1b\x80\xfb\x84\xf10UIF\xddC\xa8P\xee\x01\xc0G\xa2&gt;\x0e\x125\x06\x88\r\xea\xb1\xf3M\xe7\xa0\xa5\x07\x98\xe4\x0e\x00p\x19\xe3\x189\x13&lt;\xbe\xfc\xf7\xee\xe3E\xf3\xcc\tO\xdf\x02\xf0}Q\x9f\xd8\xd4C\xff\xd5{b\x02\xe0\x95\xd9\x11\x80XM/%/\xf0\x00\xc0m\x000\xf3\xf2\xfe\xd7p\x86a\x1c\x86?4\x84\xbf&amp;zA\xff\xd2\xeb\xffgBj2\xa7\x00r\xfb\xe6\xec\x00\x00\x9a\xd1h\xd7\xbf\x9cq\x18Cd\xef\x7f\x18r\xbf\xa9\xb3\xd5\xb5Z\x00\xd9Y\x02\x04@\x12\xe30\x8c\xc38\xae\xf7\xfe\xff\xc8c\x9dPT\x1f\xfd1\xec\xb2\xfc\n \t\x03\x00\x00\xca\xfa\xcb?\x06\x0b1\xdd\xff\xef\x19n\x9b\xfdu\x9b\x8f\xe2vM5&lt;:\x03\xb5Q?\x02\\E\xa6~\xd88l\xeam\x87\xa7\xc59\xdf7\x0c\xdf\xbb\x1c\xd4\xd3\xce\xb7\x85o\xbd\x16\xc0\x1cw\x00\x008\xe6\x17\x0c\xdb\x96\xe7|\xf6\xcc\xbf7\xfas\xbf}\xd82e\xa5\xf3\x0f\x14\xf7\xf7\x9d\x1d\xc0\x06\xeaH\x80\xab\xc8\xb7\x12\xe3\xde\xe1\xde\xd4\xa6\x84\xe1\xf7\r\xe1\x97\xc6\xecy|\x0c0\xb6|o\xc0D0\xbe\x04\x14\xc8\xa7\xa1\x1a\xc6\x1d\x00\x00\x8e\xda5\xb2\x18\x87\xef^\xdb\xe2\xa3\x1f\xff\xbd\x1f\xbd\xf9\xc8\xde\xff\xe3\x7f&amp;v\xd8F\xdb|\x16\x8b\xf5a\xc1\xf2\x05\xd2\xd6\xe5\xa3*\x04\xb8\x8a\x12_\x05\xb0\xb5YY\x8c\xe9\xa9\xbf\x1en\xff\xb3z\x02;\xc3\xe0&amp;\x04\xcb\xa7`NC\x13\xfc\xab\xdc\x01\x00.*\xf8^\xdft\xee\x93\xeesM\xe3\xf1t\xfe\xf9)\xc2`\x85\xeb\x01\x16t\xd3\xfb\x1f\x0c\x00\x00\xae#a\xeb\xf5\xdc\xcb^{\xf5\xff\x7ft\xe6\xcf\xe1;c\xa7\xff\x87a\xf8\xe7\x87\x98\xeei?\xad\xf39z\xea\xdf\xf0\xce\x94\x07\x0f\x06\x00\xc0E\xdd\xfa:Z\xc4\x1d&gt;V\xe6\x8f\xc38\x0c\xe3_\xfd\xf8\xf5\\J\xfe\xd1\x97\x9f\xff\xb3\xe1\xe3\xee\xcb\x1fY8\xc4\xf6\x9e\xe8\xdc\x83\xbf\xc0\x8d\x01^*\x1d4\x1c\x8a\x02\xc0\x85$i\xb7\xc6\xa7\xff\xbf\xed\xf5\xf9/\x9bB\xf8\x91a\xf8y\x1f\x1f\xfa\x17\x87\xe1g\xc7~\xec=\xa4\xe8\xde\x7fO\xabx\x01\xf6Q\t\x02\\K\x9a1\xc0k\x87\xfby\x9f+-\xcbs\x00\xd1\x1d\xf7\xa5\xa87}\x13\x99\x01\x00\x80%@\x00\xd7\x92\xa8\xf3;\xce\xfc\xb8a\xf7\xe3O\x8e\xde~q\xcc\x12\x86a\x18~}\xecA\xf5\xfe!\xca/;;\x00\x00 \x9dp\xd8\x96\x17\xc6\x84a\xf8\x9f~\xdd&gt;\x0c\xc3\xbf\x966\xde\xe1\xafi~I\xeeY:X\xcdL\x06^\x92\xd69w\x00\x00\xd8,\x84a\xf8y\xf1\xfd\x83\xbf\xf7\xf6\xa1\xfb\x8f\xe30\xfc\xb4\xc8\xe3\xc4vP\xff\x92\xe8X\xf8\xca-\x11\xa6(\x15\x9d3\x00\x00`\x8f\xf0\x7f\x18\x86\xe1\xdf\x88\xdbt\x18\x86\xe1\x1f\n\xc3\x96\xfb\x06\x1fS\x90\xb1\xb3\x90\xbff\xc3\x8e\xebb\x9e\x95*\x19\x19\x02@o\x8e\xaf\x02\xbaw\xcf\xc30\xfcC\xcb\x87z\xfa\xbfh\xff\xc8\x8eH\x00\x00\x80yI\xc6\x00\x1f\x9d\xef\xef\x0b\xc3\xf0\xab\xe6\x8e3|\x0e\x15r\x85\xe6Kl\x01\x00`]\xaa1@\xf8\xec\xe2\xff\xf5o\x07\xf9\x87?\xc6\x00\xf1}\xf4\x1dG\xaf@%a\xacj%Nh\x90\x8b\x0b\x80\xea%\x1c\x00|t\xc4?G\x02_\xff\xef\xbf\xf6\xf8\xfd?\x996(-.\xc0V\x9e\xf0\x00\xb8\xb4\xc2\xf3\xc1o_\xfc\xf5\xde\x0cm\x8b\xc8\xa3\x8a\xc0YB\xb3_,\xe8-@\x00\x97V\xb8\xf5\xfa|\x15\xd0w&lt;~x~D\xf8o\xdb4\xa1\xdff\xcb\x0bt\xa2\xd1\xde\xff0\x0c\xdf\x9c\x1d\x00@\x9f\xda\x9d\x19\xca\xed\xcb\xeb@\xc30\x0c\xc3\x0f\x0e\xc3/\xf9\xd7\x87\xe1\xa7}\xfcv\xdc\xb0\xac\xe7h\n\xcb&amp;\xe0\x82\xd4z\x00\x0cC\x1d\xcf\x86&gt;\xb7I\xab\xd1\\\xbc\xe3n\xe8\x02\xecf\t\x10\x00\xc30\x0cc\x05\xdd\xc9\xcfGz\xc7\xe1\x1f\xb9\xffr\x1c\x86q\x1c\xc6a\xf8\x83\xf7\x1f\x87\x16z\xff5\x0c\xa8\x16T\x1e\x1e\xb4\xce%\x06@C\xc2\xf0\xdd\x1f/\xf39\xcb\xd7\x07\x03\xfe\xe7\x9f\x81y\xe7OJ\x9bSR\x87\x06\xe2U~\xbd\xd4&gt;\x83\x02p\x9ep\xf5J\xf2\x8c\x16l\x1c\x86a\xfc\xe7\x87\xe1\xe7O\xfd1&lt;6\xe1\x04!x\xec\x1a\xfa\xe0J\x06\xbae\x91t\na\x08\xa5g\xdd\xe7s\xedg\x0c\xc3\xbf\\4\x14\x80\x1ei\x1a\x01XVt\x0c0\x0e\xde\xee\tt\xa2\xday\xa8\x1ac\x02\xa02a\x18\x86b\xeb\x81\xeal/\x01\xba\xe1-@\x00\xac\xfa\xdf\x9f\x1d\x00\x00\xc9\x98e\x01XR\xed\r\xdc\xe2&gt;\x96\x01\x15\xb8\r \xc1\xab\x14B\x905\xd0\tW2\xc0\x12\x03\x807y\x1f\t\x90\xda\x00\xb9\xa9g\x01\xd8!\xf1+B\xc7\xdb[W\xf5\xfe\x01\xf2S\xd5\x02p\xc8\xee\xa1\xc0\xbfo\x18\xfe\xf4G+T{c\xe4F\x10\xd0\xb4\x97JLu\x06@b1C\x82\xb1\x91\xae?\xd0\x13\x83y\x00\xaaS\xf9\xb7\xc7\xef\x10B\x08!\x14yx\xb8\x7f\xfd\x15\x0f\x00\x00\x00\x00\x00\x00\x00\x00\x00\x00\x00\x80\x1e\xdc\x1f\xa1\x81\xc4\xbeuv\x00\x00\x00=Y\xea\xb2o\xea\xd0{]\r\x99\x18\x00\x00\x00$4\xdbm\xdf&gt;\x9do\x04\x00\x00\x00-\xcb\xbf\xa4\xc7\x92!\x00\x80\xf6\x95Y\x08n\xb99\xd9(Z\x00\x00\x00\x00\x00\x00\x00\x00\xf0\xce\xba\x1av\xf2\x16 \x80i\xde\xc0\r\xd4\xec\xca\xf5\x93\xca\x19\x80\\\xae\xdc\xc6\\\xf9\xdc\x01\xfa\xe6\xfd\xb2\x00\xb3\x1e\x9d\xe0\xf1J\xdf\xc73\xd9\xf5\xbfT\n\x00\xf4\xcd\x12 \x80Y\xe3\x87\xb3\xe3(#\x84\xc7\xaa\xa7q\xfcE\xb7\xdf}\x9e\xbb\x05Q\x00\xbd\xb8H\xb3\x06\xc0\x92\x97\xce\xfd\xe4\xa0\xe7&gt;6\xd0p\x00\xb4M=\x0e\xc0\x97\x01\x80.&gt;@\xdf,\x01\x02\xe0\x93\xde?\x8djw\x89Z\xbb\x91\xd3.\x15=\xc0\xb5=\xf5&gt;6\xf4\xfeC\x08F\x0b\x00mr\x07\x00\xe0\xca\xfe\xc4\xd7\xb9\xc7\x97\x99\xc8\xd9\x89I3\x96\x00\xed2y\x03t+\x84\x90d\x8a:\xd5~*\xf4\xbe\xf6\xe0\xf9L\x17N\xdc\x03\xc1\x00\xedr\x07\x00`\xc58^h\x91n\x08a\x18~\xf6\x97\x1f\xdf\xce\xfd\x91\x1a\xd7I\x16\x80\x9e\x98\xbc\x01\xba\x95j\x96\xba\xe3\xaf\x03\x9b\xf9\xce\xaf\xe1\xd1:\x84\x10\x9e\x7f|\xffH\x7fi\x02\xf5\xeb\xf8\xb6$e|sv\x00\x00m\xb8Rs\xfby\xa6W:k\x80\xab0\x00\x00\xba\x95\xaa\xf3z\xbdNp\xe8\xe0\xfe\xb0)R:\xa6ls\x90g\x00\x00x\xf1\xb3\x17\xfe\xd6P\xc7\xe3}\x81S\xb8\xf3\x1e#\xb82\xcf/\xb5S\x91\x034*\x84j{\xcd3\xcf\x00\xacD\xdb\xc4\xd7\x06O&gt;\xb9\xd1D\xe4@n\xee\x10\xba\x03\x00\x90W\xcd\x13M\xefM`L\xa3\xf8\xd8\xe2\xe2-(\xd0(u\x97\x01\x00@^\x95\xb74\xcf\xc1--\xfd\xf9\xf2\x99qhd-\xd0K\x90\x95\xe7\x05\x00\x00\x94\x10\xbe\x8a\xdc~\xa8~\x1d\xedLx\x7fi\xe5a\x03\xe4f.\x04\x80\xf8\xb7\xfb\x87\x10\x92\xce\xa3W\xfc\x80\x04\xb0U[k\xeb\xaf\xfc\x8d\xe6\x96\x00\x01\xf0\xda\x04\xce\xbd\'\xe7\xcb0!\xeev\xc12S\xf1\x00\xe5]q\xd0\x03\xc0\x82\xb9n\xfd\xfb\xc2\xff\xb6f\xfb\x80\xeb\n!L\xcft\xcc\xde\x01x\xff\x1et\x00\xb8\x00k\xe5)\xc2S\x19\xe4\x16\xf9\x80\x13\x00\x00\xb0\x99\xae6\x00m\xd0b\x01\xb4D\xa5}\x80\x85M\xc0\xd5\xf9v\xd8\xd3]d\xadm\xf2G&amp;\xae\xfc\x0e\x13\x00\x80C\xe2_\x81\x0f\xbb)`\x00\x00\x151\x00\xb8\x91\x08\x00\x00\\\x85\xbe/Y}\x0c2\x153 5\xed\x17\x00TJ#\rMp\xa9\x020O#A3\x94UJ\xd3\x8d\xae\xd6\xb7\xce\x0e\x00\xa0a\xcf\x8d\x9b\xa6\x8e\xbayY\x10\x97\xe3\x05\x0f\x00\xe4u\xf9f\xe6g\x9e\x1d\x00\xc0\x17\x97\xaf\x96\x01\x98c\x8a(\x85\x16\xd3\xb0\xb9\x80+q$\xdd\xa4\xf9p\xa1D8\xb3N\xb8L"\x03\xb0W\x8b\x9d\xd7\nIC\xe0\x99:\xa1ZV\x04\x02@o\x92\x7f\xebpa!\x84\xf1\xed\xb1\xe5\xa6\xcf\x08\xaa\xe2Z\x02 \x99\xd6\xfb\x9dT`e\xd6X\x01\x83\xe3\\E\x00$s\xeb\xbb\x1d\xec\xa2\x85\x10\xee;\xd0H]\xcak\xd7\xff\xa5 =\xfel\x0c\x00\x07y\r(\x00\xc9$\xeb\x98\x85A\xef\xffj\xdez\xff\xaf\x1b\x8c\xe3G\xcf\xdf\xcar8\xc8\x00\x00\xa0Qu\xf6\x81\xc6$\xb3\xb3u\x9e\xdbq\xa7\xf7\\O\x0f`\xceD`\xff\xfa\xe4\x86\x89\'\xff\xabM\x90e\x8d\x86\r\x00\x1c\xd2w\x0f\xa0\xef\xb3;O\xbdo\xbb\no\xde\x86\x81a\xf8\x95\xb7\xdf|_\x7f\xaf\xed\xea\xef\x8c\xa8\x9c\x1b\xac\x00p\x11\x1f\x9d\xcc\n\xd7\xd0Ov\x7f\x9f\xe3\xbc?^2\x0c\xc3\x98\xe4Q\x93\xaa\xf4wFT\xce\x12 \x00H\xa5\xeay\xdcT\xa1\x9dy\x8e\xff\xf9a\x18\x86q\x9c\x18\x1b4m\x1c7\xad\x9dk\xf0|\xdb\xcf\xa3\xce\x18k\x02@Kv\xbfk\xb5\xe6\x97\xb4n\xbd\x03p\xfbG\xa9\xe8\xaaR\xefm\x1c\x1a\xe2\x0e\x00\x004\xe3\xc8lw\xd3]\xc6{\xf0\x8fSh\xf8\\\x8e\x1b\xff\xa9\x1e\xee{p\xa2K_?\x00\xd0\x9c\x83\x13\xf9u\xde\x07X\xbd\x03\xd0\xaf\xb0\xb53Vg\x0e^S\xbby\xe1\x0e\x00\x00\xed\xbb\xd2lh\xa3\x1d\x8e\xad\xc6\x99w\xe3t7\xf3\xbd97/R\x00Z\xd1h\x81T\x86\x00`\xa3\x10\x0e\xbf\x8f~\xf3\xbco\xf7\xe6:R_\xfb\xbb\xd2\r\x12p\x07\x00\x80|\x9a\x9c\x1b[wx\n\xb6\xcdI\xc3\xbc\xe6\'\xb6?\x12+\x04\xbd\x7f\xea\xd6\xce\x85\xedB\x02\x80\x06\\\xe4U\xf1\x1f\xa7\xf96v\xec\xfe\xc4\x01\x80\xfe5\xbar\x94\xb3&lt;}En\x82]\x1d\xdfI\x0e\xb7\xc0&gt;N\xb3\xd6 \x1f\xaaMF\xce\xa2H\x00\x00\xe9%\x19\x03\xfc\xd86\xba)M\x04\t\x9f\x0c\x00\x00j\x94j\x02\x15\x00\xda\xe5!`\xe0B\xac"\x06\x00\x80\xcbq\x13\x00\x00\x00\x80\xf4\x8c6\xe1\xb2j\xbe\xfc\xbf9;\x00\x00\xe0Z\x1e\x1d#/\xf7\xa4c\x8a7\x00\\\xd0\x86\x87\xceC\x08\x97z\xefM\xcd\x93\xa3\x00\x00P\x86&gt;1\x00\x00\xf0\xc6\xf49\xadS\x86\x01\x80\xfe\xfc\xceM]\x9c\xc7\x97\xe0f\x8b\x07*\xa2\xa8\x03@\xdf*m\xe9\xb3vA\xb6~\xeb\\\xfa`~}\xa5\xc9\x0e\xd1\xc2\xd5\x9e\x8d\x01\x00\x1a\xe6k\xa7\xe1\xb8\xdd\x17\xd1YW_\xe4qU\x0e\x00\xc0\xb5\x84\x10\x86\x06;@\x96i\xb1j\xaax\x98\x0b\x00\x00h\x84~\x1b\xbd\xfa\xd6\xd9\x01\x00\x00T\xe7\xc7\xe9\xfd\x03\x00\xc0\xa5x\x90\xa3~2\x08\x80\t\x9a\x07\xc8\xc9\xf5u9*\xd56\xfd\xb7\xcf\x0e\x00\x00\x00\x00\x00\x80kq?\x01\x00^\xb8\xdb\x0e\x00\x00\x97b\x00@/\x1a\x1f\xcd\x1a\x8d\xd3\r\xaf\x01\x05\xba\x17\x1a\x7f\x95\xc7xv\x00T\xa7\xd5\xf2\xac,7\xabd\x91k\xb5x7\xc5\x00\x00\xe8\x9c\xa6\x84\xfe\x8cc\xee\xaet\xa6\xcb&amp;c\xd8ez\x8d\xa7\xf7MO\t\xa0\xf0A\xf3\x17o\x0c\x00\x00\x80\xaf6\xf5\xf7N\xef\x13\x97tz\xdf\xf4\x94\xc3\x8f\xe3x\xfa\x89\x03\xc06\x8d/\x01j\xc8\xf7\x9e\x1d\x00\x00\xcb\xb4\x86\xc05\x18\x00PLC%\xad\xa1P\x81D&gt;\xaezK\x80\x80Kp\xff\x1a^\xb8(\xb62d\xa2i\n0\x00\x00\\\x86;\xe1\xc0\x95t[\xe5\xb5\xb5\xae\xa9\xa1P\xcf%\xa1\xa8\x84\xa2\xb8\xa0\xad\xeaw\x90\x9b\xc0\x05\xf5[\xf1\xf5z^\x00U\xeb\xb7Y\x01\xe8\\c\xf37\xb4KI+ok\x9a\xcb\xa3\x87$I!=\x01\xa8\x94&amp;\n^tsQ\x18\x00\xd4\xac\x86\xd4\x9e\x8a!6\xaa\x1a\xe2\x07\x008\x9f^Q\x94\xff\x91T\xaaQ\xf8ju\xf3\x121e\xe6\x15`\x00\x00\xa4\x14Bh\xe8=\xb3\xef\x9d\xfe\x86\x82\xdf\xa7\xf3\xd3\x03\x18\xee\x95\xfb8\x0cCD\x9d\xdeV\xbb\x05\xc0qW\x1b\x03\xf8"0\xa0s\x9f\xd5z\\m^E\xa5o5\x05\xd7fA\xd1\x0e\x91\x89&amp;m\'\xbd\xd4\xfc\x154\x03y\x19\x00\x00\x1c\x16\xc2?\x9a\xb4M\xd5&gt;sez\xa8\xc3g"lH\x8a*&amp;/\xaa\xb6\x92\x98\xe3\x87a\xfc?\xaeL\x18\x85\x10\xde\xf7v\xcb2\xa5\x17\x00\x80=:\xeeG6\xf7-Z\xefB\x08\xef_\xac;\xf9K\x00\xce\xd4A\x93\x03W\xe0:\xbd\xa0\x0e\xea\xe7\xe87\x08\xd5\xc2\x12 \x00\xa0\x16\xd6\xb1\xd0"\xa5\x16\x80um\xcd\x15\x01W\x15\x86\xa1\xc4k\t\xfa\xa8\x0fC\x08\xc3\xbf\xdb\xc3\x89\x00\xf4\xa3\xb6\x06f\xf212\x80\xfa\xa8\xa9"\x99\xd9\x01\xa8\x8cIw\x80\xee\xe5\xaa\xe7\xbde\x15\xa0{\xa7W\xe2\xa7\x07p\\\x07\xa7\xc0\xb2\x84Yl|Nn\xbb\x0bX\x08\xe1\xff\xbd\xe1\xb3\xd3\xaf\x07-\xe6\xbf1u8\x17\x17@\x03\x9a{\xa1\x04\tU\x9e\xef\x99J\xa6\x02\x0fi=_P..\x80\x195\xd5\x8f\xd9\x06\x00\x15\x9dc\xa3\x9e2%Wb\xd6\xdfT\xd7\x1f\xe1\x95\xc9\x1d\x9e)\x0f\x00\xcdp\x07\x80K\xb9Lio\xef\x1c\xcb\xe7K\xc3%\xe1\xa4b\xdcp\x8a\x01\x00\xad\xd0\xe1`N\xd3ec\xc7@\xf4\xeb\xf6\xc1\xdc\r\x00\x1c\xa7)\xad\xd1\xbeL\x91\x95\xdd\xeb\xa0\xef\xbbc\x00P\xee\x94\x1bO[\x80Kk\xbd\x81\xc4\xb0d\x07)Fy\x05J]\xc9\x01@\x08\xc1\x18\x00\x00N3\xd7\xe4\xeb\xe6B=\xca\x0c\x00r\x1f\x02\x00\xa8\x9a\x81\x01\xd4\xa3\xbf\xebn\xf7\r\x87\xfb\x07{K\x10\x00\xa8K\xca\xc7\x01\xff\xb2\x0e\x17\x1d\xf5wF\x9d\xaa9\x9b\xae\xd8\xa3\xddW\xabt\xf0x\x06\x00\xb5h\xb5E)\x12v\xc2\x16\xf7sW?\xbd\xcd\x04\xa7Y\xad^\xe3\')\xd0\xcf\xde=\x00\xc8\x11\x0c\x00\x90\x91\xf6\x1b\xa2Y\xfa\x0f\x00dT\xe8f\xc2\x8e?q*\xf9\x02\x00\xd0\xac\xa9N\xb6\xee\x1d\xd0\x06\x0f\x00\x00$\xf5\xf7\xa9R;\xa4\xa5\x84\x14t:\x01\xa8\x8f\xc6\t`ME\xf5\xe4\xad\xd2Vu\'\xf1\xad\xb3\x03\x008\x81&amp;\x04`\xd5\xef\x08\xc3\xb0k\rI\xbe:v\x1c\xc7L{n\x94\xe6\x0c \xde\xb5nO\'|\x1fe\x92\xfd\x00\xb0\xc3\xfb`\xcc\x12\x7f\x00`z\x9c\xb6\xd0K\xd0{\xa0\x03\x0b\xc5\xfb\xac\x12\x1eBH\xfe\xad#\xef\xe7\xb2zv.p\xe0\xea\xcc\x94T\xab\xd6|\xf9Gk\rl\x89\x8e&gt;\x17\xb4\xb3xG|*\xe5\xb7z/\x1e"\xd5f\xef\x9f\xda\x15\x14@GT\x85u\xaa6_\x1e\x81\xa5\x88\xb0\xd09\x86\x10\xaazv\x13\n\xd8\xd73\x8e\xfcT\xdcf\x9b\xe7\xe6_"\x89\x99\xcb7\x00\x00\x80\xec\xeemg\xbd\xf7\x8e\xe6\xbe\xa6\xa0\xda\x80\xa1Ko\x9d\xf8?\xbf\xa9\xbf\x9e\xef\x82U\x15\x00@o\xb4\xee\xd9H\xd8\xd3%\xcc\x82=\xbb\xdaz\x7f\xe0\xb9\xc7_`\xe1P\x8c\xb9\x18\xbc\x06\x14 \x83\xb3+}\xe0 \x17q\x05\x12\xbe\xf13vW\xcf\xdd\xe5\x88W\x8e\x86\xe7o\'x\xde~\xef\xebJ\x97\x8a\xdd\xbe\xe1\x84\x17\xa7\x02\xecq\xfa\x14N\xe5\xa4O\x06\x13\x93v\xd2\xb9B2\xa5?\t\x17\xed\x9c~\x07\xe0\xf4\x00\x00\x80\xfd4\xe4\xd0\x96\xdd\xd7l\xc2+]\xbd\x01\xb0J-I\xef\xf4\x06*\xd3Avtp\n\x99H\x19\x80:\xa8\x8e\xb9&lt;3\x82p=.y\xe0\xc2t}\x80\xae\xa9\xdf\xe2&lt;5\x04=5\na\xcb\x17\x0f{\x0b\x10p\x15\xe38z\x19\x02\xd0\xab\x8e\xba\xb2y=\xd2)]\xef\x7f\xfdi\xe0D\x07:\x16\x07\x00M\xebi\xd6\xea\xb2d"\xf4\xc1\xb5\x0c\x00T*\x84`\x8a\x90$j\xeb\xf2\xd6\x16\x0f\x00\xc0&amp;Mve\xf4\xc0n\x9e\xbf\x08\xf6\xdcHH\xae\xa7&lt;\xf5\x0c\x00\x00\xddj\xb1\xc1n0\xe4a\xf0m\xa3\x00\x00\xb0O\x8b\x83\x16.N\xa1\x05\xa09\x9a.\xbe\xd0\x9b\xa1~U\x95\xd2\xaa\x82\xa9\xcc\x86Ws\x02\x90\xd5\x97G!\xa3\xbe\x1f\xe0\xff\xa5\x06\xbf\x0ey\rdt\xeax\xe9/\xbb\xfd\xe7\x9b\xf3"\x008\xc1S\xcd\x1b\x86\x98\x85\xcb\xf7\x0fX\xe0\xdc\xaf\xf05{e5d\x15J^e\xb7*\xbc\xaagT\xce\x0b&amp;\x84\xf0qt\x03\x00\xe0Z\xc6q\xdb\xfdX\xbd\xff\xbe\xdd;\x07g\xc7\x01\x17R\xe8z{\xba\xba\xfb\xb9\xc2\x8f\x8dg\xc6q\x1cB\x08U\r\x87\x00xS\xfaN\xb1\xd5/@\xf3:~&amp;!j\xcdj\xc4\xc7\x8d\x00\x00\xf8l/\xcd\x0c\xc1\x05U\xb8N\xe6tu\xa6\xc9\xf1\xf9\xfb\x8eGG\x00\xaf\x0e\xce\x9atO\xfaP7\x85\x93\xd2\xba\xad\x12C\x08!\xf8"0\xe0Jz\xa8\xd0\xb3\x9c\xc28\x8e\xb5Mt\xd1\x81t](\x85\x93\xd2RU\x89Y\x06\x12\xff\xfe\x0e\xda2\x00\xa2u;)E\x8f\n\x14\xd7n\xae\x88nN\x84g\xab7W\xf7\xe6\xfb\x91\xd2\xe2~/\x00\xf5\xd9\xd48\x9d\xb2x\xe9\xf8\x115\xc0K\xae\x978\xbf4Q1.V\xae\x14\xe0t\xd6S\xf2^\xcb\xa5Is\x0b&gt;\x01\xa0%-6\xdb-\xc6|\x82?;\xd1\'\xab6\xe9\xf4 \x0b\x9bL\xf0\xe9Q\x81|\x01\xf8\x90\xa6BT\xab\x02\xdc\xe9hF\xcb4X2\x0c\x03\x98\xa5~,C:\x03\x94\xb5P\xeb\xaeW\xc8\xde\x02\x04\xf4\xec\xfd%\x0e\xe1\xee\x84h.E\nS\x1f\x17&gt;}\x08!L\xbe\x1a\xeb\xb6(\xe8K1\x9f)\xf3\x06\x00@\xd7\xde\xde\xe36\x8e\xdf\x1f\xffi\xdd\x85H\x13\xef\xcb\xf3RQ8\xc5\x19\xcf\xc4\xab*\xcb\x9bKsY\x01\xb0\xea\xdf8;\x00\x80\xa6\x85jo\xab&gt;\x1e\x93\xad3\xbc#\xe6\xd2\xfc\x7f\x1c\xea\xcd\x0e\x80Z\xa8"y\xa6&lt;,\xcb\x9d&gt;z-\xa7h2\xcd7\xc6\\\xf2\x1cK\xbe\x89u\xfe&amp;\x80g\x00\x00.ik#t\xdb\xbe\xc9\xae@\xb4\xd5\xd7,\xfa.\xe4sI\x7fbm,*W+ZW;_\x00&gt;\x84\x106M\x92\x1d\x99I\xa2\x15r\x93"\x14\xb3\x12\xeew\x00~\xef\xd9\x81\x00P\x8d\xd4\xab):i\xd1\xf5\x80S\xd9:\xc2\x84j\xb5[-|\xd4\xf3\xbb\xe2\xff&amp;y4\x00t\xa7\x87\x1b\xca!\x84\x1eN\xa3\x0e\xd6\x18\xc0\xb4\xdb\x1b:\x8b\\ .C\x80$\xbaz\x06\xb1\xa7sI\xa5\xef49rv}\xa7LR\x7f\xf6\xec\x00h\xca\xde+\xcb%\tP\x88\x97\x90\x90\xca)eI\xe9-\xe0\xd2\xb5\x84\xbel\xac\xf0\x98N\xda}\xee\xd7K4\x80\xe2\x9e^\x9d\xac\xce%\x11e\xa9q\xef\x15\xc25\xab\x88\xc7)G\x9e{\x13IT\xe0\x9d\xb6Y\xf7\x7f\x9c\xd7\x80\x02|\xb2\xa4\x92d\x94\xa5&gt;T\xdf\x93\xcb\xedQ+FV\x8fW\xa9E\x17\x0b\xc6#\x11\xee\x83\xc6\xdfP$&amp;\x00\xa8u\x16\xca\x0bd\xca\xa83\xf7\x1b\xf2\xf8\x1e\xd9\xb7\xdf\xa4\xd9y\x92\xfd$VgT\x19\x14J\xff0\xa1\xc4q#\\c\x94\x06@MB\x08W\x99&amp;,H\xaa\xa6\x16B\xb8\xcc|6\xc9Du\xf2\xc7q8\xb7\x13n\t\x10\x00\xa5\xe9T\xd1\x82QA]W\xd3\xacv\r"\x13#\x84\xdc\x8f\x94\xfc\xe8\xf2\x9f\r\x00\x00\xa0\x07z\xab\x97uf\x17|4L\xfa\xb4\x9c\x11cDZ\xa5\xcb\xca\xbft\xea\x97\xff\xeb\xcf`\x12\x1d\x06\x80X\x96j\x00\xa9T[\x9fT\x1bX&amp;\x93}\xf7\x99\x14\xf8\xdcv\x1c\xbe\xbc0\xe0\xf1\x87K%\x1d@9U=\x8f\xf5pVTu\xa6F\xb4$\x917\x9d\x02\x1f:8\x85\xe2:H\xb1\x1e\x8ann!\x84a\xf8\xa1\xac\xfb\xdf\xf7\xbc\xef\xfb\xb3\xe6\xcf\x7fJ\x1d\xe6\'\xc3\x0b\x80\xba\x9c2mvki.&gt;\xe7t\xb5\t\xcb\xac\x96\x133\xbe\xbc\xb5R2\xcf-&lt;!\x84\x97\x89d\x92[\xc8\xe2-s\xff\xb3\x9f\xad\xbf\x90\x034f\xd3\xf4v\xe4\xc6\x8dO\x99C23\x17\xc2\xea\xd5\xf1\x877N\x91\xf2E\x07i\xf2#\x05O!kr\x1d{\xd1\xe79o\x085\xda\x00\xae\xe8iZ1&lt;\xd7\x84\xcfU\xf0\xf2|L+\x13\x93\xb0O\xfc\x94v\xeek\xc1\x9d\x99e\xed\xa6O\xbb\x91?{\xe9\xb8\xefz\xbf\xe7\xc7&gt;J\xa6\x86\xb7\x00\x01W\xf4\xa8e\xdb\x9fDK\xc3$+G\x8c\xe3_\x94s\xe7){E\xca9\tM\x15\xa7\x88\xe2\xfa\xba\xe8\xff\x9f\x89\xdb\xf3\xca_\x95m\x80u\x93w]\xaf\xdc\x0fN|\xe2\x87\xf7v\xe5\xbc8\xd1#\xcd\xb7$\xfe\xf4\x96uf_\x9dQ\xedT\xe4\x1a\xc9u\x88F.\xf0\xd5\x8e\xf8\xdb\xfa\x9f\xf8\x15\xa4\xe1\xf9W\xc3\xf0]YC\x05\xe0SO5\xe6\xf1sI\x99\x1a)v\xd5S\xee\xb4c\xc7\x00`\xd7a\x1a\xe9\xff\x91)\x9bB\x08\xed\xdf\x81}\xef\xff\xc7\x0c\x00&amp;7.]aZ\x02\x04\\]7\xbd\x90\xe3+%R\xae\xb5H\xb1\xab\x0e\xd6\x077\xa8P\x9a\xc7|)R&amp;\xdd\\\xf2e\xec\xce\xa6\x16\xd3\xf9k\xcc+\xf1O\x9e\xdf\xed+~\x17?7\x97\x9eG\x93kSN\x19\x00\x00\x97v\xab175T-\xb6j9H\x87\xbeE&lt;\x04\xbf\xbf\x00LN\xff\xff~%\xaa\x11\x0b\xd7\xfes\xce\x8e\x8b[\x8e\xe3X\xe1{K\xbf\x16\xfb#\xe1E\x16\xe6\xa7C\x94-\xfe\xd5%=@&amp;I\xdeU\xe2\xe5?\x0fU\xbd\xc1\xa3\xaa`\x88\xf1\xd9M&lt;\xe3[/V\x877\x8a\xd3\x82\xe7\xf4yI\xabm5\xe4\xcc\xf8 a\xe2\xe7\xce\xca\x95\x11N\xc4\x07\x9fSr\xf5S\t\xb9\x03\x00\x10k\xd7\xf3\x91\xdd\xaa\xaa\x874\x8e\x7f\xe6\xec\x10\x1a\xd6zy\xde\x1a\x7fUE\xb7E\x0b\xe9\xb7\xba\xb2\xebe\xbd\xfc\xdc6q\xf3\xe1\xeb\xdb\x9c\xfb\xedl\x0b\x7f\xbd\x05\xf6\x12\xdd\xef\xc9\x1a\xd0K\x00\x05\x8f\x05\xd0\xb0\xe7\xda\\\x07b\x959TV\xa5*$\x07\xf6\x13t\x84v\xfbH\xf6\x10\xe2W\xf2\xec\x18j\xbe\xe6l\x08\xe1\xf3\x97\xe7g\xdfZ/\x7f\x88\x8e0\x14\xfe*\x00w\x00\x006\xd0\xa9\x85TR]M\x07\xf6\xd3\xd5\xe5\\\xf8N\xceG\xb2\xc7\'\xfe\xdf\x90"\xbc/w\x18\xcae_\xfe\xb4\xbd=\x13Q\xee\x8c\xba*\xfa\x00\xcf2MB\x9b\xdb\xe68\xa5\x88\xab\xd9\xd7\x87\xae\xe12Y\xb8ZWO\xaa\x86\xf8\'\xb9\x03\x00\xb0A\xeb\xab\xa5\xa1\x0cW\n\xcf\xe6\xca\xc3\xf33\x03O\xff\xf8\xf2\xc9\xbc\x91EX\xe8\xc4W\xdb\xbf_e\x00\x00\xf4l\xeb\xfb=c\xa6s\xda\xad\xf1\xa9G\xa6RTU\xb7\xbb\xaa`J\xcaq\xe2\x05\x12\xb3|~=.\x82{\xb5\x1a&gt;\x96\xf6?=VpV\x19J\xf2Eue\x1a\x8b}\xa1\x1a\x00\x00\xdd\x8a|\x1fE\xb1x\x92i1fn2\xe7]=\x83\xd3\x1d\xdf\xb0\x11\xaf\xf2+7G\xb7\xaf\xe9y\x87\xb9\xcc\nax\xea\xe1\x8f\xc3\x9f\xf8\xf8a|\xfc\xcfy\xe2\xe7z\x16\xb6\x8a+\xa5K\xdb\xac\xee!\xfeBx\xb9j\x1a.O\x001\x07\xe7Z\x95\x00\x00 \x00IDAT\x16^\xae|\xe2\x9b\xc8Oa\xddy\x05\xce\x7foIA\xb7\x93\xcdr\xca[_\x9a\xee\x1b&lt;\xe6\x84\x10n/\xab\xc9W?\xc4\xbc\x10\xf3e\xdb\xdb\xeb\x85f\xb6\xa9\xd1\xea\xeb\x80Bx=\x8b\xd5\x06(\xb2\x85\x8a,\xdb/\x9b\xb9\x03\x00\xb0A\xcd\xf3\x8e$\x919\x8bk\xeb\xc7\x148\xd9,\xa7|\xa5\xc5x\xd9ow\xe4{\x01\xe5\xd6\xc8\x1f\x9b7W\xd1\xae\xf5\xd1o\xff\x1b\x9e\xbf\x08\xe1\xe9\xaf\x13g;\xd7\xfb\xdf]\x18^\xde2d\x00\x00tn\xf9\xf9\xad\xf8nD\x073\x88\xc7\xbf\x05\xd9\xf8\xa7\x15Q\x99\x15\xc2i+\xac\xd3\x89,\x93\xed^\xb9\xb9\xaf\xb9\xacC\xa9m{.X\xbd&lt;] \xc9\x0ezK\xc8\xe53\x9e&lt;\xc5\xf7T\xda\xf1\x05\xc3\x11\x17\xc28\xfb\x03\x00W\xb6&lt;\xc8\xe9`\x08\x14\xc9Z\xa9\xb6D\xe7W\x9b\xeb\xaf\xb6|\xd3V\x9d\xe2\xbb\xb3\x0b/\x0bJ\x15I\x91K{\xdbT\xc9\xea\x00 G\xcc\xee\x00\x00\xf0ay.p\xf1\xaf\xed\xcf$?\xd1\xfb?\xcf\x9e\xbbL\xd1\xf9\x95i\x89K\x18\x0e,\xccX?B\xd9\x95\x87\xa9n\xf4m\xdf\xc9K\x97\xf7\xfe\x8f&amp;\xaf\xc7q\xfc\xb11\x1b\xad\xdc\x82\xcez\xe2\x06\x00@\xffv\xb4g\x96\xbblTg\x0b\xddL\x0e*lw\x8d\xad\xec\x1f\xc7\xf1V\xf8\xb3=&gt;\x9bc\xaf\x9b\xed\xa8\x0f\x9f\x13d!q\xee{\xfe\xef\x85\xf0\xb4\xea}\xe5C\xfb-\xbf\rb&amp;\xb6m&gt;&gt;\xf2ggK\xf2m-\xfe\xf2k\xb2\x1e\x1b\xc4,\xd0R{\x00L\xd8\xdf\x95\xffn\xb5*p\xb2\xf2\x93\x11\xcfG|,\x94?\x18CX\xf4\xfc\xe7\xdf\xb8\xf6tlri\x07\x00S;\x9f\xddO\xba\x9b-Z+\x80\xbb\xcf\xba\xf5\x07T\x8e&lt;k\xb5&lt;|v\x98R\xefw8\x7f\x1e1IO\xabO\xe5\x07\x009\xf69\xd1\xef\x1f\xbe\x94\xe7\x10\xc2o\xfar\xe8\x9c\xfd\xda\r\xc3\x8cS\x16D\xd5\xb2s\x80\xf6\\\xacZ\xb4fi\xd6\xf7\x7fM\x99\xbf\xb2\xd9\x84\n\x99{\xeag\x16\xa1\x7f\xb6\x9aL\xa9\xafxtqi\xcf\xce\xfd\xcfl\xff/\xb4;P\x7f\xd7E\x0e\x024\xe2Jun\x9e\x89\xe1\xb7cd\xdd\xff5HCv+\xbd6&amp;\xb9\xc91\xc0\xbf\xdd\xe7\n\x96\xa3\x99\xb58:J\xa0\xa5Gm\x00v\x0b\xdd\xbf\xd81\x84p\x7f\x1a\xf1\xecPX\xd0\xe6\x9b(\xa9@=\x95\xd8\x97H6\xbe\xa5t\xb27\xdcY\xc5\x15\x9e\xde\x98\xfc\xfc\xef${\x1e\xc71\xc9&gt;\xbd\x05\x08\xb8\x8e\xae\'\xc8o\x8d\xcd\x99\x11\x10\xa3\x9f^N\x97j\x9eY_\xfb\xae\xd9B\x8b\x00_\x8f\xb2\xb1\x1b:\xf9V\x9b\xef&gt;\x16\xd20\x0c\xe5+\xbf\x85\xd4~yuO\xdaa[\xcdE\x14\xa0:{+MU-\xa7\xd1\xd2\x9f\xe5\xb1\xfab&gt;\x0b*\xcd\x9a\x02e\xe6\xfb\x15\xcb-\x8a\r\xcc\x9e\x8fX\xf2p\x00\xbd)_q3GF\\\xd0\x89\x99\x1e\xb1\xfc\xba\xd2\x02\xe9J\xa9M\xee\xa5\xfc\x93GT\x0c\x80KKQ\t\xaaF\xa9\x9b\x96\x1e\xb6(\xf0\xb2\x84\xf7C\x94\xee\x94\xff\t\xd5\x02pafA\x9eI\r\x9e\x1d\\\x14\xa78\xc1\xa4\xb9K\xa3\xd8\x13\x1a\xee\x00\x00Ww\xa4\x1e\xdc\xfe\xc1\xdc\xdbC\x15r\x7f\x17A\xd3*O\x96\xca\xc3c\xca{\x96\xadd\xa2\x01\x00pu%\x07\x00MW\xb8M\x07\xcf)\x94\x99\x12\xf4\xe4xc\x04\x0e\xb0\xa2\xc8DH\x0f\xb5\xb0\xb6$\x1d)\xc9\x8a\xc9\xcbm\xe6Q\xd1N\x06\x00\xe6\xa43\x90\x9e\x003\xee\xad\x8e\x8a\x92\xdc\x1a.c!\x84\xe1\xefh8\xfe\x86,v\x82\x1b\xca\x82\xcd\xa1\x96\x1d\x004\x93\x92\xc6E\x00\x1dP\x8f\x93X|\xe7\xe0p7B\xe9\xe5\x04\xba\xbf\xcb)\xf0\xf8\xeb\xe4k\x85\x0e\x1e\xda7\x01\x03\xec\xf7Y\x0b\x87&amp;\x1b\xb3\x16c\xbe\x8e\xb4_ \xba|\xa8\xfb?\x94\x87~\xa4z!\xcc}\x0f\xe9\xcb\xc6\xad\x84\xf7T\x0b-$\xf8\xe4\xefK\xa6\xc0\xcbQ|\'9\xd0\xb1\x8f\x1a\xaf`G\n\xa0\n\x8f\x0e\xdf8\x8e!\x84q\x1c\x87\x10\x86M\x95\xe1\xd7&gt;\xa3\x8a4N\x98\xec]\x7fd\xc1\x8e\xdd\x850\x0c\xb7|\x1b\x9f\x7f);\x00\xa6\xadN\x80Y\x82\xd96yw%\xae\xd6\xad\x9e\x17\x90\x1cyu\xcc\x05_-\x7f\x85\x93\xfd\xe6\xec\x00\x00\x1a\xf6&lt;\xc7vn$\x174=\xcf\xc6^\x1b\x0bs\xe9\xe4w\x89m\xf5H\xb1\xf7\x7fl\xddO\x85\x1d\xe2\x14S\xe0!\x84\xe94\xb9Ba\xf3\x0c\x00\xd0\xad\xd5J|\x1c\xc7#\x15}\x85\x8d"M;\xb7Dm\xba\x16V#uu\xf4d\xb2\xaal\xa8\xb8N\x9a\xeb\xfd\xb7&amp;\xf8\xbe\x08\x80\xa2.xg|Y\xe1\xa4\xe8/\xe5[?\xa3\xaf\xf1\xd7u.\xad\xa7\xedn\xf9N\xbc\xf5oKT{\x03\xf4)\xe6\x19\x80$\xfb\xffg\xb5"\xad\x99,\x18z\x03\x93b\x92\xa5\x85\xa4\xfbEg\x07p\x8ez\xb2\xa6\x9eHr\xdb~\xa6\x85S\xe6*\x19\x01\\T\x81\x19zsH=9=+S\x05p\xfa\x89\xbcx\xb9L2\x87W\xd7\xb9W@\x82\xb4$\xd3\xd5Q[\x9d\x00P\x91\x1dU\xe4\xd4\x00\xe0}\'j\xdeU\x92(\x91\xbf`\xff\xcb^\xb6\xd8\xbc\xf6\xe3e\x00\xa0;2G\xcaP\x86\x87\x80\x01&gt;$y ,\xbc|#X\x89\xaeN\xa5=\x86\x10B\xf4\xba\x8b\x0e\x1e\xc5\xcbn\xb5$\x85\x10\xc2\x9f\xdb\xb0\xfd\xee0^\x0b\xf9\x9a\xf1\xeb\xc5u\xf0\xe1{\x00\x80\xba\x84\x10\xaa\xed\x91\x97g:\xf3D\xe5\x13?k\xe1\xff3\xcaRW.\x9d\x9b\to\x82U\xff\xbc\x01\xc0\xd9tF\xe7\xd4\xf3\x9e\x10\xfap\xd9\x12UOx\xf5DrM\x11\xe9\xff9\x06\x08O\xa2\xf7v4\x7f-\x01\x02.\xa1ds\xf8/dX\xe2\x9cd\x87s;9\xbe\x1cc~\xcf\x15\xad\xf4\x88O\xc3\xc9-\x0b&lt;S^L\xbbgQU\x89\xe2\xa1\x92K\xe37n\x8b\xe1\x7f\x98/\xe6\xd5\x82\xfa~\xe4\x85\xa5qS\xbfw!\x00\xc4)\xd6&gt;\x95i\x0b7\x1f"g\xff5\xd5\xf8\xa4\x86&gt;\xc40\x7f:e#\xcc\xfb\xf6\xaa\xac\xdbG\xec\xaf\x8a\x8c&amp;^O\x03\xe0\x9b\xbf\xeb\xfcs\xa9\xf7{3\x00\xd8\xa3\xa7f\x92\x1em(\x9fgu\xfb\\D\x07\xa5}$\xa3\xb3\xde\x7fC$;@3\x0e6\x969j\xfc\xdb\xab[\x92\xef\x96\xb6$\x99\xc7-\xd3#)\xf8&lt;}\xbd\xb7\xc5*\xd3\xfc\x18\xa0\xf5\xf8\xb7X9S\xcf\x00\x00\xac\xd9\xdef\xd4\xf9\xa2\xc3\xeb4}\x07\xf5=\xd9Yg\xe1\x9cQ&amp;\xce,G\x19\x7fL\x8e\xbd\x9e\xe9\xf9\x99\xd5\x03;9\xf3\xca*Y\xf2\x93T#\x07&amp;nZ\xb9\xc6\x01\x18\x86\xa1\xf7\xde\xe7\xb9b\xd2\xb6\xee\xb5\xce\xe7GuO\x9c\xf3#\xa1E[^t\x93\xf6\xb0\xa5\xef\xf3\x84\'9\x0e\r@W4\x18\xa7/U\xaa&lt;\x0bN\x8fmS\x00\xa7G[\xceu\xce\xf4z\x16\x8a\xf1/^\xce\xf7\xba+\x13\x80k\xa9\xbcF\xae&lt;\xbc\xdc\xd2\x9e\xfe\xc5\x13\x13\x9aP\xf9uz\xee\x9b\xc1*O\x1c\x80\xba4^i6\x1d\xfc!9\xdaT\xabV\xde\x95\xbc@\x1a\xbf\x18+\xf7[\xcf\x0e\xe0\xa8\x86\x8bG\xbb\x91\x03\xf4j\xad\x1f\xb9\xe1k\xa1n\xfb)\xd6JU\xbe\x04%\xb7\xbc\xa7\xff3\x12\xed\xb9\xfd&lt;Z\x8e?\xe1\xd9}d\xa8\xf5\xd0\xe9&lt;\'c\x07I\xda\xc1)\x00P\x8b\xb4=\x98\xb4;dY\x08\xe17\xe4Js\x99X\xd4\xb9\xcfAF\x1c\xb7\xc9\xf2\xa0.\x02\x80\x12\x9a\x9e\xbcl.\xf2\xf2w]\xc8\xa4\xe2\x17\xa1d,`U\x9e/Q\xe4\x1d@\xdb\x92?K\xdan\xc3\xd0n\xe4\xcb\xea8\xafJ\x9f.0\x82:Q\xd3\xd5\xc5\xe5UzE\x03\x10\xa5\x9e\x01\x80\xae@\xc7V\x0bF\xf9\xdc\xafp\x81x%a@C\xdc\x08\x05\xd8#\xc3\xdb$\xf7\x0f\x00.X\x83\xf7w\xca!\x84\xbf\xa2\xb5\x93\xaa"\x17\xfa*\xff\xa9\xce\xa5p\x9a\xfc\xc4\xeas\xa1\xddz\xd2K\xc6\x00*R\xa6-\x899J\xbb\r\x1b\xd9\x1c*\x0f[\x8a\xd3?u\xe4@PL\xbb\xf5d\xf9\xc8\x1bM(\x80\x12\x1e/\x1f\xdc\xfd\xf1\x88^Z\x88\xd9\xac\xdd\x86\xed\xca\x9a\xce\xb2k&gt;\xdb\xba/\xbc\x84\x97g\xe5\xe9S\xb9j\xeb\xc9\xd5\xa8"\xa7\x81v|\n\x80\x9d\x0eT\xb2\xba\x054\xa9\xe2\x17\xef\xd4\xc8\x00\xa0\x1es\t(a\x01\xa0.\xda\xe6#\xf6\xcd\x1d\xaen\xdf\xe5\x00\xa0\xbf3"F\x97\x85\x19\x00zSOk}z\xd7\xe1\x94\xa3\xc7\x0f\x00NO\x9fM*\x0c5&lt;9;\x96\x1eH\xc6#\xa4\x1e@JZ\xf7\x87\xc8t\x90\\\x0f\'%\x85\x12;\xe7\xe3\xa5\x8a)\xd7\xfc\xfc\x01I\x9dR\x92\x05\xf7\xd7$e\x00\x96lk\xfeM\xef\xd5)W\xa6\x14{9O.\xf9\x1e\xff=\xfd\xec\x8e\x07`\xc2\x9e\x1d\xe2\'&gt;\x14-\x00.\xe1\xc4\xd6\xae\xc2\x866\xed\xb3\xa4U\x9d`\x9d=\x9b=!\xfdI\xaflOB\x1aN\xd8u\x8dHI\x80\x0c\xee5r\x18\xfe\x9f\xea\xd9\xfd\xea\x7f;G=\x91\x1cW\xed\x00\xa0@H\x9b\x0eQ8\x89\x82\xef{\xaaFm\xd3\xed1\xd7\xec\xe4_\xc3\x81wU\xefVO\xba\x01\xe4\xf2\xa8\x97k\xa8\xf2*\tc\x87\xca\xc3\x8eO\xd8&amp;\xb2\xa0\xca \xef\xfd\xad\x9a\x02+\x9fP\xf5\xe5K\x1bv\xf4\x8c\x97\xb7\xafm\x00\xf0bf\xac\xf8\x1a\xf3Y\xa7Pm\xba\x01$\x13\xdf/4\xb7\xb7\xac\x9e6\xe3\xbd\xed\xefl\x000\xfc\xb6\x1a\x83\xac\xbc\xcb\xb5f\xed\x02\xffz^\xcd\x9ef\t;\x12\xa7\xe5\x923\x0c\xdb\xe3\x9f\xdb\xbe\xf5t\x00\xe8\x8dz\xb9-G&amp;\xd2.\x95\xd1\xf1#\xdb\xaeFP\x87]\xe1\x1c_\xfc\xb6\xeb\x9d\xf2&amp;I\x8a\xc4\xfb\xe5s\xc1\x92\x06p\x82\x8bt_.G\x9e\xce\xab\xa1\xc0\xd7\x10\x03\x1c\x91j\x00\xf0\xf6\x8b\x98\xdd\xba|\x00\x8e)1\x00\xe8\xaa\xafc\xbc\x94]\x8b)&lt;\x17\xf3\xfc\xb9\xcc="\xf9\xf4\x9b?_"\x1d&gt;b\xd8\x96\xe6UgPK\xe5\xa7\xf8\x03\x1b\x95\xaf\xed\xdc\xb4vq\xf2\xb3\x93\xbf\x8f\xd9\xe1\xb7b6\x02 ^h\xabI^t\xe2y\x9c\x9b\x86\xa5\x8f\xde\xda\x8d\xa9q\x1c7\xfd~\x18"~\xff\xad\x12\xc9\xfe\x11\xe1l\x9c\xd3\x1f\xca\x13\xcb\xf5lK\xf6X\xcb\xbd\xfc\xa6.\xacY\xefW\xd6\xc25\x18s\x1d\x19\x00\x00\xd72\xdfA\xa9\xd5\x1f\xcbq\xdf9\xf6s\xc7\x0f\xbd\xfbX\xed\xe5\xd4^\xe38f\xea\x18Ue\xbd\x10&gt;\x12\xa1\x8f.[)\xb7+\xa5\xda\x01dD`IF\xbf\x7f\xeay\x87\xdbc8\xdb\xae\x08\xc7q\x9c\xcc\xfd\xebT\x9e\x00\x15i\xa0\xb1\xd9\xa2\xb3\xd3\xb9\xb2\xd3o\xaa\xac\x06\xa0\xb0\xf5\'&amp;O\x0f\xe6\xfb\xfb+\x01\x9e\x7f_s\xa1J\x15^\xcd\xe7\x08p\x1d?\xf5\xec\x00xUU\x03yJ0\xa7w\x86\xaa\xca\x82\x9b}!\xd5v"\x95\xf7q\xe3\xed&gt;\x8b\xb9\x148\xbd\xcc\xe7v\xe0\xd4\xbaM</t>
        </is>
      </c>
      <c r="E362" t="inlineStr">
        <is>
          <t>&lt;class 'numpy.ndarray'&gt;</t>
        </is>
      </c>
    </row>
    <row r="363">
      <c r="A363" s="1" t="n">
        <v>361</v>
      </c>
      <c r="B363" t="inlineStr">
        <is>
          <t>steps_per_sec</t>
        </is>
      </c>
      <c r="C363" t="n">
        <v>4100</v>
      </c>
      <c r="D363" t="inlineStr">
        <is>
          <t>2.9885433</t>
        </is>
      </c>
      <c r="E363" t="inlineStr">
        <is>
          <t>&lt;class 'numpy.ndarray'&gt;</t>
        </is>
      </c>
    </row>
    <row r="364">
      <c r="A364" s="1" t="n">
        <v>362</v>
      </c>
      <c r="B364" t="inlineStr">
        <is>
          <t>Loss/RPNLoss/localization_loss</t>
        </is>
      </c>
      <c r="C364" t="n">
        <v>4100</v>
      </c>
      <c r="D364" t="inlineStr">
        <is>
          <t>0.18501991</t>
        </is>
      </c>
      <c r="E364" t="inlineStr">
        <is>
          <t>&lt;class 'numpy.ndarray'&gt;</t>
        </is>
      </c>
    </row>
    <row r="365">
      <c r="A365" s="1" t="n">
        <v>363</v>
      </c>
      <c r="B365" t="inlineStr">
        <is>
          <t>Loss/RPNLoss/objectness_loss</t>
        </is>
      </c>
      <c r="C365" t="n">
        <v>4100</v>
      </c>
      <c r="D365" t="inlineStr">
        <is>
          <t>0.04373444</t>
        </is>
      </c>
      <c r="E365" t="inlineStr">
        <is>
          <t>&lt;class 'numpy.ndarray'&gt;</t>
        </is>
      </c>
    </row>
    <row r="366">
      <c r="A366" s="1" t="n">
        <v>364</v>
      </c>
      <c r="B366" t="inlineStr">
        <is>
          <t>Loss/BoxClassifierLoss/localization_loss</t>
        </is>
      </c>
      <c r="C366" t="n">
        <v>4100</v>
      </c>
      <c r="D366" t="inlineStr">
        <is>
          <t>0.10234041</t>
        </is>
      </c>
      <c r="E366" t="inlineStr">
        <is>
          <t>&lt;class 'numpy.ndarray'&gt;</t>
        </is>
      </c>
    </row>
    <row r="367">
      <c r="A367" s="1" t="n">
        <v>365</v>
      </c>
      <c r="B367" t="inlineStr">
        <is>
          <t>Loss/BoxClassifierLoss/classification_loss</t>
        </is>
      </c>
      <c r="C367" t="n">
        <v>4100</v>
      </c>
      <c r="D367" t="inlineStr">
        <is>
          <t>0.1310158</t>
        </is>
      </c>
      <c r="E367" t="inlineStr">
        <is>
          <t>&lt;class 'numpy.ndarray'&gt;</t>
        </is>
      </c>
    </row>
    <row r="368">
      <c r="A368" s="1" t="n">
        <v>366</v>
      </c>
      <c r="B368" t="inlineStr">
        <is>
          <t>Loss/regularization_loss</t>
        </is>
      </c>
      <c r="C368" t="n">
        <v>4100</v>
      </c>
      <c r="D368" t="inlineStr">
        <is>
          <t>0.0</t>
        </is>
      </c>
      <c r="E368" t="inlineStr">
        <is>
          <t>&lt;class 'numpy.ndarray'&gt;</t>
        </is>
      </c>
    </row>
    <row r="369">
      <c r="A369" s="1" t="n">
        <v>367</v>
      </c>
      <c r="B369" t="inlineStr">
        <is>
          <t>Loss/total_loss</t>
        </is>
      </c>
      <c r="C369" t="n">
        <v>4100</v>
      </c>
      <c r="D369" t="inlineStr">
        <is>
          <t>0.46211055</t>
        </is>
      </c>
      <c r="E369" t="inlineStr">
        <is>
          <t>&lt;class 'numpy.ndarray'&gt;</t>
        </is>
      </c>
    </row>
    <row r="370">
      <c r="A370" s="1" t="n">
        <v>368</v>
      </c>
      <c r="B370" t="inlineStr">
        <is>
          <t>learning_rate</t>
        </is>
      </c>
      <c r="C370" t="n">
        <v>4100</v>
      </c>
      <c r="D370" t="inlineStr">
        <is>
          <t>0.039954696</t>
        </is>
      </c>
      <c r="E370" t="inlineStr">
        <is>
          <t>&lt;class 'numpy.ndarray'&gt;</t>
        </is>
      </c>
    </row>
    <row r="371">
      <c r="A371" s="1" t="n">
        <v>369</v>
      </c>
      <c r="B371" t="inlineStr">
        <is>
          <t>train_input_images</t>
        </is>
      </c>
      <c r="C371" t="n">
        <v>4100</v>
      </c>
      <c r="D371" t="inlineStr">
        <is>
          <t>[b'1024' b'1024'
 b'\x89PNG\r\n\x1a\n\x00\x00\x00\rIHDR\x00\x00\x04\x00\x00\x00\x04\x00\x08\x02\x00\x00\x00\xf0\x7f\xbc\xd4\x00\x00 \x00IDATx\x9c\xed\xfd{\xf0\xbe\xcf\x7f\xd0\xf5\xed\xf5\xe3G\x08\t\x87\x142\x9d\x12\trH\xa9\x94\x04D\x90\xa6\x18e$\x9d\xa6\x1c\x0c\xa0\x1c"\x8a\x87\x01T\xe8 %\x1c\xa6\x0c\x81\x8e\xd1F@;\x86c\xa1B\xcaP\xb4L\xa3\x03\xc3 \xb4B#*\xc7\xa1\x96\xb4\xe5\x10@\xa5\x16HdbC\x95HB\x14\xb6\x7f\xdc\xf7}\xbd\xf7\xbe\xae\xdd\xbd\xf6\xf0\xda\xdd\xd7\xee\xf5|L\xf2\xfd\xbd?\xef\xf7u\xef\xb5\xe7\xd3u\xb8\x8d\x01\x00`6\xd6Zcl\xfeG\xaa\x0e\x00\x805|bt\x04\x00\xa5\x98\n\x00\xeam\xb9\x1f\x88\xb7\xebm\xcb\x0e\x10Z\xd1\x81\x031,\x00\xb0&gt;k-\xb3y@\xb3\x82\x16Z&gt;Y\xa77\xb8\x05\xd6rh\x84\x0e\x04XZ\xd6\xb2\x81\x05\x06\xa0G\xb0=&gt;\xef\x1a\xa2\xb5\x0e\xd3\xb9\xab\xa4g\x06\x00\xe4\xe1\xba\x01\x00\x00\x00\x00\x00\x00\x00\x00\x00\x00\x00\xf7\xc3\xcd\x02\x00f\xb8qHy\xf4nL{\xcd\xe9\x8e\x0c\x01pgMg\x14\x9fl\x14.pO\x13\xbcFP\x7f\x0c\x01\x00@KL\x05\x00\x00:Y\x06)\x007\xb4o\xfc\xb7\xdbU\xe4{\x00p\x17\x13\xdc\x9c\x83d\xf6\x9d\xf9\xc9\x8fw;\xfe\x82\xf3\x01\x03#\x89j\xcc\xfe\x01\xdcW\xd3\x0b\xf6t\xaf\xb8\x11k\xed\xb6\x19\xaa\xfd\xd4\xae\xbe\xc9\xf5\xe2\x19\x87\t\xee\xd1\x02\x00\xdc\x9b\xb5\xb6\xf5h\xc5\x15\x00\xdcMn\x8b\xf2L\'\xd9W\x1e\xe4zG\xff\xb2d(;\x00\x80r\x1d\xf6\xaa\xd8\x0c\x03\xb2uX\x9a\xe3@v\xe2\xce\x85 \x00\xc0\x9dq\x05\x00\xf7"r_\xf82\xb3\xffY\xee\x92\x17\x8f\xa4\xb5\xbc\x0euqST\xec\x14\xcb$du\x14\x13&amp;\xc3\x02\x007\xc2P:\xa3F\xa5FU\x00 g\x91]!\xdc\x07\x0b\x00\xdc\xc8\xf62:"Z\xe8\xcf\x8a\xc4\xd9\xff\xff\xcc\x98-\xf3\x85\t\xea\x93\x8e*\xfa\xebv\xa2e\x12\x02@\x15\xbe\x08\x0c\xc8\xb6\xd23\x00\x0b$\xe4#\x05\xc9\xbb\xfa\xf3\'\x1a\x00\x80r\\\x01\x00Jp7Q\x07\xdeL\xde\xbe\xfc\xb9h\xd9\'\xf1\xd6\x9a\xc7\x05\x00\xb3e\xcd\xecY\x04\x00\x00\xd4\xb1\xd6\x8a\xde\xa6\xea\x0f\x8a!\x10(\xf1\x98\x9b.\xb0}\xaeVh\x89\xe5\xe4\xf9\xc7!\xaf_Zc\x1f+\x83\xeb\x05\x1ae\x87[\xb0\x96\x0b^\xc0D\xc4\xbf\x038t\xcf\x02W\x00\xa0\xd1\x14\xfb\xeb\xcc \xdb\t\xcf\xfe\xf7\xbf?\x17`\xef\x0fu\xec\x97\x00\xae\x8b\xc6Zk\x84wY\xd0\xc4\x14\xbd\x81Z\xe4\x1d\x00/\x16\x00@\tf\xffC\xec;#\xcf\x9f\xbf\xd6\xbe~\xff1\x95\x7f\xbc\xdb4\xa5x\x1e\xef\x02e~\x89\x85\xd1S\x01sy\xdd\xe3*\xd5r\x83\x03\x1c]\x034\x9a\xeb)\xdb\xb9b;\x83\xd8\x9c|\xdb\x8c\xb1\xc6l\xc6\xbd\xff\xe7pGV\xd6\x9c\x9e\xb2\x03\x00\xdc\rW\x00\xa0\xd1\x84s2k\xfeU6\x92{\xb0\xd6\x9c\xbf\xc5\xeb\xf0v\xd7\xfd\xce\xa0n\xf5\x88\xcb\x08\x00\x80\x89L7\xcd\x02\xc6\xb2\xb4\x9a\xf6\x92\xa6\xd3\x8f\xcb\xa4\x97\x01m\xdbq\xb5\xe0\x0bJ\xa0L\xb9\x10\x04\x00\x98e,\x98 \x8a@=^\xda3\x8f\x8c\xcd\xf4\xb7\xb7\x81\x9e\xc29\xdc)T\x1a\x0e\x00\x00\xa9fY\x00p\x0b\x10\xee\x80\xd9\xff4\xb2n\xa5\xf1\x1d\xbb\xffn;\xdf)\x94\x13\x0e\x00@\x84\xe5\xadk\n\xb1\x00\xc0\xfa\xace\xf6\xbf\xa0\xc7]\xfe\xa7\xeb\x05\xc5\x05\xcd\xc8\x04\xcc\x83\xa7n\xe6\xf1,\xabm\xbb\xc9]\'\n\xe6\x1bI\xad\x83\x05\x00\xd6\xa7\xa05\xa2\x89\xc7\xb8\xe2\xbdg\xe8\xb7v\x99\x1f&lt;^9\xda\xe1D\xc0\r]\xbd\x0e\x0c=\x88tq\x8c\xc2}%\xe56\x0b\x00\x00\x9d\t\x0c\'_q\x1c\x96\xbe\x9f\x13\xbc5\x9fk\xff\xc9\xfas\xdc\x00\xab\x17h\xc6\xacq8\x91\xdb\xd9\x1foj\xa6\xb7\xd1\x86\xd6\x05\\\x9b\xe5\x99\x9e\x05\x94\r\x12n\xe9|Wk\xff\x7f\x05!\x18\xff\x9eb\xfc\xf1\xf1\xf0_\xe7x[\x14\x15\x1bC\\U&lt;O\xf3\xd9?B\xa5\x9d\x8e\xb7\x9f\xa4\x1c\x87#\xf7\x81kz\xba\xaa\xe5GA\xef\x02`\x8b^58\x8f+e\xa7\xf6\xbeW4\x9e\xcf\x8f\xd7\x8cz?u\x8e\x18\x00\xdc\xd0\xaa\xa3\xd5\xec\xb8\x05\x08x\xe7\x9d\x80\xaa\xe9\xbc\xf6\x98\xe8\x89R\x07\x9d\xae\x1c\xfbN\x13\xcf\xe7-\xfcX\x9b\xf2\x02\xe2r&lt;V%[\xb7i)\xf5\x94w\x86\xb7\xc5\x02\x00xGW\xa5\xcfa\xfc\xd8\xde\xbe\xeb\xf7X^\xdb?W~\x9a\xd2O\x9eC\xa2\x16%`j\x051\x1fuI\xb6\xf5\xd1\x96\xb1*j6\x00]\x0e[n\xfb\xdd\xf9\xee\xef\xdfG\xe5\xfd\x8e\xe1\xc7[\x81\n\xaf\x18\x8c\x1d\xe9ox\x95\xfc\x86IF#\xd4%qd\xa9Z\xfbPXY@\\\x01\x00\xa0\x9a5\xc6\x98?g\xde;\xbb\xd7\xd7\xca\xb8G\x95N\xfcu\xb8\xe1X\xab9\xc9\xdc\xf81\x91v\x85u\xdbw\xd7\xdc3\xd5w\xc3\x02\x00\xb8\x91I\xbbuk\xbf\xff\xe3\x87\xc7m?\xcf_\x1ac~\xc3s\x80~\xfe_\xc5)\xb6?T\x19G,E\xf3\xe2\x04\x07\x9b\xdb/4\x08\xbcQ\xc8\x9ay\xef\xae\xc4;;\xe4&amp;Fg\xfb\xbf\xff\xc9\x01Lk\x96\x05\x80=q\xff\xfa\x87\xcf\x7f\xde\x0f{}\xe1|\xaeQ)\x05\xa0\x925\xf3t\x98}\xf1\x1d\x8b#\xbdr\xe6\xe7\x8f\x8e\x08\x00$\xc8\xed\xca\x03st\x1b?\xca\x98\x9f\xf2\xdc\x95\xc9\x9e\xff3\xd2\x00\xf8`_\xfb\x08\xa3#\x02\xbc\x11\xac\x93\\B\x00\xa0Q\xa8\x9bs.L[\xf7\xb6\xffm\xdb\x7f\x97-\xf4-`{T\xb8\xda\n\xf4g\x07?\x87j\xad\xbd\xe7\x9d0s|\x8f!*\xf1\x0c\x004b\xdf\x05a\xf6\xf9\xdf\xc3 U\xf3\x18p|\x8c/\x9f\x01\xa8\xab\xc6\xb4,\xf4T\\\xdf\x1e\x1b\xf0\xa3\'\xdf\r\x1f-\xd0\xed\x9e\xa9\xeeopo\xcc\x02\x00\x1a\xdd\xb5\xdb\xc5\x87\xe8\x8e\xbc}&lt;\xf2\xeb\xce.\xcew\x08\r\xf7\xb8\x17it,\\\xaa"\x83\xf5\x15w\xe4\x91\xaf\xd8\x9b\x86\xae\xb6\x0fu\x86W\x90\xc9\x1b\x18\x80\xa5u\x98@7\\m\xbeb\xcf\x82\x16@\x1an\xbfY\xd6c@\xd03\x1cp\x05\x00PM\xd9\x16ro\xad\xfb\xca\xb6\xe1\x7f\xbc\x9dP\xcb\xd3\x84J\xa21\xc4\x9d\xd3\xde\x1ey+\xe5\xf8\xa5\x873\xe2\xcd\n^r\xef\xab\x95yw\x05\x0b\x00\x00\xaa5|\xc3w\xa3p\x0fg\xd96%7\x13\xdf|HVP\x02J\xd5W\x8c{\xd7\xac\xc5\xdd\xbc\xdfPH\xaa@X\x00\x00\xaai\x988\x0e\xb7m\xdb\xff\xa5A\x98L\to\x86\xe2\xf6\xab\xefd\xfatS\xf7\x99\x89\xaa\xea\xf6\x0b"\xd3\xf4\xab\xd9\xb0\xbd\xd4\x86#\x12\x1b\x00\xf2x\xfb\xe4I\xcd\x0c`{\xdc]\xbb\x99\xdb\xf6{\xa3_\xaa\xd8\xc3\x1d\xd2xO\xda\xee\x9f\x06f\xc7\x15\x00@+\x86:\t\x8f\xef\xb4\xdf\xb6\xcdl_t\xe7\xd9\xbf\xb9\xc7\xe4\xe9\x0ei\xbc\x01\xcf:\x9fM\xe5f\xac\xf3_\x89\xe0x\x00\x00\x00\xd0N\xeck}\xbf\xe61\x02)\x1a\x84\xac\xb5\xdc(\r@\x1b\xd9/D\xe7\xbb\xd5\x01\x08\xa3C1\xf4\xada\x8f&lt;ye\x8e\xc2\xfcQ\x18\xa5y|+\xb9\x07\xb4$:\xb20B\x01\xa8F?\xf2\xceY\x00\x903\xb8\x8b5\xe6\x13k\xa4\xa2\x03=\x19\xa5\'&amp;\xad\xddok\xe9V\x89\r\xe2\x19\x00(\xc6\x1d\x9fA\xe4\x0c\xee\xa2\xe0\xce\xef\x9b\xcdf\xd6\xa1\xaa\xd4\xee\xf6\xc8AFz5\x15S\x81\xc9\xa3\x0f\xe0\x96T\r\x90\x80N,\x00&amp;\xc5\x15N\x00\xc0\x00L\x1a\xb0$*vg-2\\m!\xca\xde&gt;&gt;\xd1\xe2\x8d\xe5\n\x00\xac\x84\xde\x1cPd\xaeI\xe1\r\xc9\x16\x8d@Y\xa7}\\"\xda?\x90\xbbI0\xaf{\xdd\xe2\x06\x00\x98\x88;K\xbb\xdb=\xd9\xf3\xb0\xd2s\x89\xf2\x00\x1f\x15f3&lt;B\x06\\\xe0!`\x007\xc5\xa6\xb2~|\xfd\xd3\x0c\xc4\x0b\xa8:@\xea\x0cp\x85\x05\x00\x80\xdb\xe1\x96\x92\xe9\x94\xbd\x0b\xa8EL\xd0N}\x91\xb1\\\xa4\xda\x03\x00\xe0\xc7\x18\t`Itn\xf7\xf6_\x8d\x8e\x00\x00\xa8\xc3\xfb:\x00\\\x90\xba&lt;\xc8D\x1c\x00\x80\xf1\x18\x8f\x81\xfb(i\xef\xdf\xc3\xbe&gt;H_\x91\x83\xae\x15\xc0\x10\xcd^\xb9\xad\xa3S\xd3\x13\x93\xc9\xb1\x00@1*\xcfT&amp;zo\xec\x14\x91\x84\xdf$u,\x88\x87\x801\xbd\x16O}m\xdb\xa6\xe4%\xb9\x96\xed\x15\t\xb3\xf7\xd4P`\xd6*4\xc5lX\xf4\xdb\xc4D\x82\xe9C\xc5(\x83\x02\xfa\xdb\x14\x00`\x8e9\x10pg\xb2_\',\x12\x140\x1d*?\x00\x00\x00p\x17Y\xab_n\x01\x02\x00\x00\x00\xf4aG\x1f\x00\x00 \x84\x9b\x1f\xb0\x9c/J?\x94\xfa\x0f\x00\xc6\xd0\x1b\x02\nM\xdc*y\xb4\x00\xca\xe5\xd5On\x01\x02Vv\xdb\xe7\xe1\xee\x99j \xd1\xb0\x9e\xa1\xc1K\xdbz\x997\xe6\xb8\x89\xbc*\xca\x02\x00w\xf4\x1c\xfc\x9eC 3\xc5\x05m\xdb\xd6\xe2\xfd\xb0^,60\x97\xbd\xc6\xde\xb6\xea&gt;\x12^\xd4\xff\xdf4\xc7\xb0\x1eV\xb4\xb8\x1d\xef\x98\xd7m\xb2\xd8\xd9#\xb1\xab\xa6\xeeF\xac\x9dy\xeb\x14\xd0(\xaf{\xb4\xd6\xd2\x97\xe2`\xe6\x9e\x99+\x00X\xd4sk\xe7\xb9\xcd\x93p\xbd\x9b}\x1d\x14k_y\xfa\x8f1w\xdd\x1b\xc6\xaddL\xe8\xf3/*&gt;\xae3g\xc7\t\x13\x99v\xf6oX\x00`I\xcf;{\x9e}\xef\x97\x1c\xfe\x14\xf8H\x8f\x88\xf5\xd7\xf3N\x98\x1b\xd3\x93\xc3r\xb7\xb4Qm0\x9b\xcc;\x9al\xeb\xbeq\xdb6\xda\xd1\xc4V\x9d\x16\x00\xab\xb2\xefR\x8eI\xbbD0\xa9%\x13\xb5&amp;\x91\x1a\xb8h5\xc6\xdd\xc9V\xec_\\\xda\xed\xaf;R\xe0\x88\x82\x06f\xe2\x9b\xd3\x7fK\xda\x81v\xbd\xcb\xb5\xcb\x8fU\xcb\xa5\xcez\x7f~\x96\xe3\xaf\xe9\x93\xd8\xc5\xb2\x14\xab\xf8\xa3\xf25S\xed\x02`\x9a\xae{\x8aH"\x80\x8bSXG\xa8\xc7\xdc\x9c\xff\x8f\x1f\xf9\xf1\x91\x15\xae\xdbZk\xd7HH\x90\xb5\x89\x17\xf1\xc7gEZT\xad\xb7O\xb6o\x8f*\xfa\x8fA7\xd6\xda\xed\xbd?\x99Wr\x0b\xc2\xd3{clx\x16\xca\x05\xad\xf1\x0c\x00\x96q\x9c\xd3o\xdb\xb6\xfd\xde\xe7\x1f^\xef\xfc\xb4\xce_\xe3\x9d\xf8\x02\x1b\x1b\xeb\xdf\xfd\x7fN``\xe7l|&gt;\xa4\x95\x85\xff\x98\xf7\x079\xc6\xa7\x05\xc6l\xdd6h\xdb\x9dh\x8e=fe\xfa&lt;U\xb5|\xd7\r\r\xa8dX\xc4y0{\xf4\xa1\xfb\xef\xdd.\xd5\xdd\xc5\xf1~p\xd2\r\x18\xc1hO\x9a\x03K\xa2,\xf4\xeb\xb31\x0c\x00R\xb8\x02\x80e=6\x83\xb7\xaf\xf2\xec\xd9l\xdb\xbe\xf6\r\xdc54\xe7@&gt;i\xb4\x11G\xb1\x02\x00\x00x\xf8\x9f\xea\r&lt;\x04\xec\xfc\xd5\xfb\x91\xb1\x86G\x00])\xa8r\xa8\x15\xec:(\\\xb4\xf7\xcb\xa9f\x00n+0\xfb\xbf\xfe\x84\xf9\xd1\xaa\x16\x00\xc3#\x00\xec\xa8\x8a\xa9\xee\xd6l\xef\x96^`F\xf1)\rW\x96\xb1\x88P-\x0f\xdd&gt;\x11k\x15\x13\xbc.f\xfc\xe9\x1e\x1f\xe4\xf6t\xe0\x96x\x1bU[t\xad\x90\x10k\xa7T/\xac\xc0;\x9bw^\xd5\x17j\x03\xfeU\xc0\xa4\xef\xf8c\xc0\x00\x00\x00)x\x08\x18+\x08L|/\xde\x9c\x18\xba\x06\x90rq[\xe1\x15\xf0\xc3k\x8e\x14\xc6\x10\xed\x1c\x8a\x9b\xd2\x07\x80|7\xea9\xd9/\xc4"\xbc\xaf\xfb\x8c\x1f\x19\xc1V:\x00Q\xdc3\x03hw\xab\x0b\xe9\\\x01\xc0RR\x9a\xee\xe51\xe9\xcd_\xf3&gt;\xeb\xff\xb1c\xdc4\xe7\xc3z\x86\xe46E\xec*za\x80\xeaY\x05\xe5\x0b\x18\xe5\xad4\x87\x8e\x97\x9a\x00\xbd\xe4Tw\xff\x0b@i0\xd0\x8f\x05\xc0p\xcf\x8eb\xa1&lt;Y\xa5|\xd7HE\x8a\xfb\xa4\x14%\x9c\xf9\xcc\xf7\r\x1d\xb3\xccj\x07\xc8\xfe2\xce\xdc\x17\x07e\xc5\x85\xc6\xa5\xdc\xad.\xf5\xd6\xcbm\\\xebE\xc0\xd5+2\xcfnD[]-\x88\x8f\xb6$\xac\x81\\E\x88;\xbd\tU\x12n\x01\xc2:\x1e\xb5&lt;}+\xcb\xff\xe0\xb0L\x7f\xbaT\xa7\xbc\xca\xee\xe0\x9b\xc9\x06\xce\xd1Ep\xfe:\xed\xee\x11\x98\xad\xc8\x04(M\xef\xb6\xad\xd9\'L\xe7~-\x02\xd9"u\x84\xda\x83\xf5\xa4\xed\xbe\x07F\xb0\t\xbb\xd4\xe6W\x1b\xd2\x1f\xb0\x06n\xa3\xe7U&gt;\xae(\xaaE\xd1xpiBNa\x05K\x19\xb5\xb9\x02\x80\xf5|\xca\xf5\xad\xfc\xeb\xcc\xfeMz\xef\xe0Mt\xddN\x1e\xbb\x80\xc9\xbeh\x82\xbcb[7G\xcf\xbeb\xc6~)\xc3\xa4\x15\x8fG\xc6B\xe6\x1cIuj\x98\x93\x14\x12Vd\xad\xfd\xb8\xf2u\xac\xe4-o\xfdW\xcd\xbb+S\xb3U\xc36\x0f\xeeI\xd5\x03\t\x18\xc5Z;\xe9\xb7F\xe2\x0e.\xbb)*.Vv\xba\n\x16\xdb\xb0Y~8\x17\x9f\xafsk\x10n\x8b\xd5/0\x19k3^\xf2}\x03\xdc\x02\x84\x95\xed#\xf4\xe5\x1b&gt;\xb7_\xd2)J+\x19\xfe`h=^\xfcZ\xee\xde\xf96{\xcd\xc7Dt\xf6Q:c\x15\xb3m\x8f^\xebN\xdd\xfe}R\nD8-\x9f\x17\xff\xe7X5\x8b\x9e\x89\xa2\x0e\x00\xc0\x1d|\xe3\xed\xc6\xfd\xfb\xa4\x14\xb8t\xbb\xf6/\x80\xbcZ\x8fT\x99R7\x12\x90E+\x18X\xd5ie\xb8b\xe9g\x00\xa0\xc0\x0f\x19\x1d\x01iW3\x06\x16\x00\xdd\x14l7,\xbcC1o\xba~\xd5\xb41\xafs\xcfTOf\xe1\x1e\x03\x00\x1aJ\xef=Cw\x8e\xe9\xeb|\xb5\xc5G\x8f\xde9SP7\xbe\x8b\xba\xea\xf4T9\xcf\xc8\xfe\xb8\xd6|(\xa3\xaf\x97\xc02\xa8Z\x00P\xe4bl^\xeb\xd1\x11\xe9\xc8O\x9c\x15\xc8\xd2\xaa\xda\xff\x08\xaa\x10\x00\xa0\xbd\xa9go\xddeMv\xd7\xcc\xd8\xc5f\xffS\xc7\x1f\xb3\x90\xa8f\xff\x9a@&lt;\x80\xe5\\6.:y\xc0o\xba\xb6\xf1}\x8b"&lt;]2uZi\xf6\x0f\x1d\xa8B\x00\xf2X\xbb?\xe9{\xdd\x81\xa4\x8cV\xbc\xc9\x18\x98\x82\xa5\xb56b\x13\xbe\xd1\xe9\xd0\x8d\xf2\x0e\xf8,)9\x9c{$.Y\xbe\xae\x18(\xf7\xec\xf5\'mA\xee\x98\x15J\x02_\x04\x06La\xca&gt;HX\xe9\xd6\xfb\xbe\x11R\xfc\xe4\xee\xb6=\xfeoK\xfc\xee\xb3\xd1W\t\xc6o0\xbf\x0f?\xedN\xc15\x19\x00\r&lt;g\xff\r\x02\xee\xdb_\xcd\xb9~\x01\xb0\x8e1S\xb4\xbd\xab\x8d\xbc\xbag\xbd\xe9\xa3\x8e9q\xa78\xe8H\xacR\xf7\xc9\x99\xfb\xa4\x14w@}\x06\xb0\x8c\xf1\xddY\xe8\x9e\xc8\xa9\xbb\xda\xd0\xf4w\xeaDA\x90HMP^\x9dX\x04b9\xb5\xf5\xd9Zk\xfe \x8d\x02\x00\x96{\x84w\xbf|\xb1L\x8a\x80]\x83\x8aM3Qn\xca\x02\xd2\xd9\xfd&amp;\x0ev&lt;\x03\x00h\xa7\xb3\x8b\x99\xcb#\x07\x1f\xf7\xf1\x0f\x8e\x8a\x90Q\t\xf9Rj#\xdak\xd0T\x17i\xf8\'\xcb\xb4\xc7\xf9\nH\xf9\xd0\xbc\xcaX\x07\xdc\xd5\x02[\xbc\x1a\xe2\xaf!\x0e\xb3#\x0f\xa5\xc9\xe4\xe7B\xe5\xb2LB\xb0&gt;\xe5C\xb3\xe6\xb8\x01H\xa2\xbc\x97\xd1\xa9\xe6F\xff\xa6\xb9MQ\xe2\xf6\xbeht\x04\x80\xc51m\x00\x961eKn\xd3\x07%\x05X\xf5\xa4o\xf5\xa3\x02t\xbeP\xa8E\x9d\xa4\x9e\xe3a\xbd\x9a`\xad5\x9f\xa2%QY\xd9\xcb\x00\x04\x1c\xd1$\xceD\xf2\xe4\xff\xfe\xde\xdd\x0c\xcf\xe7\xfa\x08\xd4w\xa0\xc33\x01p5\x9a\x13\xecaV\x84?\xa0\xa50C\x92\xb5d~z\x12\xf5\xf1\x9b\xde\xef\x93ht.\x9e\x11\xc0-X\xbe\x14\xb3\xb1=\x87-_\xe6\xba\xb8\xe7\x03\xd5\x92!\xd2&lt;[\xdag\x0f\xdb\xb65\xfaN\xf1\xb9J\xb0ol\x17\xff\x12\xf7U;\xfcC%\xf9hD\xa75\xeb\x92\xc9\x07\x16\xb1\xde\xe6D\x02uI\x1e\xbeKTpvw\x83S::\xb3jQ\x8e\xfd\xeb\xc6\r\x0b\xb4q&amp;\xcf\x94\x9fnV4\xca\x13k\xadY\xf4{\x06ui\x96\xbd\xd6q&gt;\x91}g\x8c\xed\xda\x04\xfe\xb4L[f\xe1\x02`}\xef\x9b\xa0%\x1f\x7f|P\xc9v\xd7\xc0h(\xc9\x01\xe4{6\x82\x16\xc5g\xad\xdd6\xc3\x8c\xe2~\x96\xbd\xbe\xe1\xce\xb0\xe3M\xe60\x17\xa7{\x04\x00-\xde6r\xde\x7fY\x10\x94\\\xbc\xc6[,9\x18\xc5Zk\xbe\x8a\xba\x84\x95d\x0c\x10\xa7\x0b\x02s`\xa5\x02`\xb0\xfe\x9b\xca\xc5\x17\x04\x16\xdb\xff\x9e\xeb\xd6m4US\x19\x16k\x177A\xf3\x8f\xc8\xca\x9cI/\x02\xf0M\xc0\x00\xc6\x12\xd9/\xf9\x83\x12\x81\\+\xe8\xd9\xb9\xf7\x1a\x13)\xab\xab\xc9\xed\xe2F\xd5\xd5{\xd5qTdBf\x99\xaavgO?\x9c\xfc\xb2\xe0}\xff\n\x0b\x1a\xb8\x1f\x95\xed\x90GK5\x88\xcc\xcb\x85\xcbe\xaa\x8b\xc2\x80\xac\xb5+\x7f$us\xdd\r\x02\xd7\xe3\xb9^\xa7\xf8&lt;\xe5\xe8&gt;\x01|\xd63\xb6\xc5\xb8\x02\x80\xa5\xa9\xdc\xde\xd87]\x16\xd8}\xa9\xed\xef\xc6\xf5\x95\xdb\xb6\x85\xf2_\xb8\\\xe6/e@\xbd\xb6_\xe0\x1d\xea\xa6\xb6/\x08~\xea\xd8\xc3L2)\xc4\xab\xac\x9f\xc5\xf7\xc5\xf6\xedA\xe7sM\xf0\x16\xec\x14k\x00F&amp;\x00o\x1e/\xf4\xb06i\x1e\\\xf3v\x9d\xca7\xf3\xac\x84\x9bq\xd1\xdf\x1dn\xdc\x97J\xe3\xde+&gt;\x14\x85\xb9\xec\x0bs\xd6b\xdfK\xd9\x86\x87\xc2G\x81\x06\xa7\xfa\xfa\x1b\x17W\x00\x80\x9b;\xf6^\xdb\xb6\xa5\x0fT\xf5}\\\x9f^R\xf9e\xd9m\x9b`\xb4x\xd0\x9c\x8dH\xf7zq\xe7\xc7\xbf\x87E\xa5\x05\xe9\xef&amp;?\xf4\x8aEa\xce\xd1\xc0\x1b\x99\xa7\xdf\xf0\x94\xb2\xb5\xde\xdb\xfd\xb7\xc3\xf1\xd3\x998\xea\xc0\xed\xc5\xb6\x94\xee\xb0\xbd\x97.\xb2\xc5\xde+\xa3\xd8\xff\x03RI]\x13\x9b\xfd\xda\x1a\xddx\x7f\xc1\xdb\xbd\x02\x05\x91{\xbc\x1e\\\x01\xc0|\xe6\xd9KhM{\xff\xd2\xd1^%\xfe\x90\xf7\xcf\xfd\xee\xf8\x0fz~\x8fX\x97si\xa4?\xed\xfacx\x1f\x91\x06{\xf2o\xe8\xb9\xbe\x97\x1d\x93\xab\x83\xf5O"\x97\xa3\xa2"\x01\xe8g\xd4\xf8\xa1f\xe8\xaa\x8a\x83\x8e$@\x8f)\xeb\x83\xb5\xd6\x98/\x19\x1d\x0bd\x8b\xf7?}{\xa7X\x7fN?\xa9\x9f\xe7\x85&gt;Wct\xc1G\x94`q\t,(\xf7\xc2q\xe5\x85\xe6\xd7\xfd\xc4\xf4\'\x00\xba\xb3V\xe1\xbb\xb6\xce\x9d*\xf7\xf3L\xc1;w\x8f\x17\\\xc1G4\xd0\x1e?`6\xd5\xb7z[kg\xe8;\xa6\xc3\xe8\xfb0\xfb]\xd1\xc02h\x8c:\xe5O\xe8=\x9fH\x7f\x8d^\xfa\xf7\r\xcbV\x15\x9e\x01\x00dU\xb7O\x06\x836\x8a\xbb\xce\xce\x17s[_A\xce\xb9\xbb\xfa\x9d\xb5F\xd1Mk*\x88d\x05\xf9y[\xe5\x8d\x11\xbd\xfc\x11\xdf/O\xdd\xe0\xb1\x10\x13\x8b5\xab\x02\x84\x8f,\x1c2\xa8y\x00:Ye\x0f\xbe\xc7\xfb|\x1a\xe6U\xd1%&amp;\xb6*\x01\xdc\x84;\x99\x0e\xbf;\xce\xec\x03\xc1y\xf2\xdd\xb9\xab,\xeb\x9f\xb9\x02\x80[R\xb3\xe5\xd6n\xf3O\xd5N\xad72\xaab\x98\xa1K\x94\x1b\x8e\x1fE\x9b\x8elU\x02\x90"\xdb\xf3\x8b\x0f%{_\x17\xea\xf3\xe2\xdf\x963KW\xc9\x02\x00\xb74\xae}\x1e\xba\xaav=\x85\xe0\x1d/)}k\xfc\x98\xfe\x1db\xc3\xa5E\xf2\x9d\x9d\xb18L\xba\xf8\xc1@kU\x98\xf8\xdbrB\x7f\xa5\xd5\xacAvDh\xb1=\xf1\x08\xd0\xda\xeb*\xa7\xa1N\x96\xe5\x00\x0b\x00\xe8\xf7kGG`b\xb9}\xd3\xf5\xcc\xb5\xf4,\xe7\x1e\xea\xd5\xc3&amp;\x9d\xabh\x8f\xa7\xa4_\xce\xba\x05\xdfZ\xeb\x9d\x96=\x92\x16\xe9\x91\xc7\x8f\x18\x98\x8e\xa6m\xc5\xfaIO\xa0u&lt;\x83\xfd\x966\'\x1d\xe4\xedk\x89gH\xc5\x14\x91ln\xaf\xa2\xaf\xdc\xd8\xf3\xe4\xf5\xcfSi\x0e\xbfR\xfa\xaa`I\xc5\xa7\xa8C\x01\xbc$\xdePy\xcfzn_/\xc7k\x9a|k\xccV|\x83x\xe2\x07\xf7N6\xfd\x14\x95QJ\xfcl\xcdYxq*\x90\xe1\xd52{\xf6\xe7B\xc3\x875\xaf\xa8O\xf1,\xcd\x14\x91\xec,\xb4"rrI\xc5w\xbd\xbfj\xac\x8a\xc8\x00#\xb5~\xa1\x8ab\xaf\x8d\xfc\x82\xb4\xe7\xe7X\xebL\xce\xda\xd50\xa7r\x7f|\xb6E$\x03a\x0e\xa8o\xb7\xac\xe4\xb8\x91P[\xeb\\\xf3\xcbN\xb7G\xfe\xae\xe3\xd1\x1a\xde\nNa9*\x8c\x120\xda\x0f\xbam\xab\xf8\xe1e\x1f\xcb]8i[h\x9d\x17\x00\xcf\x7ff\xde\xe0T&lt;\xd8\x17|*%\xe06\xc1\x02\x13\xd3\xd3\xed\xc4\xcd\x12O\x00@s\xa1!\xe1\xf0\xfb!#G\xe6\x9c\xbe|\x01\xd0"u\xde\x05\x801_\xf7\xfe\xa7\x92k#Yq\xc8\x0e\xff\xc2\xbf!\x1d $\xa9Z\x03\xdf\xc74y&gt;K&lt;!j\x9a\xfa\t@\x90T\xcb\x1f7\xb1\xc8\xbe\x08Pv\x8e\xca\x03\xf2\xe2\xf3\xcf\xbc]\x8b\xcf\n\xbc\xdd\xc1\x18$c}\xdb6"\xe8\x82E\xda\x00\rn\xbc\x94\rP\x8eX\xc4\xa8\xa8\xc0\xd2\xd2\xde\xad9K/\xd0\xe8.\xa0\xe2\x00\'\xca:\x00\xe2\xca/\xf4A\x14\xfdp\x012\r\xc0L\x1a\xdd\xccS\xf3\xd9\xb9\xba\xd1\xb9b\x8br\x14t\x174(\xe8E\xe5\x04\x80v&amp;\x99\x014\x8f\xe4~\xd7S\xcaa\xc0(\x8d.$\x02\x8b\xa1\x8d\x00\xba0t\xddMJq\x8f~\x86;\xfd\xecT]\x0cF\x17\n\xd4KlD|S\x00P\xef\xf9\xa5\x1bV\xc1\x97\x8e\xed-\x7fxL\xcc\r\xbeP\xc6M\xa0\x92\xc4z\xbb\xfe\xc7\xf7\x12w\x8fK\x01\xbe\xbf\x06\xbdi\xe8\xb7\x01)\xe9#\xd1\'\xdaG\x06\x98L\xfe.\xd4\xb3\xa5)\x18E\x9e\xd1\xfeucc\xf1\xd2?;\x12\xb7\xe4W\xddet\x97\x7fnm\xb4\xddR\xfd\xe9\x95\xa7\xf8%2\xd1\x00\x92\xbd\xf5\xdb\x8b\xf6\x0c\xf0Y\xb3\xac\x0f\x9d?\x80\xbbp\'y\x95\x13\xbe\tg\xc9Is\\\xe9t\xe9\xc8\xa5\xab\x9b\xa7\xb9\xbb\x1a\nh\xaf~\xd7\r\x84\x16\xb4\x06:C\xe0\x16n\xd9\xce+\xdf\x82\xb7O\x16\xe9%\x9b\x91\xccX\xfb\xf8\x9e\xe3hae\xad\x01^\x87Q\xfa8h[%X\xa6\xa2\x03^\x11k\xb8\x05\x08w`\xf7\xff\xa4\x7fDn\x04\xaa\xdby\xad\x8fF\xe1\xa5\xc0\xc35\xc4\x1b\x0c\xc9\xbd\xa7\x1d\x82g{\xc6|\xfb\x7f%\xde\xe8\x9f\x92\xd2\xd7\x83\r%\xd1)\xf8\x8c\x02\x1f\xdf\x1b\xdd\xf0\x1c\x93\xb7#k\x9b?\xa4\xd1\xe7\x06\x86\xd9\x0b\x02\x95\xb6m\xe3q#\x00g\xd2s\xc1}\r\xf0\x08\xb6\xfd\xd8S\xb9\xfd\x1f\x08mm\xb3\xde!\x93\xb1\xc2\xb46\xe3\xe0\xd2\xc84\n\xb9\xb5=\xe6\xf3&amp;\x01\xc9\xa6l\xe9\xae\xd9\xe3\x0f\r\xb8\x02\x80\xf5\xe5\xccx\x1e\x87m\xdb\xf6\xc3$c\xf0\xda\xd0\xb2\xef\xffl\x8a\x1d\x8e\xb3h5\xd8\xa6~v\xea\x11\xf1\x8b\xaa\xbem\xef\xff\x8b\x0f\xdb\xa6\xe7Q~4\xf3\xc9\xc7m\x8d\xa3\xa3Q\x8dZ\n\x00UV\xddG\x99\xfa\xf6\xfd\xfahO\x9a\xf0"o;\xfa)k]\xef1j\xef\x88\xbdSQ\xa2\x13=\x95JOL\x96d\xc3FGM\x05\xae\x00\xe0\xd6\xea\xf7Q\x14v%\n\xa3\x94%\xbdP\xe8\xca\x1f\xf6\xfc\xda\xb6H\xee\xd9\xc8\x8b/\xb8^\x84\xfb`\xfb\xfc\x0e\xe2C\xc3\x02\x03\xc7\xc7\x8d\xbe\xff\xc2\xf4i\x01\xa6\xa4\xb0\x1f\xe95-\xd60\xf9\x1e\x1e\x81\xa8.\xf9\x93\xb2y\xcf\x06\x98\x1a\xbfZA\xe6\x0f\x8f\xc0\x00\x83\xb2\xfd[\xe3\x7f\x0e_\x8eC\x85\x7f\xcf\xd7\xd1\xcds) %n\xee1\xc5)b\x1d\x0c\xa8gm\xd6]\xdb\xb6\xd3W\xd2Zk\xcb\xcf\xb2\xf7S\xcb\xee\xc6\xbdR8&lt;\x81\xde!ax\xac\x00X\xcf\x97\x10W\xf5\xab\x88\x8f,\xe7\xcePcV;\xb1\x0cE\xcfI\xe6q\xa3)=E\xdc\x02\x84\xbb8/\x8eu\xae\xfe=\x8az\xa8V\xa9{m9\xfc\xbc\xbaQJc\xb7+\xeb\xf5H\xf1\xc7\x85Z\xacB\xed\xde!\\\xfa\xcb\xe8\xdc\r\xaa\x8f\xb2j\xaf\xcd\xaf\xe0\xf8r~\xd3\x83\xc6J\x9278\xbe\x1d\xbc}\x91lT\x00\x1d\xea\x1bj\xd6\x02@c\xbf\x90\xac]\xe4\x05/\x9e\x0e\xbe\x08\xdbo5\xd8\xfc\xfd\x92\xcfl\xfc\xe9\xfe\xf0;^\xf5\x9e\xb8\xc9\xe4\x99\xb9s\x00\xa6P\xd0Y\xd9\xab/C|\x0f;\xd4\x1f&amp;\x062\xbd\xd57\xe1\x800\xdf\xe5W\xa5z\xdd\xd5\x93\x1a\x13\xf3\xdc\xa4\x10x\x84ZC\xa2B\xf4d{\xdca\x0c\xfb\x88p`\xfcl\x91\xa2Y\xf2\nJ(o\xfb\x18.\xf76Qo\x17\x14\xaaf\xc1&gt;\xf3N\xb8\x05\x0875\xd7\x06\x7f\xf0\xc5.%\xa9\x90J\xb8@\x8f\xa9\xbc\xdb\xdd\xef\xe1Q\xbe\xb7}\x1e\xf3\x9e\x15\xe3Gv\x8d\x83\xf2\xd2\\\xdb\\\x1d\x9aQ\xdf\xf6oCo\xb5\xa9\xac!\xd1-\t\xdf\xae\xffB\x12/\x9e\xd0\x02\xb1\xb2\xc8&amp;\xd3\\\x1b\x96\xaab+\x12\x99v\xfb\x7f\xe1\xe8Y\xcd=^u\x86\xa4\xce\x00\x95\xd4\xa2\xe5\xf4\xa8]=w\xcd\xd9\xa1\xc7D\x9e\xdd\xfe\xf3\xff?n\xe1I|\x148t\xe4\x8c\xd2\xaf\x9c|\xb2}d\x00\x8d\xe6j\xedR\xb1]`PO^~\x9c\'d\xaa\x13^].[\xca&amp;\xd6\xe4\x85\x9f\xaa\xa0\x9eW7\x8d\x0e9\xfbW\xda\x9f\xe2i\xba\xeb\t\x80yv\xfa[\xb8\xf6.\xf2=\xd0q\xb3\x0f\xf1\x80\x8c\x05\x871\x05)j\xf1 i\xd6\xf3\xa9\x97\x87-X\xee\xc9\xa4\xd2\xde7\x0f\xc5j\xd4\xe3~\xad\xa1\xb7\xc6\xad\xc0Zk~\xfbM3D\xaa\x7f\x1b\xda\x0b\x15=&gt;;s\x13x\x1fAB\x0f\xf8\xda\xe0\xd7\x01\xac:d\xfc\xb7\xb1\xa4\xb1P\x00\x8cYbk|j\xb9\xcf{\xa1)U\xb7\x9c\xc5\x1dZnyE\xca\xfc\xb6\x8d\xc5\xcd\x9e\x1b\xd6\xda\xbe\x15\xf8&lt;\x82\x0c\x1cS\xac\xb5\xb9/i\x98}\x04&lt;4\xfcp?\x10\x9c\x0fO\x9d\xfc\x98p[\xe6!`\xc0\x14\xec|\xd8\xd4\xd7\x8d!\xc9\xa3\xf3]\xb5\x07\x9e\xd6\x045\xfc0l\x97?\x8bL\xe5s\xcd\x9f\x1b\x9d\xe7s\xe7\xd3\r\x9cPn\xdb\x96\xbb\xbd\xbb\xec\xf4wN\x82W$"\x01\xb1\x00\x00L\xc1\xa5\xb0m\xdb\xb8~\x96 \xe3\xb2r\xc1\xa0\x158g\xed\xf5\xdce/\x07\'{M\xa3g\xad\xe2cg37\xa9?\xaa\x93\xc9tV\x85a\xb7\xd6\x84\xcb\x7f\x9a\x8a\xd1!\xebX\x00`\x11\x95\xb7\xf1\x15\xcd\x18r&gt;\xf2\xfa\x02\xdd\xfc\xb3Lm\xc4$\xb2\xfa}\x94l\x86\xa1Fz\xfd\xb9_\x87 \x87\xacS\xe6\\\x99\x87\x14\xd1\xec\x0f3&lt;\x94]\xc9\x0c\xcd\x82B\xfd\x0c\xe3\x1cfp\xbc\x89\xed\xf8\x82\x976\xb7,K\xbe\xd7\xaf:\x86\x9e$k\xbbif\xf6\xbbH\'\xd1\xe4u\x93r-H\xf5\xbbVU\x99\xe8A\x0b\xe0\xc2c\x8a\xa9\xe3\xca\xdb\xeb\xf9\x07\xff&lt;\xc1Km3L\x1fU\x0b\x1e\x7f\xe2\n\x00\xf4;\xb7Z\xcf\xdd\x96\r\x1a\xb0H\x80\xcf7\x0cl\xdbG\xb3t\xbb\xa1\xe4\x0b\x17\xbe\x97\x19G\xcf\x9a\x17M\tj\xfb\xd0Q\xda\xbcb\xa2\xd5\xec\xdf\x94V\x9b\xf7O\x95D/\xed\xbc\xd3\xef\xea\x1d\xf0\xd5iX\xc7\xb6\r\xdf\x8dz\x0c\xb2\xcf6\xf5#\xf6\xd9\xff\xdeo\xcc7\xfbO\xc7[4\xb0,\x9d\x17\xca\xd3c\x159r\xe5\x17\x90\xdd\x9b3\xf5\xd7^\xc4\x8b\xbf\x08\x0f\xd0\x8f\xd6\'\xe9\xa3\xef}\xfc\xdf\xbf\x1b|\xf9\xe7\n\xf7\x0b\x15w\xdd\xac\x15\x80\xc1\xc4\xef\x9c\xe1V\x9c\x83Q\xf7Z\xe4\x16\xc4\xd8{B\xa4\xaa\xcd}\xaa_\xc1\xcb\x16G\xb0\xaf\xbb3z\xc4SK\xe9\xcf\xfe\x1aS\xd4I\x9c\x13\xcf\xd0~/\xd4\x8c\x1a\xdc\x02\x04\xa5f\xdb\x8f,\xdfK\x10\x1f/U\x0c\xc0\xc8/\x08\xee\t\x99\xcb$/J\xbae\xa5\x9a?\xc9\xbegj\xe7\x1a\x13k\xd9\xd7\x9b3\xb2\x13\x9e:\xfb\x9f\xa2\xfd6\xc4\x02\x00J\xbd\x06\xad\xae_GZq:\x81\xd7&amp;\xde\xad\x7f\xef\x86\x89\xb5\xd7\xa1\xbe\x95\xbdt\xe2\xfcK\xb2Z\xa1n\x85\x12?\xd1O\x15\xfa\xaa\xef;8\x7f\x83\xd5\x98xt\xe1\x9d\xe5\x17WZ\xfb\xfcx]\x9c&amp;\xc1\xe8\x86eI\x8d\x04\xfe]\x04\x81-\x96\xb6\x9d\xb2\x9e\x81POL\xf4\xd0\x9c\'\x9a\xe3\x86\x95\xd8\xb4\xafD\xecY!W\xac\xfco\xe3\xd7Z\t\x94\xbf\x11\xff&lt;\xdc/y\xeb?\x00I\x8d.5\x16\xeb&lt;j\xc6\x1fV\xee\x16\x13Y\x8d\x9ep\xe5\xa9Y\x00\xdd8\x1d\x0e_B\x7f\x81\xce\x19\xb8\xaf\x0e\x8d\x7f\xb1\xfe\xa5\xd1,9~\xce\x8b?\x0bFf\xad\xc2*\xb6X\xa5\x85\x841UB\xa2\xb7\xd1X\x99\xdb51&amp;\xb5\xc9V\xce(\xaa\x01\x10\xd4\xa8y\x9c\xc2d\x0f\xa6\xb9\x9ar\xdc\xaf\xf0\xee\x8f\x91\x89EkV\xbf\xbc:?\x01E\x06\xd6\xc9\xc8(CKAS,\x00\x80\xa0\x94\xe6\xa1\xb3\xfd\xe8\x8cUsmo:\xaa\xbd\xac\x91\xf3Y\xd5\xc5wNHV\xce\xecG\xde\xa6\x96\xb2\xc27\xc6\xdc\xf3\xd2Y\xd5\xf3\x0c\xb7i \x18\xe3\xfd1\x06\x00\x17fx\x99\xdaE{\xbe~|\xf9\xce\xec\xe91\xc4\xfeE|\x97\x1e\xf9\x0ei\xc4\x9a\x12\xabn\xcaa\xb4\x02\x0c\xc3\x1a\x00(\xa1\xf9\xd9\x7fw\x93\xd5\x16Mg\xe9\x0e\x06"\xf3\x81vz\xb6/\xdar7m\xb2\xfa\x0e\xc5g\x8d\xf9\xe9\xf7H)\x10\x96\xbe\x0e\xfe9\xcb\xad\x98\x87$g\xb1&lt;|W\x91\xb4\xff\xee\xc2\xd9\xb2\x82\xa5\xeb\xed\xfa\xbc\xf7\xb0\r\x89\xc9mM\xb1\xe5\xfcgf\x88$\x00(\x16~\xc4\xcdZk\xcc\x7f\xd69:\xe8\xe1\x9fa\xe0\xc44\x98\xe7uG\x86\x03P }7\x82qBPb\xb6\x93\xe73\x9ab\x87\x0f\t\xac\xf9\xbc\xf5\xcb\x91\xba\n\x00h\x8e\xb9\x91W\xeb&lt;\xe1%\x9e\xf74\xba\xb9Q\xdf\x00\x00\xd0b\xfdQY|\xd23z"U+\xfc\xae\x83\x89\x135\xd6\x14U\xe2\'\xcc\x10\xc9\xb5)\xcf\x7f\xe5\xd1+\xb5d\xa2\xa6\x17\xafl\xd6Z\xf3Y\x14\x1c\x807t\n\x85\x9cI\xea\xacy8\xc5&lt;[\xa9U\xdfp\xb7^\x8a\xc6Y\xafz\xc8\xd6\xf9\xf3\x9b\x91\x95\xc9\xf8~\x95\xb1{@\xaf\xb3k\xceL\x86\x1b\xe0\x9aU\xdf-b&lt;z\xd2\xb1\xf4\x0cf\xf9\x03\xff\xe0h\x87\xaf\x98\xc5\x8e\xbf&lt;\xa6:^\xb8\xc6\xd8\xe45\xbc7h\x1e\x81\xea\xf0\x87g\x110\x85\t\x96\xf2X\xc3\xa8Ny\x89\x91`\xf0w\xba\xcd\xab`\xf6_\xb6\x00\xa0P\xd0\xd1\xca\x95\xed\xd9\x06\xd3^\xada\xad\xfd\xfa\xd0\xc5\x90\xd0w\xbd\xd3T\x81\n\xb4\x9fr\xb7\x9d(\x8c\x9a\xfd\xaf\x92\xe1\x9f\xbeJB\xba\xeaV\x01\xac\xb5\xc6\xfc\xd1\xacO\xb4\x8aJ\xe8|\xd4\x1f\xcc \xb1\xcd\xdaw\x87?\xa5\x87\x03\x00m\xb9=Q\xa8W\x8a\xf7VtgE\xd6\xc94k\xad\xf9\xf6\x8b\xa4\xa5\x85\xe1\xf7E\xfcG\xa27\x1a\r\xa13V8X\xf8\xba}\xfa={,\x00\x00Lh\xda\x8ei\xba\x81\xa7\xc3\x18\xd0\xad(o0\x9eM\x90\xba\xb2\xd5\xfb\xf9\xe0\xe7\xf1\xeb\x97\xe9|D\x1b\x9a|\xe1.\xdf\x0f$\x8e2\xf1\x05\xc0\xf2\xb9\x04`V\xe7\xbei\x96\xde*%\x9e\xffSMi\xb1\xd6\x1a\xf3\xb7\x1b\x87\xdf*\xec\xf3\xb9f\xa9\'\x05F&amp;\xad\xef\x96\xe1~\xa2\xb5\x0btR\x82\x85\xd2\xa2p\xeb\xc3\\\xbd\xd61\xfb\xc7\x8a~N\xfb:\xbd\xccv)\xf0\x10\xafr"\xa3ie\x08\x9a\xf5L\xdd\xf0\x9c\xec\xbf\x00\xc0\xda\xc4K\xd9Zk\xcc\x8f\x13\tI"\x10\x8dh\\X\xcdBuz\x8dT\xdcBb\x95S^3/\x17\x00n\xe3\xcaoh\x8b\xbfSb\xe1\x1b\x9c\xdc\xd3\xb9\x15@$\xe8\xe4\x8en\xe5\xca\x83K\xca;\xcf\xd6\x9c\xe4\x8b]r\xa9\xcc\xd2O\x88\xc4\x03\x10\xb4m\xdb\xb6m\xa3c!\xa26\x15c\'\n\xb7\x92X\xe5\xa6\xae\x99\x8f\xc8\'\'\xe1\\\xf763s\xf2/M]\xb8Y\xdc\xdbr$\xc2K\xcc\xb7\xbbd\xef@\x0bm\x9f\xad\xc6\xe9]&lt;\r\xa1\xac\xe0B]VbP,\x00\x00c\xb4\xf6\x9b\xdb\xf6\x07\xbb\x9fq\xbeAZa\xc1\xb9zF\xef\xb2\xf8\xe2\x07Xk?\xf3c{X,V\xb7\xa2\xb5\'qf\x1f\x9b\xff\xf7\xc5A\xd7\x86\x0093v\xe0\xb7\x11.\x9a\xdfY\xd2cT\xce\xfe\x01&lt;i\x1b\xb6u&gt;P\xa5D\xab\x84\xd87\rO\x148y\xe5\x01"q\xd0\xd6\x10f\x14\xc9\xc0\xe2\xbc\xad)\x97\xf3\x075\x14\xf4J\xd5L\xd5\r\x84+e\xecM\xfc\xad\xd3\xd0S#=\x10\x16\x8b\xd0\xc9v\xae\x9c\x8f\x06S\xbc}b\xadM\xffl\xc2\xc1\xd6Z\xf6r\x8a\xe5\xe5\xdee_\xd9\xb4 \x9c\xca\xf0\xac\xf3\xa1\xaa\x98U\xc7\xeabd\xbc\x11\xe8\xa0W\x1a\x87)N`e\x07\x05\xb4F\x15\xadq\x18\x86\xfad\xe3\';\x9c\x03\xc8\xd7\xbb\x13\xe9\xd6mYk\x13N5\xbe\x17\x9d\xb97\xdf\x8c\xb1\xc9k\xc8\xa4w0?n\x9e\xaf\x8e\x98\x87\x93\xc3\xdb\xe97C\x8c&gt;\xff\xd2\x8a3\xf7\xf1\xf4\x86h\\\x10\xd1{\x07\n\xd8u\xeb\x82\xa9\xe2\x00&lt;^\x0b\x00\xb3v/\x91u\xbd\x95\xa910\x9e\xb5M\xd7B3\xef}`VCj\x1d\x0f\x01\x03#%L@{\xde\xd0y~?\xe0\xca\xa3`\xee\xdd\x96\xd6.\xfe\x1eL\xe0@\xe3\r\xe5\r&amp;I\x1a\x93\t\x08\tUon\x01\x02FJX\xf1\xf7\x9b\x82?v\xd6\xf6\xceBv7\xc2Z\xce#\x0e}\x00\x00 \x00IDAT\xab\xea6\x86s\x9f\xf8\x9e\xde\xe7\x83\x04\x87\xc3\xb83\xc0k\x8dM\xd35R!H\xed\xb4X\xfcY\x91\xf7\xb7$\xed??\x92O}@s\xe7\xb1\xc6Kvt\xe6\n\x00V\x97\xf6D\xbc\xda\xa1\xae\x8b\xc2&gt;%\xf7\x95\x05\xc3\xb3\xd87\xe9\x7f~\xef\xc4)\xed[\xe8\xad\xf9\xf7\xae*~kL\x9a\'\xfa\x02\x92\x0e\xef\xf0\xa1\x9e?\xd6\x83\x8f\x1f\xc7\xc6\x04-\x0c\x7f\x11\xd6AI\xef\xe3\x7fq\xd0y\x98\xfbg\xcb\xa3\x05\xccK[#\xd7\xed\xf9\xee\xcb\xf4\xb7\xda\xa5\xe7\xed\xf5\xc16\xf5\xec\x02e\xfa\x0c!\xf5\x1bL\x0f\x98\x10\x1c\xb8%r\xfe\x01\x11\x05\x95Y\xeau\x81\x91\xf0\xf7\x934:\xc5\x14\xca[\xfa\xbd\xf3\xad\xa7\xba*:}1]v\x05\x9f\x1d\xad\xc3\\\x01\xc0\xe2\x1e\x8b\xeap\x0b\x99\xbe\x0b\x10a\xad5\xbf\xc8\xbe\xde5"\xb6\x0b\x9a2\x95\xff\xf8\x87s\xdex\xa7V\xff]\xd1\xaf;y\n\xbf\xc1\xf4\x19\xb5\xee\xdf\x15P\xed=\xaar1\xdfK\xc4\xcd\x8di\xb6\xd3\xc7\xa9\xa9&lt;\x8d\xb3\xd7{Y\xac\t\xb5-\xa8&lt;\xf99\x1fT\x9b\xfcYTd\xa0\xae\x0e*\xfb\x8az\xc2\xf0\xfa\xffa5\x8a\x9bc+\xebR\xa3\xfcy\x06\xfb\x93\xdd\xbds\xd7\xf7|\xff\xcd_5\xef\x9b\xed\x8d\xba\xae\x82]\xfc\xe3%\x80WZ\xdc\x1fZD\xf52Z\xd5\x01\xc8D\xbbs\xf2[o\x81\xb7\xe6^$\xc9J\xc8\xbcI\x8eHL\xd4\x92i7\xeb\xa6\xeb\x92H\x0f\xbf^\xee\xe5v\x08\x91\x83g\xef\'\x81\xb3\xbf\x7ft\x04\x90\xa7\xa0Gk\xdas\x9d\x17\x00W\xeb\x01\xef\xfc\xffc\xde?\xa4\x93\xd5\xd3\xb9\x0fL~\xe7\x93\x8a\x13\x1c\xec\xe7\x95\x98.}i\x17\x88\x8f\xbeD\xb5\xe0I\xe3e\xf75m\xadP\x85\xcc\x01:\x9a\xae?\xd2\x13\xe1\xc3d\xba\xf9\x02 y\x17\xd6?\xfd\x0f\x1c\xdfm\x96V\xb4\x00\x90\x8f\xd8\xa8Yi\xcf\xf3\xb6;Q^\xc8j\x9a*P\xef\xaa\xf2\xff\xecUW\xbc\x00T\x10\xe9bf\xeb\xa7\xde.\xbcj\x8b\xb9\xbb\x00\x88\x1f\x96\xf5{\xcf)\x9ce\xc6\xe5\x84&gt;}\r0Ge(\x8c\xe1\xf9S\x05\x8b\x10\x01\x97\xa5\xe6\x1eYs\x16c~\x92\x99\xa5LC\xa6\x8e|KdKk\xe4\xb0\x90VM\x98\xef\x01\xc0\xad\x89&lt;\xe5vx\xfcQ\xfd\xb3\x8f\x9b;\x93\xeb\x16\xdbG\xfe\\\x9en? !b6\xf1).\xef\xa9\xd3&gt;\x9c\xdd\xedv\xc8\xcf\xc4\x9c\x8c\xc9\xff\xec\xeb\xa4\xc6\xbe^\xc1&gt;\xc5\xe8^\x93K9UQ\xb1\xb9c\x1fc%\xbe\r@\xa05\r"\x92\xfc\xa6\x94Go\x16\xc5\x1d\xede\xdd\xe6-@\x80\x8c\xda\xf7\xd2\xf4\xdc\xa8S\xd4/\x7fW_\xaa\x85_\x8drx\x9f\xc9\xe6\xbc\x00h\x96!J\xd5l\xfb\x10\x99\xcey\xe8\x9e}\x96\xe2\xc3\x1b\xa1\xca\x1c.\xfc\xa4\xf0\xf7/\xfa\x98\xb4\x16M\x1a\xed{\xaa\xec\xc0)i`q\x89\xb7\xaft\x88I\x0b\xe1\x15\x8ed\x8a\x12\xf3\xc7:O\xfd\xbe"V{\x0bP\xb7\xa2QR\x07\x9e9\xe0&lt;J\xd1\xf1\xe4_\xa6$\x13\xba\x90\xd9\x1a\xd0\x93c\xaf\x984|\xc2g\xee\xbb\xb6\xde-\x93\x90f\xc8\x9f\x082\x07\xd3\x12\xec\xc7m\xe0\xce\xf2\xa9\xba\xd7\xda\xdc\xf0&amp;?\'L5\xc3j\xc53\x00\xfb\xb1\xfbG\xa2\x9f\xfa\xc1)\xb3\xff\x9e\x8e\xcb\x95a1\x19\x98\tj\xeaa\x80\xc2\xe8)\x89R\xebh&lt;ZG}\x0bU\x92]\xe6\x1c\x135\x11\x9b\xc5J\xab\xc1R7O&gt;&amp;&amp;\xb8\x00\xf0u\x04}7n\xb5\xf5D\x91\xf8T\xaf\x16\xca\xa5\x9e\xa8\xcbc\xb8\xaaf\xffg\xa3\x97"\xbd\xcf\xa2-\xff\x91e\xae\xb2S\x18[\x85Q*\xd3y4Y&amp;\xdfR\xdd-\xbd@\xc4u\xfbo\xdeG\x8cy[\xa2\x91\x183\xc4s\xc6\xe9\x91\xdb\x85\xfc\xfcgn\x00\xde\x00u\xce\xfe\x9b\xd2\x98\xd2;\xe5?\x86\xa3\xb2\xb5\xd3{\xf6\xff?\xd1Q\x94\xffr\xcf\rG\x1dI\x06\xe4\x14\xce\x00.?\x95\x12l\xc9\xa9\x83\x1f\xb9\xf5T\xa6\xdd\x94\xbaz\x01\xe0\t-\'\xb6\xeb\x94i\xcf\xd5N\xc2J\xd5\xee\x91\xea\x13\xa5r*\xaf\xf5\xe1\xec\xc7&amp;\x95\x11\xe581m\xbb6\xdd\xe6\xe5\xaaR\r\xcc#|\x7f\xb9`\x8b\xa2}\x9a6\x99p\x08\xf3\xf7\xd7\x84\xff\xa7rg\xff\xcf\x08\x94\x9fQ\x93\xdeU4\x90\xc3\xaa\xf23\x14\x99\x8f\xdf\x7f&lt;\x18\xad(\xda0\xca*\x12\xfa\x98\x7f\x9c-\xdc\xeeLI8/\x17\x02&gt;\xd8\xaeoV~4\xce\xb6\xa7\xb3\xd17\x01\xb7K\xef\xde\xf5\xf4\x7fW]&lt;\xc9\x91\xcf=\xca\xe2\xba\xd3\xe4\xed{\xb5\xec\xb9\xda\x97\x96\x9a/t\xf1Zm\xadq\xbe\xfa\xc0\r\xdcZ\xbb}\xb31\xdf\xf9\xed7FA%\xb1\xd6&gt;\xder96\x1a\x00j4\xedO\xf8"0\xac/}B\xd0s\xd8~\xcc3\xc5OxHl&lt;EM\xd3\xfbx\xc9v\xbb\xf0\xcf\x9e}\xe5q\xcf\xc4\xbe\xb2:\xfc\xda\xf0\xb4-\xdb\xe1\xb3\xba\x9eZ.\x867\xef\xeaW\xeal\xf2\xd1\x0e\x7f#\xd8\xb6m\xe7\x0b\x86\xb7\xaa\'"*+[\xdf\x8d\x9b\x16&lt;K\xe2\xb6\xe7\x9b&gt;\xc7\xe0\x95W\x91X\x00`y\xdf]mO\xa76b"\x1e\xf7A\x0fH\xe3f6\xe3\xee\xc8\xd6\x05\x96\x13\x7f%\xbb\xbf3\xf0\xcd\xa4\xfb\x11\x9dom\x87e\x8c\x8a\xd2\xd7\x10\x8d\x9b\xcc2%\x92\xd9;\x97\xeeP.\xf3rkTfIQ\xacXH\xc5\r|\x9ao\xfbk\xf2X\x92\xaa;\x1d\x87&lt;z%w:[\xbbn8\x87\xa8\xa9t\xd6V_\xf1(\xact{nWe\xfb?F\x86\xa3\xd0-ZkM\x1a\xa7\x7f\n\x02\xb7UZw#\x9f\xda\xff\xa4\xb6U\xe4DLi\xdbN\x9b\r\x04\x8e\xf9&lt;\x8d)\x82B:+\xff\xad\xb8\x0b\x00\xef\xdf[\x9f}\xe0\xc7\x81\\e\xeb\xe4\x9a\x8a:\xffc\xd0@\x03W\xadB{\x9b\x99\xb7U\xbf\xba$:\xa6N\x96\xcc\xe7g-\x1a\xf7uup\\\xbd\x1c\t(\xe5m\xe6\x93\xfa\xe8\x9dr\xde\x07\xca\x02\x00h\xc7\xd3&lt;\x8a\xaf&lt;\xd0\xd8\xa0\xca\xaaur_F\x86\xff\xe4\xf9\xfd\xe1\x07\x00\xcaYk\xcdW.\xd7`{u\xcb\xab\xf6\xff\x80:4\xb6&gt;\xc8\xe7t\xd7yu\xf9n\xfb\xd9\xc4cN\xe5\xd1\xe1\xef^\xab\x14\xd6\xd9\xa5\xc6J\xe8\xee0\x97V\x95\xb5i3P\xd8\xc6NQR\x14\xc3sv\xb9\xbb\xb3\x97wg)\xcc\xed\xe1\xe4\xf3\xe4\x9bf\xcdd\xaa\xc7\x1c\xaa\x8b)\xab\xa0\xa9\x15\x18\xce\xad\x84\xa1\x0b\x98\xed\xce\x08h\xd7\xae\xbe\xde~\x01\xa0\xe8\x14e\x0b\x80\xf8\xda \xfe\'\x85\x054\x95\xfd\x99\r\x81l\xb4/\xf5A-i\xe5\x9c\x11M\xda\xca\x19ur\xab\xc4\x9e\xad\xd1c\xb8\xcf3tJ\xce\xfc\x99\x86[QQ_\xcb\xba\x9b\xcc\x8f|^\xdd\xc7\'vH\xa9\xc8\x8c02=\xbdO\xc66b\xdf\x95\x05!\x13\x0e\xa6E\x89\x03\x9d\xd1\xd3\xe2\xee\xce\xd3\xcd\xb4\x0f\x8dl64\xda\x14}r\xa9\xcf\xb5Z\xcd\xdeg\xed%\x0b\xe3\xc7\xd6\xd7G \xbf\xf8\x11\xd4\xf7n\x10\xd9\xa4\xf8\x0c9o#,\xa8\xe0G\x95X\xdde\x87L\xcf\x80\xbb;5\x80\xe5\xdb\x83d\x9b\xd7\xd9\x83(\x89\x92\xe4\xda@G\x8a\xbcd\xa7\x986\xf6\xe6\xf8&gt;\xf4fu\x81i\x16\xa8\x7f\x8d\x85JW\xd6\xda_An\xeb#\xd8\x9d^\x86C\x8b\x03\x16\x93t\x05\xa3y,2\xb4\x9c\xf05\t\xf6\x1b\x93O.&lt;-\x1e\x8e\x01\x03\xbb\x94\x9a\x90X[\xb4\xdd\xfa\xa5\'&amp;\xed\xac\x95\xc6e\x12"\xd9\x16X\x00\xe0\x16ZW\xe2\x19\x1b\xc9\\q\x9e+\xb6\xe9\x16K\x17\x03F\xe7K1\x9a\xf7\xef?jB\x97\xdd\xca\x9eTE\xa6\x91Qi\\&gt;c\xab\xf5\\\x0c\x07O\xf1\x89\xf6\xe7\x06\xeaYk\xed\xb6m\x97\x07\xf5\x89\x8d\x12\xfb}\x14\xfd\x13^v\xc6\xcb\x12l\xa4i\xfe(\xafu\x05\xd1\xdb\x9a\x97\x93\xfa\x89\xd7\xa0\x8a\xaa\xd0G]\xd8\xb6\xbd\xd4\x8a/\x0bl[\xfb\xca\x95CUd\xceD\x9a\x89\xea\x14\xde\x95X\xff\x97\xb4\x8a\xa0\n`j\xff\x9e\xee\xe9Bc\xa1\xe6\xad\xe1\x92\xba\xb5\x1d\xbe\xfe\xe6\xf0\xe2\xe4\xfc\xcf+\x9fn\xde\xcdg\xa8_\x00\xdc\xd9Z\xf7\xb3\xb5\xd6\xf2\xf6?\xdb\xa5w\xc5\x00\xb2c7\xb7\x00\xe1\xbeRz\xc9\xe1m \xfd\xec\x87\xa8\x86cn\x0f\x12\x83O\x8cF\x8e\xe6\xb7f\x15\x95\x1d]\x1e\xa6\xd7\xe1\xbe\xc7\xf7\x1b\x90\x06o(\xc4\xc9\xc6\xed\x10\x94\xaa\xcd\x05\xb5E\x00)\xc5\x95\xf9K\xb2&gt;\xf8\x03c-\x9aK\x03\xb8\x0bk\xed\xb6\x99\xaa:om\xf1\xbd\x01)\xb70\x9d?d\xcc\xc7e\xf7\xc3\xc7\xcfM\xfa\x1c\xbe{L\xda\xd9-}\x02z\x91\xaflE\xad\xec\xd6\xce\xdd\xcb\xe37Y\xd9\x18\xfa\x88xq\xe4wh\xcd-\\\xe5\x16NZk\xd6\xda\xcd\xb8w\x12Zk\xfd#xA\x0e\x17\x7f\x10XPh\x81{\xba2 \xf0\xb8}\xd6\xe1\x95\xa7\x8b\x9e7i\xe3\xdfZ\xfbc\xd8I\xc2mh\xde\xbd\x9eH(\x0f#\xbfo\x9d\xf3{\xe06\xf9\xc1\xa7\xfc(Qs\n\xcd\xd2\xee\xbaE\xf2\x9c!\xe7S\xcf\x92i\x00\x1c9\xef\xbc\x8b\xfc5\xf1HqR\xe7\x1aq\xc5\xdc\x9e\xf3\x8d&gt;\xf4,\x9a\'d\xd7\x9a\xda4\x04\x81\x9bdd\xe2A3Wl\x9e~\xb8[$=\xd3\xfd\xd4O\xce\x91\x93\xc0-\x89\xb4\xe4\xc3D\xb66N\x13\xf2^\xd6\x88\x1c\xec2o\xb3\xff;\xe6^\x05]\xd9\xa5\xb3\xf2\xeb\x8c\xd5(\xf3L\xef0F\xfb\xeaA\r\xcc\x93\xd8fy\r(\xd4R\xda\xe0\xd3\xef\xbd\x8b\x1c\xb9m\x1fM\xf4\x9e7\xf3\xf9R\x1d\xc9\xae\xc8\xdb\x03\x07\xe7^\xc1\xf4h\xe8`\xe6\xc9\xae\xee3&lt;\xa5M\x1b\x03\xad\xb6\xcc\xf8N\x1f\xf7,\x85\x92\x96\x9bd\xb5\xf9\x13\x19\xc2\xac\xcc\x8b\x8cb\xe1\x8f\xbd\xa6\x9d\x12\xac\xda\x82\xfb\xe4\xe8\x08\x00^\xcb?\x8d\xba\xc2\xb4\xdfv\x7fJ\xecp\xba\x152Q\x81\xcdy\xc5\xfb\xd9\xfe\'\xb9\xdc\xfe\x08Gg\t\xea\x8cU\x0b\xaf=\x08\x13_~\'\x06\xf5&lt;\xf2Uc\xee\x93\x8d\x1e\xdf\xbc\x19c\xcc?%9\xf3\xeb\x93\x9f\xf2\xbd\xbaDh\xde(\x15O\xac\xef\xbc\xf5\x06\x00\xeapO\xbf\x88\x06\x19\xd8\xa4\\(\xeb\xa6\xc6\xe6-myw\x91\t\xfa\xb2H\xba\xd4t\xbe$:\xddO\xac\xfc|8\x86\xde_\xfe\x03\x95\xa7\x03\xa6\x97\xd2\xa4\x19]\xcat\x18\x98+7f\xa66p\xde\xd3\xfa\x12\xb6l\xf8\xda&amp;\x88M#\xd39\xa5#\xf2\xf67\xd4\x07q\xcb\xa7zt\xb5\x82\x19in\xb9\xac\x84\x81&lt;\x89\rf\xdev5i\xb4sT$\xd0Zc&gt;]$\x0eC\xf2YO\xe1\xd6\xc7\xc4:\x8c1\xc6|f}\xac\x0e\xe1\xcb\x06X\xa3mdV_\x00\x08\x9eNU\xadhJ\xf7\x106\xc7J\xacm\x1eV\x07^\xf3q\xc5u\x03\x18Mw\xef\x194O\xb4\xc7\xbc\x99\xb4&gt;\x7fN\xd3\xd6\xeb\x93\xce+\x92L[\xfd\xf8\xdd\xbe\xf1\x7f\xbf}\xd9\xe9\xf5\xac\xdels\x96I\xcf4\xb27\xa4\xbe\x97\xbb\x08\x9dW\xdf\x02\x18\xa0\xd7\xe6\xc1b\x1dM\xca\x02\xc0Zk\xbe\xb1\xed\xcb\xf2\x17\xcb\xd5\xfb\xb9\xf5\x9a\'\xb7\x03i;\x0f[T\xfa\xc2\xe9\x9f oG`\xdd\x05`\x0c\xba\x9eR\x89\x0f\x90$}K\x83r\x0cQ\x8d\xdc=Wgz\xb3\xed\x1b=1\xb9\xa6\xa9\xf1\xea\x89\x89\x1es\xf5\xae\x05Q\xe5{\x00p\x07%m\xb8\xb8\xf1\x0f\xe92&amp;\xea\xa7\xce\xceY]\x97\x9c\xc4\xb7\x16\xfacRq^\xac\xe3\x1e\xaf\x08\x0c\xd7\xf6\xcc\xe4\xeb\xc9\xae\xed\xbb\x8c\x8e\x81\xe3\xa2?\x89}\xbd\xc9e8\xf2=\x15\xbd\xdf\x81\x9eZ\r\xa0P\xf7u\xfc\x80;b\xbd\xa7\xdb\x7fI</t>
        </is>
      </c>
      <c r="E371" t="inlineStr">
        <is>
          <t>&lt;class 'numpy.ndarray'&gt;</t>
        </is>
      </c>
    </row>
    <row r="372">
      <c r="A372" s="1" t="n">
        <v>370</v>
      </c>
      <c r="B372" t="inlineStr">
        <is>
          <t>steps_per_sec</t>
        </is>
      </c>
      <c r="C372" t="n">
        <v>4200</v>
      </c>
      <c r="D372" t="inlineStr">
        <is>
          <t>2.9890666</t>
        </is>
      </c>
      <c r="E372" t="inlineStr">
        <is>
          <t>&lt;class 'numpy.ndarray'&gt;</t>
        </is>
      </c>
    </row>
    <row r="373">
      <c r="A373" s="1" t="n">
        <v>371</v>
      </c>
      <c r="B373" t="inlineStr">
        <is>
          <t>Loss/RPNLoss/localization_loss</t>
        </is>
      </c>
      <c r="C373" t="n">
        <v>4200</v>
      </c>
      <c r="D373" t="inlineStr">
        <is>
          <t>0.19005145</t>
        </is>
      </c>
      <c r="E373" t="inlineStr">
        <is>
          <t>&lt;class 'numpy.ndarray'&gt;</t>
        </is>
      </c>
    </row>
    <row r="374">
      <c r="A374" s="1" t="n">
        <v>372</v>
      </c>
      <c r="B374" t="inlineStr">
        <is>
          <t>Loss/RPNLoss/objectness_loss</t>
        </is>
      </c>
      <c r="C374" t="n">
        <v>4200</v>
      </c>
      <c r="D374" t="inlineStr">
        <is>
          <t>0.07010395</t>
        </is>
      </c>
      <c r="E374" t="inlineStr">
        <is>
          <t>&lt;class 'numpy.ndarray'&gt;</t>
        </is>
      </c>
    </row>
    <row r="375">
      <c r="A375" s="1" t="n">
        <v>373</v>
      </c>
      <c r="B375" t="inlineStr">
        <is>
          <t>Loss/BoxClassifierLoss/localization_loss</t>
        </is>
      </c>
      <c r="C375" t="n">
        <v>4200</v>
      </c>
      <c r="D375" t="inlineStr">
        <is>
          <t>0.22768115</t>
        </is>
      </c>
      <c r="E375" t="inlineStr">
        <is>
          <t>&lt;class 'numpy.ndarray'&gt;</t>
        </is>
      </c>
    </row>
    <row r="376">
      <c r="A376" s="1" t="n">
        <v>374</v>
      </c>
      <c r="B376" t="inlineStr">
        <is>
          <t>Loss/BoxClassifierLoss/classification_loss</t>
        </is>
      </c>
      <c r="C376" t="n">
        <v>4200</v>
      </c>
      <c r="D376" t="inlineStr">
        <is>
          <t>0.14572108</t>
        </is>
      </c>
      <c r="E376" t="inlineStr">
        <is>
          <t>&lt;class 'numpy.ndarray'&gt;</t>
        </is>
      </c>
    </row>
    <row r="377">
      <c r="A377" s="1" t="n">
        <v>375</v>
      </c>
      <c r="B377" t="inlineStr">
        <is>
          <t>Loss/regularization_loss</t>
        </is>
      </c>
      <c r="C377" t="n">
        <v>4200</v>
      </c>
      <c r="D377" t="inlineStr">
        <is>
          <t>0.0</t>
        </is>
      </c>
      <c r="E377" t="inlineStr">
        <is>
          <t>&lt;class 'numpy.ndarray'&gt;</t>
        </is>
      </c>
    </row>
    <row r="378">
      <c r="A378" s="1" t="n">
        <v>376</v>
      </c>
      <c r="B378" t="inlineStr">
        <is>
          <t>Loss/total_loss</t>
        </is>
      </c>
      <c r="C378" t="n">
        <v>4200</v>
      </c>
      <c r="D378" t="inlineStr">
        <is>
          <t>0.6335576</t>
        </is>
      </c>
      <c r="E378" t="inlineStr">
        <is>
          <t>&lt;class 'numpy.ndarray'&gt;</t>
        </is>
      </c>
    </row>
    <row r="379">
      <c r="A379" s="1" t="n">
        <v>377</v>
      </c>
      <c r="B379" t="inlineStr">
        <is>
          <t>learning_rate</t>
        </is>
      </c>
      <c r="C379" t="n">
        <v>4200</v>
      </c>
      <c r="D379" t="inlineStr">
        <is>
          <t>0.03995028</t>
        </is>
      </c>
      <c r="E379" t="inlineStr">
        <is>
          <t>&lt;class 'numpy.ndarray'&gt;</t>
        </is>
      </c>
    </row>
    <row r="380">
      <c r="A380" s="1" t="n">
        <v>378</v>
      </c>
      <c r="B380" t="inlineStr">
        <is>
          <t>train_input_images</t>
        </is>
      </c>
      <c r="C380" t="n">
        <v>4200</v>
      </c>
      <c r="D380" t="inlineStr">
        <is>
          <t>[b'1024' b'1024'
 b'\x89PNG\r\n\x1a\n\x00\x00\x00\rIHDR\x00\x00\x04\x00\x00\x00\x04\x00\x08\x02\x00\x00\x00\xf0\x7f\xbc\xd4\x00\x00 \x00IDATx\x9c\xec}y\xfcG\xcfT\xf7\x19\xfbZ\xb6\x16e+Z\x90\x14")\x0fB"\xd9\x9e\xa2\x94l\xd1\x82\x16\x15I\x1e\n\xa1TD\xf5\x13Y*\xa1\x10\x95\x12*\xa5l\xedeiCH\x94\x9f%Kd9\xcf\x1f\xf7\xce\xdcY\xce\xcc\x9c\xd9\xee\xf2\xf9\x9e\xf7\xeb\xb7|\xbe\xf73s\xce\x993g\xce\xcc\x9c9s?\x00\x02\x81\xe0\x90@\xf7/\x07\x1b\x89D\x81-LBx\xa7i\xe3Z\x87h\xb4\xea*sc}f{6W TZS\xd3\x1c\xcd\xec\xca\xd8|\xec`D|lR\xf2\xf6Vtr\xd8\xa9&gt;\x87\x99\xdc\xb3\xcb=\xbcku\x03\x04\xf3D*\xa5\x8f\x14Vt)\xff\x10\x8a\xd1hW^\x079-\xda\xdc\x17\x058\xcf\xd6\x02\x08\x04\x82:(\xf7/\xe7\xcf\x9dx\x99\xd9\xa1r\xbc\xde\x1f\xb0\xf7\t\x89\xd6\xb5M\x1e8\xefV\x10\x00\x94\x02\x05\xa0\x94RJ\xf9\xaa\x1e\x0c\xf6$\x11\xdd\x0c\x04\xcf\x94g\x1e\xa6E\x88M\xa6\x828\t\xb1\x0bc\x0ba\xb7\xecJ\xeb\x8f\x88\xa9#\xcfg\xf6\x95\xabZ\x11\x03\xa3\xf6$\xd6B\xaa\x85~\xb6nG}vX\xf9\x8d\xc7\x1d\x95?\x8as\xf0\xd6\xff\x00\x00PL\x84\xc4E\x1a\x97\xe9h\xfd7@\x17\t\xf3" \xe2\xd5\xa9\xfdF\x13\xf7I\xbd\xa4\xbb\xdd\xa1y\xc9\x06@ 8\x11\xf4\xf1\xec=Q\x12\n\xbaY\x07\xe2\xce|\xc7\x0c\xb7\xe8\x89?(\x19.\x9a7\x83\xd2]kw1\xe2\xb2\xc2\xf5\x04\xe5\xac\xe9]Rm\xab\x9f\x813\xdbc\xeb\xe3\xa9n\x957\x07O\x86C)\xb3\x8d\xdc\x8f-iL[\xb7/\xe8M\xd5\x8e}\x9a\xed\xe5\x0eW&gt;6P\xc7g\xa1\xa3\xa8\x9d:\xfc/\x02\xb2\x935\xf1\xa8\xbb\x86\xa7\xc3\x19e \xe3\xe2\xf8!@\x00x\xaf\xaf\xae(\x8b \xca\x0f\x88\xf0LP\x00\xeaE\xb3\x8cw\xad\x95\xb0\x12\x9a\xd1\xa7\x00\xa8?\xedKx\x89\x19\xe9\x1e\xd0\xff\xae\xb5\xbb\x11\x08\x04g\x10\xcf\\\xed\x90\x91sVk\xf9\xfb\xb7\xb3K\xa6\xbe-:&amp;f\x1c\xe9.L\xed\xa9)Ky\x0f\xf0\xd4\x15L\xb0%D\xcaZ\x1dN\xe6\xa3P\xd7\xeft\xcd}u\xae\x11\x83)\x98\xd7\xf0\xd2V\xcc\\~v\xa8\x06":\xb7{\xed\n\xfb8\x99\xb4\xb1\x9a1\x17\xe3K\x10\x11\xe1vh\xf6R\x9bH\x11\xb7O~Z\x0b9\x12\xb7\x87m\x9fe\xee\xe5T \x9b\x11\x81@P\x0c\xe3\xc1\xa9\xf3\xce6\x82\x11j\xde\x9c\xc1\x0b\x14!"\xa8_\x05\xf8\xd6\x0cM\xa5\x16\xcf\xbf\xc9A\xca$\x89Z\xe2D\x15U\x1c\r\x8dl\x05Z\xba\x82\x91\x93\x08\xbdN\xe04\x8d\xac9X\xda\x1a\xd8r&amp;\xda\xe5\xf6\xf5\\\xc9)\x8f\x18\x0eCDTJ\xf9\x86\x01}\x83\x90h\xa82Wu\xbb:\xa8\x0ce\xde\x95x\xfapr\xfec#\xd9\x96.\xae\xac\xbf\xb1\x92\x91\x16\xde\x12K\xd9\x8d\xdc\x97\x01\x8c\x85\xa4\x00\t\x04\x822\xd8\x0e\xbdW\xc0D\xdd\t\x00@=.^@\xd9\x9f\xaf\xc5\xa4\n\x10]\xfd\xbb\xe9B&lt;z\xa3`gM0\x82\xc1N\xae\x93\xf2&gt;||\xf8\xfcj\x93\x1f\xc8\xe8z];\xa5\xd3]\x0e*x\xd9)\xa8\x19\xa3\xe0?\xb7\x0e\x0fl\x99\x88e\x16IU\x9d\xdbo\xd4\xa2\xc9\xf3a6\xff\xb7;1vD\xa8U\xfe\xd6\x0bS\x0e\xccE\xa4\x15sc(\x19z\x92[\xb1\x1d\xda4\xe8|\xd1\x05{\xebv\x81@ \xd8\x1b\xe8\xf3\xfd6z6\xe5\xfc\xd2\xa4\xdfR\x9dl\xcbfg\xd3\x84\x18\xd4\xa4\x95+pJh\xea \x862\xab\x05\xf2\xf3\xa1\xcd\xf3\x9f(\xe6\x92m\x1a\xf5mL1t\x02C\xada\xe7\x13\xc3\xa2r\xc4\xc4\xfb\x95\xce\x16\x9b\xd5\x1e\xa7:\x9c\xff\xcc%~\x94\xa3\xed\xe5\nm\xdd\xd4\xce7\xedK\xcf\x99\xb7\xcf\xab\xca\xd6\x1b/\x99\xe4\xff\xf1\xb3\x97\xc5$\x10\x08\xd6Ad^o&amp;d\x82\x98\x83\xe4e\x88\xa0K&gt;\xa8u\x9e\x1b\xe9\x7f\xa3j\x1f\xccw+t\xb1\xb7d\xf9\xf8\xfa !\n\xf9u\xb5\xf5&amp;)\xd3\r\xa7\xf5\x12U\xce\x9f\xbf\xa3\xce6r\xf6\x9c\x10\xc3\x11i\xd8f5h{\x85mt\x17\xec\xf4w\xe6%\xe0\x99h\xcaz\xfb\xf0\xb5\xbf\xf2J\x98?;\xb2\x0e\xd9\r\x055\xe2X\x90\x93\x0f\x81@\xc0\x02\xe9"\xab\x0e\xa6}J\x83N\xb7m6!\x8b~\xcd1\xf8\x02\xc07NT\x1a\x88p\xe0\xe5\xff \x91\x14~:@\x93\xccb\xbdK\xa3\x13i\xeb\x12H\x9a\xf2R\x12\xc8\xfe\xad\xce\x93f-&lt;\x08\xa6\x91\xcc\x86n6`\xc9\xc5\xbc\x96\x13\xc3*f\xe9\xc8\x92\x16x\xfe\xeee\x007M\x16\xab\x13[\x0f\xc5\x9a\xba\xa7\x05\x9e\x83eu\\G\xbe\xbasa\xd0\xeaw\xa6\x8f\x00\xe7Y\xef\xf2\x86\xd7d~\xeb\xc4L\x05\x02\x01\x0b\x9dV\xcc\x9e\xc7\x87q^(\xb2\x01\x88\xae[\xe2k\xbbm\xfc\xa4\xbb\xe8\x04K\x8c\xe7#\xde\x16,\xed\x8d\x9e\xd5&lt;\xb9Nf\xe2p-d\xfe\x7f\xbad_#I\xac\xa19\xbd\x19V\xef\xb5\xd4p4\x03t\x93Y[\x97\xb5\x96\xc2\xe9\xdd\xbe)5\xbf\xfe4\xa1^g\xe7\xb3\x90l\x17p\xff\xa3\xc6\xda\x0f\x0fY\x88s\xa20m\xac\xe3\xbe]\x11\xf7\xd4G8\xcc\xc8,\xd9\x9fQ\x829_\x87r\tX \x10\xb0\x10^C\x8b\xbb\x19\xda\r\xff#q\xcc;\xd0-\x9awf\xdb\xe1\x9f\xd0?/w\xech\xbf\xb9\xfd\xb4\x8ds\x8e\x89\x11\xfd\xb6\xcb\x17\x00\xa0\x9b\x00\xd6u\xcc\xdeG\xea3?}\xc2|jI\x0e\xea\xd6s\x9es\xb6ih\xfe\xe3\x12h\x15\x80 \x90\xa7\xe9\x8dH\xee\xc4\x7f\xe3\\\x1b\xbd\x043\xf3\x1f\xab\xc0\xba\xab\xff^\xf6\xa6\xcch\x8f\xaa\xd7\xfd\xa9\x8d\xd2[\xce$\x8e5jz\xf5\x99\xd7\xf9\xa41\x04e\xdaX\x16*x\xc5\x0eYg\x12)\xbe,\xbe\xfd\xdc&amp;\x10\x08\x8e\x85t\xa0(\xf1\xed\xb8\x80%\x13A\x04h\xd7\x0e\x90R\xd7\xf4\xdc~\xa2\xc2\n\xf6[M!\x12\xc1\xad\x88\xf6\xf1\x82\xac\xa3\x81\x88\x9d\x13]R\xaf\xd7t\n.\xe8\x1eh\'\xde\xd7Y\xd8/\x1d{${\xd6\xc7Y\xcb\x12\xf2\xcc\xda\xce\xcb\xf9b\xc4\x9b\xcfD\xec&lt;\x8a\xf9\xff\x91Jh\x95l]H\xa6\x03\xc9\x1c\x02\xf6\x91\xdd\x92z\xb4o\x873\x02\x88\x98nxW\xaf\x92\xea\xb8ub\xf3\x9b\xcfqE\x90\x13\x00\x81@P\x86\xca\xd7\xd2=s_\x01\xb0=\xfb\xe5\x182\xf7\xbb\xccl\xf6\x16\xb7\x96?-\xb9\xe1L^\x1cl\'\xf1\xcb!R\xf84\xef`\xae\xd5\x99G\x83\x8c\xc5\x1dJ\x95&lt;\xfa\xbe#2\xda\xd1%\xb7l\x7f\x93$\xe0\xfd?\xc6^\xaf\xfe\xc1\xedn\xcc\x1c\xd1$\x8f\xf1\xca\xd0\xaa\xd1\xf7\x06\xbbt\xa5\x0e\xb6\xfa\xefu\x84\x98\xed\x12\xa5\x94R\xbf\xa7\xf8?o\x9c\xe3\x16A\xd4l\x9a\x99\xa6\xb0\xf3Yf\xd7\xc2\t\x04\x82\xc3\x81\xcaG\x9f\x92R\xfc\x92E\xd1\x97u\xd3\xdcw\x81\xca8+U\xd3\x0e\xc2U\xc4\xa8\x18UL\xf8\x1c\x86vP\x8fh\xb7sa\xd7\xb2+}\x81\xf3\xdf\x00\xaf\xb8\x94\xd6\xaasj\x8dC\xf7p~\x15\xff(\x16\xc1\xa8\x82\x8c\xde\xcf\xa4\xc2\xf3l\xfe\xa2\x00\x1f\xce\x16#\xa9\x17\xdd#o\x8b\xe6\x1e \xe9?\x81\xbe\xf7\x01\xc6c:\x18\x04X~\xd4k\x99q\xee\r\xf0\xa4\xc8\x0e`L\xeb\x0e\xf3V\x069\x01\x10\x08\x046\xd0\xa0\xae\xbe\x97b\xab\xf3_\x89b\x15\x13\xe4\xcb|:\x96\xb4\xfb\x08Q\xef\x02af\xad}\x9f\xd1K\x1c\xff\x86\x1c\xb5\xbcb\x17c\x19\xdd\t\x9f\xa5\xf9\x94WE\x98/I\x04\xd1\xd9g\xb9G+W\xf4\xabY\x9f.\\\xce\xb7\x0c}\xc3\xf9\x15\xfc\xa3_x1\xda@N\xde\x88\xce\x14\xe0\xb5\xfdC\x8c2!\xe6{4l\xcfV\xb9\xfa\xc7\xf9\xa8d\xef\x8b\xbf4\xac\xc6~I\'\x92#]\xc3tOe\xe9\\e\x9d\xae\xa9\')\x15\xba\xc4\xec\x91L\xc3&lt;XuB\x1e\xb0\xbf\xe4d\xb0.\xf8\xf59\n?\xb6\x8d\n\x04\x82N\x88\x05\xe9[]D6\x9f\xb8\x94N"\x17y\xff\x11\x9720\xfc}\xa4\xc9\xc5!(\xe6\xbd\x0e\xb2\xcc\xca\xbd\x80\x88\x7f\x0cp\xe3)\xd2\xc7\xce\xc9\xf6\x8fD2M\xb8\x98^e"|&amp;\xc0;M\xe1\xb7\x02\\\xfe\xf4\xe7\xcd\xe9\x1e9\x00\xe42\xd7G\xc6\x89\x9b\x13\xf1\x93\x14sD\x08\xee\x1c\xbe\x8bB \xd0\x9b\x8eQ\x1f\x07X0\xc4\xd2\x84\xc6_\x1f\n\x86\xf0\xfc\xff\xb0@\xc9F\xae\xa0|_\xc4\xac\x9fy\x93\x84y\x90(\'\x00\x02\xc1\x19G*\x80\xde\x9a\x06\xfa9}\xa2&gt;\x96/\xce\x16\xeb\x1fg\x8aG_\x06\x87\xbb\xbd\xa8\xd5\xb5\x1d\x87N\x06\x99\x8c\xa4\x0f\xad\x9d\xb7zm\xd8\xc6A)u\xe3)\xda\x07\xc0\xec\x02\xa2\xe7\xbc\xe5\x02\xc0\xb3\xf4\xe7\xbb\x01\x00|\xd0,\x80\xf1?\xec\x82WX\xde\ts\xc2\'N\xca\xbc-g\xc3\xcd\x0e\x1dC\rs\xcfJ(\xe6J\x9cg\x8e\xb9\x86TK\x87\x005\x8a\x9c\xef\xbbd\xd8\x0fF\x9f\x1b\x15=\x11W\x9aw1\r\x11.\x82\x00\xf0\xefa\xb1"\x86\xfbQ\x80u\xc7\x05\x01\xee\xb3\xb58\x02\x81\xe0@\x88,\x8e\xfd#\xc6\x00m&lt;I\x82\xc54\x13\xc2\xc4\xc5\xee6\xbfR\xdcM&gt;\t\x9a\xcf\xbd\xd8y\xbc/=\xaf5\xff\x98/\'"\xfeM\xa1&lt;\xec\x1e\xa7\xbe\xfd\xcd\x0e\xa6R\x8a"\xfb|p\xd6\xb6\xad\xd3vC\xdd&lt;\x04\xf8\xeb\x90\xef\xfaM\xde#\x06\xeb!\xa7m\x84\xaf\xec6\xd2\x1dF\xaf\xaav&amp;\xbaJ\\\'\x0b\xd93dE\xf1\x1e\xccU\x02\xc0\x17\x96\x8e8G\xb7hh\x15\x99J\xba\x13G\xa3\xd9\xc3\x9c\x11\xbb\x12\x08\x04iDg2\xe4\xa0\x9a+\x00^]\x13\xf9\xf1f\x82\xf1\xbaI\xe1\xafk/\xec\x9a\x9c)\xc5=`\xd7\xdd\xe7\x16)-\xda\xd1\xdc\xca\xb5*\xda`\xa6)4\xa7\xb4m\x13\xc6\x19)I\x10\xea\xd7\xa6\x83b\xc8\xb1[\t\xff\x1e\x02\x04\x03\xb9z(1\x0c#dQ#\xb1\xcd\xef.\x87\xb4\xc3\xb4\x86\xe91[\xa2.\x8b\xb8\xee\xd6N\x92\xf7@\xba9\x8fo\x976_}7\xc7\x1b\x02\x81`\x0c&lt;\x17c\xce@I\xd7\xe3\xbdi\xbe\xea\xa5.3a\xeb\xf5)\x0bGf\nc\x058\x13Ce*\x8b&amp;\x1d\x08O\xf0\xec\x9c-cX\x07oU"\xfb\x05\xe7\xd4\xcf\xaf\x06\xf8\xc3\x9eb\xc4\xa19n\x93&amp;\xcb7\xa7\xb0\xab,\x95._\xba\x04\xad\xe7\xca/i\xd1\x91i\xf4\xf0\xa0\x9d!\xd48+C\xca\x1a\xb2\x99{5\xe5&amp;D{;\xf5\x9d\x00\xbf8\xda\x1a\xb1dFH\x17\x0e\xc7W\xe4k\x17\xbd\xae\x90\xb5\x01\xb1\xe6\x07I\xde\x07\xf0\xa9`\xfd\xea\x08TN\xb2} w\x00\x04\x82S@\x97`\xa4\xce\xf95\xef\xad\xaeI\x016R\xd8k\xaa\x85~\xe81_\xd3%\x82\xc8&gt;\x1a.\xa7\xbc\x04\x8as\xc4\xfa_\x84\xf4\x18.\x01J\xba\xbcN\x83]i\xf5\x0f\xf0kk1"@\x9bSc\xd2\xda\xfc\x9f\xe9\x1f\xe5\xec\x05\x0e\x15\xee?\x98\xb8\xfbD\xc3bq\xaa\x19\xbc\xb5\xac\x17\x93H\x9d_`\x13\xe0\xdb\x06\xea\xdfC^\xe2\x0e|\xbbJ\xb7Mo\x8f"\xa5\xbc\xb4\xfe\x06`\xe4\xf3\xfa\xf8TJ\x8a\xba\x16v8\xd3\x90\xd0\x85@p\x02\x88\x86R\xe2\x81O\xff\x9b^q\x087\x00\x96%\xa8\x8f\x0b\x9a_\x9a\xc6t\x84U\x8ch\xf5R\xba\xed\xecQ;\xc6\xc0\x86`9\xa0\xd8\x85&lt;\xc9\xe3\x08G\x97\x9eqf\xcd\'\xb1\xea\xd9Y\xdb\x01\xe0\x06\x88\x7f6=T\xff\x0bp\xc1]\x88\xb7wP\x160\xaeg\xdb\xc2\xff$\x99FR\x05\\:\xf0B\xf3\x83\x0c\xdc8\xba-\xc4-\x00^\\\xc6\xdd;\x94\x8e\x16\x1aw@\x1d\x91\x08\xa0yJj "\x1b\x00\x81\xe0\xc8\xf0\xd3{\xc0\xf7_\xcc\r@\xf7\xc4\x95\x127Zt\xa6\x9c\xe0\xc9\xda\x024\xb5\xf4\x1e\x08O\xc9\xa4\x00u\xe3\x15g\xb0\xde,\xc5\x80\xb5\xeeT\x1b\xa6\x035\xa1!T\xbe\x93\xc6&amp;Z\xb0\x13\t\xf7\r2\xb3\x0b\xea\xfc\x12g\x14t\xda\x00@\xe0\xc6a\xc4\xa2.\x92,Z\x1d\xb7\xae%U\xbfhF=\xc9\xe4\x03Rl\x05F\xf30Y\x95\xdb\x0c\xa0W\x8fH\n\x90@p\n\x98^\xdc\xc7[\x17Ne\xde\xb2\xbc\xeb\xaf\xfb\x12\xa1\x8c`\x1f\xee\x83\x9a\xe2\xe0)\x1e\xf5\x8d\x16W{Z\xd2\xe9\xdc\xf8eN:^\xe6\xc9p\xbb\t\xb1\x03\x15\x1d\xae\x9b\xfa\x03A\xdf\x0eU\xc6\x81\x00\xc0\xec\x92\xb8\x0bA\x0f*\xe6\x17\x96\x84\x8d\x87\xf7\x10~\x82\xcbhL\x97\x86\xadi8\xb3\xa0\x1f\xebo\xadk\xbb\x94\x1cJ]\x9c\x94\'\x07\xa5\x8f\xf0\xb2\n\xe2wz\xdd\x00\x1a\x9aJXLV6\x00\x02\xc1\x811OW\xe5\x81\x1f\xc4+\x9d\xe8\x01\xe0\xaa\x8d\xb2S\x83\xeci)\xba\x08(\xc4\x9e\x96\xfa1\x10WE\x8e\xb7\x07\xd0\xfde\xed\x8a\xd3\x85\x9b\xba\xb8]=\xde\xa23VL\xa9\xcf\x8fV?f7u\xc3\xac\xb6/\x9a\xff4=\xb9\xbcm\x9dG\x83\xc8\x1c\x8a\x14^n\x98&lt;\xd8XN\xf5\x00G\xc4\x1f^\x0e\xdf\x16\x16c\xa0,\xc0\x9fC\x89\xdc\x0c\x1bC\x04\x80G[\x11\x84D\xd9\x0f\xd6\xfe8\x85\x02\xd5m\xcf\xdb\x8bN\xdf\x90\xd54\xa4w\x11\\\x10\x08\x04{@d\x89\xb0\xab\x0b\x82\x1f\xefM\xd04\x19\x83g\x9d[\xed\xaaW\x7f\xee\xca\xe5St[4\xa3\xb7t$\xde\x11\xcf\xf5\x97\xa4\xfb1\xb0Z|\xc4\x0f\xee\xf6jZ\x83\x1d\xe2\\\x9f\x01\x80\x07\x90$\xfe\xda)\xb3\x05n\xba#\xf3h\xd1C\\\xf3\x9d\x19\xc5\xa9\xcd\x04\xefP\xdf\xa1_\xd7E\x9cH\x87\x12R\xf1\x8cw\x90y\xdc\xb8\x0b\x15OH\\\xdd\xddm\xa1:\x81@p8\xec\xc4#8\xee\x89\x98\x0fF\xf0\xb2\x19\xbd}\x8cst\x1a\xf5W\x88\xbdW\xff\x07\x84\tt\x9e\x82*z\xcf\xac\x18\xffP,Ld\xee\xe7\x10\x9c\x0b\xff\xe3\x16\x1d\x14.\x9e\n\x85\xdf\x11\x92\x1dA\x17\xee\xcb\xdf\x8d\xf8\x16\x13\x7fD\x07\x91\x92\xa3\xe3\xca\xb1\xaf\xe6\'\x97,Q\xe0\x9e`\x0b\xe9|^\x8f\xb7\xa7\xae\xfb\x17\np\x9b\xfd+Y \x10\x1c\x1fi\xe7^\xe6\xee\xb3\xd3\x03\xcd(?\xafT{\xc3K\xb8K\x99\xc3-bz\xc3\xd5\xc6\xf1\xe7\x98\xae\xcb\x11\x97N\xc9Z\xe7f\xf1\xa5Rld\xed\x13\x8d\xf2o\xd8\xd2ptG[\x11\xd9\x00\x00&lt;g\x80P\x88\x88?R\xe5y\x9a5\xe9\xf5]\xac\xd5y"\xa1.\x1b\xa4Z\x19V\xf3\xd7\xf0\xff\xe4\xa8)d\xaa+\x1e \xc3T \x10\x1c\x1a\xa17oH\x9e^H\xc5\x88\\\x18\xf1\xc3q\n\xe9_\x9ci\xc9\xc8\xecB\xe4\xe8\x98\x94`^\x9ai^9u\xa2\x17N\x1a\xb1\x983\xe7\x1aOlU\xa4\xd4\x914L\xb6\xc2~\xcbjl\xf8x\x15?gz\x8f\xc1j@\xc4P\xb6H\x97\xac\xec\x01\xca=\xcfl-\xc8xaQ\xc8I\xa9K\x03\xbc\xc7a&lt;s\x07\xca\x08K-s\xf6\x1c%U\xb6\x06\xceo\xbd+\xd6g\x15\xaf\xd0\xe4J9\x1a\x1ar\tX \x10\x1c\x06yO\x97\\\xfd\x9f\x1c\xf6\x16\'C\xe7\x7f\xfa^\xda|;\xedHQ\xbdu0_7U\xbc\xeb\x89\xa1\xf1\xcf\xef\xfe\x028\xd0\x82\xc9n\xc5\xad\xcd=H\xef7\x19\xc8M\x82{c\xf2\xcd\xb5\x02\xd4DL5\xfb\xe0a\xad\x10]Q\xfe2\xb7e\xb5\xca\x87\t\xcb#\x9e\x9b \xcb{\x98\x00y\xc77z\xae\xb2\x0b\x98+\xdd\xaf\x1d\xff\xda\x06\xc6\x0c\xb8\x9c\x0c\xdc(\x122\xe8/\x96@ \xd8\x18;\xf5\x8f\xd4\x91\xe5Z\x9c\n\x8eJ[\xa5\n\xb9\xf4m,"~\xdfn\xa7@\x8d\xf5\xfaz/\x98\xba\x9b\xdd^\xb4\x962U\xba\nK\xeezmD!6\x1eY\xdah7\xad\x9e\xba\x8a\xf9\x99\x9d\x03\xa18\x99\xcam\xe0wb\x9d\xf5\xd6\xca{\x14\xc5\xae\x02\xda\xe4\x08\x97\x922uD\x94\x14 \x81@\xb0\x02l\xdf\xbd\xce\xefkj^\xd7\x00\xf8\xfb\xf9w`\xc6\xfcJN\xc8}a\x84\xe6\x07/\x0bH$R \x8e\x94\\T\xdav&amp;Q\x04\xd8M\x92\xd5\x93\x10\xbf\x9dz\x9e\x10\xcf6\x92pv\xae3Q\\!\xf1 \'\x02\x00\x94H\x1e\xedGo\x08\x8fK\xd8\xeb\x03jM:\xbfM\xf6\x00@\x9d\xba\x92\xffy\xac\xba\x13\xaa\xae8L\x92\xdbh\xf07B\xe9\xce\x95\r\x80@ X\x13c\x9d\xf8:\xdb\x0c\x8e\x00\x15\xb9\xef\xb9e\x8d\xcc\x7f\xe0&amp;\xcdo\xae\x8d\xccD\x9c\xcee\xef\xb4\x01\xd8\x85B*V\xe4\x88x.\xc0e\xc2\xf2\xaeRs:\xdc\xdc\x06z^p\xda\x19\x9cM\x1dg\xd1\xd9\xa7\xe1\x88\x08p~\x80\x8f\x9f\x88\x1a\xfb\x02\xcfE\xb8\x14\xbbt\xb6G\xe4\x0e\x80@ X\r+\xf9\xf4\xad\xe6\x0e\x93\x87\x1bN\x97\xf93Y\xab(\x95\x8f\xb4~\x93Vx\xa3E)\xba/\xae\xea\x93g8\xc9&gt;\xe4s\x9d\xae\x9dN\x98\xceK\xb5\xc3\x9c\x88\x92\xd8\xe4\xcb\x89\xd5\xbf\xdb\xecDW\xdb)\xef\xbbJ\x0e9\x95\xd5?l\x1bn\xf8\xd86l\xf7bE\x14f3\xe7\xaf\xfe9\x90\r\x80@ 8\x11X\x93\xef?o%\x03\x92\x1f\xedG\xb9\xc5\n\xf6\xcdR\xae\xc6\xfc:\x1fV\xb9\x15\xa1\x94z\\/\xbe\x88\xbb\x9d\xf3\x8f\xba\x8eDz\xfb\x1a\xe2FK\x85e\x05\xefV,YL#\xe2\'\xb6\x186\xca\xc1%\xd6\x17`$\n\xf4\xdf\xb8\xf3Yl\xa0\xf8Bs1#\xdb\xbd\x1as\xd5\xf1\x99\xdd\xf9\x83\xb6\xeb\x0f\x99j\xb2\x01\x10\x08\x04\'\x033m|~\'\x82-\xf3\x01\x1d\xe5\xe5\xec\x01\xa0\xfc\x1d\x1d\xfd\xb1\xdfX\xe6\xf7vZ\x1f\xa0\xf5\x16\x9dA :\xf1\xa1K\xc2\xcc?\xda\xcf\x8b\xdf\x96r\x8dJ\x994\xba\x19X\xb0^+\xb8\x0c\xe0Qj\x11\xe3&lt;\xdb\x8f\x9a\xf7\xc7\xbf\xdaz8\x8fD\xd1N-\xa1\x8a\x91\xdd\xb7\xac\xa3\xd1NZ\xa3J\x0e\x93!\x8a\xd25&gt;{\x8f\x94)\xb3[\x17/\x10\x08\x04\xc5\xe8\x98\x1c\x8c\xfa\x95\xf6\xa5\x91\xc8\xe9\x03C\x06?\xad\xdf\xbf\x01Y\xc8z\x0b\xd8\x89\xc2g\xed\x96B\xcb\xcdHb\x1bXd\xb4\x9c\xcb\xb2\x9c\xfa\xdb^\x1d\x8e\\`@mJ,\xd9Z\xb2\xf0\xcd}\x0c\x97\xd7\xbe\xee\x9a\xef\x01\t[\xe7\xbb\xa9\x17!~\xedTe\xa3\xdfI\xb0\xa1\xc5\x9e^\x9ec9\xb2&amp;\xd9*}\xa0;m\x19\xf3{\x1d\xe2\xd5\xc3\xc2\xb6\xf6\xe8\xa6\xb1\xc7\x8e\x9c\x00\x08\x04GG{\xc4b\xcb\xe8\x94\xf5"\xb3\x0e\xe8v|\xfc\xc7\xb3&lt;\xaeXS\xf0(\x15\xc4R\xb3\x18\x9f\xc1\xe0\xe1\xcb\xe9\xc9\x8e\x00\xf0\xc5\xbb\r\x1c\x86\x9d\xf6\xf2\xadD\xd9\x08&lt;3\xa3\x0c\xdb\xbb\x0cr1\xee\x92h\xd2\xf8\xa3\x17\tT\xad\xc1+\xa5\xd4\x17m\xbd\xc05?\x83\xe0\x891\xfd,@\xbdl\x88\x08p\x93\x92\x1a/t\xab\xdbt\x04\x190u\x84z\xf5\xbf2b\x9d\xa8\xf3~\xe0~V\x1e \x02\x00\xfcl\x03\xb7J\xa3u\xef\xb4\x18i\xae\x1e\x96\xf1\x06K\x84\x9fl\\\x05\x82\x93\x06\xba\xd8Z\x9czXM\xd8Q+h\xdd"\xc2\x93\x11\x11/\x16\xbc\x88\xdd\xdc\xf1\xfd\xfbn\r\xd9\x9dN\\\x9c\x82\xed5\x02y\xc8V,\xe5\xd7\xb3\r\xa7\x01\x9e\xda}&lt;\x8c\x1c_\'\xe2W\xfb\x82P/"\xdb \xcb\xbb\xa6\x13\x98#t+\xf1\xe2\xd0\xe1\xa7E\xa4T\xde\x94+|I*Q\xab\x9c\x02\x81`\x0b\x84~j\xebx^-\xac\x96\xec\xa7\tF(\xe78\x15\x11\xf4\xdb\x1b\xed\x97\xfd\xfb\x89\xcc\xc5/s&lt;$h\x15\xed\x0e\x83\x13\x93\x18\xeb\x85\x98~\xb0&lt;]\r\xa7Ww\xeff\x98\xec\x07\x84?\x84\xb4\xa2n\x0e\xf8b\xaa\xc0BIY\xff\x9e\xbd\x0c7\x8d\xdb |\x00\xe0\x0f\xc3\x8c5\x00\xd7\x1b\x92H\x8c\x8f\x15\xfcF\x8a\xfbT\x80\xfcj_\xe3+cx^\x1bw&amp;\xbc@ \x18\x80]\xc6-*\xb1\xcbV\x84\xd1\x14Dt~\xff\x12\x90\xf89\xcc\x9d\xb5\x82D\x1f!\x97\xc6\xbee\xcf\xedm\x91\x8dU\xd7\xef\xfa\xe3\xd9\xc3~\xe1\x8c5\x1f\xbfkw\x10o\x18\xba\x83\xf7\xa7\x10\xe0\xdbc\xf5\xbf\x0f\x11\x10\x7f\x99\xdd\x89\xba\xcc\x81\xfa\xfa=\x8c2Q\xab\x86\x07\xb2\xded\x90\xc6\x03g\x8d!\x00\xc2\x97"\xbc)\x7f\x98P\xa4\xe1\x04k\x9b\xa0\xf3|\xc8hE\x80\x1f\x1e@\x96\xe2\xc4\xb0U\x81@pl\xc4=\xda\xf1\x90o\xc563+\x9d\xe7\xc3\xc1\xea\xa2:\x92f\xbe\xee4\xd5\r\x9e2\xa3\\\xe1\xaf\x0e`\xea\x11\xab8\x80\xe4\x00\xb0\x179\x1f\x94\x1aV\xcf\xf7\x9f\xe7\x87at\xa8\xb2\xc6t\xa6\xfb\x12|\xf7\n\xee\xfeV\x97t\xb5\xc1\xdb\x11U .XZ\xc3\x08\xf0D\xbe\x18\xb1b\x19uT`M\xab8\x98\x05\n\x04\x82*\xa4\xdd\x19\x9f\x8c!\xb7\xf1\xac\x9f\x98Qj\xda\xf8\x7f\x064g\x9e\x9c\x18\x13\xd8f\xe0\xc8\xd0O\xd4\xb5\x9b\xbc\x13%\xf3\x80\x88\xf8\x1b\x84m\xec_\xf2\xd5\xf0\xe0\xd2Ed\xeckG\xab\xf1\xf2\x91\xd1\xca\x1a\xd4y\x93;\xdfR\xf2\x19\xdd\xec\x13\xd18\xc6s\xdbh\xceM\xf8t\xe7\xef\xa0i\xa8\x0f6\xb5J\x7f\xdf\xa3\xb0TI\xb7\x91\xa5\xd1BU\xb3*\xb2:\x1dM\x1b]\x97\x0e\xe7=\xf0\xf0\xcc+P \x10\x9c\x06z\x0cu\xe31\xf7\xec5j\x9c\xda\xd0\xe6\xa4\xa6\x9f}\xac\xfe\xc9\x89\x90,\xb9\x1a\xc7.p\xd9\xbda4\xbb~p\x8d\xa4\xa4\xe2(\x89"\xec\xfek\xb6\xe1\x87\xaf\xc2}\xd2\xc6\x9fgJdTg\xafV\xad\x87\x0c\x82\xf4h\r\x07u]&amp;X\x9f\x1f\xaa\xebF\xd3\xd3aL\xb1\tF%\xc2\x04J\x8c\xa04\x85\x92E\x93W\xeb]\xac\xbaG\xda\xb1\xbb\r9\x8c\xd8\x02\x81\xa0\x18iG\xc9\xa72\xcd\xa03\xb5\x9b\xec\xcbk\xf8\xde\xf9\x96L\xf1\x10\x11\xe1\x93\xe3\xda\x12N\x1b;\xd0\x1bc"$\x8bw\xe4\xdd\x83T\x9e\xcb*\xbcz\xe3O\x8a%_\xbd\x99\x96\x84k\xd96\x87&gt;\xab\xd3\xcb\xe4\xc4\xfe\x0b\xbb;\x06\xc3\xaf\xbc\xef\xc2Z&gt;\xc1\x86\x93^\xafC\xe34I\xcd\x10\x87$\\~\x94QY|\t\xbd\x05\xc4oK\x17\x8a\x83#\x8f#ID\xb7\x9c\x96\xb6a\xd2\xf6\xf5\xbao\x17\xb7\rE\t\x04\x82\xd1\xe82\xc2\xbf\x0bv\xec58\x9e=V\xaf\x0b\xebD\x81s\x16\x8d}\xb4\x91W\x17\x94\xeb*Q\x8c8F\xef"dK\x8a\xaa\xdb\xb4}\x19*\x07\x856\xbc\x05,?P;\xf4\xca\xf0\x0b\xdc\xae\xcc\x08\xb0\xb9b)\x85\x15[iX\xcb\'X\xd9F7\xcb\x05Q{\xaf\x02\xe5\x97\xdaC\xb4p\xfc\tY%\xf2e\x06\x00\xcf\xc8\xca\xa4s\xa2\xb6\xb3\xabB\x95\x16\x91;\xa2\x87\x14\x08\x04k\xa3\x9f\x03\x1a\x80J\x17\xd9a\'s\x087j\t\xf9\x8d\xd4,\xc8\x9a\xa4\xfd\xa7\x8f\xc6s\x82\x87\xd8as\xd8:\xd5\x1d~n\xdb\xe3@\xbbU\xec\x0b\xdf\x96F\xc9\xdc\x89\xf2\xd6Z\rG_\x85&lt;S\xad_p*&amp;z\xe1\xa7\x11Qe\xb8\xe8Z\xbe`\xcf)93Y\x06\xdd\xdb\x0b\xc6`\x81*"\xda\x8b&amp;\x08e\x91e\xb5\x0b\x1fR \xf6\x84W\xf0\xc9u\x13R \x10\x9c0\x16\x97\xb1K\xaf\xe18\xb5\x81\x12\x12\xa7\xde{\x99\'"\xe0M\x84\xe5\xf2\xd3\xf3\x07Z\xff\xed m5\x85j\x016\xc7Z\x96\\,O\xfa\xdbzC*\x91#F\xbfJcv\xa3~\xac]@.Kb\xf4E\x8b\x92\xed%\x15\x1e\xeb\x08\x0e;R\xaa\xf2At\x95\x90$\xbb.\xb7\xef\x08!c\xd2\xe70hp\xe1\x90Q@\xf4l\xba(\xdc/\xb3\xe5\xdb\xf3\x9c%\x10\x08v\x85\xeaYa%\xac\xe0\xd9!\xe2\xdc7RKAX.2\xf9-\'\xfe_X\x15\x86\xec\xaeg_\xc8U\xa7\xa8\x1f_\x91W\nv\x1f\xfd\xd8V#\x8e\xca\xac\x88t\x87cQO\x1b\xe7%^\xe5S\xa6-\xbbd\xd1\xb9\x18\xf0\xfe\xf6\xf0qW\xf6\xddT{\xa3\xc3\x9c\xa3\xa2fM\xf6\x01\x9b\xa3\xdfF\xfb\xc5J|\x00\xfc\xf3\x88&amp;\x0cR\x1d"&gt;\x87I\xd6\xa8E \x10\x08\x02\x97\xe4\xb9\x86\x82\x83\xd7\xbdM\x93\x06k\t\x99\x8a\x9f\ra\xd75\xa3f\xe7\x13\xc3\x86\x8b\x8f\xef\xd8\x93f\x8c\ro\xa2\r\xdbTx=\x82ae\x97R\x8fV\x04\x06\xecS\xa7\xb8$YOJ\xbe\xf7\\\xe0\xf1{\xe9}\xc8\x0c\x04jD\xc7t\x11\x87\xddkt\x81\xdd\x0c\x07\n\xe5\r^\x1a\x0e\xe3\xe2\xdf\x16\x8b\xf5\x91\xea\xe2F\xc8\x8f\x06\x0b\x04\x87\x84\xf1Gu?\xa8n\xbb\xb3\x15~\x92\xbd\x1a\xae\x9c\x19!\x11\xb1c[\x8aX\xd7\x10m"\xeb\xcfG;\xff\x05\xf8I\xdc1B.\xaa\xa0\xe8O\xdf\xedK9\xd6\xe0]I0r\xf9\xa2`\x1e\xfcL\n\xd3\xe0\xa2I5[\xb2\x19\xb9\xb1\x95\xd6\xc2"9\x88z\x8b\xd7\x13K\xbf\x03\xa9yG\xf6\xe9\xfb\x8ae\xa7n\xec\x7f ~&amp;\xf1-\xcdz/\xb0U\xc4o\xfaN\xfaw\x10B\x93\xee\xd5\xde\xf3t\xa1"\x10\x08\xb6B"\x89\x97S}\xcf\xab\xffR(\xe8\x18\x1c\xf1#\x8e]h\xfag4\xf5d\x9d.S\xcf\xaa%\x03?\xbdNDP)\xd5}\x92vb\x7f\xfaI\xc8y\x87\xe6=\xe9b\xc5U\xcb\x07\xec?.\x08\xa0\x14(\xa5\x8a\x16\x82\x93\xc8\xd1\xaf\x1b,Y\xdbFJ\x98[\xc7\xbf\xe2Dg\xb7\x0b\xdfFd\xa0\xdb\xaa\x94R\xd7p\n)\xe7\xbbdw\x05_\x13\xab\xff8\xeb\xbd@i0\x8ds\xb6\xe4\xd3\x01qDsR\xed\x13\x08\x04\xed\x08N?\xe9o\xb3\xd5G\xca\x98\x05\x87{\xffsO\x0e;\xff\xd4\xb5UQ\x0f\x87\xf8K-\x1a%m\x91m\xa6\xf0\x1cs\x80~ \xd0\xca\xfc\xd0\x0e\x96z{\xc2\x87\xeck\xa3\xdd6{\x1d\xcd\x98E\x9b\x95\xdd\x1e\xfd\xa2\xabx\xb5p\x85irh^\xbb\xf2N~Oz(\x83\xd5F\x04\xf8\xaa\xad\xc5\x19\x8dD\x1f\x1d\xb8\x13\x05\x02Aw\xa4\xdcA\xd6Sl\xedG\xf2\xb3\x97)\xf9,\x7f\xaa\x1b(69e\xfeds\xbe\xfe4\xdf\'\xe0\xc9\xd0\xa3\x8d\x97\xf7\x85\xa0z\xdc\x17c\x1b\x93\xa8\xe3\xcbR\xe6\xb10@\xfe\xa1\xda\x18\xa2vN\x9f\xa6\xc6\xd2\xae\xadb\xb9\xa6\xbf\xd2\x05\xe5]\x0cp\x01\x0bi[\xfd\xc4\xee\x8cY \x10l\x87\x84;\xc8\xbb\x89\xbf\x18\xe3DxsL\x81#\xa3\xe7\xf2Q\x1ep\x04#C\x8a\xb3:\xe9\xe2\xe2#D"]\x83\x08\x80\x17\xde`^1\x81=FQ\xa2;\xf2\xca\xdc\x1e\x85\xf2\x0c\x90\x7f\xa5s\xb3\xce\xe4R}\x9a\x1aGi\xf4\x15\xf2@\xa0\x86\x8f`\x7fHYi\xbb%\xcfs\xd0c\xce\xf0@\x10\x08N\x07{\x9b\xd8\xf8\x1e\xaaDlr"_m\x03\xd0\x8d\xa2\xfd\x97\xb5\x10\xf7c\xff\x0b\xebb\xee\xba\xfcaV&lt;S?~#\xabh\xd0\xa2\xc8\x1a\x0f\x01\xee5L\xe0r\x14\xf6\xc5\x80^\xdb\xb9\rD\x11\x1b\x89\xb1~gb\xc3\x16\xed\x06\xb2\x138\x1e\\\x1b.\xeb&gt;\x19\x08\x02\xc1\t\xc2\x1a\xcc\x7f\xbb\xb5,\x13\xb8\xfe\xa5\xcc\x8b\xad\xec\xbcn\xdc-\xf0_t\x81\xa1\xcdG/,\xea\xb4\xb4\xee\x94P\xdc\xba\xa5Q\xe87\xb3\xbbmTL\xb1\x1e\x01}\x0e\xe6\n\x96\x97\x8dY\xacP\x98m\x81\x8b6\x8ak\x92\xddj\r(\xaf\xeb\xef\x8f\xf9\xf7f\xf6l\x1a\xbb\x15\x7f\xba\xaf\xf5\xd6\xae\x849\x02\xde\xbe}\xea\x94e\xc0\x85\x92$\x07\x82\xdc.\x16\x08\x8e\ng\x18\xef\xe3e&gt;\xf6\x14{Z/g(\x05"\x16\xbdq\xcf_\x9c0\xb4\x87d\x8fO\x84\xae\x05\xf0\xd7E\xfa\xbf\x13\xc2\xb3\xd6\xec/Zx\xba\xa8\xab\x1a\xa5\xe87Q\x9ao\x9b\xe4\x02\x04\xf4{mb\xc7\xe8MG.\xa5\xfce\xc3)\xbdq\x8b\x87\n\xab\x8eU\xd5\x8a\x0bth\xbb\xc1\xec\xe2h\x0b\xa74\tu\xa6\xfa\xfd\x040\xed0\x9dG\x19\xe3\x99J\xefn\xd6\x8b:K%\xaf\x01\x15\x08\x04\x83\xd0#\xde\xb6U\xdc\xae\x1d\xf3\x8b\x1eK*\xcc\xaf\xb4c\xbd13\xb9\x02VJ\x95\xad\xfe\x01\xd6]\xfd\x03g=\x14\x8f\xda&gt;0Y\xefQ\xd52\xc1\x14\xb0\x8e}\x95\xcb\xa5\x0e\xef\\\x10\xc47\x0bEo\x80\xb0\x95\x88\x08\xf0\x16Ve\xe5\x0f\x05\xb3\t\x8b\xb2\xcb\x93dq\xee\x8d5_D{VLk\x00\xec\x10;\xc6\x8f\xe2\xec \xba\x9b\x99\xb6\xc3\xb3\x15DD0\xafTU\xee\xeb\x98\x0bb0\x02\x81`w\xd0\xce\xbe:Z\xdc\x1da\xb06"\x0cd\xe5q\x0e\x13`\x87\x91\x15\xc1@\xb4\xacc\xea\xac%a\xba\xa40!\x97"\x99kC\xd1\x0b\x93\xf6`\xf6|\xb21pd\xd1*\xe9;\x9c\xf9j?\xf93I\xdd\xa1p\xb0\xa5\x1d"n\xdd;\xee\xd95\xbd\xfa\xa7\xce\xf4\xf4b\xda\x1cC\xed\xc6\xc6,\x91 \xb0\x87\xf9K9\x01\x10\x08\x0e\x0be\xfe\x93\x01"l\x12\x9e\x88\xcd\xcd\xc5\xab\xbb"\xa7z\x1a\x11\xd6\xab\xed1\xa2\xb4\x0e6\xe8\xbe\xb7\xf8\x1c\xb3\xc9lh\xfe3\x1ct\x12{\xab\x96\xac\xdb\x14\xc3\x1a\x12\x84\xf1\'\x8e}y\xdc\xb2+\xb9\x9d\xa1\xa8w\xd4\x11W\xff\xbay&amp;\xfa^uc\xa4\x8b\x08\xf4_\x16B\xc5\x9e\x0bP1\x9f\xad\x00$?j(\xe7\x7f\x02\x81\xe0\x88@D\x96\xc7\x9f\x0e\x02W\x91\xc7{BGD\xf2\xf2x\xe9\xd4\x05\xc2\x8f\x8fk\x8e\xc7\x1c\x12\x83\xb3\xe9\xa2\x1b\x97\xb6\x15]\xcf\x89\xf1\xd3e\xac\x99\xd4?C\x88,$\n\xbb5\xa3\x8cj#\xe1\x1d\xd6\xf5\xc4\xe0\x0bBy\xab9\x9cO8jD\xbf\x10\x91\x91\xb5N\x93\x11\xe0u\x00W\x07k\x19\x1f\x1f\xb9\xfe\xed\xa3\xc9E\xec\xf6\xe6[\xfa\xf2\x12"\xeeHV\x81@P\x8a\x9a\xc5\xee\xc8\xcd\x00\xb1\x01\x80\xa2\xe3~b.8\xf9\xf9\xcf\x86w\x12}v\x1an\xa3)\xff\xa7\xca\xb6\x19\xb7\x8aI\xcbT\xb1\xcas\x1d\xf2yJB?;\x8e\xa9\x8a\xf6=\xcf:\x0b\x975W\xb4\xdc`\x04U|O\xcb\xb8\xd6\xecMD\xdcQs\xe8\xd0F|p\x8d\x17\x08\xdck?\x93l%ye\xb0W\xcb\x990\xbb\x94y\xb9\xefF4$\x05H 8S\xe0:\xb6^i\x18%T\xfc9x\xba\x14{v\x16\xc1\xa7\x90\xb9\xd4\x8cj%hk\xe9\x0c}\x1fP)\xf5[$\xaf\xc4\xa5a\x02q\t\xa7\x0c\x1fsQ\xb8(\x93\xadBi\x9b,Tt:\xd0\xdeF\xb4\xaf\xbf=]\xd4n]\xfd\xc3n\x1c\x8b\xa5S\xb7Q\x91D\xd1qb\xd8Wy\xd1\xdf\x8b\x0cb\xbb\x15\xac\xe1f\xb5s\xea\n\xd9\x00\x08\x04g\x0f\xdf\x9fwr\xde\xf5F&amp;\xe1\xe4\xad\xdf2\x9e\x91\'\xa7\x00"\xa1\x1b\x00\xf6\x18=\xda\x1d\xc8\x17$\xb5o\x143\x9a\x9f\xbf\xbc\x9d\x95\xd1\xbe\xa4\t\xb4X|\x02\xa5\x14\x10\x11\xe0\xb3u\n5\x07\x8b.\xcf\xb8\xe1\xc5\x14\xa6\xf7~\x07^\x12\xce\xaf\x7f\xd9A\xff\x16oB\xc6h\x1d#\xf7\xe1\xea\xe6\xbb\xa9\xea2\x8e\xea\xe5\xea\x85\xa8\xb9\x92\x1eR6\x00\x02\xc1Y\xc2tu\xf1\xb1\x8c\x92\xcb\x9c\x81\xd8\xf6\xaa\r\xfe\x15d\x15|8=\xa45\xe9j\xaf\xec\xee\xf3\x1eW*\xf7*\x96*\xb6VQF9\xc4kR;\xd8Kh\xb7\x8a\xfc\xa81\x85\x11\x01\xb0\x90y\xd9\x81A\x19i|\xfb\x14\xd1,\x1a\xad{X\x1d\x8e\x80\xd7\xacx3S\xba\xc2\xa5\xa3\x0f\n~\xffnw\x07\x97\x14P]jE\x01\x14,\x9b\xe1\x82\xc6?\xc2"`\xfdo+\xb8G\x88p\x99l\x85\xd3\x1c\xf9\x02\xc1\x99\x01?C\xf4\x16\x00\xbf\xbf\xda\xdb\xcabS\xe6~\xdeX\xba\r\\\xbd\xf4\xed\x85g!\xdeq\x0c\xe5Z\xcc\xad-\x16&amp;\xb0\x1e\xfa=&lt;\xcb\x157\xd8\xc0f.\x8a\xf0!\xcd\xb7d\x85\x18;%\xeb\xbb\xc8L\xe5\xd93o\x01\xed\xe0\xe5\x8cm`\xa5\xf5\x8f\xbbe\xd1\x19\x88\xa3\xec\x9c\xbc\xc42\xf2\x96vh\x9c\xab\x1c\x87R7\r\x80X\xb5sM\xe2\\\x80\xcblm\x15\x0b\n\xefQ\xfc\x13\xe2\xe7\x9d\xf0D+\x10\x08\x16\xcc\xbe\xc1\x9d\x11\x7f\x0b\xe0v\xa3\xf8\xd5o\x00j\xb8\x1da\xcf0g\x9b&amp;f\xc1v\x16\x16\xf1\x1d(D\x8bS\xf1\x12\'\x0f\x89\r\x00\xec\xe2\xb6t\xc1\xf2\x9d\xbf\x12]\xd2\x8c\xaa\x90\xd8i$56\x17\xd8\x97-U\x81\x13\xef`o\x00`[\x1b\x1b\xf0r3\xbc\x1e\xc2\xab"\xdf\x8dh\xef\xd2\x1d\xb0xB\xfb\xb3+@7\xee\x8c+\xfe\xcc\xe2\xab\x99A\xf1\x8c\x16y\xfd\xc6\xf2\x91\xa2,\x97\x80\x05\x823\x01\x05\xa0\xe0\x1f\x9cG\x88\xb7\x1dw\xb4\xbd\xdaT\xb9\xa3\xdbz\x19L\xa7\xcc\xf6\x8b\xd1\xbb+I\x1fD\xf3kdt\xa7\x93\x01"\x97\x16r\xe2\x94\x15\xd7\x1c\x032\xe4R\xe0\xd7\x9d\xa3\x94\nN]1$\x07\xa9\xd9\xae\xafD\xf3\x01H\t\xecr\xdd\\\xb3ep\xd3W\xc8_!\xf0P\x9a\x03\x85\x16\xaa\xc5l@G\xa6*\xb6\xfa\xef\xccg\xa2g\xa9\x0b-\xc7\x83\x94\x13\xea\xbb\xcf\xf1\x89/\\\xa8\xd2\x99\x86\xaf0 \xfe\xb3\xba\xa6\x9e`\xe6\xa9\x06\xe0\xbf\xedo\xb5\xcd\x9a\x16\x1evg/\x10\x08*\xb0\xe2\xc5S\xf2D\x12r\x0e\x14\xad\x83\xcb\x1e\xe9g\x00\x00 \x00IDATn\x96`\x03\x02c\x1ee[\x92\xda\x9c\x96\x1d\x01\x01^\x0cp\x0b\x00\x93\xe3\x01\x19U[=Y\xde\xf0\xf9\x0c\x80[:\xf2nJ\x0c~\xef\xc2.\xb9\x93\xee\xb0\x03\x9cT\n\x93\xb1m\x8e\xb4}\x96\x97L\xcd\xb8\xa1Ye\x85\t\xcb\xbao[4\xe77\xa6C\xbf\x8f\x01x\x00Y\xc8\xbc(v\xac\xa2\xaa\xce\xd3\xd8T}\xc4_\xe7P\xc7\xfd\x02\x88\x1fM\x97\xb0\x18\xf6O\xfe\xe1\xd1\xcc\x0f:\xf2\xc4\x00\x909\xa8\x87\xc2\xccM\x10k\xac\x9b3\t{\x10Z \x10\xac\x8c\xe9\x88\x7f\xec\xd8\xe7\'r$j\x95\\_\x1buZm\xc4p\x9e\xfc\x07\xc0g\x1d\xdey\xf2\x17L\xd4^h\xa4@\x84T~\x17\xafv\x9b\x85\x0f[\xfc\xbb\x02&lt;\xdd,\x9f\xf5\x02\xb1d\x03\x10\x92\xac\x01\xe7\xca\x8d\xc7\xc2\xee\xe5=%Y1\x10\xdf\xd0\xb2\xc2\x04\x9e\xf9\x81\xe9)\xb4\x9fm\xf7\xf2\xae\xfc\n\xaf\x85\xac\x8d\x88\x956\xadtK^~\xd0\x17\xdc\xd9!#!$\xda\xbe\x9f\x1c\xd4T\x88\xca\x9f^w#\xb4@ 85`\xf1\x0f\xd0\x14^c\x1a\x89\xed\xa6\xab\xf5\xb0\xd5\x1a\xda\xd9JYAf\xce\xc5\xdf\x05\x7f\x8b\xf8\xc5\x8cbk"uT\xa2\'f(^BUo\x02J\xf7\xdb\xba\x16\x84\x1b\x00Cm\x87\xfb.\x03w\xbb\x02\xcb\xf2\x86u\xd2\x95\xda\x08M\x05t\xb9t\xb1\x81\x18\xa4\xfc \xec\x02T\x8bZ\xe3\xdc\xa9D|h\xa2\xcc\xe4\xafW\xe9\xb6\xcb\xb1\xbe&gt;\x1d\x87\x1f=\xb5\x0b\xdb(w\x00\x04\x02\xc1\x10\x94\xbf\xfb\x85|\xfa;\x1dD\x11\xec\x06\xde$\x84\xc1\x87\ty\xe3\xb9\xe6\xfe&amp;e\xb5\xc0\xfbfi\xf4\xa3\x01\xe0\xa7K\xa9\xd6\xc8RQ\x07\x00fQ\x89\xa1\x18d\xbd\'\xb7%K\x96\xfc*\x89\xf2\xael8\xbf\xca\x12\xf5_\x13\nV\xff\x00\x00\xf0p\xb7D,;|oV\xc8\xc7\xdcA\xcaE\xa4E\xaa\xb1\xa1\xdf\x16y\xae\xb3\xd5G\xc1X\xe2l\x11\xd3\xe7\xe9\xd5\xae\xcf\xc1\xf9\x0e\xc2\xe9\xac\xfeA"\xfb\x02\x81\xe0x@\x17\xd9\xdbX+\xcb\xb3\xb1l\xf5k\xa9\xa8\xb4Ks\xd6CD\x9f\xf0\x13\x7f\xe2?a\xe0WV\x16\xbe\x12\x9e\xe5\xd4-\x8b\x13\xd6Xm\xa2\xd1\xbaK\xb4;N\xff\x17\x13\xf4I\x9a\x03\x91P\x02G\x00\xb2\x16\xfc\nze\xc0%8\xbaQ\tQ\x0b\xfc\x8f\xdb\xa1\x1e\x9d\xc2V\xb4n\xe74\xbb\xafN\x08\xd6\x19\t\x0b\xe6a\xacx\xeb\xe2\xb4[\'\x10\x08\x0e\x8c\x1d\xfa&amp;\xc6\xf4\xb0B\x8c3`Z\xac\x9c\xfdl\x00\x08\x9d\xda\xdf\x14\xefs\xf6a\'\t\xc4\xcd&amp;\x81\x1f\x8c\xd1\x9a*f\xcd\x12\x11\x01\x1eX%\x9ak\x0f\xe7I\x94)XR\xfbd{#\xaf\x8d\xe7q\xa5\x9dO@\x96\xcf\xf6?u\xeb\xe6\xae\xb8B^\xf9\x06Qi+\xfa\x85\xd7\xefY*+\x9d\x08\x19~\xcdXS\xdaU\xe0\xb4NN\n\x04\x02\xc1N\x80\xe6\xd6\xe4\xc6\x82\xb8\xc8N\x03C\xcf\x88I\xee^\xa2v\x95\x00X\x9d\x95\xde\x05\x98\xbf\x97\x89\xeemu-\xf0\xce\xcc#\x01\xba\xef \xaep\xab\x02\x91\x8a\x8d\xcb\x0fx\xd9\x94\xcd+\x86\xdc\')\xb9\xccP#\xc4s\xeb\xc6\x8c?\x9b\xfb\x1eVT\xce\xfb\x85z\xa2q\x84\xba\xca\x04\x00\x15\x19t\xeaS\x10\xdf\xcf \xb8\x0fDM\xc2k\x1d\xe7\x1aC`o\xc7@\xfb\n\xfe@\x8de\xc2\xd6\x89\xdc\x01\x10\x08\x046\xda\xc3&lt;\xd5P\xa0T\xc5b4\xee\xe5\x11{\xa4\xeb\xc4\xe6\x00\xa5 \xfb\x96\xf1J,2\xc7\x82\xf7n\xf0\xbb\xbc\x8d\xdeJs\x00\x10\xe0\xff&amp;\xbef\xa8\xce*\x80f\xf5\xdfI\xbaU\x10J\xcb\\\xfdC\xd0\xa5Z\x01q{X\x98\xe6u\xc47\x97x/e\xb8x\xd5\xf4\xea\xbfB\x84,\xb2\xab\xff\x12Z\x08\x00\x7f\x11\xfb\xf2\xbf\x19?,\x10\xa7\xbc\xa2k\xbdV\xd11Z\xbe\x88i\xf0n\x07\xe0\xd0\x80\xfdA\x0e\x04~\x15\xe0/\xb7\x96A \x10\x1c\x11\x88\xf7\x8f\xe6(\xef\xdc\xf1\xd1\xe8\xe9\xb5_\xbe\xde\xd1\xb0G?\xe0\xeb\xcbP"\xcczg\xdc\xcd\xc4\xe9\xa4\x85\xfd\xe7\xfc\xf8`+&lt;\xdd5\xe1C\xebO\xc7&lt;\xea\xa4J\x8b\xd7\xdblj\x89P6\x10m\x88\xf9\x87)\x8d\xd5\xb4"\xe5\x94\xc8\x8ep\x89mr`\xdc\xc7\x8fv\x1b\xd5I\xa4$\xa9\xce\xbc\xa2\xf4\xe9\xe7\xd5\xf0\x08\x0c\x12~E\x9cXs\x04\x823\x8ah\xd8\xbb\x9cRv&amp;(q\xdc?\x93\x98Z\xf2N\xa7\xa3o\xea\xed\xe6~o%\xbf\xe9\xd2\xbf\xa2?!\x11e\xd8\x84\x89\xe9\xad]\xde\x18\xb3\x7f\xacT\x149?\xcd31&lt;\x11M\x91\xa3l\x06\x02\x9dsJ\xf9\xc50\xd9\xe4\xf2\x0e\xfd\xb4\xd8\xd2\x88%\\\xa3\xe6\x8b\x89\x98\xc2\xbab|\x87\\%\x9b_\x9dVM\te\xbfJ\x17\xbdU\x80f\x1a\xb6k\x1eVm|\x98\xbd\xb3\xd5\xb0\xf5\xefp\'0\x9b\xdc/\xefDr\x0e\xde\xc0\x11\xaf\xda\x9e\x05\x02\xc1\xae\x90\x89v\x14\x92B\x80\'t\x10\xea\xe3\x81\'%\xdd+#\x0e\xda\xbe\xbc\xdb\xdak/Mh\x14\xa3\x93\xbf&amp;\xe7\xb9q\x08gMD\xc4\x1fg\xef\x00]\x1b \x0e\x04\xda\xf6\xba\xab"\xbb\x86\xe0t\xcd?D%\xc7,}&amp;\xd3\xb8fz\x1bOTTz\xe0\x7f\xc0\x7f\x88\xf3?\x9d\xa4r)\x90\x8a)\xa3\xec\xd5\x9a?\xefe\xc9E7\xd0\x08\xdc\xd2^\xb7\xe1\x1d4\xc9\x17\xa1R\xd0\xa4\x84\xcb\x93O\xee\xa4\xefhpt\x1b6S\xee\x00\x08\x04\xa7\x89\x12?;\xbd9\xf8&gt;\x1d\x98\x9e\xd7!\n\xd1I\x9eA\x8a[0\x8b\xad~Jln\xc2\x8f\xcesj\xeb6\xa0]\x9eu\xf9\xf9\x1f&amp;\x01\x1e\xcc\xad\xe6\xc1\xedD\xe7\x85\xe5\xdc\x85\x85]b\xd8*\x84\x86z\xd2\xf2\x91.\xe0\xbe\xbe\x9b,\xf4E\xe6\xa7\xb8\x9cv\xac\xd3\x14"\xef\x1d\x11\x97\x9c\xe3Y\x0e\xb6(\x91\xf7\xcd\xe3\xfc\xbev\x9f\xce\xc5}\xf6\xfa24\x97_V\x1cE\xfee\xee\xf9\x94\xe6\xfd+\xf2j\xed^2\xe8\x93b\xdc\xd4\x0e[\xe41\x99 q!j\r\xbbDs6\xa8\x1dl\x0e\x8c\x8e\xb4K,\xbd\x7f\x9e\x9d\xf4]\x06\x8b3t\xc7\xa3Q\x8ec\xe8\xeb\xca&amp;\x10\x08\x06\xc2\xf3\x80\xae\xafC\xf8(\xc0\x05Wz_\xcd4\xfb%\x1cr\xec\xd5\x13\xa1\x13_\xf3\xb76;"=\x1b\x8dz\xb9\xc4]\x11\x9e\x06\xb4\xba\x02\x81V{y\x11\xffGd#\x06\xfcT\x80\xbb\xb18E\x89\x13\xbd\xb1\xbf\xf7{,B\xc6\xee\n[:\xa4\x07WQ\xa3H\x13\xcd\xbe\x97\x89,\x1ft\x1c\xd4\x8d\xd9\xd0l\x12e\xc9\xd7\xf5\xf4\xeaV\x9c^\x92\xd8\xcbH\x10w\xb3\xfa\x07`/\xee\xd5\x87\x01.\xcaz\x81\x92\xd5\xe3\xf3\xb3I{\x88x#\x80?6\x04[\x9dyF\xf0\xaa.\xf3in=\xe3L\xd2\xf4y\x19\x86n\x0b\xad79\x01\x10\x08N\x07\xf18\xd5=\x11\x01/\xb0b\x10:\xfa\x8b\x92K\t&amp;\xa5\xadc\xe7\xa5|\xcdE\xea$^=\xa69O\x83\xa8b\x89\xb7\xb2t\x87\x1d|\n\xf9\xffU-\xd5\xbb\xa6\xbe\xe4\x08\xb4\xeb\xd3\xfb\x19\xee&gt;\xa6\xa4p-\xca_gC\xfe\xc81B\xf0\xb2\xa0\xca1K\xe4\xf9\x94\xa3Sg\xab\xaa7\x92%\xc8%\xbed\x1eau\x04\xb3ex\x11(\xef\x05\xad\xb9i\xed\xa9\xd4\xcb\xf3?3\xccD^CU\x1a\xa4_\xd6\xb5\x15\x10\xed\xe1S`\x18\xea\x8fij\xa9*5\x02\n\x04\x82\xbd\x03\xbd\xd1]\x12Z\xabg:\xc7~\xec\xb77F\x8afdHU\x84\x1d;\xae \x98\x14\x99\x93\xf6\x17~nG\xb4\xcfJ\x1a\xeb\x101\xd1\xe5x\xa7{\xe5\xadbwD|V\x94\xcd\xae\xf4\x1fS\\l\xb5\x1dC\xcb\xd0\xe0\x9c\xcf\xc4d0U\xda\x8e\xef\xc2@\xac\xa9\x88\x80\xb1E\xeb\xde\xc2\xb7\xa5\xf8G\xc4\xcf\x9f&gt;)\xeb\xdf\xd5A[\x16\xeb\x95\xb2\xf3\x0e\xf0\xe3\x00\xe7\xef.V\xc8\x88\x83\xf2\xd1\x9d?|[\x11\xe49\x1b\x14\x19\x86;\xdd\x83\xfd\x13;6q9\x01\x10\x08N\x12a\xf6\xe9\xf2dX\xb4)H\x96u\xa5\xf8\xf69\xa7\x96\xe1\xa0\xe3i\xb7;\x8c\xe6""\xdcbN\xf4\xb7\xa1tb\xac\xf306?\xed\xb0a\\ t3\xa8E3\x81\xda2\xe5\xbd?\x0f\xb2\xfa\xbfhBq\xe9\xfc\x16;5]\x8f\xa9\xfav\xd5e\xbak\xdcC\x13\xa9\xe6\x0f\x9e\xf0^R\xfe\xbc\x8a!v\xd3{\xea\xccB "\xe2\xe7+\xd3}[6d\xe9z\xa5\xff\xebM\x191\x07\xa5\xcdf\xec\xea\x9f\xe2;\xb1\xfe\xed\xf0\xabrg\xa4\xac^\xd8x\xf5\x0fH\xfc\xf8\x86}\x99\x9c3S\xd8\xb5\xf5m\xb4\x99|\xac\x98@ 8q\xf8\xa9\xba\xd08i\xe7\xb2\x15Y\xf9\xd9A\xb8\x02\x14\xf9U\xac\xcc\x0e\xb0D(\xc9\x93\x96lx\x95\x1f\x7f\xdd#\x92\xf3\xadz\x0f\xc0\xa5\xf9\x8d\xba8\xe2\x7f\xcf\x15\'U "\xd7rT\xfc\xcb%\xf4\xb5+\xe3\xc9\xaeT\xc8\x86wNO/Dz[\x92\xbc\x86T@:\xe8\xa6D\x8c6~\n\xd4\x17&lt;oVI\xae\x1b\xd9&amp;\x90\x8e\xc8\xb9?\xba\x9dx\xc14\x01\x93D\xfc\x03\xb4-\x81\x18;\xde\x89\x9f\x9b\xa5\xdcC\xc5I]\x089\x01\x10\x08\xce\x10&lt;\xaf\x815\xc1\x12\xab\xfa\x1c\x8c\x88e\xee\xb2H{\x02\xb0\xc5)N\xcd\x1f\x99h\xbb\xc4\x8dH\xbf&lt;Et8\xab\xd8\x1d\x9f\x03$\xe7\xa2\xc4dT\xb0\xfa\xc7e\xf5\x9f\xe7\xea\x8b@\x8ae\'\x1f\xefkA\xd0\x80\xe68\xe5J6\xa6\xd4\x9b\n+,\x1f\x13\xd7\x01\xd0\xf9{\xca?)\x96\xad\x08\x11\xc7\xd1\xa8\xc6b\xa1\xb5\x14\xc3\xbb\xcf\xd3\xe7|\xca\x14~\xb1.\x963\x8a=\xed\xe19\xf8\xd9\xa9\xdb\xfc~\xc3\xc8\xa1\xd6JP\xb2\x01\x10\x08\xce\x1a\x94\xfa{\xef\xc9y\x1b\'\x15g\xf9\x8azK\x90\xc8\xe8u\xca\x07\xe2\xa5\xfe\x849\xe6c\xaeI\xb1et\x85L\x94|g\xf3,\x1bY\xee\xb3f\xac\xbd.\xff9\xa1j"\xeb\xac`\xcd\xfd=^|\xf5C\x1c\xa9\xb8\xc4-\x91z.\x1d&gt;\x80\x88\xf8\x92\xea=\xdbF\x9b=j\xd3\xdeH\xd0\n\xcd\xde\xcf\xfe\xe6\xca\x85\x94\xe8\xbc\x07\x00\xdf\x11\xe8\xf5\x949\x81\xb4\xb7\x0e\x85&lt;\xf3\xa0)n\xb5U\x9f\xbao\xd0\x8d\xe1\xc8U]547\xa6(\xb9\xdf\x12\xcf\xc9Y\xda\r\xee\x1c&gt;\xfa\x1e\x00\xf0\xe4\xd4\xb9&lt;\xe1\r\x16\xbb\x81\xean\xd5bDNE\xf4\x87\xfb\xc0\xc6\xdb9\x81@\xb0\x19\xd0E\xdd\xb49\xd7\xb5\xaaOO\xfe\x1a}\xc4\'Q\xb7Xd&amp;\x08\xe8\xe9\xf2\x9f`\x9f\x178\xc2pZ\xb4\x12\x88F\xed\x10)\xc1\xd0-U\xd9\x90X\xdd\x04\x9d\x16\xd3\xed\x02\xda&amp;\x0bkG\x8d{\xd3\xa6E\x11\x15\x95(\xd0H&gt;&lt;Z\xcc\xa9\x88ZRuB\xbc\x8f\xda\xf0\x9eR\x82h\x1dH\xec\xcf&lt;\xca\xa1\xdb\xf2k\r4\x9e8\xa4k*@\xb0\xc6\xc0,_\x19\xb3%\xa6\xcdsZGW\t\xc3mm\xcd\x15\x08\x04g\x19\xc1\xdb9(\xcf\x948\xb1\xf5\x8a\xc7O\x99i\x8fW\x94\xd4\x81\xf3\xdb*bUP\xe7\x88\xaf\xea\x15\xc3\x86\xed1S\x05\x9dD|G\x93\xf7@x\xca\x92\xaco\xa3\xe8\xa4\xde\xb7\x84\x82\xd7\x8f\xec%\x15~\x02\xb3\xd5\xff\x8e\xf8Ysy]\xf8\xdf\x10\xafPD\x07W\x9f\xc1\xa3\x0b\x0f\xf2E@u]\x93\xe8\xd6m\x07\x0b\xd9\xf8\xedF\xeb\xfa\xbd?\x06\xaeoi\xa0\xe1cCO\xee\x0e^\xeb\x15&lt;A\xc9\x10N\xddx\xd1\\\xeb\x88\x9aa\x15I\x01\x12\x08\x04\xa5\xd0\x81\x8a\xbb\x07\xbf\xd7\x1b\xe6\x81\x98\xffP\xb0s\xb4\xd3\x05+%\rx\x11_|\xea\x1c\x1fa\xbd\x9e\xe8l\xe2\x9aK\xc7\xfa\x13\xcbS\xf4\xac\x16T\xa2\xe6\xae%\x16e\x87\xbb\xea\xc2uj\xabC\xecd\x04\x8e\xd9\x94\xcfV\x81\xfcW\xf4/-\xe4h\xac\xdfxZ\xdf\xce{\xbf\xd4\xcf\x99\xcf\x95\xdd\xca\xcb\x1c\x1b?Zo\xe0\x195)\xd76\x91f\x80\x13Y\xfd\x83}\x7f\xaa\x12\xdbu\xc1\xcc\x9fr\x08\xca\xf9\\\x92xhQ\xfa\x96\xda\xd5?0\xf9\x9d\x8a\r\t\x04g\x1d\xeb\x05\x84</t>
        </is>
      </c>
      <c r="E380" t="inlineStr">
        <is>
          <t>&lt;class 'numpy.ndarray'&gt;</t>
        </is>
      </c>
    </row>
    <row r="381">
      <c r="A381" s="1" t="n">
        <v>379</v>
      </c>
      <c r="B381" t="inlineStr">
        <is>
          <t>steps_per_sec</t>
        </is>
      </c>
      <c r="C381" t="n">
        <v>4300</v>
      </c>
      <c r="D381" t="inlineStr">
        <is>
          <t>3.0501482</t>
        </is>
      </c>
      <c r="E381" t="inlineStr">
        <is>
          <t>&lt;class 'numpy.ndarray'&gt;</t>
        </is>
      </c>
    </row>
    <row r="382">
      <c r="A382" s="1" t="n">
        <v>380</v>
      </c>
      <c r="B382" t="inlineStr">
        <is>
          <t>Loss/RPNLoss/localization_loss</t>
        </is>
      </c>
      <c r="C382" t="n">
        <v>4300</v>
      </c>
      <c r="D382" t="inlineStr">
        <is>
          <t>0.33060598</t>
        </is>
      </c>
      <c r="E382" t="inlineStr">
        <is>
          <t>&lt;class 'numpy.ndarray'&gt;</t>
        </is>
      </c>
    </row>
    <row r="383">
      <c r="A383" s="1" t="n">
        <v>381</v>
      </c>
      <c r="B383" t="inlineStr">
        <is>
          <t>Loss/RPNLoss/objectness_loss</t>
        </is>
      </c>
      <c r="C383" t="n">
        <v>4300</v>
      </c>
      <c r="D383" t="inlineStr">
        <is>
          <t>0.00878709</t>
        </is>
      </c>
      <c r="E383" t="inlineStr">
        <is>
          <t>&lt;class 'numpy.ndarray'&gt;</t>
        </is>
      </c>
    </row>
    <row r="384">
      <c r="A384" s="1" t="n">
        <v>382</v>
      </c>
      <c r="B384" t="inlineStr">
        <is>
          <t>Loss/BoxClassifierLoss/localization_loss</t>
        </is>
      </c>
      <c r="C384" t="n">
        <v>4300</v>
      </c>
      <c r="D384" t="inlineStr">
        <is>
          <t>0.35212317</t>
        </is>
      </c>
      <c r="E384" t="inlineStr">
        <is>
          <t>&lt;class 'numpy.ndarray'&gt;</t>
        </is>
      </c>
    </row>
    <row r="385">
      <c r="A385" s="1" t="n">
        <v>383</v>
      </c>
      <c r="B385" t="inlineStr">
        <is>
          <t>Loss/BoxClassifierLoss/classification_loss</t>
        </is>
      </c>
      <c r="C385" t="n">
        <v>4300</v>
      </c>
      <c r="D385" t="inlineStr">
        <is>
          <t>0.17682049</t>
        </is>
      </c>
      <c r="E385" t="inlineStr">
        <is>
          <t>&lt;class 'numpy.ndarray'&gt;</t>
        </is>
      </c>
    </row>
    <row r="386">
      <c r="A386" s="1" t="n">
        <v>384</v>
      </c>
      <c r="B386" t="inlineStr">
        <is>
          <t>Loss/regularization_loss</t>
        </is>
      </c>
      <c r="C386" t="n">
        <v>4300</v>
      </c>
      <c r="D386" t="inlineStr">
        <is>
          <t>0.0</t>
        </is>
      </c>
      <c r="E386" t="inlineStr">
        <is>
          <t>&lt;class 'numpy.ndarray'&gt;</t>
        </is>
      </c>
    </row>
    <row r="387">
      <c r="A387" s="1" t="n">
        <v>385</v>
      </c>
      <c r="B387" t="inlineStr">
        <is>
          <t>Loss/total_loss</t>
        </is>
      </c>
      <c r="C387" t="n">
        <v>4300</v>
      </c>
      <c r="D387" t="inlineStr">
        <is>
          <t>0.86833674</t>
        </is>
      </c>
      <c r="E387" t="inlineStr">
        <is>
          <t>&lt;class 'numpy.ndarray'&gt;</t>
        </is>
      </c>
    </row>
    <row r="388">
      <c r="A388" s="1" t="n">
        <v>386</v>
      </c>
      <c r="B388" t="inlineStr">
        <is>
          <t>learning_rate</t>
        </is>
      </c>
      <c r="C388" t="n">
        <v>4300</v>
      </c>
      <c r="D388" t="inlineStr">
        <is>
          <t>0.039945662</t>
        </is>
      </c>
      <c r="E388" t="inlineStr">
        <is>
          <t>&lt;class 'numpy.ndarray'&gt;</t>
        </is>
      </c>
    </row>
    <row r="389">
      <c r="A389" s="1" t="n">
        <v>387</v>
      </c>
      <c r="B389" t="inlineStr">
        <is>
          <t>train_input_images</t>
        </is>
      </c>
      <c r="C389" t="n">
        <v>4300</v>
      </c>
      <c r="D389" t="inlineStr">
        <is>
          <t>[b'1024' b'1024'
 b'\x89PNG\r\n\x1a\n\x00\x00\x00\rIHDR\x00\x00\x04\x00\x00\x00\x04\x00\x08\x02\x00\x00\x00\xf0\x7f\xbc\xd4\x00\x00 \x00IDATx\x9c\xec\xfdy\xfc\xbf\xdf6\xd7\x8f\xef\xeb\xe3\x98}Q\x91\xa1c\x88:""\x99\x92\xe1\xd71u#d\xaa\x14\xa1\x9co\x129\xc8P\x992\x85\xaf"*\r\x12\xd21\xc59\x88\x0e*C\xbeB\x84\x90C\xc9\x91\xb9\xd2\xe0\'S\xb2\xbe\x7f&lt;\x9f\xd7u\xedy\xaf\xb5\xf7\xda\xfb\xda\xd7\xf5|\xdco\xe7\xbc?\xcf\xd7\xf5\xdc{\xad\xb5\xd7^{\xed\xe1\xba\x9e\xcf\xa7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91e\x8c\x1a"\xba\xeb[*5n\x126\xaaE\x89\x94Vh\xb9\x99\xba,\xcb\xf6BT\xf1\xc6^\x8b\xc8,\xc6\xee)O\xac\xc8\xb7Q\x15\x9eo=9\xa1\xe7\xd7b9\xab8z\x8be\xec\xa6\xed\xafW\xddv\x8d\xa2\xcd1\xa5t\x13\x96q \x11m\xcdl\x8b\xe1_0\xe6ED\x152\xfe\xe4\xb4.\x1d\xba~mf\xabsU\x88\x0c\xcf\'\xa9XZ\xc5\x9aa\x19\xe9(\xa49\xe1T\x10\xd1\x89\x9aF\x97\x0f\xb6\xf9\xb9\xf4p\xe8\r\x02\x18\xb4\xf2\xc40M\xcb\xb2\xe8\x8e\xf3\xfcb",\xbcq\xfb\xc3|;\x99]\xc2\xabGk\xd5\x19\xbc\xb5\x94\xdf\xe4\xbba\xee\x95\xfbucV\x93W\xcb\xad\x02\x15\xb6\x85\xba\xbd\xb7\xf2\xfb\x01\xb3\xb6\xebf`A\xb8\xb9\x97q\xdez\xb9\x82\xe5k\xe1\xc4\x82{\x89\xbc\xaa\xf2\xc6\x12\x97\xef\x92\xdacd\xf9bc\x8c1?o\ty\xe1\xb0\x8b\xadw\xe3\xbd\x9fbY\xca\x91\x95\xdee\x95\x8a\xdd\x03\xef\xfe\xff\x9c\x8e\xad\x06\xa7\xd0\xaanyC\xf3\xd1I\xed\xd7\x9f\xcf\xd4\xd3\xe0L\xcc\xdb4"\n&amp;\xbbIM}4\xa6\x8d\x99\xa9Y\x97\x03G\xdb\x01\x00\x8b\xd6H\xa5\x18uu\xa3\x05\x1a\xcdk$ma\xb4\xddn\x99\x0f\r\x1b%\xde\x1a\xd9\x7f\xe5\xcbF\xcd\xce\xca&amp;\xefo\x7f\x11\x9a\x90\xe6\x0b\xdf\xff\xf4\x05\xee2\x03]\xbcP\xf1KZFnuK\xa2\\\xd5)\x1d\xd1\xae)uqT#\x99\xb2\xff\x13\x86f{\xc12\xf5/\x85*\xa2\xea^F&lt;|DQT\rfG\x00\xe6\xe5kz\r\xfc^\xcccj\xb7\x9c\t\x1e\x8b\xf97\xdf\xfes\x1a7D\xc7\x06\xe9\xba\xa4{\xcf\x9a\xd2\x8f\x0cE\xc7*\xe7\x99\x87\x8a\x86oU\xf8\x85\x8b\x8f\x9ad\x9e\xb1\xe1&lt;\xa6b\xdf^(\xba(|\xfe\'Z`\xbb\xc0{td\xef\xeb\xb0\xc9a\xef\x84Op\xe5\x9b|/\xbcZSl\xdd\xba&lt;\x8d\xdfu\xb1J\xc6C\xf4\xe6\xc6b/\xf0,\x89\x17\x18{2\xf7E\xc6\xfcQ]\x89\x99H\x03`Z\x1e\'nE\xf3\xd4\x03\xb0MgM\xb36\x00|\xc6=\x02T\x05\xad\x8f"8H\xe3\xde\xbb\xedND\xefH\xf4\xfd\xd6\xb1f\xbe\xfa\xcfs\xb7\xda\x82\xedx\xb1\t\xdb\xfe~\x7f\xa0H\xd8p~\xe1\x97Ik\xb7\xafe\xce\x8c\xed\x8a9\xedo\x9a\x9b\xdbb\xcf\x1a%\xe4|\x89\xb3z\xe6\xecc\xd7;\x04\xd1sz\xca&lt;\x98\xc1&lt;e\xb9U\xff\x85r1\xb3\xde\xbeu\xdci\xab\xbf\xd9\xb2\xec\x7fEL\xda\x9e1\xb3\xc4\x96\xf1\xda\x92\xba#\xc1|LE\xf5\xfcIy\xf5o\xc4Y\xe2\xc9\xea\x06\x00P\x01Vu\x8f\n\xe3\xc9N\xbbtW[X\xe0\xfe\x03\xe8L\xf8\xf8A\xcb\xb2\x83b(Y\x1a\x7f:",#\x12\xd8bMC\xd5\x98\x97\x02wY\x0e\xfc\xc7L\x9b\xf3.r\xdf-\x16{\x8eI\x84GT\x8bw\xfd\xb6\xf6M\xb5\x88\xb6\x0f`\xa4\x9b\x1f5\xacds\xf5s;Ii\xdb\xdf\xfc\x8a\xa1\x01Rc6\xef\xada\xf6\x02\xa2\xea\x00\x80j\x88\xc8\xfc\xe3+\xac\xbd\xacDt\x85\xe6\x00\x00d\xb4,\x83\xea\xd4\xb5/\xbf\xce\x0e\xa7\xf9vj\xce\xe4\xe8\xfb\xf5\x9f\xb7\xdf\x12\xdc%\xb8\xfd\x91|\x8bk3k\x03`\xfc\x95w\xbc$\x05\x98\'\xe5J\x86f0\xecW\x88@\xdb$\x91\xb4\x84\x7fR\x1f3H5\xf0\x01\x87\xcf\x036\xf9\xca&lt;\xf2\x140\x0fC\xa7\xe3&gt;Z\x88\xc8\x98\xf7\xea$&lt;\xa5s\xa0.\x00\xbaQ\\\xb4\x8dg6{zPlZu\xf3[\x9dV\xb3\x01\xf0\xaa;\xcb\xd6pA\x1fY\xe2\x07\x8a\xdcw}i\xe9\x83|\xd6\x1d\x00-j\xfb\x88o\xc9\'\xb6\xf5\xe6\xf76\xd4=)\xf3&amp;\x8di\rk\xe3\xeepi\xeb\xae\x9d\xde\xcf\xc5\xa9\xfb\xe2\x88\xd5\xc2\x89\xdd\x05\x80Cf\xb1%\x12\x10^j7\xa9Z\xc2I`?\xcd"&lt;]n\xb1I\x81\xd2\x82&gt;\xb6\xc4\x8f\x97^\x1f\xad\xa1\xa8\xbc\xed\n+#s\x83\x8a\xac\x7f\xef\xf5t\xcf\x96D}\xd4\xd2\xa1\xc7G\x02\xb86\r\x89z\xad\xf8Q\xeaF\x81\x87\xa2v\xdd\xd2\xaat\xa4:\x00\xbaS\xbb\xec\x8e,\xe3\xda\x97\xa1S,d%\xe4rP\xaa!\xdc6\xb2W\xaeNGD\x1e\xc1\x8f\xd7{m\xfa\x7f\x04\xaef=_\x14\x06C\xa8\xdd[\xe8\xdb\xebx\xb7\xca\x87gv\x14y\x15\xa1F\x8e\xf1\xc6\xfet\xf0\x07\xef\xba\xbe\xa4a!n\xef"f\x08\xec\xf6)\x93\x19\x9334\x16l\xcc\xd0\x1d\xf6\x18\xc7\xa3\x14\xa0\x91\x19B\x1a\x80\xf3bg\xe1\xca\x8cl\xafo\xcc\x03\x1d\xe1\xb3\x88\xfa\xe1\xaf%\x96\xe9\x89\x8a\xe5ChwZ\x8d\x17\xf1\xca;\xf2\xf5\x88\xae\xce\xa3\x1b\x92L\x9c\xe4C\x88\\ZN"C\xc9\xc6Z\x1f\xbbFV\xcb\x9fn8\xb4\xdb\xc3\x92\xf0\xc5s\xb5z\xecS\xc23\xe2%\xea\xc3l8\xe1\x11\x0f\x00\x8f\x01F\xe5\x83A\xdbb\xf4\xeb\xc5\xcfq\xf6\xb0\xa7\x95#\xac\xfa\xa7\xc2\x05b\xc2u\xd1\xa5\xf3\xfenI`r\xe9OD\xef\x1e\xdb\xa4\x19\xf3\xd2|\x9b\xa3\x92\xe3\xca\x98+\xe6[\xb1\xbf\x933\xdb\x98\x0fs/\xbe\xa4\xab\x84\xcc7\x93}Ef~Z\xf1\xea\xab\xe8.%\xd9\xeal\x93g\x1a,\xcd\x0bA\x8e\xb7\xb1\xc8\xf3\x80C\\.\xe0\x8a\x0b4\x01\x80\x1d"2OET\x83\x12\xb1\x85Q_uc\x14\xe5I\x99\xa1\xe4\x8a\x1f\xf16\x00|\xab\xf2\x86\xd9\xd8o5\x9a\x9b\xd7\xc8,^![I\x9a@kh\x84\xb3\x80\xfe\xb2\xa1ca\x06\x1e\xad\xbd\xe0\xd4\xf4\xcbu=\xc4\xf6\xe0D\xa6\x02c\x8c)\x1c\'\xf5S\x8b8\x01e\xa2\'\xa3\xdc\x9a\xc6\xbc\x7f\x9d&gt;i-\xa3\x1d\xd0\xfe\xca\xcf}\xb3El\xb8\xac\x144\xb9j\x03P6F\x8eHQ\x85p\xf6\x07\':\x12m\xe0\xe3-\x88\x1f\xaa\xb1\x1c\xe0\x1003\x88\xcf&amp;\x1e,\xbd\x83AL\xf0srr\xb6\xc1\xe0\xfd\xbe\xaf\xc9\xfd\x8c"\xdd\x1a\x1b\xad[\xa7\x91]\xc5\x04~&amp;\xa2\xb9~\xf1\xf1\xee=\xc3\xfeQY\xa1\xe4\r\xceO \x9b\xb8\xd3\x04\xea\xaa\xab\x9f\x82H4\x12\xa9w\xdc\x19\xa0\x0b\xf72\x00`Z\x88r\xbfj\xaf\xcc\xaf\x12=\xef\\\x0b\x06\x00\x0e#\xf2\x14\x04\xa3\x8e]\xb7\xee\xd6\x01\xb3V\xbe\xe4\xe5\x0ekY\x87\xfa\xde\x9fDd\x0c}\xc2i\x0e\xb3E\xf7C\xef\xad\xebh\x8e\xc1\'J\x01\x00\xa0\x0b\xcc;\xd5\x03,\x01\x00\xf8\xf4{\xccCE\xef\xb6\xc0\xcd\xbe;\x94\x1e\x1a\x7f\x9d\xf1UB\t\x82\x07\x8d\xfeb\xec\xd1\xa3\x892\xac`\xb7\x89\x89\x01\xf4\xe6\x921vTV\x07 \x00Ax\x0c\x18\xfe\xa0\xcc\x81S\x05Gu\xf1\x06\xc5Q[\x97\xcc[u\xb7D\x9a\xedJ\xdac~\xe4J\x89\xa0\xe3\xb7\x1f\x9e}\xcd4\xd8\xf8S\xfbj\xe7\x1a\xad\x88q\x91\x0e\x02\x17\x0219\x86\xb3\xcfe`\x10\x87\xdf\x01\x08\x9fZ\xf1&gt;&gt;\xeb\x1e!\x901\xffc\x90\x89l\xb6Vd\x9dy\xcch&lt;c\x168\xca\xe6\x99\x93\xe6\x84\x86\xcd\xec.\x00\xc0l c\x0c\xe3%\xe1j\xc0\xc3^\xb3\xbes]\xd0T\xd7bl?~\xb4Br\x0b\xb5I\xea\xf3\xb7\xea\xba\xf6T1\x83\rgd\xe6\xa4\xd9\xc7\xb0y\xdb\x0b\x9a\xc0b\x0b\xcc\x07\x02r\x18p5\xe0\xb2\xc6\n\xe6\x8c\x11\xb7D(\xb8\xad\xa1)\xbb\x8bX0/\xe1\x1d\xb3tQ\x0cp\x00\x00\x00@\x9b\'\xc6\xab\\g\xf4\xc6I}\xfdJ\xace\x91|=\xd61\xcf\x0e\x9d\x84\x8c[\x16\xeb_m\xf4\xbf\xdd\xec\x81\xfa\x971\x94f\xf4\x86mSq\xfc&gt;\xcc\xd7\xdf\xcd\xd8S\x00\x00\x00.\xc9\x01\x1b\x80\xdbt\xde\xbc\x08\xff{\xe6\'\xb6o\xa1\xe1\x7fCK\xa3\xd2IQY!\xe5\x9ds\xaa/!\xeeb\xaap\xdf\xb8}\x91Q\xdf\x98[\x96bTO\xd7q"G.\xcb2a\x13\xfa\xf0 \xcd\x04\x00\x00\xf0H\xdc\x8f\xde\xad\xef\xe3?\xce\x8a\xc2#\x07\xc3\xac\xd94\x06Jk\x7f\xa6\xa0\xde\xf8/\xae\xad\x08"X\xdd1\xc3\xa6s\x06\x1bvp\x17\xeeqy\xe39\xfb\x9d\x15\x90\x88[\x00\x00\xa8\xa1\xffs\xea:\x8c72\xa1QfC\xec\xc1*\xcdV\xcc\xd9w\x1d?\x99\xd0\x86\xd2sn\xd7d\xceX\x9a\r\xb8h$&lt;o#n\x01\x00@\xce\xf0Y\xff\xb12uo\xf7\xce\xb9h\x9b\xd3*c\xcc\xa3\x85\x9f\x88\x89{\r\x80)\xc0\x00\x01\x00\\\x84\x89\x8f\xff\x0f6LK\xfb\xac\xee\x9d\x88\x07\xf7\xcf\x84\xcdo\x0e\xda\xe9Z\x04\x00\x00\x00\x9c\x82A\x1f\x02v?B\x8ai[\x9f%\xf2mH\xd8\x12\xf8\x9c\xce!\x8a\xfb\xba\t?a\xba,MV\x9d\xad3\xc1Y@`\x01\x00\x00\xe8\xcd\xff\xe9\xf7\xa4\xf8\xb4w]\x8ea\xe2\xdbPI8\x06\xd76\xeaL~\x88"\xfd\x94\xc5\xe9\xba\xfeh\x13\x00\xb8 \x18Y\x00\x8cg[~a\xf8\x81\x03\x90l\x00tBTi\xa6\xe9\xb4\x018\x98\x93\x9a\r\xc0\xa8\xb8\xc5\xe8\xe8\x00\xd2\x0e\x00+#\x7f\x07`\t^(\x80\xc1\xac\xce\xe0U\xf2x\x18g\xea:\xcf\x97(\xfdx\x02SH\x95\xc1\x87\x0c\x1f"c\xcc\xe3|\xbd?\xb8\x18c~\x14\x053[\x17d\xbf\x1c\n\x00\x98\x8bG\xc9\x8bs\x1f\x91\xcel[\x923&gt;\x05\x04\x00\x00\x00\\\x0f\xcc\xc5\xc7r\xc0/\x01G\x91,\xcb\xf6\xed;\x11}!\x02\xe8\x10zx\xbd\x7fW\xe2\xe8g&gt;0~\x01\x00\xe0\x11\xc1\xdd\x18p\xc7\xdb\x00&lt;\xde\xd6\xd0o\xef\xe3\x9dU\x8fh\xec\xe3yuj&gt;\x14}\x01:S;\xde\x91(\x00\x00`"&gt;\xd1\x98w*\x16\x92&gt;\xe9AD\xc6\xbcn\x9ba\xadD\xad\xc5\x0c\x04\xae\x0e"\xfcp\xae\xdd\x05\xf5\xebx|e\x85:3\xcfh8\x1b\x02\xe0LDG,YD+\r0\xac\x82L[\x0e\xb1\x07\x00pm\x12\xe9\x059g\x07\xaex\x1c0\xdb\x82Gc\x96\xcf\x00\xd4\x11\xfd\xf5+\xfb\xdd\xb0\xca\xb4\x03|Y"\x067&lt;!7k;\x01\x00\x13s\xcb\x90X\tm\xc0\x15\x0f\xc1\xed\xab\xc9\xf0H:x$\xce\xb1\x01\xa8\xf8\x88pj$O&lt;\xc2u\r\x9e\xb6\x99\x00\x80$\xe3\x97\x9b\x8e\xc6s,v\xfb\xfex\xa2\xfd\xf7\xb2|\x90\xc1\x1e\xe0\xea\xe0\xe4\x1f&lt;&amp;\'X&amp;\xdac\xb3q\xf9ND\x13o\x00\x00\x00\x8f\x0e\r&lt;\x89\xdcR\xab\xadn\xa4\x01\xa7\x00\x0e\xb9\x0c\xa9\x05\x00\x11-\x8b9\xc5r\x08\x00E\xe6\xbf\x03@\xb7A\xb9\x18\xb3,8\x89\x01\xc0\xe7\xa4\x83\x02\x9f\xb0\x8c\x12{\xac1\xceI\xfb\xfdt\xac\xdd\x01o\x9f\x9e\xec\xc8\xc2\xea\x1f\x80\xc9\xb0\x1f\xfe\xa9\xf9\x15\xa7\xdfO\xc6|u\x17\xcb$`\xaa\x06 \x00?\xcaV&amp;\xeb\x1f\xb8\xae\x1f\xa1o\xdf\xf7\x00+\xc0 \xf65\xc6\xb1v\x00\x00v\xde#\xb6\x01\x10}\xbf\'\x16\x19\x00\x1cBq\xdcal\x829AX&gt;\x1c\xe8q\x00f\xc3Y\xf4\xef\xaby\xc1X\xc5"\xe3\x94\xa0\xd7\x84L\xe8\xae\tM\x02\x00\xf0Q\x1c\xc2\xc8\x06 \x0b\xc2\x03D\xf8&lt;\xf7\xe0_\x1c%\xd8\x00\xcc\x01\xba\xa0/\x08\xf2\xeb\x80\x945\x01Dd\xfe\xcc\xa0^`v7\xa2\xa2\x1a"2\xdf\x0c\xef\x01p\x0c\xf5c\xcf\xbb\t`~\xf7\xd9\x87\xf1\'\x1fm\xc0\x01\xe0\x13\x9f`\x07\xeb\x98\x12\xc7-\xf5\x9a\xf5^\xa5s\xc7\x9e\x1c]\xc4i\'\x01\xde\x06\xe0&lt;\x90\xcb\xd1\xe6&lt;\x16*\x0eG\xc7\x81\rDB=\xd3\xbb\xee:\x9d{\x99\x86\x8c\xe2:]\x0f\x00\x98\x87\xc6\xa7\x80\xc0\xe1\xa0\xe3\x80\xcd~COU\xa6\xa2\xb4F\xa62\x06\x809\xc0\xa0\x98\x10t\n\x98\x1e"2?\x84H\x05\xe0\xf4t\xba\x9bw\xba\xbbL\xb8\xa59\'\xe8\x14\x00\xca`\x8c\x80S\x80\x84\x0e\xc0&lt;&lt;\xce\xdd\xbcB\xda\xc1c\x8d\r\xc0i\x13\xf2\x08\x83\x1a\xdc\xc0\x00\xbc\x00\xb3\xff\x12pE\x90\xeds\xea\xfbm?t\x7f\x7f#_%_\x06\x80\xb31i03\x7f\xe9\xf6\xfc\x94R\x8a\xf5\xa3\xbf\x98M\x85\\5]\x9f\xbbE\xcb\xb2L\xf5\x93\xba\x18V\xfdx\x984\x0e\x0e\xa2\xeex\xac\xf2\x01\x03d\np9\xe6\x9e\xfff\xb6M\x815\x05=\x87Sl\xee\x9er\x98\xc4T\x1c6\x03\x00\xc0e9\xdd\xd4(\xe1\x92\x8d\x02\x00\xdc\xe1\xe7\xaese\xb9\xa2\xa9\xc77\xe7\'[\xbfuZ\xd1\x16\x00\x00\x005 \x1dw\'p\xef`\x87\xff+G\x1d\xfa\x1a\x80\x93#K\xda_\xd4\xd1\x129\x97&gt;u\x02\x00\x80\x8b@\xd9?\x01\x8b\xba\x87\xac\xb4\xf5\xa3\xef\xd4\x99\xf6\x01\x899\xad:\x1e\xd2\xfe^T\xb1\xf6\xf3\x93}.Hp7\xe6\x1a\xde\x00`J\xbe\xfch\x03\xc0\xe5x\xccGB5\xe6\xaac7\x00\xb8\xc9\x03\x801\x8f:\x10\xb8M\xe6\x14K;\xf0\x99\xf2\x8f\x84\x1d\xbb\x1f\x03#\xb0\xfa\xf71\xd7\x0f\xf3\x81.\x00\x15&lt;\xea\xb1\xcd\xda\xea\x7fp\xb4!1\x90R\x1f\x86\x07\x1czr\x98\x8f\xce?\x8a\'\x7f\x84\x9d\xb4\xdb\x8b\xd5\xdd\xe7\x94G\xf5\xa4}\x87\xdb\x1a\x00\x01\x00\xae\xccc\xc6\xf7c\xb6\x1a\xcc\x06\xe2PDf\x9d:\xed"\x92\t?\x0c$1#(\xc98\xb6\xef\xf4\xc9\xecsw\x1c\xb84\xd8\x01\x02\x00\x00\xb8\xa3:\x19`v\x910\xb3\xaf\x1amcV\xefw&amp;\xfdZ\xc7\x84\xe2\x87\x9c\xe2y\xa1\x7f}\x06#A\x0ff\xce9\x00\xf4\x01Ao\x0c\x8e\xa6@\x08\xf3\x99\x8a\xe8U}k\xc0\x1c\x0c;&amp;\xec\xa9\x08\xf1\xd9\x01\x8cz\x00\x008\x1d\xd8\xfa\x83Z"\x91\x83[\xc9\x1d\xb9\x9co\xa3\xd1\x82G\xd2\xcf\xc7K_\xaa\xb3r\xb1\xf7\xb5\x97ji\x15\xf0\x00\xb8:\xc7\xce@Dd\xdeo\x90\xf6\x0b&lt;X\x0c\xe6\x80\xb0t\xeb\xcdC\xf8\xd6\x8f\xa2\x89"j\x1eK\x8e\x82\x88\xcc\xff\x1c\xed\x84I\xdc\x8e\xe4f\xa6\xe9\x0b\xf0\xd0\x10\xd1\x93\x0b\x81\xd8\xfas\x8f\xf7\xd1\x8ep\x07\x80\x03V\xff#8\xf2T\xe2\x90\xceEPM\xc5\xc3\x7f\xf4\xf9z-\x02\xe0h\xf4\xb3\xbcu\xb0-\x15N.\x9aVM\xc6\xb5[\x07\x86r\x1f,\x88\xa8SP\xd5Mo"\xe9\xdf\x0e\xb9\xe5\x1a\xf9\xeaD\xad\xb8\xfc\x0c\x08\x008\x1e\xea\xb2z\xd8\x04\x8a7\x00\xeb\xecuT\xeeSI\xbb\xac\x1f\xc7i\xd6\x02\x801X+\x80\x00\xf5x\xb8\xc6\xf1\xf3\x89\x86\t\x065\x00`\x0c\xdf\xe5\xfey\\\xde9&gt;\xe5)l\x87\xb8\xb9[\xebv\x87\xdaTq\xb8\xf3\x01\x9f\xad\xd3q\xfc\xaf\xc4\xf1\xc9\xe7\n`\xe5\n\x00\x00@\xcc\x0c3G\xbb\r\xec)\xd0{\xe2\xa9E\xef\xf1~\x03#q\x03\xe6s\x8e4\x05\xc4y^\xce\x88\xbe\xe0\xe3\x8es5\xe7\x81\xf6\xc6Q\xb7_-\xba@w\x10-\xc7\xb3\x1cm\xc0#Ce\xff\x13\x911\xcb\xa2\xd0M^vV\x91\xf9\xa0\x10\x19x\x0fL\x03\x11-\x8b\xc9\'\x93m\xf8_f\xe0\xdfZ4Qs\x1e&amp;-\x10Q\xe8\xf6\xe9\xba\x03\x00\x00\xceM\x97s;\x1c\xd5\x00\x00N\x0e\x8e\x9c\x0b\xc09\x00\x80\x1cO\x1cm\xc0\x83\xc2\x9d\xba\xba\x9c\xa7,8\xa7\x01\x00\x9c\x1b\xe4\xb0\x02p\xd0\xa3\x80\xe7\xaf@\x1d\xd8\x00\x1c\x80d\xac.\xf2*\xbd\x99\xc7\x12 \xe67J?\xc8\xfb[\xf7o\xda\xedb\x10\xb8\x02\x87\xac?p\x90\x01\xfa1\xed\x92zN\xab\x00\x90\xf0\xc8{\xd6Gn{7^\xffh\x03f\xa6\xfe\x1boo\x81j}\x84\x14q\x0b\x00\xb88\'\x9a\xa3\xb7\x14}\xb4!\x00\x14\xa1\xfd@\x11!\x0bTA8EQp\x0bF+\x00\xe0q8S\xc6;\x8b\x9diN\xe3j\xd0\x82=\xa8&amp;\xf8Z\xbaS\xc7\xdc\xa9\x8dO\xd2p\xc6LDd~\xe6\x9an\x01\x00\x00\x00B\xde\x00\xabgp\n\xdc\x15\x7f\xc5\x06\x80\xfbu\xd7Lc\xae\xba\x8c~L\xf0\x8c\xca)\xc8\x8c\xd0\xa3O\x04NO\xea\x0b\xda\xc7[\x02\xc0L\x1c9\x04z\x0f\xc0S\x0c\xf0S\x18\xf9\x80\x1c\xf6!*\xe9\xd7\x06[\xdfcm\x8a\xdfx\xcd\xfcVl|\x86\xecJ\\\xef\x9b\xce/I\xbe\x9b\xa2_1\x0e\xc0\xe3\xc1\xf8\x95\x18p\x0e\xd0\x95`R\xce\xf1-@\xf6\xf6\xb1\xb8\x93\\\x96%6\xde\xfcj\x18\x91\xea\xcc\xb2\xcb\x9f\xc4\x8cS\xd2\xddu\xcbJ\xea\xdd\xde\x06\x000?\xc8a\x17B\x94\xd3p\x17\x14\x8c\xe3\x98\r\x80\xfdI\x00=\x91yQ\xce \\\x96\x05;\x00e\x9e|\xf0w\x11lk\xc7GL\x9fjn\xc7\xa8\x00`\x00\x85\x01{\xaa\x9d\xf0#f\xdcn\x14\x9e\\\x88&gt;\'\x89\x87\'\xc1\x99 \x0b\xfe\x93\xfd\xc9(\xc7w\x14\x0eg\xe2\x8c\xf3EG\x1b\x00\xe6D=\\\xa7M8\x1fz\xb4\x01\x00\x00}R\x8b\x1c,~\xc0)\xb0\x9f\xe4Q\xdb\x00L\xf0\x85B\x8f\xc7w\xc0\xe1\x00\x00pA\x1ej&gt;=oK\'_\xf7\xe3\xcb\x1e\x80\x02d\xfd\x14Q,\xdc\xed\xddA2\xaa\x10s]\xf81\xb8\xf4JL\xd2\x9b\x93\x98\x01\xc0\xc32\xf5\xcaR\x97\xa9\xd6\x06"K\xe61[\xc4T\x0e\x07\xa7 \x17.\xb8\x03\x00\xc0\x85\x98} #\xd5\x00\xd0\x917\x18:\xbe\xe6Z&lt;\xcccI7\xb0`\x03\x00ll\xb9\x00\x19\xe1\xe2 \xe9\x03\x00\xce\x0b2X;\xd8\x00\xcc\xc39\xbe\x06\x14\x0cc\xfc\xb0\xbc)$\xc2\x97%_\x1f\xcew\x9b`b8;\xe8A\xd0\x9b\xa3b\xac\xdf\xb73a\xd4\x00\x00\x8e$\xb3/Gz\x02c\x18s8\x84x\xee\xcb\xc7\xc3\xbd3p\x1bJ\x9f|\xb4\x19wp\xee\x9bB\xe6\x99\x17?\xbd\x0f\x11\x06\x00\x9c\n\x8cX\xd0\x85\xc4wZw\x8f\xb7\xe7v\x96\x0f\xc0\\\xf4[u\x15\x07\xac\xfbM\x1e\xa7a\xd8\xc3*\xa7\xf3L#\x93\x7f\x7f\x11\x00\x0fG"\x01U\x8cR\xe7\xcb^\xebl\xa9\xaae\x0b@~9+\x93\xcf\x853\xdb\x06@\x05\xed!\xcd\x1c\xb3\xe9\xaf\xf2\x9b\x94a\xb9h\xf2\xa4W\xcd%\x1b\x05\xc0\xc9\x18\x99\xc5f\xc8e3\xd8\x00R\xe4\xbb\x06}\xd7\x0e\x1c\x08\xf8\xabm\x8d\x11w\xa6e=\x9f\t\xb7+\x97\x1a\xdaH\xf5Gs\xf5\x0f\x01#\xbc\x8c1c~X\x9eh9\xd9/\xd8O\xc1,\x19\x90w\x80\xa72\x1d\x16\x83\x04Q\x04\x80\n\xc5a\xad\x94\x7f\x96K~\x85\xc3\xb2L\xd7\xae+\xe5\xc6\xd7&gt;\xda\x00pqp\x9a8\x92y\\\x8d~\x97RtW\xcb\xbd\x1da-\xf4\x9d\x99\xed\xdc\x11\x9c\x8e}\xc0\xb2n\xb8\x9d8\xde\xac6~B/\xf9G\x80Y\x0c&lt;\n*\xb1\x1e\x95\x80!\x04@;\x93&lt;\xdc\x05\x00`BD/\xc9\xd8\xd8\x9fz\xf5o\xd6&amp;x\xd9I\xb1]\x07n\x00\x0e\xd1\x0b\xc0hT\x96\x17\xf6\x98\xc7\xe0y\x042\xe7[\x08\x00]\xb0\x01\x00\x00L\x8b\x97\x9a\x90\xac\x00(2\xe1g\x00\xfekuM\xfb\x89\xbd+=*\x072\xa4r&lt;\x02@\x97\xe5=\x94\x05bz~\x04\xb0\x0e\xeb\x83\xd0\xa5\x0f\xd0\x05^\xc2_0\x01\xcc\x04\xf2\xc0\x9c\xcc2F\xec\xe0\xc0\xc8\xbd\x10Dd\x96e!\xa2e1\xf3\xc4\x1b\xb8AD\xbc\xe1F\x86\x9cE\x07\x06)\xe0q\xcf\x00G\x9b\xf1\xd0\xdc\xa6W\xf4\x028\nD\xe0\x9cL\xd4\x1f\xdb\x1e\x00Qr%\x8e\xda\xda\xad\x19\xc7L\x15\xe4g\xe7\xb6\x91\xc3\x92\xeel\x90;\n\x08\x83\xe2\xb1 "L\xac\x00\x00\x00\x0ea\xf0M@&lt;\xb3\x0e@\x14\x0c\x8a3s\x81\xbe\xbb@\x13\x1e\x13t\x1c\x18L\xfd\x1a\xee\xe2\xc1:\xeb\xeav\x1e\x93\x08{\x00\x00&amp;\x07\xc3\x13\x9c\x90^A\xbb\r\x87\t\xc7\x85\x96I\x136\rL\x0b\xd6pI\xce\xe8\x96\x03l&gt;\xa1\x97\x00xd\x90\xf3\xc1cr\xf9\xb0\xc7\xa9\xdcT\x1c\xfa-@\xac X\xcc\xfdIn\xe0\xc0\xfe\xf8\xe6t\x0c\xfe\xe6i\xda\xfe\x01B\x90\xa6/\xcaY&amp;\xe0S\x18yV\xc6\xae\xc3\x8e\xea\xca\x93\x85\xd0I\xe7\xf4\x14\x99\x00;I\n\x02]8\xcb\x0c41gu\xe0{\xf48\x03\xc8\xfc \x809\xff/\xdd\x1c\xc5#\x0c\xd2Ghc\xc8\xe4\xad\xc61\xe1\x00\x1e\xc1\xbd\x8f\xd0\xc6\xa9\x81\xffA\x14\x8c\xcc\x07G8\xc1_y\x11\x8f\xb1p p\xfe\x9c\x0c\xbeO\xf8\xd0\xe8\xed\xb5\xc6\x8d\xa6]\xd1\xaf\r\xd28\x1c\xa4&amp;\xf0\xd8&lt;\x95;\x000T\xaeM\xe3q\xe0\xe4\xe1\xb1\xb6nj#\x01\x00\x00\x80V0\xd9\x01\x0e\x93\xaf\xdb\xc0H\x10\x0c\x83\x81\xc3G\x02o\x83\x89Ap\x02E\x10N\x80\x01\x8eE\xcf\x05\x161g\xc3\xeb/&lt;u}\x14\xe9O\xb0\x00\xd0\x19|\xdc\x02\x80\xc7\xe4\xd0o\x01*\xb1,\x0b~\xb1\xf2\\\xcc=\x91t\xb1\xed\xcc\xd3\xa73\xb8\xce\xda\x88+\xb0\xe0\x9b\xce\x00\x17\xed\x81\x8a\xd0\x03c\xc1L\x03\x801f\xc8\x8a\xf9\xcc+T]\x9e\x81\xd4\x93\x05q\x02\xc0\xech\x0cR_\x02\x06&gt;\xe8\x8a\x15`\x98e\x80\x18DL=\xd8\x00\x1c\xca\x99&lt;\x8f8\x01\xf3\x81\x98T\xe6\x1a\xc3\x1c\xf3\xda\x89@O\x81j\x9e\x81\xe8i\x03_2s\x10\x83\xe2\xf6\xd6\xbf\x1fm_\x19\xa2w\x00\x97i\x08\xa8\x05\xc9_\x9bp&gt;\xc5\x0c\x0b\xba\x82\x00\x03u\x08&gt;\x1eGD\xe6\x95x\x85g\xfd\xe2\xc5^\xe3\x04\x87%7F;A\xf3\xc3\x9d\xd9\x1el\xd52\xe7q\xda\x9cV\x01\x00\x00\x00`"\xf8\xcb\x05r\xe9m\xd8\x0c&lt;NK\xd3\xe8t7g\xeb\xb8\x95Q\xf4y\xef\x1e\x9c1&lt;&amp;4\tL\x00\x11\xfd\x12b\x03\x00\x00\xc0\n\x11\xd1\xfd\xb4\xfb\xe7\xb8;\x81\xde6\xcd\xc3\x9c7=\x86\xa1\xb7\xdf\xfbsLU\xcd\x8a\xb8(\xaa\xbb\x8d \x15Q\x00\xf4\xe3\xa1R7\x00G\xa36\xbf\x04#\x17G\x93`G#\x14\x1e{\xa5;\r\x93\x0f\xec^\xb6U\xef4\xaa\xdd\xa5x/k\x95\x93\x17\xd5\xf1a$\x00\xc0a&lt;\xd2]\xf1\xc1L\xe3\xd5H\xffVw\xba\xa8\xd6C=sq\n\x8e\xff\x1d\x007 H\xe7\x8b\xff\xf1\x03\x02\xa0L\xaf\x08\xb1\xbeW\xfb?\xd4V\x94j\\\xb6\x7f-\xea\xf3l]\x8a\xde\x86\xb2\x97\xe5\x1f\xfc\xd6\x13\x00g\x01\xa3\xf4\x01X\x8c\x89\x1c\x92\x06\xd3G\x995\xc9#j@\x96\xe8\x9eO\xfa\x14&gt;\xefl\x12L\xc5\x83v\x96\x1b\xdbgsB\x83\xcd\xdbX\xb6\x07\xf5O\x11\xbd:N}\x008\x03\xa7?\xa0}\xb3\x93\xdb\xdf\x93D\xe7\x96\xd7`\x99%\x9c\xd4\x80\xf0\x11 \x91\x04p&gt;\xf2\x1b\x00\xbe\x90K\xdc?:\xbb\xfd\xa0\x0c\xb9\x1cmN\x12\xa1m\xccO?\x83\xf1\xc0\xed\xa0\x8c\xe8\xb8\xad\xb71`&lt;\xa9n\xad~\xfe\x07q\x02\n\xa4\xa2\xa4\xe2p\xf4\x02\xd1vK(\xc7\xe6\x00\x00 \x00IDAT\xca#a\x00\x8c1\x88^\x00\x1e\x03\xac\xed\x1e\x8a\xca\xbe\xbe\x05\t\xe2\x04\xe4I\xddx\x1am\x07\x00\xe0\xca \xa5\x00P\x873v\xe6\xbf{\t.\x00\x02\x0c(q\xd5HRk\x17\xfd\xfcU]\x04\x00\xb84X(\xf4\x067\xf7\xc0\x14&lt;\x15A\x08\xd8\xfc\x85\xab\xa7-\xad\x99\xef\xac\x1fH\xbd\x81\xfb\x8c\x00&lt;0\x83N\xa3\x91d\x008\x8e\x9f\xc3\x00|p8Y~\x9d\x0c\xde%\xf69\xcb#\x03h\xe2c*\xda~%\xad\xa7\x8an\xa2\x1f\xf3f\xf4\x1f?Y\x93\xcf\xbd\xc9\x04ss\xcb\x00\x8f\x98\x07\x00\xb8*\xee|\x81\xe9\xe3\xd1\xe1,\xf5(\xc6-n.5=h\xb7e\xf0\xe8RVw\xa5\x9e\xbd(\x0f\xbaO;7\xe8/\xc0\xe0\xb5\x9dU\x1a\x86\xf9\xd9\x98\xb4\xbf\x10K\xc0\x81\xf3\xd9\xa3\xc4\xea\xff\xac\xbfI1v\x00\xfc\xdd1j\xc2\xbd\xd9C\xf2p\rG6?\x17\xe8/P\x85B\xd8 \xf6\x86\x01W\x83\xb3\xf0f-\x95\xbf\x06\x81&gt;\x07\xefMd\x9c=\xc0\xc98\xa9\xd9).\xd6\x1c\xa0\x05\xa2\xa2\x05x\xefX\x1e\xfbt\xa9\x861\x1f\xa4!"\xf3\xba\xe8\x17p\x0c\x88&lt;\xd0\xcaIV\xcc\xb2\x1f\xd1\xebj\n8\'\x88\n0#\x9c|\x85\xb46-\xd8\x9b\x81ch\xcb\x08?\xaefG\x8c\xc7IX\x8f\xd3\xd2\xb3@\xa5\x8f\x80\xa3\xbf\xce\x8f\xb8\x075;\x1d\xf1\xa3\x07\x06#\x9b\x89\x1du\xa1I\xf02\r\x01\x13r\xbe\xd8\xaa^\xe0&gt;\xce\xca\xf81\x9ay\xd8\'OT\x02\xe91\xfa\x08$\xd1JG\x8f\x93\xd6\x0089\xaf^Q\x07\xa3\x1b\x80\x9d\xa6\x8f\xb7b,]\x85a7:#\xf9\x17\x1b\x00\x9f+\xb5\xa5\']:=\x12\x8dx\x0c\xe0b\\+]\\\x96B7}\x12:\x11L\x02\'\xa1\xcc\x9at\x90\r\x1f\x9eo\x1a\xa4\x07\xc7\xab@\x93N\xb1\xe4\x7f\xe2\x1fA\x0bR 6\xc6S|\nTQ\x15v\xfe\xa0\x08\x19\xce\x11\xd1\xf0L\x81\xdb\xd9 \xc7\x11\x019\xed6\x98\x07\x06T+,\x07\x12\x19\xf3J\xfdm\xc9\xe8\xef\xfd\xad_\x0f\x12E\xf7\x07\x0b/&lt;j.\xdc\xb4i\x19\xb6\xb0\xc1\n\n\x94\x999J\xa65\xec \xe0\r\x00\x8e\x855\x06\x99\xdf\x9d\x12^\xd1\xcax3gup\x12^\xe7h\x03.L\xd3\xd8d\x0em"2\xe6\xf3k,y\x1e\xa4\x8e\xc7\x01S\x05\xe0r\xb98y\xfd\xcb\xb5\x08L\x00g\xfd\x1d&gt;\x9a\xbf\x9f\xdc#!\x03\x0bL\xd0\x17@\xb1\x13\xf9\x1b\x00F\xc9\x8e\xc7\x10\x00\xcc\xc9\xa3\xc5\xb7V{or\xfe\xa0\x82 \xf5\x14\x83\x9c\x05\x86\xc0\\\xdcWD8Y\xd4Z\x07.\x08\xe2\xe1\xc2\xe0Q=\x002P\xe2u\x83\xc4s\xe4\xd3\xd1\x07\x06\xa0\x02\xf8\xf6\xd1(-\xd0\x9b\x16\xf1\xd8\x00\x88\x80\xa3\xc0\x05@\x18?8O\x1cm\xc0\xcc,\xdb+"\x95\xa1r\x8e\xc1\xa6\xd4Xc\x8cY\x96\xa5\\\xc8\xd2|\x8d\xd3\xf4\xdeYu\x93\x8f\xf4}\n\x14GSz@\xb5*\x11\rTO\xf1\xa3\xc5!\x11\t3\x1b\xb8\x18\xfa\x87\x83\xe7\xc2&gt;/\x08\x1f)\xbc\x958\xc0, \x04\x1b\x00\x16\xcb\xb2,/\x93|\x97=\xffe\xe6\xef\x89\xc8\xae3\xfaj6g\xf0O\x86\x01+\xa1U\x05\x8d\xef\xa6G[\xe7i\x91\xed%-\x97\x96#\xa1\xf0\x88\xff\xb2TG\xd4)\xd2\xda\xc6\xc80\xc6\x90\xb9(/\xbb\xbf\x1c\xfe\x9dp\xb9\xf7$gC\xaa\xc1\xe9g\x00\xc4=\x00\xf3\xd0\xe5{y\xb7\xc5\xa8\xba\xe4\x932f\x03p\xd0\x875\x1f\xee\xa0w\x14\x9aO\xdc\xa1\x8f\x8a\xb4\xbb\x08N\x06\x13b\x9d\xca\xb3\xf2\xc0\xb1O\xfda\x10\x01\x00\x80\x18\xa4N\x00\xc0\xc5\xb8tZ\xfb\x80\xe1\x1a\xd9\xdf\xd7\x89S\x03pf\xbe\xd0\x98\xe7\xd1\x94\xd7g&lt;\xe0+\xf6\x14p\x1d\x88\xf3N\x00\x00\x00\x00\x80G\xe0\x0f\x12\x91\xf9u\xef#8Z\xab\xc0\xd7l\xfc&amp;\x8d&lt;X\xad\xaa\x13\xff\xf8\xd1\xf1l\x1f\x8d\xba\x0e\x17k\x8e\xc3\xe7\\\xb7iz\\9\x00\x8e\x03\xa7\x18`\xe7\xffT~\x7f\x97\xba!yu\x0c\x8d\x08i\xd0\x81\xaeO\xad!\x17\x03\x15\xf0\xd1\x88\xb3qXO\xcd\xba\x83\x8dp\xbe\xf4x\xdc\xc3\xcd|G\x9d\xcc\xa5\x8f\xc1\x0c\x9d2m\x08\x9d/\x0f\x804\xe7\xfa\x16\xa0N\x07\xffwN\xf5U\x16\xd3\xf3_\x1e7G\xac_\x8aR\xff\xcd\x8aj\xa6L\xc7\x9cM;l\xe4/\xcb\x82\xc9\xb4\x17\x07%\xf4\x9f\x94\x14^\x96\xbf\xd4\xcb\x0eP\xc9\x14\x03\x92\xff\xcdZ\x83\xbf\x83\xeb\xb8/\t\x04\'\xe6Su\xc4\x90\xc3$c\x15\x00U\xbe\xf3h\x03\x00\xf0A\xbe\xe5\xd3xDJD\xc6|\x86\x961\xe0\xda\x1cr$\x8f\x9b\x00\xd7\xe0|;9/\xf2\xd47\xa37\xf9\xab\xd4\xf3\xf9\x07\x80C \xce\xaf#\x11\xe1F\xdbi!\xe4CV\x90\xeb\xe89\xd9\xaf+\x80G`[}!8\xaf\xc1\xb9\x1e\x01\xba\xe7\xdf-\xf4zD\xe1\xed\x06\x17\xbe\xb3\x07\x00\x11/\xc2)\x84Y\xe3\xc4&lt;h\xe7\xd9\xb7&gt;\xd83\xce\xdfn\xbb[\xb2,\xffOCm\xf00\xe0$\x1e\x9c\x91\xda\xbb\xc9g\n\xf7\xa8\xa9\'\xb2\x1f\x8c\xe3\x12y\xfc\x02M\x00`\x060\x94\x00\x8b\xc1\x0f\xe6\xe1\x13\xc0\xe0X\xceq2\x9f\x1d\'\xdf&gt;\xd4\x94\xd1\x9c\xa0w\xf4 \xad\x9fw@V\x9d\x01\xf4\x82\x08\xb8\xeb\xa4\xa0\xe3\x1e\x87\xf8\xa7%\xa7X\xc7\x1fn\x008%\xf8,\x1a\x98\x02\x95/\xa5\xcdV\x17\x87\xfa\x04i\xfd\xc4\\\xd5{\xfd~\xd8dV\x8f\xcdi\xd5,\xf8\xbd\x96\xee\xc4Y\xfbW\x93\x89\xc3X\x03\xbd\xd6i:\xea\xda&gt;\x07\xb5\x9c\xe3\x80\xbf\x9a\x19r\r\xbe\xcdC\x95\xd9&lt;\x89\xce\xad\xa5\xe7o\x8c\x1cK\xef\x9fOA\xc8]\x95K\x0e\x07\x0f\xf7{\x05A\x1c\xd7K\xcfm\x14\xa5d\x148\r\x17\xea\xf2\x86\xf0\x9d!\xcb\x1cn\x00\xb8\xd4p\xb8\x103\x0c\xcf3\xa2\xf5 \x1c8\x17\x89\xc1r\xb2H\xb0\x1e\x929\x99\xe5\x83\xc1N\t\x80s}\x10\x19\xcc\x08\x11\x99\xb7D\x14M\x07\xa6\xb7J\xe0\xb4&gt;\xc0\xabcx8?\x7f0\x19\xf3\xaa\xf5\xd51\xde\x01\x9f\x1es\xaa5U\x8f\xfe\x1d\xec\xeaw\x01x :M\x12D\xe6I\x1dG\x19\x0e\xb3\x01\x90s\xc8\xa8\x19\xae\xf1|\x99\x01\'\x1a \xc7\x93\x8e6\xa0\x95\xc1\xbf,\x94U\x85a\x06\x149\xf9\xef.\xdd~MC_l\xca1:\xee\xc2\x0f\xdc\x00\xc0g[\\f\x06\x0e\xdd\x7f[S}d\r\x1f\xaagK\x0e\xc7\xad\xfcO&gt;y=\x0c#\x7f\x08L1\x18)\xfbgO\xf6\x14\x10*]\xb0z\x00z\x9c&gt;\x96\xfa\x0c\x87%:\r\x13\xe1\xfe[?\xe0X\x90#?\xd2\x97\x053\xa3\x08\xe5\xe1v\x84\xf3+5"\x87\x0ff\xdc\x06\xa0\xd0\xb3\xa2\x8e\xe7~\x89\x19\xa3r=\xc8h\x00L\x06\xe6\x8f\x0e`s\x05R`q_Kf@\x8d\xf6\'F\xf7\xc32\xf2\x0e@\x16Q\x12q\x93\x8e0\xff [\x01p5n\t\x81\x8c\xc1q5P\x85\x13N\x08\xb9\x87Gz\x0c9$d\xa6\xdf\x9eE\x1f\xe5\xc0h\x02\xf3\x80\xcd1\x00g\x00\x1fw\xdb\xd0\xf5\x03\xbcz\x14\x8f\xe1\xf9Gh\xe3\x18\xaa\xbf\x19e\x96.x\x8c\x80\x07@\x0c\x06\xc6\x899w^;\xb5\xf1\x00\x9c\x96\x01{\xdas\xa7&amp;`q\xd4\xf7\xf4\xdf\xb6\x1c\x08$pJ\xba|\x9d\xe8U\x06\x03F5\x8f+{\xc9\x8d\x81+\xb7\x14\x80i \xd3cb\x8a\xe8\xc1\x88\xbe\x08\xf9h\xc1N\x12\x84L\xf3\x19\x80\xe3\xd1|Tn\xccPP\x19r\xa7~pb\x0e\xcb\xc9\xccbI\x0f\xbc\xe72\x8b\xc3\xe4\xaa~\x00`$\xdb\xb7]u~\x86{\xeag\xc4\x81\x80eY\xc6|\xc4\xd1]3\x94\xbf\x07\x16&lt;&lt;\x1f7\xef*\xb3i\x05\xac\xdc(\xe9\x07\x89\x9a\xcf\x87\xc8\xa7I\xda\x10\xf0SM*\x8c\xff\x11=\x00\x1e\x96\xb9\xb3\xeb \xc3&amp;\xf6\x00\xe0s\xbe5\x03\x98\x8b|\xd0|\xf1\xd8\x15^[\x10\x9f;\xfa\x83\xf5\xff\xb9\x9b\x03&lt;2\x1d:j\x03\x80\x88\x02\x00\x18\x83\r\xc0e\xc0\x9a\x01\xb4P\x88\x1b\x9cM\x0eEy0##LB\xbeCq\x07\x00&lt;\x04HGSq\x9e\xee\xc0D\x96\x07\x1b\x80\x0bp\xd8g\x00\xf2\xbf\x1c\x88o\xeb\x1f\x88\xfd\x8b\n:n\x8f%\x85!\x1fh\x03q\xeen\xb7\xfb\xe5\x0b\x0e2\x05\x80\x01\xe</t>
        </is>
      </c>
      <c r="E389" t="inlineStr">
        <is>
          <t>&lt;class 'numpy.ndarray'&gt;</t>
        </is>
      </c>
    </row>
    <row r="390">
      <c r="A390" s="1" t="n">
        <v>388</v>
      </c>
      <c r="B390" t="inlineStr">
        <is>
          <t>steps_per_sec</t>
        </is>
      </c>
      <c r="C390" t="n">
        <v>4400</v>
      </c>
      <c r="D390" t="inlineStr">
        <is>
          <t>3.000712</t>
        </is>
      </c>
      <c r="E390" t="inlineStr">
        <is>
          <t>&lt;class 'numpy.ndarray'&gt;</t>
        </is>
      </c>
    </row>
    <row r="391">
      <c r="A391" s="1" t="n">
        <v>389</v>
      </c>
      <c r="B391" t="inlineStr">
        <is>
          <t>Loss/RPNLoss/localization_loss</t>
        </is>
      </c>
      <c r="C391" t="n">
        <v>4400</v>
      </c>
      <c r="D391" t="inlineStr">
        <is>
          <t>0.29437336</t>
        </is>
      </c>
      <c r="E391" t="inlineStr">
        <is>
          <t>&lt;class 'numpy.ndarray'&gt;</t>
        </is>
      </c>
    </row>
    <row r="392">
      <c r="A392" s="1" t="n">
        <v>390</v>
      </c>
      <c r="B392" t="inlineStr">
        <is>
          <t>Loss/RPNLoss/objectness_loss</t>
        </is>
      </c>
      <c r="C392" t="n">
        <v>4400</v>
      </c>
      <c r="D392" t="inlineStr">
        <is>
          <t>0.089646265</t>
        </is>
      </c>
      <c r="E392" t="inlineStr">
        <is>
          <t>&lt;class 'numpy.ndarray'&gt;</t>
        </is>
      </c>
    </row>
    <row r="393">
      <c r="A393" s="1" t="n">
        <v>391</v>
      </c>
      <c r="B393" t="inlineStr">
        <is>
          <t>Loss/BoxClassifierLoss/localization_loss</t>
        </is>
      </c>
      <c r="C393" t="n">
        <v>4400</v>
      </c>
      <c r="D393" t="inlineStr">
        <is>
          <t>0.19061232</t>
        </is>
      </c>
      <c r="E393" t="inlineStr">
        <is>
          <t>&lt;class 'numpy.ndarray'&gt;</t>
        </is>
      </c>
    </row>
    <row r="394">
      <c r="A394" s="1" t="n">
        <v>392</v>
      </c>
      <c r="B394" t="inlineStr">
        <is>
          <t>Loss/BoxClassifierLoss/classification_loss</t>
        </is>
      </c>
      <c r="C394" t="n">
        <v>4400</v>
      </c>
      <c r="D394" t="inlineStr">
        <is>
          <t>0.06776877</t>
        </is>
      </c>
      <c r="E394" t="inlineStr">
        <is>
          <t>&lt;class 'numpy.ndarray'&gt;</t>
        </is>
      </c>
    </row>
    <row r="395">
      <c r="A395" s="1" t="n">
        <v>393</v>
      </c>
      <c r="B395" t="inlineStr">
        <is>
          <t>Loss/regularization_loss</t>
        </is>
      </c>
      <c r="C395" t="n">
        <v>4400</v>
      </c>
      <c r="D395" t="inlineStr">
        <is>
          <t>0.0</t>
        </is>
      </c>
      <c r="E395" t="inlineStr">
        <is>
          <t>&lt;class 'numpy.ndarray'&gt;</t>
        </is>
      </c>
    </row>
    <row r="396">
      <c r="A396" s="1" t="n">
        <v>394</v>
      </c>
      <c r="B396" t="inlineStr">
        <is>
          <t>Loss/total_loss</t>
        </is>
      </c>
      <c r="C396" t="n">
        <v>4400</v>
      </c>
      <c r="D396" t="inlineStr">
        <is>
          <t>0.64240074</t>
        </is>
      </c>
      <c r="E396" t="inlineStr">
        <is>
          <t>&lt;class 'numpy.ndarray'&gt;</t>
        </is>
      </c>
    </row>
    <row r="397">
      <c r="A397" s="1" t="n">
        <v>395</v>
      </c>
      <c r="B397" t="inlineStr">
        <is>
          <t>learning_rate</t>
        </is>
      </c>
      <c r="C397" t="n">
        <v>4400</v>
      </c>
      <c r="D397" t="inlineStr">
        <is>
          <t>0.039940834</t>
        </is>
      </c>
      <c r="E397" t="inlineStr">
        <is>
          <t>&lt;class 'numpy.ndarray'&gt;</t>
        </is>
      </c>
    </row>
    <row r="398">
      <c r="A398" s="1" t="n">
        <v>396</v>
      </c>
      <c r="B398" t="inlineStr">
        <is>
          <t>train_input_images</t>
        </is>
      </c>
      <c r="C398" t="n">
        <v>4400</v>
      </c>
      <c r="D398" t="inlineStr">
        <is>
          <t>[b'1024' b'1024'
 b'\x89PNG\r\n\x1a\n\x00\x00\x00\rIHDR\x00\x00\x04\x00\x00\x00\x04\x00\x08\x02\x00\x00\x00\xf0\x7f\xbc\xd4\x00\x00 \x00IDATx\x9c\xec\xbdy\xfc\x7f_5/\xbe\xceW!I\x93\xa1\x01\x95\x94\x94o\xa4\xd2t\xbb\x92\xdb%\x19\x7f\x12\xae\xab\xc8&lt;u\x8dE\x85R\x193gH\x99\xb9\x94(BE\x84\xa2L\xa5\x01\x85f\xae)!\x19RZ\xbf?^g\xd8\xc3Zk\xaf\xb5\xf7&gt;\xc3\xeb\xfd^\xcfG}\xbe\xaf\xf79{\xaf\xf5\xdck\xaf\xb5\xf6\xda\xfb\x9c\xf7\xeb\r\xe0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e3\x92b\xd8\x9b\x80\xa3\x1b\x10q\x18`\xaf9E\xc4a\xe8\xafz\xdfA\xe9\x80Ez\x88\x08\xa7F+\x98HPz\x15\x80\xff\xdaH#"\xe6\x03,[\xa6?\t\x00\x00\x18]\x11\xb1\xb7\xc1\xef\x03\xf0\xc4\xba\x9e\xa3\x0f\x1c\xdd\x99\x01\xa0`\xb7\xd4\xc8\xb2 \xd44\xb3a&amp;\xc0p\xe0\x94\xe6\xde\x88\x88pu\x80\x7fU(-\x8c\x02\x11\xc3\xc9\r)fB\xc8l\x90\xf7\x985&amp;\xb7\x86B\xaf\x89\xc38\xde\xa8\xc9\xf0\xa1\x00\xbf\x060\x0c\x13\xe1\x01\xe0t;\xd5\x95kY\x9a\x0e?\x04\xf0\x19\x8c~\x9ag$y\x92S\x1c\x0b\xf0F\xd0c\x92\x80\x93\xe6e\n8\xb6!\xd5i\x8eX\xfdKG\x1dE\xde\x91dcB4\x8f#\xb1\xb4K\xd1\x9e$\x9f)5\xd1\xc4\xe6\xc45\xcb\x9b\x1aR!\x86Q\x0b\x06\x91\xcb\tl\x83\xb9#\xd5\x11&lt;\x17f\x1b.\xb5\xe7\x0b\xb7\x91\xa3\x03\x8eZ\xdclS\x80j7\x00\xa0\xaa\x99zb\xa5]\xd9^\x8a\x8aZ\x92\xed\xa2\xbc\xb0m\x8cu\xc8\xb0\xbe\xf7\x1c\xc4\xff\x16\x9bB\x1b\x9e\'_\xed\xb0\x01X\xa5\xfa?\xc9mX\xe0\t\x8b\x15K%\x8d\xe9\x92\xf9\xd5\x94_\xa5R&gt;\xd3\x98m\xccJ\xbd0\xa9\x1a\xc7\xa2\x7f\xba\x9c\xab\x08\'7\xdbx\x84\x92\x18\xf5q\xfb\xc5\x01\x82\x96\xf3.\x88\xdb!\xa4\x12\x82\r\x83\xack&amp;\x87\xd1-\xd5t\'\xcd\xde\x84\xf8\xb6%\xa5IGNli\xbfZ\xe6fB\xec\xab\x1f\n\xf0L\x80\x01\xe0\xc7\x00&gt;\x15`\xde\xf8\xcd\xae\xa4\xc9\x0fcY/\xf8\x8c0G\xca\x0c L\x8anqA\x80\xc0\x07\x8e\x91\xf3\x8f\x8f+\xf6&amp;\xe0X\x15\xad\xd9\xc4\xa6lSm\xb9\xf6\\}\xf7b\x8b\x04y\xd6\xb83\x101\xcb\x9b6V\xfa\xa5h\xb3mF\t\xf3A\xd1r\x80w\x0cb\x00k\x1dHqB\xbf\xf8.D;\xddJ\\j8\x0c0\x0ceY=\x9e\xbe\xd0\x1e8\x9c\x18\x8cZ\x94^\x8aI\x89\x90\x08\x0c\x99&gt;3v\x9b\xfd\xce52\xaeF\x16\xc9`q\xbc\x98\xdb\x00\xa7\xf6\xe9\xa3\x86\xe1y\x8bN\xc4\xf9\x7fA\x9d5\xc0\xf0.\x92\xf6S"\xca\x89\x0c9\xbf\x18\xb3\xd9\x8bi=q3}\x9a\x0b\xf3\xc3Ds4\x12Y\xfd\xe7\xfe&lt;P\n\x87?Oz\r \xe4\xa2\x93\xde~k\xe74A\xa7\x01=\xf3t\r\xf0S\x176\xc30\xb9\xfc0\xc7\xc5\xf4#!\x0f\xe0\x14\xf0\xa7\xb0\xa3wS\x02{M\x84\nm\xc6\xdd\xbe\x06\x08Abp\xa8\xe0\x1b\x80\x8b\re4lR\xb0\xbe\x12g\xec\xbcWP!\'\xa9O-\xfb\'!*Y\xab\x13i\xbed\x8b\xad\r\xb4\xdaP\xa8\xe6?k\x1e\xe1\xfc\xdf\xfd\'"@\xe1\xd9E\x8dH\xb6\xd7w\xa4+\xba\xcd\x14bcT=Z\xebQ\xfd\x8f\xe7\x7fl\x822\x18m,wXR\x93o\r\xc3\xb3\xefq\xaa\xd8\x96\x7f\x93]4\xcbg\xa0\xec=\x0c\xb4\xdb&amp;W\xa9X\xcd\xbb\xf5\xf4\xe7\xf9\xfd\x8aS\xc9\x18\x1fTO\x9f\xee4\xa4\xdb\xa3\x11\xcb\x81&gt;\xfe}"V\xa5}\xb4\xe3\xa9|\xcc\x12\xcel\xf6\x01\x88\xaa\xee\xf6\xd9P*-3\x0c\xf0+\x91\xdei\xd3r\xba\xf9\xe8t,8\x15\xce\xf3#\x90\xa9\xe0&gt;\x1d\x82\x8c\x1b\xe3\x9bg\x99\x97\xafL1\xf8\x17FoY6\x0c\x9c\xf3@&lt;`\xf2Y\xd1\xfc\x01q\xe4Ih_vt\xf8\xe2(\xd0\xe6\xcf\xc3\xd2\x8e2\xf2\xf0u4=\x13\xb81\x16w\x17\xa1\x0c\x18}\xe6XI\xff\xe0p[]4\xecu\x1c[|\xc3al\xf0\x9b\x00\x1f\x0c\x00\x97+N\xf7z\x05\xa8\x12\xcb\xfb\xc1\xe3\x8f\x17q\xb2\xb6y=lc(\x07%5\xa3\x12H\xd4^\xf9.S\xcb+O\xe1K&gt;\x86\x97\x97t\xb2\x1bD\x8d\xefB\xfc\x15\xc0\r!\xcd`T\t\xbb\xa8c\xee\x12\x1d\xb9f$\x9f\xf0,~~S?y&lt;2P%\xd40|\x11\xc0c\x04\xed\xc57g\xc8W_\xa6\xf7}D\xd6&lt;\xf2\xf7\x97\x86\xd9\x82\x03+6\xdc\xc9d\xb7\x80\x9c\xee\xd99\xf3A\x05\xb9\x1a\x00\xe2\x17x\x00 \xeb\xc2\xf0\xc7i\x17\x91\xec\x1e\x878\xbe\xa2\x19\x0c\xe9\t\xefG\x85\xc4\xf2\x01\xea\xddI\xffnR)\x96\xa5\xe3\x0bS\x06\xd0{\xa3,\xe5".X\xab\xc0\x9f\x00\\4T\xac\xb8\xed\xef\x1dBptQhp\xb7\xa1\xeeA]rJ\xd4\x85s\x17!\x07\xd1\xd2\x13\xc9:q6C\xe0\x8f\x8a\t\x9c\xd1\n\xd1cP\xd1\x0c\x8aq\xfa\xc6\x82\xd8 \xd2\xc5W8\xca\xcf\x11\xf8\xbe\xc1A\x1e\xffrB\x8d\xe4\xb6y\x1fs\xd7\r\x15\x19l~\xcd~\xa9\xcb\'\xbc\xe0\xf4\x9f\xcf\x19\x8f\x8e\xab\xd9\x84]\xc3Br\xa1;\x0c\xc3\xf0\x08\x9c\x9e\x07\xc6\t\xfa1Vu\xc13\x8d\xe5\xe5l\x88KU\xe1\xe1\xeeWPkSx\xe1o\xe3[\xe3a&lt;\xcc\xff\x16}\x9b\xfe\xa5\x89\x0c\xb7\tl\x8e\xa1Q\x8a\x8fL\x11\xe0\x97\x0b\xf3\xb5\x1c\xe5gL\x10\xe0\xd5\xca\xa7\xca\x94\xa1\x86/\\n\xcd\xa1AHX\xe6:\x18\xdb\xd0v\xf6D\xbe\xfc\x13\xde\xe7;6)M&gt;P\xc8\xa7\x03\xe1\x17\xabu:\x1c\x8eZ\xc4\xafQ\xf6\x17\x0e\xcb\xab\x8dM\x0bg$3\xfe\xb0\x06\x02\xc2gQF\x9f\x1d&amp;g\xb0;\x065)\xd4\x8aR\x83/\xad\xeaU\x8d\x1d\xbc\x8b5uy"Nw\x7fd\x15Z\xdb\xe0Q\xec\xe8\xe2x_\xec\x10\'.DD\xf8\xcc\xf1\x05\x98\xbc\xaf&amp;]`\x06\xaeY|\xe1E\x89\xe4\xa5\xbb(*\xb9\x95\x0f\xa7\x08]\xabT\xfe|1\xfb\x80\xf0\x8b\x04\xe1\xb8WD/\x19,\xc4\xba\xc2\xfec\xc7\x94\xd5\xe9\xdf\x9bs\x03\t\x8d\x15l^\xa4f\x19\xd5-\x91\xf1Qv\xc8\x07\x02\x90\xac\xce(\xec\x053\xa1\xd2\x8fV\x1a\x00\xbe\xce:\x1c;\xc0\x9aMZ\xb4l\xa3\xab\x0bNT\x9f}&amp;l\x1b\x81\xd1\xca\xb7\x99\xced\x99W\xaa\x96W\x91\x95\xb0\x86"\xc5\x10\xb2\xbb\x88xe\xb8\x01\x16\xebu\x86\xf6\xbd\x046\x12\x19\xd8\xd2\xe04\x01\xe6\xb3\xb2YM\xc5\x16z\x1ag"\xca!\xc7J\x94\x13)\xcd~\\\\\x06\x92\x7f\xbc\xc4\x91\xddK\xc8P\xee\x04\x14r\xf2\xe2\xbblU\xe6"\xfe\x01\xdf\x06\x00\x01\x9e\x1c\xde"\x98\x10\xb8"\xb4-\xd5\x98\x10\x08\xb0l\x81\xe0:\xd3\xf3\x9fyk\xb1\xf9\x1e\x80\x1a\xe0\x83\x94\xd6\x16\x8cS\x94\x00\x89\xa1\xd2\x8dS\x01\xb4\xb7\xc4M\x8aB\x1c\x8eCA\xed\xb2\x87\xae#\xb9h\xfc\xf8\x9e\nt\x0b\xc3\xc5\xc0y\x8e\x11\xb7=\x90&amp;\x8e\x0cm\xfd\xfb\xf9\x12Ygt\x11\\\xd4[\x12\x90\x1e\xb3a\xba\xee\x16\x8e\xb4K\x0c\xd3N\xc6\xf6\x15xe\x91Xc\x89\x90\x15+\x91X\xab\x93+\x9dsi\x16\x1c\x99\xdb\xed\x19\xe7I\xa2f\x92J|a\x95\xc9\xcb/AK5";\xdc%\xdfz%?\xd2\xbb#\x80\xefN(\x93u9"\xfe-\xf3\xd8\x01\xa7\xaa\x9d\x10\x7f\xf5\xa8\xcdL\x9b3\x18kj\xba\xf1vi\x1f\xe3&lt;\x80iZx\xd4\xe9S\xc4\x8f\x1dlY\xd7\xd2=\x9bq\xdd\xb9\x00\xe1*\x0e\xc7\x19\xe3b\xfbq\xc7\xa1\x05\xa2&lt;\xf8\x8f\x8c-\xa7&amp;\xd0\x95,\x0c\x9f\xb5\xb5{4\xaeIb\xc7\xc2\t}Qi\xda\xc0Rdp\x15\xc9f1(\xd4O2\x01\xbaM4\x9cr\xa5k\xe7+\xa3\xcb\x19gV\xab\x95$d\x02\xc5\r\x80\x85[\x0b4\x92\x81O\xfbE\xb6@\xbf\x81\x83A\xef\xc0\x14\xd3\x8f2O\x8eo\xd1\\\xe4\xadt"\xca#\xea\x8aT]\xf8#1A\x00\x7f\x9eM\x8aU\x1b"\xe2\x9dT\x16\x96$ \xb6\xfe\n\x8d\x03\xfc\x97\x80\xcf\x07\xe7\xea\xe8\xed\xdf{\xf3\xf6S\x90\x07\xa2\xc4/H\xbb\xa4X\xc3C\xeadn95\xe3\xf7\x8e\x00\xfce\xfa\xabh\x8f\xdb\x8aB\x0f`\xe1\xeb\xae\xf9\xdf:\xb5\xac\x9e\x81\xbc\x01\x91.\xac\x0f\x08\xcd\xd7h\x1a\xc5-\x99\x84i\xb4\x9ee\xca\xb4\xe5\xef\x7f\x84x\xd7\x9b^W\xcc\xe9\xa0\xa3A\xea\x95\xc4\x0e\xf4w\x9e\xce\x17\x87\xe1)\xc2\xa8\x96_\xfaL\x94.\xda\xe1f1\r\xc5/c\x13\xbf\xfeJ\xec\x07\x1f\x19\x1a\x8e\xf8\x05\xdc\xa4\xc3\xdc\x9a\xbe\x13\x08\xe3\'r&amp;\x91~\xe3\x02\xd9x\xa5P\xc5t\xb4\xc30\xdcv\xbe7\xa4\xf7\x00\xe0f\xf3\xd7\xe5\xb6\xe8\xfd\x1d\x80\xe1q\xe3\xf4\x9d,T1\xc0\xf3H^\xc7\x86\x97P\xfb\xe3\xe4\xfa\xdb\xd4LH\x14\xd3G\xc7\n\xf6\xc9\xf2\xdeN_\n\x89\xda\xbfi\xba\x03\xbd\xeef_\xd5\xcf1\xf8k\x94:\x93\xae\xc2\xa2a\x9a\x16\xee\xd6\x8e\x18\xffQO\xba\x05\xf5\x1d\x8b\xf9E\xee;\x13\x19\xf9\xfbD\xcd\xa2\xbe\xe4Q\xf5\xe9\xee\x1f\x11\xafU\xb0j\x05xK\xb2\xed!!\x9f\x15J\xf9\xd7q\x0e\xd3\x97q\xce.\x85T{\xadFV\xf3$0,f\xa7?1\x1b\xd4\xc7\xe4\xf7\xe1\xb0_3z\xea\x11\xaa\n\x84\x90N\xabDP\xe0\xcf_a\x94\x0c\x84\xf9\x96\xcc\xfc[q#Q\xb3\x9d\xc3\xaf\x10\x1dy\x9f\x02\x04\x11\xb5Ii2\x0e$Cf\x98\x10\x02f\xfd\n\xfc=\xc0;3\x8d\xc3\xd0&gt;e\x18\x83\xcd\xd1\xf4]\xe4\xc1\x10\x95_.&lt;\xe3\x8c\xca\x98c\xc2\x9f\x00\xec\x8f\x0b\xe9\xc4\xd5O\tslr\xd8\xbf\xdb\x14\x886\xa2O\x89\xb6A\xc9\xec\xc8|\xa6\x9av,\xfd\x99\xb7\x17\x86\xe0\xdb\xef\xf6\xfb\x12\xe8\x16\xbdC8,\xcby\xd8P}\xa0\x1b\x81\xd7\xc8\x7f\x11\xe7\xce\x89\xcb\xe2\xa2F\\{\xb0\x7f\xfd(C"0\xacU\xe6\xd3sa\xec\xf3\x81l\xb0\'\xb7\xc0\xe5\x81\x9c\xe2\xbb \x1f\xc1F\xcfT\x98\x0e\xc30\x0cw\x1b5\xe4\xe16V\x8a3EBV\xf6\x9d\x92\x08\x81\x95p\xa6\x1ei\x0e\x15\x96kD\xeaIH\xfa\xcd\x98\r\x88EE\xdf\xbb:qH\xe7]y$1\x19az:\x97=g\x08~u\x98]a\x07X, \xbfw\xf4.\xac7bD\xc6\x84i\xe0I\xb7L\xca\x7fb~C\xf5\xfcj\x98\xff&lt;\xdc\x05,\x9c\x1c\x0e=\xe8b\xe8\x080\xbd\xd8\xd7\xa2\xe5\xb0\x16\xb8\xe8\xf8\xf2\x8a&gt;\x96m\xe1\xa5\x9eVc\xf8\x947`\xb94\x9d\x8a3\x9e\x85mR\x90\x86\xc5*\x82\xaf\x17\x95\xb9A\xd5\xbb\\9\xfd\xb7MM\xfaNK \x1c\xf3F\xbcF\x9a\x06N\xe5l\xd2\x17cT2N\xb3\r\x86\x05\xb4F\xc54L\xd5\x01\x07\xa1}\xd1\xabX\xaa\xa4\xdfm\xf8\xe1Hf&lt;\xd1\xf9\x07ah\xcb\xc5k\xabb\xdf:\x05\x89^\x9c~\xa7\x02\xbe&gt; \xb94\xc0\x9c\xefY\xe7\x1c\x87\xc3\x8c\xdf\r\x03\xec\xa2\x04@E\xe2\xae\xd3"\x17\x94\xdb\xd0p\xf4\xc7#\x8e9k[\xadR\xddU\xe4/&gt;\xbf^#\xff\x98\xb3\x00U\xc4\xfea\x07\xd5k\xba\nYwvWQ\xaa\x92\x97\x88\x08\x9a}n\x85&amp;N\xf4X\xef\xfe\xa4jh)\xe1\xa9\x0c%\xc1\x843Q1\x1b\x07\xf3Jj\xd2\xe5\x13qbCU\x92\x10\xdfK\xba\xb0\xb3\x16Y\xe0Y\x8a\xd5\x13K\x8b,\xd7Ep\x9b\xe4zH\xe96j]7A\x84kff\xf4\xe5\xdeq^\x88\x83\x01\x01~\xb9NL7B\x8b\xc0\xe40\xe9\xfcP\x95\xbe/*\xb6\xb4\xc36\xba\xb6\x9e\xdc\xb8z\x90\x9a\xb5kj\x95 KG\x84\xcfW\xa8(\xd1\xd8/\xb8jN\x85\x95VED\x80\xa7\xd4\x90\xcat\xae\xff\x90v\r\xf9iM\xfcGb%\x97\x1f&lt;\x03\xdc\xaf/\x1f\x00\x04\xf8\x08U\xd3\x0cd\xf9/\x0b\xe0\x04Z(\xb3\xedsi]\x82\x88\x12R\xa8\xbf\xe5A\x85\x064\xd1\x88\x9dG\xd5]=;*\nm\xdd\x1d\x8emQ\x11f\x0e\x0e=2\x88\xa3\x0b\x8c\xb3P5k\x1b\xcfu\xa7%J\xa5h\x1d\x99\xa5-}v\x88\xd8\x9dF5(\xcb\xbf\xb5\xa1\xaf\xd4\xf2\xce\xa5\xc2H)gm\x03\xae\xa0\x85\xae\xc3~#&gt;M\xe7\xfa\xee\xbe\x8a!\x0f\xbd\x8c\xf8\xc7\x97\n\x95\xf4\xac\xb5H#\xbfe\xa4!\xe3w\xe1\xf7Y\x0e\xe1\x95\x9c\xdex\xefZ\xedvc\x98o\xbd\x01p8\xce\n\xee\xf7\x1aP\xf6\t\x1f\x9b$i\xce\x8d\xe9\x10Q\xbb\xdf\xa0B\xf5\x8d]\x18%\x8a\xba\xcb&lt;\xeb\xd7\x0b[\x92\xe4\xd4Q[\x88\x00\xdc_\xd1\xe6\x10\x08\xccR\xf7\xdc\x98\x15+jc\xcf\xb6\x8f\xe1`Y\t\xbb\xf2\x8bX\x99A\xc82\x1a\xf9\xf6\xb2\xb4&amp;v\x89p\xeaq\r\xc38c\xaeQ7Y\x9b\xe5\x90\xdez\x06\x02\xfcx\xa6\xd1\xe1\xb8D\xf8)\xf7\xfbj "\xdc\x88Ms\x8eM\xf0#}\xc5\xa9ca\xeb\x13\xc7\xcd\xe2\xb4\xa8\xe5\xd29y\x83\xe5\x93YC\xc4\x8f\x13_\xcf\x08\x7f$\x1b\xed~\xce\r\xa8\xaa&amp;WP\xcb\x8e\xfd\x80K\xd8jee$\x93\xb1\xc9\xe9\xee\xf7\xcc5q@@\x8a\\\x92\xad\xb1\x167&lt;\xe9\x9a\x1b\xbf\x81zF\x81\x88\xf7\xb4\xbf\xff\xf3\xab\x88\xca\xaf\x97$v\x1b\x07s!\x87\xc3qh\xfc\xe0\x92\xc5\xa6\xdcq\xd9j\xa3\xf3\x84PL&lt;\xfb\xd0+Awb\x84@\xc5\xf0\x0f\xb1\x0f\xd9\x14L9^.\x8c\xbe\x9c(\xa7X\x1d\x88\x00\x1f_j\xb6%n*0Y\x93\xe4\xde\xc3o\x1c\x1a"\x00\xbe\xb4\xb2\xb2\x94\x1b\xa72{\x19\x8a\xaf\x83\xb5\xa3\xe84\xcc\xda\x05tz\xd8"nW\xfe8h&gt;\xb5l\xad\xfe}\xff\xe0p8Fx"\xd8\x00\xad\xe7\xa0\xe7\x9a\xaf\xcf\x91s\x15\x8e4A2\x8d\x1f\xb5HBa\xe7I\xbc=b&amp;\xd3\x192\x13\xb1\xd2\x92d\xea5\xeb\x85W0\xe1\xf0w=*\xc2m_\xfb\xc9\xef\x9a\xb5\xcfs\xfda\x94p\xe5\xacY\x95v\x05\x86\x11\xf4&amp;\xfa9U\xc8P\x13n\n\xad\x91\x84\x83\xa4,\x87\xc3\xb1\x03\xea\xd7\x8c\x9e,\xce\x12/\xad\xe8S\xbfH\x17;jV\x85\xb4\xc1\x9e\x93x\xa4\x8a\xb9\x03.\xc4pR\xfe\xc5Ae\x15\xc9\xce\x16\x90k\xa3U\xe7\xc8X\x99ucR\xb2\xfc\x97)\x85t!\xc3\x89\xd7\xec!Ur\x82\xdfd\x8b;\x8e\xb7\x8a\xee\x9a\xeb\x06\xb8\x97B\xf5L\xc0\n\x94\xe7z\x19\xc5\x1b\xa66\x0fD\\v\xdd\xe1\x18o0~\xc6\xb0\x81\x99\xcf\xec0\x07\x89Y\x87\xc3\x80\xf3_e\x0f\t\xb7\xaa\x84\xf7lO\x94S\xca^k\xc7\xa5YG\xd3\x8c\xbf\xeb\xa4_\x80\x8a\xf9\xd6\xf1\x10\xce}8DUQ\x1a\xd1\xc7a\xfc\x15\xe6{[\xa0\x91C\xcb\x0c\x1a7\x00}\xf0Y\x92:ey\'\xbc\xd9\xd2\x07\x05\xdf0\x18\xed\xf7\xe7\x11\xc5\xd6F\x80/\xd4pH\xa2\xb5\xd7d\trb\x92|\xdf\xa8\xfb\xbd\xe2^}\x9f)M\xea\xae\xb6\x83\xbb:\x1c\xadp\x7ful\x8c.Yr\x83T\xab\x90\x7f\xa4t\x7f\x1c&amp;\xb5HW\xdc}J\xcf\xef\xadV\x1a\x92\x97\xcb\x14ABV\x8a\xed\x05\x04D\xf8\xc7\xdd\xf6c\xdbo\x00\xa6\xc2\xf1\x7f\t|d\t\xef\xc4\x10\x96\xeau;(\x15u\xae\xb2\xb8Yfm\x854\xfa\xf8\xbf\x0b4\xc7.&amp;y\xba\x80\x8a%\xd3\xed\x97\x8b\xc1/\x0fD\xf6;\xfb&lt;\xec\xb8Dp\x7fuXp\x94G\x9c}\xd7T\x8b\xdaC\x0c?\xc7a\x89\xe9\xf1\xa0~C\xf8\x8e\x867z\xab\x95\x86\x15C])\x80\x87\xa9$\xba\x10h\x92\xf0x\x14\xdfu\xe9\x06e\xd5\x8b\x88\x1a\xffd\xec\xd6e\x14\x04\xcf\xc5U\xea\r\x15yl\xa3\xffo\xe2\xb7i\x99^\xd4\xab\xaa\xfe\x89\x8a?\xfcqzS\xe8{\x89m\xcfq\xc2\xd6\xe1p\x1c\x1c\x9e \x1a\xa1;\xceYSwGi\xc2;\x03\x97r-\xd9\xe2\x10\xb1\x0e\xef\xaep\xb9\xbf\x9d&lt;\xb3q\x03\x00\x80\x00\x7f^\xeb\x00\xeb\xbe\x86a\x92P\x1d\xa7c\xdf_\xad\xdf\xc8i\xf87\x92$\x05\xae\x94\x97\xc8\x11U\xcf\x11Q\xad"N_\xa9\xdcO\xa6\x01\xcfo\xd1\x88\xf2\x16H\xed\x0c\xd9\xd8\x83\r\x00\xb5\x01\xfb\x18\xdf\x008\x1c\x07\xc3\x91\x830\x7fI\xc0a\xc5\xaey\xb6^\xf5\x9dC!\xf3\'YW\x95\xa2s\xc5\xc1#B\xb9\xc0\x135\xa5eP\xbb\x95\x11F\xa5E\x9e\xaa\xca\xac$\xbf\xd8J\xe8\xaf(d\x8bE\xdbq\xbc\xb1\xe7.\x05V\xd8\xf9\xc0^\xae\xdbk\x14_(T\xff\x8b&amp;\xb2\xeb-\x95\xfb\x10\x87\xc3\xe18\xe1\xe0\xe5\xce\x91\xb1\xb2\xe9d\xe1\x95\xaaw[\x1b\xec\xef\xcb\x06\x1f7%|\xbcph\xe1Syx\xdf\xed4\xd1\xd2\xbd\xa2\x842l\x00\xaa\xa0\xdc\x00\xf0\xcc\xcb\xda\x8bv&gt;\x8aC\x8ec,\x8c\xc5(R\xb4Ou\x8a\xdb\x00}\x92\xffS\x02a\xb24\x85\xae^1\xebp\xec\nw\xdf\xcd\x80p\x9c\x05\xe6\xdc\xd0\x9cg\xab\xfa\xfe\x15\xce\xca\x1bT\x1f\x1e\xfbm\x00\x0e\x05\xb5\x8fu6\x11\xbd\x01xh\xe5\xdbD}[f\x9d\xd6{\r\xcf@\xfe&gt;|\xf9.\t\t\x8d|\xe7C\xfbyq\x82\xbee\xdd\xb90\xf3Y[\x7f\x07\x11L\xc9N\x8d+\xb9+\xed6/s\xc2t\x9c)\xf2\x97R\xa2\xf7\x02\xdd\xa7k\xb1]Fv4\xc34Sk\xe4\xfano\xf7\xf6\xa5\xb17\xf6\xe3\xb3\xc7\x13\x1b\xfe\x1c\xb1\x86\xcc\x9a\x1b\x00\x03\x8b\xd5$7\xa1\xef\x91--\xa4\x93U\x8fV\\\x1e\x81O\xa0\x1d1\xf8\xb3_\xfa\xfe\x00\x00\xf0e\xe1@\xf8A\x05G?{\x0f\xdc\xe1p\x9c\x07\xa4,\xf9:O"\xe7\x06L\xa1\xec\xa4h\xf57T\x9d\xb4\xd6\xd9\xea:b{\xe0\x89\x07\xe6\xb6\t\x96#\x98\xbf\xda\xce\x14x)_\\\xee\xbb\x01\xe0\xe4w\x15u\x909"\xec\xb6\xeb~\xa0\xc92!\xf3\xf7F\x84\xb7\xc9DE\xc6_\xd7g\x1c\x8es\x80{\xbf\x01\x87\xca\xdd\x00\xaa\xf7}\xffq#*\xe7\x840\xf5ssJ\\A\xc4w;N\xbc\x1cz\xe9:V\x98\x18\xf1\xd6^\x07\xc9\x93\x9c\xcdL\x81km\x00\x8e\xebi\xca\xea\xbf\xcd!\x0f\x96\xf6\xfb\x81\xb0\xdb^5\xb1~k4\xb6\xccH\x86\xddI\xafH\xaex\xf5\xef\xb8\xdcp\xef7BL\x19;d\x93\x8b\x96\xc26\x19\xcbb4\xe9\x0bC\x88[jS\x1fn\xa3\xb8-\xcey\xec_\xd6\xefP\xf0\xbd\xb7\x8e\xcd\xcbz\xa2\x89\x8a\xb7\xaa.\x9bMT k\xee\xbd7\x00\xe9\xe5l\xee\x82\xca\x9e\xde\xba\x84\xc5\xfff\x0fc\x1d\x8e\xb3\xc3\xa5|^\xdc\x82\xcb\xb3\xc4^\xc41"$3\xb8\xda\x18/\xa2\xf5\xf4 \xb3\xca\xd9\xec\n\xba\xce\xddy\x0c\xd9\xa1D!\xff\xef\x1b\xf5\xf6\x85\x89\x1a\xcb\xb1\x168\x81azk\xba\xf2x\xa9\xfa/+\xf4\x98u\x9c/j|\xf78\xd1~\x16\x10\x92\xcb\xe1\xcf}?\xc6\xd2\xf8\xc8\x03\xa9\x03\xb5r\\g\x8d\x05\xef@+\xe8\xca\xa0\x87\x19\x0e\xff\xf4\xf9\xd2\x18$\xc7\xa5\x1d\xf8\x85\x84\x9c\xe1\xf7\x9dk\xeb\xea\xc3\x1c\xff\x1d)T\xc9\xe4\xcc\x1c\xf0\xb3\xb9\xc8\x90\xe1\x8f4v\x87cm,g\xa2{39\x1b\xc8\x1b\x00\xb7\xe4\x91A\xcf\xddg\xe13z\xcf\xda%q\x03v\x98\xd7O\xde\xb2\xbd\x14\xd6 qn9\xe1\x9e\xc1\xe7\xf3b.\xe0\x88\xa3\xe8a\xdbF\tG4K\x86\x173\x11\xa4J,\x18#\xbc\xc3\xbf\xe4\xf9\xe3m\x84\x1d\x8es\xc0\xb9\xadL\x87\xc0|\x9cy\x9eO\x00.9\xf2\x95\xc0\'\xab\x1eb\x02\xc1\xb0\xd5F\x84Z\xd1\x9f\xa7\xed\xf4qW\x10[\xb5\x9f*N\xaecU\x1c\xd9\xce\x9bq\x13"\xc8V\xfd\x87B\x18\x81_x\x16\xa1\xeapt\x00\xfa/\x00X1\xad\x91\xe2\x06\xe0\xa2b\x1c\xda\x7f;\xdb1\xe6%\xcey\xcd\xd7Jl\xefV+\xb6\xf4\x1c\xcc\xf6{\x99\x17o\xf3\x1c\x94\x1dl%}\x1c\x0fT29\x0e\xe1\x04\x87%v\xf1\xb0\xf1\x9e6&lt;\xaf\xd1\xab\xce\xab\x7fD\xbc\xbf;\x89\xe3\xc2\xc3S\xe1Z(m\x00vC\x172\xa2\x90y\xbc\xfft\xb6\x85Z&gt;e\xbaI&lt;\xce`\xcf\xc8\xf2\x8a\x18\xf9\xf1|3v.\xa3S\xa1x\xfc_\xda\x1el\tCQ\xb56\x155VeR\x91\xe4;\xff\x1e\xd11\x1c\x83\xc2&gt;&gt;\x10\x1e\xe4\x9b\xcf\xfe\x8b\xc1\xe8p\\\x10\xb8\xa3\xaf\x84\xc9\xaa\xa9y\xc3\x1fw1~\x17\xa5[\xd1V%\xe2\xad\xc8\xbc\xdf&amp;Z\xba\xe1\xbc\xe2\xda\xe2\x96\xe74.\x0b\n\x9b\xea\x9d6\x00i\xfaR\xee\x84/\xd1\xca\xc2\xd6\x8b\xcc\xf0;\x97\x98\xfeGjS,\xe6\xd5\xbd\xca\xef\xd5\xff\xc6\xb8bo\x02\x8e\x11\xc3\xb07\x83\x0b\x8aa\x18\x00\x001\xb5\xf0\xb7\xed}\x96\xdcm\xc2\x0f\x92"\xa7\x8d\xd6\x9a\x1aN\xeb\xc1KtL\x0e\x04j\x154\xf6\xdd\x1a\xa2\xc6C,\xcd\xeb\xa9_B3\x1f\xe40\x0cS&amp;\xd9t\xfcu\xd6&gt;\xf5j[\\\x0e\x17M,\x86\x11\xf9\r\xb2\xf9i`o\x99\xd6\x88v\xf5\x90j\x17L\xf7\xb4Z-\x96\xe9\xd8;J3\xb3\xe2\x14R\x84\xc1\x87\xa1W9z&gt;\x1e\xebp86\x81\xfc\xf6\xff\xf6)\xe3i\xc29\xa2\xed\x88\xf1\x1a\xf8\xa3[d\xf9\xb2\x8a\xb5\x17\x9b\xfd\x0e_[11\x7f\xd7\xea\xde\x9d\tMr\xf3\xbaR\x7f\xb4\x1c\xf6\xdd\xe5\x01\xda\x06*v\xdf\xe54\xe2L\xe3e\x1b\xd8\xcf\x98\xeb\x1e\xc2\xd0\xaa\xe19\x95\xc7\x01\xba\x86O\x85\x03:0\xe2?\x8b\xe7 \xf9\xf1\xff\xcf\xda\x93\xcc\xb1\x86\xecp\x1c\x1f\x17&gt;fV\x1b`\xb5X)5W\x9f\x16\x07\xb2\x11\x11\xe1op\x11x\xb9\x80\xe2\x8f\x1bk?\xdeJ\x0c\x00\x02+#\xd5\xf9\xf9\xc6\xfb\xed&lt;\xc6~FV\xbd\x81p\xb8\tu\x98`\xdb\x00\xd4o\x95iq\xb1\x04\xf9|\xaap\xf1\\P&lt;\xc1\xc97\x00\xe1=u\xc4\x9d\xb1\x89\x1c\x8e\xcd\xb0\xe7\x01\xde\xe6\xd8\xec$\x0c\xb5\xbaX\x9b\x9b\xa9\xda\xa6\xef\xcc\x0f\x05\xd7,\xa6\xd72K\x0b\xe1#\xc4\xa6\xa6Tj\xdd\xb56\xa3\x97c\xb0%\x88#\xc6\xb9\x9bhS\x8f\x95\x15\x11f\xe4\xb2\xf4\x1f\xf4\xe3\xb4=T\x8f\x91\x17\xbf:[\xd7r8\xf6A\x9e\x91\xcf7A\xef\x81&gt;\xb6bl\xaez\xb3\xa2bM\xb5O\xf1\xa9\xfd\xdf\x19{\x1d\x02j\xfb\x98l2\x9b}\xb5\x97m\x1azw\xe3Q\xa5]S\r\x1f!\xc9\xf4\xe2p!7\x00\xeb\xf8\xf6\x8a!\xb3\t6dn\xfb\x06\x05\xfc\xdd\x8b\xe0x\xff3\x8d\xa0\xeb^\x80A9\x1c\xbb\xa1\xf3[\x83\xd3&amp;\xfb\x12\x84%"\xc0\xdf\xe7W\xb3V\xbd\x96|\xe1t\xbf\xdcw\xb3\xb2\xa3\xe2\x94%\xe7v\xd0"\xc9\xe2\xd8\xc1\x81\xd3:c9\xa6\x89\x14P\x9e\xfd#"|\xe0\xb9\x8e1A\\\xfd\x1fdP\xadd\x0e\x1a\xa4+C2Z\xd5\x06\xef\r\x97\xd2\x8c\x19\x92=\xf2\xb4\x88\xc4\xd6NRG\xdd\xa6\xfaH1\xe8p\\\x18\xccqu\x81N\xb9$0\xbf\xef\x986\xbb\xf2\x10\x8f\x1d+f\xe43\x1a~\x1d-9|\xd2tJ\x04\xec\x91\xa3\x0bJM+\xcd\xaa\'\xbe\xb2\xd8\xf9\xee\xe6f\xd4L\xba\xca,\xeb\x99n\x174\x0cg\xc5W\xc88&gt;^!\t\xd0\xc4\x9d, \xf9\xf9\xaag\xe3\xe4\xab\xc6\xe3R\xf7\x07fL5F\x16~\xa7x\xc3\xa0\xd7a\x8a\xc4\xb3\x99\x1d\x87cg\xa4;\xf5\x1d\xa9\xec\x83\xa7!\xc0\xab\xf7&amp;A\xa3b:Zf\xb0}\xf6o\xbe\xad\xffH\x1e\xfb\xaf\x18\xb63t\xb4\xfd\xea\xc5\\\xb2\x97\xda\x95\xd6\xb0\xe5\xee3$i\xdfk\xb3p\xdd+a\xd4\rEr\xb8`\x1b\x00\x00\xe8WR\xafn\x93u,\x7f1\xa6R\x8chU\xf5\x7f\xaev\xe8\x1d\x92\x1d\xe4\x04\x94di\x08\x80Q\xf9_\xf8E\xfc\xe8\tC;O\x87\xe3(p\x9f^\x11\xc75\xec;\xa8[\xfe\xb4\xaaU\xff\x91\xea\xf4V\xa1\xb9\xdcL\xd6\x83\xa4\x99f\x05*\xe3\xf6\x88\xc53\xb6x\t\x93*l\xcd\x04\xe9\xd6\xce\xce\xf0\xfc\xd3\x84\xfe\xa6\xbb\x07\xa5$w\x8cV\xbd\x07\x9ft%\xbd\xd9,\xbdbG\xbb\x93\x8f~\xdc\xc5\x92\xdd7\xe4+\x8c\x82\xfeM\xc5 a\x1a7\x00\xcb\x87c{\xaf\xc3\x11AH\x13\xad\xfbx\x8f\x84\tyv\xde\x91L\t\x9d\xb9u\x1f\xec\xaa\x07K\x85U\xf37\xa5U\xe1\x01S1\x1d\xb4\xc1I\xd1\x1a\x07Ex\xcd\xc2\xe2\xd4\r\x11\xed-\xbcW\xb3\xfaF\xed\xd7\xa5\xb3\x13v-\xe3TL\xc29\xba\x10\x1b\xb6\xf2\x10,\x1b\x80\x9e\xbf\xd1Q\xdc\x00$-Q\xb7\xb7\xe7TUu\\\x05%2\x15T\x93\xdcB\xcf\x91\xc2\x80\xc9\xbe\xf7@Fs8T\x10\xd2\x8a!gu\xcf\x17\x17a-9!&lt;\x04\x9a.]\x90\xa1)\x11\x0c\xb6qK\xb9\n\xb4d\xf4\x0by\xbc\xea\xd3\xf74\xfdum6*\xc7\x95-\xbb\xe9+\x1a\xe1p\x8e\xc4\xe0\x17ZH*\xe3\xa5\xbb\x1d\xa4B\x7fe\xd5\x17\n\xda\r\x80:\xab\x98\xb4\x16\xdb\x88\x8a\x8e3\xb3\xfd\x8f\x90R\xfb\x8c\xe35M\xc1q\xec\xe3p\xd4\xe2\x98\x8bhy\xf9\xbf\xbc8[\x9b\xbcBQ\xd5m\x8b\x91\x8c\xf1\xd7\xc2\x8a\r\x85\xc6\x1a!JEFc\xaen\xf3\x8e3\xab\xb7R\x17u+\xe2\xeb\xbb0\xd4\xd8\xe1\xf0\xa6\xb0\xe1\x82\r\x07\x1e]z{\xa7\x873\'\x15\xad\xd8T\xac\xfe/\xa2G\x9d@&gt;\xa1Uv\xbd\xd8\x96q8\xf6\x00\x99\x89\x8eV)\xf6@\x9fR`5\xb3\x9cS\x81\xd8\x0b&amp;7SV\xffB\x1b\x9d:T\xb2B\xb4\xb5\x94\xdbX\x90m\x99\xa6\xb7\x1d\xba)`\x08\x1f\xd0\x85\xf6\xc6m&amp;\x9b|\xd4\xdeL\xfaa\xc5\x1a\xcb\x9d\x07\x00\xfeQ\xa8b\xcfb\xe5\xa5\xe8\xf1\x84\x9f\x82q\xb2\xac\xad\xe3\xbd\xfaw86\x84G\x1a\x8b}\x13ti\x85`n\x198o\xf7u\xa8\xb6\xd5.j\x99\xae\x94]\nqD\x84\xd7v\xde\x00T\xc3\xa8\x02\xc5\x1f\rj\xb9\'\xf2\xc7/M6\xc5\xbbc\xee\x843\x10\xe3\xbf,Q*_\x8ed\xdb\x7f&gt;\x0c\x93\x0b\t\x9c|\xe3&lt;aw\xd4\xa6\xba?\x10\x93\x1b\r\x11\xa9\xbf\xf0\xe3p8X "\xfe\xfe\xf9&amp;\xa0"\xd2,C\x972[2\xd2CC\xacK\xadp\x0c\x0b\xb4\xac\x85\xef1M+\xce\xb24\xfa\x8aM&amp;&gt;\xda\x89\xc8\xa7\xa3_1\xd7\xb2\xc1\xb8C\x93J\xe6WN\xfd\\@\x03\xc2\x86\xecFnip\x8c\xa2\xf0\x08\x1c.6\xd6=5\x98\x95\xac+?\xd3\xc7\xde\x88&lt;\xbf\xc7\xc0/\xef\xaf\xf39\x1c\xcd\x98\xa2\xf1/\xf7&amp;\xb2\x160N\x10d\x89\xb9\xcdy[\xad\x8aR\xaf\xac\x0ec*\xb6\xc2\xbb\xcb\xc7X\xeck8\x10S\\\xd6\x82}\x96\x9f@\xa3~\x03\x80\x88\x00\xf7\xad\xd6\xb7\xe5L\x91#\x9aonF\xa3\x16\x07`\x18yE8w\xf9\xc1\x84W0[b\xa7-\xd6\xa4\xf4\xb4\x12-\xbe\xf1\xd8u\x9f\x1cn\x16\x0b\xcfc\xd2`\xc6\xe7\x84[\x90-\xd4\xdan\x7f\x88\x18w8\xce\x14G[rV\xad\xc5I\xe1\xd9\xc2\xbc\xa2r\xfa\xce\xbd\x0b\xda\x83\x8eJ\x9et\x19\xaaSq6\x88\xcdb\xed\xda\xbc(\x06\x0b\xf9\xc2\xe4\xe7\r2+l.\xaf\xac+a{\x8d\xbdp\x0c\xe6A=D\'\x1f\xf6GR\xd2\n\x99\xea O\x1b`\x83bn\x99\x05\x95%\xfb\xf3\xc1 o\x84\xbf\xc9\xba\xde\x1e{\xdb\r\x00\x860+U\xec\x1c\x0e\x10\xd1\x0e\x87cEl]\x14\xaf\xf4\x89\x00\x00 \x00IDAT\xdf\xc0n\xb5B\xe1\xb0$l2\x7fVJ\xceu\xc8&lt;tb\xfb#\xe3\xa6_6Z8\xb7\xae\x883\xedZ\xcfYz)%\x08u\xa4\xdc\xebI\x8d\xef\x93\x9c\xf7\x8a\x9b\x9e\xb2\xefA\x81\rs\xbb\xe7d\x8f\xf5(\t\xff\xeb\xbc\xa7lU\xbc\x1b\x1c\xaa\x94|\x19\nU\xef\xcc\xf3\xcb\x1a\xa8n\xb9\x01\xc0\x0cU\x9df\xb6\xf3g\xab\xcc#M\xb1\xc3Q\x05\xf7\xddmQJ\x16\xdd\x13\x8a&amp;\xa9Y\x13\x1f\x00\xdc7J\xf7\xb6\\\xacT\xd1\x11\x87J\xd3z[\xf5\xa0\xbd,r\xda\xd9\xa9\xdai4\xee\x94DnG\x99\xb8\x03\x00a:\xd3\x05xPz\x8f\xaeoDi\xc45\xb5\xb5W\x0c\xa8\xf3\x9f\xf1\xd3\x14t(\x10i\t\xba\xf9\x1d\xdb\n\x9bC\x00\x80\xdb\x05w?\xb8\xd2%\xd4.\xd7\x07\x99\xab[{\x8c\xb3S3A\xf1\x91\xca\xa1V\x16\x87\xc3q\xfehK(8?\xed\xcd\xde\x1a\'S\x95=\x99.]3\xbd\xe6^\xdbc\xf7\x94\x1d\x96hW_\x9b\xc9"\xff\x17\xbaJU\xd5\x04\xd5\x02\xc3zb\xf6dGZ\xbe\xf0w\xcbN.\x96k\x97\xaa\xa6Yu\xb0\x8d\xd9\x86\x9fJ\xc3\xd3\xbc\xa2?d~\xf5\xe4\xe4\x96\xacn\xc7:\xb8J/V\x1fX\x04&amp;*m\xab\x1c\x8e3\xc2\xbe\xab,"\xde\xc8\xa3h\x1d\x14\xd7\x00\xa1\x81-\xbb\x1d\x7f\x030m\x8d\xc2A\xd5\xa7\xef\xda\x8e\xf1Z{\x84g&amp;6\xf9\x9ae\xafw\xdd\xe3\xc9A\x85\xd9\xaf\x14\xf6g\xdf\xf39|Mspz1\x9a\x8dY\xea~M^m\x92\xd8y9\xc2\x1a\x11%\xabB\x7f\x91\xe7*\xd8\\/\x02\xfc\xcc\x86\xea\x1c\x8e\x8d\xb0\xdd\xf3;\xc7\t\xdbd\xae\xc6\r@_\xaf\xe83\xe4\xbb\xb7.\xa89\x8d-W\x91\xb0J\xdbLgOY\xa5\xfa\xb2\xd8\x80\xeb\x15\xfet\xb9O\xfd\x11\x00\xe1\xa1\x15F\x98\xdak_\x01:\xbf-\xd6f5\xdf\xf9l3\x88\xe7\x03\xc5\xb4Ov\x08\xfc\r\xe3;\xaa\x87\x00F\xda\x0e\x87\xe3\\\xb0wx\x1f7\xc54-\xd2\xd4\xf5V\xf9I\xef\xfa\r@\x07\xe4;\x8a\xbd\'qw/:\xae\'\xf7B\x87\r\xc0\xa5F\xdd\xc6\x1b\x11\x01n]\xad\xb2\xb2\xe3\x11\xf0\xc5k\x90?N\x90V8CX\xcd\xdf\xbeA\xf5S\x95\xebB\xb6\x7fp8\x1c\x17\x08\xbbW-\xbb\x13\x90a_\xb3\x0b\xc3\xc1\xe0E\xc3vnr\x1e_\xab\xfa?\xe8\xb1"\xc9j\xf3\'\x00\x07\xd5u\xcc)+\xe0\xe0\xc9AD\xf9x\xd5&amp;k:\xaf\xd5\x1bd\xe9u \x1bZ\xde&lt;\xecH\x9b\x94\xd6\xfbA\xa8\x1e\xfb\xc6\xefOh\x0f\x86V;?\xa24\xad\xad\xc2\xe1p\xb0\xe8\xb8\\A\x16\xcf\xf3\xeaE\xb6\xccS\x0c\x97t\xfa\x92T\x00C\xe6\x9a$\xb5}\x15\x18\x1b\x10\xc9\xbbu\xc2\xe7\x8f\xcdL\xcf\x0e\rCV&gt;\xff1\xc8\xeb\xf2\xe7\xe7.\xe1$\x9e?~\xe0\x94y\x9e\x8e\x194\xbd\xe5^\xef\xa0\x12\xd2\xddm&gt;\x11vy`\xf8w\xa3\x05\xfe$\xd4\x8b\x08\xf0\x03\x9b\xd2\x98\xf4\xa63\xb8\x855\x88\xa5Al~\xb9~\x1d6.Q.\xfex\xfbb\xd8\x9b\x80\x03\x00\xf04\x11\xa7p\x1d\x06\xdb\xa4 \xe20@\xe3Tj2EJ\x0c\x11N\xd4\x15\xda\xeb\x86\xd6\x80e@\xc30 \xa2B5n\x19\x0e\xa4\xc1E\x929\xbdM\t_@\xbc\x15\xe1\n\xd6\x80:\x9f!\xba\x81\xd8\xcb$\xb6\x92\x83\xe3\x08\xb8*\xc2\x7f\x12\xf5\x88vB\xe3\x041\x00\xcc~u\xf2\n9\xed\xaf\xe89%\x0f\xd7\x0bR\xa6\xaf\xd9\x12\xba\x11\x85\x99\x1f\xce-C\xa66\x99\xd6M\x98+\x04\xf5\xa0F;\\\xe8\x04\xb2\xcc\xf5k\x00\xde\x13\x00.\xf8x\x1d\x17\x16\xe3A\xf5.[v\xcd1U|\xf7\xf5\xe1e\xd5\xb6\xdb\xfa\x04\xa0\xce\x0e\x0f\r\xce\xfb\xad\xc6D\x04\xf8\xa8\x1a\xa5m0\x9e\x0e&gt;\xecf\xb8|\x9d\xe8\xda\xdc.4v{\x8b\xc0\x80.S|t?i\xa6G\x0c\xb0B\xe6J\xfe\xd0x\x10+t\xdfiZ7w\'\xe3av\xbc\x90\xcd\xbd\x8e\xf5&gt;\x15\x03\xeae\'\xed\n{\x00(\xa6\x89&gt;\xa7\xaf\x8b\x91x\xe9\xccf\xdc\xe1\xb800&amp;\xc1\xfe\xc2\xc9\x1d\xc2\xda\x94\xe4\xdblZT\xfc\x82T\xf8\x93J\xa3\x0eu\x12*V\xb8\n-\x97\x15O\xa8\xed\xd8\xcb\xc8\xdbMV\x1e\x14\xab\xe6\x8d\xcd\xb1\xd6(\xb8\xd2\xe1\x9cK\x8a\xf58oc\r\x04\x00\xb8uT\xe1\xe9\xfb\xe6ua\xbf(Xi\xf8\xb4\xd8\xf3\n^2^"\xfe\xf4\\\xa4E\xc5\xfdTC~C2\xb3\x17+\xd79\x1c}P\x8e\x07e\xd8\x90{\x00#\x13m\xafU#\x19\xd7\xdf\xc0\xc8\xb8\x82)5\x10\xf1;\xcf\'\x7f\x19We\x83\xdc\xfe2\x01\xce\xe5\x14\xad\x05\xa43#"\xdc\x01\x83\x9fZ\xecp\x04\x1b\xf6\xaf\xc8\xc9&lt;\xd0\xbbp\\\x04o`F\x96s\x87\x98\xd5\x1c\xf1\xf6A\xf3\x14\x8c\x8f\x82\xed\xa3\xde\xde\xcf\x8f\x10Y\xad\xc8\'+\xdb\x0f\xcc\r\xe8s\nS\x8d\x11\xb7\xa4%;\x1c\x8e\x12\x94\xe9U\x11\x9f8\xbd~#=\xe6\xfbu\x8d\xba\xcb\x19\xc9\xfa\xe2f\x7f\xe3\x18\x16\xe6O\x11\x9amWO\x1c\x1c\x9b\xecE\xf7\xd9\xf1\xc2\xbf-[\xee\x1d\xb4\x97\xc0\xb1\x1a=\xdc\xf0K\xb7\x8a\x96\xfb\xff\x8ef\xd3\x0epK\xceay\xb7\x99\xd2X\xaf\xc3\x00r\x03 \xfc\x18O+R\x05\x86\xe9\xad\x04u\x0c:\x1c\xe7\x8c\x8e.nNs\xc2\x1e@\xde\x1b\x98_\xca\xef\x8f\r\xb5w\x1aia\xa3\xc5\xfc\xb82T\xbaB\xe6"\xbd_\xeaA\xe9"\x80_\x1a\xcd\x92\xe0\xc5\xc2Z\xb8C\x0c\xcee\xf4!\xeb\xaa\xaf\x14)\x19\xde&lt;\xb1\xa9\xa5~u\xc1d\x1c\xcb\xfe\xa4\x1b6\x9b\xbe\xc2j\xb2\x89j\x80\x0f\x0b\xaf\x1d\xb2\xb8&lt;\x0e%\xa2j\xe7f\x90\xae\xf2\xb3\r\x80&lt;\xf5T\xe3\xc3N\x93\xc3a\x04"\x02\xfc\x05}\xbdGN\xacN\xafy|N\x1f\x8aq\xbbgd\x06\t\xe2l\xa0d{\xc8\xba*\xc7\xf1\x19\x8e\xb0\xd6a\xa7\xffv\xd5\xdf.\xed@.\xb1\xf8g\x8f_\xb3\xe9=\xae\x1d+\x06L\x7f\xa4\x87\xc6\xa6\xd3\xe3L\xf1\n\xd8\xa7\xfa\x87pe\x8c_\x16m&amp;s\x81\'\xeb/\x01\x80\x7f\xec\xaf\xdb\x00d%\xfd\xdd,\x1b\x00\xe86M\x0e\xc7\x01@\xbbr\xe6\xe2u\xeeN\x16\xf1zQK\xdf\xfb\xe0\xc4\xa1\xdc\xb7:8\xbb\x84\xb4\x98\x1d\xf4O\xf9[\x1a\x98\xa1\x1c8\x97g\x0f\x853\xca\xcbaP\xa8\x1a\xab\x8c\xaf\xf4\xb1\x7fT4S\x08Z\\}\x7f\xb3w\\\x95\xd5\xd66H\xcc/u\x13.)\xb5\xdad\xffy\xdc\x12I\t~\xba\xb4\x93\x11\x885\xb7j\xee\xbao\\\x8f\x80l\x9a\xc2\x1b\xe2\xcbu\xe4\x8a,\xdc\x12\x84\xc4\x1a\xdf\xaev,\x0e\xc7A\xf0\xf1d\x00t&gt;\xfb\x9f\x0bGM\xbc\xf1\xddW\xaeS;U\x0f\xc2\x18\xf3\x8bdV*\x1a?2K\'\xce\xcaf]L\xb4*&gt;}\x93w\xdck\xfb5\xd4\x16\xb7Pt|\xb0Rx\xa7y\xfc\xd7\xd0\xd5\x8f\xe0\x18\xb6\x0c\xa3\x11\xd8I\x8e\xf6\xf0\xa2/p\xfaM\x80\x8d\xf5\xf6\xc7jC K\xc3b\xa7\xcd\x98\x10d$G\xc2\x1f\xec\xedfj\xe7Y\xd7\xc7\x04\x1aB\xbc\xe7%\x04{OJb\xe7\x1f&gt;\x0e\x07\x89\xc0\xfb1\xb9\xdaQx\x0e`CZ\xeabUM\xde \x9b\xeb\xc5*Z\xdd\x84\xa7\x9dg\xe7l\xed)\x0ev\x9a\xaf:\xcb4\xc3\xb3\xe1\x8a\xe5\xc8\x19\xe2W6\xf7@\t;\x05\xc5\t\x7f \xdc+Q\xca\x92p\x1f(\xceM\x14\xc7\x9f\xd5\xaa\x8f\x8f\x8a\xd1!]\xa6#\x95\xde\xbb\xa3\xe0\'\xebx\xd1*\xd8&amp;H\xe3\xb5\x98\xd2x\x95h==\x17\xeb9\x1c\x1d\xb0\xc4\x86x\nR\x17\xabl-\xcf.\xd2rc\xf3\x1e\xa0{0\xaf\x9c "\x9b(\x96\xde\x1dk\x1d\x1b\x10\x11~\x983\xdd\x19\xf0\xdf\x18\xd5%\xd7\xd6\xce\x80\x08\xefu\x1e\x1e\xa8\xc2\x9a\x03\xc9s\xec\xe9rp\xbf\xdd\x92\xa4\xfc\x0b2;+\xbb\x99Ex\xe1e\x12\xf6x\xbe\xd3\\\x10\xebuB\xa6\x87\x96\r\xb01\xcf\x07H\xb3\xf3qgd\xb7\xf3\x83\xff\xd9\xe4\x83bvz\xf9O[c\xf6\'\xdf\xf3+\x82\xf0\x1c\xcc_\x1a\x97b0P\x87\x1a\x8f:\xc9Z\xe7Ov\xab\x08\xd4\xc8\x8d\xadZ22"\x16\xfe\x10\xbd\xd6\x08\x88\xd0\xfa\x07\xedO6I-\xc38\xd8Z\x06\xe4\x89\x9d/\x10`\xd0\x87\xdb\xa6\x7f\xa3~\x9a\xddM\x95\xae\x05\x9c\x82\xa0\xffX\xb8(\x084\x9eb\xb9\xb3\xea\x1d\\bE\xac\x17\xc8%\xe3\x8fy\x16\x01\x01\x01\x86!\x8f\xc7h\xe5\xa2E!\xa2}.\x101\xf7IqZWt\xe3\xf3\xc7\x98\xaevfq\xf9p\xc5\xde\x04\x1c$\xb4\xdf\x8d\x98\xe7\x9a\xe6E\x85\xec^\xd8\x84L\x1fL\xa7A\xad\xdbz\xe2\xd8`|\xae^\xf3\\B\xa6\x94X\xb5d\xe4a\x18\x86b\xf5\x0f\xa5c\xa1\xf1\x96\xcd\xaa\xb9\x90\x91\xd2\xa2.0\x0e\xb5~m\x06z\x99\xdc\x92\x81\x05\xf9\xb38]\xb7\x1e\xa5\x9eyb\x86\x11}\xa4u\xc4\xf5+T\x0f\x00\xebV\xff\xc9\xc5)\xecN?6\xcd]\xaeb&gt;$\xce6\xde\xc7\x84\x86\xd8*S3\x95\xe5R\xf5?M\xd4pr\xf8\xd8\xda\xf3\x16x\x18\x06\x91\xe2x\xf7\xab\x8b\xa4B\xd5\xa7\x9f\xc9\x85\x86\x89\xafa\xfe\xe7\xe2c~\x97X\x9bj\xa4\xe5\xd2\xe1\xb8l`\x9f;\x1b\x9e$\x96\x1eG\xea\x1e\x8f\xb2]\xe2\xee\x064\x14\xe8\x06\xf9uU\xce&amp;\xb5\x91\xcez7\xd0Z\x89\x91@v\x1f/2\xf3\xfe\xe6=KC\x00\x80ku\x93t\x81\x9e\x1aW;\xf3\x01q\xa8\xb1\x901\xb8\\\x99"\xa5QC~m\xf9\xd7\xc1@\xb1F$\x13\x87p+\x04\xc0\x8f\xa5\xdf\x1a\x97E\xbds(J\xbd|`\xc6\xc1\xd4\xfd"\xa3\xba6p8.;\xe4\xb0\xe9\x15T\xaa\x1a4V\x87&lt;L\xf4\xc2\xec\xbcJ\x82hJ=\xdb$,\x05=\xf5\x10\xf2\x15\xe8\x9b$\x0b |j\xf2\xfc\xa1z\x8f\xe1\x90\xa11Z\xb9\xceP\xceQ\xde\xeb\xb5\xeb\xccZ\x8b3\x1c\xcc\x91\xe8\x04\x98d\xbc\xa4\x0b\xfc\x88a\x08X&gt;\x04E\x80?\xd6\x0b\xbc\x140\'\xf0%@\x82\t\xad\x99\xa6hQK\xb7\x10e\xed\x00\x00\xff]\xbf\x02^`\xd4\xcc\x82\xc3\xe1\xd8";p\xe5;\xd9\x92\xee\xc3v\xa7\x96L\x05\xa3\x83d\x8a\xdc\x1a\xc1\x95\x15\x19\xd2\x13\xa1q\x03\xb2|QL\xae\xd2\x01Nm\xfd\xc0\xb2\xc2\x02\xfd\xa2\xb8\xfaYV\xe5\x1exb~\xb1\'=*\xf8\xb86\xd1-\xc4\xbf5\x16\xa6A)\xc9\xdf6\xbc)\xd1\x13\x07.C\x95y\x89\xed[m\xcfti{\xf8Z[\xe8\xa3Z\xbe#\xd2\xca\xc1\x17\x11\x87\xa3/\x9a\x8e\xe2\xd4\xf5\x1f\xd1E\xd9=h\xb3Q\xf07\xe6VD\x04\xb82LU\x15\x86J$V\x93i\x81\xa6\xb2\xb1\x8c\xeb\x92\xe7\xee\x17\xd6v\xb4\xd9\x8d\x8b\x94-\xcb\x85 `/\xf8\xa4\xb7$\xc0\xd3\x05C{\xfe}\xce-\xd3#\x00\xc0\xb5N\x1a_}\xe42\xb477\xad\xb4YoS\xcew\x04\xc8\x9c\xbc\xc7\x93\x7f\x9f\x17\xc7%\xc2\n+D\xbc\x98\x19\x92c\x82b(*\x9b\xf5B\x87\xac\x1d\xa7~c\xa1L\x08k!R\xddW\xf1\x18\xbdi\\\x8e\x8e\x88g\x81\x8cG\x9f\xa35\xa0q\xfe\xe8,`\xfa\xd7\xbc\x01\xe0\xd2\xec\x1e\x01x\x06!/\x9a\xa5\xe6Y\xdc\t\xff\xf3\xf0\x03\xbfx8Y\xfek\xb27\xac\xaa\x9d\xd0\x97-\xc7e\x03b\x10?-rR\xa1\xc6X\xc2\x0c\rd\xd6D\x0b\xb1w\xa27\x00}\x88\xd9p\xdf\x96\xce\xed\xb4\x8f&gt;\xcb\x07\x06j7\xbdS)\xe9F&gt;\n\xb0\xf8\xea\x0e\xd3+\xbdR\xac\xfewAmDo\xc6\x7f\xfe\x93\x8b\xc4\xdb\x98\xc1\xbc\xc8V\xa5\xfbr\x92\x8f\x81\xc7\x00\x9c\xfb\xd9\xb6\xeau\x80\xcae\x051\x8b)\x87\xe3\x12\xa0\xd7*\x92\xc7\x8c5\x9c\x92\x00~\xf0~\xef\xb7\xac,&gt;\xdd)\x9dy^\x8eP1\xddkS:\x13\x18\x02p?\xbb\xddoU\xbd\x17\xd7\x1f\xe6\x18\xaf\xab00\xfe\x90W;\xb2\xb4\xcd\n\xd33y\xb9\x8b\x7fc\xea{\x82B\xd0\x1</t>
        </is>
      </c>
      <c r="E398" t="inlineStr">
        <is>
          <t>&lt;class 'numpy.ndarray'&gt;</t>
        </is>
      </c>
    </row>
    <row r="399">
      <c r="A399" s="1" t="n">
        <v>397</v>
      </c>
      <c r="B399" t="inlineStr">
        <is>
          <t>steps_per_sec</t>
        </is>
      </c>
      <c r="C399" t="n">
        <v>4500</v>
      </c>
      <c r="D399" t="inlineStr">
        <is>
          <t>3.069632</t>
        </is>
      </c>
      <c r="E399" t="inlineStr">
        <is>
          <t>&lt;class 'numpy.ndarray'&gt;</t>
        </is>
      </c>
    </row>
    <row r="400">
      <c r="A400" s="1" t="n">
        <v>398</v>
      </c>
      <c r="B400" t="inlineStr">
        <is>
          <t>Loss/RPNLoss/localization_loss</t>
        </is>
      </c>
      <c r="C400" t="n">
        <v>4500</v>
      </c>
      <c r="D400" t="inlineStr">
        <is>
          <t>0.06384932</t>
        </is>
      </c>
      <c r="E400" t="inlineStr">
        <is>
          <t>&lt;class 'numpy.ndarray'&gt;</t>
        </is>
      </c>
    </row>
    <row r="401">
      <c r="A401" s="1" t="n">
        <v>399</v>
      </c>
      <c r="B401" t="inlineStr">
        <is>
          <t>Loss/RPNLoss/objectness_loss</t>
        </is>
      </c>
      <c r="C401" t="n">
        <v>4500</v>
      </c>
      <c r="D401" t="inlineStr">
        <is>
          <t>0.016538193</t>
        </is>
      </c>
      <c r="E401" t="inlineStr">
        <is>
          <t>&lt;class 'numpy.ndarray'&gt;</t>
        </is>
      </c>
    </row>
    <row r="402">
      <c r="A402" s="1" t="n">
        <v>400</v>
      </c>
      <c r="B402" t="inlineStr">
        <is>
          <t>Loss/BoxClassifierLoss/localization_loss</t>
        </is>
      </c>
      <c r="C402" t="n">
        <v>4500</v>
      </c>
      <c r="D402" t="inlineStr">
        <is>
          <t>0.1905769</t>
        </is>
      </c>
      <c r="E402" t="inlineStr">
        <is>
          <t>&lt;class 'numpy.ndarray'&gt;</t>
        </is>
      </c>
    </row>
    <row r="403">
      <c r="A403" s="1" t="n">
        <v>401</v>
      </c>
      <c r="B403" t="inlineStr">
        <is>
          <t>Loss/BoxClassifierLoss/classification_loss</t>
        </is>
      </c>
      <c r="C403" t="n">
        <v>4500</v>
      </c>
      <c r="D403" t="inlineStr">
        <is>
          <t>0.114705116</t>
        </is>
      </c>
      <c r="E403" t="inlineStr">
        <is>
          <t>&lt;class 'numpy.ndarray'&gt;</t>
        </is>
      </c>
    </row>
    <row r="404">
      <c r="A404" s="1" t="n">
        <v>402</v>
      </c>
      <c r="B404" t="inlineStr">
        <is>
          <t>Loss/regularization_loss</t>
        </is>
      </c>
      <c r="C404" t="n">
        <v>4500</v>
      </c>
      <c r="D404" t="inlineStr">
        <is>
          <t>0.0</t>
        </is>
      </c>
      <c r="E404" t="inlineStr">
        <is>
          <t>&lt;class 'numpy.ndarray'&gt;</t>
        </is>
      </c>
    </row>
    <row r="405">
      <c r="A405" s="1" t="n">
        <v>403</v>
      </c>
      <c r="B405" t="inlineStr">
        <is>
          <t>Loss/total_loss</t>
        </is>
      </c>
      <c r="C405" t="n">
        <v>4500</v>
      </c>
      <c r="D405" t="inlineStr">
        <is>
          <t>0.38566953</t>
        </is>
      </c>
      <c r="E405" t="inlineStr">
        <is>
          <t>&lt;class 'numpy.ndarray'&gt;</t>
        </is>
      </c>
    </row>
    <row r="406">
      <c r="A406" s="1" t="n">
        <v>404</v>
      </c>
      <c r="B406" t="inlineStr">
        <is>
          <t>learning_rate</t>
        </is>
      </c>
      <c r="C406" t="n">
        <v>4500</v>
      </c>
      <c r="D406" t="inlineStr">
        <is>
          <t>0.039935805</t>
        </is>
      </c>
      <c r="E406" t="inlineStr">
        <is>
          <t>&lt;class 'numpy.ndarray'&gt;</t>
        </is>
      </c>
    </row>
    <row r="407">
      <c r="A407" s="1" t="n">
        <v>405</v>
      </c>
      <c r="B407" t="inlineStr">
        <is>
          <t>train_input_images</t>
        </is>
      </c>
      <c r="C407" t="n">
        <v>4500</v>
      </c>
      <c r="D407" t="inlineStr">
        <is>
          <t>[b'1024' b'1024'
 b'\x89PNG\r\n\x1a\n\x00\x00\x00\rIHDR\x00\x00\x04\x00\x00\x00\x04\x00\x08\x02\x00\x00\x00\xf0\x7f\xbc\xd4\x00\x00 \x00IDATx\x9c\xed\xdd{\xc8=\xff\x83\x10\xf4\x99/_ok\x94n\xe4\xb5BEM\xbc\xb4\x84\xa8\x08\x9aJF\xbb*k!\xe5\x8d \xc4RK[253\xeb\x8f\xcc\x96\\)\x8b\x94"\xcc\xca\xf4\x0f\xd3\x8cV\x850\x13\xc4P\xd22\xcb\xc2\x0b\x95%\xb9\xe6m\xb5R\xb1\xccw\x7f\x9c\xe7\x9cg\xce9s\xe6\xcc\xe5}\x9f\xd7\x8b\xdd\xef\xef\xf9&lt;\xcf93\xef\xfbm\xde33\x0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M\x0b!\x94\x0e\xc2\xc5b0\xae\x81\x0cW\xfbO\xf3d\xebw\xa7\xff\xdc\x1d\x8c\xb7\x01{\xf8\xcd0\xfc\x9e\x88\xe7\x02\xa8A5\x1d\x10@\xd7\x9e[\xdb\x83\xe3\xe9\xcc\xa2O\x00\xde~r\xe17\xc9\x92\xee\xfb\x0eO\x13\x80\x86\xf2\x08vS\xce!\'\x9d\x0b\x9cE\xba\t\xc0\xba\xe3&lt;}`\xfb\xd9cM\x00V~|\xe1\xd4\x19\xdaM\x13\x00\xa0cZ\xb6\xb2t.\xd0\xb1/\xa7\xff\x18\xc7q\xfa\xcf\xcc5\xff\xb2\xae}\tC\x08a\x1c\xc7\xdd\xa7\xbf|=^\xd0^\xb9;\xc5\xc3\x193\x04 K\x1c\x01\n0\xf4,K\xfaC\xdf\xbe\xb8\xfd\xb4\xaf\xb6G\\!\xb8\r\xfd\xa3\x1cmw\x18~r\xc1\xd3\x030a\x18Z\x96E&amp;\xe8\xdf\xdbM\xed\x0b_\xdcq\xf0t~\xd1\xe1\x13\xe9r\x00\xca\xb2\xbf\x11\xa0\x8cX-o\x08aH\xd9\x88G\xbfKA\x97\x03\xd4\xe4\x8c-\x92\t\x00@\x1e\xa9\xda\xd9\x0c\x8d\xb8~\x02\xa03\x1av\x80Dn\xf7\x00\xac\xdf\xc8Scs\\\xc3\xfd\x03@f\xd5\xb6HDq\xc2\x86\xfdT\x91\x05\n\xba=\x05h\xfe\x892\x97\xc6\xe8\xfa\xb7\xb1\xe6+\xd1\x1e\x89\x03\xd0\x19\r;@\n_,\xef\xce\xbf4\xbd\xb7e\xb6q\x1cw4\xc7\xdd\xb7\xe0\xd6l\xa0\x04\xf5\x8e\xdet\xdf]\x02\x95\xf8\xe2\xcdS\xbe\xa6\x03\xfe\x03\xc3\xdc\x1a\x1b\xb5\xd8\x0f0\x05\x00\x80\xfa}\xb1\xe29\xbf\x1f\x1f\xa8a\xb5-\xe6Z\xfb\x18\xfb\x80\xe9\xb5\x15ZH\xe4Z\x11\xc6\xc1\xf4\x1b\x00\xb6\xfb\xe2\xfdG\xee\xba\xd8\x1f\x9d.(o\xc5\x1e\xfe\x1a7\x98Q\xd0\xa4[\x8bd\xf4\x0f\xa4\xe5I\x03P\xdc\xa6J\xa8\xc6\xae\xe1!*\x00\xf0J\xea\x17\x19A)\xab\xae\x00Tbv\xb5oq\xfc\xaa\xd2\x02\xd4\xcb\x02\x04\x95\x1b\xc7qp\xa5\x91\x1e}\xf9\xfe#\xf4\xcb\x0e\n\xa0 M\x10\x00\x00@n.\xc5\x00\x00\x00\x00\x00\x00\x00pB.\x97\x03\x9c\x83\xd6\x1e\x1aq\xa6\xc1\xd9yb\n\xd0\xaa3\xf5J@\x1bZz\x0c(O*y\x80\x86\xbe\r`\x9e\xd1?\x00\x00\x00\x00\x00\x00\x00\x00\x00\x00\x00\x00\xc0M\xbfw\\\x85\x10\xdcO\x06\x00\xc0\x11\xf1\x9f\x02T~\x84:V\xf2l\x1c\xa0\x80MM\x90I5\x00\'\xe41\xa0\x8d1\xb9\x81%F\xf3\x00@OB\x08\x1e\xba\x0f\x00\x00\x00\x00\x00\x00\x00\x00\x00\x00@\xed&lt;\xac#\x1d\t\x0b\x00@\x8d\xd6\x8fS\xcd\x16\x00\x00`VK\x8f\x01\x1d=\xe0\x1f\x00\x00\x98\xe5\n\x00\x00\x00\x00\x00\x00\x00\x00\x00\x00\x00\x00\x00d\xe6\x96\x1e\x00\x00\x00\xaa\xe1\xc9\x13@CZz\x0c(\x00T\xc8\xe8\x1fh\x8b\t\x00p&amp;\x06j\x00\x00p.\xe6\x00\xc4\xe6\n\x00\x004I\x17\x0el\xa5\xdd\x00Zd\x0b\x10\x00\x00\x00\x00\x00@=\\w\x06\x00`\x07[\x80jcX\x0f\x00\x00\xe7a]\x1f\x00\x00\xf6\xb1I\x06\x00\x00\x80\x97L\x1a{\x15B\x90\xb9\x00p\xe1\x1e\x00\xf84\x8e\xa5C\x00\x00\x00\x00\x00\x00\x00\x00\x00\xd1\xd80\r\x00\x00E\xb9\x91\xf1\xb8\x10\x82\xb9\xcd\xa9\xa85\x00@\xd3\x0ce\xa2\x91\x92\x00\x00\xd0\xb0\xadK\xfb\x16\x86K\x91\xec\x00P\x96\xc7\x80B?\x8c\xad\x01\x80\xb7L\x00\xe8\x89\xc7\xf8\xafUp\xaa0z\xdb\x02\x00\x00dv\x92k\x056z\x01\xc03Kq@\x9f\xa6C\x7f\x97\x1d\x00\xe0\xc6\x16 \xa0O\x06\xfd\x00\x00P\xaf\xc4\xdbu\xc2`/\x10\xb0\x83\xa6\x83\x1e\xb9\x02\xc0\xe9\xfd5\x8d\xfbz\xad\xa6U\x08\xcd\x06\x1d\x1a\xd4\xd5\xbd7\xae%\x02t\xaa\xa3\xbe*\x8d]oP\xfe\x81I\x82\xb2KW\xc3\x11\xa8\x9b\x9b\xef\xa1~\xe6\xb5\xc0;\xd7\xce\xdc\xaez\xe0\xadK\x83\xa1\xb9\x00\x80\xa6\xfd\x0cKz\x00\x00\x90\x8f\xc17\x00@\x03\x0c\xdah\xc5\xc2\x16\x7fk\xff\x00\xd0\x19O\x01J\xcd\xc8\x89\x06\x8c\xe3\xe8\x8e 8\xc8l\x19\x00\x00N\xc5\x04\x00\x00\x00\x00\x00\xe8\x86\xf5\xce.\xecx\xc9\x03\x00\rs\x0f\x00\xb0\xdf\xf8\x8bK\x87 \xbb\xfe\xe6&lt;!\x0c\xdd\xc5\t\x00\x00\x00\x00\xa0\x88\x85gn\x9eD\x7f\x8b\xe8\x00\xd0\x10[\x80 \x82\xad#\xda\x10N=\x08\x1eG\x8f\x1c\xed\xc4B1&gt;s\t\x07\x00xt\xfa\x8b\x00g\x8e;\x00\x00\x9c\x8c\xb5a\x00\x00\x00\xa8\x9a\xa9;t\xc3=\x00\x00\x00p"&amp;\x00\x00\x10Y\x08\xc1z9P-\xcf\xe2\x88\xe9\xd2\xdc{\xc2\t\xc0\x99\xdd\x86\xfe\xba\x03\x00\x008\x05W\x00\x00\x00\x00\x00\xd8\xe6\xcdz\x92\xd5&amp;\x00\x00\xder\x13pg\xcc\x01\x00\x00\xa0\x1f\xc6\xf7\x00\x00\x00\x00,\xb2M\x14\xb8\xf1\x842\x00`\xf2\xf4\xd2a\x18\x9e\x1e`\xea9\xd7\xd0\x93/K\x07\x00\x00\xa8\xc5\xc2\x10\xdf\xe8\x1f\x00\x00h\x9b\x9dQ\x9c\x93\xa7\x00\x01@\xe7\x0csgI\x16N\xcb\x04\x00\x00\xf60|\x04\x80\x88t\xab@\xedL\x00:\x10\xc2\x9b\x97lB\x97\\\x01\xa0Nn5\x03j\xe7\xa6\xd8\x8e\x98\x03p.&amp;\x00\xfd\xd1\x8a\x01|\xb0\xb8\x0b@\xff\\\xcd\x04\xe0Bw\x00\xccr\x05\xa07\xa5/I\xebl\x80\xcd:\x1e\xa7v\x1c5\x00\x00\xd8\xa6\xfb\xc1\xb1K\xb2@\x9d\\\x01\x008\xb7\x04#\xd4\x95\xa3\xde\xdb\x15K\xa3\xe4DB\x08.\xcc\x02\x9c\x81\xb6\x1e\xd8\xc4*5\x1f\xce^\x12N\x1e}\x00\xa0a\x1b\xc71v\xaa\x80Z\x00\x1c\xa5\x11\x01\x8a\xfa}\xeb?\x1a\xae\xd2\x85\x06\x00\xfa\xa77\x05\n\xda\xd4\x04\x9d\xaa\xb1:Ud\x17\xe8\xa4\x00"\xd3\xb0\x020Q]\x8f\xa0\x93\x82\x93\xf3\x1a\xf3\xf8.\r\xeb8\x0c\x83\xb7\xc4\x03\x00\xc0\x19X\\\x01\x00\x00\xa0R\xa6\xac]\x93\xb9pc\x8f.\x00\xd0;\xc3\x1d\x00\x00\x00\x00\x80\x12\xac\xce\x02\x00\x00\x00|J\xb4Vb\t\x06\x00\x80&gt;\x19\xe9&gt;\xf3\xd2\x1e\xce\xec\x8b\xd2\x01\x00z\xa0\x1f\x85\x9a\x8d\xdeK\x03\x10S\x08\x83\xa1\x0f\x87tP~\x82\xb5\xb4\x06\xc9/\x18\x06\xeb\x17\x00\x14\xd1A\xf7c\x02\x00\x00\x00\xd0\x0c\xf37\x00r\xd3\xf7\x00\x00\x00\x00\x00\x00\x00\x00\x00\x00\x00@*\xa7\xdc\xb5\xef9\'@\x9f4n\x00\x00p"&amp;\x00\x9c\x92b\x0f\x00\x00\x00\x00t\xc3J?\x00\x00\x00\x00\xf4\xc3\x8d\xcb\x00\x00\xb0\x8b\x914\x00\x00T\xccx\x1d\x00\x98\xf5\x15\xc1S\x808\xad1\xc11C\x9a\xc3n\x0c\xc4u\xf4?\x8e\xe5\x03\x03\x00\xd4\xc3 \x81\x93\xfb"\xfa\x11+YvOZ\xa5C\xb0\xb1\x1e\xe8\xd6\xb5\x89\xd3\xcaU\xad\xa9\x9e(U8\xdbI\x01\xa8K\xfc\t@=\x93\xe9q\x1c\x13\x05&amp;\xe2a5^@\xadji\xccy\xa5\x9e\x0e\xf7\x9d\xb4Kr\xe9\x0e\x0e\x90\x84\x96\x0b\xa8\x90\xa6\x89&amp;4u\x19\x04\xceB\x9d\x04\x00R1\xfa\x87}\xe2o\x01\x9ah\xe5\xd2$\x00\xd0$s\x00\x00\x80\x98\x8c\xae\xa8\x99\xf2\t\x00\x00\xc4d\x8eA\x97\x92n\x01\x02NM\xc7\t\x00\x00\'b\x02\x00\x00p\xc7\xf3\xcb\x00\x00\xc8\xcc\x16 \x00\xf6\xb3\x8aA7B\x08\x83\xf2\x0c\x00\xb0\xcc\x04\x00\x00\x00\x00\x80\x8aY\xbe\x02\x00\xe0t\x0c\x82\x01\xe8\x98n\x0e\x00\x00\xce\xe4\xaf\x99\x00\x00\x00P\x05\x03Sx\xcd\xa5\x1b`\x99+\xbc\x00\x00p*&amp;\x00\xb0\x8di3\x00\x00\x00\x00\x00\x00\xb0N\x08\xa1\xf0\x05F\x977\x01\x00\x00\x00\xa8\x97\xdd\xf9\x00@\n_\x94\x0e\x000\xe32\xfa7\x07\xa0\x12\x8a"k\xfc\xf4\x94\xe5dk!\x0c!\xc4\xd8\x05\xa4\xe4\x03\xb0N\x8c\xd1R(\xbf\x83\x16n\x14E\x80\x8e\xb8\x02\x00\xab\xac\x1f\x8eG\x1a\xb5\x8f1\x0e\x02\x91\x8c\n$@?z\x9a\x00X\xa0"\xa1q\x1c\xc7\xbcc \x03.\xa0;_\xeb\xc2&amp;\x00\xfd\xf9\xa1\x97\xab\x05\xa5\x83\xf1\xa1\x9e\x90\x00\xc4\xdaKf\x87$P\xdd\x10G\xc3\xc4\xdb\x02\xa0\x84\xc4 \r\xa1\x80#\xcd\x97\xfe\x11*\xd1\xd3\x16 \xa8\xc5\xdb\xcdB\x99w\x13u\xc9(\x02J\t!\x0c\xc3\xaf*\x1d\n\x00\x00\xa0n\x96\xff\x01\x00\x00\x00\x00\x00\x00\xe0\x05\x97\xd4kg\xdb\x03\xadS\x86\xa13n\x02\x86\xb6\x85\xa0o\xceg_R\xbb\xe7\x1b\x00\x80h&lt;V\x0f\x00\x00\xce\xc6\x04\x00\x00\x00\x00\xe8\x8a\xc5\x0e\x88\xc3\xceT\x00\xa0v\xb7\xbd\x8en\xaa\x81\xe3\xdc\x04\x0c\x00\xbcT\xd5]F\xe3o.\x1d\x02\x00\x00\xe8[%\x13\x00\x0f&lt;\x80\x88\\G\x03\x00\x8e\xfb\x18\x9f\xdb\xa2\x03\x00\x00\xa7`\x85\x1e\x80Oz\x85\x1bW\xb1i\x93B;Cu\xce#\\\x95\x0e\x08\xf4\xc3M\xc0d\xa3\xed\x1e\x06\x17\xc7i\x95rKy\xe6\x00\x00\x00\x94dY:\xa3`\x15\t\x00\xe8\x8aq$\x00\x00\x00-1\x8f\x85V\xb8\x07\x00\x008$\x04[t\xa0%&amp;\x00\x00\xc0Q!\x0c\x9eq\x00\xad0\x01`\x96\x85\x1c\x00\xb62\x03\x00h\xd8_)\x1d\x00\xde\xf3\x04\x12\x80\xa4\xb4\xb1\x00\xd4\xc5\x04\x00 )\xcd,\xbd\xb2\x05\x08\x1a\xe6\xb5b\x00\x00\x00\xed\xb1\xcaH[,\x8dC\xd3\\\x01\x00\xa8\x82\xe1\x14M\xb8\x15TW \x01\x00\xf63\xfa\x07\x80\x16\xfd\xa9\xd2\x01\x00\xdae\x02\x00\xef\xd9z\x04Q\xb8~\x07\x00\xb4\xc1\x06$\x88\xc2=\x00\x00@\x1b\x8c\xfb\x01\x00\xe0\x8cl\x04\x026\xd2j\x00\x00pV.\xa5\x01\xd5\xb9\xac\xed\x9d\xf3Z\xbf-\xce\x00\xa4\xe6\x1e\x00\x00\xaaf\xb3\x07@\\=L\x00\x8e\xf4\r\x9f\xdf\x8d\xd2\xc1\xe8\xa5\x80\\\xce\xf3&lt;D\x17C\xdau\x92"\n\xcd\xe9a\x02p\xa4o\xb8}7J\x13\x15\xa2\x1d\tNm\x1c\xc7\x8e\xc7|\xe1\xea\xe0q\xc6\xeb\xd1\x8e\x07\x89\xfa\xb5\x9b\xd1\xed\x86\x1c\xa0gZg\xc8i\xc5\x04`}\x95Ty\xcf\xa2\xcb\x86\xba\xcbH\x01w\xf2\xd5s\r\n\xf4\xa2\xdb\xf1A\xaf\xf1\x02\x00\x80#B\x08\x16\xb9\x01 \xae\x1e\xee\x01\x00\xd6kpM\xbd\xae\x9b\x01\x1aL@\x008\x99\x10\x82\xab\xed@\x1c\xa7y\xf0\x0e\xe4\xa5ZA\xaf\nu\x9c\xd7\x9b\xed\xbe.\xff\xa9i\xdf/\xd3-\x01\x00\xecf\xe5\x0c\x80\xfe\xe9\xec\x80\xca\xe5\xbc\x07\xa0\xae\x8d\xbc\x00\x00@Z\x1f\xbbql\xa2\x05\xe0\x00\x9d\x08\xc0\x11%\x9e\x02\xd4\xef\x0b&gt;\x01\x00\xa0re\x1e\x03:v7\x07\xb0\x1c\x05\x90\xcd\xef,\x1d\x00\x006hm\xa0\xec%D@\x95\x1akK\xa1I\xad\rZ`\xad/3\x9f\xaf\xb5\xb5\xff1\x84\x105\xc8\xc1\xcd\xd0\xb0\xcf\xa5\'n\xad\r\xb9\x13B\x88\x16\xfe\x96\xd3\x81\x890\x84U\xebLM\x97|\xa06\xde\x04\xfcF\xec6W\x0b\x0e\xe7t{\xf8\xc1\x1f/\x1b\x0e\xea\xf1\xf1\\\x8c\r\x1f\xf6\x08\x8d\xdc\xcc\xbb\xe8\x95\x92\r\x90\xdcm\xdcf&lt;\xc1\x10cc\x89\x82\x04\x1c\xa1\x05\x01H\xe8\xb2\xed\'\xe6\xe6\x1f\x1a7;\xfa\x1f\xc7a\xbeG~=Wx\xf9\x15\x80w\xb4\x1dg\xe0\xc6\x832\x8c\xf9\xe2j1=[\x0c3\xe9\xbc\x1a\xcc\x8f\xe3W\x0c\xc3_\xd9\xf7}\x05\x0c\xd8\xc1=\x00\xfd\xfb\x9e\xb6\x8c\x16\xa2c\x8e\xae\xb9\r\xd0\xca\x00\x17\x0b\xdb\xf7\xc7qX5\xfa\x1f\x86a\xfc\xf0p\xe4\xc3\xa1\x03NG\xe7\xc4za\xb8&gt;{\xd0\xb0\x86\xfc\xaeO\x01\x1a4\\\xb4ea\x8c\xbe\xb7-}&lt;\xa46\x19\xd8D\x931\x0c]&lt;^0\x81\xa5u\xa5q\xf0\x14B\n\xb8&gt;\x96W\xd9\xa3\x19\tF\xff\xf3\x07\xd6\x85\x01\xeb\xe5~\x0f\x00-x\x7fI\xf9v-@\x97s\x98;46P\xdeh\xcbBc\xfa\x07\x8e\x1e{\xf4\x9eJ`7\xbd)So\x86\xfe\x97\xe2\xf2\xb7\x0f\xc3\xff:\xfd\xa51\x19\xc0\x93\xe5\xf6\xf4\xe0\xb5\xac\x10\xc27\x0f\xc3\xb7\x7f&lt;\xa6\xd6\x18XEc\xc1\xa7\xd7\xf7\xa8=\x97\x93\xbb\xcf\xeau\xe0\x05WxN\xeb\xddz\xcaR\xb3\xb9\xa2\xd8x"\x10p\x80\xa7\x00\xf1a\xf1\t\x15s\xbf\x9e&lt;\x8b\xc2c(\xe0\x99zqfk\xae\xa6\xbe\xfa\\\x08\xc3\xfb\xed=\x06\xfb\xc0\x01\xf9\'\x00\xed\xf6\x88\xed\x86|\x8d\x85\xd8\xfd\x9e\xd7\x7f\x9a\xf6b}\xa7O\x8d\xa4y\xe5\xc6q\xb4\xfc\xcf\x1b\xe38\xfb\x84\xd0\xfb_\xfc\xaea\x08\xd7G\x89N\xaf\xbd&gt;\x1e,\x84\xd0{W\x95\x8c\xe6\x14\x92jt\xc8\xb2\xf0\x08\xe7&gt;\x84\xd7.\x1d\xcfB\xe38\xf9d\x16\xdf\xd8y^\xac\'\x1d\xa0Z\x0b\x8d\xeaS\x839;\x01x\x18\xca\xcf|\xf7_}\x7fd\x80yV\xa7V\xb95\xa9]^t\xdds\xa7Z\x08\xc3\xe7\xef?\x0f\x90\'}B\x08M?\x87\xb4\xef\xe2\x04\x0c+\xe6\xe7[o\x02^8\xe08\xde-\xd1hX\x80\xb7\xdc\x03\xc0\x1ea\x18B\xb8\xaeQe_o\x1a\xc7\xb1\xdd\xd1?p\x02\xef\x9b\xc5\xad+\xf5\x0b\xc3\xfa\x87C\xb9\x08\x00\xbce\x02\xc0\x1b\xef\xbb\x92\xc77\xd3\xf3\xc6%\xbd$\x1a\xf4j\xf5\x08\xfc\xf3s+v\xef\xf49\xacw\xdf\x02\x14q|\x02p\x82M\x87\x7f2_\xecjM\xc9U\xa1z\x1e\xd1f\x8dNS\xbd\x88\xdbC\x0f\xeb\xbd\xd9\xe1\x04&gt;\x9e\xf6\xb3\xae\x0f\xed\xb8\xbcw\x1c5\xa8\xd6\xf1\t\xc0e-3\xcdP\xa6\x8eV!|\xe7\xd2!\xa8\xda8|f\xd4c1\xc8zi\xe0LC\xea\xfeg\xdd\xef\xb9\xf0D\x0fBx\xbc\xd5\xb7XP\xcaQ\x97!\xbf\x08[\x80\x12V\xdd\xedGN10\x1a?\xc2\x92c\xc0Qk;\xb8\x1c\xaak\x82\x9f\xb2\xeb\xca\xefV\xc2M\x03\xe0&lt;\xea\xec\x1b\x8e\xab\xb5\xd7\x83\xce\xf5y\x0f@\xe4QQ\x96\xa1\xffE+\xe3\xb9\xf9\xf4\xd0\x8e\x03\x1c\xf5bb\xaf}\x05\xe2\xe9s\x02\xd0\xaev\xd6B\xa6[\xbf&lt;\x95\'\xab\xf1/^\x7f\xc885\xa5\x0fn\xb8\xac\xd98~v\x01\xad,\x06\x01\x8d\xeam\x02\xf09 M\xe0\x9c;.^%\xe5g"\x7flb5\x12}/N\xf9\xf9v\x92\x9a\xfd\xae\x0f\xf0\xa5B\xe3\xe4\xbf7\x9b\x9f\xb4a]\x00x\xab\xb7\t@\xd2\xed:c\xa7\r\xebr\x9c\xc2\xe7\xccg\xae\x07\xba\xf4K\x1d\xa6J\xd5\xac\xfd\xb3\x8f\x05\xe6\x06\xdd\xaa\xfb\xd3S\x16\xee/\x1a\xdc\xc8\\\xe0\xad\xee&amp;\x00Iu;\xe4Z\x17\xaf\x17}\xca\xd6\xf7Y\x9e\x99Q;\xc5\x8dW\xa5\x03\xc2K\xe3\xf8m\x9f\xf2g\xee\x19k\xd7G\x9f\x8d\x1eU\x07l\xb44\x01H\xbb\x8a\xf0\xc5\x19\xb7\xd3T\xeb\xedp`\xfc-\xf3\xcf\xf9\x1f\x8c\xfe\x01b\x98\xf4\x89\x7f\xf9\xd6\xae\xfe#\x93\xfd?/\'n\x7f\xea\xee_&amp;w\xc0[%\xdb\x89\x10B\xd4\xc5\xe3?4\x0c\xdf?\xd2\xa1N\xeb\xfd\xa4l\xfcV\xc3\xf0\xff\x8c\xb7OZG\x84\x0e\x84\x10\xd4\xe5\x88\x8e,o\xbd\xcb\x88\xf0\xd0i&gt;\x9fKV\x02o}Y\xf0\xdc\x11\xdb\xa8k\x0b\xa8\x0f;h\x1c\xc77=W\xf8\xab\x9f\x19\'\xb5\x01\x9e\x8dc\xa2\xd7\xa2&lt;\x8e\xfe\x1b}\xa6\x93\t\'\x14W\xf6\x1e\x80\xf8\xafn\xcd\xb0\xad\xa8\xf7\x9dKw\xcd\xf2\xf8\xf9\xdb\x8f\xab\xcf\x93G\x7f\xf6\xd6|\x9f\xf3)O0\xd84\x12\xdf\x9e\x04\x9d\xbd\xa3\xf7\xdda\xdb\xcb9\xcd,\xd4\xa0\xc3\x9b\x80\xd36.? $?E9\xd7\x11\xf0g\x8fr\x89\xe78\xde\xa6j\xedu6\x9b\xf47\xab\x815&lt;\x1b4\xba\xad\x8d\xc9x\xfb\xcf\xe6\x13\xed\xf8RI\xeeA\x87\x1a\xf4S\t\xa7\xbdW\xc2\xc6\xe52@&gt;G\xe3uI\xd2/\x86!\x9c#\xbepZ\x1f\x8f\xf3U\xd3\xa3\xda\xf8\xf0\xfeaW\x8f\x1c&gt;\xb7\x05]~\x94\x89\xc0\nZ\n\x00l\xcbNb\xe5\x1c`\xc7\xe8\xff\xf3\xd1@C\x83W\x01\x80\xd2J\xde\x04\x0c@%\x8c\xfe\x8b\xda\x94\xf8\xf7\xd3\n\x19\x07l\xd7\xe1=\x00\x00P\x83\xd5\xd3\xaa\r\x9b\x85\xa6\xa3\x7f\x83\x7f`\x1f\x13\x00\x00He\xcd\x18=\x84a\xf8\x0b\x8fs\x80\x8f\xa72\xbc\xdeD4y&lt;\x03\xc06\xda\x0e\x00H\xe9\xdb\x85\xf0\xcd\xab&gt;x\xbdb\x10.w\xf4&gt;\xfd\x1e \x8e\x84W\x00&lt;T\x0e\xa0\xd1W5\r\xde\x8c\x11\xd1_X;\x80\x0f\xe1\xba\xee\x7f\xfd\xcd\xf8\xf5F\xff@|\xa9\x9a\x15\x0f\x95\xab\xd3\xe7\x83#d\r\xb0H3\x1e\xcf\xfe\x99\x94\xf4\x07R\xa8\xf6\x1e\x80\xd0\xee\xb2Y\xb5\xa6]\x90\x85=`\x99\x176\xc5rkn\xa7)\xba\x90\xb4\x12\x1dH\xad\xd2\xc7\x80^\x9aK]O\\\xe38Z\xd2\x03(j\xd5\x1c`\xf8h\xab\x7fn\x8e\x10\x01\xe7S\xe9\x04\x80D\x0c\xfda\x81\x97aQ\t\xe5\x10(\xc2\xbd_@\xab\x1an\xbe\xda\r9\x8bB\x08_%s\x01Rkx\x04\x00\x1c\xa3\xfa/\x928\x00$q\xbc\x83\xf98\x82\x8e\x1c\xd8*]\xbb\xa1E\x82\xdax^-\xec\x10\xfb)@\xb7g\x18\x1f\xab\x8d\xc7\x8f\xb0\xfd\x8c\x9e;\x04\xa7\xb6f\x18ag6\xbb\x19\xa4\xa6pK\xd5\xcb\x0f\xffL\xf8\xa4O\x87|\xc2]\xdd;z\x9cX\xa1\x02X\xf6z\xd0\xa0!zC[\xbd\x92~-\xbapo\x18~\xd1\xc3\xef&gt;\xea\xaf\xc9\x00d\xa0\x8d\xa3\x11J)\xc3\xf09~\xbd\x8e\x18\xfe\xa7\x98\x05\xa3\xad\xc6p_h\xdb\x8acAQV\xc7N/\xbc\xf2\xf2\x06\xfa\xc7I\x82\xf4\x87a\xf0\xbe\x91S\t^\x020!5\xe0Ax\xfd\x14\xd4\x85?\xb1^\xb3\xcdN\xa8d\xb40\x9d&gt;\x8d\xe30\x0c\xe3\xe5Wk\x92\xf4y\xea\xd5`F@4\xd5\xbe\t\x98\xaeT\xb6\xe8\x15.\xa3\x19\x8d?L\xa9\x12sb\xb6]\x8d\xbe\\\xb9\xae\xf6\xfb\xea#T\xab\x93\xf49\xf1]\x90\xe1\xcc\xdak\x89`\xa5f\x17\xdb(\xa8\x96\x95Nj\x90\xa1\r\xd1Lm3\x19\xb0\x7f\\\x018t\x8c\xcbq$&gt;g\xe4M\xc0t\xce\xd6\x05\xd6\x0baPX\xc8I\xeb\xb4\xd2m\xd4\xbe{\xdc\x0fL\xd9\x02\x04\xf0\xc1h\x8c\xa9Fw\xec\xf4\xe7~\xcd\xfeh\x8e&lt;\xe5\xa9\x8d@\x9c\x91\t\x00\xdd\xd2s\x93\xd4\xd2\x83G\xa0\x9c\xce\x86\xb3\xf77\xfe\xc6i\xd5\xa7\x13\xbb\xdb\x8b\x04\xa2\x1c\x19Za\x02P9+\x13\x87\x98\x03T\xa8\x9b"=\x8e\xa3\rC\x90P\xd2\x9btu\x0f\x9c\x9b\t@\xe54PGi\xe4k#G("\xcdP\xd2U\xa0d\xfe\x9b\xc7\x94\x8d\xdfrL\x8e\x18B?k\x13\xb0\x86\x9e\x18\x00\xa8\xcb\xdcc\xfb\x87\x04\x83\x96\xc7\xf3\xb8\xc9\x98\x93p\x05\x00\xe8\xc1\xcb\xd5;\xabzT\xcf\x03\xe9\x1fdL\x8d\xc7\xb1\xbe|\xe0$L\x00\x80N&lt;\x0f\x1a\x8c\xaa\xa8\xd0\xec+im\x8d\x9b\x98\xaf\xb5\xcf\xf5;\xc6\xa9\xb4\x10\x9c\x94\xf7\x00\x00=\x98\x1d?\x19TAs\x16\xc7\xe4\xb7W\xf5\x85\xedo\xed\xb8|\xe5\xfee\xc0\x9bC\x07\x9dp\x05\xa0w\xbfE\xfb\xf6\xc8\xd5v8\x8f\xda*{\x8f\xaf&amp;\x8c\x9b\xc2\x8b\xc3\xffp\xff\xc3\x96\xcc}\xfelme\x03r\xea\xac\x19\xe2\x91\xf7\xcc?\xf0:\xc9\x9c\xaa.~!\x84j\xc3F\xbf\xfa\x9b\x00\xc4\x8d\xd1\xdbA\xf9\xa5\xe9\xfeh[\x86\r\xcf\x06\x9a4\xfe\xe30\x0c\xc3\xff\x1d\xc2\xb7]8KWy\x04\xcf\xba\xbd\x02`f\x7fag\xe9\x83IjH\x97sS1(\xa1\xbf\x169s\x8c\xa6}\xfb\xben\xfe2&lt;X\x18\xfd\xc3\x19t;\x01\xa8\xa9\x91-&gt;\x15)\x9c\x14\xa5\xb7\xdc&lt;&gt;K\xfa\xe3\xb7\xadN\x11\x9b\xd9\xbfT\x7f8kj%\xf2\xaa&gt;k`\xc1\xf1\xb6\xa5\xfe\xd6\tRs\x13pZ\xd7-\x10\xc7\x8fp\xd6\x91J\x04\xf3I\xd7l\x82\x8e\x15L)WQh\xab\x15\x1a.\xff\x00D\xd0\xed\x15\x80JD\x19\x03\xe9\xaa\xe3\xfa\xc8\x93f\x87\xa7\x06\xd6\x1c\xa4\x08\xbd\xd0\xcc\xe5\xb5\x8e\xed(\x9b\xa5/2C\x93"L\x00T\xbce\x07\xfb\xdaq\x1c\xdb\x1d\xaa^\xd4\xf7\x88\xeb\xbaB\x03dw\xd7m\x850\x19C\xfen=ZY\x9b\x9b\xe7\xe8]\x8c\x1e\x823\x88s\x05\xe0\x84s\x80\x13F\xb9+\x1a\xf8\xaa|o\xb5\x89\\&gt;\x9a\xee\xd7-\xc0\x0f\xdbt\xb0\x97E\xd7\xb2\xf4^;\xef\xec\x8d\x1a\x06\x1d\x04\xfd\xb3\x05h\xa7q\x1c5\xee\x10\xc7\x1f\xd5\xdd\x92\xc9l\xab=Nl\x1d\xfc\xad\xec\x08\xf4\x17+\xfdw[\xd2\xe9\xba\xf0\xbf\xea\xae\x96-W\td\x16\xfd\xd3\xefr:\xee\xab\x86sJS\xf7\xe7G\x9f\xda\x99}V\xce\x94\xf6\xbe\xc8\xe5o\r\xe1O\xacY\xbf\x93qtO\x11\x07\xa0s\x8f/\x81\xcarF\x83\xc8\x1dVO\x006\xa5\xed\xe3$m\xf9,^\x13\xc9\x19\xd8\x02\x04p\x02\x7f\xe1\xec\xbb\x1a\xc6q\x1c\xc7_\x95\xf5\x94\xb6\xfdl7\x8e\xffY\x96\xb3\xbc\x1c\xdf\x8f\xb7\xff@\xd7j/\xe5\x16Q\xa0\t\xaaj\xb5\xa6\x8b\x9d\xe7\xcc#\xbbq\xda\xb2b\x7f\xcep|\xf4\xf2\xea,\xca\t\'\xa1\xa0\x03\xf4,\xff\xee\x97v\x99*T\xe2\xdd\x16\x9d(\x194\x7f\x12\xb9\xcfI\xa4\xdd\x02\xe4\xb9\x07\xa4\xa3t\x15\x97\xe1A\x87r\xf9\xb8\xc9\xf3m\xa0\rY\x8a\xeb\xabShs8\x05\xf7\x00P@\x08!J#kt\x08Dd\xa6T\x8fW\xf9\x10/\x83^u\x1f\n\x00\xa7\x90v\x02p\xda\x964\xd6\x00\xf7\xe1\xa0\x91\x0f\x08\xc7d\x18-m:~\xd3\x13\xc2\x97\x97SB\xf85\x87\xda\x13\xaf\xa3\xa2M\xaf\xdf\xb1\x16\xe7\xf0\xaa\x05\xe7v\xd2\x01zj!\x84\xe8\xcf\x11\x0b!\x8c\xdfq\x18\xfe\xb4,\x9b\x08\xa1\xc2w\xfa\xba\x1d\x96\x1dB\x08\xe30\xb3\xec9;|__\xc0R\xb4E\x90G\xa2\xfbt\xb3\xdc`\x00\xb5S\xd0\x1b\xf2m\x86\xe1\xaf\x94\x0e\x03\x14p\xe69\xd5\xc11\xd0\x99\x93\x8e\x0e\xbc.\xff\xc3\xbe\x01\x8c\xd1?\\(\xeb\xb9\xe9\x8fa\x9b\x10\xc2\x89;\xe6\x85\xf1\xcai\xd3\xe4\xad\xdd\xcd\xac\xa7\x00\xd5\xec\xb9.l\xcd)\xb5\tn\xdc\x04\x0c\xd4\xed\xdc=\xf3\xb9c\xbf\xd3\xee4\x93\xda5{\xbe\xe7h\xdb\x83\xc8\x8c\xfeaB\xa1\x87\x0e\xb9\xd0\xd4\x13o,\xe2\xc1\xa9+\xf8\xbb!\xffC\xca\xac\x99!\x9c7191\x85\x9ey.\x857\xed@\xf6\x85!\x1cXA%\x8d\x18\xb7\x02\xcbS:\xb4\xe9!W\xe3\x8bG\x08\xa9\x1d\x9c\x90-@P\x91\xe9\x15\xed\x83Oo\xdc\xdb\xa5\x8d\x1e\x8e\x97\xc1\xd6\xcc}~\x99\xd7\xd6\xec]8c\xa2\xe7\x84z\xfc(\x19l\xab\x07s/\xc53\xf8\xe7\x9cL\x00\xa0R\xa5\xba\xa5?=\xfdGSc\xb8\xeb\xf4\xa9\x810\xef^q\x9c\xcc\x04\xa2&gt;\x02%\x84\xa5\xbf\xeebU\x95\x1cv\x15\xb3[\xe1\xdc]\x95\x80\xda\xb52 \x80\x8bz\xd6MC\x08\rM\x00\xb6\xdd\x0ex2\x0b\x89\xf3\x8bB\x90t4-,\x1a\x14o\x98\xd3\xff\xc4\xb7\xd7\xbd\xec\xe96\xf5\xda.L\x93.}\xfc|\xd1\r\xd7?\x9e\xb4`/\xbc\x0e\xec66:m\xe2\xd0\x81\xe9\x10\x7f\xf2B\xbdp\x86A\x0e\xec\xa3n,\xd3|@\xfb&amp;\xa3\x83q\x1cMq\xa7\xeeFN\x92\x05\xe0\x1c\xdc\x03\xb0\xec\xd53\x03\x80V\x19\xe6NI\x0b\x80\x132\x01xK\xff\xf8\x92\x8d\x95,\xa8\xa8x\xdc\xdd\xf0\xc7\xbd\xe7\xb7+\xd1\x02wn\x00G\x98\x00l\xa6\xcd\x85\xd5j\xa9,\xcf\xcf\xfec\xea\x928m5nF\xc0CkY\x06\xd4\xc3\x04`3\xc3\x88\x1bI\xc1\x823?_\xaf\xe0\xb0\xecT\xc3bM\x10\xc0&gt;&amp;\x00\x00\xfd\x18\x87\xe1[\xed\xfb\xe2\xcb\xc1t\xa53\n\xa3\xffA"\x00t&amp;\x840\x0c_\x97\xf3t^\x98\x00\xd9\xa4X\xa7?x\xcc\xd8A\xca\xd7\x98|&gt;\xf1\x1d\x80n\xb4\xf56\xa2\xdd\x1e:\xb0\xcc\x9d\x99\x1e\x14rJS\xd7\xbe{\x82c\x0eCk\xdb\x8a\x9e\x83\x9a4\xf0m%N\x07$8\x9c\xc5Ij{\xd9hN&amp;\x00\xfd\'\xf5\xa9\x94(T\x7f0\xfb\x19\xe1\xd3\xad\xcc\x9f\xa1\xe38\xa1\x93\x0c\t\xa0\x8c\xbb\xda\x95\xbd\xa6\xdd\xd7\xed\x13\xadL\x17\x8d\xa6\xa1\x7f\x9fJ\\\xdbQ\x90\xf2\x90\xce\xcb\xfe\xcb\xba;\x8e\x9a\xc3V\xbfo,\x1d\x00\xe8T\xd9\x15\x94\x87\x93Z\x96N\xed&lt;S\xac\xd4\xeaL\xc6\xfc\xdb\xc9r\x9e\xee\xb4\xe2\xa6s+\xcd\xac\xcd\x8a\xdc(\x06@\x1f\xbec\xa9\xe9\x96\x0e5\x16\xc98\x0c\x05\xae\x19\x9eD\xba\xdb\x84\xdaj\x04Z\t\'\x00\xbc\xf7\xd1\x01\x17\xe8\xdb\xbe\x9b\x11\x1b\xb5ih&lt;\x9aM\xac4y&gt;\xce\xed\xfe\x1f\xc9\x0ep\x12\x1e!\\\x91\x10\xc28\x0e2\x85\x93\xbb\x8cA\xc7a\x18&lt;\xe3|\xe2#Y\x8e\xa5\xc9m|?{\x9c(\xa7\x00\xa0~_.\xfe5\x18\x8cf\x17\'\xc1\x97\xbbyh\x80\xa2\xfb$b\x92\x84\x10\x9e\x1b\x87\xe2\xcd\x85\x19\x08@\x1e\xb77\x01?_\xf6u)8\xb7\xe8\xdd\x9e~\x94\x16%+\xb6%\x1f\xb3{\xfc \xe38F\\\x91\xd18\x000k\xd5fP\xb3\x04\x80%5m\xac\xb7\xcb\xff\xe4\xba\xcc\xfd.#\x05%\xc5\x9a\x004]9c\x05\xbe\xe9D\x00v3\xe6\xa6B\xe5\x1e;\x01ta\xb6c{x\x8fX\xe9\xceO\x03\x07D\xf4wn\xfat\xe9\x06\xb0=q\xa7La\xe2\xc8ab\x85\x07\xa0;!\x0cw\x8f\x94\xfesC\xfa\xce\xaf\x95\xf7\xd7\xd4\xc3p\x04\x0e\xd2\xec$\x15\xf7\xbd\x04\xc7&amp;\x00\x1f\xdf\xd2l\x02\x9d\xf9\xe2\xfdGV{h C\xf8\xca!\xf1\xadf\xd7\xa69\xdd\x19\xfa\xa43#\x1d\xa5\x8b\x83\xe2\xf6\x1a\xbf\xf4\xd0a\xc7\xb7\xdfU\xe0\x01\x1e\xae\x00\xa4?\xdf\xfd\xb9\xa2\x9f\xd4\x16I\xa0\x0f\xcb\xcdc\xcev{\x8d\xa8\x81\xa9(^\x00D\x90\xba\xd3\xaa\xaaG\x04\x9aRQ\xd3\xf1v\xcf\xd2\xd7i\xeb2Z\x99\xd4r\x04\xa8C\x08?\xbb\xb2\xf6h\xcd\x00\xbd\xb6\x95-\x9a\xa6 \xb1\x866\x87\x05\xcaF%d\x04g\xb7\xa6\x0e\xd4YO\xd6\x85*\xb8c\x8fX\xea\xac\x08\xc0+&amp;cC\x0b\x0f\xfd\xd4MCf\x1f7\x01\xbfm\x1f\xeb|m\xe4\xbaP]&gt;Uc\xf8i\x8eb\x04\xbd[\xb5\xae\xd4\xe4h\xb5\xca~\xfc"\xee\x8b\xae\x81\x95\xdal\xcb\x80\x13\xd1F\x01\x00\xc09\xd8\xc5\x91\x9a\xe4\xed\x85\x9a\x02\x00\xe4\xd7\xd1\xf8\xe3:\xf1\xa8uPUg\xa8(\'\x840\x0c\x7f\x7f\xe9P\x00\x00\'\xf39V\xfe1q\xc6\xcd\x05\xef\x0e&lt;\xf6\x12YR\x90\x11\x00\x00\xb5\x8a5n\xae\xff\x01&amp;\xa40[xL\xc62\x93\xda\x00\x00\x05\xfd\x8e\xd2\x01\xc8\xe7\xd5\x85\x97\x0e.\xc84\x1d\xf8B\xa4\x18\x90\xc0rs\xbc\xb2\xb3\xd1\xa6\xc3\x99mn(\xb6\xb7\x18E\x1a\x99R-\xdb\xab\xf4\xcc\xf0\xf6\xf7\xd7\xbf\x8fw9\xab\x0eU\x05fA\x13\x81\x84\xe6|\xa1j\xad\xd1\xe8{\x12\x80Jmo1V42\x15\xad\x8e\x1f\x19\xa9/|k\x1c\x86q\x1c\xd7\xb7\xb71\x12\xe4\xe3\x08\xc7\xd3\xb5\x92\xacyTg\xa8&amp;t\xaf\x90\xc2\x17\xcf\xbf\xaa\xb4\x91J\xebu\x7f3izN\xb5\x02\x07D\xb7f(\xf3m?\xaa\xfc\x8eK\x04\xb7\x1f\xa25\x1a\xbb\xc7^\xb7/n\r\xcc\xed\xf3\xf3\'\xde\x18\x9e\x18C\xc7q\x1ck~\x83\xd6~\x1fS\xa9.\xe3v\x80&gt;\x97\xb3\xb8\xbb$\x9d\xb8\xdc\xd7Y\xafnO\xfa+\x1d\x10\xa0a\xb1\xda\xb7#7=\xc7\xdd!s\xf0P\xbb\x03\x13\xf7:\xc6\xe4P\xbf7\xd61\xf7\xd2\xd7D\x96\xe2\x92W\x9d\x03\x15\x88\xefV\xd6\xeb\xb9v\x9c\xc8\xc2\xe6\xce\x10\xc2\xf0\xbfw\x1e}8\xa1\xbc\x95:\xe6\xb0{w\xc8\x0f\r\xb8\xef\xbf{&lt;$\xbb\'\x00\xfb\xce\x98\xe8h\x95L\xa8x\x10w\xba\x0b\xa7s\x92\t\xc0\x9a\xd8u\x1c}\xa0\n\x93F\xa6\x9e\xc5\xe0[\xf3\x18\xee\x83w|\x80\xf5U\xa5\xbb\x95(\x13\x18\x13\x80\n\x19\xfdC4}W$-\xc5\xe9\xc8n\xb6\xc9W`*Y\xe1\x9e\xb6\x8a\xe1\xf1\x85\xc7\xd3\xd1o\xabUi\x12\xfe\xf2\xfb\xa9\x00\xaa\xf2y\x13\xb0\xfb\x80\xe8I\xe8}NK\xa3\x0e\x17\xcb\xc7\xaf\xef\xb8O\xf7y\\;\x8e\xe3\xf0\xf8\x8br}B\xb4\x17H\xdf\xecI\xa2\xcb\x0f\xbf\xfcxP\x92\x99+K\x11\x9ej\r\x9c\xc1\x97\x9f?\xd6\xfd(\x80K\xb3u\xec\x91\x14\x1a\xbe\x13\x19\x87=E:\x84\xe0\x91sg\xd5F\xbe\x87\xb0\xbf\xa9\x0e!\x8c\xc3\xeb\x88\xa6,\xfa\x9bjV\x18\x86\xf1\xf2\x9f\x18\x8eD\xab\xda\xd6\xe0\xf58&gt;Z\x80\xaf\xa5\xa5\xd2\x14\x00\x0e\xfa\xf2\xfdGj2\xdb\x8b|\xcc\r\x86\xb7M\x95\x86\xecLv\x8d\xfeS\x04\x04\x1e\x1cn\x89\xf6\x0f\x8e\xc30\x8c%\x86\xb5\x9bNY\xc3\xb0\xbb\x860,\xb8\x06/\x0c\xc3\xb7\x0c\xe1\xaf\xae\x0c\xed\xd6HE\x9b\x84\x01\xf5\xe9\xa1v\xdf\xc6m\x957\xd9\x00\xad\x88\xde\xae\xb3\xef\xa3\xd8\x00\x00 \x00IDAT\x1e\xbc\x8a\xbb\xeft9\xcfX\x8a\xeb\x96\xc0\x0e3/\x02k\x94\x16\xb0_\x16\xe6\xa1\x8cv\xdb\xd5K\xb8\xdb\r\xffzg\x88#@\x19\xee\x9d\x82D6U\xaep{CV\x15\xf5\xb1\x860\xa4\xa1\xc5\x03\x80\x83\x8f\x93\x03\x16\x18k\xd6\'|\xff^2E\xe9\x8aHb\x02\xa7\xe3"\x00\xa4\xa4r\xdd\xd1\xdaP\x9b\x87NP\x11\x05b\xd2\xa6@\x14\xaaR;\x1e\x17\x17,7\xac\xd4nB5\xfa\x9e\xb5\xa7\x97\xc7\x01\xad\xaa\xee&amp;`\xf73A\x9d\xf4\xf7\x89&lt;\xa4k\x9et\xdeq\x16\x05\x80q\xfc|C\xdc\xa1\xce\xfa\x1b\x1b\x9b\xf9\x00\xf1i\x05\x80\x93{\xd8Y\x91\xa1U\xdcq\x96\xf3\xb5\xd5\xe9\xe3\xdb\xda\x15\x80\x83\xa6W\x0fB\x08\xc3\xf0=\xca\x86\x07(\xe97V\xdf\xfc\x9d\xaa\x81\x06NB\xcb\xf6\xc2\xc3 5\xea\xa1O6\xe2\x07h\x98\xe7\xff@\\\xc6@T\xeb\xd6\xdaG\xdf\xa3\x7f;\xe0\x7f\xa1\xfc\x03\xb0\x92\xa5\xa3\x82$\xfeq\xf7i\xd8Yb*\x1e=x\xb8\xbd5\xdd\x15\x80\xe8\x93\x8a\x88G\x1br\xcd\xcf\x0f\x9eE\x9b\x0c\xfdS\xc9)\xeea\xf0z\xce2y\xbc\xc3\x8e\x15\x12\xde2&lt;\xda!C\xa2U\xfb\xe4\x9fi\xc0\xea\xbc\x05\x05\x88\xab\xba\xa7\x00A\x85\xee\x9fwq\xd2\x07U\x1d|@\x97\x07|U\xce\x80,\x83\xc9St\n\xa7\xf6t\xb8\xff\x90\xf5\xc9\xab\xaa\x92\x06\x15h\xa0K\xbe\xb4MF\x0fPV\x08A5\xecTh\xa2/H-g_SOm\x9a\x8e\xfe+\t\xd2\x1a\xb7`7\x14f`\x1b\xd7\n\xe1\x0c\xd4\xf4S9yv\x9f9\xee@\r\x1a\xd8\x024}\xf3\x080\xd5\xd90b\xfc\x86\xd2!\xe0Y\x9a\x91\xfa9[\xf5kJ\xe6\xbb\xd7\xb6Q\x12\x07\x00\xa0\xa0\xa5\t@\x83\x0b\xf9%C;\xddv\xdfZ\xba\xcd\xeb#\x16pB\r\\\x01x\xa6\xc5\x89\xa7\x99\x94\x94\xe9P\xc8\xd25\xd8\xe6.\xd0\x96mH\x1aK\xac\xb74\xcb\xd0\xac/K\x07`\x8f\xde\xda\xd0\x92\x9aII\x99\xce\nU\xdf\xcc\xda\xefm\x8b\t\xa2sI\xabq\x1cB8\xfa\xfc\xa9\xa9\xefc\xc0\x1aUwE\x19\x00 \x8201\x0c\xc3?`\xd1t\x85t\xcf\xa4\x0f!\x14\x7f\x95G\x94-@\xa7\xbd(z\xda\x88\x03\x8f4\x07l\xa5\xcc\x90Q?\x1b\xbesI\x9ab_\xdc\x1f\xfc;\xa69\xcb\x12\xe5a\x8d\xd9$\x92t\x00\x1c\xa0\x0b!\xb9\xf0\xe2\xe7\xcc\xda+\xeaI\xef\x91}\xb8 S&amp;}Bh1_bY\x99\xb3\xb3e Q\xc10\xa9\x00\xf6\xfb\xfb\xb4 \x9c\xc0g\x07\xac\xc0W`\xc5(6\x0c\xc3\x8f\xca\x14\x9ax\x92N\x00\xa6\xb3\x80\x14\xa7H\xef\x14\xf3\x87fs\x078\x99\xf3\xb4V\xe7\x89)T\xec6\x84U\x1f7{\xba\x0eP\x9b\xa5\x80\xd5\x1af\xa0%M&gt;\x05\xa8N\x1e\x87\x00d\xa4\xc99*Q\n^\x06\xe8\xc7\x0e\xfe\xf6\xdbU?\xf0*\x8a~\x9f\x9a\x05Uh\xf2=\x00&lt;\xabp!\xb0\x92e\xaa\x1fQG0\xe8\xc8\xe9JT\xc1\xba\\I3\xb2I\xea\xb7\xd7\x8fg\xda\x7f\xb7&amp;%[,$\x00qTw-\xfbwU\x16\x9e\xcaT\x97_\xf0\xc2\xa6\xb2\x1a\xbd`\xa7\xbe\x158\xc5\xc1\xb3h7\xe4\x915\x9e\x8f\x00\xc7|4\x82\xd1\xda\xc1\xe3\xc7\xe9\xbbE&gt;\x1a;\x9d\xd6\x1a\x92\xa8\x06\xb9&amp;\x00Y\xafa\xa6\x9e\x00TxI\xb6W\xee\x84\x81}\x96\xb6\x00%\xee}\r\x80b\xfa\xb8N\x1a\xed\xb2\xf3\xf1\x03\xf5\xbdk3Z\xec\x92\xd7\x82\x1a\xbb\xc6\xb5u\xdf\xde\xdf\x1al\xdd\xd0\xb2#\xd3n\xcb\x17K\x05#AMIW\xbc\xc6q\xec\xbd\r\xac\x8d\xd4\x86Lj\x1bRXR\x1d\x86\xe1L;C\x1bw+\xae\xcf\x85\xb6\xfb\x92\xdc}\x04\xd9d\xcd\x03y\x96&gt;P\xe3\x14\x97=4\x0b\x90\xd3\xee\x9b\x80\xab\x9bm[,\x1ct\x83\rz.\xb7\xa9\xef ,\xec\xc7+\xa4\xdc\xb9\x95\xf6W\xa5~\xf24\x98\xf9\xef\xa7\x08\x15[E\x9a\xd8\xff\x88\x08A\x01\xa0\xa02\xcb9\x7f\xaf\xf1e\x13dS"\xe9^\x9eUL\xfb7\xec6kC\x9aG\xc8\x1dY\x0c0\x0cn#\x03\xeaP|\x02\xa0%\x04\x88\xeb\x8c\xef\x01\xb0\xcc\x00\xb0^\xc1=i\xd7\xe6z\xe5\xc3\xe0\xb5\xed{\xf4\xda\'\xbap\x04\x0b\xce8\x01h\xc5\x99\x9f#\xa1\xe1\x06\xd6\x0c\xe8\xa7O@\x9e\xb6\x19\x1d\xb5!?-\xc39:J\xaeG\xb3\x0fZ(\x12\x12\xa8\xcaI\xc7\x97\xd4/\x840\x0e\xee\xf0\x8b \x84\x10k\x057\xe2\xa1\x1e\x0e{\xf9\xa1\xe7\xbb\x9f\xd9a2R{U6\x1e\x06s\xb7\x8f]~\xdfn\x89\x9a\xc6+C,n\xc9\x15B\x18\xc7\xe1\xb4c\x03\xfd\x0e\xe7\xf1e\xe9\x00\xc0\xbcv{\xee\x8e\xa5\xc9\x94\xe9\x00.\x84\xd0a\xd6\xdf\r\xe6&amp;\xff\xcf\x1b\xe3\xb8\xfb\xd1\xc6\x95\x97\xa2Ds\xe9\x85\xd3\r\xf7i\xf2\xf0\x9b\xfb?\x9dz\x00\x1cTN\x00\xc8c\xe1\xc5\x08\x1d\xb8F\xea#\x82]\xc6\xf1*r\xd4\xd6\xbc%`\xfa1\xb7\x01\xcc\xdaP\xeav\x17\xce.Ju\xd7u\x13\xee\xb8\x07\xa0\xb0\x9aF\x03\'\xe8AkI\xea\xf6d(\xa5\x97U\xb7\x9a\x17nw\xd7\xd6k\xa4\xc6\xca\xf7\xa5\xc4\xc8\xe5\xc8Q\x9b&amp;\xd5\x8fz\x1d\xbc\xc9\xc7*M\xdb\xa2\xb6d\xeb\xee\xc2Yk\xa9\xde\xa4\xda\xba\t\xf4\xa6\xa6\t@\xff\x8f\xd1\xa8*\xb5\xdb\x92:\xdd\x9a\xc8\x97&amp;\x02yD\x9d\x11\\y\x11\xa099\xa3\xd3Y\xd2\x014O\xbbL#\x14\xd4\xfe\xd5\xd9\x1c\xad\x99\x00\xd4\x19r\x80j\xd9\x02\xf4\xde\xde\x95\xa7U_q\xc1\x91F,\x16\xd4$\xc3\xaf\xbfa\xd3a\r\x01\x8fk\xb79j7\xe4\xe94T#\x1a\n*\xc0Z\x7ffc\xd3\xd6\xdf\x95n\xc8@\xad\xe9\xd8\xe2E\x80\xef\x17\xef&lt;\xff`\xbcC\xe5\xd3~\x971\x1f\xfe\xa5H\xd9\x91\x08&lt;i\xbe\xde\xb6\xdf\x9aC\x01\xfd\xd5\x9a\x12MA\xc5[\xedC\xb8\x84.\xd9\xe0\xef\xdfX\x17\xf1\xda\xd2\xa7\x82,;v\xf6\x1d\xe1O\x1f\xdf\xaa\xb2\x18\x00\xce\xee\\\x1ds\xe6\x81]\xff\xcf\x01[\xf46\xb5{\xbd\x1d\xb9\xb0_!1\xa1\x01*\xeaKz\x05HM\x15\xeb@\xbb\x99h\x02\xb0\xacx\xb2\xc8\x1a(\xa3\xa1\xba\x97"\x9c\xad\xc4\x9d\xe1\xee\xb5A4H\xc6%\xf4\x98\xb6\xd1\xabI\xd3U\xaf\xdd\x90gPC\xe2h\xdba\xa5\x98O\x01\xba&lt;\x86\xe1\xb4\x15\xaf\xd8c(\xce\x9a\xe0\xebH\x9c\xf2v\xb7\t\xaf\xb6\xa3\x84\x13\xb73/DL\x8d\xf1a\x08\xe5\xf1:S\x1e7\xb4`6m2WU\xf9\x03\xa5\xec\x98y\xeb\xc8\x0f1\x12z\xe5\xe5:\xd0\x96%\xa2\x947\x1d\xf6l\x9a\xbc\x87&amp;\x00\xa7I\xfc\x10\xc2WW\x13\xd9\xc4)\xbf\xea^\xdbdg?\x93~j\xd0\xfa[S,\xffC\x1bTTR\x99,d\x86\xb9_+{T\xe3W\xd4\\&amp;\xff\xe2\x8b\x86\xba\xce\xd0\xf6h\xbe`\xbcO\xff\x8a\x0b\xd56\xddD\x04\xeaQ\xf8jY\x08a\xef\x15\xd5P&lt;\xf0T\xees\x0f\xc3}\x19{\xf5{(\xe8R,+,\x93\xb3\x03\xaf\n\xc3\xd9\xb6\x10^o^\t!\xcc$\xf8\x8b\xde3\\\x8f4\x0e\x15\x17\xaa}\x0e\x0c\x18\x80G\xed\xbe\t8~+`\x8d\x81\xe8:.Q\x1dG-\x99\xf6R\xecU.\xbf\xba=\x83w^\xa4\xe7\xd2W\xc6\xd9Q\xef\x8b\xa1\xf0x\x1b\xfd\x7f|\xb3\xaf\x11\xf3\xb1\x1b\x8a\x80O\x85\'\x00\xe5\xee\x9b\xb5\xa6u^\x97|\x96\xdd\x07I\xc0\xed\x96R\xac\xaa\xb1\xda\x9amr\xd7\x17s\xb5\xbd\xcb&lt;\xfb\xb8p&gt;\x8bg\x17\xf8\xf7\x86-m)\xaaa$\xbd5\x0c\xd7\xcf\x97\x0f9\xd4\xa3\x96\xfe&amp;3W\x12O\xe1\xda\xea\xcbkX\xe1\xd0\xd0n\x1c\x87a\xf8\xcaa\xf8\xe6h\xc1Io\xe5n@\xfd\x05\xd0\x9fv\xb7\x00\xc1;\xe3X\xd5\xaa*\xaf\xd8}W\x83\x839\x10\xc2\x10\xc2\x9f/\x9e\x8f\x9b\x020\x8e_\xbf\xeec\xda\x90\x9e\xd4|\xc3=\x90\x98\xcaO\xafZ,\xdb-\x86\xb93a\x8ba\xf8%\x0b\xdf(\x1e\x93\xc5?\x96\x0e\xde\xf9$M\xf3}\x07\xaf\xa2\xa0\x02\xd0\x84\xfa;\x8cZF`\xb4f\xc5\x88\xff\xfa\xc3]\xe9Z;\x01\xb8\xfd^\xf9\xcc\xaa\x8e\xa4n\'\xc7\x7f~\xe9\x00@V\xe7\xbd\xb2\x19z\xdc\xd6\xd9e\xa4\xaaQ\xfb\x93gC_\x8f\xfc{\xd0w\xec\nz;&gt;{\x97\xe63\x07\x98&gt;\x88\xe6\xf6\xa1q\x1cO\x9e\x89\x99\xa3\xaf;\x00\x16\x9c\xb7u\xe8\xb2q\xec2R\xact\x1b\x88)\x03\xb5\x0b!\xd4\x91M\xcb\xa3\xffq\xd8\xf0\xa4\xb6\xe7C=O\x03\x86I\x1b\xa5\xb1jD\xed\x0b\x1f\xc0&gt;n\x02\xee\xca\xdbgY\x1cy\x0e\xda\xd9.\xdf7\x17\xd9\xdb\x1d\xcf\xcd\x85\xfctZ\x18\xf8n\x1a\xfd\x0fs\xb7\xdc\xcf\x16\xc3\xfb6\xeac_\x90\xe73V\xac\xa2\xb2z\xa0\x0fR\xc0\xe0\xd1y\'\x00},&gt;mm\x10/\x8f\xee&gt;8\r\xd8\xfd]\xe0"i\xfb\xb3\xb2\x92.|l\xeb\xe8\xff\xe1\xab\xd3s\xbc\xfc\xdc8^\xcf3V5\xca\xa4r\x1b\xfb\xa0\xcf;P\x12\x85\x07\x1au\xde\t@C\x96\xfa\xe9]\x8f\xb94\x86_\xa3\x89)\xe2\xdc\xbe\x0bO&gt;\x1d\x86\xbag\xaa\xa9/\xa6\xad+\x00\xf3\x01\x18\xc7a\x1c\xc7X\xd7(\xea\xcd\x03\xce\xe1V\xcf\x1e*\\\xcd\xed\x03\xe4\xd1\xd5\x04\xa0\xcf*\x1d/R\xe3\xc4\x8e\xaf\xff\xe1X\xe1 \x9eiV\x9em\x8f\xd6\x82\x8ft\xa855\x8a\xcf\xcf\xfe\x9d\xa5\x92\xb2\x7f\xf2\xf0\xf1\xfd\xfb\xe6%C\x99T\xecObs\xff5)\x18\x1f\xdf\xf9\ra\xf2G\xc5\x06H\xec\xc8</t>
        </is>
      </c>
      <c r="E407" t="inlineStr">
        <is>
          <t>&lt;class 'numpy.ndarray'&gt;</t>
        </is>
      </c>
    </row>
    <row r="408">
      <c r="A408" s="1" t="n">
        <v>406</v>
      </c>
      <c r="B408" t="inlineStr">
        <is>
          <t>steps_per_sec</t>
        </is>
      </c>
      <c r="C408" t="n">
        <v>4600</v>
      </c>
      <c r="D408" t="inlineStr">
        <is>
          <t>3.076173</t>
        </is>
      </c>
      <c r="E408" t="inlineStr">
        <is>
          <t>&lt;class 'numpy.ndarray'&gt;</t>
        </is>
      </c>
    </row>
    <row r="409">
      <c r="A409" s="1" t="n">
        <v>407</v>
      </c>
      <c r="B409" t="inlineStr">
        <is>
          <t>Loss/RPNLoss/localization_loss</t>
        </is>
      </c>
      <c r="C409" t="n">
        <v>4600</v>
      </c>
      <c r="D409" t="inlineStr">
        <is>
          <t>0.09721605</t>
        </is>
      </c>
      <c r="E409" t="inlineStr">
        <is>
          <t>&lt;class 'numpy.ndarray'&gt;</t>
        </is>
      </c>
    </row>
    <row r="410">
      <c r="A410" s="1" t="n">
        <v>408</v>
      </c>
      <c r="B410" t="inlineStr">
        <is>
          <t>Loss/RPNLoss/objectness_loss</t>
        </is>
      </c>
      <c r="C410" t="n">
        <v>4600</v>
      </c>
      <c r="D410" t="inlineStr">
        <is>
          <t>0.046583906</t>
        </is>
      </c>
      <c r="E410" t="inlineStr">
        <is>
          <t>&lt;class 'numpy.ndarray'&gt;</t>
        </is>
      </c>
    </row>
    <row r="411">
      <c r="A411" s="1" t="n">
        <v>409</v>
      </c>
      <c r="B411" t="inlineStr">
        <is>
          <t>Loss/BoxClassifierLoss/localization_loss</t>
        </is>
      </c>
      <c r="C411" t="n">
        <v>4600</v>
      </c>
      <c r="D411" t="inlineStr">
        <is>
          <t>0.16214374</t>
        </is>
      </c>
      <c r="E411" t="inlineStr">
        <is>
          <t>&lt;class 'numpy.ndarray'&gt;</t>
        </is>
      </c>
    </row>
    <row r="412">
      <c r="A412" s="1" t="n">
        <v>410</v>
      </c>
      <c r="B412" t="inlineStr">
        <is>
          <t>Loss/BoxClassifierLoss/classification_loss</t>
        </is>
      </c>
      <c r="C412" t="n">
        <v>4600</v>
      </c>
      <c r="D412" t="inlineStr">
        <is>
          <t>0.07843487</t>
        </is>
      </c>
      <c r="E412" t="inlineStr">
        <is>
          <t>&lt;class 'numpy.ndarray'&gt;</t>
        </is>
      </c>
    </row>
    <row r="413">
      <c r="A413" s="1" t="n">
        <v>411</v>
      </c>
      <c r="B413" t="inlineStr">
        <is>
          <t>Loss/regularization_loss</t>
        </is>
      </c>
      <c r="C413" t="n">
        <v>4600</v>
      </c>
      <c r="D413" t="inlineStr">
        <is>
          <t>0.0</t>
        </is>
      </c>
      <c r="E413" t="inlineStr">
        <is>
          <t>&lt;class 'numpy.ndarray'&gt;</t>
        </is>
      </c>
    </row>
    <row r="414">
      <c r="A414" s="1" t="n">
        <v>412</v>
      </c>
      <c r="B414" t="inlineStr">
        <is>
          <t>Loss/total_loss</t>
        </is>
      </c>
      <c r="C414" t="n">
        <v>4600</v>
      </c>
      <c r="D414" t="inlineStr">
        <is>
          <t>0.38437855</t>
        </is>
      </c>
      <c r="E414" t="inlineStr">
        <is>
          <t>&lt;class 'numpy.ndarray'&gt;</t>
        </is>
      </c>
    </row>
    <row r="415">
      <c r="A415" s="1" t="n">
        <v>413</v>
      </c>
      <c r="B415" t="inlineStr">
        <is>
          <t>learning_rate</t>
        </is>
      </c>
      <c r="C415" t="n">
        <v>4600</v>
      </c>
      <c r="D415" t="inlineStr">
        <is>
          <t>0.03993057</t>
        </is>
      </c>
      <c r="E415" t="inlineStr">
        <is>
          <t>&lt;class 'numpy.ndarray'&gt;</t>
        </is>
      </c>
    </row>
    <row r="416">
      <c r="A416" s="1" t="n">
        <v>414</v>
      </c>
      <c r="B416" t="inlineStr">
        <is>
          <t>train_input_images</t>
        </is>
      </c>
      <c r="C416" t="n">
        <v>4600</v>
      </c>
      <c r="D416" t="inlineStr">
        <is>
          <t>[b'1024' b'1024'
 b'\x89PNG\r\n\x1a\n\x00\x00\x00\rIHDR\x00\x00\x04\x00\x00\x00\x04\x00\x08\x02\x00\x00\x00\xf0\x7f\xbc\xd4\x00\x00 \x00IDATx\x9c\xec\xbdy\xfc\xbf_&gt;\xd0}\xae1C\x06!\xc9\x925K\x99\x88[#\x86J\x11m\xb6\x1b\x19\x1a&lt;\xc8\x92(\x93\x07\xa5D\xa2\xa8D2\x15\xc9MC\xf6\x94-\xb9\'*\x92-[d\xe9\xb6e)\xda\x98)\xc9X\xc6\xeb\xfe\xe3\xda\xceu\xae\xb3/\xd7u\xae\xeb\xfd|&gt;f~\xdf\xf7\xe7\xfd&gt;\xd7\xeb\xbc\xce\xeb\xbc\xce9\xaf\xb3\\\xd7\xa5\x1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lt;$"J\xc9\xd9J\x00\x9c\x0e\xad\x00\x94R\xea\tg+\x00\x00pQD\x84\xa1\xf4\x1a\x8cU%\xa2\xaeSe\xfd{\xd7\xf7*5N\xab.\x8f\x88\x88\xc8\xe8\x1f\xe6\x97\xf7B\x96\x96\xf0\xa0$\x14\\4rs;\xd9\xce\xb2\xe5\\e\x00\x00n\xc1\xd2\xa5\xd2\xab^\x84\xeb\x8d\x82\xbd\xab\xda\xadz\xc9\x8a}\xa3\xcd\xd4\x17\xf3\x968N-T|\xbeOu\x08(\xd4&lt;m\x0f\xb00t\xee\xc0yD\xfdn\xb6=\x01\x00\xaa\xc2\xb2\xca\xe5\xb8X}]E\xcf\xfeH\xafb{\xfa+yK\x02\x97X\xb3phX\xa6ynm\xe6\xc4\xd0\x97X\x1bz\xe2\xd9\n\x00\x00\xc09\x8c#\xe20\x0cg+\x02+K\x98\xd2\xaeV\n\xeb\xbds\xb7IT\xec\x8dE\x94v\x85,\x86\xef\xb6\x80e\x0c\xa2\xe4\xaa\x05;\xa7Fr2\x1d\x86\xcc\x0b\x9b\xd2y\xcb\x05\x00\xb8\x04\x05;\x00\xdd\x9c\xcb&lt;K\x81\x132\xd5\r\xde\xfd\xca\\3\xc6\x82O\xc7\xc0\xb3\x85\x9c\xee\xb7u\xb9SY\xe2\x88/\xef\xb77\xd4\xe2pn[\xd1\xd1\xe5\xbaY\xcb\x05\x80\xbbp\xb5\x8e)\'\x82\x17\x0b\xcd\x14\x84\x15l\xae\x94\x1a\x8f\x7f\x94E\xff\xb3\x1c\x80\xab\x91\xd1\xf0E\xe4\x1f\xe7\xdf\x00\xd0\xa4\x99\x88\x88\xfa?\xb2\xfd"6\xaf\xc7\xee\xfd\x00\xa0WjwL\xafZU\x9a\x1d\x11Q\xbf\xb3\xce\x81ch\xca&amp;\xfa\x7f\xe8!\xf0]\xf6\r\x8d\xb0\x00\x1e\x82\xac\t@^\x8f\xdd\xaeMY\xdbo\x9e(N\x02\x01\xc0\x1d\xd9\x1e\xec}\x10D\xc4v\xf6T\x1e\xbc\xab7\x06\xc8\x87?\x02\xbb\xf5\x87\xd9:\x0fo\x96\xb3x\xf4\xe6yS\xa6Vu\xb2\x16^x\x0f\x00\x00\xdc\x91C\xa3\x99N\x16PEi\x8b\\\x9b\x03/\xefx\x80z\xef\xbd5\x82\xa8\x97\xeb\xc1&amp;\xb0g\xdb4\xc6)c\xd7\x81J\x0b\xcc\xe7\xfd\x9f\xd7\x84\x1f\xce\xf4\x17%\xddC\xa2j\xf6D\xdf\xc3\xf3\x00\x00\x8aX\xba\xef\x9e\xd6P\xcd1\xe5`\xdd\xa4\xa7\xc7M\xe8\xb6\xe8D%8\x95\xcd\xeal\xad\xf6;\xfb\xfc\xb8\xa6\x8f\x9b\x05\x11\x91+\xb5G\x11\tj;\xf9\x80Jp\x80\x13\xbbJv\x00\x00\x00*\xd0\xd9@fjs\xf0"\xd30\x0c\x1d\x0e\xed\x1d\xaat\x17.\xf5\xbe!\xe7S\xe6+\x14AD\t\xb7UD0\x9b\xa7\x8e\x95\xf6\x87\xf5\x13\x8f\xef\x87S&amp;\xf4\x1e\x17\xe9f\x98\x00\x00\x00T\xa1\xff^\xffA#\x92a\xe6lEn\xcc\xb0\xf5\xff\xe7\x9f\xa6H\x0c\xc3\x0fj\xdaVk\x14\x167;t\x0e\xf0\x1b\x0e\xcc\xab"\xf1\xad\xd2i\xcc\xe56\x96\x9d\xdc\xf8e\xf8\xba\x95\x95\xd0\xd5\xd05\x01@/\xd4[\xb8\xfa?\x95\xe4\xf4\x8f\x7f\xa9\xe9\xc4\xb0\x9bg_6\x05\xab\xee\xb9\x84A,7\x00\xd4m#\xc7\xb6\xb8Eyk\x8e\xdd\xd6H\xb5\xe7\xa7\x95\x9bZD\xde\xe4\xdemy\xf6\xf0\xff\xa0\x9f\x87&lt;Q\x1f\x00\xe8\x90\xf5$+\xfdC\x15\x8e~\x1e\x91\xf9P\x91.oQ\x80{\x12sN\xfa\\\xf6G\xae\xad\xe1c\xe7\xa5\xd0\xd1\x1a\xb8\xaa\xdfi\xb7\xeb\xbe\x92%{\x9e\xabS\xfa$\xa5\xc8\xf3\xfd\x1d\xdf/\x1f\xb0\x80\xf5&gt;(\x8e\x00\x01\x80\x85{\xaf\x86\x1c\xca\xd1\x03\x86\x99\xdd\xb8\xc3|\xa1\x80\x06\xaeK\xffn\xb6W\xb0w\x8d\x13h\x11\xfdW\x16\xa9\xf2_%=\xb8\xaf\x19\n7:"\xdd\xf6\xba\xa3\xa2\xb5a2\x01\x00\x80Z\\\xb7{\xbc6\x7f2|\xbb\xdb\x8d\x82\x1c\xa8A\xf6\x1b\x8e\xae\xcfz\xe4z2\xc2\xb0\xfcp\xe1\xd9r\x13\x9d\xfb\xda\x07~\xbdwr\xff&amp;Rt\x10(\xf2\xd2\x8e\x1d\xa3[\xc5\x00\xe0B\x88\xffDi\x1f\xbc\xfc\xac$[\x15\x0f\x1d\xcc\xd5\xe4\xa1\xee\x948\xad\xb0=\x19yn8\xdc\'s(9\xa6\x0eTPY\xf5=F\xd5\xe3\xe1\x00\x10\xa6\xff\xe1\x90{[\x0b\x10\xa5\x9e]G\xd2Sne\xfc\x87\xf2\xa8\xb3\x8a\xd9\xe9\xe2\xc2\xc3\xd4{:\x8d\xcc\x92&amp;6\xd06}\xbf\xc6d\xf4 U\xffCg+\x00\x00W\xa0\xc7Az\xc7\xebw9fw\x1a\xe2@\x04\xec)9x\xd3\xc2\xeb\xcd\xe0\xec[\x9b\x1b\x99\x80\xbe\x15"\xea{\x0e\xb7\xad\x88\x88\xfct\xce\x04\xe0\x83[\xaa\x05\x00\x00Q&lt;\xc4\x90\xdc\xedBr\x9fZ\xc1#\x82\x1f^\x96s\xba\x91\xaf\xf6\x1f\xf8\xe48(\x00@+\xaa\xf4\xad\x8f\xd1A\xdfj\x02\xd0cA\xe0\xb1y\x10\x87\xec\xb7\x98\xa7\xf4\t\xdemUQ\xeayG*s\x0f\xb8q\x18\x006\xe8\x9d\xbb\xf6\xd0\x83\xd2\x07-w\xcf\xed\x0b\xa8T\xfac\xdae\xf7\xd0t\x00h\xcd\xb6\x13V\x8f\xd05eC\x1f\x95\r\x8f\x01\x05\x80\x18\xee\xd7\xbd~\xe2\xe6\xaf~\x97\xdbj\xc20\t\x8f\xcd\x05\xdby\xe2\xed\xb2\x8d\xb4\xe8\x94c\xf7"\xd8\x0e\x05\x80[\xc3\x03v\x1e\x92\x8f\xa0\xc6\xe1\xde\\\xc6\xc3\xf5\x87\x9c\xf5\xa7\xb0\x88R\x7f\xfc\xc4\xec7\x93\x9c\x02+\xf5h\xdb\np;\x04\x00\xe4\xd2\xf5\xd8\x03\xcd\xe0\xe1E\x00=\xd0y\xf7{n/Q\xd12\x9f\xd0\xab\x85\x0b`\xec\x06\x80\x02d\xcb\xd9\xea@\x12%\xef\xc2\xa4\xc6\x01z`j\x89o\xd3ec\xec`\x99\xa0G\xb3\xf4@\xea\xc0\xcdyP\x000q\xdc\x07\x0c\xf7f\xaavj\x1c\xe0\\\x96\x1e\xb8\xc3\xc6\x98\xfa \x81\xf1"\xa2\xcd\x03\xe8\xd9m\x00\xe0Z\xb0\xd0rK\x9c\x0bx,\xffC\xe7&lt;\xed1\xce7w}\x1e/\xc3\xfe/\xd3eAn\xc9\x03\xb4\x0e\x00\x00\xc8\xc3\xff8m\x80\x13\x88\x9e|v\x1c\x19?\x06\xf7Z&amp;\xb8SYF\x82%\xa2\xf9\x00\x00\x80\x05\xc6\x0609 \xe6\xe3\xd1%\xbd\xf0(\xb5\xc0-O\xbc\x07\x00\x00\x00V8&lt;\n\'\x91sp\xf9\xc6\x01\xdcIE{\x8c\xe3\xe3\x8f\x1d\xf9\x03\x00\x00\x00\xa4\xd1(tJ\x16;\xae\xe0~gb(w\xbfu_\xceD\xe5\xd0\xf3]\x16G\xf1\x10S=\x00\x00\x80\xbb""\xc3\xa0\x1ej@\xcf{R\xd9-\x1f\x93\xf2\x80\xb5_\x05\xec\xc6\x11 \x000\xb9\xd9\n\x19\xc0\xad\x11\xd5\xfeHC\xb7\xcb\xa5w\n\xe5\xf3xx\x03\x84\xb1n\xfb\xe09L\x00\x00`\x03\xd1?\xc0u\x10u\xd4\xdb\x1b\xba\xea\x18\xc6\xf2\xa6\x16z\xb8\xe7\x92\xef\xaf\xb9a\x99\x0e\x02\xbb\x01\x00\xcc\xdc\xef\x8c,\x00\x14r\xc1n\xa1\xd3-\x8b\xda\xf0\xf4\xa40g\xb8n\x8b\x1c\xa9h\x00\x00\x008\x90+N\x00\xba=\xb6\x04\xd0\x03\x1c\x01\x02\x00\x00\x00\x17\xa2\x94\xbc\xd0\xf5\xceL\x0fj:\xb6t\xec\x1c m\xd6\xc1\xfc\x04Z\xf0\xef\xceV\x00\x00\x00\xee\xcc&amp;|\x11\x91\'\\l\x91\x18"\x10\x99W\xd3/\xc7\xf1/{\x92\x847\x9a]oS\xe5\xba&lt;\xd6k\xbf\xa6\xc2\xb2\x03\x06\x00\r\xa0[\xf1\xf0\xa0\xdd\xae\xc8c\x8d\xb2\x8f\xc4U\x0f\x9as\n\x08\xd4%\x0f\xb0\x151\x977P\xe4\'\x1e\xa3\r\x00\xdc\x8bk\x1d\x068\x18\x8c\x03\xf7a}v\xfe\xb9z\xcc\x8c\xfa\xa4\x9cG\xaa\xac\xb8\x88\\\xed4\x94\xb4\xac\xbd\xa6\xc2\xebp\xcf\x87?\xb9\x89\xf4O\xee\x01\x00\x00\x80\n\x0c\xda\x7f\x01\x1a1\x9c}7\xc20(\xa5^\xeaD\x05\xd2\xa9e.\xcb\x8a\xf2E\x16\xd6\xef\xd8-\x15ok\xdc\xd1(\x00P\x84uEG\xc6\x07\x8e_m\xe9\x0b\x00\n\x99\xc2\x8cZm?\xef%\xbe\x00\xa0#"9\xef\xc2\xd0\xe0\x08\x10\x00l\x10I\xedRd\xbe\x84\xb1\x1c\xe0~T\x88\xd2]K\x95\xb6\xf7\xb3\xaa\x16\x87vT\x87\x93\x8d\xf4\xae\x16`\xc3\x8b\x16]\xcd\x11 \x00\xd8\xe0\x18&amp;\x075\x0c\xae\x9f\x861\x01\xdc\x0e\x11Q\xbft\x8d=~\xe8\x94\xc4\x83\n"\xd5_\xdbt\x9e\x03\xff\x1e_\xd6\xb4+(a\x18\x06\xf5\xfc\xa2a\x971\x1b\x00\x00\x9c\x94o4\xc3\xc3b\r\xe5\x87a=8&gt;x\xe3\xe0\xbc\xdd\x80\xcd\x11\xa3I\xca\xb8K\x99\xe7\xc3%\xd7v\xce\x05\xee\xdf\xad\xc4\xe3\x944\x01,\x02\x00M\xa1\xe7\xbd\x01\xb7&gt;\xe5\xc5I\x8c6\xa4\x9c\xf5\x0f,\xfa\xa7\xc4\xdf\x1bQ\xb3\xd3\xe6\xf7B\xebC\x90\xee\xe6$7\x9e\xd8@\x14\x1c\x01\x02\x00\x00?\t/U\xbd\xd6\xf3\xb6\x1f\xeb\xf1\xe0\xc7!\x89w\xfa\xba\x8e\x17\xae\xe2\xe2\xf2\xfd\xcd\xd3\xfd\xca\xa3\xc4a\x88{6\x95O\xf8}\x03\xe4\x80\xcd\x01\x00\x00\xe0\xd1Iy\xc9\xd7\xd5"j\xa6\x00U\x91-eW\x1b\xa2\x02\xd2v\x99vR\xb3L3O\xe4\x03\xcfV\x00\x00\x00\xe0\xb2\xc4\x07a\x90\xc5M\xacZ\x16\xfd;\xe5D\xba\xdf.\xdf\xdf\x93\xad@ED\xae\xfa\x1ee\x00\x00\x00xt\xca\xa3:p\xf1\xec\xbbX\xb5J\xf4\xbf\x93\xb4\x9f\x06\xa4d\xfd\xcfN\xf6[\x9a\xcc\xa9\xf8\xaa\x9e\xaa\x01\x00h\x0bk`7 &gt;\xb6c\x9e\xf0\xb0\xd4\x9b\x00xg\x00\xa6p\xff\xf4\xe0\xcc\t\x00m\xe1\\\xf6\xf6\xdf|\xf3[\x1f\xbaj\xb8\x05\x04\x00\x9a#&lt;J\xf2\xfa\x18\xe3\xa8\xe7\x0eB\xe9\xf3\xbdK\xd0\x98\xc5CjT} l\xd6\xb3\x88\xf0L9\xeb\x897\xb4\x85\x96\x8c\xf5\x9e`\xdb\xaa.zyx\n\x10\x004A_h\x19\x86\x81\xe8\xff\xe2\xc8\xe0|\x13\x1c@\xeai\x8aV+\xaf\x0e\x07=\xcdui5\xed\x10Q\xea\x7f\x9f\xad\xc4\x95a\x02\x00\x00-x\xe8\xad\xd5\xfbaDw\xef\x18JO\xd0\x03:\xbb\xe9A\xc0=\xf2N\xcd\xb0\xcd\xf88L\x1e\xf5\xe21i\x9f\xbb|\x1af\x1aiu-\xb0\x02\x004AD\xe8g\xef\x81~\x8c!\xeeH\x03o\x7f{8\xf4\x10\xdfp\x8f\xc9gTBt\x1e\xdcOX\xb2\xf0\x1c\xea\xe0\xe4\xa1\xea\xa5\x1f\xae\xdf!\xc4tD\r\x0e\xfc$\x1f:\xea\x19v\x00\x00\xc0C\xfeB~\x07\xa3\x0e\xd4&amp;va\x96\xaa\xafO\xdf\xf7\x92\x86\x1f\xb4\x92\xa2}rI\xad\xe7\xfes\x04\xdd\x8e&gt;\xba\xe1\xfaJ\xc4,\xe4\x8f?\xbf\x88RY\xafb\xb0\xa4\xbf\xd9\xc3,\x9ex\xb6\x02\x00\xd0/"j\x18X\xcd\x859\xc0\x1an\x1cR\x1d\xe1\xe7%k\xd2=\xcf\xa8\xf5\xa8h\xd53w\xca\xf2\n)\x97\xb9\xcd2(%\x9f\x9c\xa5\xc0\xbd\x18\x1ewGn\xe3\x1c\xa9\xceh\xb1X\xcfm\x10\x00\xa0&amp;&lt;\xc3\x0e\xb6&gt;`_\x01\x13\xdb\x1b\x9a\xae\xe5&lt;\xc7h\xdb\xb9M&gt;=W=\xdbS8\x83\xcf\xee\x8c\x92\xe6"C\xc9\x87\xc5\xda&lt;\x1f\x11&lt;\x07\x00 \x9a\x7f}\xff\x1e\xf3\xf6\x05\xac\x88\xcbV\x96\x91\xf5b\x81\xdaQ\xdavm\x93\x0c#\xd8\xa3\xf3\xb2\xa8\xbdx\x02p1\xdf;\x00\xe6\x00\xaa\xe8U\x86\xaf\x83\xf5\x00\x00\xe0a\t\x8c\x9d\x9b #a\xac\xedgd=B\x93\x9eC\xb1*\x13\x80\xe9\xa0\xf4WdN\x00b\xa2\xff\xa0\x1ffO\x00\xee:mH\xad\x85\x0c\xe9\xddz\xf5B\x81\x05\x98O\x02\x00\x008\xd8\x8d\x91\xd7\x1a2c#\x98\xe2P\xe0Zf\x89\xc0\x12\x9d\x8fe\xfc\xca\xcbM\x00\x94z\x87\xac\xab\xfa\xa7\xe5\x04\xa0\x8fw\xbd\x07u\xd8:g\xb2x{\x8e\xd7\x80\t\x0c\x00\x00\x80\x85\xb4\xf0\xb4i\x10/"_\xe8\xbc\xd1\xa2Sv\xd1\xf9\xcb9\xbeO\x16\x951\x01P*g+\xe3\xf64\x9d\x00\xf4@L\xe9\xfej\xb5\xe2?\xe5j\xc6\xbc\x90\xaa\x00\x00e\\\xaaw\xbe\x06w5iWc\xf9:\xc7\xd8\xaa\xd4\x8f\x86{\\\xd1\xb9\xf6M\x9c\xf2\x91\xe1\x7f\xc7\xa6\xe8\x96\xdb\xdb\xed\xd0\x02.\x0f\xb7\x9d2\xfd\xa6\x83\xf2\x05\x00\x800\xb7\x1e\xed\x00\xca\xa9\x17O\xeb\xa1\xf9\x8f\x1b\xdf\xe7H\xa9\x11\xfd\x7fE\xd2\xdc\xe3\xee\xbc]\xc3\xfe\xf0\x1e\x16\xce\x99^\xde~Z\x05\x00\xd0\x1czR\xa8D#/\xaa\xb9\xf6\\\xcf\xd5\x8b\xe4T\\S\xaf.\xa7|\x02PK\xa5\x12d:\x98~~\xcf\xf6O\x98\x008\xc9t\xb0\xf1\xdaVJ\x01\x00&lt;\x08\xce\x9eW\xe4\x9f11\xb8:\x07\xde#\xd8.\xe0;=\x9a\xacNA\xdc\xe3\x14U]\xab\x9d\x92i\x0b\xb4\xe5\xfa\xe4\xa2+|\xbe\xdb\xdc\xcf{k\x917\xc3\xbc\x81=y\xab\x19\x00TE\xa4\xf6\xdb\xe7E$\xf6\x15\x8c"\xc2\xcb\x1a["y\xa3\xc68R\xde\xa1j\xea\xbbwM2\xecl\x041\xdbw\xa7\xda\x0b\xeb\xca\xa5Z-{\x03\xab\xabx\xd1R\x88a\x18\x94\xfa%\xa5^\xf8\\}\x94R\xd9\xed\xf7\xc6\xe8\xbe6\x0c*\xd2&gt;\xdb\xca\xbd*O8[\x01\x00\xb8\x17\xf5;\xc4!\xad\x93\xfd\xea\xf3\x1fHwW\xb2\xedz\xe5Qr\xcb\xf0\xb9=\xac\xe6\xbaH\x0eG\xfc5\x9aUm\x15\x96E\xdd\xf9f;R\xfa\xb9\x8ej\xcb\xf6/!"\xf2\xa4*\xa2\x8a\x894\x9f\xbe\xb6\xdd\xc5\xf6\xc5Q$\xbb\xd7\xd57\x01\x00\x00\xae\x8d\xd1\x0b\xa7\x9e\x13\x80\x1a\x88R\x7f\xefl\x1d\x9a3\x1f\xe9\xae\xc4\xb3[x\xa9\xcc\x01\x9c\xa8\xd0A\x85\xbc\xc3\x0f\xea\xab\x9d\xed\xab\xd6\x81"\xabn\x052?*\xe7\xda\xd0\xfb\x86CW\xcf:\x9f~V$\xd1z\xba\xb5E\xe4kn\x1d\xe3\xe6yWE?\x07\x00\x80\x12\xcc^\x989\xc0\xd1&lt;\xc8@\xf8\xe15\x8b\xd9.z\x98%\xfbc\x94\xc2\x08;0\xaf(i\x80\xb5\xa2\x7f\xed\xda\xca\x15w|\xe4\xf7\xbc\xccR$\x1b\xb0\x85\xc5\xba%\xd7\xbb\xee0\x01\xb8\xcd\xbe,\x00\x9c\x80p\xe6\x1e\xa0_\xd6\xf8\xc4\xd6N-\xd1K\xad\xe6&lt;\x8a\x1e\xd4xj\xc7v\xf4\\D\xa6\xecF%\x86\xfd\xe5[\xc5\xcc4\x91:d_\x1e\x94=\x97\xae5\x93\xf5$\xed\x16\x8b\xc9\xaa[#D\xdfI\xa5\xf2\x8af\xa9\xca\xceI\xb4\xaay\xed\xa5\x87?\xee\x01\x00\x80\\\xe6=\xe2\xb3\xf5\x00\xb87\xd9M\xcc\x1f\x9d4\x8c]\xc6\xb8h:\x8d$\xe6\x8e\xdc\xb2p:\xff:\x9d\xad\x9a\x93Y\xa3\xffO,{\xfeO\xda\x8d\xd1"\xf2/\xccU\xf0\xcf7\xa4\x89R\x05U\x13\xcf\xa4\xf90$\xc4\xa9\xcbQ\xb5\xe5\x8a\xb4P5\xff^\x8b\xeb\x8c\x08""\x92dU\x83KG\xff\xeaZ\x135\x008\x8a\xa8\x87E\xcck\'\x8a\x9e\xe4A\xb0.\r^}\x19\xac\x7fJ,\xbcDc.\tF\xb8\xb6M&amp;\xf1\x0f\xe0\nJ\x9e\xe5\x87\x0f\x8b\xe9i\xb4\xdc\xd3\x94\xf1\x96\xcb\x92Zm3\xb2]h\xf6\x8a%\x8b\xc7\xb7d\xbb\xed\xd35Z\xbbP\x0f;~\xb1\x03\x00\x00[\xd6\x15\xbbH\x1e\xb4\xf7|4F\x97\x10\xdb\x97p\x1e\t\x07\xbb\x83\x89w-\xb9(\xb8\x1dFL5\xa2.\xb5e\x9f\xf040\xe3\xf0O\xf8\xc2\xcd\xc3O\x03Zy\xf2\x8a\xe4\xa6\x87\xce\xd7I\x9b\xe5\xcb\x9e\xd0mh\xeb\xd5\xdc\xbc[\x8f\xc5\xc9\x86\t\x00\x00lH\x08\xfc\x13\x9f\xcfi\xc9\xeb\xac\xc1\xac\xf7\xa1\xb4G\\u\xdd\xfdb\xdf\xe5q&lt;q?\xca\x85\x97k\x87a\xb0\x86\xb0o\xa7\xa7\xb4\xd4eq\xedfu\x13\xb6\xb9C,\xbbS\xef\x89r\xd2\xf3M\xeaIr\xeff\xde\xfc\x95!\xa1=\xc3`\xf1\xd5\xa4;\x16N \xe9\xd9\xff\xf2\xf9\xe1d\x17\x82\x9e\x1b\x00L\x0e;\xd4q\xd6\xe9\x91\x8c\x1b\xe3\x00\xfa\xe1\xd2\x0e\xec\x89\x80\xab\x9c\x1e\xa9b\x9c\xe0\xd1\xa9\xec\x8cb$\x072\xbb`\xa5\xfb9\xf80U\xde\xf9\x9f\x82{\xa3;\x85\x1d\x00\x0009\xac#n\x96Q\x9f+d\x90\n\xeft\xb30\x86/\x7f\xb9l\x99\xfcD\x06\x03\xed{\xfd ~\x95\x8c\x92\xd2\xeb[*\xa3b\xd5\xa3\xff\xfcr\xedn\xbcI\x15\xd0\xf1\t\xa2\x13o\xa5\xf0\xd5\xaf\xe56\x92\x0b67\x00\x80G"&lt;\xc8-ca\x87\xc3!h\xfc\xf0\xc9oP:3w\x07\xbd\x86q\x15)\nU\xb3\xaf\x8d\xef\x10\n\x82i\xc9&gt;\x7f([2\xb2\x96\xba\xaf\xb1\xd3$\xfbs\r\\|\xb83\xc7\x18\xf0\x01Z\x19\x00\x00\x004\xa4z$q\xf3\xb8\xa4\xe1Z\xb5Slb^\x99\x1a\xce\x13\x8c\x82)J\xd9\x1c\xa0&gt;\x1b}~}\x9eJ\x7f\xa8\xb2N5h6Y\x02\x00\x80j\xb0\x90\x0f=\xd3K\xacv\x11\x1aF\xb7V\xb1y;\x81YJ\xfeTyO\xb5\x9d\x00\xd8\xa5\x1d9=\xe8mB\x12f\xd16\xa0\xf0E\x8aS\x00\xf7\x00\x00\xc0\x85\xd1z\xf2\xfb\xf7\xd7G\xb1\xb7\xa4\x84\x8e\xe3_g\xf8\xbf-\xb7\xaa\x82\xdaG\xad\xf7\xf7\xdd\xae\xe6\x1a\xb22\xcc:\xb3\xfe\x8a\xdb\x8c\xca\'\x03\xd6/\x0fu\x83\xd1\x0c\x97\xb9\x1dE\xb3N\xe8\x0cPkU\xce\x87\t\x00\x00\\\x9eG~\x99Km,o;\x9a\xde\xd5\x1a\xbc\xb2\xbf\x00\xb4\x8f\x85IgdTu\xe9\xf4\x1a\x01X\x04\xc30\x0cU[\xb3\xcd\xc0\xdbG\xea\xe4\x89-\x7fBjT6U}\xb8As\xb8H\xe8\xbf#\xa0\xf65\x0b\x95\xc4\x13\xcfV\x00\x00 \x13\xb9\xf3\x9b8\xcd@\xfc(\xcc\x177\xad?\xf8\xec&lt;(%\xf7\xac\x07\x1f\xd1u\x146\x8dK\xd4Ynp:\x85\xa5\xd6\xed6X\x96s\xf3{\x8dy*&lt;\x1c\x1c#Z&lt;\xc1\x9a\xbf\xbfd\x8dz\xcbu;\xa5\xf3^ \xe6M\xd4\x0f\x03;\x00\x00pU\xae\xb2\xed\x9cA\xe2\xcb\x98\xdba}\'\xab\xc18\rS\x1d\x86\xaaQo\x81-\x10?\xfe\x93w\x88\\m\xacj\x8f\xfe\x13\\ f\x8f\xe6a0\xecV\xd5\x07\x86\xb9\xb2\x1bz\xfb\xbe\xe2\x97/\xb6\x0fP-x\xcbA\xbf\xbb\nm\xfdx4\xd9]\x07\x0e\x00\x00\xb8\x01W\t\xe8&amp;=\xff\xe6\xa3&gt;V\xb5\xfa\x03C\x82wyZ\xf8\xcd\x176~\x1fs\xdd^0\x0e\x86\xb58\xc6f\x08\x8c\xbb)\xd6)*\xc7]\xbd\xd2\n\x85\x00\x00\x00\xc0\x91\xe4\r\xde\xfdD\xae\x1f}F\xa6\xfb\xb5\xde\xab=V\xa5\x8c\x87*l\x0c\xc7\x1b\xa4|\x02P\xaf\tO\xd2\x1a\x16\xffw\xe0i\x00\x00\x00\xe7\xd3O\xfcw\xbc\x0e\xd6\x82\x97N\x00\xfa0f,\xdd\xd4~EJ\x17\xc5\xab\x86\xd4\xe1\xbc\xeeX\x05N\x12\n\xfb\x16\x0fd\x16\x00\x00\x80Sh9\xd0\xb6&lt;MQ\x8c\xe3Q\x8e=\xaaz\x0cuW\x94\xcfa\x8d\xaa\xa7J\xec\xad8\xbd\xe9s0\xae\xe2\xdbNF\xdd\x17n\x02\x06\x80\x0c.\xdd-\xfe\xec\xd9\n\xc0\x9e\xc0My\x8e\x918\xca\x0fk;k8:O\x89\x1b\x1cOr\xb9\xf1\x1d\xee^F\xcb\xd9n\x82\xbff\x9f3UboUy\xb2&gt;y\xdb\x0e%G\x95\xb6X\x8a?\xcb^\xe5\xdf\xbe\r\xde\xb9l\x00\xd0\x06\x11\xe9\xfeqonD\xe4\xba\xca\xc3\xe9\xc8\x1a\x1f(W$1\'\xc0\xcdr\xb0\x1a\xf0Z\xcdv[\x84\xe5\xb9\xa1\xa0\xd4vz\x1c_\xa7yW%2\x0em\xeaA*\x8b\x1d\x00\x00H\xe5B\x03\xb1\x85kk\x0f\'#\xd6\x8f{Nr\xb3k.\x93\xdb0\x0c\xa8\xfd\xf9\x9f\x8fW&amp;\x11\xe3$\xc9Yj\xdc\x89\xca\xd1\xbfc\xf3\xa1\xe8\xe1\xaa\x00\x00pK~\xff\xd9\n\\\x92\xbf|\xb7\xf0\xa7\xf2\x13?\xebr\x8fS\xcb\xd7/B\xe9m\xdc\xb7\'\xdd8\xc6=\x15\x15\xf2\xaf!\x07\x00\x00\xfc\\\xbd\xb7e8?\x83n\x0c~\x99\xc3\xe8xi\'0\x01h\x80T}dp\xd3\xaa\xb9F\xbds\x04\x08\x00Z3\xdd\xd7w\xb6\x1a\xf9\\X\xf5,j\x06.\xe9\xf7\xf9\xd5\xd7\xa1\x94\xc1\xfbgG\xdc\xfe\xb6\xc5k\xd1sM\x94&lt;\xa5\xf4$\x86\xf9\x7f\xb5\xa45\x82wr\x03\x00\xdc\x85\x88\xa7z\x87W\xfbz\x8ah\xfdT&lt;\xc0\xc0"h,\x18\xeav\x9c\x19^\xc7&lt;\xa8\xaaJ\x03/\x96\x00\xa7\xc1\x0e\x00\x00\x1c\xca\xa5w\xc6mO\'\x9c\xbe\x8f\xe2W.P\xf0}Y\xf2\x8f\xde\x8a\xfa\xc9r\x85\x1e\x03V\xeeO\xe5E\x1a\xc8\xf4,W_k\xe9\xdd\x03N{a\xa8&lt;\x00\xf01\xc6\xbb\x95\xa3\x93\xf9YkWBD\rS\x18\x9cg\x8d&amp;\x96l\xc0\xf6q{J\x8d\xc5~\x98G\xe3\x01\xb4\xe6\xfcG\x9a\x8a\xc8\x15\xfa"h\n;\x00\x00\x10C\xd5\xf5\xaa+\x0e&lt;\xc5\x8f\x87\xbbJ\xa1\xb7a\xc10~E\xf4_\xc2\xa5w\xbd \x8e\x84\xfa=?\xf2\xaes\xaf\x08.\r\x00pc\x88]\x16:y\xb2G;\x05\xeaK\xee\xfa\xa1\x99m\xd1\\\xe5jw[\x02\xf4\xc2\x1f\xaa\xf6\xe8O09{\x1a\n\x00w\xe1\x9075\x9eI\'oxM?J$\xd1]}|\xca\xa8\xf4\xb3\xaa\xea1\xc7\x9a\xf3Oz\x00t\x8f\xb7C\x93\xf9\xd4\xa5z\xcc&gt;\xa4)\x1c\x01\x02\x80:\x8c=\xf8\x8d\x9fC8\x17\xf0\x8d\xceV$\x95\xf8\xfaH\xab9\x11\xb5}3\xee\xb8\xe6\xfd\xa3\xab\xb8\xc9\x17\x86+\xde\xf5(\x1ayk\x90\xb7m\t\x00\x071\xb5\xa0c\xf7\x00.\xd6S\x01\x00\xc0%(\x1d]\xba8\x86de|FR\x9f\xba9qk+\x1b\x0eT\xa9G\xfa0\xc2\xe9\n@\x17\x88\xc8\xa7\x9c\xef\x8d\x97\x00+\x01\x00\x1c\xc4\xcf\xfaW\xab*\xbd\x7f\xa7\xe7n\xbdg\xdd2\xf9\xd0\x87\x8f6\x8ezo\xd4\xa3\xdb\xb9?\xba\xac\x91.\xa6\xa3%|\xf7\xd9\n\x00\x00@\x18}\x19\xf8}|?G\x8cI\xac(\xdf\x0c\x11Q\xef\xed\xa9\xcd\xdb\xdc\xc2\x98\xe8\xb4f\xe2\xa8ki\x17\x9d\xd1sO\xd5\xadbV\xb6\x96\x9cN\x15&gt;\xe9&lt;}\x00\x00 \x8c\xf7(\xc8\xf6\xa0\xc8GG\xbc\x0f\xb8\xe31\x15\xd2(\xa9\xcd;\xbb\x81\xc5,\x1f~\x8e&amp;P\x9f\xc3\xfc\xf6&gt;\r\xc4\xb8\x95h\xfa\xf3e\xeeS@\x00x "W\xbbo\xd2\x89\x1b7\x83n\xef\n}\xa4\x93\xe2\x9f4U\xe8mj\xb6\x8c\x92\x1a\xbfO\xeb\x80\xa3\x11\xc7\xe7\x03\xf8\xc0\x83z\xb9\x9bu\xa7\xe6\x00qD\xd1ne@\x00\xe8\x84\xa8x\xf7\xbe1\xf1\xc3\x84\xfb6\xe6;}\x1f\xb4\xf8[~\xa0l\x02\xf0\x886|\xc0"\x1b\x14[\xe0l\xcf9 k\xb9\xe2s\xc3\xfc\x1c_k\xc1\xecx\x0c(\x00\x94\xe0\xeab~\xb7\xfb\x91\x92\x1f\xd8H\x95\xab\xd0b$8lh\x89\x1e\x96\x0fZ&amp;&lt;"\x177\xbfE\xa9[\xdf\xcf\r\r\xd8&lt;\x1c\xf6*\xb5\xaf\xb7\xfb\xe6\x0f\xb7]^\xb8\xd2:\xa3{\xc3S\x88\x01\xa0&gt;\x8ft\xe8\xc5\x8a\x94\x9c\xdfhc\xba\xa3&amp;\x00\xb1U\x9fa\x9f\x0c\x9b\xfc\xac\x96\xddF\xb9D9\x99\x14\x1e\x01z\xc8\xe6\xf3\x80E\xee\x812\xb3\x1f\xe9\xab\xfaa\xcb[1\xda\xf0W\xfbi\xf8\xec\x00\x00@*\x11\x9d\xd7={\xf0\x85\xf1\rW\x99\x0b,m\x16f\xceX\xed\xf9vO\x15\x0f\xa9!\xc7\xe2/)\xa3\xe3\xafSZpr\xbc\xc3\x95\xbc\xea\xebQ\x97\xe7\x1e\xb5\xdc\x97\xe6\xc8\xf7;\x0ew}\xed\xef\xa0\x94\x12\xb9a\xc1\x00\xe0Q\x90-\xae$\xcf\xbd\xf3\x04\xa0\x16\xc7-\xaa\xed\xbe(X\x85\xd2\xaa\xbe\xe2RV\x81\xa8\xcd\xb35\xfaY`\x03\x000\xa0\x83\x02\x80\xab\x121\x018\xffp\xf6%(9GT!\xef\x9e\xea\xe8\x17m\xfa\xe4\x8d\x94\x8c\xafpiZx\xef\xf5\x1a\xc5\xb5\xb4\xbd&amp;\x1c\x01\x02\x80|\x9c\xdb\xc2\x8e\x1f.6\x08\xb5e\\AW\xe7\xcc\x01\x8e\xdc\xd3\x8f\xe0E\xdc\xba\xf4\xed3]\xe9v\xefsw\x8fBW\r\xf3`\xe65\x91\xb3\xce\xf4]\x95\xbc\t\xde\xe3\xfa\x19\x00d\xb3\xf45U\xc7*\xb9f\x8f$"\x99vhcFHs\xa4\x82Z8\xc6c\xc3\xb9hEP\xd7lD\x10@DF\xff\\&gt;$]\xab\xae\xd6\xc9d\x14\xf3a\xc9\xee\xc1\xd8\x01\x00\x80DZ\xad2^\xb2\xbb\x9f\x8d\xf1\xda\xe7\xaa\x11A\xe0\xb8\xd1\x8d\x0e\xd0\xe7D\xff\xd3\x1f\xd1\xc5\xdf&amp;\xfc_\xf19\xa6bUg\xab\xa7\x9e\xc2V\xf6\xcbW(\xac5\x98\x1e\x15\xff]\xa5\xd40\xfcpMu,T&gt;\xcd\x18\x13\xcb^\xbf\xa7:\x99K\x8e\xb8\x00p\x1ek\xaf;(\xffpt\xd1\x15\xfd\xe38t\x07\xe0\x7f\x8azI_.\xc6hZQ\xa5\x8e\x17 \xed!D|\xf0\x91Y(\x91p\x1c\xe7Nc\xb8\x8d\x8c\x0f\x16q\xaf\xfdwl\xff(\xe6\x02^U\x7f7\xb7\xe9!e\xf6\xd6C\x8bs\xdd]\x82N\x9a\xe4%m\x07\x00\xa7"\xea%\x94\xfa\xb9\xa8h2\xbf\x8f\x8b\t\x92.NoG\x80\xf4p\xb8\x13\x95\x9a\xb2/o|H\x91=\x84\xc7\\8\xa7Q\xce1ZD\x8b\xf8\xa7\x9bIf\x91\xfbKD\xc9-\x03h\xe8\x81\xa9\x19q\xfc,\x9eN&amp;\x00\x1c\x01\x02\x80(\xb4\xf3!\x83?\xfa_(\xea\xde\xce\xee\x1c\x93\x98-S\xfaRX6\xb5\x8fd\xd8\xdd\t\x1d=$\xb7\xa8\xa6\x17Mx\xb2\xeaF\xcfa~\xc4\xf8\xf8\xbf\xfd\xe5C\\k\xc2\xf7 \x93\xaa\xd1\xff=\x0e"\xfa\xb8\xd4\xe0\x06\x00\x0f\xcf]\x0e\x887\xe1F\xc6i\xf3$\x99KZ\xc6g\x8a\x82\xeavO\x14E\x8c\xa7\xec&amp;\x08\xbd\xcf-\x1cP\x81\x1f\xba\xac\x1b\xe0\xc6\x87\xc14\x04\x00"Y\xb6zo\xdao\x94\x1d:r\x9d\x1e\xe9d\xb7\xf7T&lt;\x0fJ2~\x1aG\xfd.luV\xc5m\x0e&amp;\xa9\xa8\xd5\xc2\xf2\xfb7\xae{\x9c\xfa^T\xbc+\xe0\xc27\x18\x88H\x8b\x03Et\xc5\x06\x18\x02\x00\xa0\x15\x17:U\xdf0\x04\x1c\xcf\x8d\xb9\'\x00\x06\x9d\x1b\xaa5\xa9\xd1\xbcu\xad\xf4\xc1m\x08u\x89\xe8\x1c:\x9a\xba\xbb\xd0&amp;\x00\x17\x9e\x1dU\x84{\x00\x00\x00Z1\xfc\xe9\xb35\x88#\xe1\xf4y\x06\xc3\x12\x8f\x1e\xbe\xb9\x7f\xc1\x83\x04\xa9\xb1;\xb1&gt;\xb4a\xbfx\xe1iM\x17p\xc2a\xa0\xb1\x00\x00T\xe7\x82\x91\xd6a\\\xe2H\xeb\x01J\xdaN\xf7\x1aG\xde{\xb7\x92FKU3\x0e\xf4\xcf\x06\xbc\x84\xb3A\xf7\xc83\xf0"\x00\x00\x08\xa2\x87\x1d"\xf2\x0e2\xedQ\x00\x00 \x00IDAT\x8a\x0c\x1eW\xa5a\xc5Y\x83\xdakF\xff\xcd9 \x8e\xff\xca\xe5\xb1A\xb4\xd6{A\x85\x02\x00\xc0AL\xf1\xca\x11k\x90\x8cmW\xc5\xb5\xaa\xcd\xa2u.%v3\xf6^\xe06P\xa7Ux\xfb\xb3\x15\x00\x00\xb8\x02D\x12}\xd2U\x8d\xe0!u)lt\xeb\xe5/G\xa5\xdc\x07\xba\xe2*`C\x00\x808\x8e\x1eu\xe8\x9a\xafH\x9b\x97\x0c&lt;(\xeb\xfa\xfd\xcff[\x95\xea\xe8\x8c\xa8.\xf4\xfd\x02\xe7\xe5\xe6\xcd\xd8|-\n\xae\xcd\xc8\xadK\'\xecS\xabX.\xad&lt;\x00\x00\x00\xb8\x19\xa3\xffw)\x99x/\x17\xb2\xde\xd9\tg\xd7\x82\x88\xa8\x8fl\xa3\x83\xe1c"J\xbd\x80\xfb\x7fZP&lt;\x03\x04\x00\x00\xb8-\x9c\x94X\xc1\x14\xddpn-4\x0c\xc7\x1d&gt;\x86\xd7\xb5 \xca\xaa\xbc\x07\x00\x002i\xbd\xcc\xc0a\xd6t\xbe\xedl\x05.\xc4\xa0\x94\x1a\xfe\xd9\xd9Z\x049\xc4\xff\x87a\x18~\xe2\x80|\xa0\x84\x03&lt;a\x18\x86\xe1\xd8\x87\xfa\xf3`\xfe\x16\xd5\x8aU\x01\xa0!\xbe\xe8&lt;g\x19\xc9\xf1p\x98{L\x00\xf4\xb28\xcaU\\L\x8f\xb9\xd6/ob\xcf*\\\xc4\x14\x97P\x12\xca\x98\x9f\xc7\xea\xf4\xc9\x17\xbaA\xcb\xbd\xba\xfew\x83\x1d\x00\x00\xc8A?&lt;\xbc\xffq\xf9O\xfc}\x9f\xfbD\xe3[\x1b\xef\xf1\xea\xc6\x887P\x16\x97s\x98\xf0\xc8\xbe|\x08Q\x95\x8b\xb8\xd65\xb4\x84\x12\xc2\xeb%/p4\xed+qu\xfd\xef\x06\x13\x00\x00H\xe4w\x87\xd6\xa2\x96\xf8_D$j\xd9\xc71\x8b\x90A\xa9\xdb\x0c\x1bKt&gt;x"\xf5f\x99\x1b:8h:?H\x12~\xccLeo\x8aF\xf9\x16?\xa9\x13\xe0\xd2\xe0\xc6\xfdq\x93\x91\x15\x00\x0ec\xdf\x8f\xefc\xca%MA\x98+tP\xf7@w\x98\x18\x7f\x10\x91\x93\xb6~D\xa4\xc4c\xebS\xa3\x1dA\xf7l\xbb\xd4[\xd6\xf5X\xc4[\x16\xad)\x1e\xbb\x95\x9b\x94\x1d\x00\x00Hc9\x993\xae&amp;[\xbb\x9f\xb1S*\xeb\xee\x19*nB\x92\x1bL\xb1\xd0|I\xc6\xaaa\xc1Bch[\xe6\xe8ULVL\xef\xcc\xe2K\xb7\x8f\xfe!\x9b\xa1\xa5K&lt;\xb1\x91\\\x00\xb81Z\x97\xe4\x98\x010\x90\xcd\xb0\xf4\xa5\x94\x1a\x86!.t\xaepct;S\x8f\xda\x88H\xd3\xda\xd4\x1c\xe6\xc1\xbd\xe6\xe6&lt;Z\xed&gt;Xq+\xd1\xd2j\xec\x00\x00\x00\x9c\xcd\x03\x9c\x8e\x8d\xbb\xed\xc18\xfbSr~\xac&gt;\xc3\xf3\x95r\x1ex\x93\xda\xf9\xde\xdf%`d]M9-Fn\xfe\xde\xa8\xc3\x9f.\x1a\xcbu\xef\xb1\x19\xde\xb9\xd4az\xac\x0f\x00\xe8\x9fy\x9dR\xd1\x8d@\x7f\x9cr\x03\xc9r|\x89\x16\x01p\tD\xc4\\ux\x1c\xd8\x01\x00\x00\x80\x9bq\xcap\xee\x9b\r\'-4\xb6{\x1b+\x00,\x88\xfe\xc0\xea\xc7\x83\t\x00\x00\xe40\x9f\xe8(\x88\xb4\xae\xb9\xf1\n9\xf4T\xd7/\xddL\x99a\x18\\K\x89\xf1+\x8c\xf3\xdb\xe2j)\x05\xd0?ozJ\xaeK\xa3\xbc\xe8) \x00\x80\x8bB\x9f\xfb\x10\xcc\x8b\xdf\xbdTw\xb3\xc1&gt; 62\xdfs\xccE\x00\x04\x0f\xc9\xd4\xdc~\xf2\x11\xfd\xff\x11\x8f=\x01@1\xa2\xd4\xc0\xf3m \x0e\x0e\xc7\xc7r\xca\x83\xffi\xc8p/x\x87L\x14\x1c\x01\x02\x80\x0c\x06m\x85\xf2\xa5\xc6\x7f\xb4\xb7\x96&gt;\xe2j\xca\xc1\\\xea\xe1\x15\x19\xef=\xbeJ\xd1\x0c\x1a&gt;Mem_"J\xbdh\xa3\\\xa0\x05\xf4\x8a\xc7B\xf4\x1f\x05f\x02\x80L\x8c\x85Cm\xf1R\xd1\xb7@\x01\xf3\x8e\x81z\xc4\xa7sX\xdf3\xc0+\x81/\x8dk\x8f\x85\xbd\x178\x11v\x00\x00 \x93\xed\x93\xdd7\xaf\xb3&lt;A\x9b\x93ay\xaf"\xf3\x94R=\xe2\xd9t\xa2\xc1[b\xa9\xd6\xc7\xf3m\xe8\n&amp;\x00\x00\x10\xc3{\x86\x12L\xe3\x9b\'|\x11\x11\xa5\xbe\xab\x9aF}A\xd4V\x93qj9\xbe\x0c\xf7l]\xaa\xe3\x0b\xfb\xaet\xb0\x0b\xa2\xb1o\x8a\xde\xcf\xb5\x9d\xe0\xd3\x00\x00\xb7E\x82\xa7\xd29\x08\x0b\x0f\xcc\xe4\xf9\xc1\x00\xdf\xd2L$\xdc\xb8\xa0[|\xfd\x1eu\n\x00\x00\x17\x87\x00\x05 Dl\x1c\x1fLC[\xbb\x00\xc2\xcc\r:\x86#@\x00\x10\xc49\x86\xe9\x8b[\xdd\x1f\xd6x\x9d\xac\xabjEl\x8f\xc93\xcfV\xa03\x9c/\n\xdb\xa5+M\x00\xe7B\xdc\x0f\xbdC\'\x02\x00\x01\xfc\x8f\xb0Xh\xf4\xcc\x96\xd4\x07e\x88\x88\xf5\xc4\xad\xeb{h\x04O8\x81\xc7\x86\xd7_(\xa5\x94\x12\xe9\x7fq\xe81a\x07\x00\x00\x02\x0c\xafb\xf9r\xbf\xbe\x95\xbb\xde\x15\xb8.\xfe\x19\xf2\x117!\xa8\xf91\xea\x97[\x9c\xbb\x98\xce\xe3t\xeb\xd1C\x9f\x10\xbc:\xe3\xd6\x8c7\xb1?v\x13\x98zd\xf9\x01\xf6C\x00\x00.\x85\xef\xf0\x8fAV\x10S\xf3\x8c\xecV\x99\x85\x8f\xd0\xbf\xff\xcek\x8eC\x9c$\xf6rU\xcb8&lt;\x16\xe0vt\xe2\xe1\x9d\xa8\x01\x00\xd0=\xee\xc8\xde2\x01\x88\x12\xe7\x92RAY\xeb]w\x15f)\xe7s\xc7\x18\xf1\x07\xb2\xae\xba\x95\x11\x98\x00\xc0\n&gt;p\x00\x18\x19\x00 \x1eW\x80\x92\x13X\xef\x0f\x0e\xf9\x02\xa0\xbf\x92:C\x08%\xfe(\x82\xadN\x98*"\xbd.\xeeT}\x0f\x1f\xfd?l\xc1-&lt;\xb0\x1b\x9c@\xb3v\x97\xd3\xa7\x01\x00\xf4\x8b\xb3\xaf\xfc\x0eQ\xea\x17\x93$\xed%{&amp;\x18\xd3y\xfd\xe8.5\x18Q=v\xbc\xd5\x11\x05\x1b2\xf2Bw\xa8\xc1\xcc\xe2\xe3\xc0;nb\x8d\xeb\xeeO\x1eCe\xb7o\xd5\x88h\x9e\x00\x00.\xb6\xfdc\xddE\xd0\x18Qt\xd0\xdd\xf0\xb0\x15\x91\x7f\xf2\x87\t\x00&lt;&amp;\xb8}u\x9ex\xb6\x02\x00\xf0X\x88RJd|8F\x9d&gt;]DR\x9e\xb6\xf1\xe8\xcf\xe5\xe8\x88G\xac\x08\xdd\xe73\xca\x8f\xf7\xc2c\x82\xe7W\x87\xc7\x80\x02\xc0\x06\xc7\x12\xa3\xb8\x7fJc\xea\xc7\xb7\x0f\x89/\xea\xdb\xb5\x07\x85\x0e\xf1\x0f\r\x85\x9b\xf0jg+\x90\x80\xd9|\xb6\xbe*"\xea\x1bX\xe6\x04\x80#`\xa4\x04\x80\r\xe2~\x7f\x93\xe7\xa7\x16\x8a\xd0A\xc1\xcd\xd8,\xff\xef\xa3\x7f\xdb\xf7\xb7FD\x1e\xaa\xbcJ-\xbd\xa8\xba\xc0\xbb\xd3\x0fD\x94L\'\x02\x07\xed\xff\xd0\x14v\x00\x00\xc0\x82u\xa5\xff\xd8\xf5\xf5s\x07\x80\xf5\xe9F"\xf2G8~\n5\x1846?\xfc\xde\xb6\x0e\xd6\xeb\xf9\xe9\xe3\xdaxo\x16\xe8K\x9b\xf3Y=A\x14\xd6\xa9\xc0\xdf\x89px\xe6X\x00\xb0\xe1!W"\rDd\xea\x1ceZ\xa7\x8b2\x85\xcc\xf76\x00$2\xad\x80&gt;\xde\xc2\xf0\x11\x1b}],\xba\x8b\xa8a\xf0l\x01\xdd\x8b\x9cje\xe8\x01\x008\x13\xed\xf9$\xbfb|\x7f\x96J\x07\xc3\x83V\x00\x1ap^\x9b\xca\x7f\xe6lU\x05\xd6\x87?\xf5\xde\xbd,\x1afi\xab_\xd2{I\x1f\x19\x8e\x00\x01\x80\x8b\xf5)ac\x87\xde\xff\xb8\x95\xcc\xf9\'\x9d\xe0V\xec#\xbcK\x04|q\x94\x15$\xe2\xd2V\x86\x9aZ\xf4\xc9\x8dz)\xdb%\xba\x97\xec\xba\x98\xaf{\xe1\xfb8\xfeMa\x02\x00\x00\x16\x8c!\xaa|\xc0\xea\xf057\x0cO\x8fJ\x97\xd5~\x05g,\x89\\c\x8a7\x0c\xc3%\xec\x90\x8cv\xe3\xc7%\xa2\xff\x91\xbc\xa7&gt;\xcc\xa9\x93^\x10\t\'\xc0\x04\x00\x006\x0c\x83\xb5\xc7\x1f\x1c\xdfG2n \x94\xe8U\x91\x92U\xcc^\xca\x00y\xcc\xab\x92m\xebQo(q\x1bJ\x97p\xacC"W\xbb\xad\\\xe6Y\x8f\xd6\\\xc2\x84W\x89\xfd\x87\xe1\x17&gt;f\xfc\x90u\xf10\x0c}\xce\xb2A\xe7*\xde\x08\x00\xd7d\xbb\xca~\xfa\xeaW\xf1}f&lt;\x9c\xb4="j\xf8\xb5J\xfd\\+\xe9\xa2T\xca\xbd\xdd%\xd9\xa4\xb8\x19\xae\xe5\xc4e\xcc\xfd\x1e\xde\xe9=\x0c\x8cpGo\xff\xb0\x03\x00\x00\r\xe9m\x19\xa8 \xee\x9f\x04TS\x05\x1c\x88R"\xff+qA7\xed\x80Y\xeb\xe8?\x8b\xde\xf4\xb9\x00\xfacU\x87\xf6\xb1\xe6\t\xfb\x0cW\xd8\xd6\xb0B\xd8\xdf?L\x00\x00\xa0\x15\xda"PGw\xd6fi\xd2\x85\xe6:\x1d\xdeSQ\t\xd9\xfc\x13yMB`6\xd6}\xf3\n-;2\xd7\x1f\xa7\xde\xd19[\xd2\xab@sk\x8f;G\x8d3\xd9\xe7x1\xc9\xc7\xc8\x87\n0\x01\x00\x80Vh\x01\xd0\x90?$\xfc"7\xeb\x9a&lt;K\x96{*\x9e\xb9~{\x13+M&gt;\x93\x14=\xa7M\xea\x86\x02oL\xe0\x98\\\x0e\xe2\xf4\x92t\xf0\x18\x9f\xa3\x1f%\xd4\xacAOo8l\'\xbd\xe2N\x89\x88(\xf5\xf4:\xb2\x00\x00\xa0:\xc1\x18=u\xc5zI\x7f\x95\'g7\xc6,&gt;6)\xe1 \xd3\xdd\xa8\x82\xae\xedo\xd7\xd4\xbc\x91\xc1s{\xd4\xd8\x0e\\\xb6\xe4\t\x99x\xb7+{\x1d\x00\xc0#P\xbb\x9b^\x07\x8f7\xaa7\x01\x98\xe5\x84\xe7*\x8c:\xdd#\xea\x0f$\x9e\x12\xda\xd4i\xf3\x03Tq^\x84\x9b\x1d\xc1\xb7&lt;dsv\xf5uZh\x9e\xb6"\x13\xb7\xb0o\xc4\xff\xb2\xff%&gt;S\x9e\xd5\x0c\x00\xf0P\xac\x0b\xff\xd3\xdf"\xea\xab\x98\x00\xc0\x06\x11Q\xea\x13S\x92o^\xce\xd5B%3\xbf\xdb\xde\xa7\xd1\x13\x874\xd5o\xbaZ\x87\xe0Z\xe6\xdf\x86\xe6i\x85\x8a\xea\x18\xc7I\x82-w\x97J\x00\x00pO\xe2\xd6\x8d,|T\xf5\xf7\xc9;7\xa6-\xa9\xea\xe4xY\xeeg\x01}&gt;yL\xe9\xee\xe8H7+\xce\x9d\xf1\</t>
        </is>
      </c>
      <c r="E416" t="inlineStr">
        <is>
          <t>&lt;class 'numpy.ndarray'&gt;</t>
        </is>
      </c>
    </row>
    <row r="417">
      <c r="A417" s="1" t="n">
        <v>415</v>
      </c>
      <c r="B417" t="inlineStr">
        <is>
          <t>steps_per_sec</t>
        </is>
      </c>
      <c r="C417" t="n">
        <v>4700</v>
      </c>
      <c r="D417" t="inlineStr">
        <is>
          <t>3.0951076</t>
        </is>
      </c>
      <c r="E417" t="inlineStr">
        <is>
          <t>&lt;class 'numpy.ndarray'&gt;</t>
        </is>
      </c>
    </row>
    <row r="418">
      <c r="A418" s="1" t="n">
        <v>416</v>
      </c>
      <c r="B418" t="inlineStr">
        <is>
          <t>Loss/RPNLoss/localization_loss</t>
        </is>
      </c>
      <c r="C418" t="n">
        <v>4700</v>
      </c>
      <c r="D418" t="inlineStr">
        <is>
          <t>0.15638094</t>
        </is>
      </c>
      <c r="E418" t="inlineStr">
        <is>
          <t>&lt;class 'numpy.ndarray'&gt;</t>
        </is>
      </c>
    </row>
    <row r="419">
      <c r="A419" s="1" t="n">
        <v>417</v>
      </c>
      <c r="B419" t="inlineStr">
        <is>
          <t>Loss/RPNLoss/objectness_loss</t>
        </is>
      </c>
      <c r="C419" t="n">
        <v>4700</v>
      </c>
      <c r="D419" t="inlineStr">
        <is>
          <t>0.024816666</t>
        </is>
      </c>
      <c r="E419" t="inlineStr">
        <is>
          <t>&lt;class 'numpy.ndarray'&gt;</t>
        </is>
      </c>
    </row>
    <row r="420">
      <c r="A420" s="1" t="n">
        <v>418</v>
      </c>
      <c r="B420" t="inlineStr">
        <is>
          <t>Loss/BoxClassifierLoss/localization_loss</t>
        </is>
      </c>
      <c r="C420" t="n">
        <v>4700</v>
      </c>
      <c r="D420" t="inlineStr">
        <is>
          <t>0.19058892</t>
        </is>
      </c>
      <c r="E420" t="inlineStr">
        <is>
          <t>&lt;class 'numpy.ndarray'&gt;</t>
        </is>
      </c>
    </row>
    <row r="421">
      <c r="A421" s="1" t="n">
        <v>419</v>
      </c>
      <c r="B421" t="inlineStr">
        <is>
          <t>Loss/BoxClassifierLoss/classification_loss</t>
        </is>
      </c>
      <c r="C421" t="n">
        <v>4700</v>
      </c>
      <c r="D421" t="inlineStr">
        <is>
          <t>0.10341133</t>
        </is>
      </c>
      <c r="E421" t="inlineStr">
        <is>
          <t>&lt;class 'numpy.ndarray'&gt;</t>
        </is>
      </c>
    </row>
    <row r="422">
      <c r="A422" s="1" t="n">
        <v>420</v>
      </c>
      <c r="B422" t="inlineStr">
        <is>
          <t>Loss/regularization_loss</t>
        </is>
      </c>
      <c r="C422" t="n">
        <v>4700</v>
      </c>
      <c r="D422" t="inlineStr">
        <is>
          <t>0.0</t>
        </is>
      </c>
      <c r="E422" t="inlineStr">
        <is>
          <t>&lt;class 'numpy.ndarray'&gt;</t>
        </is>
      </c>
    </row>
    <row r="423">
      <c r="A423" s="1" t="n">
        <v>421</v>
      </c>
      <c r="B423" t="inlineStr">
        <is>
          <t>Loss/total_loss</t>
        </is>
      </c>
      <c r="C423" t="n">
        <v>4700</v>
      </c>
      <c r="D423" t="inlineStr">
        <is>
          <t>0.47519785</t>
        </is>
      </c>
      <c r="E423" t="inlineStr">
        <is>
          <t>&lt;class 'numpy.ndarray'&gt;</t>
        </is>
      </c>
    </row>
    <row r="424">
      <c r="A424" s="1" t="n">
        <v>422</v>
      </c>
      <c r="B424" t="inlineStr">
        <is>
          <t>learning_rate</t>
        </is>
      </c>
      <c r="C424" t="n">
        <v>4700</v>
      </c>
      <c r="D424" t="inlineStr">
        <is>
          <t>0.039925132</t>
        </is>
      </c>
      <c r="E424" t="inlineStr">
        <is>
          <t>&lt;class 'numpy.ndarray'&gt;</t>
        </is>
      </c>
    </row>
    <row r="425">
      <c r="A425" s="1" t="n">
        <v>423</v>
      </c>
      <c r="B425" t="inlineStr">
        <is>
          <t>train_input_images</t>
        </is>
      </c>
      <c r="C425" t="n">
        <v>4700</v>
      </c>
      <c r="D425" t="inlineStr">
        <is>
          <t>[b'1024' b'1024'
 b'\x89PNG\r\n\x1a\n\x00\x00\x00\rIHDR\x00\x00\x04\x00\x00\x00\x04\x00\x08\x02\x00\x00\x00\xf0\x7f\xbc\xd4\x00\x00 \x00IDATx\x9c\xec}y\xfc\x7f\xcfT\xff\x99\x8f5\xbb\xac\x11\x91\x94=\x925Q*Y\xb2\xfelQ\x96_({~(Z\x84\x8a\xb2\x86\x14\x89\x88(\x14\x12\x11Y#\x94-E!\xd9R\xb2e\x0fq~\x7f\xdcm\x9633gf\xce,\xf7\xf5~=\x1f_\x1f\xef\xd7}\xcd=\xfb9\xb3\xde\xfbR\xc0\x07"\x00\x80R\xd6U\x00E\xb5\xf6\xd1@\x00P6\x91*\x98xM\xe0p\xd4\xdb\xeb\x08\xdf[\xae\x91\xcb\xb7\x8d}N&amp;\xa8\xa8\xd8\xae%Y~\xbd-\xc7_\x9ehS\n\xf4\x84*b\x91\x89\x89\xa3\xea\'@\x1c\xa4\xf1\x14\xb8\xd5\xa9\x114+M\x1fA\xfb\xc8\x12)\xa1X9\xca\xff!\xc0\xed\x13\x14\x9f\xef\xcf6\xd7\xb7 ~l\xb0x(\x85\xdd\xb5!\\\x14\xe0\xdf\x00\x10\xe8.\x01\xa6\xe6\xf5,`\xe4`\xc2mfh\xec\xc6G\x9a\xdc\x96\xccffuV\xa7\xe5\xe8%,\x83\x0b\x9fTNH@M3j=)\xd4\xab\xc6\xb6\rF\x88\x8d\xb9X\x0c!I\x02N%\xb4U\x8a\xf2(W[D\x9c\xf3\'\x81\xa5 \x02\x95|\x86R\xf7t\xae\xa8h\xb6\xab\xfb3\xe2\xfcsq\xeeG\x08b\t\xb6d\xb3\'\xdd5E\x87RgI\xe5\xb2\xde\xecF\x17\xe2,\xfc\x9a/\xb0\x14w\xebb5\xa8-G\r^8\xff{\xc6A\x83\x19\xd7\x7fzBm\xaeU\x8a_\xed\x12F\x15N\xd4\xdc\x9eq\xab\x13S\x80\xfe\xc1D\x18\x1f\xcb\xb8gp\xd8]\x9b\x82\x7fS\x00\xca\x97\xa4\r\x04\x82\xc9;\x89\x0e\xd2%\xdd\xd30\x84\x15\xc0\xf5\xc5\x88\xa1S0\xc4\xe1\x95\xe9\x89\xe84k1\xfa\xaf\xcb\xc7\x84\xbaZCf\x1eLu\xb5~\x84N\x05\xe1K\xd5\xf9$\xe0\x83\\\xad\xb7\xfe\xa7]*;\x9d\x1e\xfb\x1eaA\x1e\x1b!\x88&amp;\xa2\xf4\x9a\x0c\x04w\x8c\xd9&gt;\xff\x870\x91ig$\xae\n\x186\x89\x02\x86\xe1\xb6+\x16/S\xb2\xf53\x9cQ\x17\xef\x01\xcd\xe4\xf1J&amp;\xe9\xbb|q\x04\xa6\x1f\xcf\xe0SHS\xdco\xaec\x19IE#\x8b!"\\%\x8f\xd7\x1e\xdd:W\x18\xeb\xea\xc3\xb4\xe2\xc3$\xf4\xbe\x84\xd8n9\x1a\x91AJ\xd1\xdb\x1a\xbc\xa2z\xa67\xad\xc3\xdd\x0b~\'a\xc2\xe1\xda\xa7\xa4\x8f6\x01x\x9d\xee\x89\xf9\xefG\xa5\r\xc8\xc4eBD\x80\x8b\x86\x1b$\x85\xd1M\xc6\x08\xfd\x81\xe1M\x03\xd2\xd4\xd76\xaeHL\x00\x12\xbdC\x96u+\x18\xda\x97\xbc\x80Tm\xaa\x9e\x8fx@\x98\x07\xf5\xc8\x8b.\xc9\x98\xee\x88\xa6\xbe;\xa2\r\x1c?\x1e\x92g\x93\x03\xd5\to\xb4\xae\xbb-\xe5\xa5\xae\n\x8f\x82\xe1\x86R\xbc\x19\x12\xb51\xe98\xbec\xf9B\x90]\\\x8e!\xcc\xe2`\x96\xac\xaep\xf8\x1a\xc2\x19\xd2\x1c\xd3=\x1d\r\x8e\xe6\xf9srA\x98\xba\x86\xf1s\xe8\xb8\x85\xd4\n\x1b\x04\xf8c\x19\xf1\xb2\x05\xa2P\x9b{\xaa`\x95\xe4\t"\xc7\xdd\xa5,\xd3u7[^\xabP\x00\x97\xb4$\xc1#x0\xfd\xae\xfb\xf7\\mEp\xebU)^\xb9\x92\xcd\x9d\x00\xa0u\xa4R#\xd5\xb5\\\xe4\x83\xd4%\xdc\xae\xf6\xc0\xd4\x11\xe9#U\xd9\x8d\x86\xc5\xc8\xef\xa8A\xda\x1cm\x86X`C\x8f\xe7\x80\x92L&lt;\x03Qc\xf4|9\xb2\x13~\xec\xe1E\xf6eM\x002f\x17]\xa1\xc7\x9c\xf7\xeb\xc62\xc5`\xf6\x07\xd3\xf4\xec\x1e8o\x1a\x08\xd8\x7f\xa5S*\\\x0e_a \x07\xbe{\n\xe5\t\xd8\x01\x9d~\xdd\x90\xe7\xd2\xa3\x85\x9c\x8d\\\x17\xd3D\xd81\xa35{WFt\xc5I\x8bF\xe0\xe8N\x1c\x03w\xd3\xfd^P=\x8aP\x8do2M\x7fU\xb0%\x9c\xfe\xfe\xf4p\xdd\x93\x05\xb4\n;3\xdf\x8d6\xf5\x8f\xa6\xbcq\xcb\xfd\xc1\xed\x99\x05\xf9\xe2\xc6c\xa9y0Z`\x99\x81a\xa1\xdd\xc3\x13\x93L\xf3\xb3\xe1\xa6\x80\xc1\x07\xc6\xd1\x12r\xbd\xb5\xed\xa3\xdf\x86\xc4\x1ak[\xbcB\xe2\x1d\xdfd\xc2\x03"\xceB\xbaAF=\xd2\x8a\xe4\xf5\xbeX%?7\xc0\xa7\x942\x9dX\xecPD,\xf3#"\xe6\xc6v\x92\xf0\xb3\x19\xd2yi\xe1J\xddk\x05F\xdc\xfbKH\x91|8\xef\xe0\xb20Z\xbcYH\xb6\x0f\x8fN\x94\x9a\xde&gt;\xf7mW\xe0\x0b\x15\xa3\xbc\x17B\x13tpW\x0e\x805\x8b\x95\xf6\xa9\xb5\xdd\xb2C\x8bC{\xa2\x9a%\x0b\x815\x86\x97\xbei%&gt;\xbd\xc5e\xa8x\xd3+\xad\xfdZ6\xeb\xba\xf7\xce`3il\xc3\x83&amp;\xec\\\\\x0c\xe0_\x05\xc9\xd9f\x84&amp;\xaa\xf9C8 @\x9e\xa8)o\x01*\xc2\xdd\xa7\xff{\x0c\x10\xeaah\xff\x82\x1e\xfd\xc3\xbc=\xd2hNf\xf1Y?\n\xc9\x10}w\x83a!J\xbcF\xd3\xd3\xf9\xc8\x0c\xc0kh\xad]\xc7\x12\xc3\xbaA\x16\t\xd4_L\xa3\x7f\xd0_y9m\t\x90\x8a\xb0\xe9&amp;\xbd\xfd\x85&amp;P{f\xab\xc7\xd1\x12\xc3|\x1d\x83o\xb9\xa16\x04"\x92\xcc792\xb4\x7f\xe5F\xc8\x0e\xb5\x16\x81\x84\x8b\x18\x83Z\xc1\x94#\xd2\xe0\x8a\x00\xb3\x89\xec\xe5(\xbe\x8e\xd8\xfb\x95\x1e\xf9HZ{\x13g\x0e\xe0}\xb7Xm\xac\x1c+\xb0N-\x86t\xe3I.\xf5\x18\xd0G\xff\x1an\x85-\xde\xe2\x92\x8ak\x87\xbf\x0e\x18\xdb\x8a\x826a\xb9\x0e\x0f\x84\xead\xf2zv\xd6\xe8\xffa\xd4!1\\\n\xbe)P:\xf5\x0cX\\\xd4?\xb2\x04Po6?_E\x80\xb5\xf3uA\x17\xb8\xf5\x04/\xc4(\xc2D8-e\xe1\xe3\x9b.\xc3\x97\xc3\x0c\xfc7^\xc7\xa7\xb2\xdb\xcb\xd63\x0e\xc3q\xae\x0c\xe8R\xf8\xbe\xe9\xab\xd7\xd2\xb3\x08l\xb1k\xe9a\xec\xda\xadm\xa4\x15 EB\xaf\xfb,\xbc&lt;G\x8e8Y\xa2q^aI\xe2\xc5\xa1\xe7\xd2\x06@\x80\x07\xcd\x7f\x8b\x84A,w\x8a\xa8T\x9b\xa5\x04\xcckp_\x8e\xd5\x95\xf9\xa5\xe22\x01[\xaa4{\x8a\xc6!\x1f\xba\xd9\xc7\xafQm\xe0\xc9\x08\xddD\x84\x9b\xee\xd2^P\x06\xec\x08L\x8a\xb1\xdae\x81\xe4)E\xa7I6\xb9\x85*\x82\xfaf$2\x9ag\x8a\x80\x90\xe4\x8d\xe6\xc5\xa8\xa1\x0b\x9d\xa1\xdd\xcb\xb1rT\x8a\x04aD&lt;W\x1a\nW\xd1\xfd\x1a\x102"\x00\xb9\xc2\xaa[#\xd58I\x88{\x0e\xd1\tD\xcbPf\x03_\\\xf6\x19p\x93n\xadbIi$\x877/\x9e\x11.\x96\xa7{n\x9ad\xb3\x91\x8e\x19C~\xe9\x9c\xf2\xe7N)\x05A!Iv\xb1o\x89\x1e\xab\x92Hy\xe0K\x95\x1a\xc06\xe5\xb3TU\xd9Yg9N\x00,\xd8\xee[\xad\xb4\xb5\x18\xccb&gt;a\x0c\x15\x12s\xcaj?\x94\xbe\x114\xa8\x1en\x99\n\xe33\xdb\x90\xa6*n\x17\x903t\xdfU)\xd9\xae\xe4\xf3\xfe\x87\xb6+\x97d\xc4G\xa134!\x08\xcb\xf2Y\xe4\x84\x05"\\\x0bQb\x88`rO\xa2\xf6\x19P\x08\x17\x88\xccm\xb2b\xcb0H\x8e}\x12\xd91\xf3f\xb16\xa1\x94\xd3\x86\xd0e\xc2[\x86\x19:\x0c\x8d\xac\xc8\x89\x85\x8a\xcfG1\xfc;\xc6(\x13\xbc\xf2\nkV&amp;\xa6S\xe6\xaa\xf3\xe1D\xf2N\xca\xb0\x15\x89\xa4\x1eM\x87\xba\xc8d\xeaU\xdf\xf7\x80\x9a+R\x1b&lt;/\xf8\xed%\x12\xa5\xe2\x8bMz\xa1\x1e\xe8\x9e\xf4\xfb\xd6\x01J\xca\xbc\xe5\xad\'\xa2\xc6\xe2]\xbb\xad+1\xe1\x91\r\xe9\x0e\x97\xa9K\xa74\x94\x02\xc2m\x1a\xad\x1f%\xa1\x9eHa1\xff+\xb6i\x19\xb8=\xc2\x81W/\xec\x12\xcf\xcf\xa8E\x08b.\xcb\xa4P\x0c\x99\x81B=\xb1K\xc8""\xc0M52\xb9\xe2\x89\x8fB\x90\x88\x13\xbbM\x90^\xa6"\x07\x88\x80kJ\xacd\xbb\xc6\xedr\x00\x10\xe0\xffZSM\x9aV\xba\xfb\x88\x98\x19\x00\xba0\x1cu\xd2\xc25\x945|\x01\x13\x88\xd0\xcdR\xcc\xee\xa1\xbc\x0e7\xbd,\x01\x11\xe06l\xbd\xca\xe0\x99\xcaZ"\xa5[;\xce\xb7\xc0\x959\xdc^\x1b\xf2?W\x80f\x02\x1f\xc1@h\xf4V\x12]\xb9.\x1e|\xbed\x80Y\xc4\xdc\xbb\xf2PC\x05\xa6\x94U\x18dy\xda\x15\x08\x01n\xb4\xfd\x8d\x08\x97\xdfM\x00%\xa2\xc6HE\xd0\xc7E\xbb4\x19\xb9\xe4I\x12c\x8d\xca\x9cZ\xd0\x8c\xfctZ\x02\xb5\xff\x02\xad\xfaT\x81\xba\xd6\x08\x94&lt;V\x11\xe4\xb41q\x9a\xbe\xbef\x81\xa3\x11We$\x16n\xd3,FI\x15&amp;\x12\xe2\x97\xc0}P\xefl\x98Tp\xb5@\xbb\xecT\x08\xb6"W\x16r\xf298\xaa`3\x99\x8f`\xa0\xd6\x04`\xa5\x92\x12\xf0OXC+\x89Q\x0f\\/Q;c\xc8z\x7f\xde*\xa4a\xf9\x7f&gt;\x9c\t\xc0\xfc2G\x99Wj\xa2\xf1:\xbfU\xd6\x93\xf7*7\xcc{\x87\xa3\xee\xdc\xb6/9%$\xc8\xf1\xdar\xff*\xbb\x1b\xae\xb3^\x1a\'\xce\xdb\n\x1aZ\x03A{\x1d\x84\x9f\xef,h\x85w\xdeE^\xf2U\xd5\x14\xae\xf9\x95\xbf\xac\x92\xbaor\x02\xf7\x8dimT+\x01G)v\xb9C\x08N\x1e}Fp\xe8{\xfb\x02\xdf\xdbx9\xd8u\xadf\xba@\xb2\xcb\xa3\xb8\xaf\xa8\x14\xcf$#\xd2\xc3\x11\x01\xa8\xb0\xd0M\x87\xf9\xef#&gt;Qx\xeb\xfc\xfa\xab|&lt;\x1f\xf0\xff\xcc]\';y\xd3Ru\xe9\xae\x12n\xd8\xeeP\xceE\xbaO\xec\x10*\xc6@\x02"\x02\x18\xe3\x13\xa6\xa8\x84\xf9;\xbc\x9c\xce\x18\x19Jr__\x03*At\xe9\x99\x96O\t\xaf$K\x9f\xa1\x8e\x86E\xf8\xff\x9d\xbc\x95\xa1\xc8\xb3@wC\x0bKH\x1b|\xf5\xb8R\x00*4\xeaX\xf4&lt;\x1d\x80\xf6\xc8Kh\\$#a\x0c8\xbd\x0c\xfa\xa2\x11\x81\x9e\xb5]\xc7\xb9\xa1\xdet\x9d\xac\'o\xb9\xfa\xc5\x02\x80\xeaCd\x81`PF\x0c$\xde2\xe2P\xc3t\xa2_)v\xb9\x8b4 \xab\x87\x1e]\xe1:IR\xd7\x85RjD+\x0b\xc0L\xc0@\xc3\xc5\x02\xc2fp=_i\xf1\xd4\x8a15_#\'\x8d\x11B\xd4\xd5\xfdv\xc1\x82\xb8Y\x8a\x1d\xbe\xa7\xcch\x88\xcb\xe8\x7f\xfa\xc8\xb9\'y\x10\x98R\x90\xe7\x1b\x94\xdd\xdd\xe8\x1biV\xeb\xa5\xbb\xe3m\x9eg\xe2\xbc\x1b+z=&lt;VZ\xb5?\xd8\xbd\xb3]\xd3{,\x91X\x1c\x7fC\x92v\x85\x91w)\xa9z\xfb\x1dQ\x8em\xd8\x05Eh4\x11\xf2\xa9\x8c\x88\xf0]2\xdc\x91\x82\xdbjU\x96l\xdf\xdc)x\xa5\x99c\xb0@\xbc\xcd\xf0\x94-\xe7&amp;\xf9\xa5\xb8\\\xc3\xae\x9f\xbe:\xbbl\x92\xde\xc2\'\x83)\xccC\xc7\xf0K?\xc8\xef\x83?\xdbgR\xd2\xb6\xc4\xb7\x7f\x87\xf4\x17\x119o\xbc\xfcq=\xd0\x1f\xde=\x08\x9f\xf2\xa3\xb4\x9e\xa6\xcdrd\xa5\xffLsf\xb80E\xefi(\x02\xf7vd\xfe\xeaJ2C4\x80\xcf\xa4\xdfU\x07\xd9^\x98\xeezc\xb3t\xd0\x8dO\x8e\xad}q\xd5\xbas\xf4\xda\x93\x97z\x85\x9cC\'Ty\x8f\xb0\xa2F\'\xa9\xaa\xa7p\xa9\x80JV\x05\xa3j\xe4\xd3\xb0\x08\xda\x0b\xa2\xb9"UQ\x98\xc4\x05&amp;F\x0f\r\x08U\xc7\xf7\x95\xd3\x86\xc1\xd8\xd4\xcb\xa7\xa6Sw\xd8)\xc7h\xb0-\xa2ge\xb58\xe2\xbe\xf0\xd4 \x01\x96TUj\x13\x18!\xe3\x8b\xeb{\xc2A\xda\xd3\x17\xf6\x9e\x06\x08\x80ps\x04@\xf8@j\xbeX\x83\xfe\x10\xf7] hL\xbae\x1bA\x04)[|\x00\x11\xe0s.\xef\x0c\xf7\xd92\xe7\x8b]\xd5\xb6,\x01\xf4\x8e)?\xa4\x11\x7ft\xb6\x83\xe7w{\xaa\x80^;\xf7\xa4?\x14\x8e\xb2\xa4A\xa6\x9e\x90x+\xc1g#\xbc\xaf&amp;\xa3\xa0\x10\x1d\x0b\xe3\xaa\xe9\xaf\x8d:\x01\xd8\x86\x86\x0b)\xb1\t\xc0HQ.\x0cBS\x8f\xb2\xd2v lKZ\xdb\x16\xef\x9b\x8c\xe1\x02\xbc\xa9T$\x8d\xe38\xee\xe6\xba\x83\xe9;\x06\xee\x14\x88\xf6Vf1~\x101\xa5\x1f:\xd1@Dx\x0bF\xf6\x8b\x9c[\xc2\x88\xb6_F9\xf9.H\x12\xa0+\x18\xc1F\x18\xe7\x9c\xda\xdfD\xdbZ\xa7s\xba\xac^\x99\xac\xb3o\x94\x10\xdb\xef\xac&amp;\xd6\xb8\x8e\xc5\x1d\xfd\xf2\x00\xc4\xd3\xe7\xf3\x1dJ\xdc\xd3\x10\x01\xae\xa0_\xf1y\x07\x11\xef3R\xaaV\xab$\xb7p\xa8uK\xb1.\xa8[R$\xe8\x1aK\xc8.\xa9d\xfa\xb5"i8\xf0s&amp;f\x04\x04\xb8^\x98\x95\xd1\xe7\x11\xech\x19(\xf1\xa8\x96)&gt;\xdanth\x8e1\xa6\xb4\x14\xfc\xe9\xe0\xf7\x8e}\xde\xe5Sai\xe0\xaa\x19\x0c\x80V\x96\x99\xbd\x10\xdb\xdb\xd1\xe4\x8c\xb5\\i\xf2ccW R#\xe76\r\x97#\x88\xf8#\xad$$\x1cR\x81\x08l\x8e\xadX\xad"\xdd\x8bZ\x980\x9b0mR\xf7\xc5&amp;\x8e\x8f\xae\\\x8f\x97\xcb&lt;/$\xa8\xd0\xca\x95\xc0\xe3\x05\x81\x88e\xf3\xb7\x06$\x00\x08p}\xbaiD\xd3\x82\x9fW\xcb\xd6\xd7\x16)\x90\xf5\xa9\xc4+\x1b\x9f\xaeQ%\xf8f\x98~\xbf\x89\xa4Vs\x1a?\x14DM\xea\xa7^)&gt;r\xe5\x16\x0f\xa6\x11A\xa5\x8cO\xcd\x1f\x0b8\x08\x11\xe1\xf6!\xfb\x18.\xa6\xd8\x912|\x8c\x16\xcf\xfeh\xd3\xe7im\x8c8\xc7\xf2r\xd4\x1d!\x83\xf8n!\x9a\x05\x8do}%\xad\xa3+\x9e\xf5G\xb0\xb5)\x7f\xb0\xd5P\x9e\x15\x84\xad\x1d_A\xe2N3\x9c\x98\xcdK+\xf6\xb6\x8d`\xb0\x81\x97\x0c\xe4\xa9gP\xca\xea\x16\x18-\xc0\x84}\xd4\x04\x822\xd3\xbeX/\xb6\xf0\x91\xb7\xfc\x02\xe0w!\x15\xf0~Ry\xd6\x10\r\x00\x11\xd74J\x13+\x90~\xa3\x84\x17"&lt;\xc6\x1c\x18\x8c\x91\xe0\xad\x816\xac\xafK\xcd"\x14\x19\xa4\x87\x8a(;\x8a\xd7\x8d\xdd.\x88\xea\xf8C[\xce\x87\x92?Z\x1at\xca\x14;\x9f\x0c\xa4\x80!pT\x06D\x80\xff\xe7\xb3\x84\xd3\xb2\xb9\xd3?\xb6\x0c\x8c\x82\xeaX\x02s,@\x9b+hC\xa6U; \xea\x9a\xf4\xd8\xa8\x8bI\x86;\x11C\x93\xd2&gt;~\xf97\xe3^*$ZM\x00(\xb9\x06\xece\xcd\xe01RFhx$\x0bC\xa4\x1b\x8dgO\x02\xff*f@2\xd9\x07pP\xf8\xa1\x17\xfa\x96|\x99\xed&lt;-\x82I\xea\te\x04dDbr\x92p\xb7N\xed\xa2d\x83\xfc\xcd\x96\xba\x90\xa9\xa5\xb6I\xc5\x87\x07\xd9aA\x84\x95I\x84\xba\x9e\xc0\xc5C\xbc\x99\x9b\xeb2Bg\xe5\x9b\xf0\x82f7x\x83Ww\xc38\xdb\xaa\x9e\xde\xde\xf5\xaf\x11R!#\xff\x8f\xcf\xcf4\xa2Z\xfb\xfc\xa8\xcb3\xc4\xe2q|\xfaa\xc9\xc6Lx\xbf\xe9&lt;ShK\x86\x9e6I\x93\xa1\xb7\x07\xbd\x92\x90k\xc9\x99\xe4\xd6,\x06\xb8v\x9e&lt;N\xa8{S#\xdaR\x0e\xe3\xf4\xa6\xa4\x83\xfc\xd6C\x04\xf8\xee&gt;\x92j\xe2M\x02&gt;n\xc4q\t\r\xb1\x0cu\x82su\xcdw\xc5YX\xe1-\x8e\xb5\xa4\xffi\x8cQ\xa9\x18\xda\xed\xe7)\x91\x18\xacj\x93\x81\x0f\x91\xa5\xa3\x06\xdap\xd9\xd8m\xc5\xe1\x89\xa3e\x99\x8c\x05&lt;\xf5\xcd\xf8\xfa\x8de\x0b\xf7\xd9\xe1ED\x15Ri\xaf\x8b\xcec\x84^\xea\xec%\xe1\xc7\'\xaac\t\x16\x97\xf3\x91\xd4\xb77C\x80O\'1\x8cL\x00\xc8[\xb4+\x8e\xb46A\xfdVspi\xb8\xcc\'\x80\xcf\x0b\x01p\xd4\x86u\xaebxs\xfd\xfb\x01\xee\xd4\xa8\xe7\xd2Q\xe0;\x86\xca\xbe\xbbx\xa6\xbb\x9b\xe7[\x96\xb5%@\xcfjR\xfc\xdeL\xd4\x98\x04T,1\xe3\x96\xa4j\x84\xae\xd0\xea\t"\x02\\\x82\xdf&gt;]l\xaex\x95(\xa7\xe2t^M\xb7\x15\xa5\x80\x7f\xfb\xc1\x91a\x14\xc1\xaa\xe3f\x93\x17\xd0vPT\xfd&amp;~D}\xe0\xe8K\xa2\x06)\xc6G\xb90\xbc\xa2\x81\x88\x08_-1\xfbB?&gt;\xc0\xebo\xd5\xca\xe0\xd8\x81I\xc6\x9f\x14,k\xb3Y\x14\xcbF\xf7\xac$R\xa8\xfa\xf5\x8fQ\xe1\xc7\x99E?j\x10*\xd0\xb5\xad(D\xb8f\xfcv\x9een\x04\xdfl\x8c\xec\xf5q?%-e\xaes\xac\x7f\xc7K0O\xcc\xb0\x8f\xa2L\xcc\xf6\xeb.G\xec\xf0\xc3Z\xbb\xe1\x11;\xae IFc[\xb5\x06\xbc\xf3mB\xfe\xf7\xd1\x12~\xd7\xe6\xb8n\x08Z[\x8f\xc0\x9e"\xc5\x1c\x9d\xd4X@\xbcQ:iv\x82h6\x19Cr\x13#\xcb&amp;\x8c\xd5\x11\xb7I\xf3K\x03?\xce\x94\x9f\x16N\xa2\xea\xf9\x15\x83\xc9W@\x98\x99\xc2\x85=DD\xcc\xce\xa5\xf0\x8b\xe4\xaa\xdf\x8eaj\x8d\xda\x7fb\xc4\xa9\x80\\\x06\x9cg-d\x94\x1f[\x9aX\x0e\x05\x0c\xc2g\x9d\xf0]\xfc\xe8$E\xe2\xe8\xe2\xa5\xff\xb2\xf0\xc2!)j\x9c\x1d\xe3\x16\xf2\x88\x8e%0\xc2=\xd0G7\xaeZ\x92\x88\x0c\x84\x19\xf9\x14\xf7\x18\x01\x01\xf1\'\xbd\x8cv\x89$s\xc1H\xcb\xb1\x06X\x01\xb0\\\xe9\xaf\xc2X\x91\xe37\xdd\x8b\xf9\xb7\xd4\xeb;\xab\x12OCR\xfc\xd8\x9b\x8a.\xa5~\x01\xb0\xb9l\x0c\xc3\xd6\xc3jd*\\C\x05\xa1zx\xaf\xacC\xe7\x11~\xa9~~E\xe0\xb0\xae,\xcc\xed\x0c\xb3\x97\x8f\x06#\xa2j\xdf\xf6\xb5\xb3\x04\x0c\xd3\x9d\xa7\x8e.t\xa0"&lt;\nA\xf5\xb7\xde\xdf\x90W\xdd\xee\x8a\x93\xdb\xe1\xbb\xc8t\xcd\x85K\xe7\xdd\x88\x08\xa7\xa5G\xe1\x8e\xcc\x960s\xe6\xa4\xca\xc9T\xcdivU\xbd\xc8\xea\x9d\x8a\xc7\\\xe9\x1dOH\xaa\x80k\x92\x97y\x16\x15\xfe)D\xc4\xcbn\x978\x00\x15\x0c \xc2}\xf1:\x96k^\x82\x00\xd7N\xe9\x15\xeaK9\x96\xd9\xf3\xe2\x19/\xb3\xa5\xcc\xed\xa4\x84\xa0\\3\x82\x89&amp;\xa4\x07\x0fk\x99\xb3#\xc6\xb1m-\xac\x85\xdd\xa9\xf3\xe1\x82\xb0\x14\xff&amp;\x15\xc3\x17\x0c\x0f\x18\xa3^%^/\xc1S\x1c7e \xb7\xd4\x07\xda\x9f\xa5P\xa4\xeap\n8_\xceA\xba\xc5j \xfa7\x86\xa5\xc2w\x91\xe9\x9a-\x9cs\xf5\xb6\x14}\x92\xef\xab\x9d\t\xc0\x84\x97\xa7\xca\xc9W\xcdhv\x11\x84\x7f3n&lt;#\xd7,\xfc\\B\x0c$^\x81_\xa8\x1b\xd1\xe7\xf99N\xe8/S#\xe1\xb7\x0c\x9a\x1d\xf1\xb6\x01d\x90\x87\xc7w\x19\x03\xb8\xfa\xd2u\x16f\x03\xc2wd\x18G\xc8\x9e#\x1aD\x00\xbex\x1b2\x00\x0e\x19\x9e\xb2m\xd5\x07\xef\x9dOh\xe1\xa6=EB\xbd\xe85\xfc\x92M\x9f\xe3\xd9l\xa9\x86\x84\x13\xd2\xc9\xb7v\x9f\xdb\xa8Jt\xc3\xe6P\xca\xcb7j\xc7\xc0\xbdl\xe0\xa4\xf8\xc4KM\xff\xc39l5\xfa\x86,\xd3uK&lt;G\x98\xed{\x96\x9c&amp;\xb9\xf0-\xd9&amp;u)\x14\xda\xd0\x95$\x85 "\x82\x9a\x8d\x0e0\xef\x0bk\xa4\xd8\xf5\x83\xc7\x940\x9bD\x08\x1d2\xb2\xe2\xc4\xb6\xb3RO\x07\xb8\xa3\xa0T\x85\xd0\xe5\xf3\xeb5\xd7\x80\x0c\xea\xb0\x85tU\xccz\x94\xc70\xcf {\x03\xe2\\\xdc\x1d\x8d\xa4\xaa_\x82\x1cM\r\x8bM\xc2/\x01\xf9\x1d\x96\xdf\x89\'\x16U\xb3uK\r(\xb29"\xcay\xcd\x1a}\xc1h\xe1\r\xb6S E\xc2\xc4\x81b5\x9cj\xcf2\xac\xb0zy\xf0^!\x11\xd6\xffS\x17\x05\x00@\xd4\x07\x9d\xcb\x9f\x9fZZ\xab5\xa4\xcfeS\xb2k\\\xa2\x80j\xc5oE\xc3`kk\xb6T\xd3\xa0\x99=\x07-\x0f8\xeb\xfeDz\x93\x02\xeb=\n\x10\x14\x80\xfa\xc4\xac\xa0TB\x8c\xbdv0.\x0c\x93%\x98\xcfu\xda@\xa3\x7f\x0f\x9c\xf8\xc8\x8c\x96FQ\xa6\xc7\xb3td\x1fJ\x9eL\xd5c\xa0\x81\xe3;\x1a\xf0X\x16^\x0f\xc6\x89N?\xcb\xc1\x00\xeb\xa9\x95\xe0$\xbb\xa8\x9ao\xb1\x07\xda\xd9P\xdaPI\x18\x039\xd6\x1a\xf4o\x9fR\x88\xdcRH\x98QA\xef\xfa\xf1\xb6\x87\xc8{\xeb\x8f\xe6\x02,\xbc\xef\xd0t\xdb7\x11uc\xd4+3*8\xe5\xc6:y\xceq0\xb6\x80\xd6]\x03\xd5\x92\xe1\xe0\x9c\xdc\xe5\xfa\xb7i\xaa&amp;\x83\x94\xedZf&lt;\xcc_\xbd=O\xf2\x16\xc7\x15d-&lt;\xb2\xbf\xe4\xd1AS\xe6x\xf4\'Ex\xfd\x0e\xe2\x19\xc6+n\xde*\x1c\x155\xd9M\x07\x1c\xc9\xa4\xf5\xaa\xd0\x17%[\x8a!\xab\x93\x1d\xb7\xb9\x12\xb2\x13a\xafHM\xf8\xd0\xad\xcd,uy\x9fDK=\x8a\xbfC`\xbc\x90\xad\x82\n\xc9\xe9\xfa\x17!\xd2\x850\x05&lt;\xf8d\x93\x81c\xa2\xa8\xc5\xb6\xaf\xbc\xae\x19%\x1d4\xd9(a*\xc4\xb3&lt;R\xe2?\x95X\xe3\xd5\xd3\x0b7\xe4\x05\x00\xdb\x03\x85\xa3\xf9w@\x91\x82\xc8\xa8\xa5v\x8f\xb9\xdc\xfbx\xd9j\xbc\x8b\x14\xce\x04\xd1\x91\xc9\xf3\xd0\xfe\x1b\x07\xae&lt;\xa7w\x02\xa9\x9d0n\x9dL\xf6\x08\xe1\xca\x9e\x06\x97:\x02\x84\x00\xf8O\xba!\x88\x9d \xee\x16\x89\xbf]\xed\x8d\xddwx\xf9\xaay\x9b\x95\xd8h\xb5\x9f\n\xd8\xfe=\t\xa8y\x82-xT\xcc\xff\x14\x89/\xa3T\x8c\xa6\x89;\xf4\x18\x18\xf5\x84\xb2\xfe\xdf&gt;\xac\xe5\xc0c\x985$\xf4\xba\xd8\xbbWV\xea\x8d\xeb\x9f=\xe5(\x81\x13\xf3\xb7\xce&amp;\xe5z\x03\xc9\xabU\x80\x88\x1fj\xdd\xed}A\xb7]\x97P\xa4\xeb\x92\xdc\x99\xc7r\x10#\x12\xeb\xca\x1d\xcd\xbe\x8eGV\x01\xa8\xe9|\xe7\x19\xa6\xcfsU\xb9\x17\x00\x00\xfc\x94\x80\xe0\x0bY\x95X\xe2w\x03\xf7\xe0o\x05\x1e\xda\x7f+\x10\x00\x7f\x9c5H\xad4\x90\xb5; \xc4\xaf\x98\x1f+\xf04`O\xbbJ\xd7]\x92.\xef\x02\xce\x94\x86&gt;-\x93@\xf1\x9e.I\x83\xa6\x90\xe0i d"U{w0\x13N\xd2\x80\xb2\x00\xce\x1c+ls\xa7Y\xe1\xb6i\xf6\x8d\'\t\x93e\x1e\xa4}\xb2\x17\x90\x1c3v\\a\xc2@-\xda\x97\xbbE\xa4\xf5T\xb2&amp;\xbao\xc1\xd0\x14\x7fH(+"\x03\x8f\xce\xc4\xb1\x85\xe2\xb7\xcec\xe1\x86\xc1\xfa\xf1\x19\xc6D~\x079r\x90\xe8T\xa3\x98\xc9R.R|\x8e\xd1\xbcd\xc59&amp;\x8a\xd1\xa9\xe4R\x12\xc8S\xf4\x93NcI\x10&lt;\xb7Q\x92\x9a\x94\xd1\xb8T\x9a\xbe\xecS\x13\xf7=\x96\xceLl\xd6\xf6\x06\x92\x15f\x81\xb0\x8cD#\xe5\xd9q0\x84T\xb3}&gt;\x1eJL*M\xfa\x8c\xfe\x83\x05*\x90\xce#\xe2GC\xbapA\xd7\xb1,j\xc9b\xdc5_\xec2\x90J\x17I\x92B\x84H\x90*xz^\x0c\x136\x91\xb2R\x945\xfb\xe28h\xbe\x90\xf7\xef\xbd\n\x94X\xb2\xf8\xe83\xd5\xa1\xb3\xb7\xa6\x178\x1cS\xc5\xd0\xdc\xd7y\x10[\x89,"\xe2\x7fz\xd6\xd8\xf2\xc8\x99\x99\xc6_G\x947\xae/ t\xa7V\x8d\xc8\x03A\xc5\xbcu\x03\xc3\xf6\x91\x15Z\x94$\x96O\xc7A\xa4\x18u\x11\x85\x94\x8c0ugczw\x00&lt;\xe9&lt;.&lt;\x95\'\t\xcf\xf3h\xfd\xa4lq\xd2o\xac\x06\xbf0\xa4\xd6\x1e\xe1\xd3\xd6#9b\x01"\xf1\x1e9y &amp;\xce\xe5&gt;jY\xa3\xf5\x04\xe0^\xce\x95\x80S\x06\x88\xb4g\x94\'\xa0\x0f\x1e\x9a]\xab\x13\x9d,\xdf*\xa2x\xe9\xe8\xbf\xa25\xcc\x8c\xf0q\xec\xe5\x14\x0e\\\xd9j\xc7\xedf\xaclB\xbe\xc2\xaa\xfd\xdd\xbc\n\xf8\x17\x95)k\x8e\x18\n\'\x1c\xba\x9b8E\x04+\x9e\xd4\xca\x8f^\x7f\xecu\x80\xc9\xda#\x18!a\xf7\xec\xb0\xed?\x8eI\xb90E\xfd\xeb\x82e{C\xe5\xf3\xe7j=\xd6\xb1\xc6\x88\xfbxI4]\t+\x95\x180\xde\x8c\xa8\x814\xfa\x88\xf8fDx\xe2"\xdb[\xed\xd9{\xe3\x8c\xf0q\x1c\'7-\xe3&lt;TF*\x8f\xc1mGt\xde=\x83\xe5\xa9\xeeRI\x96\x8cHc\x1f\xc9\\9X\xe2y9vH\x10&amp;\\\x81\x07\x08$M\x0es\xad"dG=\xf2z\x88N\x04A\xa3(&lt;"m\xc4L\xbb\x83vY\x8fLXY\x97\xdc&gt;@\xec\x19\x1d\x80?-\x06\xa856\x1cI\xa8\xc0\x88\x90\xe8\x9c\xf5\xc4\xabZs\x8c|\x03\xad/\x1f\xcbG%\x88\xfa\xc5\x17\xa2D\x9b\xa8M\x92#\x81h\xdf\xdf\xec\xe8\xac\x8c\xccW{\xc59"|\xeb\xc0;\x00\x0b\xf8\x15\x83C\x8c,D\x16\xdc\xb3\x15\r\x81\xce\x7f7-!w7V\x8a\xd9\xa1\x18L[Yx_\xfen5\xeb\x93#,8\x16\xee\x98\xd4&amp;f\xb18E\xb6\xd5\xaa\t\x03T\x8a\xf6\x96\xe9\xa0\x91\xec\xfa\xb5\xbd\x11WD\xe1\xd0\xa6\x9d\xe2R\x07qF\x91\x98q\xea`\x97%\xba\x8b\x90\xc2x*\xb5\xed\x94\xda2\xb2y\x91\xa2r[\x8b\xc8\x9a\x01\x8f\x91\xf3\xe9q\xea\xf0P\xc3//\xe2v\xf0\xc5\'\xd1BX2\x9bl\xf7\x1e\x04o\xba\xa8\xef\x06\x12\'\x1d\xf6\x8fx\xb44\x89\xfcx\t\xedXmLD\xa2\x82-\xea\xfb#V\xfd#"2\x039\xbb\xb2\xbe\xb3\x98\xa1\x88\xb1\xbe\xdb\x06\xab\x8f\x03\x9f\x98\xdbu\xe2\x13=\x95m\xbd\xb8\x8bWf!\xe2 \xefJ\xb3\x03`\xcc_\xa8&gt;\x18\xac\xe6\xe6{_\xf7\x90\xfe&gt;J\xab\xd9\x18\xe1T\x04K\xa9f\x1aiN9\x1f\xc0\x7f\x99W"\x95P*_&amp;\x8e\x01\x95\xe7\x06@\xbc;\xd3\xd3vC\xd0\x92\xe3T\x00\xa23\xd2$\x9f\xbe\x93\x13l\xe1\xb6\x83\xc4A\x04\x9eS\xccZa\xdc\xa2\x87\xb4\x94\x19\xc9\xd2\xd4\x17d\xe6\x0e"[uh\xfe\xf0\xab\x8c\x9aY\xa0B\xa6\xe3J3:h\x1e\xe4\'\xae\xc3a,\x19\xe4\x88\x93u,\xbb(\xa5t\xbb\x91\xbc\x85lEq\xb1\xf1*\xc4\x1f\xac\xd6\x0b\x18A\x91\xc5%\xa2\x02\xfd;\x00\x83\xcd\xfb\x1b\xbc\x04\x97\t5\xbd\x90w\x13\xe7\xd7zJ\xd3\x0e\xbd\x97\x1f\xde\xc5\xe6\xbe\xbd\r\xda\x133\xea\xfe;\xe9\xe1\x10\x01\xbeo\xfd\xe0~\xaf+\xd1R\x9f/n\x7f~\\\x97\x84\xf7\x0e\xee\x84\x89\x9c\xb6\x92d,Z\xe8+\x94\xbe\xbb\xb5\xff\x8bF\x8e\xf9{\xeeA\x01GY\x83\x03\xf0Xr5\x17\xac\'\x08\x04X\x05\xa9\x0c\xd3Y\xcc\xba\xbff\xfe3.\x92Y\x07\xac0\xb8\xc8Lt\x04\xcd\x92\xb1K\xa1\xdb\xe2wM\x1b\xc5-\x86\xbc\xa0J\x01\xea\xf4\xac|&amp;\xd2[\x8d0\xda\xb0\x17\xc5\x8d\x0f\xb2\xd9B\xfd\x0e\xcd\x92\xb3T\xf5\x13\xee\x05\x99\xba\\\xbb\xcd\xe8\x1f /\xfab\x82\x19;\x02#\xee7\r\x8bu\xebg\x90\xfe\xaf\x1a\xfa\x85\x04s\xe3\x8fO\xa7\x86\x90\xa5\xa0d\x9b\xaf\xc4\xcf)e\x1a\xa4\x14\x86x\xee7^$r\x98\xb53n\xb7\x08zhr\xdah\xb8,SB\x91h\x94\x03i\na\tc\x1eL\xf6l\x1d\xacj\xfe\xed\xa7t\x83\x9c.*\x9e\xd7Du\xbc&lt;Zgag\x19\xa7=|`(\x15Xp\xfchD\xf5\x95\xfd\x8aK\xe7\xfb[\xb6?oM\x1f\xcf\xb0&lt;\xe2O\xbd.\x08\x89TM\xe0s\xb2\xcd\xae?\xd1\x84\xd3\xc7k\xe7y\xed\x93x\xd7\x91\xca;V:hd3\xa9R\xf5\xda\xa0u\x92\xe0\x16j\xe7i\xc9\xb71:\xd5 \xa2\x02\xf6-\x85\xe2\xac\xfdzY\t8N\xf5g\xc2\xe3\xb5\xb2\t\x009\xc0\xe5L\x00RY\x07\xf1\xd3\x8e\xcb\xba\xb9\xc6\x13?\x94\xe5\x85\x98\xf8\x1a\x0c\xd0S\xbc\x11\xe0\xb5\xd3_t\xec\xa5\xe3g3\x1d-\x18\x18m\xac:\x8b\xca\x91\x99\xb2\xa7\xcf\xc2\xddCB\x87\x1b\t\t\x11\xc2\x08\x83&lt;wG\x06\xd0rY,\n\xbf\x1dx\x86\xfa\xbd\xda\x02N\x8c\x9e\x13\xc8\xdf\x14\xa7w]\xe4\xcd+A\x02\xbc\x10\x10\xe1\x17\x86\x899\x16\xda;i\x84\x9e\xaf:z\xd4 O\xed+\x16\xe3\xaa\xb9Y\xa4I\xf2M\xd9\xdc}4\xb5B\xb3]7\xc7\xac\x82\xbdN\x1b\xd8\x1eL\xf6\x9aV\xf2\xcc\nh\xed\t\xf8\xc8N_\xbd\xd4\xfc(\x83"\xbd\xc4@Z\x980Q\xd0J\\.\x03G\x9a\t\xc2*\xd9&gt;\xf2Y\x98{O\x16S\x83\n\x18\xc1\x9f\x87\x0b\xe7\x8b\xe1\x13\x0b\x89\x17\xd4\xb4H\x84\x82\x99\xfc$\xe1\xf9\xb4\xdb\x85\x12\xc4 UB\x04\xbc\xc1\xdb\xca\xbc\xc5H\xb4g\xcdgg\x1f\x16\xc8\\\x8eUI\xfb\xf7\xdc\r\xb8r\x03\x01\x0cm\xfb\xeb&lt;:\x84\xd2\x12\x01\x10^7p\x86wH\x83@\xed+Z\xce\xcc\xaf8\x96&lt;\x12\xce\xa2\xeb\x0b\xdb\xce\x03T%\x02D\xe1,O\x93\xec\xf0\xab\x94S\xa2aP,\x05\x99\x9e\xff*`\xff\xa6)/\x05\xd7\x1a\xf9\xc2\x13\xe6\x8dY\xb28\xe6\xcd\xf9\xad`\x12I`\xb5\xaa\'\xf6^%\xcd\xf0O\x01\x9eo\xf0.\x9b\x00h\xee\x935\xac\x10\x1d\xda\xae\x0b\xf1?\xea\x1f\x001\xa4\xa6\x1bo\x9e\x90&amp;\x82\x96\xaa\x7f\xb6:\xfdw\xdd\x06A\xefS\xf6\x8f\xf8\xb7\xb6w\x0c\xdb"\xe2\xf3\xab\x14\x84U\xcf%\xd5+\xf08B\xc7d\xe4O\x8fP\xdf}p\x12\xa6z\xac3R4\x87`\xc1\x88\x8d\xaa\x08\xc2\xa7\xab\xd3\x16\xfc4\x8d$f\xa12\xe1GXI\xd0}I\xa4j\xc6\xea\x10\xb5\xd1cj\x04Dx\xb0T\xac\xe2\xee\xce72\x03\x8f\x19\xa2\xa9\x91,\x14\xf3\x0b\x11\xe1&lt;*\xc7\x95\xe6\xff\xa7\x13]P\xc2M\xf7\x0b\x99S\x8el\x82\xa8\xd7\xff\xb1\xac\xaa\xc3c\xd9\x11E\xad\rMqD\xb8\t\xab\x88\x19\xb7Pu\x8f\xb2*A\x96\xca&gt;\xb7\x19\xea\x81\xaa\xb5\xc9\xa8\xb7\xd1[\xb6\x06m\xe2\xa1\xfb+\x8aka\'\xb9\x84\x88\x08\xcf\xc6;4\x135\xc4\xa8u%\x12d\x17Mu&gt;!\xde\xe2A\xb6l\xc6\x15\xe6\xbd\x00\x08\xf7\x95Y\xe6L!\xe2-\x88\x86F?)6JN7x\xc5@\x15\x88%91\x0c\x83\x87Vg\xc7\xafx2\xe0\xa5\xa7i\x9c\xef\x8bu\xbd\x89\xd9\xc1n\x19e*t\xa6\xa8\x02&lt;a6\x7fYXi\x03\xc8\xa3|\xbf-A\x16\t\xed+\xa3 \xa8\xfb\xe1!a\xd4\xc1\xb3@,[]\x9aa\xb2\xf7\x8cD]\xb6\xb3\xb4f\x9cP4\x96\xff\x1b\xc4\x83\xab\xf3!\xf4"{J\xa7\xb2\x92\x97\xc1\x8f!K#\xd3Y\xec\xee$\xb4r\x0f\x80\x00\xf7\x16\x14\xac\x84\x94Nq]9H\xa1l\xbe\xee \x9fy\xb2:S\xe3SD\x7f_+H\x1c\x9aI\xe5U\x12f,qo\x02\xf9\xa1\xc6\xd7\x0cSS!\xd48g\x07\x01Ge\xd3n,\xaa\xe5"%\x06\xc0u!\xf1L`k\x901F\xc7d2i\x00\x84\xbb\xf8#9#\x98\t\x1b\xe6\x92\xaa\x0c\xaf\xda\xe3\x89*\x01_\x90\xd4{\xceD\x98l\x9e\xb3\xb4f\xc9\x9d\xb8\x9f\x85\xd0\x89\x00S\xb8C\x82\xe5\xa1\xd1\xb5\x1b&amp;\xed\xdbW\xa2"\x8eZ\xfb\'Y\x1eg\xf8=\xc4\xb1\x8e\x1d\xb6qm\x1a\xe5I\x97\x7f\x92\x9b\x00\xf0&amp;\x1evc\xfdc\x9d\xb4\xb2\xa3a\xe3\xd8\xe6w:\tA2\xee\x11\x95\xd3\x97 \xa7H[Is\x1f\x191\x07\xdd;\xc5&amp;s\xb3\x97F\x9aE\xa5\xd9\xab\x0b\xae\xea\xfb\xc2\x17fvz\x16 D\\\xc6\x92\x0f\x18\xd0#\'/\x7f\x9d\x85\xe6\x90\xdf%\xf8\x11\x81*C\rx4\x0b5\xf2\xc7\xc3\x93KV\x9a~\x1f\x11\xbfl\x9a\xe6\x06C\x8c&gt;\xc5P/\xa4t\xfa\x00w\x17\xa4Y\x80\x8c\x92\xe1\xee\xf9\x9c\xbe\xdaD&lt;.\x8c\xc91m~\xfc\x1b\xdaj\xb1&amp;s\\~\x86\x8e\xd6\xcb\x86\xc5\x90\xa8o\xa6}\xbc$\x98\x9eu8j\xf7\xfe\\\x86\x0cYbv\t\xc8Y\x96\xf4;\xc4\xe5Dj\x02`\xbb\xa3\xa7\x95\x06EZ\xca\x88\x98\xce \xb2\xbba\x1cc\x17\xc5\xd4\x0e~\x84g\xdb4!NR0{\x94=X}W\x04\n\x97\xbc\xd3\x7fQ,\x1f3\xc4+\xd6\x08\xe1\x7f|7"\xc0\xdf\xa5\x13\xbc\x9d\xc7\xdc\x87\x96f5\xf3j\xac\xda\x94\xa3\xa0)|\x93&lt;\xe4\x89\x84\xd6\xe62\xe3\x16\x01\x8e\xad\xf16\x8d\xf5E,\xa1\xdc\xd6"N\xc9!b\xe6\x8e}\xfb\xe7\x11\xe0q\x19\x92$\x8a\x99\xad{\xc9q2Z\xb2p\x8a\x89\xb8\x89C\x18\x1et\x9c\x00D`\x98\x82a\x8d\xd4\xf6a"7\x9aB\xe5\r\x08\xf0\x87y\xa4\x86B\xd3\xe8\xaa\x18\xcc\x1d\x93\x82\xb5\xc9|b\xd26P\xb7\x06\xb6C\x1f\t\xa5G\xe6\xd5,&gt;\x9c\xcf\x16\xbd\xaa\x08\xa6\xd9\xad\xaf\xe2\x8f\xdc$\xc9\x9db\x0e\x98\x8a\xad\xb8\xf7R\xd0k^R\x1e!\xa7$\xcc\xac,\xbe&gt;1*\xb8i\x8dd\x84W\x16\xf1\x92\x8f\x1f\xc4\xf0\xab\xd6)Q\xebld\xc7\x9e\x01HR\xbc\x82\x13\xfb#\xd1 2\xc1L0}\xf5aXU\xc6&gt;&lt;\xfcLI0\x071\x9c/\xea\xa89:Bek`S\x8c/!\x0b\x0f%\xcd-q4j\x88=\x84\xd97\xad\xc6\xe5\x9dU&gt;\x1b;(\'\x83\xfc\x0c\xfd\xdd\x88\xa9\xd8\x9c\xfb\xfb\xf1Zm\x95Ej\x80HiM:\xa5@TV\xaa\x121@\x87\x87\xf4\xe8\xdfR\xb0  [O\xce\xeb\xa5\x0fmp\x92\x9f\xc1\x97\xc7]T\xd4A@\x19\x84u\xc4\xa5$\x9e\x93\x98\xee\x10\x8dt9h\x1b\x9a8x\x05)\x04\xeb\xd6\xb8\x06\xa1\n\xec\x9e\xa0\xd6\xbf\\\xe9\x952\x1a\xa4b"XHD\x02\x9bf\x9a0\xb8J5\x8c\x9c2X\xd5A\x04\xa5\x14\xc0E\x00&gt;\x18h\xee\xd7:\x14\xcfJu\xb2\xd5$S+\xee\xab\t\xba\xe9\xab\t\xa1\xcb@\xfaFA\x81e\x10q\xcb\x02**\x1c\x96\x13+W\x10\x9e\xad\x02\x81\x17\xe2:IH\x15\xabA\x93\x97\xf6\x94\x90\xb4n|\x86;\xa1\xa5U\x82\xe5\x875l\x1e\xe6\xf2\xb8\x8c&amp;Be_3e\xa9\x11tR\xd0\xae|\x1d\x18\xf4\xd8\xd6\xeb\x80\xc7;\xcc\ns\xc4 \x88\x8c\x9f\xc7,DnL\xb6a\xbbDw)\xbbS\xeb_J)\x8c\x17\xf5G\x00\x00 \x00IDAT\xa5@\x01(\x05\x97\x99\t\x97P7*^W,\x9d\xde\xe9A\x13\xc6\xee/\xa7C\xe6\x8d%\xab\x01\xb5\x04\xe2\x920\x1f\x8c5O\xfe\xaa\xa3G/9\xe6:@#l\xab\xbc\xbe\xaf\xb3WJ\xe6{.\x0bsqq\x1e\x07w\x89Z\x0b\xa3JM\xffy\xe7\x93:M$XP\xf78M\x9876C\xe1\xf2p!\xe6\xa2\x9d\xd452\r\xa8\xed(d\x086,\xd4j\xb2\xe9\x8f@1S\xea5\x10\x0e\xe9D\xae\x0b\xebRj\'\x15\x96#\xb6\xc8\xa4C\xb4\x81\x9dk\xbc\xdewT\x10K\xf2\xb2\x08\xe5\xd9\xa0I\xa3\x8f\xfe\xd7\x7f\x1ap\xc5\xa9\xaf\x87\xb9WE\xdf\xd3\xccq\x1f\x9d2?N\xe5I\xfd\x93]\xa72\x9c\xbdV\xd8\xfe\x98%\xf9\x9a-L\x93\xbe\r\xe1vmw\xaf\xc2\xbdZ"%\x9aP\xbe[K\xed\xf0\x9e\xb6\x01\xa5n#4\x02(\x12\xc2\xf8+Zzs\x82z\xbd\xe7W\x00`).\x1a!\x1eM:\xf0\xd6\xfeb\x9ec#&gt;\x0e1\xbb\\\x8eQQf`|:\xd2 \xf1\r\x8b\xac\xf6\xf1\x05-S\xa0\x931\xa8\x89\xe0\x07\xe5j\xe9\x11"\xf0-\xf5\xf7\x01.\xab\x1a\'`\x0e@iXc\x0e\xb0\x95-m\x9e\xeeK\xc3\x8e\xa7\x83\x8c9P\xcbm==\xd6\xe6^\x15\xf4\xf9\x80. \x94Xf1\xeb}\xc6=\x80U\x06\xf2\x9cY-\x16\xd2\x94\x9b\x00\xa9\xdf\xbe\xcd\xd3E\xcc\xc8x\xaf\x9d\x1aS\x08D\xd4F\xc2\x98u\xcaY\xab\xa4\xe6G*\x06R\xe2\xc1\'!\xcb\x89\xbe\xbbb*\xb7\xc2+\'\xd6\xef\xf4}\xcfsP\x128\x14\x10\xe0:.\xff\xd5\x95\xc7Y\x00\x8d\x93\xb3\x9a\xbbc\xac5g\x80\xf4\x07-\xb3\xd2\xef\x95\xe2\x0f\xf0q\x01R\xb1\xb1\nQ\xc4z&amp;K\xb7\xfa\xef\xa9\xe7MM\x81\x88?\xe9t\xd6\x96\x1d\x8a|Di\xf8Gb\xe2\x1f&gt;v\xdf\x8b\x90Q^\x92ir\xb9\xda8\xd9\x86se\xd8\x92n\xce\x07Zz\xaa\x98v%\x10\x07\x88\x88x\x16\x967\xc9(*\x9a\x00X\xdf\xa6\x94\xb9\xf2\x08\xb4\tF\x98Q\xc8\xe4\x94C\x84\xf0&amp;\xc0\xfb\xf3\x04\xf0\xb1H\xbc^\x8f\xe3\x11\x07\x0e\xa3\x14\x9c1\xa1\x92\x94\xe3\xa7\x89\x12\x84\x88x&amp;+\x13?\xc4\x11\tS:2\x9d\xaf!Cj9\x8d\xf0\x08\xd5\x16\xaa\x88\xf5\x9ew\x95WT\x01\xc6\r\xb9GE\xd2\xc3\xa0D\xb6q&lt;\xbdS\xec}\xc3\xc4\x17\xe7\x08\xf7.\xd0\x8b\x08\xc7]\x18j4\t\x13*\xbe/\x85\xa9\x12\x86\xee\x97\xd1\xfd\x06\xa6\xc0\xf9\xe7G\xbdB\xe6a\xa6\xf3\x99f\x05\x8d6Z\xc3\t\x80\x16\x00rf\xe4\xa1\x16\xa3\x94\xf8)\xe6\xd5\x8a\xd1\x11q\x88\x96\x82|\xee\xd6%\xb7!\x00\x00\xfcj\x94\x1coX\x15\xac\xbf\x19\x15\x95\xc7\xc4\xf8\xf6\xa6\x1e\x8e\xfd\x86\x85\x92\xba\x17\xf0m/\x80O(\xca\x17\xacL\xf1\x9c\x13\xd5\xc8\rr\x8e\x7fO\x98\xac\xb7c\xbbyCZ\xf69\xf7\x89\xcd1\xc0\x02\xc85\x11\xae\x0f\x0cL\x9f\x95\xfas\x80\x1b\xeb4-\xe8\x9e]\x98\xc2\xfc&lt;\xb0\x07)R\xe9d\xd2t\xd1T(\x8f\x93M\xf5VQG\x18\x9b\x95D\x88h\x1f-5H1_\xb5D&amp;r\xc3\x8c\xc3\ng\xe8\x11\xb1\x89\n\x93\x0bz\xbf\x1dnN\xc6\x8f\x01\\p\x9c:\xf9\x8f\x00\x97no\x16sX\x02\x8d\x05p\x0bQY\xff\xc5J\r\xfe\xe02;#&lt;\xddA\xe4\x8ds\x85LK\xa1\xc9\xd4V\x86\xadG\xec$@\x12\x10\x11\xd4\xbf\x03|\xabW\xc2\xd3:\x81\x88\x93F\xcb vX\xdd\x06\xc6\x1e\x8d\x86\x88\x00\xa7\x000"\xfc\x0eU\xdb-\xb4*\x97:\x90Z\xde|\xa5\xd6\xa5\x81\xd0\xe8\xdf\xbey\xed\\\x15\xb8K\x0be\x0f&lt;\xfdK\xea\r\xd3&lt;D&amp;\xa7\xd0\xfa\xb0u\xe4D\xa1\x9b\xc7\x7fE|]c?\x1e\x00\xe0\xd2\xf1\x1b\xd7\x7fW\xd9\x8c\xd1\x7f&amp;\xf78[)S\xcf\xd8q\xb9X\x8e\\\x0cQ\xce\xf1\x02\xa0\x06\x11\x05\x00\xe02\x00o\xee-C\x7fS(\x00P\xe7\xcb\xba\xb5\xca\xceX\x8eM^\x1e8\xbf\xd7\xdf\xc2^$\xd4e\xd9\x9a\xa6f\xdfm\xefG\x19\xd8J\xa0\x94\x8aE\xda6 X\xb73\xee|\xdc\xf7\xdc\x01\x84\xf7\x9e\xec}=r\x9f\xcb\xde\xfd\x94\x10\xe0\x18l&gt;x,/E4\xe0\\\xea\xbe\x9c\x13\x1dKD\xa50\xaa\nK\x12MHOS1fi\x16po\xf9\x14l\xf7\x96\x9e\x1c\x08\xdc\xb5\x8f|\xfc\xeb\x16B2\xcc%\x82\xbf@Dx\xbfw\x1c\xc6s\xdc\tA\xd7\x1a"\xc7\x9a\xf2&amp;I6\x94\xc5\xec\xa4\x0e\xe3{\xa2\x04+0m\x86\x97\x88\x8b:S\xeb\xdc\x91\x89A!\xa2rT9.\xfc\x8f\x0f\x94??\x83\xcb\x1a\x93\xfd#\t\x16#7\x9d\xba\x06\x0c6:\x12\xd0\x18\xa6\x95\xc5\x7f:\xcaB\x85\x17\x99y\xabnGg\x99!\r\x00\n\xbe\x8ap%\x80w*\xb2a\x9e\xa8\xd1\xfe&amp;J\xd6\xa2\x90|\xe0\xe1\xba\x88\x7f\xe9c\xfd\x05\x80\xb3&amp;\x90r\xa4\xea\x9dk\xe2\xdb\x14\x1e6\xdb\x91\x8f\xf9\xff\xeb\xb1\td\x9f\xaf\x08\x9fT|\x1d\xe0T\x97eW\xb1\xe0\xd7&lt;\xbaP\x9b.\xd0\x9b\x90$\xb4\xad]\x9d\x8e\x94\\\x06Mo\x97\xd1\xfbt\x1c\x03\x9b\xecB\x1d\x9c8A)|\x1c\xe0\xbc\x19\xee ~S\x13\x96}\x8e\x9a\x0e\xbe\x98\xf6&amp;\n\xd6a\xd6\xe1C-\x03\x85#WY\x9b\xf8\xbaU\x9b\x8b\xbf\x1c\x14\r\x95\xd6\xdf\xa0M=\xa5\xadQ\xd8u\x84\xac#N\xf82\xc2\x19\x9d\xaf\xe5\xb4\xa3\x1dX#\xd9%z\x8e\xbfF\xbc6\x08\xaa\xbf\xc8d\xc5\x9bK?\xbb\xbf\xe7\xac6\xb1\xc8\x12\x03\x05\x01\x19\xca,\xd9\xbf\x0e/~\x81\xda\x92h\x01`\x8d\xcfdg \xb1\x1f\xf5\x8c\xcd\x10\xaa\xa1\xbf\xaf\x07\x80\x9dI\xe5\x85\x88X\x83\xf0\x9b\x9aj\\\x0fhN*fv\xf4\x10q\xf4\xd1?N\xff\x98\x8bhP,3m\xa2\x01\xe0\x99C\xc6p\x8a\xfc\x95\x85\xf5\xf8c\x1d \xe2\xfb\x91\xfb#z\x0f\x00\x80a\xac,\x8b\xc2\x1fJ\x93\xb4\t\xe2\x9211.\xa4\xd0\xb7\xcd\xe5\xab-3L\xbbk\xbaH\xac\xcd\xbb\xad[\xde\xc7\xa6d\x08S.\xd6\x1c\xfdC\xbdTr\xb7\x86\xb7\x1f]\xfd\xa4\xd5\x94O\xf4\xda\x82\x12\xce2-\xff\xcc\x9f\'&gt;v1\xca\x0f$\xf5"\xea\xa2\xf5\x99\x13\xa8\xfa\xcf\xc7\xa6\xca\xe0%\x99Ji\xc26\x13\xc9\xbb_\x1c\r\x12]\xb3\xbc\xdeC~\x07\xce?\xc3)%\x81\xef\xd7\x16\xb5\xefU\xa5\xd1\xbfW\x85%\x89\xf7]N\xcbA\x9e\r,\xa4\xb9\xfdT\xdf\xf4\x7fg\rM\xb4\xcc\xdf\xf5\xab\x9d}\xd6J\x9f-\xc3\xf4w\xfc\'\xb4\xc1{\xae\xb2\x19\x10\xd7!\x8dq\xb1\x18\xcbn\xe0\xd9\xdax\x84\x8f|a\x02\x07\xbc\xaa\xb8\xb0\xec\x18\xd9I/I\x95\xb0\x9dl{\x11\xd7\xc2\x05N\xe4\x11M\x8cC\xb6$S\xb3\'K\xc9\x08ir\xf2\xd3\xaa\xe6{\xd6\x0c\x81\xc5N\xb5\xea6\t\xb4\xe1\xeb\x95\x12`\x08\xf0\xe1\x14\x91mN\xb9|Ib\x11\xb4\x18\xc0R\xf2\xb4dZ\x055jN\x96\x0c\xc2\xe4"\x0ff\x88\x82\x88C\x9b\x85\xcf\xc8\xec*w \xe8\x9e\xb9\xadqeS\xd9\x15l\xc5ms\xf5\x81\xbf\xf0:?\x9e\xd5I\xc2q@\xdb\xa8\x11\xc3D^G\x9f\xd5\x03\x02\xe0\x05\x86(pn@\xcaSOZ\x85\x06@x\xedr\xd7?y\x8b\x8bI\x16\x9f\xe5&gt;*t\xb8E\x872\x05\xd1j1\x08\xd3\xfe/K\x89\x01\x8b\xeci\xb9\xa2\x93\xb4\xca&lt;e\xdcK\xc7IcTxj\r\x11~\xae\xb5"\xd2\x06\x0c\xd3Y"\xea\xfc\xa6\xf5D=\xd8&gt;$\x9cz\xe5\xd6\xc3K\xbaRu\x8d\xde\x8e\x18!y\x9b\xa2P\xd31lE\xd5\\\x0f:I8\x10\x98S"IcEL\xef\xf9\xca\xf1\xdc\xbaz\x91\xf7*\xae#\\\x0c\xb5\xc0S\xe5Y\xfb\xc4\xb4_\x05\xf8-\xd4\xfa\xcb`AA\xd0\xfbum\xc8\xeb\x84n\x9e\xec\xe38hCbaeY \xbdL\xdb\xa6\xce\x9e\xcd\x16v\x0f\xe8\x199\x15x\x7f@\xa7w\xa8\x15e\xe9\x93\xc5Lw\\\xa9\x13CLD\xa8%\xf2\x9c\x99&gt;\xd7\xe2N\xe5\x9dY\xd0\x9a\xe1\xf9\xb9\xc6\x11\x9b"J$\xef\xee\xc0=\x9fM\xdci\x9b\xab\x0b\xdc\xa2\xeb\x85\xa8C\xbb\xe8+Z\x88\x82_6R\xcf\xc7(\xe8\xc5\x93\x00\xc6\x80\xf8d\x19$\x0f\xfc\x9c\xb7Zn\xab\xfbp\xd5@5\xb9\x188\x13\x00\xba\xe5\x8f\xa4\xb9\xa9B\xc1\x12CzJ^\x98O3u\xbb\xe6&gt;2\xf5\xbd\xc4\xce\xc1\t\xc0q\xe7s\x1f \x1c\'\x11W4\x0f\xfds\xed\x1c\x0f\x87\x93\x13\xab\xc6\xd5\xaa\x82\xf9D\xc9\xb83\x89\x8b\xaf\xfd\xd5\xed\x9av;y\xee\x87\x85\xc4^\xa0\x8d\x14t\n\xd7Md\x80\xfaa\xe0\xea\x92\x0c\xe6s\x03\x98\xf0\x84\x81&amp;\x88\xec\x8f\xe4\x054\xe4=\x8e\x8d\x88\xeb\xeb\x14\x10S\xde\xc03\xb1f\xb7\x9f%\xcd\xfa\x01W0\x15Y\xeb\xaf\xf6 \x9eGY\xdd&gt;\x89\xacS\xfc{\x04\x00P\xd1H\xbeAU)\x80w\x02^\x8e&amp;\xb2\xf37\x17Y\x98\xb6&gt;\x00\xe4\xde\xb9\x96\x17\x96\x96k\x9a\x1by\xad3F\xdaZH-&gt;I\xb7\x1c!\x02\xad\xec/\xa1\xb88C\xf6\xad\\\xee\x1bW\x06yUn_I\nz\xd2d\x1e\xbe\x9f\x02\\\xd1\xe4\x95/i\xc3\x92\x011H\xf0\x90c\xc5\xc9\x81\xd67\xe2\xef\xd7\xde\xc2\x04\xeb\xbd\xb9\xcb;\x16NU\xe7\x14\xafY\x02Q\x89Y\x0f\xcd\xae\xcc\x96\xb3\xc9p\xfe\x90(P\xd6\xbb8\xf4\xd5_ns\x80\xf5\x18\xc3\xe5\xe6)+\xa05\x8c\x10\x9dXF\xa5+X\x83\x19d\xb9\xba\x8a\x18V&lt;\xa8\x0b\x81\x1b\xa1?\x04\x00\xa0\xc03\xfa?8\xcc\xef\xd7\x91{iI\xfa\xbb/\xe7\xbe\\\x82y&gt;\x14L1\xe7\x1f\xfd\xa7\x91\xeb\xad\xcfI\x851\xfc[\xfe?\xf3\xbdLI\xe8\xe1o\x7f\xa8\x92\xc5_t\xf5\xd4\x8f$kg\n\xa3\x94R\xc4k\xec\\\xb5\x99b\xfceJ\xdf\xa7\xafC\xa36\x00\x18\x10\x0c\xa9\x1c\x9b\xf5\xda\x04\xd0\xde\x9e\xa4\xb9mZ\x97\xaa\x9c]S\xe5\x87_\xaf\xd2\x0fu\xdeY\xe1\xe2\x12\x96\x98\x92\xa7\xac\xe8\x9d\x9d\x94\xf6\x8bHUG\xa8\xf6O\xearn\x99\x0b\x01!\xf0Z B\xa4\x8c[\xd8\xc7\xa6\xc3\x8d\xfdF~]\x98\x85#\xff\x01"\xa2\x1d\xe3\x99\x01\xf8\xc9\xc3\xb4L\x07h\x91ofA\x07\x0b\x87\\\x1eLaY\x11\xeas9p8\xd9]\xa3\xcb@D\xbck\xd3\x93\x03\xb4\x18\xc6\x07;\\-\x91\x10\x11A\r\x1b`7\x94\xe8t\xc2\x16\xe0\xdd\x15\xcbA\xbd\xa5Q\xb2\xfa\xd5\xae\x12xj\x1dk\xf0SI\x18\x7f\xce\ns\xb4\xb5\xaeP~\x19\xdd\xca\x8b\xc5\x99fc\xd3\x1f\xe5\xa2\xd9\xafyB{\x00\x84Wd\xc4h\x91\xe0\xda\xdfg!\x05^%\xc9N\xa1\xdc\xf8\xf3\xb7|2\xcb\xc8Qa\x12\xef\x95A\x05\xe7\xe6\xd5\x11_\xcc\xb6\t\xbc\x93\x839\xe6_\x8e\x88\x88\xaa\xe7\xf07\xe4\xf1V\xb9p\x8c\xab\x1a\xc8+\xb0a\xfc\x80S\n\xc4\xea\x15\x19o&lt;\xe1\xfb\x17p]\x98\xe4f\xff\xa1\x193\xb7\xcc&amp;\xf9\xba \xd9\xa76\x17\x9c\xdb\xdf][\xe9\xd3\'\x06\xbb\xc8\xe8w\xe4\x18\xa1R\x8c\xa1\xb5\x18\x04\xdf#K\xdfeg\xaa\xdcn\x020\xd2i\x8b\x19\x86\t\x1e\xbfxB\x86\xaeF*\x9a\x9f\xb4\xbd\x08\x0b&gt;\xbd\\66&lt;\xa6X,\x96\x9a?\xe42\xb3L4\xa4\x89a\x8a\x94\x7f\xaf\x0c\xb2\xb9{l\x98oX2\x08\x03\x82Iz\xf0\x88\x0eHs\xf7\x11\xfbA\x1do\x9a\x04s\x89\x13\x03}\x0f)\xa2\xb2\xd9}\xe8@\xd1\xcb\xaa\x84\xbe\x9aYRK7\xc5\xa3\xba\x07J|j\xbfI\x1d\x01\xd0%q\x88\xd7\xf3K\xc6,7\xd9\x02k\x9b[\xc9\x07\xd86\x9a\xfa\xa3\xfa\xd1\xeb8\xa5\xc5\x1c\xa0\xc6&gt;C\x9a&lt;\xc4%\xc7\x10\xa6\xb8E\x12;!\x85p;\xee\xfcR\x97\x8a\x19\x9dr\xc0\xe0G\x0b\x7f\t\xf0\x83\xd3_\xf7cY\x0c\x01\x9e\xe2(u\xfalY\'\x9ahO\xa0\x13\xee\x05@\x80\xc747\xb2)\x84\x1d\x87E7zty\'\x8b\xb2\x1b\x82^\xb3\x90m\x0ex\xe0x\x00\xaaM&gt;\xfa-\xfb\xd2\tr\xa28\x1e\xd2[\x00/\xea\xd44\xfde\x97\x0b\xf1r\xfa\x89K\xd7\xe4\xc5\xbd\xc4\xb0\xd7h\xb6\xe4|\x15\xc2\x85\xda\xdf\xd4\xb5[\xee\xe6y\xfc\xcc\x87T\xa8\x10\xb8\xb0c\xbaD\xe9y\xd6\xab\x1f]\xe5\xc3\xce\x94)\xe8\xaa,#l\xf6\x8eI\xc3\xbbQ\x97C\x11\\\xc4\xaf\x80\x88~o\xb90\xa9\xbc\xf9M\x0b\x98\x08\x18\xd9%\x95\x9c\x9coE\xf8\xbf\x08\xf0c+\x9dBa\xf2\x90\x1dud\t\xcb\xb7F\x900\x9f\xf5\xc8\xbdo.\xf4\x1fI\x98p\xe7\x9e\xe2d\xc1\x1f`R\xc9\xb8\x17\xbf\xef&gt;D\x99\x</t>
        </is>
      </c>
      <c r="E425" t="inlineStr">
        <is>
          <t>&lt;class 'numpy.ndarray'&gt;</t>
        </is>
      </c>
    </row>
    <row r="426">
      <c r="A426" s="1" t="n">
        <v>424</v>
      </c>
      <c r="B426" t="inlineStr">
        <is>
          <t>steps_per_sec</t>
        </is>
      </c>
      <c r="C426" t="n">
        <v>4800</v>
      </c>
      <c r="D426" t="inlineStr">
        <is>
          <t>3.021487</t>
        </is>
      </c>
      <c r="E426" t="inlineStr">
        <is>
          <t>&lt;class 'numpy.ndarray'&gt;</t>
        </is>
      </c>
    </row>
    <row r="427">
      <c r="A427" s="1" t="n">
        <v>425</v>
      </c>
      <c r="B427" t="inlineStr">
        <is>
          <t>Loss/RPNLoss/localization_loss</t>
        </is>
      </c>
      <c r="C427" t="n">
        <v>4800</v>
      </c>
      <c r="D427" t="inlineStr">
        <is>
          <t>0.12075062</t>
        </is>
      </c>
      <c r="E427" t="inlineStr">
        <is>
          <t>&lt;class 'numpy.ndarray'&gt;</t>
        </is>
      </c>
    </row>
    <row r="428">
      <c r="A428" s="1" t="n">
        <v>426</v>
      </c>
      <c r="B428" t="inlineStr">
        <is>
          <t>Loss/RPNLoss/objectness_loss</t>
        </is>
      </c>
      <c r="C428" t="n">
        <v>4800</v>
      </c>
      <c r="D428" t="inlineStr">
        <is>
          <t>0.018792879</t>
        </is>
      </c>
      <c r="E428" t="inlineStr">
        <is>
          <t>&lt;class 'numpy.ndarray'&gt;</t>
        </is>
      </c>
    </row>
    <row r="429">
      <c r="A429" s="1" t="n">
        <v>427</v>
      </c>
      <c r="B429" t="inlineStr">
        <is>
          <t>Loss/BoxClassifierLoss/localization_loss</t>
        </is>
      </c>
      <c r="C429" t="n">
        <v>4800</v>
      </c>
      <c r="D429" t="inlineStr">
        <is>
          <t>0.29204875</t>
        </is>
      </c>
      <c r="E429" t="inlineStr">
        <is>
          <t>&lt;class 'numpy.ndarray'&gt;</t>
        </is>
      </c>
    </row>
    <row r="430">
      <c r="A430" s="1" t="n">
        <v>428</v>
      </c>
      <c r="B430" t="inlineStr">
        <is>
          <t>Loss/BoxClassifierLoss/classification_loss</t>
        </is>
      </c>
      <c r="C430" t="n">
        <v>4800</v>
      </c>
      <c r="D430" t="inlineStr">
        <is>
          <t>0.11478553</t>
        </is>
      </c>
      <c r="E430" t="inlineStr">
        <is>
          <t>&lt;class 'numpy.ndarray'&gt;</t>
        </is>
      </c>
    </row>
    <row r="431">
      <c r="A431" s="1" t="n">
        <v>429</v>
      </c>
      <c r="B431" t="inlineStr">
        <is>
          <t>Loss/regularization_loss</t>
        </is>
      </c>
      <c r="C431" t="n">
        <v>4800</v>
      </c>
      <c r="D431" t="inlineStr">
        <is>
          <t>0.0</t>
        </is>
      </c>
      <c r="E431" t="inlineStr">
        <is>
          <t>&lt;class 'numpy.ndarray'&gt;</t>
        </is>
      </c>
    </row>
    <row r="432">
      <c r="A432" s="1" t="n">
        <v>430</v>
      </c>
      <c r="B432" t="inlineStr">
        <is>
          <t>Loss/total_loss</t>
        </is>
      </c>
      <c r="C432" t="n">
        <v>4800</v>
      </c>
      <c r="D432" t="inlineStr">
        <is>
          <t>0.5463778</t>
        </is>
      </c>
      <c r="E432" t="inlineStr">
        <is>
          <t>&lt;class 'numpy.ndarray'&gt;</t>
        </is>
      </c>
    </row>
    <row r="433">
      <c r="A433" s="1" t="n">
        <v>431</v>
      </c>
      <c r="B433" t="inlineStr">
        <is>
          <t>learning_rate</t>
        </is>
      </c>
      <c r="C433" t="n">
        <v>4800</v>
      </c>
      <c r="D433" t="inlineStr">
        <is>
          <t>0.039919484</t>
        </is>
      </c>
      <c r="E433" t="inlineStr">
        <is>
          <t>&lt;class 'numpy.ndarray'&gt;</t>
        </is>
      </c>
    </row>
    <row r="434">
      <c r="A434" s="1" t="n">
        <v>432</v>
      </c>
      <c r="B434" t="inlineStr">
        <is>
          <t>train_input_images</t>
        </is>
      </c>
      <c r="C434" t="n">
        <v>4800</v>
      </c>
      <c r="D434" t="inlineStr">
        <is>
          <t>[b'1024' b'1024'
 b'\x89PNG\r\n\x1a\n\x00\x00\x00\rIHDR\x00\x00\x04\x00\x00\x00\x04\x00\x08\x02\x00\x00\x00\xf0\x7f\xbc\xd4\x00\x00 \x00IDATx\x9c\xec\xbdw\xf8~\xcdQ\x17&lt;\xfb\x10\x8at\x08%\x08\xd2\x02!H\x90*\x84.j(R\xbc \nB\xa4\t\x82\x14\x8d\x80(\x08(%Ti\xa2F\x8aH\xa4\x86"\xdd\xd0\x83\x10J\x00%\x91*-\x14\x05\x02$\x94\x17\x91"0\xef\x1f\xa7m\xdf\x99\xdd\xd9={\xee{&gt;W\xf2{\xee\xef9\xbb3\xb33\xb3\xb3\xb3\xe5\x9cc\x00\x10\x11\x8c1\x00\x08\x00\x00\x06$\x80\x88\xc6\x94\xa9!"\x00\x98\xa3\x94\x0c\xf74\xa3$\xfd\xa5\xc0!G\xbad\xb4\x921\x06\x11i\xb5\x00\x00\x01\x9dfw\x02G\xa421\x00X\xda\xbb\xd3,ju~\x04v\x07\xbe\x13:n "\x95,\xb8f\xaa\xea\x0bly6\xca\x0e\xb7\x85\x97\'\xc0z\x0b\xec.\x83\xfdb\x05\x01b\xdc\xc3\x96\xba\xcd$U\xa7\x18\xc8f\xd4bP\x87\x0e\xc8\x04\xb1\xb8\xb9\xa7\xe9J\x81\x92\xcb\x03\xa5h\xe0-!\xa6\xbe\x14\xf7\xb5-\xaf\x0b\xf0\xdf\xe1\xd4\x1e\xa4P(\xce\xc7\x03\x00f\x0b\x16F$" \xe2\x12e\x10\xe3\x91\xdd\x86q\x02U\xa7xT\x90\x81\\f+z4\xca\x11\x98\x15\xf1\x19\xfc\x1a`\xcd\xeb\x9a\xb0\x98to\xf7n\xe2\xa5\xc5y+\x17}\xe0t\x18\x03i\'\xfc\x03\x12\x01\x03\xc6\x98yR\x16\x0f\\\xb1\x8c;#G\xc4\x9e\x0e\x1bJ\x17\xe7\xe5^=S\xd5\x94\xc8\x96\xa8h\xf5"\x00\xf0T\xbd\x87a\x00\xaf\xd8\xde\xe3&lt;\x18c\x8c\xf9\x89\nIj\x81\xde\x1f"\xbd{\xe9;\x9fh]y\x9dv\xa2b\xd8\x1a\xf8Ev\xd8/\xb8\xdf\xd0P`V|\\\x8a{`#\xfco\xe15\x85B\xa1h\xc1\x9a\xf7;\x88\x95B\xf0o\x89D\xa3(\x91\x820\x0b^\xc1\x93\x99\x13\x1d]\xca\x99\x8a\xd6\xad\xac0\xb2(\xb6\xbdH 0iH0I\xbc\x8d\xf5\x00x-\xe2\x8azL\x89\x1a\x85h\xa9\xde\r\xdfH\xe9;y\xa4"@\x8e\xe6w\xa7\xfcm*-U\t\x13k\xc5\xffv\xb4\x91\x88$\x7f\xab\xc6\x04\xb2\xbd/n\x15Q\xd7\r\xc9\x9e\x1e@fu\xbfJ\x90\r\xb7{\xe3-\xb4Z\xa1Pt\x07\x92\'\x00\xc8L\xb2\xe9\xdc\x13w\n\xbc\xe4R\x8dc\xdc\x8a\x88\xe7\xcc\x13\x84\xf7%\x92$$\xc6\xe9\xea!\xbf\x87\xa1E\x11f3\x15{A\x02\xeam\xa9\xde\x0f\xbd\xf3&lt;\x1ag\x04\xc0\x8f\xe9\xa4\xa2W,\x92E\xdb\xbe\xa7\xe7\xa3\t\xc4\xfdVZZ\xbf\xb3\xf4\xd1\xc6\xbe&lt;t\x8c&amp;\x00\x7f\xcc\xa8n\x89+ M\xaff\x9e\x83\xc0p\xc7\x0f\xab\xd4\xff\xbd\x99\xf6*\x14\x8aA\xc0mi\xff\x82A\xb3)\x11\xdc\x89x\xe4&lt;\x06\xb4T\xb8zc$qp\xe2TC\xcc\xef\x03\xdeX\x88\x88\x00\x1fC\xaf\x1b\xbd*%\x1b\x1f\x92]\xafsG.\x90\x1d\x15F\x08\x13\x80\xc7:\t\xd3\xack\xa2\xbd\'\x00~\x84\xec\xdf\xb5\x9dIW\x9a\x1d\xee\xffK\xa4\xb6\x8a\x03\x87\x8a&gt;j\xf7d\x11k\xbe\x92\x80p\n\x85\xe2\xca\xb8\xee\x04\x00\xa0s\xceA&amp;\xdb\xba\xf90\t0\xb2\xb04;\x10\x11\xfe\xfe\x95\x04v!\x9c\x9f\x9d\xdb\x8b\'\x8e!u"M\xd8\x10\x06\xf2\xe6p\xbdN\xd8pt\xd6v\xc9Y\x9d\xa7\x17&gt;\x9b\xd6XO\x99Q\xd51q\xd8\x9d_W\xa1P\x9c\t\xc6\xeb#\xe8\xaf\xb8\xd9\xc3H\xfb\xeb&amp;X/\xb8h|\xf4\xca\x0e\x7f\xb2Oq\xfd\x01\xe2\xf3\x00\xbc*\xc0\xff\x9c\xf59QAl\x86\x83K\xbdeb1\xfd\x85\x04\x0e\xe1\x0f\xdfR\xdda\xda\x87\x9bO\x01".\xae\x8d\xc8\xd6\x0c=\xa6\x8d\xa7F\xe1\x15e\x97\xca\x1a\xc77\xd3\x15\x12/\xde\x9d{\x01\xad7\x14\x85\xb6+\xe9\x19\xf7\xf7\x02\x04\xef\x82\x03U\xb8Bq-\x8cK\xaf9\xb0\xa7\x10\x90\x11r\x19\x8c\xf7\x186\xed\x04`\x8b\x980w\x88\x14\x102\xa2\xc3\x8d\xa8\xa27\xbc\xe1\xfc\xe6\x12\xf7)R\xbaj%\x8b\x87\x97\x91\x13\x80LpX\xc5\x08V\x80o\xc5\xfd\xea\xbc\x8eWk\xac)\xe3\xdc\x17\x94dx6\xc0\x833\xd2\xe2\xc8\xf7\x9f*\x14\x8a6&lt;@/:lG\xd5\x1ba\xd3\xc5\x10\x82\xec\xdf\x15\xb2^`\xe9\xc6.\xb2\x89\x92\xec\x83J!c;\xc8\x9e\x81\xee\x041\xcf9A\x07\xb78\x0c_\xbbE\xe6G\xb7\x1fB\xa6\x19\xfb\xe2\xd9\x85Y\x84\x9f1\xffqy\x0f\xae+\xd8\xf1\xa7w2\xa7]\x14\x1c\xfdj\x81\n^E\xc3\xa0\x97v\x9f\xd8aw\xc6\x04\x19\x1e\xbc\xffJ\x9bR\xf8\x0c\x98B\xa18\x13\r\x07\x04I\x94\xa3\xd7\x19b\x1d\xe2\x85\xd4\x92t\\\xd6\xe1aH\xe9\xc6^\xe3\xa0d\xa5x\x11\xf5\xdd\xf4\x18\x90i\xdar\xeb\xf9]\xd7\x1a"\xd4\xee\xd2WU\xfb\x85|\x86\xef\xe4\xb3\xb7\xab^\xf3\x8b\xcb}6\xa6\xf2r/\xd2\xa6oQ\x85\xcc\xd4b\xfa\x7fy"\xd1\xe0\x93o\x9a\'\x1b\x95\xb3\x86\x9dU\xc5\xf3I:5\xc1~w\xf3\xc1_\xa1P\xc8\xc0\x8a\x14\xecx\x11I7\x11\x01\xfe\x9dW\x86H\n\x00\x1f\x9e\x1e\xd4\x11\x11&gt;\\6\xa2}\xba(5!4\xae\xff;\xc3\xf3\xcd\x0e\x00\xdc\x06V\x8c\x85w9\x82^)o\xe0O\x00\xa6F\xbf\xb6\xb8\xc1\xd9\xef\x0bu\x13\x00Y\xd9\xb6\x8e\xdc\x12\xb2\xa2\x01\xa1\x9eZ\x99\x99\xcd.6\x01\xf0G\xc6\x81\xb8\xa5~\xa1P\xdc6N\xdeU\xc7\x86\xb3\x8f\xd1\x10\xe3m=o\x17a;\xa4\x1ae\xe4^GD\xb7\x8aEGH]+\x8b\xe9\x8e4T\x9bc\xab\x08\x89\x0f\xbbN\xd7\xd2&amp;\xf47\x9f\xbc\xcbM\x0f\xbb;\x0b&gt;?\xba\xf6\xe1,A\xac:\xb8\x8c\xdb\xd9w}\xc4%\x83d\x94^\x1e)x\x01\x84\xdf;M{V\xd4\xda\x9fTJ\t\x83\xcbs\xdfKcROB\x1bc\x88\xbe\xd42\xf0\x95\xe9\xba\x18\xec\xa2\x888\xfd\xd3n\n\x85\x02\x80\xf5\x0c@\x0f\x8c:\xfah\x00\x10&gt;*s\xd7\xfe\xcb&gt;\xed\xdaG\xb8\x9b\xcb\x18\x8c\xa34\xff\xe6hi\xba\xe0\xef\x1dc\xeb\xc0\x03\xbb\xdej\xdfm\xae\xab\xf5:\xd2}&lt;\x82\x92\xdf\xb1\xa93\xe6\xea\xf37\xd7\x97\x0bh\xb0\xd4\xa1\xad\xdd\x8f\x7f\x0f&amp;\xd8*t\xa2}\xd8\xc5^j[\xce\xce\x08\xba\x07\x84\xb6\xc8\xd0\xbap\xbe\xcfOl\x08\xb9(\xeb(\xd1\x9du\n\x85BaA|\x070F\xed\x0bs{\x9d\xde\x95\x96M\xc9\xee{\xa9UGD\x00~6_ \xa2\x9c7)\x1d\xd1\xc9\xdc\x12\x01\xbb\xa5_\xdaE\x8c4&lt;\x13\x9f\x90|/&amp;h\xf6\xb7\xbev\x14\x85\xe3\xa2\x1d\xce"\x07!"\xcf"q\xb7w\xd7\x18\x8d\x9a\x864\xc7@\xdf\x104\x8b$\x895z\x0b"&gt;5B\xe1\x11\xde\xdf\x7f{\x93Pv\x14\x08II\x10\xffe"\xeb\xb8\xea\xfa\x8dq\n\x85\xe2~ \x1bG2\x911:\xb4\x7f\xbbs\xf1(\xd8&amp;\xc5o\xc8&amp;(\x0b\xea\x06\x95\xe2\xa8\x99\xce~\x00\xe0o\x14\xab\x08&amp;:-\xa3Z\x0f/\xa2\xd3\x14W\x05\x89\xd4\x0fO1\x00\x0b&amp;:\x14Ft\xc7\xa3\x08\x96r\xfer\xddt\x81\xba~:=x\xee\xdd\xae\x81\x9d\x02n\xb3\xdc\x96\xa9HR\x1e\xaa\x9c\x1ewRP\xe5\t\xca\xa1\x16\xa5\xdf\xc3\xebn\xd1\x93\x15\nE\r\xc4\xb3\x9c(\xfd\x86\xca\xa5\xb4\xdb\x1d\t\xd0K\x00\xaaY\x8f\xc1\'\x06\xd9\tIfN\x0eT&amp;\x85\xbe\xd2\xba\x8es\xac\xda-\x9cC1v|\x1c"\xc0\xaf\x03\x00\xc0\x07g(d$\xef\xe1`\xd3{\xac\xf8\x04\xf8\x15\\\x97+\x13\x0f\xbc\xd4\x17\xc9\xf7c\x8eWg\xca\xf407X!K\x92l%\xe4B\n\x99]\x9a\xda\xdb\xc0#\n\x1b5\x18\x1f\x17\xec\x8d\x05\x9e&lt;V\xeb\xde\x87YW\x0c\xbb\xd8\x96\xfc\xa9\x96\xca0\xea\x86\x87v\xa6\xafP(\x04\xe0\x0c\xbd\x88\x08\xef\x8d\xb2c\x12\xc6Fh\x86p\x84\xc2V\x02\xf1&gt;\xd6\x85\xc1\xaf\x8bnE\xf7lr_u\xfb1tKa\x987\t\nr\x86\x15|\x07\x16o\x9d\xe5r\xac\xf2\x10\xad\xd2M\xf9\x95@Dx\x08n?\xfb\x89\xf4\xbbG\x93i,"\x8a\xda\xfe-\x82H\xfc\x8ct\x9c\xce\xb4\x8bl\x14\xfd\xf4\xf0\xcf4\xc1J.-\x12\x0e\xed\x80\x84%-\xefB\xa9L\xbbD\xe7\x87\x1d\x85Bq:\xfa\x0e\x81\xd9\xc8\x15\x1f\t\xbe\xb5&amp;6\x9d5\x96\xcf\x8bHJTH\x98\xceLJdA\x18\xdd\xfb\xb6\xc2\xd1jL\x86*\xcdwA\xc2\x19r\xc5K\x0b\xba\x05^\xf07y\xf3\xa8\x84Th\x9f\x0b\'\xcb_Xm\x8d\xd6=\xc8~\xf1 K\x11\xdb2F\x86\xea\xca)\x9a\xad\x92y\xd4j\xd3\xe5\xfa\x06\xb2\xbb-}O\xfb\xb8\x10-\x13\x05[~\x92\x18\n\x85\xe2\xf6Q\xde{E\xc4\x1f\xaa\x8e\x0b\xe9\x0cl\xc0\x08\x91\x85\x1d@o$\xea\x1d\xda\xcb\x8f\x18\x91!\xa4vE\xb6_\x13\x9a\x89\xa4HI\x18\xfdYd\xfe\xc5\xe6\xe0\xd7v\xd0$r6\xc4b\xfe\x90+\xfcyV\xb2\x12\xde/2"J\xe5\x89\x154\xa7i\xcf\xa7\xba&lt;Ux20\xa6\xcc@\xbc\x0f\x85\xa1\xb1\xd1\x11b\x13\x8c\xac.Dx\x19\x86\xa8\r\x9d\x91\xce%^\xacN\x9f\xb1\xfe\xf2i\x15t&lt;z\x1e\xf1}\xb2]D\x03\xeb\x88\x1cu5\xa5dP(\x14#\x91\x8c\x8cn\x88\x19\xd0\xc3\x87\x05\x91c\xfdR&lt;\x86\xb6\x88\xd4P\xfb\xf8\xf2Nn\x9c\xf8\xe8\xdd\x94\xf6\n.\x83\xb5G\xf0-\xbb\xcd\x01\xda)\x94,[\xc9b#\x98\xc9\x80}\x01\x06{W\xbf\xfc\x80\xc8\\\x90T\xa6\x15\x9e\xebr\xdbk9\x7f\xb4J\xb4_t\t\x83\xd1f\x06\x17+;l\x8bT\xb1+\x14\x01\xd8\xe25y)\xe1t\r\x9f~\xd8\x87H\xa8l\x02\xc0_\xc6\xb8\'\xafd#\x8c\xc4X\xcb\xe0t\x01\x14\nE\r\x92]\xf7\x1b\xbd\xe1\xe7\xda\xb0\x02e&lt;vGv`\x07\xb6\xfa\xb9\xc5\x82x`5\xc1\x86\xe4\xf56\x1b^~\x80\x11\xd3,\xce\x1a\x98c6\x8a\x95\xa86\\\xa6Q,\xca\x05\xfd\x94Z\x01\x88\xbf\xed\xf6\xe8\xed\xc63(\xdcG\xa1\xec\x06A3#s\x00\xbb08}\xbc\xa3\xe0\xd55-\x1at!;n\'\xb2\x14\x15\xe9?6\x91\x80\xdar\xeb\xcb\xf3\xbeZ%\xb3O\n\x11\x11\x1f\x13\x9b"\xde\xc2\x00\xadP(:#\xf2\xc1\x0eL\x7f\xc9o\x8f&gt;W\xff@\xa9\xd5\x10p?\xf1\x08\xd1o\xd9.\xb7K_\x14\xee"\xe4\xd4\xaaN\x8clw\xfay\xd4\x7f\x84\xf8\xaf\xd7\x9f\t\xabQ=\xc7\xf1OlVf`\xa6\xc5@Q\xeb\xd5\xfb\x9bEn\xff\xba*\x9d\xa6-L\xb4|(mP\xcc\xee\xa7\x808\xb2\xef\xe0\xfe\x19\xa9\x0c\xd3b\x1b\xc3b\xe0\xf4&amp;\xc4\xf4\x07k\'\x0e\x17\x9b\xdb;\x1e2X\xce\xfa\xa0\x9dJ\xdf\xcbMxN\xc4?&amp;\x17&amp;\x08Q"\xb2\xf9?\xdce\xf8U(\x14L\xf0\x06\x92\x89\xc7\x18\x06\xfc\xec\xdf\xbd&lt;_\xc3\x07\xcd7\xea`\xcf\t\x89\xf9\xcdi8\xa6y]ds\x9b\xdf\x94\x80\xfa)`"\xe7\xab\xa7\x18\xd8\xab\x91W~\x8d3\xa7\x875\xb3q\xd6\x97\xa3\x19L\xa0\x13\xe3\xdd5\xd6\xb2\xe7\x18\xf7\x0b\xc3B\xb6\x0b8-\xc8O\x11\t\xb3\x9d\x8b!o\xbe\x01\xac\xcd\xeb\x00\xfcH\r\xd3\xe6y\xb2\xb3~\x84\x88\xc6\xbc\x04\xc0o\xd2r\xfa\x06\xd8\xb3a\x85B\xa1\x08\xf0\x00\x00\xd0\xcf\xe9\x1as\xf9qh\x87\xd9\xff\x01\x80\xd2\xfe\xf6\xfaM\xf5sP\xe0\xdb\xbe\xc5\xdc\x82\xe3\x83\xf3\xeb\xef~\xac8\xfb\xda\xb1c\'\x18\xfd)\x07K\x13\xad\x1cv5\x9a\xf7[\xff\xdbD\x0e,;mBn\x1b}\x01\xa4uS\xf0\t\xb3\xe4\xbb\x91\x8b!\x9d&lt;\xa9\xf1}\xa0$Rd\xdf\xe5\xb8\x17?|\xe8L*\xf6\nC\x82\xcfU\x0f\x8d\x10\x8f\xd9\xe0\x7f\xcf\x91\xc8\xd0\x0e\xaf2\x8da\xf6-\xa9m\x83\xe87\t\xb5\xfe\x88\xc7\xc4\xc5?\xd7c@\n\x85\x82\x88\x133\xc8*\xb4\x077\x0c\xfe\xbc\x96\x06V\x88\x9c1\x15G7\x91X4\xff\x99S3u\x8e\xb6\x0f~n\xcb\xe6~\xb0\xe9`\xfdO\xcaJe\x13\x0f\x13P\xfb\xaf\x8a\xee\xf0\xf1A2KT5\xb7\x8a+d\xe4Y\x9dS\xbbCA\x87a3\xd3\xcd\x1f\xda\x8a:\xa3S\xc8\xa2uV\xbe\x87\x81\xf24).M1V\xbb\xe4\x07\x85\xac\xa8\x19y\x14\n\x85B\x01\x00\xaf\x99\xbbI\xcb!R\x7fv\x021\xac\xe7\x07\x89xax\xb3\xfdB\x83\x80\x92\xb0\x07\xfe\x93\xa5\xc2\xae\x9f9Ks\x1d\xc7\xab\x0ev\xa2\xb9fH\xae\x8a\xd8\x92\xd7&amp;L\xbf\xb7\xe7=\x94*{\xb1\xef\x0c7yN\xd4\xb9\x95\xd0g:o\xb4w\xcb:g\x1d\x91\x8c\xc5\x11\x11\xe0oVKR\xeb\x15&lt;.\xb1E\x1cyg\xae#\x15\x12\x04x\xf1:"\xb28\xad\xb3(\x14\n\xc5)\x18\x95%\xa0\xfb;2\xf0\xc7\xab1\xc4\x9b7v\xef\x83e\xe3\xa8\xe9\x91\xac\x96\xa4_\xfeQd\xda\x9bW;b)N\x85\xc9\xde\xacA\xc9\x91\xe5p&amp;\xf7\x8d\xd0X\x85\xdb\x02\x7f\xd2\xe6\xf0ut\xc4e[\xe8r\x04HO\x00\xc8K\x12a];\x0et\xed\x14+\xe5GE\xb6\xb6\xeaH\xa5P\'\xdeG3(\xd4\xb1`\xd4\x124\xc4\xe0\x1e\xa7P(\xa4\xd0~\xb4\x14[\x1ev&lt;\tK\xc0\x1a\xfd\x86\x10j\xe9-\x9e\x12\xb4\xca\xa3\xdc\x86\xc5\xd0@\xe5\xe8\x0e\x0b\xed\x8f\xb1\xe2z6\x9aM\'\x1c\x9f$\xdc\xf5p\xa1\xe8\xf8w\x81G\xa2-DT\x04\xcb\xcb\xb1\x18\n\x97j\xafK\x87\xca\xfd,\xa4\xac?^\x92\x10[\x97\t\x84A\x84\xc4\xeb\xce\x00\xa2\xd7\xb7\xbb\xeb\xfd\xba\xd69\xaa\xaaz\x88\x96\xf7.\xa9\x8d\x11\x0c}\xa8\x9d@\xb6X\x9d3\x04Dj\x86\xcf\xc7\x87\xa4\xd6\x8b\x90\xb2&amp;cdA\xc4\xc6w\x1e(\x14\x8aS\xf0@K\xe5e\x05A\xba\xdb\x0fXN0\xc4\xe8\xf6Y\xb9a\x80\xba|\xb2?\xd8g\xd7\xcc\x14_\x9e+\xa4)5\xfe\xfa\x91\x1eX\xc9W1\xf1\x9e\xb7\xde\x08\xd1i\xd9%\x7f1U\xe8\xbd\x12\x1a\x90}4y[\xce&lt;\x0e\x16m\\B\xbeN=\xee\xb1\xb4\x90\xe9^\xa8J\xf0\x1cv\x05\x1d\x9a2\x86\xc5Gp\xb6c?Y\xbb\xf6\x9d\xe9\x97\x18\xc3\x14\xfb\x0c)\\\t2\xb9\xa6I\x05\xc0Rb\xbame\xb6\x8bW\x852_\xfb\x9d\x04\xb06?\xde\xa8SZ\xd1\xfb]\x12\xe8\xfd\xb7 \x89\x89\x0e3\xdc\x18\xb3+\xb9\xf7\x0e\x8fB\xa1\x98\n\x17\xea\xe7\x15Q)\xb7\xf3K\x0fs\x9cMd\xab\xc0G0\xa5\x95\x8f\xb9i\x82\xff;\xcfkm`\xa6\xb14mD\xca\x87\xc7|\x8bu\xa5\x119\xac\xb2\xca\xe6\nY\xd7\xc6\xf62&lt;l\x02[\x94\xcb\xe6\x8b\x92\xb1\x0e\x0e\xc9H\xc8\xd2\x1e\x91N\xcc\x85\xd6R\xad=HH\xda3Q\x12~i\xdd\x1b7\x9c\xce*\xa9\xc8\xeaDV\x99\xac\xe1z \xec\xdc&gt;\x1a\xa9\xd7\x9d\xaf\xa3P\xf6Tgq\xac\xc0*\xe7\xf3;\xad\xce5\xff\xda\xfe\xafP\xdc\x19\xeeb\xcfn\x0fI\xe6\xfb\x00\xde\xb8\xe64\xce\x8e\xbam\xe8\x14\xbc\xedi\xbbb\xcd\xce\xf5\xd3\x10^K\xca\xa0\x98\xd9\xdb\xc1\xecF\xf6~\xf7P{\xb4\xa4\xab&amp;\xcaw\x91\xf6\xb7\xc5[+\xc4\xa4-\xf5nXE\xdbw\xd27y\x96k\xb8\x1f\x9a\x80\xb2\x90\xc8;a%\x04\xcfW\x8d1\xbb\xe9]o\x0c^\xba\xef\x88\xba\x1f\x1dA\xcf@\xd2\xb25\xd2\x00\xc8\x1d{(\x10)V\xcchl(\xd6\x13&gt;\x10\xc6\x96|\x9f\xdd\xe1}\xd9@\xd6-\x13\x92\xc4,e,\x07k:}\xc4\x031\x80\x1b\xf3\xe2\x00\xcf\xe2\x12\xff5\xc4\x87\x1c\x14\x18\xc7l\x8aU\x02#\xc2n\xb5J#b\xe4@\x11\x00&lt;\x0c\xf1g\xf4\xb4\x8fBq}\xb0\x8f\x00\x9d1\xbf\xc7\xe0\x07\xb9\xa6\xb7 Q\xca\xfe\x9f\xec\xae\xcd\x84;\xb6\xdf^n~\xa4\xc0\xbe\xddj\x9e\xe9\x89\'\xba\xb8%\x96\xfd7\x89c\xf6\xb7\x98\xe7\xc5!o\x87/\x85\xfe\xebZg\xaa/\xdbl\xe7\r&lt;\x99\xd0J\x84\xdd3\t9R\x00sL\xc8I\x07\x94\x97m\x03\xab\xcaR\xcb\x08~*\xc4\xd6\xdc\xb7VQ\x08;\xeb\x9f\xd6P\xb1\xfe\xfb\r\xe9\x8e\x91&gt;\xe67~Yt[\x05\xf6BY\xd2.\xe6\xf5\xd72[\xf5\xa3\xe2G\x01\xc8\xba\xa5\xb1\xa6\xca;&lt;\xf5\x04\x92\x1a0\xc6&gt;}$\x123\xe3v![\n\xb1\xfc:\xff\x8d\xc5\xe7\xeeW\x1e\x92)\x9d\x069\x8c\xc4e\x80\xba\x1d\xe2\xc47M4\xfbW(n\x03\x95OG\xd9C\x85\xf8Z\x97\xe0\x9a\x13w\x11\xb1\xc4\x1a\x89\xe9\x91\xc51C\xcdZ\xd7\xd9\x8a\xee\x97\xce}\xa0\xca]\xc9.\x94-\x9e\xb2-.~\xcf\x91\xf8\x8ab[\xcf\xef[\xa5\x195\xab\xec\xbb\x8bBl\x92\xd7\xa1\x15\xd5A&amp;\x9av\xd7-\x85\x16\x1bU\xb7[\xd8\x135\xdd\x8a\xdcge\xe1+\xcf\xacO\x95\xc2\xd6\x04\xdc\xf7\x97\xc2\xf9C\xe3#\xb9!\x05\xc6\x16.d\xd79,B\xd1iO\xc8\xba\x05\xa9\xbel\xef\xa0\xd6D\xda\xc4&gt;\x00\x00\xc0\x0b!\xfc\xaem \x85Bq%\xb0w\x00\xbc^\xde\x1c\xbf\xe2\xa7\x15\xed\xe5\xb36\xfa+LITkb\x93)\xc6k,#\xe0Z\x0f_\xfa+=M\xcb\x87\xdb\xd9M&amp;\x05\xe3\xfd\xd7"\x17\x10o\xdf\x14*\xd8\xa5q\x01\xb5\x9dB\r*\xfa\xc5\x19\xf9\xa2\xedm6\xfb\xdc1_\x80u\x99?*oy\xb2\xc7\xc3\x16\x10\xf8\xe6\x0b&gt;u\xbc\xedNt1M\xc0\xeb\xf4|\xc8\xa0\x05b\x04\xd8\xf6\xeeN\x17\x1e\xc0\xd8"\xfb\x1ej\xde\xfa(\xd8\xde\xb5\xab)l\x9b\x12\x89\xeav$\x8f\x85\xa0?\xacbH)\x17\xda\xcf\x18\xee p\xd4L\xfa\xc3\xefnb\t\x8c\x02\n\x85b4\xf8G\x80D\xd9\xc7\xce}\xfa\x17\xb2\xd5\xa3\xb9\xdd~\xd1\xbaN;\xbbO\x88b\x08\xaf\x1f-sH\xb2\xe4\x19\x94Tc\xdf\xd8\xf5\x05~\xdf\xa3\t"\ng\x13!\x9f4M\xb3\xb467j\xe1\x9d\xa3\x80M\xcb\x7f\x85\xaf\x95\x19R\x9ay\x11\x7f%Hz\x0e\x90\xb0m&gt;\xd1\x8cyt1\xa1i\x98\xf8\x01\xd8\x13\x9c\x8a\xd4\xdfr?\\\xfe\xce\xca\xc3]_\xc5\x12AI\xd0\xd9L\x91\xfd\x03,\xb6\x0b\xaf\xaeF\xf9\x16c\x97\xcbP\xa1\xce\x7f$\x9f\xdf8\xdcfw\xa1(\xfb?\xc7\xdf\x88BL\x8eS\xc7"\x12\xf8\xf1.\xed\xfc\x8d+#\x93\xb8\x8aB\xa1\x18\x82?\x95[Lm[\x97E\x0f\xe1\r\xaf\x0c\x91\\~\xa8HQ\xa33\xa2\x90u\xa95i\xbbM\xc9\x05j\x99&amp;g\xb5A\x96\'bb\x9a\x92E[}!\xc8\xb4\xfa\x9fYJ&amp;yu\x93\xf3\x17\t\x0f\xcb\x92C\xe6\x8e\x1c\xd4\x062\xdc\xbbk\xd3\xa4b\xc8\x00\xb8\x1d=#0\xa3-O\x8fD\x8f&lt;\xd3\xe4\xad\x14Rm\xa1\xd3 \xb6e\xa7\x9d\xdf\xd4\xad \xc8\xaf\xa2P(n\x04\xec\x1d\x80\xe7Hn\x08\x16\x17\xb4$\x03\xcd\x1e\xb5\x96\x93\x08\xf6[+\x98\x0c\xf1g\x8f\xf3\xee\xd4J\xfeJis\x0c\xf5\xcf\x0f\xe4\xb8\xd5\xa0K\x94\x0ff\x02a\x91\xd0U\xb6\x829y\xfe\x9am\xdd\x08\xc9\xf2\xc3p\xfb\x08\x9c/V\x85y\xc7K\xa9\xf6\xe2\'[$I|\xd7\x1f\xf2\xeb\x81\xeb\xfe\x98\xd4N\x18\x9b\xf9\xf2\xc3fNPr^\r\xbf`3\xa8\x92\x8b\n\xf3=\x0b\x93\xaaSOca\\\xa4\x1f+b8\xc2kXT\x8a\x11\x83\xb8\xea\xbf\xef\xeef\xa2\x10}\x03\x81o\x7f\xb3o\x8c\xe0\x11us{\x17%w\xddO\xf0+\x14\nE-\x8aK\x1a\xa95\x98\x16vYA\n;\x00\xee-g\xe9\xbd\xc8&lt;E\x07\x0bS \xa7VJ\x1e\x8e$DVQR&lt;\x81]\xa9";\x15\x14\x81\tZz\xd3\x90T\x8d*\xf8M+\x91\xfa\x9f\xe1\r\x01\xe2r \x9a\x80E\x8c\xb8\xdfBw\x80\n\xfcV7\xcat\xd8\xad{R\x83$+\x11]s\xe5b\xd3\x9b\xbc\xf6\x92Q"\x8cml\'\x8c\x93\x88QC\xc4?,E~\xfbz\x8cHW\xa7R\x8fU(\x14YX!\xa9{\xbc\xc8\x86ck\x90H\xc9\x93\x8d\xc5\xac\xad\xf9\xea\x11\xc2)\xdc0\xccT\x83i,\x047\x13\x8a\x8dgM\x99\xe2x\r,l}\xb1\x11\xf7\x870\xc0j\xe9\xbe\xc7\x85\x88\xafm\xddm\xe0,\x99\xcd\x88\xaa\xce\xd2I\x92\xe6q\xfd`-o\xb8A.Qb\xf1\x11"2p\xba\x9b\xe2dT\xc4\xb7\x04\xfeCH\xcav\'\x8f~\xc2\xe1\xfd\x8bA\x99\xa11sl\x88V(\x14\x17@|\xb4\xee1~\xfb4\x99\xf9G*\x16\x03\x00\xc0\xf3Ug\xff^L\xa7T\x8d\xd2!r\xef\x8c\xe4@\xb5^\x89\xb4\xbdh\xf7\\\x1bOi\xbe\xdf\x84\xad!\xeb\x9f\xbf\xe6\x8f\xb8\xd9&amp;G\x94\x90g-8l\x0bj\xcf\xa3s\xaaC\x0e\xea\x14E\x16B2\xc8\xb7\x02\xd7\xb8\xf7\xf0N\xf4\xcf\x86\xfc\xc0A=\xd7\xe6\xf7t\x1e\x9f\x1c-\'z\xec\xbf\xdf=,\x9f\xa1\x19\xca;\xd2\xfa\xa7\xc6\x04\x85B\xd1\x19\x88\x08\x9f\xb1trNW\xb7\xe2\x9a{\xad\x18v\xa9A6\x1b\x8e\xe9\xa26\xc6\xf7\x04\x95H\x88\xaf\xacz\xfaX\x1e6!\xda\xae\x88\xcc\x88\x00\x8f\x80\x82\xa5\xce\xc7.[\xa8\xf9\xa4\xe4A\x19\x8c\xcd\x85\x066\xc2\x97.u\xe3qT\xa90Gg&lt;\xba\xaa4\x98\xbf\x15\x05\xe1s\xe8\xed\x0f\xae\xe3=v\x1a\xc3I\x80\x1f\t\x0b\xda\xe6tR/*\xf0\x15k\xd5\xf2i\x9d\x1d(\x9aqi\xe1\x15\n\xc5\n\xd2\xcb1\xa1\xed\xcdh{\xb0\xc8\x7fc\x0b\x11\xcc;\x00|\x9d\xc1\x9a\xef\xfe`\xc5\xc7}\xec\x18\xe6r\xa4R+\xc6\xc1LC\xf2u_\x1e\xe0\x97\xba=#H\xb4i\xb4\x18\xc1:|[\x0c\x05z\x1f\x15\x82\x98-\xea\x0cW\xf80PgDMcKK\xfa\x10\x1e\xf0_h\xd9\x13y_m\x8bN\xb8~\xd4`\xa3\x95\x7f\xfb-\x8b\x0b-\xe8\t\xc0b4\x8b\xc9\xc4\x80\x884\x05\x12\x9d\xdc-\xc6#K\xacB$\xb5\x11\xac|/\xed\xe4\x9f\x89l\xcf\x19\x14\n\xc5\x00p\xdf\x02T3\xf5\xdf\xc3@\xb6\xaa1\x06\xf0k\xb7_l\xb1\xf8\xcb\x96\xe9\xd78\x14W\x91\x88\x8bR\xc6,\xb4\xfefH\xa1(\xed/\xaea\xf4i\x14F\xb5\xc0]\x9e\xe8\xed\xe8\x9b.\x08\xd6\x99:\xeeo\xae\xe24-\xfbV\x8f\x02\xfe\xc2N\x04\x86e\xff\xf2\x0b\x8a;\x05,\xf8\xffX\xbcqR\x14\x895Tcg\xffyZ\r\xd9\xcc\xd4\xdd\xa1;8\'3}\xd0\xbe\xa6\x02\x00\xc6|\xa0\x89\xc6+\xd1\x85\xf6\x06J\x02\xd9\x7f\x9a2\x02\xfc\x89{M\xa8\xc9y:\x1f\x17\x8a\xb1\xffV(\x14\xd7G$\xb7@\xfc\x01&lt;\x9e\x86|\xffS\x93\x05K6\x86\x18[-\xfc\xcex\xf2\x94J\xa7\xdcd\x0b\xd1\xbf\x94F\x92\n\xa7\xa2 \xc2\x86,\x97\x07\x1f$=\x03\x05\xdd\x92\xd4\x1e\xda\xa8%\xcba=3\x10;T\xb0Pxz\xa9Qny\xbf\xe4\x00\xaf\xabCZ\xa4\xc9}\xb5\x9b2\xbf+\x88\x12\xb1\x08#\xcf\xf7\x82\xf0\\\x9a\xef\xe4a4\xfe\xf0:\xaf\x0b\xfa`\xbc\x0c\x85H\x94l\xe6J\x03r\xd3o\x9b\xe1\xf1M`a\x01\x14\n\xc5\x99\xb0\x93\x06\xe7\xca\x99\xfd\xdc\n\xe8\x15\xe1\xd8\x15\x1e\xb7\xc4\xd7\xb9\xefeZ\xf09~\xab\x91&lt;\x01p$\xa4TH\xd5\x95C\xca|]\x99\x0e\x00\xc5\x1bSmgq9(\xb4\xfb?\x99B\xcc4\xd6\x95\xa3E1\x82\xdb\x8c=a_,\xaaeil\x8b\xde\xaa`s\xec8\x1fn\xb4c\xa3G\xd5\xf1:\x98~(=\xff\x93\x91\xf0\xcaQ\xa2\xc6Rn\xc7i\x1aq2\xac\xf3R%\xaa\xfb\x9dZ\xd2\x15\xc9\xe1\xd4\xd3\xc9\xd8\x10\xa1P(Z\xf0\xccLf\x90_\x81\xbb\x1a\xc2\xb13]\n^s\xbb\xfb*\xe1\x98\xcb@8\xbb@\xde\xeeA?=\x7fk\xb4\xe1)\xb5\xb4\xa3\xa8y\x11\xe2\x9c\x92Ub\x14\x92\xe9N@D\x84\xa7\xc7&amp;l\x96;A\xae\xc3\xaeU\xe2\xa4\x8b^7\xc8\'#&lt;\xa1\xcf\xa3\xc9A\x93\x05H\r8&gt;\xe5\xc8\x1c\xb0+5\xa72\xfb\xb4\xf1\x7fz\x86\x08\x0e\x90\xb0\xf3\x86\xf0p\xdfyZ\xcc]\xe1-\xbe\x9buf-\xe2\xcf;-\xa2\\\x02\xbc\x14\n\xc5p\x98\xb0\xf7n\x0f\xf7\xe0\xed\x9d^\x8d56\xf9\xd0\xa4\xf7\x90\xd3r\xdd\x18v\x00\xff\x01\x807L&lt;G\xbb\xd1\x8cX!/\xa4,&lt;1:=\xb6\x18\xb6\xf1\x8f\x01\x9e\xab\xd0\xba\xdf\x04x\xf1"\xe1_@x\x05\xcb.\x14ua\xcd\x83\xe6\xa7\xc3\xef\x92\x96\xaf\x86\x8e\x9a|&gt;/v+\xe2\x80\x99b]\x1fl\xb5$\xfce\xc0\xbf\xb0\x1d\xd3GD\xe1\x8e\xe0\xb59O&lt;\xafU\x9b\x98\xb8_\xf1|\xf5\xb9\x10\xff(\'\xe7b8\\\x9f\xf6v\x1e\x82\xa7\x99u\xf7\x01b/\xa3\xd0\xac\x83c\xc0\x88&lt;\x88(\xed\xab\\E\x19w\xca%\xf2\x18\xf1\xb8\xc0e\xf5v\x85Bq{\xc8\xe4|\xd3L\x00\x10\xe1\xad\x00\xbe\x95\xfc\xc2\xa2\xe5\x8f\xeckC\xb6"\x912\x94\x10\xdf#q\xcf\x90\x1a6\x01\x90"\xb7&gt;\xfe\x8c\x87\x1aY\xc9\x96-\x17)-\x03\x00\xcb\x16\x17\xcc\xec+Q\xd1\xe4T6I4\x90\xadp\xba\x9c)Y\xb6\x183\xc1+M \xdb"K;y\xcd@[\x92\x97b/\xae"\xbb\xcb\xb3\xba\x7f1~\x86\xc5\xfb\xf5\xc7\xaa\xa8"\xc9::\xeb\xd8\xa3\x9f\x87F\xf1\xc4\xe3\x9b\xd8"\xc8\x16\xe8\x85\xc7\x11\x85B\xd1\x19\x0floN\x08;\xed4\xdd\xd8\x18z\xf6\x0f\x90{6\xf0\x7f\x10F/c\x96\x96\xe78\xee\xaf\x9b\xc8\x04;Z:q\x06\xd6\r\xe2\xf5_kGCF*\xdc\x97\xde\x8c\xc1\xed\xdc\xb8]\x80&lt;B\x14\xde\xcbc/\xba\xe6\n]}\x87\xba\xf2&lt;w\xfcn\xda\xed\x8d1\xc6&lt;1W\xc6.](@\x03\x12O\x19\xf4\xc4\xda\x94\\\x8bH2Z\xaf\x94m\x17\xca\xa7\xcd\xe9\x9b\x94\x13 \xe5\x8d\xd0\x9d\x10\x99o\x14\x91.\x8crG\xc8\xc2W\xfe\x88\x90%\xb2\xde\x99\xbbG|"!\xc7&lt;Z -.\x8e8u\x04\x1b\xb1\xb5\xd5yj\xae\x9d\xacB\xa1\x18\x00\xeek@\x87\x81\x1dD\xec`\x96\x1a\xcf\xfe\xd2Q KI&amp;\xc8\xd2\x92W&gt;\x1a#,\xaeD\xd6\x7f{D\xebT\xcb\t\xef\xda|\x0c\x83\x8bu\xec%S\xe8\xf2+R_]\xb8\x1fm_\xa5\x8f\xbcKA]\xf6\x97\x13.4\xd2gE\xf5?t\x11\x16 r\xd9\t\xbdUY3\\\xd5\xd1\xe6\x00\x1c\x9b\xec\xad\xca,\x85\xe4\xaa7\xf4*9\xc71\xe6\xfd\x1c\xf3\x08\xce.\x8a\xac\x89*0\x00\xf0\xf6\xe1e\xdc\xfee&lt;\x15\xc0\x0fer\xcf\x03\x14\xd8\x00\x02|\x00)\xc2+\x14\nE\x0e\xf51+\x13\xef\xbce\x1a:\xc1\xe2sfQDKr\x89\xc4\xa4E\x82H&gt;e\n\'2A\x9f~\x99=\x83&gt;K\x8c\xed\xbd\xa5\x88;\xa3\xdeK\xca\xb1\xb6|\xfb\xc0\xb4\xc3\xc5\xe3\xea\x9c\r\x00\x00&gt;\x81\xd7\x11|\xea\xcc~dW\xb4j\x8d\xc9N&lt;\xc7\xc8\xf9|1z\x10y\x16E\xa2\xd1\xe1\xa1\xbe;s\x9a\xc6e\x11\x14\x96\xed,\xc7\xcb\x8b\xdb\xe2X\xb3\x18\xd6{x\xcaQ\x08\x11\xaa\x8dE\x93\'\xe1\x0c\x97\x99\xb4+\x14\x8a\xcb\x83\x1c\xe0\xac2\xe9\xb1\xb9H*\x1dR\xdd\x80H\x8b\xb9\xc4\x00\x8d1\xd8w\xffI\x96\x82W\xf1%J\x03Cp=W2\xa3\x90|\xa3\x8e\xd5\xa3\xa1c*\x02&lt;\x84Y~\xfb5h\xf8\xf7\xb98J\xfe4A\x19\xcat\x1eL\xf3\xcf\x04\xe5\x82\x9bqA\xa3f3\x95\xe4\x9eg\x9a\x10\x81\x95\x89\xa2]w\xa7T)\x90\xf0\x8c\xf1\x8fv\xb2\\\x9b\xee\xe5_\x1a\xf75ib\rrd\xe8n\xe51^$\nk\x02@\x1f\x8c8\xe4\xe3\xc4-\xb7\xcf\x0c.WS\xa6B\xa1h\xc2k$b\xe8\xdfj\x1e\xa4\t\x01\xc5\x8dV\xdb\xef\xff\x1b\x8b\\m;\x03\xf4\xa1\xcb/\xcf\xa4\x7f\x84Q\x02\x85\x90\x17\x9d\xef^?O\x98\x1b\xd3\xb9\xcd\x1f\x06G\x98\x0e\xb2\xc5\x08\x06\xdb\xf4\x16\xdf\xd0\xee\x8d^\x9aZ\xcbL\x18\x82\xaf\x01D\xf8\\\xc7\xc7\xa4t\x98i~TK\xb8uv"y\x11!wy\xda#\t\xbcP\xbd\xead\xfd\xd61\xe2\xa7\xf2l\x1a\x9a#_\x17\xed\xcc\x95n\x94\x99bH\'\xb0:T\xd8\x11z\x08\x13\xbd^\xac(+\x89B\xa1\x98\x1e_\x1d\x0fC\xe2YB\x14a\xea\x10rl\t\x94\x89\xe4\x83Z\xa1\x85K\x99H\xa2\x98\xc8\xc0\xc0\x90\xff]#\xbb\n\xe4\xea\x03\xc7\x8c\x9f\xe8\xbb\x94\xe8\xb5%f\x05,\x99\xba9\xb3\x8c\xe6a\xe99^\x94\x0e\xc0{\x93x\xf1\x97\x15\xcb4\xd3\xb7BE\x11\xd5\x95\xa7Ln\xc1\x8e\xcf\xa9w\xda\xf9\x96H[\xfcp\xf3\x01gS(_\xc1cJ\x94\x91V\xac\x02s\xd9\x82\x88\xf6pA\xa1\xdf\x83r\x9e\xedp\x8e\n\x85\xa2\x1bJqJ\xaa\xc3\xa72\x9e0!NV_\xfe\xfd\xdc\x98\xb4\xdc\xd11(\x99KzB!\x93\xe3\xb1\xc3\x94\'R^\xd4T\x1a\x97%n]\xb4[z\x94D\x80\x0f$J\xc1\x96{6$,\x1e\xa8\x0e\xdf\xc1\xdd\xa2!\x9b\x8f\x97\xe6~2\xe3T@\x83\xdbp\x9f\xb8\x90\x80\xa3d\x92\xdel\x87\x8c\x13\xac\x93!\xfc=+\n\x12&amp;\x03\x0e\x8d8E\xc9\x19\x964.k\xa5\xd7eN\x18&amp;2\xcd\xb3\xa9\x92Sd\x8eF\x9b+\xc2v\x83+t%\x85B\xc1\xc1\xda\xab%\x97\xdf$\x91\x1a\xfc&lt;\xc1\x82[\x8c\x01\xf5\xe7\xd2\xe5\x03F\x19q\x0e\xd6Ei+\x9a\xcf-\xb0_\x7f\x87\xe5.Y9D\x91Z(x\xe4"\x17\x7f\xc6\xcbZ\xda\x99\xc4m\xe1\xfei\xe9\x87\xa3\xae\xa5\xd8;\xca\xf7\x94&amp;\xcf9\x15q\x87\x8c\xa4\xa1\xc4\r(\xa6\x12\xf8\xbd\xef\\%\x0b\xbe\x87 Y\x93\'P}\xac\xa0\x95\xff\x8e\xa9&amp;\x00ngG|lv)*.s~&lt;\x92nf{\x18\xf7\xe8%%\xb4\xfc\xc7r\x89\xc1O\x8e)\x14\x8a\x8eHf\xff\xa7\x07\xe80\x92F\x05\x8b\x05\xdc\x7fO)\xc9mc\xb4z\x1eg\xa4\x17\x11\x19\xea\xda\x1b\xc3\xcb%\x88\x94\x13\xe5\xcfu\xf6\x1f \xb5\x9c\x86HY&lt;\xa6\xe3\x91)s\x1f\x7f6\x98l\xad"\xdbS\x0e\x9a\xa4\xe5\xc6\xb3SX\x16\x9aV\xf4YU\xda\x1d^\xa2\xbf\xe4\xc8[\xffR\x04Y\rM\xf7\xb7Z\r\x8c\t\\"\xe1HH\x087NfV\xc4\x12\x02K\x8e2D\x81\xab\xabF\x05\xcd\xd7\xb1~\\(\xd4(\x14w\r\xea\xd7\x1f\xed\x97\xfbz\xb1@\xe8\xb3\xa0upd\xa1|\xbe\x17v\x81\xff7\xe2K\x83s%\xa4xP\xaek`!\x08w\xf8h(\x15\xbe\x11\xdd\xafW6\x0b\xb6|\xe45xCwV\x93\x88\xb8\x1b\x02\x11\x97\x82\x88`\xccC\x01\x9e\xe1\xd3\xdf$m\x10\xd2\xe7\xbe\xff\xde\xc4@\x9b\xbeS\x80\xffB\xee\x9d\xd4BG\xe2m\xd9\xbbJA\xfc\xd3\xb3\xd8\xf3\x03\xaei\xbc\x0c\xc0\xff\xae\xa8vtm\xfe\xe7lw\xd4\xb5\xd7\xb5&amp;r\x0cQ,\xbc\x08\x19\x96)sA\xf2G^Y\xaa\x8b\x05\x8d\x8e\xa8\x96\xadA\xb0\x88n}\x13\x1f\xb1-\xca%O\x01\xe1\xa1\x00?\xbf\x878\xb3\xdd\xf2\xa95F\x9bb\xb0M\xd5Z\xa3^0\x1a\xb2\xdcI?\x05\xa0P\xdc\x0e\xfc\x05\x0fw-$1\xe9\xc7\'\xf7^\xb9y\xc6\xca\xfd\x0fj\x16Q\x92k\xde\xfc\xb5\x99m\xd33q7F\xe7\xf4e\x92\x9f?D\x8a\x1daj\x17\xcf#\xc25P^\xffL[\xf3\x80\x88\x8f\xda\x16\xb4jV\xfa!*\xf6\xf1\'\xdfW\x0f\x12Q\x8e\xd5\x04\xe7\x03\x02\xe0\xdf\xf7w\x81\x08\xd58\x1d\x96\xdf\xc1\xcb\xdc\xab\xabVu4iC\xf3{e\xbe\xc8\xfe+"j\xd5F\r]\xb0\x16\x83\x1eu\xf9\xbb\x97T\xcaB\xb56\xdd\xa6\t\xf2cx\xad\xf6"q\x9e\xc5W\xa1P\\\x17G\xc8\xb0;\xff\xffr"i\xa7\x88p\xb0\xfeYDD\xfcO\xf4\xd0\x93\x1b0\xf0\xd5#w\x0b\x1b\xa0\xb3\x05&gt;k$\x8bI\x95k\x94\x8c\xd5&lt;\x85\x04*J\xea\xf6\xb8\xfe]q\xc5\x0e\xd06\xe2q\x96\xcc\xcei\x92\x85]\xa9B\x97p\xff\xf4o\xc5\xe9&gt;\xb5\x9c\x85\xa4}\xf8\x8e\x10t\xd6\xb26l\xfb\x9e\xaa\xb7\xd3\x17\x02\xe2\xc0\xec\x11\x17Z\xdd\xc0\x1c\xf6\xf9\x19\x9e,\x05-\xd9\xfd\x94i\xd3\x94\xef\x88\x1b\x05\x17n\xecj\xe9\xf0(-\xe7J\xf0\x1f4-L "\xc2\xb7\xcf\xe8\xd2\n\x85\xa2\x0b\xf6\xf8\xee\x85\xa4\x11#km\x10\xccF|\xe6x\xc0L&amp;&lt;^\xf0\']\xb4\xd4s0c\xc8\x10\xca\x03\x89\x14\xd9\xad\xb7^O\xcb_Z\x00\xab\x92\xd7\x17\xd5g\x17\xab\xb3\x96\x8c\xf8\x8cM\xc4\xfd\xd3\xb9\x8b\x89\xfc&amp;\xaa\x19[N\x08\xb8\xb2[\xdc\x1d\x8er\x18\xf5^\x96a\xdc\x84\xda\xcby\xeai\xaa[8&gt;\xa6\xac\x99\xb3\xcc*\xa5\x96|\xa7`\x91\xc9\xdc\xfe\xb6\xa0\xa3\x11\x9d\'-X\xce"D\xa1{ \xa3Iz\xab\xf3\xc4Edk\x11C\xa1P\\\x05\xe1\xa0;v\x02P\x8b \x8c6L\x00\x00\x00\x10\xe0/RJz\xec\xbaFLD\x84\xdfJ&amp;\x97]\x98"\xfe\x7f\xde\x98\xf4\x8bM\xcbW\x89QM~\xdd\xd4\xf1\x0e.\x96\xdb\x00\x00 \x00IDAT\x84/\x0c\\"\xe2$~\xc5(\xe0\xdd\x03C\x07.g\xab\xe2s\xf6N\x14\xd7\x8f\x9f\xa0x&gt;\xdclSk\xddW\xc0=\x18\x86v\xf14\x96\x9f$\x95O\x16\x90)\x9e\x80\xef\xb1$lgW\x81*\xcdPi\xf7!K\xc4\xf3\x1c?Sn\x93i\xf8\xd9\x83Z\xd6\xc9\xeb\xfcY\x0c\xb5\xfd]\xa1P\\\x11Ko\xdf\xf2\x8f\xf0f\xcfX\xdfD&lt;\x9f+\xd4$\x13\x1c\xce!\x1f9\xfa\x0e\xab@E\x9f\x91\x19&lt;\xc4\x17\xd4\xa3\xed\xea\xa3\xd5*l\xeb\xf1\xe9D\xd0\x165\xbe\x11A\x81\xcb.B\xc4\xdb\x15\x81\xfdE.\xf0r\x07_\xdc\x0ft\xe5&amp;\xabq9\x83\xb4&amp;\xd3^\xebn\xc6@%\xf3ED*\xd2L\xd4\xe7L\x00\xec\xbf{\x04\x9f\x83\xd1\x08\xef\x1d\xc6h(\x8a\x06\x1d\x0bDDx\x1c\xc9\xd9(\xde8\x0cQa\xce\x95\x90\xd8a\x15\n\xc5\xb5\x90\xea\xd8\x85p\xd9y\x02\xd0T=\x1f\xad\x9c\xac\xe2\xd5z%\xe8=\xc3\xa5C\x1c]\xf4\xe1\xc8\x94l\xa6\xcd\xf4\xf0f,\xb7\xf6\xf1\xfb~\x91\xad\xe4\x0b\xb0N&lt;G\xd8-\xd7\xc1\x1a\xd1\xad[\xf1e?D\x847%8\xf3v%\xdcO\xb0\xcb7\xf6/\x97#\x02\xbcKp\x85D\x04\xbe\xb5R\x8c\xf6&amp;Di\xe6\xfdAAA\xb3\xeaD4\xff\xbd\x0eE\x82YK\x05\xd8\xbe\xcd\xed\x0e$|Yn\xc6H\xf6\xdb\xdcbG\xae\x9av\x10\x85\xe2R\xa0\xbd\xaek\xeb\xcd\xee\xeb\xbd\x10\xe0E\x00~G^(&gt;\x16\x01\xa5\xdf&gt;\x86\xdb+\xdd\xba\xbc\xd4l\x0f\x91\xbd^\x06\x8a\xb8\x08o\xc7\xe2\x99^\xd0\xb6\xfa\x94&lt;]\xc2;\x10\xbd\xf1\xc9l\xef\x1eu/:\x83i\x9a&amp;f\x8a\x95\x84\xc1\xa4\x06,\xaa\xc6V\x96O\xed(\x97bdy\xda\xf1v?\xefM\x7f\xb6\x13b\xf0\xda\xdf\xea\x17\x11\xee2G\x15~9\xb8]\t\xcez\x87\xef-\xa2W4HpCd\xbe\xecr\xed&amp;\xe0t\xc0c\xdcq\xfd\x9b\x1f\x7f`\x12_J\x8d\xa4\x14\x15q\x95\xa0P(\xce\xc5\x03\xa4R\xa9\x9e\x8c\xbf-(\xca`\x10V)\x0c\x18C\x88\xcb\xb4\xa5\x8e\x1c\xaf&gt;\x812\x10\xbe\xf0\xd6q\xf1\xe5\xa8\x02(\xba\xe5\xa3\xb0^\x9e\xac\xe5\xce\xc76\x11-\xa4+\xe7Z\x91\xab\xf8\x19\xb9\x05G\x8f\xc3\xd7\xaf\xf6\x0c\xa9\x99]\xce\x8c\x18\xae$\xce\xde\xc2\xfaz\xf3`\x1b`?\x9bT5\x90\x9b\x8d\xe9\x96\xddl\x12RD\x9d\x16\xa7\x0b\xdeoaul\xdf\x0f\xd1\'\x1a$\xe0\xb5\x93bVc\x8c1\x1f\xed\x155\xe6\xd9\xdb/\x97~I\x99^P\xb1O\xe7\x9d{\xe8\xcb\xeb\x9ev\xde_\xee\xb9\xc6AW9\x15\n\xc58\x0c\xcf\x0e\x19\xa8\xd9s\xfc\x98\xd1;\x95\x16\xaf\xedG\x8f-\xe04\xeb|c\x8f\x02\xb3Z\x99\x0e\x7f\'\xba\xf4(\x82H\xdb3\xbcZ \xe2\x9f\x88\xf8~\x91\x07\x00\xf6\xc6F\x8f\x00\t0u]N\xf6\xe3\xcd\xa7\xa1G\xdc\xa8\xf5\x1cf\x95\xfa\xf3-"\xb8\xbc\xe9=\xec\xf1|\xfb\xcb\x8a!\xfc\xb3@\xfb\x85\xa1\x13\x00L\x06\x01\xab\x80B\xa1\xb8o\xc8\x0f\x0fb\xd4\x8e\x04\xee\xbb\x184\xd7*\x8f\x18&lt;\x01p\xd9\xf5\x1ct\x9dq%2\xcc\xf8\xf8\x98\xfd"6\xe4\xc1CP\x96\xcdI\xebio\xef\xe1\xb2\x88\x12\xe4\xd6\x1a\x03Lx\xdd\xb7:\xd3\x00y\xa6Y\x0f&lt;\x0bv\xa2VODL\x9cz\x11\xf22D\xb4\x9d\xe9\x14\xdd\xad\xf3\xfd=\xe9KO\xc6\x88\xda\x10iQ@d\xa4k\xe5c\xa0B\xa1\xb8{t\n\x10RYfE\x08[\x86\x7fD\x84\x0f\x1f\x17\xf2\xa2\x12J)\xc1c\xe5\xb2\xdb\x17x\x10^i\xe3u\xe5XO\xb1\xf5\xf7\xd8.\x91(\x7f\xb3#_\xbc9\xc7\xdc/P\x8b\xfc\xaeEL\xb76\xa3\x1c\xc7\xaev9(\xff\xd8m\x19=@\xa8\xc0_J\x87\xca\xf0\xa2\xb4\t\xa2\xa4f\xec\x80t\xf7\x93\x93\xfcC&lt;\xdeE\x11?8Q\x06\x03\x00\xe6:]\xa4\xbc{\xbf\xdf\x02\x81B\xa1\x98\x1b\xc9P2\x889\x85c6~\x15\xaa4\xcbHE\\\xc2\xe7\xdc\xb4\xfa\xb0\x9e\x89\x0ex\xc7\x8d\xd6\xbf\xe0\x1d:\xae\xfb\xf6\xa0L\xe0\xf2D\xcbg\xdc\xe6\'\x8f\xb5\xdc\xe0k\x16\xa3\xb0M_\xd1e\xe8|\xfc\xa0a\t\x80\xd9\\\xc4-X\x1bp8K\x00\xd1erb\xf5\xa5V\x07W?\xcb\x1b\xe3\x9b\x93\xbc\x06\xbe+o%\xbb\x9b\x13\xb6\x83$\x95\x98\xe4\x9f\xef\xf7\x9a\xb0\xef\x10d\x8b\x91\xd8K~C\\T\xb7X\xbe9\x9f\xbc\xd4\xa8k\xa2B\xa1\x98\x1e\xe9-\xe3Dh\xe8\x19\x0e\xa8\xb1\xb5(d\xb2|\x93x\x1c\xa45\xd9\xeb\xfc\x0f\x1c\xe3S\x845v^\xf7\xa5\xdb\xae\x85]\x92{|\x8c|T5\xaf\x9b\x803/\xc2}\x13,\x7f\x02\xb8\x96\x91\xe3o\xdf\x8b)D*\xa7wl\xa4\xe18LeM\xe9e\x91\x1e\x1d\xb3\x1a\\\x130\xadV\xf0\x84n|e\xc0\x97&lt;]\xf2S"\xd3f\x878\x89\x91\x1d\xf7\xaa\x87N\xe2\x9cg\x16\x17U(\x142\xf0\xc2Yq\xa8^J\x8d\x91\xad\x04\xaa\x18n\x8bze\xc0y\xc6\xde\rY\x19l\xb2\x18C~G\xb8\x81!{8\x97\x1d\xb6\x11\xc3A4\xb5\xfc\x9c\xa8~\'\xb0\xf4\xd3e,w\xe7\x9c\x10t:\xae\x9ftDS(\xe0\xee\x00\x9c\xd3X\xb7\xcbS\xab\xac\xed\xa2%\x85\xe7\x82\xeaK\x1f!\xeb\xeaD\x07&gt;\xca\x94\nG\x02\x97]\xb7\xc1Qi\\+7\xcf\xa7\xf6\r\x85BA\x85\x17\x05\x08q\xe1_\x0e\x90j\x87D\xc6\xd05\xf9(P&amp;\xf0M\xdc\xad;\x08\x81&gt;`\xfb\x17\x00\x00~Zp8\xb1Y\x88\x10\x14\x11\xc6\x1b&gt;\xf3\x8d\xed\xe3\x12\xd3\xc2\xf2\x87nC\xb8K\xfc\x97\x11\x11\xe0\x85\xad\xfb\x7f\xbd\x13\xeb\x8a\x84\xc6\xbe\x00\xdf\xd7+\xcd\x9a\xa1wP\x10\xf6\x97\x99{\x87e\xee\x97;\x83i\xfc\xae\xb7\x07+\xc5.\x0cn\xed\x08\x08\x16\x88\xdb%\xaf\xe2\xd2\n\x85"\x87H\xa8JF\x99mY\xa8\xcb\xf9\x01\x87\x7f8\x08q\x03\x9f[K&gt;z\xc6X\xc5\xe9\x97X\xc7\xefz\xb5\x10\x11\xe0\x17\xcaMH\r\x18\xbc=e\x06b"\x11\x97\xbe\xe4\xc1\xb1\xb2\xbf\\-(\xc3\xbc\xcbc\xbd\xba\xc0@\x84M\x88:&lt;\x89L\xbc\xd3II\xbaS\xec\xe2\x0f4Q\xb7\x16\xbd\xad,\xe7\x96\x16q-U!\x89\xbc\x1d=\xd2\x99\t\xc0\x0f\xdb\x13\x80\x0f\x95ch+M~\x0ePg\x91\xcb\x07\x13\x85\xe2\x9eQ1d\xba1\xa8O\xff\x7f\xa7\xd6\xe7\xd2\x82\x88&amp;6\xe4\xe4\xb9\xb1\xab\xbe|\xb2\xaew\x1d\xadC\x14Ti\xfa\x8d\x82\x05X2G\xf6\xb2+\xe8\x89\xa7P\xfd\xc6\xd4\x13\xd5^\xc4G\x01"\xc0\x13\x85\xa8\x9d\xd3F\xc7j\xbe\x19Y\xca\xb7K:\xcb\r\xe2\x02w\xa8\x12mf\xc5\xeaC\r*\x08\x1e\xe5K\x96\xb2o\xd5I&gt;$\xfa\x156{EC\x8aG\xb8\xd7\x10\x96i\xd4\xbc+\x1a\n\x85\xa2\x0e\xdc\x98\x82V\x0ezF\x8a\xc3\xd8v\xf4\x85\xb4[*.\xf9GuR\xc8\x0f\xef\xb3,\x97&gt;c\x02\x00c^\xe5\x96j\xfb#\x0e\xb1w\x91^\xb6vDo\x92$F\xd2\x13LDQ\xe7\xf5\x0e"\xa6\x15\x8c\x8ed\x08\x9aQ\xf9\x87&lt;\x0c\xa9\xb60\xf5\xf9\\V!\x97\xbf\xd4E\'\x85@\x1a\xe1\xf8$\xbf\xbb\xa5E\xb2[\x11\xdfZ$\xc9w\x86\'\xec\x91\xe40\xba\x90\x0c\xf4\x16\xc5\xca\xcc\xd4#\x14\n\xc5\x0c\xc8\xc4\x94\xe5\xfa\x83k\x0e\xb4t\x05-K\x0b2`g\xd4\xe9\xb65\xdcP\xb5\xd0.\xb6\xc2?\x08\xff]y\xa0Mrc\x96\xcf\x89\xb7\xdf\xaa\x11\xc6\xb1\x1b5\xb3\x87oc\xafMJ\xf9\xf3\xf0\xaeQ\xb1\x0bw\xf1T`\xed\xbf\xbfuR\xfca\xc3u\xe0\xea\r\xccB\xd9\xfdw\x9e\x18\x91;E$\xb7k\xc6\x87\x89O\xb2\xae\xefe\x10\x11\xe01t\x9e-\xd2\xd6\xd5\x9d\x18\xb7\xd7"\x85Bq&amp;\x92\xcb0\x99\xc8&gt;yx\r\x06\xa7\xafuF\xc1&gt;\x92\xb7\xe8\xa4X\xb7\x8ex&lt;\xf3\xf8\xc4\x82\x06\x98\xf6]\xb3\x81&lt;5\xeb\xc7\xef\xd3\xc8z\x92\xd0\xdb\xbeVyA\xceV\x80\x88?g\xf3\xa17j$n\xb3\x18\x99\x07L\xd3\xd3\x1f\xd2N\x82\xdf\x96\xb6\x86c\x04\xbe0\xd9i\xb3U%)9\xc5%\x1a=\x1c\xdd\x8d\xdf\xf0\xcf\x8cl\xcd\xbe\xca\x9e5\xed\x11\xe9g[]W\x9fsec\x9ap\xa1P(\n0\xdb\x0f\xb4~\x1fXz\xb2y)\x80g\x9a\xc8u\x13\xa92\x07\xfc\x10\xb4\x8a\xba]6\x06\xa2\xed\xa5\xd0\xcc\xb4ZZ-\x08`V\x9a\xdb\x18XI\x1c\x11\x8c\x01DX\x1a\x8e\x889%\x1c\xda\xa3\xb1\xdbu\x1d/\xdc\xa2\x96]\x14\xaf:"\xc6\t"\x82YGm\x03K#\xe3\xbe\x1d\xb2\xa8\x162J\xabS\xef@\xc4*\xef\xadg\xb7\xfc\x98\xa8\xb3\x17\xbc\xb7\\{\x98\x02\xbd0\xb4\xb2\xdd\xa4/\x84\x94l\xb0\xaa\xb0\x0b\xb9\x1b\xe2.\xac_\xd7\xee\xea\x0e\x9dW\x05\xf8\xa9$\xfd\xad\x91D9[`\xab\xe5\xf8]\xe2&gt;\xfdp&amp;\x89\xad\xb1\xc0\xea\x02a\xbcM)m\xc6\x88\xa1P(bx\x00\xd6){|\x05w\xe9\xc3\xf8k\xc1Hf\xcc\xcc\xdd;\xb5\x00\xd1\xb4\x16T\xa8\xbcFC)\xb5\xbc\xb5k\x94\xd6\x15\x15c\x96\x16`dp\xf7\xc1]\xbeY\x161;-\xfa\x98\rQ\xce\xe9J\xc7\xa8o5;$\xe0,.\xb6\xdb\xcef\xb3-\xee~xIZ[\x982\x8c1\x15\xc9kf\xa5\x99,\xd2,\xabz\xdbzx\xb8\xd6H_\'\x16\x17\xaa\x80/\x000f9\x89\xb8\x9eG\x04\x80\xdd\xbb\xe3u\x0c\xacn\x9c0\xb73\x87 \x80\xe84[w\xf6\xbb\x861\xe6\xe8\x8d\xbe\xcc?eU\x0f\xe41fL\xf6\x0f\x00\xc6\n\xc2\x87\xa8\x13\x0fU\x02\xa8Zq\xf76\xa2\x00\x9e\x92\xe7\xb0\xfd;K\x10P(\x142\xc8\xee\xe1\x16vxOA1\x9b\xf17\xa7\xad\xb3\xa7um)\xeetW\xe5\x149I|\xf9\x97\xe0[\xcb%\x90\x1f1{B\x86\xae\xa8\xa8\x9e\x97;^)\xe1\xc1\xa3\x9d v\x90*\xed{\xc4j\xb2\xc2\xd8\xb4\xeb[:Y\xf7\x87\x98\xd7q\xb47\xae9\x9f\xb3\xaa\xfd8\x94bug\x010-\xdb\xd8\xa3\xaf\x8b\xd2\xe2\xcd\x95\x9b\x19\x0c\x13\xd4\xf2\xabZ\x9e\x8f\xe1\x15D\xbf\xbd\xb4&gt;\x15\x8a{C2\xd6\xcf9\x12\x14\x85\x89%ah\xdf\xa9\xe08X\x0f!\xc7\x16\x01\\j\x9f\x0f\xe5\x80N_L\x8d\xa7\x0b\x81\x9cbz\x933A\x87\x05\xad\xd0\xf3"z\x880\xfd\x90\xbe\x0e\xd6H\xf3U\x17"]\xfd\x9fE9\xd4\xf0$1*&amp;\xc3aq\x9a\x90\xff\xad\x93\'&lt;\x88H\xf3ikX\x10\x92\xe1L\xa3\xf4\xd0\xe4H7\xcb\x86\xe8\xa3\xd4\xab\x15bNH\x95\x1d\xfa&amp;\xe9_\n\x85\xa2\x07.\xd3\xbd\xb7H\xc4\xdd\x01hj]1\xb6\x8ak\xcf\x93\xffq\x94\xf8^h\xa6U=G\r\xe9\xce\x90\xd6\xb3\x80\xce3\x1c\xa5\x88\xf5\x93\x906\x12\xc7\xab\x8b\x8bT\x81\xa8\xfc]\x93\x00&amp;\xf1\xd5\x8dg;\x93 \xe2\xf6\x15z\xde\xf8f\xf3E\xbe[\xba\x9d\x9a\x83\xd7\xa8\xef\x02\xedXdn\xe9\x86y\xf2\xa2\xd4\xb2\x9c\x88\xc2\xbb\xed=\xe1\x88\x9b%\xc69\xac\x15\n\x85\x1cf\xee\xc6\xf9\x98\x18\t\xfd\xed\x03@1\xab\x13\x1f\xe7B\x8e\x94\xf1\x8c"g\x88m\xc0\xd8\x07{D\xc4\x7fR\x1a{\xa2\xa46\n]\x13Y!\xca59\x16\xa9\x98\xa7\x8a\x93\x80\xff\xa3\xde\x04\x934!\x84\xbc&lt;\x9bY\x1f\x8b\x88\x00/\xdcH\xac]\x1e&gt;)?JPJ\xb3\xb6\xf8*\xdaE\tV\xe2HE$\xb2\x0c\xbd\x03\x97\xc3\x88X\x92\xa3\xff\x13\xb4\xed\xedn\x8d\x14@\xa1P(&lt;\xac\x19m1\x18\xb1\x02\x16a8\xa9\x0b|\x1fRd\x1a\xca\x00_A\x9a\x00\xc0\xa7\xa7\x8ae\x06Jg\xf7?l\xac{\xc5\xbb\xebP\xb8\x02\xd8gNX\x85-\x05\x9e\xae\x90*\x01\x1e|\xba\xd8!\xe4\xb5\x8a\x88\xf0\xba\xf9\xae\xcd V/C-G\xb6\xe4\x02\xcd$2\xa9\x9c\xc342\x8d\x875\x0e\x91\x16\x19\xcax4\xcf\x81-\xf9\xfbE\x92\xfa9\x9e]Q\xa2\x07)\x14\x8a3 \xd4u\x1b\x88\x08\t@\x8c\xfb\xac\xb1\xa1z8)\xd2\xe4\xd7\xc8\x07k$\x9d\x8e\x88\x8f\x91{E\xbfH\x83\xcc\xd7F]c[\xf2\x8f&gt;8]\x009\xe4\xb4\xda\x9a&gt;\xb6T\xef\xcf:Q\xe6T\x07\x0blQ\xe9\xf6v\x14\x92\x12i\x11\xe0\xfb\x08["\x8d\x1c\x99\xe0\xeb\xa7\x8f\x84^`\xef\xc1B\xa1P\xcc\x8c\x07\xb6\x1f\x13\xf4\xff\x9a\x97\xb5\x85bG\xdeU\x1c\xe7\xe6\x11\xca\x06\xe5\x86\xf7\xc8a\xe2\xcf\n\x85\xef\xaf\xdf\xcbH\xb3\xbe\x07\x0f\xf2/\x8b\x8c\xbf|py\xc3d\xf2s\x10\x00`\xde\x96!\xee\x1c\xb9\xef&lt;@\xf8o\xaa\x8df\x1c/yt.\xb7\xfb\xda\xc9\xef5.\xafV$\xee\xf1^=\xdc\xafK:d\xeb\xde\xbdY\xf7\x8a\xdb$5\x00\x00x\xa3\x92\x1c\xc3\</t>
        </is>
      </c>
      <c r="E434" t="inlineStr">
        <is>
          <t>&lt;class 'numpy.ndarray'&gt;</t>
        </is>
      </c>
    </row>
    <row r="435">
      <c r="A435" s="1" t="n">
        <v>433</v>
      </c>
      <c r="B435" t="inlineStr">
        <is>
          <t>steps_per_sec</t>
        </is>
      </c>
      <c r="C435" t="n">
        <v>4900</v>
      </c>
      <c r="D435" t="inlineStr">
        <is>
          <t>3.011062</t>
        </is>
      </c>
      <c r="E435" t="inlineStr">
        <is>
          <t>&lt;class 'numpy.ndarray'&gt;</t>
        </is>
      </c>
    </row>
    <row r="436">
      <c r="A436" s="1" t="n">
        <v>434</v>
      </c>
      <c r="B436" t="inlineStr">
        <is>
          <t>Loss/RPNLoss/localization_loss</t>
        </is>
      </c>
      <c r="C436" t="n">
        <v>4900</v>
      </c>
      <c r="D436" t="inlineStr">
        <is>
          <t>0.24226537</t>
        </is>
      </c>
      <c r="E436" t="inlineStr">
        <is>
          <t>&lt;class 'numpy.ndarray'&gt;</t>
        </is>
      </c>
    </row>
    <row r="437">
      <c r="A437" s="1" t="n">
        <v>435</v>
      </c>
      <c r="B437" t="inlineStr">
        <is>
          <t>Loss/RPNLoss/objectness_loss</t>
        </is>
      </c>
      <c r="C437" t="n">
        <v>4900</v>
      </c>
      <c r="D437" t="inlineStr">
        <is>
          <t>0.05460511</t>
        </is>
      </c>
      <c r="E437" t="inlineStr">
        <is>
          <t>&lt;class 'numpy.ndarray'&gt;</t>
        </is>
      </c>
    </row>
    <row r="438">
      <c r="A438" s="1" t="n">
        <v>436</v>
      </c>
      <c r="B438" t="inlineStr">
        <is>
          <t>Loss/BoxClassifierLoss/localization_loss</t>
        </is>
      </c>
      <c r="C438" t="n">
        <v>4900</v>
      </c>
      <c r="D438" t="inlineStr">
        <is>
          <t>0.20841667</t>
        </is>
      </c>
      <c r="E438" t="inlineStr">
        <is>
          <t>&lt;class 'numpy.ndarray'&gt;</t>
        </is>
      </c>
    </row>
    <row r="439">
      <c r="A439" s="1" t="n">
        <v>437</v>
      </c>
      <c r="B439" t="inlineStr">
        <is>
          <t>Loss/BoxClassifierLoss/classification_loss</t>
        </is>
      </c>
      <c r="C439" t="n">
        <v>4900</v>
      </c>
      <c r="D439" t="inlineStr">
        <is>
          <t>0.07314576</t>
        </is>
      </c>
      <c r="E439" t="inlineStr">
        <is>
          <t>&lt;class 'numpy.ndarray'&gt;</t>
        </is>
      </c>
    </row>
    <row r="440">
      <c r="A440" s="1" t="n">
        <v>438</v>
      </c>
      <c r="B440" t="inlineStr">
        <is>
          <t>Loss/regularization_loss</t>
        </is>
      </c>
      <c r="C440" t="n">
        <v>4900</v>
      </c>
      <c r="D440" t="inlineStr">
        <is>
          <t>0.0</t>
        </is>
      </c>
      <c r="E440" t="inlineStr">
        <is>
          <t>&lt;class 'numpy.ndarray'&gt;</t>
        </is>
      </c>
    </row>
    <row r="441">
      <c r="A441" s="1" t="n">
        <v>439</v>
      </c>
      <c r="B441" t="inlineStr">
        <is>
          <t>Loss/total_loss</t>
        </is>
      </c>
      <c r="C441" t="n">
        <v>4900</v>
      </c>
      <c r="D441" t="inlineStr">
        <is>
          <t>0.5784329</t>
        </is>
      </c>
      <c r="E441" t="inlineStr">
        <is>
          <t>&lt;class 'numpy.ndarray'&gt;</t>
        </is>
      </c>
    </row>
    <row r="442">
      <c r="A442" s="1" t="n">
        <v>440</v>
      </c>
      <c r="B442" t="inlineStr">
        <is>
          <t>learning_rate</t>
        </is>
      </c>
      <c r="C442" t="n">
        <v>4900</v>
      </c>
      <c r="D442" t="inlineStr">
        <is>
          <t>0.039913636</t>
        </is>
      </c>
      <c r="E442" t="inlineStr">
        <is>
          <t>&lt;class 'numpy.ndarray'&gt;</t>
        </is>
      </c>
    </row>
    <row r="443">
      <c r="A443" s="1" t="n">
        <v>441</v>
      </c>
      <c r="B443" t="inlineStr">
        <is>
          <t>train_input_images</t>
        </is>
      </c>
      <c r="C443" t="n">
        <v>4900</v>
      </c>
      <c r="D443" t="inlineStr">
        <is>
          <t>[b'1024' b'1024'
 b'\x89PNG\r\n\x1a\n\x00\x00\x00\rIHDR\x00\x00\x04\x00\x00\x00\x04\x00\x08\x02\x00\x00\x00\xf0\x7f\xbc\xd4\x00\x00 \x00IDATx\x9c\xec\xbdy\xfc\x7f\x7f9\xe7\x7f=\xbf\xb2\x842\x8alQ)k\x13E5\xd9\x12\t!\xdbD\xc6\xc4`\x84I\x11Jc\r\xd9\xb2\x8c\xc9\x1ae\r\x95\xad\xc9\xbe\x84Q\x98Q\xa2d\xf7\x13Y\xa2H\xd3B\xb6\\\xbf?\xce\xf6&lt;\xe7\xb9\x9c\xe7r=\x97s\xce\xe3~ky\x7f^\xafs\xae\xe7\xf5\xbc\xae\xeby=\xd7s^D\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xe0\x81\x88K9\xe2\x16\xeb\xbdd\xbfw\xf8|\xf8\xea\xbd\x02\n\x9a\xbf\xb5_\xb0\x96\xc0\xfa\xc77\xdeW\xfe\x13\xad\xb2\xf6\xeerj\xeaR\xd2\xc6\x97$\x96"Eh5\xd9J@MCM\xe1\x90\x9f\x82\x16x/M\x93\x90Q\xec&gt;o\x1d\x17!\x00tIN\x92\x04\x00\xa4\x10\xd8\xed\x02`\xb0?n\xdb\x1b\xbbD\x95\xb2\x1d)\x86\x0e\x90\xf6\xd9\x16\xf9\x91\xbb\xd7\x87\xce+v\n\x8a0\x153\xf3\xff\x1d\x840\xd3\xfd\x9c\xf3\x16m\x08\xbe\xa3\xad\xf6m\xa8#\x1cW\xde\xddt\xc7\x9e$\xb7m\xdd\xf7\x06\xd8\x7f\xbf\x80\x90[\x02U\x9d.\xfe\x06\x97\xb4\x8c\xc4\xba_\xaeS\x9fQ\x7f\xa9\x9c\xee3\x9aG\xe9\xc8\x89k\x15\xb2U\n\t$\xbf\x80\x9c\xd2\xcfM\x9ea\x8f\x8a\x91%\x98x\xc9\xa5\xcd\xd4\xaa\xc3\x91+\x98\x97\xde\xbb`\x9d\xcd\x8e]\x97\xfe\xe8\xd1\x9e\xc2\x8e\xdeMR\xab\x9c\xee\x1a\xaf\x84\x95b\tV\x87(G9\xbe9\x83V\xda]\xfdB\xf6u\xde\x0eaC\xef\xf5\x978\xde\xbb\x8c\xd7C\xbcx\x7f\xcb\xed\x8e\xc9I\xc8\xd2\xbb\xaf\nQ&amp;"\xfa(\x9fm}\xf7\xfe=3=:BU\x9b|\x0b\x9fe5\xf57\xf8\xe4\xf8\x15\x0e\xb6jb-b+X\x9b\xdff\xa3!tA\xa6Sr\xed,i\x90&gt;Ee\xd0U\x00\xd7\xc1]\xe5w\xbe\x96)\x0eW\xd3W\xbe\xee\xf1\xbd\xd3]\xaf\x01J\xb2\xf8Z\xc8\xddj\x88\x1b\xa5\x94\xa7\xc8\xf1\xd2\xe9\x1a3\xd4&lt;\xb7\xbbo!bK\xce\x18D\xd9\xaf\'"\xb2\x7f\xbb\x11\xe8Q5\\g\x9d\x8d\x1c\xa5)4\x7f\xa9\x94\xd2/sVpu\xaf\xa5\xa8\xe1\x92\x91\xd7d\xfeGS\xf3\x9b\x10\xbd\xc2\xae\x98\xb7R\xb6\x8b\xf7\xf3\x86O\xe6+\x99_\xcbv\x0b\xf9\xeb\x18\x80[/\xa7&gt;\x19)P)Z\x99]\x93\x16\x15\'\x81Z)\xe5l\xbf\xc1\xc5\xf1V\xe1\x0b\xc1\xcc\x19~a\xe6\x8c\x10\xddM\x98\xe1\x92\x9e\xc6tw\xa7\x9c\x83\xfa\x97\x99I\xbd6\xd1+\x8f\xa8|\x1aK\xfe\x97\x94\xfap\xa6G]\xc7\x86 \x91\xf5\x90\x03\x01sr\xc4\xdd}\x83\xb7,\xfb\xb4R&amp;\xcel\x83c\xad\x08\xcb\xf5S\x8f\xe8:\xaa\xa4\x7f1OZ\x12\xb5[\xf1\xd2m\x89&lt;-C\xae,\xc4\xfc\xb1\xc6eq\x8cS\xbbe\x92\xa7\x8f\xfe\x95"\xa5\x94Rj\x1e\xfd\x13\xd1;\x18\x02&lt;\xe2\x951\xc4\r&lt;\xc0\xe5\xfc\xc26\xfa\xf7\xdd\x10\xce+\xed\x1f\xfb\xfc\x99\xe5l\xe3^\xa9\\\xaa\xb6\xcdE)e\xf94\x05\xd9%\x1f\xa6/&lt;\xca\x1aR\x9e\xed\x86F\x94*C\xae\x8fUw?_\x7f\xcd\xa4\xe8R\xa3\x7f\x1a\x1at\xc8\nZ\x1c\x87\x1c\xfd3\xd1\x0fK\x88\xa9x\x9ae\xec\x05\x8f\x92\xfa\xc0&gt;\xd8\x0f\t\xe7\x86qHI\xfcA\x9a\xc9\xac\x06\xdc.o\xe7\x11\xeb\x1fm\x98\xed\xb8b\x1aS\xbd\x1b\x91\xd6M\xfbGZ\xdb\x96o\xdfM\xfb^\xc7\xcd\xeb\xab\x98\xe8{\x96R\xc95TpW|[3\xfd\x9fj\xfe\x9f5\xcf5j\xc7k?\xae\xa5\x86\xbaMb\xe2\x94\xd7\x02_\xdb\xa2\x81RD\xea3=7\x99\xf7\x98\x15\x99\xe6Q\xbek\x1c\xc2\x92Y\x8a\xd3\x0b6C3fV\xa0dW\x88\x99\x89\xbf\x98\x0e\xd3\x116\\\xebz\xb4\xa0,O-\x8e8\xfe\xbb,\xbb\xce:H\xb3\xca\x83\x99\x98?\\@\x0eU4\xd8\x90\x85/\xe1\x9f\n\xc0\x8en\xba&gt;\xa9\xf5\xc0\xd5\xb9"v@\xdbIB\xf8\xec\xf9\x7f\xbad\xee\xca\xdf\x16d\xbd1\x02\x9eV\xf0\xb7\xb7\xeb\x9f|\x82.3Du\x87&gt;\xfeo7\x8a9.\xfe\xc8\x9d\xfa\xec+c\x9f\xe4\xf8oq\xdd&gt;\xf3z\xfbB\xf20\x04\xfeU\xe4\xa3\xc3\xcb\xe3\x16\xf63s\xbd4E\x19sI\xe8\x10\xa5\x06\xdb\xadZ\x87\xccr\xdf7CB{g\xd5\xe5R\x95-\xc1U\x0c(\x98\xc7V\xd9\x1b8\x11\xedp%\xb4i\xad\x02Q\xe3\x8e\xc9\x8e9\xbeJ\x0b\xec\xddQY,j\x12;\xfd{Z\xbav\xf9rs\xbc&gt;\xfc(\xednplV\xcd\xad\xd7\x0fEm\xbe\xd1\xd6M\xc3\x0f\xce\xae\xc4\x0f\xb5\xd8\x94\xa8\xa6S\xfc\xbb\x966\x8f\xfbku\xb1\xd4\xc3\xb6\xd0\xcb\xf3\xff\xf3\xce\x95\xc6\x9d\x01\xb1\xbe\x91\x13\xe0\x8b\xc5\x1a\xd6\xdd\x0c]\x82\xfb\xb1\x8d\xc4U\xcc9\xb4\x9c\x9b=\xda\x7f=\xb7\xcf\xdf\x87\x1e\xd2\x9d\xea\xa0/\xd3\x87\xa9|\x7f\xe7&gt;\xd1q`\xe6\x84\x07c\xd6\xb7p\xd6\xe9\xfc\x98\xa2=\x9blA\xf7{\xb7\xe9vo\xc6q[\x00\n\xc2\xf3\x83:\x84\xdd0\'F\xa7\x8b\xbc\xd4\'\xeb\xf1\x12\xbd.\xd3\xcb\x93\x9c\xa5\x8d\xcad\x1c=&lt;\x03\xf0x\xad\x00\n)`\xd6Cj\x9eev\xc6V\x05\x86\x99\x8fU\xb3i\xcd\xd7\x9ci\xed3\r\xfb\xb6\xa3d\xd6\x86\xe3J)\xf3\xcc\xc6r\xff\xf3\x0c=\xe7\'\x05\xd68^\xf2\xaf\xc6\xffU\xdb\x8fv4O\x9a\xe9\xda\x0e\xc6,\x95\x1b\xfe_\xa9\xf9\x94IP\xa8\x89e\x9e\x80\xd0\xe2q\xbb\xd9\xbe\xec1W%|\xa6\xbdYBa\xa6\x8f\x98^\xe5\x17\xa6\xf4\xe1G\xff\x14\x9fS\x942#\xc3\xfb\x94\x8e\x18\xff3W\x80Z\xfd_\xec\xcd\x8d:\xd9\xbe\xd6\xb4\x00\x10A\xdb\xad\xd5Ps\xcf\x83\x11\xad\x1b\xd8\xe6 (\r"\xf5\x8a\xd4g\x00\xd5$ML\xb1\xe1\xff\xcc\x05]\xd2\xbe0G\xe7\xab\xeb)`\xf4\xa7\xdd\xa0\x8f\x11\x1e@\xf48\xe7\xed\xce\xd5\xf7o z\xb0Q\xfa\xee\x96\x85[#\xfdJ\xe7\x90/\xe4\xcdB\xbb\x04,:r\xe0\x1c\xcc\xaa\x8cu\xd5\xdc^\xe8\x9b1\xff\x85g\x89e\x7f/%\xac\xe8\xc4\x15\xd6p\x1c&amp;\xdd\n\xf1D\xa9}\x16\xf1Z4&lt;\x81\x8d5\x95\x0e\x89\xdd\xac\x00W"|\x1f\x18\xb4\xc7\xbd\xa8\t?\xeec\x1c[ \x18-\x15&amp;\x0e\x18\xca\x9e\x8b\xf1-@s\xa5\xed\xd5\x7f\xd5\xf6\x83\xd5\x1c\xc1\x88B\xe7\x84~\xfa{\xfe\xeeq\xca(R[\xbe\xe7\xf5\xca\xf4,\xe9\xd3\x02\x1e\xe1\xdc\xe5\x17\x8dO\x86\xc9\xce\xdb\xd9.\x16\x89\n\xa5\x1e\xaf\xcf\xb8\xecG\xf72\x96\xf9\x94\xb2\xb4}ug\xb2g\x84\xbf\x9c\xdf\x85\x92X\xb7\xad\xdf\xd2\xa4\xd8\x04\xbbK\xd4\xa7\xd1\x9b\xeb}\x8f;\xafG\xff\xfb[CJ\x11\xfd\x93g\xc7\x07\xc8\x12}\x805\xd1/\x9d\x1d\x0c\x05\xe7\xc6\x9e\xe1\x81\r[\x8bF\xf2\x8d\xa7\xf7X\xfb\x18\xfd\x1f\x8dZ\x87\xde*Y\xfbtx\xfa\xbcw\x0b\xca\xb2\x9c\x92\xb6\x1e\x83\x19\xbex\x1c\xd1\x03\xec]\xee\x8d\x89\xfe\xc1&lt;`=\x1d\x0e&amp;\xbd\r\xebg\xca\xa7[\xc8h\xe4\x96\xa3\xf9\xf3\x17\xc6r\xf5f\xc6f\x8f%\xb5wA\x08\x93\xaaY\x11\xe2y0\xc0\xba\xbd\x102\x9b\xb7]\xbf\xb6a\xc91l\xc8\xb3\x04R\x82\rk\x0cG\xb1\xe7\x0fyZ0\xda\xb3\xe4r\xbatu%\x06\xfb\xadH=\xd786\xc6\xf0E\xaf\xb3\xec\x1b`e\xb4\x10\xc2Ow8\x02\x1b\xee\x03\x92\x18\x9b\x00\xddFW\x17OO9\x8e~,\xdfw\xd8&lt;\xc5\x8f\xfe\xcf\x8c;\x00\x9aI,O\x95&lt;`[\xe8\xbc\x80\xfaJ\xed\xc4\xb5\x81g\x0f`\xf3\xff\xee\xc2Wzl\x97\xab7/\xf3\xb6\xa8\xa1\xdeO\x93\x9d3\xb5\x1b\xce\xf4\x87&gt;S`Wh9\xb6n\x08\xd1gG\xba\x808\x1d\x97 \x19\xc7Da\xe1b\xadU\xd0\xf1\xf9\xed\xe6\xccv\xa7\'\xa0p\x87\xe0\x80\x0f\xc7\xe3t\xaboW3\x9f\xe5\xef\xf5\xde\xc0\xf8"\xfe\xd5\x07\x89G\x95\xba{\xdb\xc0\x11\xb9o\xe2}j\xb0}\xb8\x07\x8a\xce\x85-\x1f\x15\x89\r\x8ey4\x05\xec\xb2\xdd\x8b\x95\xb2\xadK\xceY\\w\x92j\x9c\x80\xd6#\xeap\xda+\x1a\xd0\xba\xdb+Y\x93\x1b\x05\xb4d\xe3t\xf7\xb8\xf2\xaeM\x95\xb6S\xa8=9\xae\x01\x97Rd\x1f\n\x87\xa1V\xaf\xf2Y-\r&gt;";a\xf1\xfc?\x81\xba\xd0\\\xcf\xed\x11)\xab\xf8\xf9\xdd5\xe3\xedY\x81\x188\xf4\xd7\xf4\xd2\x17G7\x9f\x93\xa7U(\xa56k\xea%\xf2Q\x90Le\x04\xaa\xfb\xd2,m4b\x96\x0bz\\Z\xe8\x81\x1fN\x8d\xf5p\x7fkw\xec\x93\xb0Q\xc0L\x8a\xd8\x0c\xd3\xb3\xec9\x9c\x13\xd7+\x04\x8a\x16z\x96h8K=\xce\xc02\xee\xf9\xad\xd6\xaa\xf8i\x9d\x0c1k\xddr\xc3v\x11\x93\xc9\xb3\x9a\xb5:\xd2\xe80\xe6,\xcd\xfaH\xe8\xee~\xbd\xed\x90w\x0c\x8e\xfb\xf8\x8b\x12\xe5\x8d\xb7\x87\xac\x87\x9b\xf7L7)u\xb7\xf0\x9b\x94\xf7w%7\xd8\xf6U\x02\xcb1\x9e&gt;p/Y\xed,u\xab\xf9q\x82\x14\xb4\xf5\xb79t6{\x9a\x14\\\xb9\x9a\xf9%\xee\xbcJ\x9d\x85\xdbi\x8b)\xb9\xa0C\xa5\xc8"\x13\xce\xc8m\x85Y\x11\xf5p\xcb\x87D\xf4\xda~Q\xb1\x06\xcf\xafn\x83C\xb7\xce/\xba9"\x9f\xdb\xeflY\xaf\xf8\xac\x0fe\n\x15\x01\xc0\xcc\x18\xbd\xef\x88\xe8\x8a\xe4\x10\x06+\xa7\xe4\x8d\x8c\xa2\xc6WXn\x9e\xb3T\xe6\x008Q\xa7\xd0\xdbF5\xfe\x8d\xe8\xd5\xcc[\x82\x0e\x931\xaf\xb7)LU\xd4\xac\x12\x9b\xa7\xe73a"5\x1e\xf6a\xa5\xd4\xad\x89\xfe\xd4\xa1\x801\x10\x8f\xf2\xf7j_%B=wM\xad_1\x91*\xbc\x86=\xf9k\xfdK\x08\xdfI\xa9\x85\xfe\x9a\xa2\xffPtp\xa1\xb4\r+?rq5\x08r\x9c\xb9\xd3\xe6\xe6\xf1&amp;[\xee&gt;\xd0\xab$\n,)\xa9\xc1]\x91r\xed\x87\xd6\x86\x959\xb7\x8eL\xf4\xb5q\xe5\xd0\x18v\xd1wi\xf7g\xdc[\x04\xce\xfcU\x87T\x86\xe6+[43+\xf5\xa1\xf4\xc3;\x17\x1dc\xdca\xc1\x97\x7f\x80\x8f\x03;\xfd4\xac\xf6\x8c\xfb\xea\xe6\x98\xbd/\xbdU\xfe\xa1lN\xb9\xbcY\x82\xf5,"Z\x16k\xcd\xcf7g*\xb35s}G\x8fq~\xb5\xaa\x94\xbew\xb1\xa7\x9by\x99\x15\xd7u\xe4\xf8\'1\x13\xbds\xa0p\x97n\xbb\xa6\x8a\xb9\xe3\x0f^\x11S\xaf\x81\xbbF+\xf6\xd4p\xe5\x17\x1d&gt;V\xb3\xdb\xb1\x16\xa4\xdd\xe48\xd7\x14\x16VJ\xe4~\xd5:\x0c\xb2\x95\xec\x8ep\xe3K[ r\xaa\x1d$\xb2J\xd3(\x1f\t\xa2\xed\xa2=\xaeDj^u\xd4&amp;\xf6\xbe\xe7\xc9\xc9\xe0\x82x\xb3M\xd3\xc0n\x95\x10ly\xca\x93\xa1\xe6+\xdf\xd5)Dx\xacc\na"\xa6we"\xa6\xef\xb1|k2\x9dx\t\x1a\xe28n\'"\xa6\x1b\xd6\xf5\xb2\x14\xc5O\xdd\xde5^w\x1b\xdb\xc5.\xe2c1\xf6\x96\xadA\xc4\xb5\n\xbf\xcbQ\xca\xf7\xc5T\xa7w\xd6\x15\xacSJ\xe2\x04\xe0\xdbC5&lt;\xd88 \xc6\xf8RU\xfbB\x7f)\xc9\xc1P!\x96\x86rJ\xcf4\xea\xb4\x8bj,u\xf1\xb5\xc4\x93T\x16\x80c\x82\xd6\xa71%\xa3\xcd\x98\xf8\xb3\xe6\xaf\xf5m\x01=\xc1m\x84\xd8.(b\xe8uV5\x87\xf2\xa6.\x8b&amp;a\x9d\x8dy\xfb\xeaK\xff\xe5S\xc5-\xf6\x89\x1ar\'\xd9$\x9a\x18\x8d\x98\xe8\x05\xfam\xc4L\xf4E!\x82wg\xb7\xc9\x15?\nu*\x98\x1fB\xccL\xcf8\xa7\x0b(\xdc&amp;2\xb9\x8b\x99\x99\x1e\xe0\x91\x93\x1e\x0c\x15\xdbK\xf1\x15\xdf\x935|6z\xcc\xf9\x9b\x86Z\x1d\x89\x13m\xfc\x82\xc3r\x99 \xf4g^\xefp\x90]\x97\x15\xde\xce\xd8(\x101\x01\x98\xae\x8f[\x96\x0eWI\xab\xbb}\x82\xe4\xb1\xa8\xf9M@\xb9+\xf9\xe1\xd7;t\x9f\xf4\xb7\xaa\xe7p\xb7\xd5\x92\xd6\xda\x85(Q\xa0\xd5u\xd3\x8cCM\x91_Bt\xfc\x10\x11\xd1g\xa4\xdex6D\x8c\x10bLf\xa6\xff\x9aVP\xb2\x97A%\xd6\x0e\xea\xddS\xfd\xa8\x87\xa8\xd6)\xd3\'\x02?L\xcc\xbft\x91 \xf47\xb6O\xb2\x8d\x05\xad}O\xec\x00.\xaf\x91\xbb\x0b\xf2\xe9\xc9\xeb\xff\xeck\x18\x9f\x8c\x1e\xb6\xfc\xf9\xb9LD\x7f\xea5\xda\xa8\xc9h\xb7g\x8f\x7f\xc7\x8f\xe12\x93\xe6Z=\xcb@\xdfs}\xc0\xb7&lt;\x1d&amp;\xf6Y&gt;\xb3\nnzk\xc6L\xef\xd9\xe7\x04\x80\xa6aJo\x16\xab\x0f\xff@\x84\xf5|\xf1\xec\xf7B\x86\xa7\x88+\x9d#G0$\x92\xe3\xdc\xda\xf4\xa4j?\x9a4\xe7H!\xd450\xa0\x8f\xb8\xf30y#\x0c"\xbac\xb6\x04\x1f;z\x06\x8cD7\xe2\xc4\xf5q]\xe3\xba5S\x81\x08\xec\x83?\xcb\x87\xdb\x1a\xb9\xcf\x83Y\x0cx\xff\xca\x13\x80K\xa1Y\xfe\xd3`\xcc:\xecl\x82\xf9\xee\xccJ\x83\xb2\xfeE\xb4\xf4\x83\xff\x15B%@\xee\xed\x11\xf4\x89\x97\xa5\x9a\xeb\xf7\xdf+\xe4\xd1#\xe1=J\x1bi\xe2o\xf1\xb3j\xeb\xf8\xa9\xe7\xf1\xf7\xcc\x86\xdb\xbc\xef`\x92T\xc9\xac\xf2p\x81\xd5\x14\x8a\xc77\xe4\xf5\x86Q)\xd2\xad7\x7fk\x8b\x10v\xdb\xd9\xf3\x95$\xcc\\\xea\x17\xcb\xda\xb3x\xa6\xaf\xd7\x9c]\x0c\xad\t\xb8_\x02:4|j\x1e\x8a\xcc\x01oU\x06\x95\xe0\xca\xef\x8b\x1c\x02\x15\xde\xef\x10\xb8F\x90J\xa3\x8b|B\xfa\x0e)n\xd8\xbd\xc2\xab\xc3}\x89\xe6e\xf5]\xde\xb6\x8fu&amp;\xb5\xfe\x83\x87\xff\xf2\xf8\xff\x05\xca\xd3~^\xc6jL\xcf\xef\xcf\xf0\xf0;\xbb\xd3\xb9\xa0v\x06\xdc)7f\xb2\xea\x89\xa7z\xed\xb3\x87@,\xc3\xf2sFX&lt;jHD\xean\xde+!N\xba\x02310\xa2:\xc8\x0eg`ZOG\xa6Kdu\xe4\xe3c\xb4\x9dk\xf3\x88\x8b\xfb\xf8\x07\x9b\x97\x17\x18\xa4D\tg\xc7\xdfbjl\x8e\xd4G\x9c&gt;Z\x89\xd1*\xd5M\x10\x1b\x8am\xbf\xedx\x04\xda\x91\x19\xc1\xa9\xf9t\xef\xb7\x9d\xb4\x91\xc3\x9d4xg\xb4\xdf\x89\xbfn\xad\x00\x00\x95H&gt;\x18\xd3\xdb\xd8\xc9O[m_\xdd\xfe\xb1c\x00\xea\x99\x00\x18\xde\xb2L\x00\x92=j\xeag\x8c\xe6?ABl"\xdeINh\x95\xdf\xb6\xd7\xa1\xff\x8c\xa8\x07\x018\x1fGi \xfdkH$\xf0\x98;\x00\xe0\xa8d\xb4\xfa\x7f@\xba\x98\xf0\xda!a\xe16l\x02\xf0\x96D\xfc\xc7\xfb\x93\x84\x93\xe0\xaf`\xe0h\xde;\x8b\x00"\xfc|\xd3\xa1\xcf\xf3d\xc4t99\xec\x8cV-\xe8()\xae\x8dq\xa2o8{\xc7\x01\x00p\x81V\x9f\xcd\xbe\x01\x13zJm\xfc\xf1\xa9\xdbe\xfe\xf9\xd0K\xc0$\xe1T\xac-\x90.\xc1\xe3\x8e\xe1\x82\'0\xbb\x7f\x90\xab.O\xcf\xadr]Zj+\x18\xfc\xb5\x1a\xd1]\xcb\x17Q\x94\xc4\x97\xedd\xda\xd6\xe1\x9dG\xe4\xc8\x14\xa7Q\x12\xce\x9e\x00\xdc\xee\x10y\xc6\x0e\x96u\x00\x88\xe4(C\x0b@\xc4\xcc\x8f\xe7\x9d\xd1\xff\x05&lt;\x1aS;\xb3K\x08}\x8d`\x0f6&lt;\xdc\xa4N\xc6zI\x1d\xf9\xdf\x8b\x1a\xaa\x86\xcd\x0f\xe5YIJL\x00z3c79d\x97\xe7l:\x94\xd6\xfa\xa4sh\xe5\x01\xe8\x87\xa3\xa7\x82\x86\x94\x7f\xc6\xdc\xeb\x99\x0b\xbc{\xee\xff#\xbam\xa0\x9dgS\x05\xbe\xc0Q\xbb\xbe\x033\xae\x1d\xdd\x85JU\xe0\xf1-\xae\x14\xd9\x9aF{\xc9\xbc\xac\xf3\x9f\x99_\xbd\xac\xcdu\xf7^\xc7\xb9\x85`\xe6\xael\xc8\x07{1\xee\x12\x8c]\x99\x11\x00P\x9b)\x19 \x15$\xb0\xff\x1a\xd0&lt;\xb6\xa3\x7f\xa5H)\xf5\xe2\xf1\xef\x0b8\xec\xa9\xb7\r\x7f\xff\xd4l\x8f\xc0[\xd4D\xbaz\x82\xf4\xa1\xc5q\x98&lt;\x17\x1c\x1e&gt;^\x83\x08k\x8a\xc7\xa1\x93&amp;{L\xf4\xd1\x7fSE\x00\x00\xad\x11\xed\xf3\xd0\x81\n1n\xcal\x0e\xfc\\q\x80\x12[\xf1#\xdb\xaa\xaf#I\x95\xc8\xd9\x7fL\xf0\xf5\xe3\x1d\x17\xe3\x14\x10\xc8y\xdc\xe8@m\x16q\xb8\x06v\x00\xd7% \x1b\xa0\x81Tgp\xc9\x13\xb4\xd1\xff\xdd\x99\x89n\xd6Z/P\x16t\xcc.l\x96\x89\x9e/y\x92]-\xcb\xc3\xb9=\x933\x01x\x9a\xac*\xe5\xc0\x04`\xe6\xa8KE\x00\xc8\xe1O\x05H\x14-\xf8\xeayd\xc3xMa\x01:\xb5gl\xc7|\x9d\x8e\xdc6j\x89\x1e\xc7\xec\r}\x9e\x9c\xac]\xb7\x11\xd5\x9aK\x98\x85\x99\xe9\xcf/Q\xd331\xa5\x82\xfbD\xddRN\x1f\x00\x1a\xe1\x8dj\xc4|#\xacv\xaf4\xe0;\xf3Y\x94n\xab\xb6\x0cO\x05\x96\xb4O\xc6R\xd3\xaf\xe6\xcd\x87)B@\x15.c\xed\xb0:^\xc2\x14\xa7\xa5A0#`@qvc\x0cA\xd8\r\xb7\xa8\x97\x83\xa2\x07\xa3\xe5\xb4\x10\x17(Q/y\xb3p\xbcno&lt;\xdfr\xf6\xae\x825H\xdf\x1c\x8b\xabx\x1fQ}\x190\xe3\xea\x15x$\x9a\xfa\x91\x8c\x86\x03\xca\xf3\xfc\xd6\n\x80\x08j\xe6\xa0\x1e\x06\x972\x03\x086 z\xb1\x88~\xb2D\x0fO\xa7\xea\xb8\x9em=\x0b\xa6\x03gCEW\xfc\x9d.0_\xea\x04L\x00j\x90b\xe1\x8bz$/\x1a\x917\x00\x00\xd7\xa2q\x17.Q\xbau\xec\xd8+?\x92\xb2\xa4\xddu\x8d\x04X\xf9\xeeU\xcb\xbc4\xa9\xd6\xfb\x13\x80s\x1b\xb3"\xb1\x13Z\x10\xcf\x05\x9a\xbf\x8e&gt;\xf9O\xbb\xb5ss\xf5\xac\x1b\x00\xe0\xf8\xc4%\xc1e\xbc\xd5\x82\xa1\xf4\xe7\xa6\x97\xeeX&lt;\xae@%\x8bu\xdf\xa5e\xa3;nY\xf8\xffq\xa2\xafN\x96\xe8\xfe\xea\xa5X\xe7\x93\xc31P\x83\x85\xe58\x7f\xf3\xd7\xc8\xcb\xe1\x87\x98\x004\x02f\x01\xa0\x0f\x02\xdb\xa1\xc0\x988\xea\xfaR#Z\xeb\x08=\x80\x1c\xf1E*\xd2\x92\xf3\xd5ha\xed\xb8\n+\xcaX\xb4\x96\xc2\xf9&amp;\x833\xb6\xc1V0\xd1-Z\xebP\x8d\xac\x1c~\x9c\xfc_\xb2\xc3\xb5q{ff~\xde\x01,\x03@/\x94\xf9)EfR^\xe1\xd3O\xdd&amp;\xff\xfe\xfc\x9c\x01\x95\xbf \xbbn"\xb5\xe6Y^&gt;\xfe_\xf35\xd3}/\xbf\xfe\x9b\x043\x1fZ\xff$\x16\x1f\xae\x03\xb6\x88\x1d\x86\xc2\x92\x1b\xd7A\xf8)\xa2{\xb7*{\xb4\xf0\x99\xcd\x0bJ\x91\x19&lt;\x87\xc8\x9fZ\x07]OUf~}\xa2\xff\x17;$\x00\x00H\xf3-\x9e\xef$\xd6\xe3_\'c-d\xbe%y)%i\xc1\xdf\xcbny\xd3T\xe3\x04\x8b\xbb7\xb1\x7f,\x10\x15\xfd\xe2pz\x91\xca\x0e\xc2\xbf\xc0\x12T\xd5\xcc[\xa1\x94\xc6q\x92\x9a:\x80\r\x18s\xe4$v\xc8\xe8\x9d\x01\x00\xa7Fh\xf4\x93+$5I\xc9\x8f\xfe\xfbL\x97\xdfTy8\xde\xa5\x11\xc4xE=\x8f\xbb\x85\x9f\xd4\xb6\xe0\xf0 2\xa9\xfe\xb1\x99\x82\xf0\x89\xea\x02\x00\x90\x85\x99\xef\xdez\xa8\xb7\x8c\x93B5\xe1\x92\x83\xff\xf0A\xe17\xe4\xd6&lt;\xa0\xa6EG\xa8\xfeRO\xdfm\xc4\xf8:K\xfe\xe9-\t\xc0Ih\x91o\xcb\x82\xfc\x03\x00p\xd36;l\xc6\xdcOu_\xf9\xee\xc3\xd9\x89\xca\xb8\xb4\xae\xb0]\x1e\xa4\x89\x93?\xcb\xf3\xec\x05\xfa\x8co\x9d\r[\xa8\xb2\xa6\xef2\xca\x1a\xe4\x9cih\x92GR\xa3\x00\xf5\x88\x0f\xd7\xf6\x11\xce\'leL\xc4\xf4&amp;\'\xab\x14\x00\xe0\x0c\xec\x0e\xb8+\xad\xf7{p)\xdd\xda2A7\x8b+$(\xb0)c\\\xfdT\xc9\x1ai^\x98\x1f\x1dI\xe0\xed\xf1\xe6A\x93\xc1\x1a\x9f\x07\x83\xf4\xcb\xf1\xd6\x9e\xcf\xd8\xc4X\xfb\x0f\x00:\xe8S\xfcT\xb2\xcc)\x1f\x96\xe7\xc0z\x99\xf17\xbd\xb2\xa0\xa3\xc8\xdc\xbcE\x81k\xbc\xe0e[\xfd\x8879\xaco\x15|\x05\x04\x1f\xe1\xdd\x17\xfb\x14\xb3\x8f\xab(\x89"F\xa5\xcf`\x7f!\xe4l\x0b\x0e\xc4\x97\x12}~)\xd9\xbb\xaf\xce\x13\xb9\xa5.\xcc|\xf6w\x91\x81\x14\xe6nP\xa9?%\xbaMS].\xcd\xa5[fG\xc3|/O&amp;\xfa\xf0)\x87j-\xa7\xb8\xefR\xd2w\xf1\x01\xee ^Bl\xc5\xees\x9e\xb6m\x02\x0e#H\xd0\x06\xb1\xb7!\xef\x97t\x92^\x86\x99\x8b6\xd8_c\xbek\x9c\xfc\xceg\xa15\xbb*p,\x10\x1b\x9dpCk\x05Zr\x94\xd0\xfb\xb0U\x83\xa9W\xaeR*\xba\xbc\xc2\xfa\xdd\x9f\xe7\xdf\x90\xc8\x85\xc7w\x0f\xbeU\xbe\xa8\xf0\x12O\x89v\xd0\x08\x1c\x03\xd7\x03F\x05\x8a:J\x96\xdd#&gt;\x17\xc6q\xd7\xe8;\x12\xd23\x00=\xa0\xb4\xff\x05\r\xb9\xba\x0b\x8e\xb2\t0p\x88\xe9\xb2nRy\x85\'\xe9\xf9\x92\xebnO\xf3\xb0\xe4\x9a~\xb6\xaac\xb0\xd1\x7f@&gt;\x88\xe8\xc7[\xeb\x00N\x8d\\\xae\x06\x00\x94\xa0\x9f\x96\xc9\xc4M\xc6\x10\xc7\x9a\x02\x1c(\x99\x96\xda\xfa\x17\xdb\xf8\xaew\nbU(kg\x81\xa2\x7f\xc7\xbaO\xba?\x8b\x0c@\xaf\xb4\xea\xf8\x00\x00W\xa7\xd2\x11 f~\xcc\xce@[5\x1a?\x1c,\xf5\x1eg\xbeR\xca\xaeo"%\xba\x89\xe7\xd5\xef(\xb5T\xe00\xce\xf4\xa3W\t\x80\x0e\x08;\x96\xd6\xbe\xf91\x0fJ\xb4\xd7\x04\x80\x03\x80\xe3\xa6\xa2T\xea\xb6{~\\\xe98C\xea\x85&gt;-Y\x8b3\xac\x99\xe1)(\x00Z\xd3\xfe\x01\xe5\xa9g\xfcF\xa2\x07\x11/C\x1b\xa4\x05\x006\xe0\xac\xa98\x95\'\x00\xf5J\x0c\xe6\x88\xe3\x7f\xa2k\xf7\x10\'H\x04\x98\x00\x80\x13!\xf7n\xae\xc3 \xf5n\xdc\xc5t\x9b\xae\x08\x99\x01\x00\x8d\x0b&amp;\x99\xe2T:\x02\xa4\x94\xear\xf4\x7f\xe0\xdd\xa4\xa3N\\\x04\x10z\rPS\xda\xb6\x04\xbc\xb7\x07\x80\x1c\xe4\xb2\xefr|N\xa9\xb7V\x8a~{)\x02-\x14\xe8\\\xf4\x97\xb3\xa6\x9f\x0c\xc3ASyj\xbe\x06\xb4G\xe7\x1d\xba=]2\x1d\xe8\x95&gt;p\xf5\x87\x97\xfe5l\x12\xccD\xf4\x82v\xe5\x833q\xb9\xbe\xb9\xcc\xea\xfc\x1f\x11\xa9;\xa8e\xe9\xff\x92\x19\x1e\xd8\x19c\xe1\x0c!\x11\xb1\xfc\x84&amp;P\x94K\xff\x0e\xc0\xa1G\x90#\x97k\x1e\xfa\xc6\xf8\x81\xc7\x1c\xcf\xf8?D\xd4\xf8\x14\xd3\xaf\xf0\x9b4,\xfdD\xdc\xad\xb5\x02 \x1c\xa9eT\xa5\x94*\xf1\x9a\xe3A\xb8\xfe\x91p\x11\xe0\x98\x8c\xe1v\x86\x83a\xc1\xeb\x05\x97\x1b\xde\xd4\xa6D0\xb1~\xa2\xb1\xe7\x83\x8c\xe7\x98\\\xf6la\xd0-\xcc\xdc\xe9\xa9&lt;\x00\n2\xfc"G\xb7a\xcf\xe6\xf3\x00\x1dk\x0b@A\xd0\nJ\x13\xb5\x03\x108\\\x1e\xder\xce_\x98\xa2OM\n\x8e\xfek\x86\xea9\xa61\xa02\n\xef\xee\x0c\xe0\x7fy\x1b\x17\x1e\xa58 C\xcc\xbf\xac\xb1\x16\x1a\xcc\xac\xadt\xce\xcf\x03\xac/\x00\x15A\xbb\xee\x83?\x9a\xff\xc2\xe8\xbf\x10\x176\xabhZ5\x16S\xab&amp;m4\x0f\x00J\xc0\xccS\xe3\xb2\xac\x1c\xf7\xbf\xc9\tL\xba\xf2\x9a\xe7m`x)\x108\x1fZF\xdd\xbbN\xfb\x17\x82\xbf\x10\x97}\x06\xa0\xf0\xf8\xbc\xf6\xf2A\xc5\xf2^\x85\xa5\x91\x1c\xbe\x8e\xf8\xa2/s8"s\xc73x\xcc\x18\x93\x85K\x82\xc7\x81\x93\xf8\x11\x11\x00\x07\x84\x99\x82"\x19\xb1^\x89KN\x00\xa4\x07`\x8a\x88\xe8;$%FR\xb3\xb9\xf0\rh\x9e\xe90?d\xb2\x1dlx\x02\x82\x1f\x03e\x0c\xe0\x80\x85\xe9IbK\x14a\xd1\x13\x9c\x8d\xf8G\x7f\x95BC(\xc8\x05\'\x00\xc2\xfd\xf0t\xf6\xe7\x13\xa6\x97[1\x11\x93:\xed\xe1*\xa5\xbcu\xc3\xf2v\x18\xdf\x05#\x1d\x8a\xcc=h\xcc\xfa\xfa\xa1\xc8\xdb{\x8ap\x08%\x01\x08\'.\xa4\xa7\xb91\x1aB).7\x01\x90\x1f\x9d\x8e\'\x84i|p\xe8\xb5\xa6O\x95\x1a&amp;\xafi\xdd\x8d"z\x1dI-e\xd9\xa9\x0f\xe6\x00.f\xc3\xfd\x17X\xe9h\xd8\x06\x8e\x1c\x98P\xa6\xc7\x08\xc4\x95\x02g\xe6(3\x15\x00\x02Q\xdf\xb4\xbf\xa2o^\x80\xbe\xb2\x10WK/\xc5\x03I\xfd0\xd1}M\xab\xc6\x95\xab\xe6IE\xc4-R\xae\xcc\xfe\xc1m\xe6\x17\x11\xdd\xe2*=W\xf4[\x05\xf1l_\x03\x98Kl${\x9e\xe0t]\\\xd8\xdd\xdcaJ\xc7\x0bg\x03\xf1DHT\xa4\x01pt\xa6\xb6@Dj\x8e~\x04\xbf8=\xec\x00\x9cknw_\xeb\xa7J}w\x84\x8c\xef\xe2\xb8\xd1?I\xcel\x141\x11\xfdM\x86\x00u\x99\xd1\xbf\xfd\xd9P?\x97\xb1M?\x8c\x8f\x9eY\xbfJ\x14\xc8L\xc4\x7f\x1fsO\x95\x93\'=\xc6V\x8f:u\x8d%&amp;1\xf4\x91\xe0\\#\x8d\x0b`\xf9Y&lt;p\x12\xbe\x87g\xaa\xb5L.\xcc\xde\x1e\xff\xd3\xc7\'\x04\xde\xabL\xe9R|\x82\xa8\xb4S\xa3\x19?\xc2bE\xbc\x06|\xb8\x1c\x943\x01\x00!\xc0P\xa1\xec%\x84\x7f\x831;\xa0\x89\x0b\xae\xe7\xf7m\xff\x88\x94[\x84\xc0\xb9U\x91\x1f\xf7\x9d=\xaa\xa8\xd2\xbah\xe9\x18\n\xdb\xe9^\x1e\x08\x14~\x1cY\xc6\x86&lt;+\x96#\x90\xaf\xb1g\x9d\\M\xd9\xa6\x04*\xd2\xe31\x9bn\xe1\xc0\xd7~\x03""z/\xe6_\xbc\x86\xb9\x8e\x18\x18M\x92\xf6Iz\n\xe6\xd7%z\x85\xbd\x16\xf6\x8c\xba\xa9\xf8I\xec\xd0\x19\x81G\x80\x14\xddL_B\x93\x19\xb8*\xcb_\x07\xc7i\x18\xed\x05A3\xd2o\n\x12\x9a\xde|:&amp;\xda\xb1$\xf8\xf18\xaf"\x01\x0b\xc3\x9a\x14\xd6\xa2BaV\x9f\xd1Z\x87C\xf1\x8bJ\xb9w\xab\xba\x83\xf77\xbd\x1d&lt;c\xb8\xeb\x18\xd5\x04\xf90\xd1\xcb\x1dC\x14W\x04mzHt\x98\xa2\xa44\xbdiS\xe6\xb0\xfd\x9f\xd8i\x1b76\xe30\xf1\xfc\x92 \xed?%J\x17\xb5SN\x82\xdeW\xe9\x99G\x8d\xa2$.U\xd9\x8e\xc9\x8aj\xf1\x86V\x9f\xf2\xca\xf3*\xbf\x95-\xabS\xb2j}\x94\x18\xbbS\x86\x9eG\xa9\xe3\x86&amp;\n\xbf\x92\x99\x1ep0C\x998&lt;n\xac\x8a\x1a\xf7\xbd\xc9\xd1\x82\xe4 \x8cV\xbdQ\xda\xad\x98\x89\xb90\x8c3\x9f\xa7!\xed\x9b\xe5\x98MW\x9e\x1e\x9b\x00\x00 \x00IDAT\x97(\xa5\x98\x99~\x93\xe9N\xa9\x9e\x1eEx\xb8\xcbu\x82h\xb0\xc4\x81\xb6\xbc\xcf\xda\xc4_FD\'\xadZ\x10\x15:S&amp;\xccvs\xf8\xe2\xd6\n\x84\xf2\x9b*\xdd\xd1J\x15z/WQ\xda\x84\xf5\x8d\x8ff&amp;+\xb6\xf1\x00\x07\xbc@O\xbd\x80\xf8\x0c\xf5\xef\x0e\xb5\xfa\xbf 4\x07\x1eg(\xb3\xa2\xce\x0c\xdex\x12\xc0\x1cN\x95RD\xd4/x\x02_\x8a\xd1\xddGy\x19"\x1f\xf0x\xee\x06.\xf3\xeaI\xd6_N\x97}Y}&amp;\xc5\xca\xbe\x8atNnG\x8f\xa2&amp;\xcc\xe6;\x82\xf5\xce\xbaRP\x96\xe8f\xf8\xd1L\xdfO\xe73\xf5\t:\x9a\xa3\x13\xf1\x1a\xd0\xf5\x90\xf5G\x85\x1593\xe6\xcfZ\xb4\xd0"\x1a\xfc\x02\x9f\x14\xf3cLm\xd5\x08\xe5\x1cI\x99\x0b\xacEO\xc7P\xfd\xf6aM\x81\xbe\xb8\xec\xabH\x0f\xc7A\xda\xe0!\x94\x9cq\xbe\n,\xf3\xbck\xbc\x1a\x917|_\x8f\xc9$\x9f\x83\x04\xf9\x99\x89\x98\x00\xac}\xf5\xc1\xc2\x8a\x9c\x89\xbd\xb6\xfa.U\xb4\x00\xfd\xb0\x9c\xfdj}\xf8\xf5\x88Go#\x98\x9e]QJ)\xf5\xb8"}\xfa~\xa75\xed\xae^\xb5{S\xda\xff\x82X\xf0z\x80\x8a\xf0|F\xb7bRTJ]79Dr\xe0\'N\x0fAl\x14\xce\x87\x19\x0e\x19\xbe\x95\x8e\x00\xd1\xde(\xa1\x98\x1e\x07\xf5\xcb\xf9\xb1y\xbc\xc9\x11\x91C\x1d0\x88&amp;\xb9v\xdd\x1e\xda9,L\x8c\x1f\xbd\x8b\xa0\xca\xe9,pP.\xdb\x9ap\x0e\xb9,\xb1\xbf\x04\x8c\xe5\x89\x00\xee\xbfw\x01\x0cx1\x1c\x1b\xcf\xb5\xd58=i\xb9i\x9e6\xf0\xf4j\xaes\xfb\xa6\xca:H\xd79\xae\xee\x91\x8f\x08\xeer\xea\xc0;,\x05\x12B\xdc{\xf6\xd4%G\xff\x84s\xc8\xa5\xb9\x96q+\xee\x00,\x7f\xbat)\xf1"\xa0\xac\xc9\xd9?3\xbd\xc6\xb5\xe2\xa1\x1a\xae\xc0k2\x99\xbe\xc6Zc\xdc\x9a\x99\xe9\xa0j\xbfNxN\xb4\xc7\xde\xfb\xa3\xc7\x87\xf2\xb1\x07u)*\xee\xc42\xd1\xdb\x12\xfdA\xe1R\xc0!\x89\xdd\x01H\xe6B\x0b\x1bL\xf4\xd1\xe3\xab\xff=+\x07\xf2\xc7\x003\xa5\xf1\xabS\xcf\x0fB\x9d\x8fV\xfd\xfc\x15v\xf1x\x98]\x07O\xf8\x95\xfa\xc0\xad\x04a\x8d\xae\x05S\xcf\xe3\xd81\xfa\xbb\xfaM\xb7\xa9U\xf6k\xb5\x00\x9a\x18\xb3\xd3\xcd\x9c\x10j\xa5\xe1&amp;\xa3\xff\xca\x8fV\x83\x14\xa2\'\x00\xd3\xa06\xca\xaf\xfd\xa4\xd9J|\xdf\xf4\x07\xcf\xffcEx\x06\xf0\xb3YwW\xec~\x86\xae\xf7\xb1\x97\t\x0b\xfb\x80\xfb\xd0}}\xc7,Gz"n\xfaIs^t\xb9\xb4%G\xc7+\xd9Lt\xcfNU;6\xbc7\xa1*\xd2\x9a\x0e\xdaF\xa7\xe7\x80+\x04b\xa3X\x97\xf1\x0b\xa6\x10e\x89\x9e\x00\xa8\x94\x9fz\x19\x0e\xc5_\xc5\x91\xed:\x97\xf7kVr$\xc3@\xeb\x13\xaf4\xc6\xb2\xad\xbac\x18\xd2\x1dg\xdf\x1a\t\x87\xb5G#\x12\x16\xf3:\xb5\xe3m\x98\x98\x9f*,t\xf9\x95\xf7\x84[\xaf\x92\x00\x8b\x84\x04s\xc0ky;\xa4\xeb\xdf\x01\x95A\x85\xbc\x0c\xec/\xfc2n\xc9\xf4\x9c\xd3\x1b\xea\x90\xc4o\x02t1\x01\xe0\xe2\xbc\xd3\xd4\x19\x84m\x95H\x16]\xc9\x86&gt;\xa2\xbc\xdc\x8f\xda\x15\xe9\xcb_\xe7$\xb3Qt\xd6\xa6Z1T\x9f)\xf5\xdd\xb5\xbd\xdapH\xcb7\x8fT\xcf{\xd9\x97\xe5\xf4n}\xf4\x8c\x02\xfcQ\xcd\xbaL\xbe;\xa8\xe9:l\x17\x8d\x80\x1d\x9a\x923u\xe6\xc8\xdbc\xaf/A\xf1v\x17\xb0\xf7=\xcd\xfe\xd5\xa0P\x80\xcc\xf1\xb6\xdd\xa2\x1b\x9b\x97\x87\xf5\x98\xd6j\x80\x8b37\xf2\xb4\x83(z\x8eh\xde\xa6\x9a2fl\xcd\x9e\x11\xd6\x901#3%91X\xf8\xbedN~h\xfe7\x98\xde)T~b\x11W\x85\xcb\xfc\xd4wEz\x18\x0e\xb5\x87\xf1c\xc0M\xc9y\x088\xf6M\xdb\x17\x9f\xed1\xbd\xce\xb8l1\xed\x11\x04\xdbC\x11\xa9\xee\xb3E\x89_^-\xcbq\x17\x90\xc0&gt;\xc9\xe3\x83svH)\xb9W\xf0\x17\xcd\xbe&lt;\xed6\xbd\xd3\x90_\xbc\t\xaaWF\xa1\x01\xa3\xffUI\x07^\xd2\xae\xcd\xf1\x1f\x98&gt;\xb4\xf2b\x9c3\xd9\x1e\x87R\xd67W5\xd2\xd7Q\xd6\x823w-\x1a\xec\x00\xe4\x95\xb9\xc8\xdb;7\xd8\xb4-\x8d\x95&lt;\xda\x0e\x00\x96a\x80\x07m\xab\xee\xb8L\xf9\'/?0s\xac\x84%\xf1)\xa5\xb4\x97o\xc6\x08a\xe6\xe5\x96\x16\xaduT\x80v\xde\xe9\xbc\x90\xb5\xe3D\x89nJ\xf0\x0e\x00\xe0\xea\x94x\r\xe8\xea|\x9b1\xfa\xcd\x1b\x80\xe7\xae2\x17O\x92\xabup\x913\xb0j\xf9\xc3\xa3{\xf5\xe4\xbf\xa9\x96\xda\xfc\xbf\xe7\xc6\x9e\x8eoV\xb0\x1a\x8e{\x1e\x15\xde\x7f\x99\xef\x01\x10R=!s\x8e\xefU\x9a\xeeLJQ\xabW3U\xcfq\xc3\xe8\xdfR4\xaf/[\xfe\xb3\xfa*)\xcb%\xa4\x8b#\x84\xe7\x01T\x04\xed@x\xb4A~\x02\xe0JFs7\x90%\xfd\x08\x8b\x1c\xccBC\xff\xd5\xb0z\xec\x86\xac\xf5\xbf\xa9~m#B_.\xffc\xe3\xff\x1f\xa1\xd3\xcaf\n\x02\xcc\x01\x0e\x08\xaf\xfe:\x98\x07o4\xff%\xb7\xe6\x91&amp;G\xbb+\xee\x07(\xe6yW#\xcbk\xfb\x17\xc6w\xeeZ\xac6\x03\x82\x8e\xa9\xd8l\x12We\xd5\xfd\x0f\xc5\xf6\xd5z\xfa\xd2\x06\x0cm\xdd\x98-sWk\x85\xe7D|\x02\xe0s\x95PW\xd4w\xaa#"\xc1\x80U\xce\x7f\xe8\xbc\xbc\x81I\xacE\x06tx\xf79\x80\xfbD\x98g\x80W\xf8\xe1\xad\xeeIx\x89\xcd\xfa\x9f\x92\xcaT\xe0_\xf5\x7f\xa8\xf1}\x03G\xaa\xc4\xf8\xac\xd4\xf0\xd0T\xde\xdb\x9c\x12\xef\r\x13&gt;_\xf8\x80\xe1\xff\x92\x1a\xfa&amp;C\xc4W\xb9\xf7\x03\xf1U\x13\xe0\xee\x96]\xd7\xa6\xba$jx\xd9\xc0\xea\xb3\xe5_/\xac\xac\xcd\x85\xf0M\x00\xc6\xec\xf6\x11\xb1\x99h\\\x90x\t\x91\xfa\xf1\xfe\x0e&amp;\x1e\xa9\x13\x9c\xb5]V\xc2L\xf5\x0f\xf72\x045\xd1Z\x910\xf2\xf6r\x0eS\xcds\x13\xbf\x0f\xd3U\x84f\x8f\xdd\x0f\xd5\xe2\xa4Ix\x81\xe9\xe6\x9f\xcbX\xdf=\xa9x\x9c\xcaL\xc5\x85\x1c\xc4\xf4\xa5\xc7\xea\xf3r\x99\xde\xb1\xe1\x99\xfe]\xb4!\xf4\x8cvVp\xfedjNo\x04\x7f\x15\x81\x99\xf7w\x00\xf8\x07b;N\x1a\x16$n\xa6\xd4u\x96{K\xa0\xd9\xee\xd1DL\x9fM_k\xf8\xc1v&gt;\x15H2\xce\xbd\xe2G`W\x1eru\x87RD\xf4\xaa\xf8\xdb\xe45I\xe5X\xeb\xf7\x99l*\xfb\xef\xdb\x15\xbd\xfd\xd6w#u\x150D4\xd4\x86?\xefZ\xc1\x03\x8e\x89\xa5\xed\xa8\xfe\x0f\xb7\x1d\x16\x0eKX\x7fKts\x9a\xde\x83p\n\x0e\x93\x0c\xb5\xe5$eU[\x11\x91z"\xd1\x7f\xaa\xab\xd7\xb5\xc0[\xbaOL\xc8\xdb\xc4{\x08\x00\xa1W\xa8Ub\xe9ZR\x15\x96x1N\xfc\x0f\x11\x08\xec\xb3\x10M\xbf\x9c\x90\xec,\xb1x\xbb\x81Y\x9b\xf2\x1e%x\xe48\xe8\x8b\xe9\xba\x82\x89\xfe\x8d\xe8\xd5Z\xab\x01\xe4\x19\x9a\xc7\xee\x0e\xc0\x1b\x10\x9dl\x12\xd6\xb22qE+"\xba\xc70\xfa\xb7/=)\xc2\xe8\xbf"?\xdfZ\x01 \xc9\x90\x01w\x07}=\x8c\x9c\xb4\xf7`\xeep\xf4w\x16\x919\xfa\xcf\x168\x1c0\xde-4\xdfj\xbe\xc7\x86\x83\x91\n\xb7y\xf4o\x1e\xae\xb8\x06c\xa5\x0f\xd5\x18\xfaR\x96\x990\xfa?+CF(\xf1\x1a\xd0\xeei\x94\x0e\x95\x1a\xce\x85&lt;\xc8\x7f\xd9\xef\x12\xa9\x1f\x99\x7f\xe8\xe4\x97\x86\x0f\xfbJ\x0c\xd5\x11z\xa9R&amp;\xef\xddZ\x01 Ix\x16\xe8\xe14\x97R*\xfcW\xc3\xad\xac\x9f[\xfdq9\xd5\x0c\x1d\x06[%Z\xcc~\xcc1\x81\x9f\xa2Y\x8b\x1d\x11\xe1\xb9E\xed\xfd \xe3\xf4\xd2\x92]\xa5=%\x8a?\xb0q\xc1\xd1\xff@\xe1\x8a\x8bwI\xcd\xbb\xb85\xcd\x93\x1e(\xc8\xb5\x9d\xfb\x00\xae\xcb:Y\xf8/3\xd3\x80\xeb\xca\x0f\xa8g\xb0\xa6\x8cU\xbekd\x82\x9cme\xcf\xac\x1c\xf8\x80\xaf\xe1&gt;p\x16"\xde1w\xf8\xb7\xd1m\x13H\x97X\x12]:_\xaa\xb9\xcc\xe7\xbe\xd0\x1c\x1e|\xeb\xe6\x02\xd7mD\x1f\x9cQ\xbb]\xf4\x9e\x02\x88\xd3o#\x02\x00\xec\x12\x98\xf6e\x08\x19\xd6\xbbF\xff\xf4\xcdV\x81\x9fT\xc3H\xdd\xc0\xccD\x1f\x1a{\xcbd+\xcb\x97\xb42&amp;R\xf95\t\x9a\xfe\x9d$N\xfen\x93j\x1a\xe0m\x92\x96\x94\\E\xa9\x9b$e\xef5\xb7uj^\xab\x166\xaa\x9a\xb1-\xb5\xebx\x19\xc3v\x0e\\\x90\xc5\xa5w\x01\xaa5`\xd76\xf4\xcb\x99_w\xe7\xb2\xe1\xfd\x85\xc6\xef\xee\x1e\xed\xd5\x9fe\xd8\xd9jg\xdf\xc3\x88[\xe7c\xbb\xf3\xaa\xec\x1d\xd8XG\xca\t\x9a\x1eg&lt;\xa2\x9a_\xf4\xf0\x87U\x013!\xaf/\x1b\xbe\x95\xd6\xfc\xd5\x99\xff\xd9\xf9e\xb8\xbb\xf7\x94\x1f\xaf0+^\xd2\x1d|\xae\x17x8)cCo\xbc9\xbc\t\xa2\xe0\x80\xd7\x1b\xe8-\x0b\x06\x97\xe5F\xfb\x97\x80&lt;&lt;]\xc8M\xb4\xe7{7}E\x9a@\xa0\xe3I\x16X\xbb\x01\x13{MI\xa9u\xb8\x1c\xb7\xe9\xf14\x1d.Z\x85"\x83Nm2//\xd6$\xc1DJ)\xff\x8a\x92\xf7\x15\xa2\x85\xe6\x00{\x8f,</t>
        </is>
      </c>
      <c r="E443" t="inlineStr">
        <is>
          <t>&lt;class 'numpy.ndarray'&gt;</t>
        </is>
      </c>
    </row>
    <row r="444">
      <c r="A444" s="1" t="n">
        <v>442</v>
      </c>
      <c r="B444" t="inlineStr">
        <is>
          <t>steps_per_sec</t>
        </is>
      </c>
      <c r="C444" t="n">
        <v>5000</v>
      </c>
      <c r="D444" t="inlineStr">
        <is>
          <t>3.0828152</t>
        </is>
      </c>
      <c r="E444" t="inlineStr">
        <is>
          <t>&lt;class 'numpy.ndarray'&gt;</t>
        </is>
      </c>
    </row>
    <row r="445">
      <c r="A445" s="1" t="n">
        <v>443</v>
      </c>
      <c r="B445" t="inlineStr">
        <is>
          <t>Loss/RPNLoss/localization_loss</t>
        </is>
      </c>
      <c r="C445" t="n">
        <v>5000</v>
      </c>
      <c r="D445" t="inlineStr">
        <is>
          <t>0.15888804</t>
        </is>
      </c>
      <c r="E445" t="inlineStr">
        <is>
          <t>&lt;class 'numpy.ndarray'&gt;</t>
        </is>
      </c>
    </row>
    <row r="446">
      <c r="A446" s="1" t="n">
        <v>444</v>
      </c>
      <c r="B446" t="inlineStr">
        <is>
          <t>Loss/RPNLoss/objectness_loss</t>
        </is>
      </c>
      <c r="C446" t="n">
        <v>5000</v>
      </c>
      <c r="D446" t="inlineStr">
        <is>
          <t>0.0132544665</t>
        </is>
      </c>
      <c r="E446" t="inlineStr">
        <is>
          <t>&lt;class 'numpy.ndarray'&gt;</t>
        </is>
      </c>
    </row>
    <row r="447">
      <c r="A447" s="1" t="n">
        <v>445</v>
      </c>
      <c r="B447" t="inlineStr">
        <is>
          <t>Loss/BoxClassifierLoss/localization_loss</t>
        </is>
      </c>
      <c r="C447" t="n">
        <v>5000</v>
      </c>
      <c r="D447" t="inlineStr">
        <is>
          <t>0.38878715</t>
        </is>
      </c>
      <c r="E447" t="inlineStr">
        <is>
          <t>&lt;class 'numpy.ndarray'&gt;</t>
        </is>
      </c>
    </row>
    <row r="448">
      <c r="A448" s="1" t="n">
        <v>446</v>
      </c>
      <c r="B448" t="inlineStr">
        <is>
          <t>Loss/BoxClassifierLoss/classification_loss</t>
        </is>
      </c>
      <c r="C448" t="n">
        <v>5000</v>
      </c>
      <c r="D448" t="inlineStr">
        <is>
          <t>0.25129306</t>
        </is>
      </c>
      <c r="E448" t="inlineStr">
        <is>
          <t>&lt;class 'numpy.ndarray'&gt;</t>
        </is>
      </c>
    </row>
    <row r="449">
      <c r="A449" s="1" t="n">
        <v>447</v>
      </c>
      <c r="B449" t="inlineStr">
        <is>
          <t>Loss/regularization_loss</t>
        </is>
      </c>
      <c r="C449" t="n">
        <v>5000</v>
      </c>
      <c r="D449" t="inlineStr">
        <is>
          <t>0.0</t>
        </is>
      </c>
      <c r="E449" t="inlineStr">
        <is>
          <t>&lt;class 'numpy.ndarray'&gt;</t>
        </is>
      </c>
    </row>
    <row r="450">
      <c r="A450" s="1" t="n">
        <v>448</v>
      </c>
      <c r="B450" t="inlineStr">
        <is>
          <t>Loss/total_loss</t>
        </is>
      </c>
      <c r="C450" t="n">
        <v>5000</v>
      </c>
      <c r="D450" t="inlineStr">
        <is>
          <t>0.8122227</t>
        </is>
      </c>
      <c r="E450" t="inlineStr">
        <is>
          <t>&lt;class 'numpy.ndarray'&gt;</t>
        </is>
      </c>
    </row>
    <row r="451">
      <c r="A451" s="1" t="n">
        <v>449</v>
      </c>
      <c r="B451" t="inlineStr">
        <is>
          <t>learning_rate</t>
        </is>
      </c>
      <c r="C451" t="n">
        <v>5000</v>
      </c>
      <c r="D451" t="inlineStr">
        <is>
          <t>0.039907582</t>
        </is>
      </c>
      <c r="E451" t="inlineStr">
        <is>
          <t>&lt;class 'numpy.ndarray'&gt;</t>
        </is>
      </c>
    </row>
    <row r="452">
      <c r="A452" s="1" t="n">
        <v>450</v>
      </c>
      <c r="B452" t="inlineStr">
        <is>
          <t>train_input_images</t>
        </is>
      </c>
      <c r="C452" t="n">
        <v>5000</v>
      </c>
      <c r="D452" t="inlineStr">
        <is>
          <t>[b'1024' b'1024'
 b'\x89PNG\r\n\x1a\n\x00\x00\x00\rIHDR\x00\x00\x04\x00\x00\x00\x04\x00\x08\x02\x00\x00\x00\xf0\x7f\xbc\xd4\x00\x00 \x00IDATx\x9c\xed\xfd{\xec&gt;\xdf\x83\x10\xf4\xcd|\xf7\xabDY\x03QAk\xadV\xa3\x16\xa1\n\xae\xb1\x81\xc6Z\xa4\x06M\xda`\xf0R\x95\x02\xd2*-4q\x05\xdb\xb4\xdanH\xb3\x88F\xd1\x14\x8b\xa4\xc6H\xea-1\x1b\x82V\x03!\xa4X$P)X\xeae7\xd6\xec\x866\xd8K4\x82E\x81nV\x84\xd3?\x9e\xcb{\x9e\xe7\x99\xcb\x99\x99s\xe6\x9c3\xf3z\xe5wy\x7f\xde\xef\xe7\x999s\xe6\xcc\xb9\x9f3]\x07\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T\xa9/\x1d\x00X\x10Bx\xfe\xdcw]\x18\xfc\xa9\xef\xbb\xbdi\xf8v\xf0\xbe\x1f\x9e\xaa\xef\x97\x8f9\x0cU\xe4W\xa6\x8e0\xf8\xea\xf8AB\x08\x1b\x8e\xbf_\x08!2\x86o\xd7\xb2\xf8\xe1\xc7\xc7\xfa\xee\xe5\xf2\xfb\xa9\xcf\xbc\xfdr\xf4\xf3\x9f\x9f\x99\x8f\xab\xc8\x8fE|\xbd{\x06\xea\xf3P\xa3W\xf1v\x84\x95a\x08!\xbc|~\xe6\x14\x91!\x899i\xd7\xf5!\x84\xbe{I\xa6u{{4\xbbn\xfb\xe5\xbf\x1f\xb1\xc8c\x08\x90\xc37\xa5\x03\x00\xf3^\x0b\xf3[\x1d\xf3a\x7f\x0b6\xbc\x9f\xe0\xe5\x88#U\x89\xaf\x80\xbcT\x06f&gt;\x19\xa1\x7f\xfcg\xf2\\[\x8f\xbc#T\xf7+\x9a\xac\x88\x8fY\x08\xe7\xed:B\x08\xf35\xaa\x99\xcb-^\x93{~qP\xfb\xdfx\x84Ua\xb8\x9d."\x99\xfd\xc3\xa3\x9f\x19\xc6\xf9\x1a\xf7\xc7\xad@\xed?\x84n\xd33\xb5\xebA\x9c0\xc8p\x00N\xe2\xdb\xd2\x01\x80y_\x9d\xfe\xfd\xa3\xf6\x9f\xf2\xe8\xfdpP\xa1\xef\xba\xf0\xd2!\xbfX\xa1\xedw\xf6\xb0\xc6\x1a\x9c%\xdc\xaae\x8b\xe7\x1d\xf4\xcaor\xbb\xb6\xd7\xc1\x87\x89\xd3\xc5\xd7\xb9\xee\xb1}\xbf\x8c\xc9\xc0\xbd\xff\xbe\xef\xfb}M\xac\xf7\xa3\xa5\xf9z\x083\xf1\xfb\xd6[\x1f\x11\x8d\x0b\'}?\xc8 \xde\xe7Z\xaa]\xd7}|\xb7r_\x97\x13=\x06\x05\xc0*\x1a\x00$\x90\xb5z\x91\xbf\xe22S3\xcbu\xea\xcd\xd5\xd9\x10\xba\x98\nwt\xb3$L^c\\\x08\'/$\x84\xd1*\xfeW\xff\xf7\xc4\x01W\xde\xee\xe9\xf0G\x1d&lt;\xfe\xebc\x9f\x8c\xab\xfd\xcf~p\xfa|\x1f\xcf\xd4{\xe0#c*C\xb3\xf9H\xb3\x8d\xac\x11o\x13\xcc\xba\x96\xaf\x1d \x1fS\x80H\xe0\xb2E\xec\xfe\xee\xff\xe8Z\xdc\xd7\xbc\x91\xdb\x8f\xf3s\x12\x1e\x7f\x9a\xaf\xc4\xafn\x86\x0cg\x92\xbc\xcd\xe4y\x9f\xb5\xbf\xf3L\xb1&amp;\x1b\x18\xdb\xbe&gt;\xeav\xa1S\x97\x10\x1e\xbanf\xa6\xcd\xba\x14\xb26\xba^\x93\xc7\xc6\xd4\xb8u\x9aPb\xfbW\xd7t\xfb\xe2\x01\x00`\xce[\x85x\xe7\xa1R\x84\xe8\xed\x90{\x8f\xf9v\x84\xe1?\x87\x15\xdf\xf9/\xce\xd7,\xa7\xe6\xac\xaf\x0ek\xa4\xf5G^\xbc\xd27\xbb\x83XDT\xc8\x0f\xb8\xbaTq\xf8y;\x9a\xbd5\x00\xe9\x19\x01\x80\xed\xbe\xfa\x19\xbfo\xd7r\xdbts\xa8^6I\xeaRWzf\xa6\xf4|\x85\xe0}Td.\x00\xc3\x8e\xf3\x14A\x8d8\xc2\x86\xf9\xf7\xf7\xef\xcd}\xb1\xfd\xde\xe6\x8a\xba\xcc\x93\x84\xe4s\xc9P=\x17\x08\x00\\\xda\x7f\xfb^\xf1\xcd\xd07\xb9\xbeV\x1d\xf1\xf9\xf1)@3\x07Y8\xe6`\xf2L|8\xeb\x14V\xdc\xca\xe6/6\x93RC(_\'mx\x0c\x07\x00\xb8\xbc\xf5u\xa9\x97\x06\xc3\xe2\xd7\'&gt;\xf02\x13f\xb41\xa0\x82uQ\xb5\xde\xfa\xb7\x14\xdbu\xbf\xb4t\x88\x00\xb2\xb3\x0b\x10\xbcK7!\xa7-\x83=\xee\x97\xeai\x93\x9fx]20\xf3\xd2\xaeK\xc6\xf0\xa5\xa5\xaa\xfb\x7f&amp;\x9e\xc7\xac\xb3n\xffT,\xc9\x12\xb8\x08k\x00\xe0\xdd\xeeJ@\x15=\x9d\x9b7B\x99y\xc1\xed\xeb\xf1\xc7&gt;\xb0\xf0\x95\x1f\xbc\xfd\xf0\x97l\x08\xd6\x81\xd6\xce\x9b\xca\x17\x923\x19O0k}\xe7\xccj\xf2\x8d\x87\xf4\x9e/\x00h@\xe5\xd3HR\x05\xaf\xd0e\xfeU\xf7\xf3n\x7fS\xc1\xdc&lt;\x9fu+\x04\x12\xd90\x1b*WP\xd8\xa7\xf2g\x1f\x00x\xa7\xf0^\xa5Ht\xadY\xc9:y\x8cU\xe7:\xa6\x01p|\x9d^R\x07\x00\xd0\x00\xb8\x9b\x8e\x87kE\xce\xa0\x01p\xe8\x85\x87\x81\xa5\xcf\xfe\xe0\x9e\xb3l\xfen\xee\xa3\x9d\x95\x1c\x06\x00*\xa4l\xee\xba\xd9\xfds\n\x84\xa6\xa8"\xfb\x02E\x9f4Q\xc0~\xcdEo\xebu\xce\x0b\x00\xb0@\xf7\xffP\x92J\xdb\xaa\x83\x0c?\xf9\xb3r\xd6\x17C\xcb\xaf8\xd8\x1c\xec\x9d\x8d\xba\x9d\xe9!\x84\xd0\xfd\xbe&amp;#\x1c\x00\x80\x15\x1a\xadd\x9fR\x82\xda\xbf\xbb\t\x00\xc0Zf\x83\xc4[\x8c\xa8\xcd\x03,\x1b\xc2\xb2\xe3\xbb\xf7\xb3\xbb\xf5\x00\x8b\xbc\x07 \x0b\xc5\x0f\x1c)\x84\xf0\x8f}&lt;t\x95\xec\xec\xfe\x8b\x97\xba\xb4\x8bg\x17\xf3\x11\x15\xbe^\xb35\xeb\xcf\x0c\x8fO\xee\x89\xf6*n\x19\x00P\x85\xe2\x95\xa4\xe4\xcewE\xa5T\xde\xe3\xbb\xd8\']s\xe0\xbb[\xf0"BX\xc3]\xd0\xfd\x0f\x00TM5\xe5"\xaeP%\xad\xa7\xe6]I0\x00\x00`\xbbG\xa5\xb6\xdezm=\xc1\xab\'$\x0053\xe1\x12\xa0j\xcf.\xedJV5\x00\xd0:\x8b\x80\x01\x1ap\x99\xda\x7f%sx*\t\x06@\x16\x1a\x00\xb4\xe7\x1c\x05\xf39\xae\x82\xdc\xae\x96NB\xe8\xfa?\xb3t :\xaf"\x00\x80\xca\\\xadJ\x94\x90\xa8k\xce\xd5V\xb5Vr\xbd\xc30\xd4\x10\x1e\x00\xb8:\xe5\xf1f\xa2.\xa5\xa3"3\xe1]+\x9b\x00ZL~\xf5\xaf\xc0\x06\x80Kh\xb1\x1a\xc1*M\xdc\xe2\xe3\x02\xd9Bl\x00\x00\x00IT1%\xe6\xe2*\x99\x98\x04\x90\x8aE\xc0\x00UK\xbb\xfdO=u\xd9zB\x02\x00\xa4\xa7\x98\xdfF\r\xe9j\x0e\xb8\xddR\x14\x00F\x00\n\xb8`\x01|\x99-\xccc](\rXC\x19\xed\x98T\xe1a\x04@I\x00G\xbb\xd5\xf3.R\x0f\xf3\x16[\x00\xa8\x8d\x11\x00 \x97+\xd6\xfe\xaf3\xb6\x03\x00\x00o\xaca(D\xb4\x030\xc7\x08\x00\x90\xc5\xa5f:UE\xe5\x1f\x80y\x1a\x00@\x16\xff\x96\xda?\x00\x00\x00[\x19\xda\x00H\xc3\x08\x00\x00\r\x08\xe1J\xfb\xe7\x02\x00\x00\x00\x00\xc0\xb5\xd8Z\n\x80\xd6)\xc6\x00VX_\xfb\xd7`\x00xg\r@IJ%\x80U\xd6n-%\x9b\x05\x00\x80\xfa\xa9\xb6\x03\x00[\x86\xfe\x81\xeb\x92c\x00L1\x05\x88\xf3Q\xea\xc3ylZ\xf5k\xde?\xc0\x1c\xef\xe9\x04\xa0R\xb7z\xfc\xbeWJ\x7f\xb5\x05\xbc\x9a\x1a\xe0Fn\x08\x87\n!\xa8\x85\xc01\xde\xc6\x01&lt;z\x007\xa6\x00\x95ax\xfa\xb2TA\xa0\x08\x8f\x1e\xc0\x93\x06@\x19\x8a"(\xe9\xe7j\x81_\x8b,\x17`H\x9e\x08\xc09=\xc7Z5\x00\x00\x86\x8c\x00\x90\x89\x1eV\xa0\n*\xff\x00o\xe4\x8b\xd5I\xb1\xeb\xc5\x99=\xe2\xa7\x93z\x01\x00h\x9b\x95\xc1q\xec\xf0\r\x97\xb0\xe9\r\x00\x00d#_NnU\x94\x8a|\xe0\xf4\xde2\xba\xf0\xb0\xfd\x88\xdf#\xe7\x04\xd8\xa1\xce\nh\x9d\xa1\x8a\xb4\xbe\x01\xf0\xfb\xb2\x86\x07\xa0*;\x1b\x00\xfa\xad\x00\x1a\x13\x9bk\xb7\x9c\xb9\x87\x10\xe2\x17\xce*\xc6\x00V\xd1\x00\x00h\x8d\\\x1b\x80\x1dVu\xb2\x00\x00\xd0\x98\xaa\xfaz\xf5=\x03P\x95\x98\xf7\x00(\xb7r\x13\xc3\x90R\x85\xb5m\x1b\xfb\x02P\x9b\xb9\xc2rMQ\x9a\xe3\x93\xe7Wae\x05\xa8\x90\xbc\xe2\x8d\x08\x01(om^,\xef\xee:\xcb\x1b\x80X\xa6\x12\xbd\x11\x1b\x00\x8dy\x94d\xb2\xef\x19"\x07\xf8\xa2\xbe\x0b@\x121k\x00N\xa5\xa9\x12\xd4\xa4a\xe0\x8b\x85\x04\x00\xb0ES\r\x00\x00\x008\x95\xe9\xd7:\x9a\xea\xca\x11\xfef\xc9\x0c\x00\xe0P\xaa_\x94&amp;\x05\x02\x00\xe4\x15\xec{\x03\xc0\xc0\xf4h0\x00-\x93\xb3\x030\xc2\xa6p\x00\xe7\xa4k\x07\x80\xb4\x8e)Y\x8cN\x00\x00p\x86\xea\xa0J-\x00|\xd0\xeb\x03\x8cI\x923&lt;\x0e"\x9f\x01\xe0h\x97{\x11X\xa4\xb5e\xb2"\x1c\xaec\xff\x0b\xb9\x9e9F\x08\x9d\xb7{\x01\xd0\x84\x8bTv/r\x99\xc0\xd1t\x19\x00\xd0\x1cE\x17@u,W\x05 \xc6\xb6)@F\xac\x01j\xf3SJ\x07\x00\x00\x00\xa8\x98\x11\x03\x80k\xb2\x08\x18\xee\xd4\x84\xb8 K\x90\xc7\xc8\n\x80\x93\xfb\xb6t\x00\x00(c\xffvF\x00\x00\x00\r3-\n\xb8\x02S\x80\xa8\xd4|1\xac\x84\x06\x0e!\xab\x01N\xc8\x14 \xea55?A\xed\xffd\x9e7\xd4\x8c\x14\x12\xba\xa5\xab\xbe\xefV\xed\\\xf7\x91\x08\xa5I\xe0\x84\x8c\x00P\xa9\x99\xba`\xdf\xf7j\x8a@\x8c\x10Vw\x19\xe8b\x00NO\x03\x00\xa8B=\x8d:\xf5?\xcc\xfc\x01\xce\xad\x96\x12\x17\x00\x12\x1a6\xe4\xe2\x9b\x97&amp;\xa4\x01W`\x04\x00\x80V\x19\xae\x01\xd8@\x03\x00\x80&amp;\xddj\xffSm\x80g\x17\xfe\x86\xbe|\xdd\xff\xc0\xb9\xc9\xe3\x00h\x92\xe9:\x00\xdb\x18\x018?C\xe4\x00\x00\x00\x00\x00@%\x8cZ\xb0\xc3\xfck\xa4\x01\x00Xth]J\xed\x8d\xdd\x8a\xa7\x9f\xe2\x01\x00\x00\xd8\xe5\xe8\x06\xc0\x91\xa7\x03\x00\x00\x00\x00\x00\x8ec\x10\x00\x00 \x0b\xdb\x80\xaef\x82\xca\x11\xc4\xf1\x05T\xf8(U\x18$\x00\x00\x92\xb3\xe6\xb8\x0c\xd1\x0e\x00E\x18\x01\xe0\xea\xd4BK\xf1\xf6V\x00(B\x03\x00\xbaNo4\\\x95}\x87\x81\x0b\xd2\x00\x00\x00\x80\x0b\xa9\xb9\x01\xa0K\x86#\xdc&amp;\xa2\x98\x8eR\x19\x8f?G\xd0\xf7\x0f\\\x93J\x0f\x00\xd7\xf4U\xff\xd7\x05\x00\\J\xcd#\x00\x00y\xe8\xf7e\x90\n\xd4\xfe\x01\xae\xce\x880\xe4f\xd9%\x00\x14\xa4\xdb\x038\xd4\xb3\xea\xaf\xdb\x15\x00\x00`A\x08\xc1"\xe9\xb5\x8c8\x01\x1cG\x9e\x0b@\x05\x14F\x00_2.\x02~\xd4\xfe\x9b\xcav\xb5X\xe8\xbaN\xdb\xf5\x8c,&lt;\xb86\xf3\xcd\x00\x0e\xd1bq\xdb\\\x80\x01\x00\x00\x00\x00\x00\xa0q-\x8e+\x02\x00\x00\x1b\xa9\xfd\x03\x00\x00\x00\x00\x90\xda\x89\xfb\x9eO|i\xdb\x88\x10\x00\xce-\xe36\xa0\x00-\xf2\x8ab\x00\x00 #c\x0e\x00\x1c\xc9\x08\x00\x00\x00\x00\xc7\xd2\x03\n\x00p\x0c#\x00\x00\x14\xe6\r\x0f\x00m\x90Y\x03\x8bT\xec\xe6\x89\x9c\x9b\x10B\xd7\xad\x88\x8a\xb5\x9f\x07\x00(F\x85\x98\')\x01\x80"L\x01\x829\'\xab\xa2\x9d\xecrZg\xbfQ\x00\x80\xc4\xf6\xd7wOWc&gt;\xd9\xe5\x00\x00\xc0\xc0\xe9\xaa\xef@.\xb2\x0b\x008\x05%z\xd7uj6\\\xd2\xc6\x85\xc2\x1e\x16\x00\x00hS\xca\xaa\xbcV4p&amp;\x16\x01\x03pJ\xd6X\x03\x00\x00\x00$d\x84\x14\x00\x00\x00H\xe6\\\x1d\r\xe1\xf2KNC\xd7\xfdVo\xc7\x03\x00\x92Q\xb18\x197\xb4i!\xce\xfa\xc5\xbb\xdf\xf5\xfa\x95\xf8\xafKK\xc0EY#\xc5\xe9\x05\xe9\x1c\n\xda\xd0f\xfb\xb7\xbb\xee\'\xdf\x9e\xdb\xd8\x97%\xdf\x1f\xf3\xdb\xb9\xbcb\x19`\x9e\\\x12\xb8\xb8[\xf5Tf\x98X\xaa\xb1\x9a\xbe\xef\xdc\x1d\x80\xb4\xe4\xaa\x90R\x08\xe1\xf4\xbd\x8fW\xb8Fv\xca1SK\xaa\x03H\xc5{\x00 \xa5\xd3WQL\xc1gQ\xb6D"\xed\x01\xa4q\xf6\xda\n\xc02\x0bE\x929\xa0\x89h(\x00`\'#\x00\xdd\xe5\xb7\xe1\x83\xab\x93\x07\xa4b\x80\x08\xa0\t\x1a\x00\x17\x98\xb4A\x16i*:*L5\xd0\xa3\xbc\xd9pc\xd6\x98\xc4\xdcw]\xdf\x7f\xfdg\xa3\xff\xd0S\x03\xb0\x8b\x06\x00l\x93\xa6\xca\xa8\xea\xc99D\xd5\xfe\xfb\xfb\x7f\x9f\xff\xe9\xfb\xae\xff\x05\xeb\xcf\xf5\xe37\x04\x10\x80/*\x1f\x00\xec\x15\xd7\x00\x98*qV\x8f\x84i9\x03\xec\xd1\xd4\x08\x80\xc9\x12\x00\xf5\x89\xed\xfe\x9f\xf9\xe3\xea\xfa\xbc\xe2\x00`\xbb\xebv\xa2\x84\x10\xd6\xbcf\x12\x80\x11\x8b\xb5\xffG.{\xfb\xbf\xa5\r\x97\xa2\x07\x03\x0c\x02\x00l\xd6\xd4\x08@:\xb7"F\x0f\x12@V\x1f\xb5\xf4\xa5Z\xfb\x8aj\xbd,\x1c`\xa3\x8b6\x00\xf6\x8b\xec\xa5\xb2\xc7\x0bpY\xaf\x95\xf9\xf0\xf8\xcf\xd2\xb7\xe2\x0e.s\x05\xd8\xec\xa2\r\x80\xdb\xd8\xf1\xce\x11\xe4\x88\xca\xbd\x02\n8\xb3\x99l\xb0\xff\xfaL\xd7\x85\xae\xfb\xb3\xa2sDS{\x002\xbbrF\xbb\xeb\xdd\x9f\xb7b\xcf$Tv\x0b]\xf7\x9ft\xdd\x8f-\x1d\x0c\xd8b\xed \xe7\xad\xef%\xd5Q\xad\xe3\x02\xd8\xe6\xdb\xd2\x01\xd8.\x84\xb0\xaf\xfe\xbd\xb7\xd8\xe8\x7f\xe7\xfe0\x80\xf4\x03C!~\xe84t]\x1f\x826\x00\xc0Z\xf2\xcdI\xf3\x95\xfb\x10B\\W\x16\r\xa8a&lt;Gc\x92\xe6l[\xe34\x9f\xafn:`\'+\x06X\xa5\xe1\x11\x80\xdc\xe6kc\xeajg\xe2nBq\xb6L\x008\xccE\x17\x01Cm4B\xb8\xb6\xed\xb5\x7f\r\x07\x80\xb54\x00\x00(L%\x1e\xe0Hgm\x00(L\x00\x9a\xd1\x7f_\xf2C*\x05\x00&amp;\x9d\xb3\x01\xa03\t\xa0%\x7fk\xff\x8b\xb6~ud\xf6\xdc\x1f\x0f!XT\x000\xe9\x9c\xd3\x8em\xa8\x02\x90\xdb\x86\x1a\xf6\xcc\x8e={\xea\xebo\x19\xfe}_\xaf?\xb5\xeb\xfe\xbf\n\x02\x80\x112G\x00\xb6H\xbb\rh\x92\x06\xc0\xf0 \xba\x81\x00\xa6\x9cs\n\x10\x00\xa5l\xaaw\'\xe9\xfeW\xfb\x07\x88\xa2\x01\x00@2}\xd7u\xfdd\xf5{\xaaV\x9eh\xba\xfe\xfd\xf0j\xff\x00\xf3\xbc\x08\x0c\x80-\xfa\xbe\x1f\x99\xb7\xf3\xfb\xbb\xae\xfbM\xb7?v\x83\x9a}?\xf8\xef@\xe2\x95\xba\xaa\xfe\x001\xe4\x95\x00l4Z\x7f\x7f]\xe9\x1b\xba0Z\xf5\x9f\xfc\xfaZ*\xfd\x00k\x99\x02\x04@&gt;\xfdT\xed?\xc9V\xfdj\xff\x00\x1bh\x00\xcc\t!\\\xedm2v\xce\xbe\xb0\xbf\xb0t\x00h\xcfh\xfd\xfb#\x17\xf9\xfcL\x18\xfb\x18\x00\x07\xd1\x00Xt\xa1\xee%\xb5\xffk\xfb\xa1\xd2\x01\xe0J\xbeKn\x03P\xcc\x85j\xb7\x00\xe40\xb1\x12`\xa6|\t\xb7\xa5\x01\xfb\x99\x02\x04\xb0\x81\x11\x00\x00r\x98\xad\xe1\xf7\xdd\xffn\xf7\t\xd4\xfe\x01\xb6\x91{\x02\xb0\xd7\xf8 \xc0\x1f\xef\xba\xef\x98X\xfe\x9bb\x04\xe0\xad\x01p\x0b\x83V\x01\xc0"#\x00\x00\xec5\xbe\x1a\xf8\x9b\xae\xfb\xcf\xc6\xeb\xf9;k\xff\xfd\xe7\x19\xef\xb5\xff}\xc7\x05\xb8\x06\r\x00\x00\x12\x18\xefz\xff\x13\xc6&gt;\xfa\xcbw\x9f\xe8\xa3\xef?\xdc\x7f\xd8u\xe4\x19\xf6H\x00\xce\xe4\xcco\x02\x0e!\xdc^J_: \x97\x14\x82\x98\x87\xaby{7\xf0\xd8\x0b\x00\xf6V\xa4\xe5+\x00\xfb\x19\x01 \x0f\xa54\\R?7\x07\x7f\x7f\xed\xbf\x1f]\xba\xf6&lt;g\xb6|G\xf7?p*go\x00\xa8\x86\x02\x1c\xac\xbf\xf9\xafu\xaf\xf5\xf5_\x92\xa0\xf6\xbfp\xcely\xfel\xbb\x06\xa05gn\x00\xc8\xaf\x01\xca\xf97^\xff\x19\xfe\xbc2\xc1\x00\xe0\x9d*2\x00\x07\xd85\xffG\x87\x0e@B\xb2T\x00\x8e\x11\xb5\xfd\x7f\xdf\x8d/\x1f\x06 \x953O\x01\x02\xa0&amp;\xfdm\xaa\xfe\xd4\x9f\xff\xd0\xd7\x16\x9fj\xff\x00\x19\xc9d\x01( |\xbd\xbaKI\x04p(\xd9.@\x1e\x8fI\xef\xe6\xb4\x00P\x15S\x80 \x17\xaf\x0e\xbd\xbag\x85\xdf\x9c\x16\x00\xea\xa7\xe2\x02\\M\x08!y\xd6\'/\x05\xa0\x199\nB\x80\x9ae\xca\xf4B\x08\xde#\x0b@UL\x01\x82\xbb\x9d\xf5\xbf\xe7\xd7\xb7U\xf84\xb9\x8b\xcb\xb1\xd3\xfcp\x15\xc0\xd8\xef\x01\x00(gg\x9d\xec\'\x0c\xbf\xaezG\xd7u]\x17B\xf8\xad\x12\x03\x00pI&amp;\x95\x01\x05\xc9\x7f\x00\xa6\xa9\xa5A.\xefS\x83\xf26\x8a&lt;\xcb\x00@\x8c\xaa\xbbi\xad\xa5\x03\x00\x80\x0b\xa9\xb9q\x021\xa4\xe1\n\xd9\xf4\xecR\xc2C\xe9\x80\x00\x94\xd4\xd2.@9\xf6\xe88\x90\xe1\x8bk;\xb6\xce\xa1~\x13ID]\xca\xf0v\xbb\xf5\xc0\x95}[:\x00\xd7\xd1t\xeb\x85\xdd\n\xb4_\x83T\x17\xa9\xf1\xce\x85\x9a\x85.\xdc^\x84\\\x1d7\x1d\xb82\r\x008+\xf5\x9be5\xd7\x02o]\xd45\x87p\x99\xda?@\x954\x00\xb8\x94\x93w\x8a\x9b\xd5\x90\\\x08\xa1`e\xb1\xf9zj\x95\xe1o&gt;V\x01vki\r\x00\xec\x16S\xf0\xb7]\x87V\xb7IK\xed\xffd\xc4*\x00\xf0)\xba\x01Pkw\xbbMN\xd6\x10Q\x00\\\x92\xba\x02\xd7\x91$\xb5\x87\x10\xaa\xad\xfdw]\xbd-\x13\x00\xa0\x06\xd6\x00\xc0j}\xdfU\xbd\x96\xc0$\x07\xce\xe8\x0c\xab\xa2\x01\xeaa\x04\x00\x18%s\xa0\x94\xcf\x99lR#@r2V \xb1\x0b\xd6\xd8.x\xc9\x99X\xca\x02\x90\xd7\xc5\xf2\xd9\xbdWz\xa5\xb8j\x92\x1bT\xa1\x8b\xdc\x94\x8b\xe5\xa5M\n\x03\xa5\xc3\x02P\xcc}\x1b\xd0+M\xaa\xdc{\xa9f\xa0&amp;\xa7$&gt;\xbdV\x9e\x19I\xf1\xe4\xdc_\x80\x1b\x1d!\x90\x8eG\t\xaa\xa7\xd4\x03\x08!\xa8\xb5\xbc\xf8\x7f\x8a\r\xb6\xd0\x96\x06\x00\x80\x0b\xa9\xfd\xe5\x00\xe4\xa4\xf9\x07@C\xbe)\x1d\x00h\xccT=\xaf\xef\xfbK-\xa6i\xcbm\xa8S5\x1d\x00:\r\x00X\xcb*\xf0\x06\xe5\xddN^\xa3\x02\x80\xb6\x9c\xbb\x01\xf0\xc3\xa5\x03\x00\xd4\xa0\xef\xfb&gt;\xdf^D\xb76\xa1\x96!\x00\x94w\xa9\xe1\xfeK]l)\xadDr\x13\x81&lt;\x9e\xdd\xdf\x17\x89\x1c\x80\x8b\xf8\xb6t\x002\xda\xd3!\xf7,\x08\xf5\xea\xd1\x1c\x89v\x86\xc8\x99\xa2\xf6\x0fp\x1d\xe7\x9e\x02t!}\xdf\xab\xd9d\xa5zt\x02\x1e\x91\x192\x10\x00\xa8\xfa\x9d\x91*\xa3\xc7;\xdf\x04\x923]\x0bk\xb8\xef\x00Ww\xfe\x11\x80\xed\xb5\x9ck\xf7\x875Z;&lt;\xa0\x8e\xdeh\xcc|\x08\x9dw\x17\\\xd4\xa5s6\x00\xba\xd3\x97\x04\xa6\xf2_N\x08\xf9Zni\x93S\x08\xe1\xb6y\xcc\xfeCm\x0e\xc2\xe9s\x00\x00\xe0\xd3iG\x00N6[\x83X9[z\xc9w{,\x9dB\xd5\xfe\x01\xe0\x8aN\xdb\x00\xe0\x9ar\xb7\xfa\x0c%\x01\x00T-\xc98\x80\x91\x04\xba\x0c\xd3\xe5\rRm"\xc6\x00\x80\xfc\xd4\xd2\xe8\xee\xc9@J(J\x93\t\x00\x00\xaeD\xed\x1f\x00\x00\xba\xae\xcb6\xa1H\x8f;\x00\x9c\x8fE\xc0P\xd8\xceJv\xd6:\xbaE\xcf\xe3\xcc\x07\x03\x00`\x9bd/\x18&gt;\xa2\xab~\xfe\x14*\xc4\x00\xd0\x06\xdd{\xc5\xdc\xea|zX\xeb\x97\xefN\r\xeb\xfdR\x02\xe7#\x97\x03\xa8\x93)@\xc5\xf4}\x7f\xfar\xd1\x0c\xf2\x19j\xff\x9c\xde?(m\x03\x00\xadJ\xdc\x92\t\xf7\x83\xda\xd7\x12\xea\xe3\xa9\x04NO\xdf\x0c\x00\xdc=\xa6-u\xcaG\xe0\xc4L\x01\x02\xe0\x8c\xd6w\xe4\x0f\xfa\xfe\xd5\xfe\x01\x80\x94L0\x80\xdc\xb6&lt;e&amp;\xff\x00\x17a\x04\x00\x8e\xa7s\x11\xba.o\x85{\xf5S\xa6\xf6\x0f\x00\x17r\xfa\x82\xdfjc\x00\xe0\xe9\xdb\xd2\x01\xe0\x8a\x9e\x95\xd1J\xb6\x08\xac$\x18\x00\x00\x070\x05\x88\xa3\xe9\x8a\xde\xe0\x19ib\x8f\xdd$!\x00\xa0\x08\x15\xd9\xf56\xcf\xe41\x05\x88\x82\xa4=\x80\x93\x90\xa1C\t\x05\xea\xf1!\x04\xad5\x008\x93\x8dk\x00\xcc\x99\x86\xcd\x1eo\x1a\xda\xf0\x10\x15x\xf2\xfa\xfe\xdf\xef\xba\xff\xec\xe8\xb3B!!\x04\x05\x1c\x00P\x05\xc3nTE\x82\x04h\xd7\xdaE\xc0\x7f\x7f\x96P@\xfb\x8e\xa9\x0fm&gt;Kx\xb0\x06\x14\x00.\xce@\'4$\x84\xb0q\x1a\xd0\xb0\xe5p\xf0\x0c\x87\xdav}\xdd!\xc83\x01\x80\x84~o\xf7\xcf\xeb\x9a%\xa3r{\x01\xd9\x83\xa81\xee\x17\x00\x1ca0C\xa3p@\x8e;S\xf9\x8b\x05\x00\xb8\x1c/\x02\xabE\xdf\xf75L\x90P\'\x07\x008\xb7\xf25N\x96\xdc;\xcakh\x1e\x00\x00\xd0:#\x00\xb5\xd3%\x0f\x00@B\x1a\x00m\x98\xea\xfe7\x8d\x9es\x93\xc2\x01\xa0"\n\xe6c\x88\xe7e\xa2\x08\xc8F&amp;\x0c\x00\xd5Q&lt;7\xc1m\xa2Eul\xce\x06\x00\xd0$\xb5\xa8\x9a\xb9;\x00\x00\x00\x00\x00pMf\xc2\x00\x9c\x86]\x80NB\xd9\xcc\x12)\x04\x00\xe8\xba\x84\r\x00\x15\xd0\xfd\xc2\xc3\x86\xef\xb6\xfe\x9a\xb0\x10\x82\x1aj&amp;\xcfd\xe5!\x855~\x9b\x15\xc0\xc0Y%\xab5\x86\x10\xfa&gt;\xe5\x01/\xe8Y\xd2\xb4^\x9b\xdf \x84p\xa9\xab&gt;\xeczo\x89\xea~\xa6\xaf\'4xTa\xde\xb0\xea\x7f\xa9\xdc\t\xb8\x82\x94S\x80\xaa\xedb\xac3T\x91\x8e\n|\xf8:]\x89\xe8\xbaZ\xf9\x9a\xfbz\x87\xa3I}\xdfw\xb7\xff\x84\xfb\xfd\xbd\xffO\x08]\xf7\x1ff\r\xc6Z\xb7\x007\xfd\xc0\x02@\xfdR\xd6B\xbej\x1b\x95i\xa5w\xb9\x86\x11\x80jo\xe2\xa8=\xa1m\xebJW\x19$\xa4n\xf4\x19\x7f\xaba\xd76v\xd7\xca\x03\xcb\xb9\x19\x01\x00N,\xe5\x08@\xdf\xf7u\xe6\x92u\x86\xea\xd3-\x9c\xad\x84\xb6\x06;\xe3\xea\x02Q\x1du\x81\xb5u\xb8_\xe0\xbe\xd0\x00\xe9\x1081\xbb\x00\xf1\xa2\xdaV\xdc\x94\xcd\xa1m\xeb2\xd7\xf8\xaa\xceO\xcc\xa5\x19\xf9\xa5Y7I\x88F\x00\x9a\x10\xdb\x00P\xb0\x1d\xa3D\xad\xf4\x7fz\xf8\x19\x9b\xd1f\xb2\x7fIB\x9f\x97\xd0\xe455\xe2\xbc\xadJ\x00NEqU\x17\xb3\x9f#\x1c\xb9\x83M{\xbb\xe5|\xd6\xf8o\x13\xcb\xa6\xff\xfe\xf8\x98\x84\x07\xafjX\x97\x05\x90\xc3\xb7\xa5\x03\xc0\xa7\xf6*\x9d\xc7:2r\xcep#b\xd2\x93\xfa\r|\xf2\\\x00ge\r@]\xfa\xbeOR\xe9ls\xee\n\x07\xa8\xa7B#\x89\xd6\xc0\x0b\xf8b\x88%\xe0l\xf26\x00TCK\xd1quB[\x9f\xa6\xb7\xc40\xb1\xcc\xfb\xe8G\xb5\xc5\xbc\xe1\x8c\x19Z\xdfu\xb7\x9b\xb1\xfd5\xe4\xa7W\xe8\xe5(\x00\x19\xe5m\x00\xa8\x85B2q\x8f\xd3g\xed~\xec\xe5n\x9f\x8d\x80\xa3\x9f\xd5\x16\xdb\xa8-\x869\xc2\xad\rP:\x14\x00\x1c\xe8\xbd\x01\x90\xba\x07\xa8\xcfsX\xde\x88^\xe6\x84\xcfg\xf0\x97\x14}\xc9Q0\xa7\xa2&amp;}\x7f\xdf\x00\xf8\x9c-\x9cH\x93\t\xf2\xf21\x03\x9c\xd0Hga\x8e\x9c\xce\xe66\xf9\xec|\xa3\xed\x89_\x88\xbbB\x08g\x1a\xae\x1a\xd9\x08\xe8\xf1\xae\xdf\xfb\xed\xee\x8a\x0f\xcf\xd5\xb8\xd2]6uY\xb2A\xe0j\xdeG\x002\xe5\x80\'\xcdXO\xd2\x85\xd9\xec\xddI\x13\xff\xe7\x9b\xf8&lt;6\x0b\xe8&gt;\xc5\xfb\xfe\x97\xf27\xbc|\x08&gt;5\xfb \x00\xc0:v\x01\xda\xae\x92jc\xffkwU\\\x1a\xad\xf2\xa4]\xafx\xbe\x8a\xdfT\x92xnk\xbe\xeb\xe8\xbf\xa0\x8e\xa4\x0f\x89\x98\xe4\x03\\\xd7\xd8J\xc1\xc4g\xc8yp\xae\xe5t\xbd\xf6\x19\x89+\x00`\x9c=\xe08?)\x1c./\xb2\xa4S \x02\'f\xd0\xf3\xb4\xach\x04\xe8\xde\xd7\xf8\xde\xaa\xf5\xcby\xe3\xb3\x01\xf0\\C\x0f@&gt;\xbfm\xed\x17\xf4\xd3\xd4\xc6\x1d\x81\xd3;\xfdc\x1e^\x95\x0e\x0e@J\xd5\xf5jl\xe8\xb7\xde\xd6\xd5\xfd\xec\x13\n!T\xb0+\xe2y\xd8P\x0f\xcemX\x1b&gt;\xe0I/5\x98\xf9V\xe9\x97\xa7\x01gR\xc7.@\x85:W\x9e\xf9\xb9\xbe\x9d\x84\xee\xa3\xec:\xcc\xe0\xa4\x9e{\xe6\x1cS\xfb\xcf}\x8a)\xc3\xabS\xfb\x07H\xafleQU5=Q:\xc6D\x02\xc8\xca\xf3\x05\x00]\xd9\xb1\x8d\xe4\x85q\xeb\xa5\xbb\x06\x004\xc4\x03\x0b\x00|\xf1\xd2\x0cX\xa1\xc1j\xb4\xb5\xbf\xc0\xb9\xe5Y\x03 \xd3\xe4\xc4\x8eX5n\xc21\xe7\xa1&lt;\x008\xb3g\x7f\x89^\x93\xb3\xbbX\xc7\xd8\xa5.\x16\x92i\xbc\x13\xbd\xdd\x90\x03\x1c\xa9\xe1\x8c\x1e\x80\xa4\x9a\xae\xfd7\x1dx\x80Ef\x1a\x00\xc0\xd0\xbd\xf2o\xf7O\xe0\xac\xeax\x0f\x00\'\xf6so\x1di\xd9\xfb\xd2t\xd7q\xb0\x0b\'\xb9fz\xc7\xb7\x85S\xed\x1f\x80Qm\x14~58l3\x8d\xd7S\xec?]E\xb7\xd8l\x84\n]\xf9\xa6\xb4\xb3CN\x13\x81\x04( \xcb\x08\xc0!yn\xd9\x9c\xfd\xe4=C\xc9\xe2\xf6\xfd8?1\xcda\xc7&lt;\xbb\xeb\x12\xd5LN~\x8b\xd9!t\x83\xb7\xe1R1\xf7\x08\xe0P\xd9\xa7|&lt;\xfa\x9f\xf4\xee4\xe0\xe0\xa6Z#}\x93\xf1\xde{[\x8f\xba\xba\x9f\xff&lt;\xd1\xb9\xe2s\xbf\xdf]:\x00\xe3\x0e\xbbM\xed\x8c\x00Lh7\xe4\x005+1\xe5\xa3\x90\xbf\xa3\xe5R\xf0@mW\x17J+\xd4\x00\xe84\x00\x18\xd5t\x03\xa0\xdd\x90\x03d\xb73\x7f\x94\xbd\xf2\xe6\xc8B\xf7\x02\x05\xfc\xb9\xaf\xaejgOZQ\x9an\x00\x000I\xe6N\xbb\xa4^\x00\x80\x19\xdf\x96\x0e\x00|\t!\xf4}g\x01.\xa9&lt;\x9b\x82\x16\x83\x02\xc0\x93\xf7\x00P\x8b[]m\x7f\xdf\xbd\xedY\x12\x1a\x1dNin\x80Ez\xa8\x81\xa19\x00`\x9c*\xc2\xa1~\xcdBl\xab\xb4\x91\x8a}\xdb\x00\x80b\xf6\xd7h\x1b\xaa\x13\xcf\x07u\xf1B\x1a\xbaR\x00\x00\x98R\xa8R\x1bB\xd7\xfd\xc2cO\xf8\xf2\xba\x8c\xb1\xda\xfc\xea\xa8\xd0$\x00\x00F\xa9"\xb0\xe0\x92\xf3\x01\x16:\xe33\xd5\xadoQ=\xdc\xbaq\xd7\x89\xbe\xfbjw\r\x00\x88\xa0\x8fp\x87KD\xddge\xf7\xc2i\xe6\xab{&gt;g\xa3(]\x03 EXJ\x9e\xfdp\x17N\xdb\x00T\xca.@\xb5\xb9\xc4v%\x9f\x1b\xf5\xb4\xb5OK\xca\xde\xfa\x7f\xa2;\xa4\xd5\xf7\x12\xe1\x05c\xfbjk\x8a\x1f;\xdb\x02\x00\x87\xbaT}\x83z-\xae\xc7m\xban\x9c9\xf0\tV/\x00\x00\xe4\xd6v}\x8e\xb4\xee\xf5\xfb_W{\x1b\xa0\x860P\'\t\x03\x80DN]\xa2(/\x19:Mz\xb8\xe4\x02n\x96i=\x02\x004o\xb4&gt;7]\xc9S\xf9\x03\x80vd\xde\x81\x048=\xbd\xbfWt\xf0M\xdf:\xc8 e\x02\x1cAn\x0b@\x03n\x8d\x8a\x9f\xaa\xf9\n\\\xd6\xce\xbe\x9c\xe7\xd7\xcd\x04MA\x04\x025;O\x1e\xa5\xcc\x02\xae\xe6\xeb=\x00\xbb\xb3\xbf\xaf\x17\x0c}\xee\xf2\xcez"\x10\xa8\x99&lt;\n\x008\x85\xc5\x96\xb0\x9eBv\xca\x9a\x84tfo \xd2\x00\xe0\xe6\xa2\xc5\xe1R= \xcc\xd7\x15T#\x00\x00\xe0&lt;\x16{\n/\xd2\x00\x08a\xa1!\xd4\x8a\x13\\\x02i\x9d#a\x03\xcc\xfbf\xf9#@\xd7u\xdd}\x9f\xdc\x99\xf5-\xf5\xd4\x1b\x92\x87\xa4\x9eKK\xe8\x94\x17\xc5\x1e\xf7el\xd2\x06pv\x1a\x00\x10\xa9\xbf\xado\x9f\xfa\xf3\xb9\xe7\x05\xdd.\xfc\xads\xb4\xf5E\xa0\xf6*\xe0S\x7f\x7f\xd0\xa5\r\x00`\xd6\xadZ&lt;U\xd1?\xcd\xa4\x82\xe7\x85\x9c\xe6\x8a\x00\xe0\x82\xbe-\x1d\x008\x83[\x7f\xe1uz\r\xafs\xa5\x00p&gt;\x1a\x00mx\xbe`\xa1t@\xb84)\x90|\xe4r\x00\x9c\xdd\x9fo\x06\x05\xcb\xcc\xb4aJ\xcbi#W\xb0[\x8e\x13\x80C\xe9k)$\x84\xa0\xaf\x8b\xae\xeb\x06+\x07&gt;\xd3\x83&gt;\xd1v\xb9w\xc7\x13\xe7\x00@\x1bN\xb3\xa7&gt;C\xffu74-\xf1\t\x90P|\xb5C\x05\xa55\xeeWz\x9e\x02($\xdd\xa3\xe7)\x06./\xf6=\x00\x97\xaf\xf7\xb4x\xf9\xc6\xc1S\xd2I\x0fE=3\xb4\xbd\x8f\xa1\xc7\x18\x00\x88\xa2\x01\x00W\xe1a\x07\x00j\xa3v\x02\xf9X\x96\x03\x90K\x08!\xc9Hl\xealZ\x8e\x0f\x00\x00@\xc5\xa2\xdb\xc0\xda\xb7,\xd0\xf3\rp\x05\xb1\x8b\x80\x81\x9b\n\xabG\xd1\x1b\x9f[\x17\xce\x9c\n\xd36\x00\x15y\x96\x13\n\x0c\nI3\x85l\xdd)\xef\x9d\xa3\xd2&lt;g%m\x03\xb0l\xfb`\xf1\xb9[\x0e\xc3\xab;\xf8J\xcf\x1d\xb1O\x17\xb9\xcc\xa7\xab]/\x00\x90\xcf\xce)@\xbd\x97\xae\xd7\xe6"w\xe4"\x97y5\xda9\x00p\x00k\x00\xb2\x18\xd6NUT\xd9I\xb5\x18\x00Hh\xb9\x01`S\x88M\x86-\x00M\x00\xae A.a`\x07\x00\xaa\xd0h\xed\xbf\xd1`C\xa3&lt;q\xb4F\x8a\x05\xaeky\x04@\x9f\x1c\x00\xd5\x8b\xae\xd0\xff\xd6\xfb\xc0\xb6}\xbd\x80\xcbR\xb9?\xa1\x10\x82f[\xdbBhn\xe6\xd8m\x04\xe03\xe1I\x8d\x1c\xe39\x06\xb5\x98\xde\x86\xa3U}\xdf\xbf\r^I\xae\xc0\x15X\x04|B\n\xb0\xe6\xb5y\x07\xa7Bmv\x10GZ\xb5nm\xec\x93\x92+p~\x1a\x00\x15\xb9\x8dI\x97\x0e\x05\xd7\x92\xaav\xde\xf7\xbd\x11E\n\x1av|\xecK\x88\x921\x00\x07\xb2\xe1\xd2\xa5\x9d\xf4\xd6K\xd5\xfbT\x18u\x15\x06i\xb5\x10B\xf7=/\xafk|.\x0b(\x18*\x80s\xba\xd5\x03\xd4\x06\x80\x03\xb5\x9a\xe1\x84\x81\xd2a\xf9RU`\x00\xd8\xe6\xd0)@\x9f\xcb\xad\xa02\xd2\xe7\xd9\xb4\x9b\xe5\x0c\xe7\xb4\xd4\x93sZb\x04p\x02G\xaf\x01\xe8\xfb^\xf9q\x1a\xf5TJ\xd2\x918\xa9\x88\xdc\xb2\x94\n\xc7^\x00\x12\xfa\xb6t\x00XPr\x17\xc5\xf2\x9bQ\xdeJ_u \xb6k\xbd\x0e\xddz\xf8[\xa4\xde\x0fpQ\xfa~\xbe\xbft\x0c\xe8\x81\x83R&lt;z\x00\x97#\xdf\xefv\x97\x7f\xe7\x88\xc3\xb21\xe0%\x9dk\x88\xa5x\xe2j\x91\xb6\xf7\x0b\x19\x11\xc0M%eC\x96`&lt;\xb7*\xdaw\xf0\x1a\xe2\xa7\xa8\x14\r\x80$\x01\xb9\x88\xdd\xed\xa5\xf1/Vx\x17\xf6&lt;\x9b\xea\xb5\x91Ty_\xd9\x1e\x14\xe0\\s3&gt;/\xe47\x87\xa0\x03\xac\x06\x17\x89\xffjRZ\xe8\xba\x1f.\x1d\x86\xfcl\xf4\x1eK,\xbd\x92l\x00\xce\xd4\x00\x98\x12B\xf0\x9ad\x8ep\xea\xe7\x88\xe64\x9d\xb1\xe7\x0b|\xd3\xd1\x02\xc0\t(\x87F(\x9e\xa9\xc9\xc9\xfbG\xea\x94\xb5g\xca\r\x05N\xc66\xa0\xcd\xb1\'\xe0;e3\x85\x84\xd1\xe7Qz,"\xf7~\xa9%wd\x06H\xcd,\x97\xd3;\x7fgd\xb5\xa5\xf2\xe9c\xfe\xe2Bp\x8b\xcf#\x0c\x8c~\xe0/?8@\x009-\xd7\x9c\x9e\xb9a\xc2jV\xa2\xae\x94\xf1\xee7\x86n\xb7\xaf\xda*2\x90R\xf9\x97\xf7U"\x84\xb0*\xdf{\xa9\xf6\xcb0\x81\xd3\x9b\xcb\xe6&gt;;B\xf6d\x8b\xc9\xc7O\r\xc8\x02\xb0\xdf\xad4\xd1]\x02\xd0u\x11C\xa2\x00\x9f\xe4\x18T\xef\x99D\x15p\x00\x13\xec\xabp\xb0\x93\xc4L\xf1\xd6c\x1bm\xd7\xfaC\xb8Z\x0b\xd1\x0e]W\xd1\x8b8\x00\x0ee\x110\xd9\xf4}\xff\x9d%\xcf\xdfH\xa9~\xc2\xf9\x06\x9f\x93(\xa6\xaaY\xea^\xf3\x9e\xf1\x16\xf6\xbd\xc2L&lt;\x03\x00\xec\xf1=\xa5\x03\xd0\x9e\xa9\xda\xbf\x8ai\x8c\x9dS1\xc53\x00\xcbR\x17\x15\n\x1e\x0er@-GE*!\x91\xf9\xb4XG\x0f!l\xcdK\x7f\xbb\x06\x00\x00pZ\xcdUt\xda\nmZ\x1f7k\xd7\x14\x97v\xe5N\x036r\x00\xe0\xd3\t\xe7\x1f\x03Mx\xd9u\xd1\x06\xf6y\xe4x\x91\x0b\x00\xad\xfbF\xcf\x10\x97\x00\x06\xb8\x00\x00 \x00IDAT\x05\xd5\x96\xfc\xf4\x95\x16\xbb|\xb5\xd3\x9c\xd4\xfe\xef\x8f\xf6\xb5\x9fn\x80/i\xca{\xb9\xea\xb9\\\xb6\x12\x9c\xf6\xc2\xeb\x8c\xc6\xf9F\xce\x9fVe\x98\xd9\xc5=5\x15\n`\xde\xb6,R\xaeJ&gt;-\xa7\xae\xeaB\xbe\xd8\x0f\xdarl\xc3$\r\x00\x80\xa1\xf7\xf7\x00\xfc\x8b[\x0e\xf2\x92\xa5\xcaa\xc7(x\xae\xe9\x88y\x17k\xf7\x87\xe9\xfb~f\xb6\xbd\xb9"\x9c\x9b\xb9@\x00\x9d\x89\xb7P\xa1\x10\xc2\xaa\x8ax\x08\xa1\xef;\x8f3\xccz\xe9\x87\xd1\xd6\x05\x00\xf6(&lt;\xc2cnC\x9b\x8e\xb9e\x12\xc6(\xd1\x02\\\xda\xfb\x14 \xe6\xa9f\xf1\xa9\x86D\xa1;3\xa5\x83\xe6\x8bg\xbfe\x1a\x86\xd3&lt;/\x00\xb0\xd7\x19j\x19\xc9\xebJ*_\xcdRq\x06\xe0\xf2L0\x80\r&lt;5\x9cBx\xfc\xa7\xeb\xba\xdf\xf4h\x1dI\xdb\x00\r\x8b\x1d\x06]\xbb*\xb1\x00o\x12\xa5*\xb7\xda\xbf4I\x93n\xf5\xfb\xfe\xfeC\xe8B\xd7\xf5\xfd\xfbl\xb7\xda\x0b\x05\x00&amp;\x9c\'\xfb\xae\xf3\x8d\xf7\r4\x9c\xaa\x16\xce\x94D\xa1~\xdb\x86\xad\x96s9\x1d4\x005\xb9/\x02&gt;\xc1$\x1f\xf5\xecs\xb9%\xc8f\xefi\xfb\x0fT\xc5\xcc?\xc9bO)\xb0\xf4]\x0f\x03@]\x9a\xad`}\xb8\x15?\x97\xde\r]\x1f[5\x1e\xa9\xf1\xa2\xb7#\xeb\xe5\xb7\x1f\xb7\xab[\xb6\x07\\r\x92\xf6j\xa37\xa5\xfd\x14\x05\xb0\xdaI\xb6\x01\x1d\xe4\xe0Ug\xe2y{\x85\x0b\x15`\x9b;\x0e\xe3\xbf\xd8bo\xba\xfaD&amp;}\xdf7\x1e\xb7\xb5\x05&gt;\xd9h\xd51#\xc9iO\xd1b\xde\x02\xb0\xdf\xb7\xa5\x03\x90\xc6\xe7\xea4\x8e\xb1\xb9\xea\x9f&lt;$Ui\xbc\x86\xba\xd7\xc5/\xbf\x15\x99\x1e\xc3\xbc\x0b\x9fBH~\x8a\xa9C\x19\x19\x00N\xecDY\xdbm\xce\xf8#\xb3\x96w\x1fc\xdb\xda\xebT\xe5\xb7\xbb\x0c\xab\xdd\xea\xd0\x99O\x92u\x02\xd8\xaa\xe3\x7f}\xa5\x9b\x1c&amp;\x1d\xcdI\xea\xdcX\x02 \x89\x93L\x01\xea\xba{\xce&gt;\xcc\xb2\xe5\xda\x07\xb8E\xf2\xda\xa8.~k\xea\x19\x82X\x19\x92Z\x82M\xa3\x0e\xdb\xc3\xbf\x8eG\xeceJR\xf8\x08\xd5\xfc\x9c\xa5\xfe!c\x00\x01\n9\xc9\x14 F\xed\xe8h\x7f_\xa78s\xa8\xe6\n\xc8:\xaa&amp;w+GN,\xf3\xbe\xa2D#]#\t\x7fj\xd7\x84$\xcfH\x86\xb9@\xebBU\xd3\x83\x0eP\x97\xf4#\x00\x05kW\xfd\xeb \x00;\xbc\x17\xdb\xa5j\xf9\xb9\xeff[\xa9\xa5\xb9\xb6V%\x9a\xde\xe68\xd5&lt;\xb7\xb1\xda\xff\xe4\xae\t\xb5\xf6}\xdf\x03\x14\x19\xb2\xcf\x8f\x8d~\xad\xdd\xb4\x01\xb0Y\xc3S\x80frm\x19z\xc5\xee\xb7&amp;\xf2\x1e\xcd\x97\xf4\xfb*)\xebB\x02\x9f\x9aI&lt;\xaf\xe1\xecc\xeb\xd0}\xdf\xff\xd9}_\xd1Z\xb1\xb5\x8f\xfcs\x1aO\xff\x97v}?\xb9\x06 :B\x00N\xa2O&gt;\xab\xc0\xbbo\xab\x11B\xa8\xb4T+\xfb\xd2\x86a\x97j\x08\xe1\xd2\xef\x8e\xb8\x86|\x99R\xee\xecnw\xf7\xff\xad\xde\xdf\xbf5TV\xad\xa0\xbd= \x9b\x9b:ufA7v\x11\x00.\xeb\xdbn0k&amp;I&gt;\xd8\xff9\xfb\x8fA\x02\x95\xd6\xfeo\xc1\xea\xfb\xeewW\xf1\xa2\xdf\x1a\xa3\x88\xd4r\xdd\xe5\x10r\xa7\x9e\x9d\xad\xd3G\xa5}\xb8\rN\xe4\x01\xc3\xd7\xae9\xa1\xeb\xfa\x1d[-\xd7\xbarE\xed\x1f\xb8\xb2\xaf\xea\xff\xb3\xa4\xd9\x93-\xea\xfe\xaf\xc5\xeb\xa6\xa8e\x032\xac\xc4\x0cRH\xfa\x01\n%:u*2\xd0\xf4\xd9g\xff\x11\x86\x99F\xf8}\xe8`\xf0\xc3\xf6\tO\x1b\x1e\xc9\xea\x87V\x00\xda\xf6M\xd7u}\xbf\xe5\x1d\xba\xa3\xbb\xc9\xc9Os\x8b-\x82\xab\xb9\x11\xfd\xaf\xea&gt;7\x14\xca\xb4&amp;\xf3\x91\x929\xa7V\xd7\xf2\x86A\x1d\xba\x9c\xd7\xda\x7f\xe8Bx\xcf\xbf\xc3\x97\xdb\xac\xf8\xdb\xf7\xbe\xbe\xf5\xa3\x0f\nj\x17W\x94dL\x0f\x8d\xa64\x80h\xb7E\xc0\xab\xb3Z\x99c\x11MF\xfb/=\xb2\xde\xa3\xf6Ou\xc2\xdb\xff\x1f|\xda\xa7\xbf\xa0\x0b!t\x8f\x8e\x9b\xffW\xf7\xfe\xb8\x0c\xbfp\xcfj\xfe\xaea\x93 \x84?\x923\xbc+\r2\xc3-\x11;\xbf\x98\xb8\xc1|\x16`\x9d\x91\xf7\x00\xf4\xfd\xccz\xaf\xf0\xf8H\xff\xe8%\xe2\x18\xf7\x19=\x8bM\x80\xe7\xd0\xf9\x9e\xbe\xf0t;\x0f\xbe\x8f\xe3\x0fSW\xdf\xff\xe2\x9d\xc7\xcf\xe0O\x0b\xe1\xf7\x1bFXR\xe6\xd9\x9f\xcd\x9a\xeaU&amp;\xb7\xfc\x88\xa7\xf0C\xf7_\xf7\xa1\xeb\xfa\xee\xcf~O\xe4\xe1m\x16\xe8\xc7;\xb3\xb2\x05u\x9f\xe7{\x8d=\xb6\x00Y\x0c\xc6\x87k-\n.`!\xf2\x13\xdd\x9dtwy\xfc 5\'\xa1\x9a\xc3Fm\x9d\xb3\xf5\xe6\x87a\\\xd7\x85\xae\xfbU\xdb\xbe\xbb\xc7\x01\xd7\x97\xfc\x14\x00\'V\xdd\xda\xac\r*\x0cRAIb#X!\x07K\xc2\xd7XVeO\xcaDu\xf8m\x11\xf0\xfd1\x7f\xfc!\xea\x10;$\x8f\xa5\xb7 Vw\x17\x00*\xb6\xfaE`2\xd9\xca\xa5\xd9\xcb\xd5\x8dn\x8fN\xd02j{P~h,\x1d\xbc\xec\xf4\x10\xc2p\xa8p"\xd1|\xbd\x0b\xf8y\x81\xb7\x83\xd4r\xbd\xd5\xb6\xbe\x00Z \xeb\x8430h\xc3\xcdh;\xf0m\x0b\xa0\xb7\x8f\xcc&amp;\x9b\xb1\xd5\x0b\x9b\xda\x9a\x99F\x00\xa4y\x80\rV\x8f\x00\xc0\xd1L\xf0\x1d\'N\x181^\x1d~\xac\x94\xfd\xfc\xc8\xdb\xe7\x7f\xe1\xcb\xb3\x16n\xa3\x05#\x07\x03\xa0eG\xf7\x9d\\j\xbe\xfe\xa5.6\x9f6\xfb\xf9\x8a\xef\x91U&lt;\x00\x8c:\xe2\xbeL5\x98\x9f\xaf\xf6\x1d\xfe}\xf0d\x85\xae\xeb\xbb\xdf\x11\xba\xbf\xb2{\x042\x8c\xbd$~c{&lt;\xc7#\xbc"s\x08\xb7w#v\x1b\xdexs;\xbe\xfc\x1c8\x93\x91m@\xcf\xed\xe0L\xfc4eF\x91Zx\xbb\x1d\xff!t}_\xac\n~\x9aTwF%\xefK\xe8\xba~\xbcC\xff\xd9*x{c\xf1\xbd\xea;\xfc\xf0\xb6\x87\xf2\x97m\xf9\xd2\xb2\xf8t~\x0b\xf5\xe3\x1a\xbf^L\xbex\x1c\x8f\x12pJF\x00\xf2:\xc7\xf5\x16\xda\xed\xe4\xab\xaaq\x828&lt;L\x9b\x03&amp;\xa4\xf3\x17\x86\xf0\x83\xe3\x7f\xe9\xc7f\xef\xdc\x86\x05\xbe\x9e\xf1nf]\xf3\xed\xfd\x00[\x02\xb5\xa1\xeb=\xb9\x8f]\x8f\xe40\xc0u\x15[\x03\xf0\xdd\xc3m(\x1e/\xa7&lt;\x9fb\xe5\xca\xfbK|\x1a\xdb*;\x84\xd0\x85n\xff\x1b\xcd.(]t5\x93Z\xe8\x86o$XS\xfb\xbf\xff\xe1k\xd3\x9f~\xb2\xf6\x1fB\x17\xf6\xbc\x0e\xac\xfcS\xfcv\x81\xb1\xd7\xd2Z\xe6\t\x10\xe3\xdbn\xb2\x97:\xcb\x04\x86\xe7d\xca\xcf_\x92\xd2 J\x93\x14]\x05:\xf0J\xd7\xfe\xdb\x1d\xbdI\x14\xe8-\x87i7\xd2\xce\xa3\xff\xd3\xbb\xf0\xfb?\x7f\xbd\'\x17\xa8\xb6\xfa{\xc0xW\xa5W\x0e\xb0\xcf7\xddh\xee\xf9\xb7\xe6\xcb\xf0\xef\xf9\xf5c\x8f\xe9\x02\x9a\xeb\x0e\xdf\xe6\xf3\x02\xd7F\xf8m\x07\x90\xc7\x17\x0f\xbdY\x95T"W%\x92\x8aRT\xb9\'\xab\xc8y[\x94&lt;\x0bz&gt;2\xff\xdaX\xed\x7f6$\xe37\xae\x89\xbb\xf9,E\xf6\x0c#\xcf\xe46MD\x02@\xd5\xea\xa9v\xd7\x13\x92cl\xbd\xd8\x10B\xe8\xfe\xaa\xab\xc4\xd2\xa7U\xf1v\xa9\x145\xea\xb7]\xfb\xf2W\x89\xcd\x82V&amp;\xaa\xe1\xa4\xcaQS\x7f\x1a\xad:?\xff\x94D\xfcUl\x93\xed\x14!\x84]3\x9f\x00\xeat\xe8.@5\xac\x03\xeb\xba\xae\xef\xfbPz\xa2B\xf1\x00,\n\xa1\x96\xfbUJ\xdf\xf7\xf1\x05\x7f?XF\xd9\x84\xb4)\xb0\xadk?\xca\xdeY\x94\x8f\x8dkb\xef\xd4\xfc\xa7F\xff:\xbf\xfb\xcd!U\xf74\xb2e\xa7\x95\xe7\xd3\x00\x1b}-\x02\xce\x9a\xd3?\x0e^IVz\xef\t+u\xea\xfbOG\x05\xa0\xdfT\x88\xa5\x98\xf6\xd3\xfe\xda\xee5\xf1\xd6VM!mh\x0b\xce\xe8\xab\xd0\xa3O}ag\xc9\xc5\x18[\x1f\xa5\xf3\x9f\x7f\xff\xebr\x00"\x0e\n@\x8b\xbe\x1a\x00\xfb\xcb\xef\xa9\x1amm\x9dH\xcf\xe0D\x06lj\x88|\x93\x12\x85i\x99\x9aYx\xee\xb9G\x12\xc7L\xa5 \x914\x95\xfbm-\xab\xcf/&lt;\x0f2\xf8!\xf6\xf4\xa5\x96\x94\xec\xe7\x91\x01\x98\x92l\n\xd00\x9f\x1d\x8eY\x9f \xff}.3KX\x9d\xbd@w\xe9\x05.1BH\xb7K\xc9\xdb3u\xd6\xf8\xad\x7fv\xdc\xa2\xf2\xe1\xef\xfb&gt;\x84.\xdcwy\xf8\xfc\xe3\xe0_\x11\xd9\xda_\xd9h\x1e\x9e&amp;\xd8\xe7~\xdc\x80\xcbJ&lt;\tx\xb8\xcb\xe7\xdb\xac\xe8z2\xd0g\xa8\xea\t\x12g\x15B\x98|\xb3\xd2c\x99\xc5\x86\xa3\x1aZ!\xc2\xec\xc4\xcb\xe7\xbc\xcc\xf7\xa5&gt;\xef\xa9k\x90a\xde\xfe\xb9%(+2\xdb\x10B\xa2\xccy\xee\xe9[s\x90Na\x01\x9cN\xb2\x17\x81\xbd\rU?\'\xb9~d\x9b%\xc7d\xebl\x90T\xe5\xb2\x83\xe6\xcf\xabN{\xf933(\xc2\xf6\xd8n&gt;\xe9^3\x8d-\xf8OS\xc4\xc9K\xc4F-\xe3\xb9\xed\xf43\xf8\xc5/y\xfc\xf0\xc7\xde;\xd1\xb7\x06p]f\x9bn=I\xd3\xf3\x97\x00\xb2\xca\x9e9V\xd8}Ra\x90\xea\x91c\x02F\x0b\x11\x1eB88\x84/u\xe0t\xa7\xfeQ]\xf7#\x89\x0e\x95K\x0b\xe9\xe1\x12\xde\x9aa\x1fw$&lt;\x07\x03\xf6\xb4\xd7.\xbe\x99\x18@\x9d\xb2o\x03ZI1\x7f\x82\x89\xc5OY\xaf%\xc7\x91\xeb\x8f\xf9\xc3k\xff]\xb6X\xf9\x91\xae\xfa\xd4&gt;\x1a\xb6\xca\xc3|Jo\xb34C\x08\xc3;\x10\xc2\xbd\xda\xfe\x0f\xed\x1d\x99p[\x01\xaa\xb3*k~\x99\x1b\x1a]`\x97\x9c\xaf\xfc\x16\xc8[\tW\xa2\xb6G\xe5N5\xab\xbe\xcd.\xf6S\xdd\x82E5\xdd\xa3\xafV\xc0\xad\xb3\xfemlj\xe7|\xad:\xaeq\x8b$K\x08\x00\xea\xb4b\x04`\xeb\x92\xc5\x92\xb9\xe7X\xd9\xd3nyD&gt;\xd2Dq\xd7\xba\x055M\x8c\x19Y\xa9\xf5\xf8C\xfaC\xafUvh\xe8Z\xadR\xe0JV,\x02\x1e_\xcf[r1\xdf\xfd\xecI\xf7\xe9\x87\xaa\xc5&lt;q^\xcb\xd5\x82\xb27(t!LM\xed\x7f\xa6\x9d\x10\x1e\xbd\xe0\x9b\xe4{\xb7\x0c\x00;m\xcf\xa0+\xd9Ls&gt;\x18\xadL,^\n\xe7g?\x94\x9e\xa9\x933\xfd\x80\xe2\xf6\xd4\xbf\x13\rq\x14\xcc\xe8\xeeW\xdfD\t\x02\xb0\xd6\xf6m@\x8f}G\xe4H9t\x1b\x7f\xe8\xbb\xae\</t>
        </is>
      </c>
      <c r="E452" t="inlineStr">
        <is>
          <t>&lt;class 'numpy.ndarray'&gt;</t>
        </is>
      </c>
    </row>
    <row r="453">
      <c r="A453" s="1" t="n">
        <v>451</v>
      </c>
      <c r="B453" t="inlineStr">
        <is>
          <t>steps_per_sec</t>
        </is>
      </c>
      <c r="C453" t="n">
        <v>5100</v>
      </c>
      <c r="D453" t="inlineStr">
        <is>
          <t>3.0178847</t>
        </is>
      </c>
      <c r="E453" t="inlineStr">
        <is>
          <t>&lt;class 'numpy.ndarray'&gt;</t>
        </is>
      </c>
    </row>
    <row r="454">
      <c r="A454" s="1" t="n">
        <v>452</v>
      </c>
      <c r="B454" t="inlineStr">
        <is>
          <t>Loss/RPNLoss/localization_loss</t>
        </is>
      </c>
      <c r="C454" t="n">
        <v>5100</v>
      </c>
      <c r="D454" t="inlineStr">
        <is>
          <t>0.04263533</t>
        </is>
      </c>
      <c r="E454" t="inlineStr">
        <is>
          <t>&lt;class 'numpy.ndarray'&gt;</t>
        </is>
      </c>
    </row>
    <row r="455">
      <c r="A455" s="1" t="n">
        <v>453</v>
      </c>
      <c r="B455" t="inlineStr">
        <is>
          <t>Loss/RPNLoss/objectness_loss</t>
        </is>
      </c>
      <c r="C455" t="n">
        <v>5100</v>
      </c>
      <c r="D455" t="inlineStr">
        <is>
          <t>0.047307163</t>
        </is>
      </c>
      <c r="E455" t="inlineStr">
        <is>
          <t>&lt;class 'numpy.ndarray'&gt;</t>
        </is>
      </c>
    </row>
    <row r="456">
      <c r="A456" s="1" t="n">
        <v>454</v>
      </c>
      <c r="B456" t="inlineStr">
        <is>
          <t>Loss/BoxClassifierLoss/localization_loss</t>
        </is>
      </c>
      <c r="C456" t="n">
        <v>5100</v>
      </c>
      <c r="D456" t="inlineStr">
        <is>
          <t>0.17393847</t>
        </is>
      </c>
      <c r="E456" t="inlineStr">
        <is>
          <t>&lt;class 'numpy.ndarray'&gt;</t>
        </is>
      </c>
    </row>
    <row r="457">
      <c r="A457" s="1" t="n">
        <v>455</v>
      </c>
      <c r="B457" t="inlineStr">
        <is>
          <t>Loss/BoxClassifierLoss/classification_loss</t>
        </is>
      </c>
      <c r="C457" t="n">
        <v>5100</v>
      </c>
      <c r="D457" t="inlineStr">
        <is>
          <t>0.122446924</t>
        </is>
      </c>
      <c r="E457" t="inlineStr">
        <is>
          <t>&lt;class 'numpy.ndarray'&gt;</t>
        </is>
      </c>
    </row>
    <row r="458">
      <c r="A458" s="1" t="n">
        <v>456</v>
      </c>
      <c r="B458" t="inlineStr">
        <is>
          <t>Loss/regularization_loss</t>
        </is>
      </c>
      <c r="C458" t="n">
        <v>5100</v>
      </c>
      <c r="D458" t="inlineStr">
        <is>
          <t>0.0</t>
        </is>
      </c>
      <c r="E458" t="inlineStr">
        <is>
          <t>&lt;class 'numpy.ndarray'&gt;</t>
        </is>
      </c>
    </row>
    <row r="459">
      <c r="A459" s="1" t="n">
        <v>457</v>
      </c>
      <c r="B459" t="inlineStr">
        <is>
          <t>Loss/total_loss</t>
        </is>
      </c>
      <c r="C459" t="n">
        <v>5100</v>
      </c>
      <c r="D459" t="inlineStr">
        <is>
          <t>0.3863279</t>
        </is>
      </c>
      <c r="E459" t="inlineStr">
        <is>
          <t>&lt;class 'numpy.ndarray'&gt;</t>
        </is>
      </c>
    </row>
    <row r="460">
      <c r="A460" s="1" t="n">
        <v>458</v>
      </c>
      <c r="B460" t="inlineStr">
        <is>
          <t>learning_rate</t>
        </is>
      </c>
      <c r="C460" t="n">
        <v>5100</v>
      </c>
      <c r="D460" t="inlineStr">
        <is>
          <t>0.039901324</t>
        </is>
      </c>
      <c r="E460" t="inlineStr">
        <is>
          <t>&lt;class 'numpy.ndarray'&gt;</t>
        </is>
      </c>
    </row>
    <row r="461">
      <c r="A461" s="1" t="n">
        <v>459</v>
      </c>
      <c r="B461" t="inlineStr">
        <is>
          <t>train_input_images</t>
        </is>
      </c>
      <c r="C461" t="n">
        <v>5100</v>
      </c>
      <c r="D461" t="inlineStr">
        <is>
          <t>[b'1024' b'1024'
 b'\x89PNG\r\n\x1a\n\x00\x00\x00\rIHDR\x00\x00\x04\x00\x00\x00\x04\x00\x08\x02\x00\x00\x00\xf0\x7f\xbc\xd4\x00\x00 \x00IDATx\x9c\xec\xfdw\xfc|OR\xd7\x8b\xf7\xf9\xba\x12$.\x88^\x10\t\x06\x82\n\x8a\xa4\x05E\x92  \x88\x02\x0b\x97\xb0d\tW\x90\xf0S\x16\x04.\x08\x82\x01A$\x08\xe8E\x11\x0cd\x14D\x82","\x19\x95\xa8dPVt\x05\x97$H\xac\xdf\x1f3\xe7\x9c\xce]\xdd]\x9d\xce\xbc\x9e\x0f\xf8\xee\xfb3\xd3]U]\xdd]]\xdd\xa7gF)\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0\ti$\xcb\x1c\xaf\xbc\x14\x91"R\xea\x9fz\xdf\xd5+E\xd4\xc5\x95*\xa5\xd4s\x07\xcb|\x92\xf1"C\x94 \x11]/\xc1h\x1d\xc3\xcf\xd1\xba\xfb\xeb\x7fW/\x19\xaa\xc2\xf6\x89\xdb1\xcc&gt;\xba\n\xd7n\xe9\x85\x9b\x06Z@z\xa8\x01\x00\x00pI\xb4&lt;\xef\x05S\x05\x8cW\xac\xf7\xbd\x95\xac|77\xb9\x0c\x95\x89\xda\x93A\xca\x0cR\xafn\xdb\xaf\x9cF\xe5\x8b\x8d\xd6\tW&lt;\xd2}S\x85\xc4\x06@Sa\xc9G\xee\x08\xc0\xa3\x81Y_\nb&amp;\x00`r~.#\x81\xb6\x12\xc1\xd4~\xc0(\x14\x91\xc6\x89\x92f\x9a\xab\x8c\x8c6l\x8f%C\xfb\xfb\xc3B*\x12\xda\x19\xd9y\xc0\xec\x0c\xd2U\xec\x02\xe7?\xffE\x83\x13\xbb\xbb=\xef+\xbe\x98au\x04`f\x96\xcbbg1\x15\x87&amp;\x00\x80\xd99\xf2\xda\x8c\xd2f\xc2\xad\xd4\xef\xb5\xa5)\xee\x8e\xc2\x95\x1e\xaae\xa4\xdd\xe6\xe1\xb4[\xca\xbb\x0c$-\x89\xbb\xc2\xcc\xfb\xad\xe0\xee\xadb\x1e\xcf\xe7\xac\x04\x91Vh|/_\xe0\x9c`u\x04`f\x90\xc5:p#9\xfc\x06\x00X\x82\xdf\x99\xcaeO\x8c\xb8\xf6[&lt;WM\xf6d\xf7\xf5\xf4\n\x1c#\x8c\xc5&amp;\x904;\xf9\xb4\x9d\x88\xc7\xc3.k\x03\xb0\xffK\xfb\xafQ\xe6\x0f\xf0\x0e\xfe\x03b\x13|\x98\xdd\xae\xca%\x04+\x10\x00\xa0\x10l\x00\x00\x00\xe0QH\x84\xfb\x9cl\xde\x15h\x1c\xa2\xfb\xee\xa9\xbb\xda\x9dW\xf4c\xf8\xfb?\x9e\x9d\xb8\xfe\xce\xc2\xddH\xd4d\xcf\xbe\xf4=\xe7\xdc\xc8]w\xb3\xdbu\xf7Of-\x00@-W\x9aw\xd8\x00\x00\x00\xc0%y\xc2\xfa\xf7\xb6m\xdb\xb6\x05\xb3\xd5m\x0bJ2\xf3\xddm/\xb9\x0bTJ)\xbd\xb2O\xc1\xbd\xdc\xbe\xde\xbc\xb6o\xe19\x84\xa9\xf7\xda\xdf}\xf2\xb6\x1d\x057\xcd\xc2\x8a\xa5+\xdcLf\xfdmS\xf7\xa4\xfd8\xd1\xe7V\xdc\xb6\xaf\xd1\x85\x1co\xe4\x9a`K\x00`)\xd6\xcd;/8\xef:\xf5E\x13-\xfb@Zu8\x01\x00\xc0\xe4\x14\x1e\x99\x13\x03o\r\xef\xc7\x8b\xbd\x0f\x1c\xf8f\x14\xd8\x1f\x97Y\xb8\xea\xb0-Y7I\x1a\xc7\xb4\x1e\x9b\xd6\xb0\x1a^\xe7xX\x97U\r\x07\xcf\xf3\xb0x_\x84\xd6\x91\xb6*\xbb\xe9\x02\x00\x80\x85\xf8\xed\xfa?\xccD\x9f\x8eO\x11\x846\x00\xce\xeb\xe1\xcf\t\x98\xaf&amp;\xcd*\xcb\xd7\xcb\xb3\xfc\xb0H\xbe\xc0\x9a\x85\r\xab\x14hM\xf1\xecX&lt;\xe9\x04\xb3\xd0 &gt;3\x95\x02\x00\xc0"Dc\x96p\x82\xab\xeb\n\x1d\xcf\xf87\x00\xda\xd5\x7f\xed\xf5\xe7\xf3V\xd5\x92~\xeb\x9fU\xa6\x87\xec,\xf6\x92S}\xfc\xe2Q\xbf\x80q\x1d\x82\x95r&amp;fH\\H\x9b\xe3\xa3m\x01\xcb\x83Q\x04\x00\x00^\xce\xcf\x00X\xf7V\xcd\x05X\xf4J\xeb\xfe5?\xbah\xf7\xd6\xac_\xe5v\xbf\xda\xbe\x17\xbf\t\xf9yoU:\xd3\xd0m\xdb\n\xae\xd1{\xf5o\x9a^ED\x9a\xd4B\xf9\xda\x07\x06\xaa\xe4\x08\xd3g\xe1\xfc\xd0\x1eJ\x00\x93y\xee\xaeo\xdb$\xd3\x00\xac\xcd\x05?\x8f1\x18l\xa8\x00\xb8\x16\xc7\xf5\x1b\xfd\x95Fg\'\xa1#\xff\xb0a\xb1\xf7\xf3\xb4H\xb5\xc8\xf9b\xa2dX\x94z\x04\xb1\n\xbc.~:\xce\xe7,\xe0\x90k\xf1s\xa3\r\x00@\x12\x04(\x00\xae\x84~\xd7\xa6\xc7u\xc9\xac\r@\x99\xf4&amp;\x92c\xbc\x81c\x82\xedIl\x00\x00\x98\x98Fcu\x99)\x80\xd9\n8`\x9c\x00p\x196wB\'\x9f\x99j\xf7^\n\x9e\xae\x9e\xfa\x1a&lt;\x9c\xa59\xee\xcf\xdc\xdbh}\'\xe9\xed\xf6\xd2(\x9b\x00\x00\x004\x82\x88p\xdd\x08\x00\xb0\x10O\xe8)\xe9\xf6\x1e\xdc\xf4\x99H\x95\xa6\xda\xe7\xef\x03\x14Ug\t\x1f\xcd\xfe!\x04\xfd^\xff\xb6!\xfb\x07\x00\x80&gt;\xe0\xac\x1a\x00\x00\xd2X\xb1R\xbb\xc1B\xbeK5\xcb\xdff\xc1\xda\x00\x00\x00\xab\x82\x00\x0e\x00\x00\xed\xb17\x00\xeb_\xef\xfe\x9a\xd1\x06\x80\x8b\xb3\xf8\x04\t\xf1t\xa5^\x12\xb9\x17\x00\x0f\xcbE#\x1b\x00\x80\xc7\xfa\x1b\x80\xae\xac\xee\xae\xde\xc6\xaf\xec\xab\x87\xe0\xc3\xd1A`.\x96\x0e\xb0K\xb1\xf6Z\x06\x00\x10\xe1\xc7F\x1bP\xc0\x98\xc85\xf3\x06`B\xc3fv\x17\x00`6\x101:2\xe0g\x95\x01\x00\x00\x000\x1cd\x00\x00\x00\x00\x00\x00\x97E\xcb\xf3\xa2\x07l}~&gt;\x02\x00\x00\x00\x00\x00\x80UX29\xcey\xaa\xbed\x03\x01\x00\x00\x00\x00\x1e\x93\'F\x1b KV&amp;\xda-m\xdd\x96K\x913\xef\xd4\xe2\xf7\r\x00\x00\x00\x00\x00\x96\xe1b\x1b\x80\x8cL\x94\xa8\xe7\x17\xce E\x06\xa0\n\xce\xa6\x14\x9f\x07\x05\x00\x00\x008\xb4\xdf\x00|\xc0\xc4\xeb1~\x9a\x17T1\xf1\xd8~H\xda\xfc\xbe8\x00\x00\x00\x00\xf2\xc1\x99\xdcr\xe0$\x15\x80\x14\x98 \x00\x00\x00\x80\x04\x0f\x9etN\xd8|"\xc2/s\x01\x00\x00\x00\x00\x80f|\xd5z\x07\xcf8,\x8f\x00\xcf\x00\x00\x00\x00\x00\x80\x18\xf7dz\xa9\xac\x91\xb3\x01x\xdcMBf\xab\xd7\xf2\xd2Z\xd6\x02\xb0\x0c\x98Y\x00\x00\xd0\x98\x19\xbf\x05\xa8o\xec\xaf\xd5\xb6m\xdbu?zX\xbdo\xc9\xf4\xccZ\x9e\\\xcb\xda\x07\x03\x19$\x00\x00\x00\x10d\xc6\r\x80\xe2\x9c\xad\x8a\x1d\x11\xf5\xc8\xe1\xeat\x0cLe.\xbc\xb7\x01\xd7\xa6\xcf\xb8\xc56\xa3\r\x08;\x00\x00\xd0\x98\xe9\xe2\xec\x91\xfa#\xf5\x04\x00\x00\x00\x00\x00@\x9c\xe9\x9e\x00 \xef\x07\x00\x00\x00\x00\x00\xe0\xd1X\xecs\xc0\x00\x80\x1a\xca?j\x82@\x01\x00\x00\x00\x00\x00\x00\x00\xc5\xcc\xfc\xddV\xafO\x84\xcf]\x00\x00\x00\x00\x00&lt;:3\'\xac@\x96\xc7\xfd&gt;e\x00\x00\x90f\xba\xcf\x00\x00\x00@\x1eH\n\x1f\x06|H\x0c\x00\x00D\xc0\x06\x00\x80L^\x05\xe9\xe6H\xac3\xe0m\xdb\x08\xcf\x01\xae\x0e\xce\xfe\x01\x00\x00\x000\x12\xe4"\xd3\x81\x1e\xb9:\xe8_\x00\x00\x00+\xb2\xe8\xea\xb5\xa8\xd9\xb3\x80\xac\xa5#p\xf5\xb5A\xff\x02\x00\x00\x00\xbd\xc0iw\x1a\xf8g\x0cp\xfbc\x82~\x07\x00\x00\x01\xf0\x19\x80\x87\x06\xc9\xbd\x00\xf8T\xe2\x080r\x1f\x15L7\x00\x00\x18\x0f\x16\xe1\x0c&amp;\xcc\xb6\'4\t\x00\x90\x83\xe0\x14F4\x00\x00\x00\x00\xa4A\xb6}!\xbe\x08\xbd9\x1c\xea\xf8\xb3P\xdc\xee\xc6\xa8\x00\x00\x00\xb0\x16Hh\x80\x06\x06C\x82\x95\xe7\xcb\xba\x96\x1b\xe0\x03*\x00\x00\x00@-=\x8f\xd3\xc0\xec \xaf\xba2\xe8\\\x00\x00\x00\x00\xdcAZ\x00N\x88HI\xef\t\';\xaf\x9d\xca\x18\x00\x00\x00\x00\x80N\xe8\xdf\x02\x84oW\x00wn\x99:I?\t\xd86\xa5\xd4\x17JJ\xac"=\xe0i\xa7\x835\x80\x0f:\x05\x804\x98#\x00\x00\x00\xb2x\x9c\xc47\xd9\xc6\xc7q\x85&lt;p\xda\x8c\xfc\x9f\xd1\x06\x80n`\x02\x02\x00\x00\xc8\xe6!\xb2^"R\xea\xbf\'\xcb\xec\x17\xa2@\x06\xf8X\x11\x00\x00\x00\x00\x00\x98\x0b\xf6\xd1\xfeb\x0f\x01&amp;1u\x123\x00\x00\x00\x00\x00\x00\xd0\xe0%\xa9km\x00\x92,\xdd\x1c"\xfa\xbae\x8d\x07\x00\x00\x00\xd6\x01\xcb-\x00\x17c\xd9I\x8dOe\x00\x00\x00\x00\x95&lt;\x91.r\xff6\x18,\xb7\xe0\xd1\x19}\xa9]\xfe+\x99\xfaS\x1fI\xf0me\x00\x00\x00@\x1f\xf0\tH\x00\xd6\xbe9S\x0c\xbb\xc9\xdcOS\xe4\xbf\x15\xac\x80\x0f\x19?\x10\xdf\x8a\xbe\x06\x00\x00\x00ry\xbc\xcc\xb5\x05\x8f\xb5\x01 R\xcc=\x0f\xafX|\x07U\xb0\x01\xb8Nw`3\xf3\xf0`C\x0b\x00\x00\xa0\x01X]r\x08e\x96E\xa7\xd4s\xc17)+\xc3\xfe\xa2\x8c\x96\n\xfad:\xf7\x02P\x066\x00\x00\x00\x00\x1a\xf1\x96\xa3\rX\x86\xfa\xc4]\xff\xac\xaaGZ\xc5\xe9u\x9fM\x05&gt;k\x0b@W&gt;\x1cs\r\x00\x00\x80R\xccK\xd5\xa5\x15A[\xe2\ttMz\xddm\x03\x80\x81\xb4\x14\x7fa\xb4\x01\x00\x00\x00\x96\x01\xdf\xa8qA\x88hS\xc3\xbe\xe6\xe5\xf2\x10\xd1\x96\xf2\xed\x91\xa3o\x9brg\x99\x9e\xc1\'E\xb5\xe6f\x8cc\xc6\xdd\xc6\xe1\xe6\x81\x07\x85(\x18\xc1"o\x01\x00\x00\xe0\xc1\xfa\x1aP\xb0\x14\xb7\xc4m\xb4\x15@)\xb5\x7f\x8c\xf6\xde)\xfe\x93\xfb\xc1\xa7\xec\xdb\xb6\xf9\xb2|\xe7\x95\xb7\x98\xe7i\xc0&lt;\x96\x8ca\xc8\xbd\xac\xcf\xee\xac4\x98\xe2\xe3R\x9a\xc2\x14\x00\x00\xd4\x83&lt;\xf1j\x10\x91\xf7\xd4\x19\xf4\xc4J\xd1\xb6m\xd3\x0f\xda+\x9e\x00\x10\xd1\x90S\xf9Qz\x01\x00\x00\x00 \x0f\x9e\x00\\\rd\xff\xb3\xb1m\x9b\xdc\x89\x9d\xf7\xb4\xbe\x03\xa7\xdek|,x\xa5V\xe0\xa3\xd8\x00\x00\x00\xa4\xc1\x06\xe0R Q\x98\x95M\xbbi\xd3\xf7\x03\x00\xd2C\x02\x8f\x01:\x83)\r\x00\x00\x00\x00/\xf7$\x01\x1b\x80I`|\xc9\xcf#\xf4\x14\x8e\xae\x01\x00\x00\x00\x00\x9a\x804kJ\x8e=\x00\xafw.\xf9\xbd\xfb\x17k\xce*x\xdd~\xbd\xd1\x05\x00\x00\xa0\x18\\\x01\xba\x00\xa3\xee\x85\x83(G\xb7\xec\x9f\x00N\x15omP\x7f\x90n\x8e\xc1;\x96\x10%\x00\x00\x00\x00\x00@sp\xe4\x0c\x00\x00\x00L\x08\x9e\x00\x00\x00Z\x813\xe7\x07\x01\xbf\x1b\x9d\x00\xf7\xaf\x00\x00\x93\x81\r\xc0\x95\xc0\x02\x03\x82\x8c\xc9?p\xed\xe4\x01\xb8\r\xad\xdb\x7f"e\xc4G Rj\x00\x00(\xe6I\xa3\r\x00\xf5\x90R\xc7-s\xca\xba\xe9{\xffu\xaa\xdb\xff\x13\xd2\xb5+\x83+\xe0@\x1c\'\x05\x8f\x8d1\xd9\x01\xb8T\xf6\x8f_\xd1\x03\x00L\x07\x9e\x00\\\x80{\x02\xff\xdf\xf2\x92\xbc\xf3\xdbi\xee\'w\x9bR\xc7W\xd6\xfc\x89\x85\x16W\x00\xc0`\xb6-\x11|\xb6m\xdb\x8f\x19\x1e\x90\xf5\x93\xffw}\xcc\x8e\x03\x00\x18T\x04\x02"\xa5\xfe\xb0\x9c%\xa0\nb3\xdaR\x00\xc0| Dp\x81\x7f\x00\x00\xd3\xd1\xf5d\xe2~\xe1\x04\xcfB\xe7 k\xd9\xbe\xf5\x1az\xb0\x1a\xf2M:\xef\x8b\x00\xcc\xcd\x1eA\xd6\x0f\x08\x98\x80J\xa9g+\xf5\xe4\xd16\x00\x00\xfa1`\x03\xa0\xae\xb0`\xacO \xfd\xdf\xd4\xed\xae\xae\xe7\xed\xbd\xd7\xb0X\x02\xa00\x11p\x1c\x00\x00\x00\xeb\xd2\xf53\x00\xdb\xf6\xdf\xf6?\x7f[O\xbd\xc0$\xfa\xcc\xfe\xf8\xf1*\xcf\xba~?\xefkd\x16\x00\x0b\xf1\xe0\xd7^\x8a\xaf\xfd\xdc\xaf\x0c\xbd\xd9\xc2\xee\xc3\x95\'\x00\xc0\x05\xe8\x9d\xcc\xe1!\xc0pB\xab\x97\xdd#D\xee\xa3\x00\xf4\x1a\x00@\xe5G\xf2\xe3q\xc1\x05\x96\x00\xa2\xe0\x97\xad\x85Z\x87\xa7%\x00\x80\xd9\xe8\xfd-@\xdbNg\xbd\xe0\x86\x9b\xfd\xbf\x86R\xea~\xeeo\xbc\xb5\xff\xc3\xec-\x1c}\x01\x004x\xc7\xe1\xfb\x17\x8e]"\x80D\xd6\xafm_\xe3\x9c*\xc8\xfe\x01\x00\x00\x0c\xc2\xf3\xf5&gt;\xbe\xdf\xef\xf4-\xd2_\x84\xaf\xfb\x00`&amp;F\xff\xf2\xee\xdf\xd6\xbf\x02(iI\xe5w\x8b\xad\x1av&amp;\x0f\x98!\xf3\x10\xea\x01x\x04p&amp;\xf1(po\xfeh\xe5\xcf\xb7\xcc\xca8\xca\x02\xe0\xc1\xb1\xe2\xc9\xb6m\xf1OE\xbb\xf1\xe7\x99J\xbd8\xfb\xfa\xd0\xfe\xe5\x04\xe3\x89\xdc\xff\xb9\x0c\xb8\xb0\x04\xc0#\x80\x1f\x02{tB\x07x\xfb\xa5 ""\xb5M\xb2\xf8r\xc1\xf1\x15\x00\xddI\xfc\x10\xd8\xb6m\x7fO{\xe5w\xe4\x88\x9eg&gt;?NZ\x8c(\n\xc0\xb5a\xc7\xb2\xfbGB\xc1\x9a\xa4b\xb9wU\xd3&gt;\xd0v\xfbg\xac0\x00\xe0\xa1\xf0=\x04\xc8\xa8\xd5\xecP\xffW\x95\xfa\xcd\r\xc4&gt;\x10\x17\xf8\xa06\x00 \t\xf3\t\x00\x91R\xf8\x00\xe8\xba\xa4\xb2\x7f\xb7\xb8Uc\xd3?\x14\x8c\x93\xa1\xf5A\x0f\x02qX\x83j\xdb\xb6W\xd9\xffjcF\xab\xec\xffq\xe2\xde\xb6\xfd\x9e\xd1&amp;\x00\x00\x00\x90\xc0\xf3\x11&lt;\xfb\x03y\xfa\xdaF\xea\xb3I\xaf\xa5\x14\xb9":\xd8\xdcZ\x05\x00\xc3\x99j\x9cgM\xed\xce\x01a,\x8f\xd0F\x83\x87j,\x00\x00\\\x15\xc6\x06\xc0.\xac\xd7RD_\xe5\xa9\xf2Yc\x1a\x03\x00\xc8%\xf5]=\xfa\x94g\x8b\xcc\xde\x008g\r\xb5\xf8\xce/\xda\xf0h\x1b\x00&lt;$\x04\xe0\x01\x185\xcf_q\x90\xde\xc7$\x9a\xfd\xbf\xbb\xe7\x9b@\xcd\xa5=\xb1g\x00\x00\xb4\xa3~\xba\xb1\xe7,e\x1d\xfdZQ\x82S\x81/\x9co\x80\xac\xcc\x88\xaa.\x8a\xba\xf2\xb5Wl\x14\x00\x80\xc3\xb0\x8f\xf8\x10\xbeh\xac#\xcfA\xf4\xcb\xe1w\xe3\xbfjy\xfb\xac\x9e\xb5\xf8m\x9b\xc2w\xc8\xd6@\x0f\xf0e\x82 \x05\x11\xb1b\xe0\xcc\xd1R\x8f\x0csZ\xd8\x99kMm\xee\x10\x05\x00,\x07\xbe\x06\x94\xc3:g$\x81s\xb8_\t\x07p\xfd\xbb\xfe\x8d,\x9f\xe8\xfe\xeb\x95f\xf4\xdf\x17\x03,\tUl\xdb\xf7\x8c6\x01\x0cf\x9fm\xa9\xf02\xf7\x19\xad\xf9C\xe1\xd7&lt;&amp;\xcf\xe2Z\xe9\xf2\x95\xda\x02\x00\x98\x87\x87_*2I\xb8+~9\'x\xffG=\xd5[@\xa9\xef=\xea~\x94\xe7\xe6\x0f\xfa\x0e\x80*\x98\xb7\xe9\x16\xca\xaa\x89\xf2n\x10\t*\x1e\xa0t\xa9\xae\x01\x00\x00pYR\xf9Dh\x0b`\xa6\xf5n\xf5\xb7\xd0\x8ba\xb5\x03@\x90\x01\xf7\xe6\xc7A\xd1\x7fV\xc8\x1d\xb7\x01\x18\xa2\x17\x00\x00\x16 \x925"zJ\x93&lt;PL\xee\x01\xdc\xba\xde}\x02\x00\x00d\xf2\x83\xee\x06\x00!\x05\x00\x00\xc6\xd0\xfc\x86\x1fM\xfc\xf1\xb5\xeb\xc1\xf1v2\x8f?&gt;\xe0k\x95D\'^\x12\xcc\xd09 \xdc\xb7\x06\x03A\x1c\x00\xe0\xd1xBi\xdf\x00\xddB\xc1\xb6m\x88)\xdd\xd8=\x1d;Z\xdb\xb6D\x9f\x10y\xee\xb6\xa2\x13\xaf\xca\xb6m\xbf&gt;\xda\x06p\x9bt\xa3\xad\x00\x00\x00\xf0(\xdc\xbf\x05\xa8\xe9\x1e \xcc\xa0O\x8c]\x99[j\xbf1\x1e\xado\xdb\xc6:r\xc4\x16n\x04]\xe7\xc5\x93\xd0\xbf\xa3\xd9\xb6m\xfb\xe6\xd1F\x80\x07\x06q\x1e\x80Gc\xe4\x84?\xf6\x1b\x88;#\tl\xfb\xf0M\xff\x03\xa1K}\x958\x00\xa0\x0bD\nq\x03\x00\xc0c\xe4\xef\x00lg\x8e\x89\xe7\x00\xe3\xf0\x9d\xfb\xdc\x1f#\x80AL\x96\xfdcz\x02\xb0s\xfc|\xc3|\x8f\xaf\xa5\x0c\x9a\xb0i\x00\x80.\x0c\x98\xfc\x087\x00\xac\x04\xbe\x15\n&lt;&amp;\x97\x1f\xf6\x1f\x87o|\x06\xe0a\xe9\xff\x8d\xef\x97\x0f\xa9\xed\x80\xeb\xae\xca\xe4=\x8b\r@\x07\x90\x87\x81\xd6\xf8f1\xbe\xf7\x19\x80\x07\xa6\xc9\xfc\xc7b\xd6\x80G\x88\xd1\x8f\xd0F\x97\xc9[\x8d\x1f\x86\x03"L&gt;\xce\x01\x00\xe0a\xe1G\xe7\xcf\xbdp6\x80Uj p\xfe\xa4\xa0_:"5\x0b0\x9b$y~8\x13\x00\xf0\xf0T?1x{1S\x9a\x80\xc3N\x00\x00\x00\x8f\x00\x16;\x00@\x0e8[\xea\x0e\x1c\xde\x13x\x1b\x00\x00\x00\x00\x00t\x07\xbb,\x00\x1e\x0e|\xdc\x02\x00\x00\x80(#\x7f\x07\xa0#\x17\xf9B\x83k\xb4\x02\x80\xab#=O\xb7\rS\x1ft\x04\xa3\r\x00\x00\xa6\x03\xa1\x19\x80\xc9\x91\x9f\xa4\xd8\xfc\x83\xc6\x9c\x03\x0c\x83\r\x00\x00&amp;\x04\xa1\x19\x80\x8bs\x91\x0c\x8c\x08_\x15\xb5\x0c\xe8)\x00\x00h\xc1EVt\x00@{\xbc?\xcf4\xc0\x0e\x00\x00\x00\xa0\x17\xfd\xd79A\x8d-\x8d\x9f\xf2\xa7\x19\xf1\x83\x91\x00\x00\x00\x00\x00\xa0\n\xa1\x842-A\xd3\xb2\xc8\x06\x00\x8f\x11\xc0:\xe0w\x82\x01\x00\x00\x00\xc0\xa3c\x82K}\xef\xa7J\x9e\x94#\xb5\x02k\xf0\xc9\xa3\r\x00\xe0q\x10\xfb\xadh\xdc@\x03\xe0Ax\xcc\x89Me\x19yq\x12OT\xa81$\xaaF@\xbd\r\x00\x80A\x88E\x12`1\x8fW\xfd)x\x91yY\x8d\x12\\\xa7\x00\x00\x93\xf3 \xbf\x03\xe0\xb2\x15V\xdb\xaa*\x16Ww)\x8c\xd1Gl\x7f]c9A\xc4\x07`\t0S\x1f\x13"\xa5\n\x96\x8f7\xc4p\x01\x00\x00\x13\xd2\x18mKW\x1e\xad\xbd\x00\\\x0eL\xe1\xcb\x12\x8a\xcfeq\xbbh\x81\xc3\xe8\x02\xe0!x\xd8\'\x00j\xdb\x9e\xfdQ\xfb\x91\xca\x7f\x9e:\'\x16\xb6M\xee!\x04\x00@\x1eF\xc6\xb6\xf1\x8a\x81\xf5\x90\x8d\xcfE\xd2\xb0B\x00\x00\xc0\x82 -\x00\xe0\x11x\xc0\xa7\x97\xa0\x00\x0c\x12\x00\x00\x00\x00\x80\xab\xf0\xed\x8fx\x83\x11t\x07\x03\x0c\x00\x00\x00\x00\x01\x90\x89\xb6\x06\x1e\x06\x00\x000!\xf8rz\x00\x1e\x17\x9cF\x03\xf0\x00`\x8e\x03p\x11\xc4&gt;\x04\xdc\xf7g\xb5@!\xc8\xd2@#\xb6\xf3;n1\xc0\x00\xb8\x0c\xc6t\xc6\xea\x01\x00\x00k\x82\r\x00\x00W\x07\xfb| \x05\x06\x12\x00\x97\x05K\x05\x003\x83\xe9\t\xc6\x81\xb1\xd7\r\xb8\x1a\x00\x00x\\l\xebr\xb1\xe6\x0090*\xca\xc1\x9c\x1a\x0b\xfc\x9fO\x1f\x8f\xa1_\x00xt\x16\xfe!\xb0\x8b\xfdZ\t~\x9f\x0b\x04\xc0\xc8(g\xc3\xbcj\x07/\xb9\xc7\x1e \x93&gt;#v\xc3u~\x00\x00\x98\x86TD\xc6R\xfa\x80\x88v:\xc6\x8f\x18\x98\x8c\x97\xe0B_^q\x99\x86\x00\x00\xc0\xea\x88\xdc\xeaA\x9e\xf1\xe0\xc8\r\x00\xdc1\x03\xe0\xc2`v\x03\x00\x80F\xc7\xa4\xc7\xa3H@\xfbs"\xac? ?\xd3B\xa8;\x1a\xb1%\xb8\x1c\xe8\xd0\x05\xc0\xbc\x03\x00\x80+\x81\x98\x0ef\x07\x9f5\x07L0N\xfaC\xd4\xf3\xf74\xd1\xbf\x00&lt;4\x0b\x7f\x08x2h\xf5\x0fkb\xbd\xaff\x1d\x07\xfe\xec:\xa6\xce\x0e&lt;\t$\xe9\x13\x86\x89H\xa9\xa7\xf5\xd0\x04\x00\x00\x00\x00\xc5\xddhy\xee\xeaH\xed\xd0\xf0\x10\x00\x80\xab\xc2\x9c\xda\x15\x11\x00\xa1\x03\x80\x8b\x80\'\x00\x00t\'\xbd\xfa\xfa\x9f&amp;\x89$\xee\xdb\xb6\xe1\xcb1/\x03\xf6r\x17`H\'\x16(\xc5\xd1\x01\x00\xa05\x881`I8\x87\xebD%\xdf&lt;H;\x98\x1d@\x07\x19\xd9\x85A\xe7\x02\x00\xda\xf1\xc4\x94\xf9\xc4E\x8e\'\x11\xbe\x1f\x8d\xe4\xc1\xfamH\x14\x0c\x8b\xe3\xcc\x1ec\x8a\xc9\x83\xcc&gt;&lt;\xcc\xb90\xdb\xb6=\xc80\x06\x00\xf4\xe7\x89\xcbd\xdbY\xb4\x8f\xaa\xbb|\x84\xef%\x10\xeb\xa6\xd8\xed\x9a\x97\xd8\xb5|g\xb1\xe8\xa2\xc9JD\xea\x1b\x1fm\x1c\x122c\xf0\xc8\xe8\x0f\x0c\x03\xeb\xdd\xa3\xc5\x04\x00\xc0c\xd3\xe5@e\xd8MI\x1c\x17M\xcd\xd7\xee\xd7x\x02\xdd\xd4\xe8\x86\xcfr\xa3\xa2\xe7\xcf\xe7-\xe7\x1c\xb04\xdaxK\x0f\xbc\xaa\xcf\xeb\xa7o\x0cb\xe4\x03\x00\x1e\x8b/k\xaf\x02\x1b\x00\xe0\x07\x97\xf89H\x0cc8\x19L\x87\xf6I\x1e\xa5\xde\x93\xbb\x01@T\x07\x00\x80e@\xc8\x06\x00\\\x8e\xa7\x8c6\xe0\x01!\xa5p\x95\x14\x00\xb0\x1a8\xef\x04\x00\x00\x00\x00\x00\x00\xcc\xc2\xd5\xce\xe9/\xd6\x1c\x83\x0b7M\x8c\xab\x8d\xe79\xc0\x1d\x0cPI\xef\xf1\x83\x11\x0b\x00\x00a\x10\x1f\x01\x93e\x86\xca\x82\x0f\xdc\x86}T\x06\x19\xd2\xd2\xac\xd5}kY\x0b\x00x\x10\x1e\xf6\x97\x80\xf1\x15\x81\x80\xc9JCe\xb5Lc\x8co\xf1\r\xa1\xa0\'\x18o\x00\x00\x00\x00h\x05\x0e\x1a3\xa8\xf3\x15\\\r\xf8\x0cz4\x87!\n\x00\x00\xe0\x06\xb2\x16p}\xba\rr\xcc&amp;0\x1f\x1f\x83o\x0e\x05\x00\x00\x00\xc0\x03\x80t\x07LK\xe7\xc1\x89\xec\x1f\x00\xc0\xe4a?\x03P\x00\xa2*\x003\x82;\xd6\xe0\x8a|\xe7h\x03\x00\x00`i\xd6\xfbj\x14\x10\x06\x87[9|\x1f\xdc\xb5&amp;8\xc4}\x1cBg\xf6\x18\x03\x00\x00P\x85\xc4#Q\xd1@\x8c\xb0^\xc1e\x17\xc5wk\xf4\xe0\x1e\xbb\xdf\x8bs\xd9\x19\xa1\xf1\x00\xd7Z~ID\x8a\xb4\xa3\xae\xeds\x00\x00\x00\xeb@D\x17\xddA\xb5\xfc\xe8\xde5=\x06\x94z\xac\r\x00v\xb31H\xa3^\x94\x88I\x00\x80\x99\xc1\xddY\xb0\x12\xb7\x95\tw\xbe\xf3\xb9\xad\xe8\xf0\xdb\xa3A\x17\xe8t\xccz&amp;G\xe2\xbem\xea\x02\xfd\x0e\x00\x00#x/\x1c\x81L\xc9y\x16\x08\xf2\xc0\xa9^\x0b\xe0\xd5&gt;\xc0\xcf\x00\x00\x00\x80\x14k^\xa7Y\xd1f\x00\xc6\xf3\x08\x13g\xb96~\x99jw\xf7\x0f\x00\x00\xc2\xe0)!\x00\x00\\\x98\xf4\xed/"\xc2\xa5\x91!h\x97v\xe0|\x00@W\xf0;\x00\xa0\x13\x0f\xf0U\x1e\x03\x81cA\x90\xe4\xb4\xdb\xb6\r\xd9\xff@\x16\xca\xfe\x11\xc3\x01\xb8\x0c\xd8\x00\x00\xb0&lt;DX\x98A\x88m\xa1\xfc\xf2\xd1\xd8x\x9d\x83\xd9\r\x00\x10\x07\x1b\x00\xd0\x89\xdbB\x87\x95\x0c\x000\x82\xbc\xc8\xd31Ra{\x06\x00\x00\xe0\xe2\xe0\x16\xd0\x81\xa8\x1f\x9e\x02\xaf\x8e\x01\xe3\x19d\xb2\xf6\xf7\x98a\xc0\x03\x00\xae\xc7\xd2qmi\xe3\x01X\x95.\x9fl\xc1\xec\xbe\x08\xda\x0fuu\xeeSRJ}\x11rw\x00\x00\xb8\x188\x95\x01`\x04/\x8a\xa9\x072\x88\x8e\x16\x8c%\x00\xc0\xc5\x98%\xa8]8\xbc^\xb8i\x00\xcc\x0c\xa6\x1e\x98\x10|\xe5\x1a\x00`\x10\x1f\x87\xd0#\x00"8\x00}y\xf8\x19\x87\x98s\t\xc8d\xb49\x00\x80\x19\xc1\xf7\x0f\x8c\x86H\xe1K\xfa\x00\x00\x00\xc8\xa1\xe7\xfd\xf8\x1eX\x00\x80\x0b\xbe\x06t$\xf1\xc3\x19\x9c\xdc\x80\xc7\x00\xe3\x1c\x14\x81\x08\x19\xe6H\xfa\x91\xfb\x03\x00\xd2\xbc#\xe2io\x1c\x87\xa3\x0b\xc0cp\xb1\xcb\t\x17k\x0e\x00\x00\x80\x07\x02k\x98\x14\xb9n&lt;\xbe\x18.\\\x11\xfd\x02.\x05\x11)\xf5_F[!\x03\xe7\xb25\x11\xa9\xdf\xa5\x17XlF\xdf[\x17i\xe3O.\xd6\xa2\x89\x81\'\x01\x00\xfd\xf8\xa1\xd1\x06\xb4a\xd0~&amp;k\x03\xa0g\x0f\xa1\x8aI\x81\xd8\xbc\xcd\x01\xba\x80\xcb\xa2\xc3\xd5\xfb%\xee\xcc\r\x00c\x9f\x0f\xfa2_G \x92\x03\x00\x80\x003DR\x86\rW\x8d\xf8Wm\x17xPb\x89\xbe\xf6\x1bO\xa1\xdf{\x9a`:\x0c7`\n\x8e\xd3\x96\xa2\xdf\xe4j\xee\xc3\xe2c \x00\x00\xe0s\xf1\x0f\x01\xe7}\xfb\xc1\x7fj\x97\xb0\x1eb\xbd*\xb6\x8b~K\xc35[\x05\x04\x19\xf1\xab\xa8\xe5\xdc\xc6\xb3w\xb6j3|/\xbc)"\xe3@w\x82i&gt;\xdc\x80)8? \xbb\xa9|\x9f4\xf7\xe1\x04\xe3\x04\x00\x00\x94R\xea\x8d\xbaj\xfb\xedC\xb3\x81\x06\x1b\x003\xe3/;s\x02\x0fE\xc3["o=\xd9\x05\x83k\\x0\xbfu\xddm\xce\xdf\xbcF3\xc1`0\x84\x00\x00\x82\xf0\x96%\xe9\xb8\xf3\xa8\x81\x8csW\x18&lt;8\xbf\xd8rx\xcc7\xfc\x9e\xff\x0bF\xd8#\xe8\x87h\xeao\x17\x14\xd1\x08\x1e\x1e\x0c$\x00@5D\xa4\xd4\xf7\x8e\xb6\xc2\xcb\x98\xb4\xa0\xe9\xe6\x04\x1b\x80K"\xdd\xa7\xad\x87\x07\x86\x9f\xdc\x03\x96\'\x05o\xfc7T\n\x1e\x1a\xac \x00\x00\t\x88\xe8\xbb\x97\x8e&amp;\xa2\x89\x97H&amp;\x17O\x05p\x05\xe8z`=~X\xd8\xc7\xffg\x85\xc6\x16=\n\x98t\x00\x00\xf0\x08t\x8a\xf5\xf7\x85\xbcni\x11\xbcZ\x90,"\xa2\x08\\\x9d\x07\x1f\'\x83\x9f\xe9\xe9\xef\xe2\x01\xa0\x00o\x80\xafR\x05\x00\x80Z\xf0m\x03\x06\xfa\xa22\xfc\xab\x18\x88hS\xb1\xaf\xd2!"\x8e\x91\xccbE\x10\x86\x10\x10\x85\x88\xc6O\xbd0\xf6\x80OF\x0c\xeb+\x80n\xff\xec\xd8\xc0\x9bvau\xdd[a\xebWjC\xf0\x01\x00\x80\x1a\x9eP\nO\xa5O\xa6ZO&gt;#ut\xa9\xa7\x14\xc9bm\x98\xcaa`i\xee\xa9\xea\xc4\xd9\xbf\x1d)\xad\xa9\xe7\x9d\x89Vc:6\x8e\x8e\xff\x883\xba\x87\xb6)\xac\x00\x00\x80\xd5\xb9\xd6\xb3T\x81\x1b\xfcs8$\xfa\xe1\xc2\x0c\x0b?O\xd4*\xe0e\x86\x01\xb3:\x93\xcc\xbb\x0c\xc8G\xa8\x94\xfe\xcf\xaeV\xb6\xe1\n\xad\xb8@\x13\xbas\x85~\x07\x00\xcc\xc0\x1bI\x7fw\x8a\xd0Gx\'B\xdb\x03\xfc\\\xb1\x04Y\x93\x00\x90f\xf6o\xc7\xf2\x9a\xc7\xdb\x00\xd8u\xdb\xb4\x94\x94\xfaji\x99q\x85\xf3v\x16\x13\xff\xd9\xca\x82\xf4l\xc8\xcc\x93\x14\x00\xf0\xb0Dr\x88\x8c\x98u\xc5\x00\xf7#\xa3\r\x00Y\\o\x04\xa6\t&gt;\xec\x9a\x80Pr\xef\xdd\x00\x84\x8a\xdd\xff\xf17\xa6\xde\xe7\x80\x15\xe9\xb9y\xc6\xe8\x05\xe02p\xaeQ\xb6\xfd\xac\x15\x19\x1fu%\xa56*\xfc\x84\x99\xd4\'\xc3\xf0\xd92\x00\xba\xa3e\x16\xf3|\x0c\xc0Jw\x1c\xc3&lt;\xe9\xd0\xb6)\xf7\x83\xc2\xda\x8b4\xf7\xa7\x9c\x01\x08@D3\xcdM\x00@%O0\xcalM7\xfd\xdb\xb6\x1d\xd9?\x91R\x8a\xb6\xa2(Ct\xfb\xff\xfa\xf0\xf48\x01N\xa2[\xe7\xbe\xb91-5N\x9b\xf6\xa4\xbc\x06-\xfb\x1fiF\x88m\xf3~:\x99e\xeb\xb6mZ\xc9\xa9?\xe5\xfc\xe0 \x94\xc5\xf0O\x01\x00\xc0\xaap6\x00\xdd\x96\xe4]M\xa9\xbe\x86_{qQ\x04&gt;2!b\x07H\xe0\x9eC_s%v\x8f\xcf\xc7\xb2m\xa1\xd4?\x0c)\xef\xb4@r\xb9\x08\xe8&amp;\x00\xc0C\xc0\xda\x008KrV\x88\xcc(\\\x99\xd9\x0c\xc8\x1e\xde8~\x16\x9b\xb7\x96t?\xd9\x158\xd1\xc9N\x8f\x80R*\xfb\x19\xd7\xa3xx\xbe$9\xe1yw\xf4\xdf\x9eD\xba\x1f\xfcm`\x1b\x10f\xdb\xb6\xbd\xa3\xd0_\x00\x80\x8bS\x9cX\xcc|Q~f\xdbb\x94~\xf8\x01\\\rj\xf8\xdbm\xd3rO\x92\x97l8/\xc1_\xb2i\x8f\xc6\xde\x95\xe8,\x00\xc0\xb5\t=\x01H\x1eEw\xfe%\xcb\x9c\n\xe4,\xc7\xef\xbb\xc6qNh\xc9\x99\xfc\x1b\x12\x818\xdeq0\xf3\xf7\xe4H\xb0)\xa5~\xff\xf9\xcf\xdf(\x91\x11\x9d&amp;\r\'\xd1\xb6m\xdf\x17\x8b\x89\xee\x832\xcc\xe8I\xd9\x8eO\xa5\xa1\x83\x00\x00\x8fD\xfc\x0b\xadW\xc1\xcc\x93\xf2r&amp;"z\x99\xc9\xda~\xf5\xcc\x0f\xb8x\xfb\xfa\xb5z[\xd1\x97\xa61\xa7 \xa6\x15L:\xdfW\x82\xfeR\x96\x04\x00\x00\x00\xa0?\xb1o\xb3\xce\x92\xa2\xfe\xf5\xaa\xd9\xea\x84;\x1fl\x00\x1e\x8f\x82\xbe~\x8a\xbc\x15\xbdi&lt;\xc2\x9f\x92w\x10P6\xef\x16&lt;CY\xc5NIV\xeb\xa3\x01\xc0?\x00\\\x1b\xfb\xa9\xf51\xe1\xb5\xef\xe6o\xc1\xbc\xd7\xf4\xcd\xdf%\xe0\xd6i\xfcMI\xb4+\x19\xee\xb4y;.\xc9\x85?ba~\xd3\xfc\xc3q\xefY\xd5"d\xdd/\x84K\x8b\x05\x83\xd1S\xdbK\xc6\x84z|\x01s\xe1\xf8\x0f\x00\xb0\x08\x7f\x0bP\xd3\x988\xf1\xb1\xc2V`]\xfb\xf5\xe3\xb6ZMp\x1e\xb3|\xf4\x9f\xc0\x87!\n\xcf\xdb\x8eO-\xcaZ\xb3\x10-\xbf\x8a\xea\xb2\xdf\xb8\n\x0e&amp;\x8e\t#\xb1\xa6\x15\x9e\x07\x00p1\xec\r@\xa7\xb3\x90\x99O\\f\xfc^\xcb\xd9\xec\xe9\x8b\xd0\xb2s\xeb\xd5\xe9\xfav\xa7x\x8f\x87ob\xbd3\xd8\t/\x81\xfchQ0}8 \xce\x00\x00\xaax\xeb\xdb1\xc23owZ\xba\x1d)\xecZ\xd6&lt;\xc4X\xf0V\xb14B\rw\x1d8\x95K\x1f\xba\x8b/\xc5\xaf\x8d6\x00p\x98p\xba%\xec\x99\xcf`\x00\x00\xe0sf9\x9d&gt;\xd8zSw\xe6\xd0\xfb?\xebe\xf6\xa1\xd5\x06\xe0{\x97\xf9l\xb1\\\xc3m\x1f\xae\xbe\xa0^r\xcf\xb0z\x8bV\xb7\xff\xc1\x19\xd8}\x14_\x9b\xae8\xd9\x01\x00\xa0\x07D\xf4\x05\xc7/=fDROI~u"z\x91\xea\xcdF\xa3\'\x00D\xf4\'VZQD&lt;\xa0KX}A\xbd\xea\xa3\xa1\x8b5g o3\xda\x00 \xc52\xe75\x00\x00\x90\xc7\xe5\x92\x18\xa5\xe4\xbel\xaeQ\x92GDJ\xfd\x11q\xb1K!\xe8\xd5\xfe\x03X\xdf\x1b^p\xfa\xc8\x02/\x15@D\x7f\x16N\x93\xe4\r\xcb\xaaa\xe8\x02\x00f\xa5zq\x8dW_0\xfc\x99\xf7\x8e*e\xdd\xcf~\xe4\x9f\x000\xae\xd7/\xe7y&amp;\xe2\xed\xcax($\xa6\x12\x1b\x80\xcb\x81\xae\x04\xa3\xc0\xd8\x03\x00\x94\xc0\xcb&amp;+\x84/\x95\x89\x12\x91R\xaf\xa1\xe4\xce\x1dw9\xbd\x9d\xf0/\xb0$\xb4\xa7x\x84 \xf5\xbf\x1e\xeb\xef\xe8\xd6\xb5\x1c|H\xbbE\x1c\x00pY\xee\x8b\x16\xc2\x87R\xaa\xc9v\xe81\xef\x80\xfe\xfch\x03\xe6\xe7\xd1\x86D\x92?3\xda\x80Z\x16\xdf\x00\x00\x00\x00x8\xc6.Z\x92\xabf\xcd\x1a\xfcz\x83N\xeb\x01x&lt;\x1ea\x96=B\x1b\xa7\x05\xce\x07\x00\x80G\xe2x\x10\xff\xd6%\xdb\x00&lt;\t\x01\x00H\x80\xa7\x01 \x08\xa9\x1f\xc2\xd8\x00\x00\\\x91\xdbE\x9a\xe0a\xfc\xf7P\xd3or\xac\xb9\x8c\xbb\xfeE^\x00@\x92n\xbfd\xd2-\x92H+z\'\xc4\xc0*\x9a."Q\xe1\xe88\x00\xc08^a\xbfK\x13\x89S\xcd\xe3c\xd1\xea\xdb\xe8\xebY\xe6\xdaWp\xcd\x089p\x8eVd\x82\xcf\xba\x80\xce_\xbeT\xaa\x08C4\x83\x89\xe2\xaa\t\x11)\xf5\xc7\x1b\t\x7f\xf6\x94M\x06\x00\x809(Z\x18\x9an\x00\x96\xcb&gt;\xaf\xf5\x89\x88\xf5\xfc\x0fZ\xd0mT\xefad\xc4\xa8\xbb\xd4\xcc\x8dB\xf4$\xcck\x00\x00xH\xe2\x0f\x19&gt;\xb2@\xda\xb9\x01\xf0\xec\x04\no\x16=\xcaz\x0c\xc0\rc\xe2\xf0\x1f:u\xa0\xdf\xb5\x9c\x15\xb7\xfd\xc0\x07:\x11\x00\xb003\xddB\x99\x16\xc7?\xba\xc7\xe0@\x00tp\x179\x05\x9c\xb0\x10c.\xac\x02\x00@\x0f\x1e2\x90U4\xd98\xc0\x1b\xf7@\x1f\x00pe\x06\xfc\x1c5\xc8\x00n\x07\x00\x80\x05y\xe3\x9c\xc2F\xa0\xd73~d\xff\x00\x80J\xa2a\x04\xe1\xa5\x05\xf0*\x00\x00d0u\xd0\xfc\xdc\x8e\xdf\xe3a\xfd\xd1TKc\xa6\xeeS\x00\xa4`N\xa8\xee\xa7\xe9\x17~\x84x\xc9F\r\xe1\x07\xf0\x90\x07\x00\xb04\xaf\xdftI\xd0\xbe^#\xa6\xc5\xba\xbe_\xa9\xb1\xa6zR|K\xe1\t^y\xe0w\x95\x00\xd0\x8097\x00\xdd\xbe\x81t\x95\x0cRs\xc8\x1a\x06\xb7\x87\xfe\x0f&gt;f\x06\x00\x88\xb2\x8d6`({\x80\xdc\xb6\x84\x1f\x88hSJm\xdbQiS\x8a\x18\x15\xbd\xc2\xae\xeav}\xbd)\xf2\x0cxp\x16\x9d\x1aD\x84\x01?\x92#\xf2\xa0\x17\x00\x00\x80\xc9\x13\xa3\r\x90\'\xe3\xd8\xe3C\xb8\x05\xb7m\x13\xf8\n\xcf]Xy\xd5E\xd8\xb6\xef\x1dm\x02X\x11\xd9\xa9\xd1\xed\xf8sC\xde\t\x00\x00\x00\x8c\xa1\xf0)\xf0kf?\'\xed\xf9\x0b\xa0+\x01\x87\x00\x13s\x8e\x90\xf6\x7f\\\x01Q\x81Y\xda\x1b\x92\xa3\xc8\xbaI\x88)#C\xf7\x98\x8c\x8e\x03\x00\x808\xcd#\xf2\xf9\xc9\xdan?\x94S\xb6\xd3\xd0\x16\',\x1e\x00\x94@\x1a\xf3l89\x1f"*\x90**\xed\xf2\x88e\xff8\xd9\x01\x00&lt;\x08m\xaf\x005O\xff\xf7\xdf\xd8U\xb7\xdb\x9f\x99\x0f\xe2\xcd$&gt;\xdb\xd8\xac\x95b\xf3\xfe\t\xfa\x83\x05~Q\xf6\xcf\xde\xa8\xa2\xc9nJ\x92\xcc\xd7\xb7mSj;\xe6\xb5D\x06\x89!\x9a\x8b\xd8-\xac29\xd86\x00\x00\x96c\xa2d\xf4\xcc\xe3\xc3E\xa4\x0c\xae\xf9\xb8j\xd3\x8f\xba2\x9c\x00\xc0b\x08\x8d\xea\x9c\xcf\xdaz?\xdfOd|\x8e\x1f\xb3\xecB\x8c\xee\xd3E?\xbf\x0e\x00x\\\xa6\xfb\x10p\xf4(e\xa2\x08\xfb\xaem\x16\x9b\xed&lt;\xc9z\xdc#\xa5\t\x8f\xd3&amp;4i!\xe4\x0eg\xd3\x82n=\xe5\xf6\xd6\xda\x9f\xda\xb95\x8a\xdd\x82\x87\xfd\x90\xd2k\rk\xf5Dk\x13\x00\x00,G\xd9\xd5\xde\xc2\x88\x9f\xbfF\xe2C{\t\xba\xe4\x1cc\xba`\xaaK\xe7\xab\xd3n\x9c\x9c\x93\xda\xf7\xa9\xd0\xaf\xd3&gt;\x87\xc3\xb3a\xaa\x1e\xf7\xdb\x1cn\xc8T\xc6\xfa\xdc%\xce\x00\x00 \x00IDAT\xf7\xe0\xb1\xbf\x9e\xe11[\r\x00\xb8\x18\x9f\x97\x19\xcb\xfaD\xfcGXWj\xda\xf8\xcb\x1d\x96\xdeO\x1e\xb1\xba\xd3c\'\x16.\x8d\xfc %\xf6\x93\x85\xe4\x0c\xc4\xeb\x8a\xe0\x06 gd~L\xb1M\x12$L\xad\x9fb\xf5\x12^Uz\x9a#n\x00\x00\xc0\xa3\xf0}\x8f\x1b\xf1\xdb7\xfcO6U\xf1\xf3\x81t\xeaa;\xb4\x05\xa4\xd4\x0b\xba/\x8a\xe4I\xba\x90\xa9\xf6l\xf3X2\x92\xe8g\xaf\x1b\xf4W\x91\xc0\x99\x86\r\x00\x00\x809\xb9\xde:q\xbd\x16eq\xf1\x93\xfe\x17\xaak\x9aT\x8e\xde\xc7\xc3\xb2_\xf5\x03Z\xd3b`\xfc\xaf"\x81\x17\x8e\x00\x00\x00\xd0\x9cU\x13\xa9\x16\xbf4\xb4\xa2\x1f\xaeN\xa8\xef\xf6q\x8b.\xf3!1\xa9\xa7\n\x0b\xb7\xee\xfeg3\x99T\xc0h\x97\xae\xed=\x1fg\x04\x18\xed[\x00\x00X\x8f\x82\xaf\xd5_#\xd4\x1ev\xaeb0\x97\x8b5\xa7\x14|\xde7J\xfd\x0ey*\xdf\xaeyN\xf1\xd0t\xfd\xc4\x17\x8e\x03\x00\x00\xa0-\xbd&gt;g))\xffR\xa9\xc32\x9fs\xfd\xfb\xa3\r\x00`E\x86}}\x96\xc8S\xb5\xee\xa1\x89v\xb5\xf3\x87D\x00\x00X\x0c#\xb0\xaex\xf5\xa2\xcdQ\xf1(\x0f\x94\xea\xc5\x02\t@\'~\xdbh\x03J\x10\xca\xfe\x8b%L\xbe\xf1@\xfc\x04\x00&lt;6Bq\xb6\xf7)\xd1"\xa7\xe6MY\xab\xf9kY\xdb\x96U\x86\xaei\xe7\xc3N\xba\xe4\x17h\xfeu)i\xb3\x91\xd7\xddd\x1f-\xad\xd5X\x00\x00x4\x96\xb9\x9c\xe3\xa6#\xedt\x01Y\xd0Y+B\xc6\xef\xe0\xd2m\xd2}\xe7\xd2]\xb9\xb4\xf1\xfda\xbb\xeb?\xad\xb79\x9c\xd6\xdai\r\x03\x00\x80A\xac\xb6\xc0\xb4%\xea\x8d\xe9\x1cUpx\xfc\xa8\xe7\xcde\xc0Q\xe0N\xe5\xac)\xbb`\xb9\xd4T]\xc8T\x00\xc0\x05y\x82]\xf2Z\x0fR+\xd6\x89m\xdb\n\xd4]\xf6\xbb\x83\x94\xfa\xa5`\x8b\xf2\x1d\x95\xe4\xf9\xaa\xbc\xb7m[f\xf7]\xb6\xd7\xe4y\xe7\xc1N\xf2m\xd5\xd0k\xab\xb2m[i\xfcX\xa6\xd3[N\x98\xf5&gt;S\x07\x00\x98\x92\xbaO\xe8\xf6\xfa\x86\x9f,\xd2\xc6\x08\x06\xd0\xf9\x9a\x1f!\xd3\xce\x8eM;\xdd\xf8\xf7\x1b~S\xa7\xd5\x9c\x99?\x9e&gt;\xd1\xa0\x8a\xcc\xf1\xd7\xef4B&lt;\x06\x88\xeb\x9d\xc7\xe1\x00\x00\x00\xc0\xe4\xdc\x1e\xe6z\x93\x80\x892\x18?_&lt;\xda\x80B\xca\xb6\x1c\x93oT4\xf3Z\xda\xe9\xdb\x00L\xe6\x96\xf3\xb9\xc4$\x86M\xe9%\x8b:\xdb\xba6\xed5\xd8\xce\x9c\xd9\xe1\x00?*\x02\x00xl\x12\xc9\xc1\xab\x05\xb7\x07\xa0\x98\xabo\x00\xfam\x1d\xa7\xf4\xc9n\xcfk!\xbd\xf0q\xeb\xb2&gt;\x9ey\x1f\xe3+\x01DDV\xee\xa6\xe6\x1b\xaeA\xa6\x9c\\l\x18\x96O\xfb\xf0\x10\x00\x00\xfa\x11\x0c\xf4\xb7\xd7{]\x12\xe8\xa0\xa51\xdd\xbe\xe0h:\xcct\x81\x94\xea\x94\xe4M\xee\x160\x0e\xe3z\xd8\x82\xe3\xa4\x9f\xc1\xde\x9bu\xc7\x8c\xee\xe0\xba\x06\x9b\x8d\xb4\xb4\xf7\\oH\x00\x00\xc0\x15Y\xfb\xc0I\xddW\xca\x15\xae[\xf4\x00NX\x8a\x15;\xab\xd9\x0e\xf3\xa3\\\xb1c\x9c\xd3\xe7\x88\xda\x9d\xaaYq,\xf4&lt;g\xfa\x115\xf8C\xf1#\xb5\x03\x00\x00\x8fw\xea\xa3&amp;\xbe\xdeL\xbf\x9c\xe8$\x17\xce\xfa\xb6\x10\x11\xfd\xbe\xd9}\xb2\xe2\xc1\xe1\x83\xf2\xb0nt\x1b\xees\x85\xfb\xfdE\x97pW8\xcb\xe7\x8f\x87\x80\x04\xebB\xe0|\xeez\xd4\x01\x0f\x00\x00i\xfafW\xafp,G7\xe5\xba\x19\xd6+I\xfa]2.\xe3f\xdb\'\xd4~\xf0\xf1a\x93\xb6\x03l\x00\x1a\xf2i\xe6d\x9c\xcd\xcf\xcd\xe6x\xfb\x115\x89\'[&gt;\xae\xbc\x89\x9dm\xcc\x14\xf1"\x19\xad\xb8B{\x01\x00\x8fN\xfd\xdaPPWn5B \xce``\x0e\x8d\xf4\xbd\x05\xcb{\x95\xfb\t\xce\xce\x10g/\xb4\x8a\xf3\x1b_V\xc4MH\x00\x00(\'\xfeC`=\xc2k\xc1\xcfj\x99d\x1f\x02\x95\xfc\x92\x97\xab\x95\x96Y\x86\x1f\x1c\x91\xee\x06.k\x8f\x7f\xc6\xa8\xe8;rH?\xd1&gt;\xff\xe3c\xad!\xdd\xce\xdaM`\xf9\x00\x00\x00\xe0\xa7\xe9\x1a/\xf3\x04`\xedD\x04\x80\xc5\xd8\x8f\xa8\xc5\xe6\xdd\x94\x17\xb8;c\x1d\x96?FL\xc3\x11~.\xa6\xbb\xe0:\x00\xc0\xaaL\xf1\x0cw\x06\x1b\x02\xcci\xd5\x14\x18\xe7\xa5\x05\x15\x95\x82{\x0b\x10\xf7\xde\xc4\xb3\x0f0\xa9\xe9&gt;\xf4&gt;\x00\x00\x8c!~\x05\xa85\xdb6\xfcq\xf6\xd3I\xcd\xfa\x1c\xb9`e\x14\xb9t\xbb\xd0\x92|{\x00TR\x91H\xa9!\xbd&gt;\xf0\xdb\x1ee%\x8a\x8aM^y\xcfR\xf4\x1c\x15Ve\xb6\xc8\xff\xfd3E\xfb\xd2\xdc*\xd3P3\x8f\xb6\xf6\xf1\x7f]\xc7\x02\x00\x00\xf0\xd1\xfd+ 8\xba\xc4\x7fh&amp;;\x1d\xa9\xcf$V9\x94-62\xb3\x81\x92\xae\xf0\xe7\x8b\x0bq&lt;x9o\xdf\xd57\xe7E#\xfa\x0e\xadJ\xfd`\xb5"y\xdc(D&amp;\xcc\x18\xb5\xc4\x8c\x03\x93\x80\xd1\x02\x00\xe8\x00\x02\xcd\x8d19qHi[c\x16\xd9\x00\xac\xc8\xea\x8e\xd5\x1e1\x89\xedd\xa2\xfb\xb1,\x15\xcf?C\xbc"\x1fJ\xbd~\xb2V\x1f\xf3\x1as\x8dV\xccN\xf7\xc3/\x00\x00\x00}\t\xa6\x05%\x17\x15\x00p\xc8&lt;\xc2/\xfe\xe8ER\xe6\x95r\x9a\xc0\x1e Q\xa9\x87e\x8d\xc9~x\xf8Q8k(\xc1\xf53\xdc\x08\x00\x10b\xc2h\xf2\xdd\xf3\x994\x0e\x84{&amp;\x83\xae\xdc,\xd4;3\x99\x1a~\xde\xf5MD_\xb0\xce\x98/\xda\x00\xf4\xa7\xd4\xa4\xf8\x9c\xfaG\xc2-\xcds\xdd\xd7\x94_\x0b&lt;\xfe\xccV:\x01\xb3\x8e1\x00\xc0j \x9a\xcc\x82\xbf\x17\x16\xee\x9dv\x96\x7f\xe5\xb2&gt;iD\xee,\xe6\x15\x1e\xe1\xe4\xbfK\xcb\x8d\xf9\xc2\r@\xe3\xab}\xc6?\x96\xf2gk\x06\x9d\x14\x00\x00\xc0d\xcc\x17\r\xa72\xc6\xa2\xe1R*u\x05h0{\x02\x84\x8de&amp;\x7fE\x99\xa9dV\xe5\xa2\r\x00i\x7fW\xb1TG\x8bo\x93\xce\xc2\xfc\xbe\xdb\x8b\xd9\xb1\xf7\xa8\xae\x15\xc8\xa5\xfaT{\xa5\xde|T\xd0G\x00\x00\t\x10J\x1a!\x90\x01\xd3z\xb7\xa5\xef\x89\x0b6\x00\x05T\\#\xc9\x1b\'N\xa2Y\x83dG3\x9b_\xae1\xafb\xc3\xdd\xbe\xb7\xa5G\xde\x7f\xff\xa3\xe7$\xb2\x15\xdd\xff\xf9V\x93\xcd\xe2\xb0C\xfc\xbeZ6\n-j6\x00\x00&lt;\x16\xfe\x85\'o\xed\x19\xbfP\t\x19\xf0\x07\x06\xa4\xfe\xf3=\xc8*\xa1\xff\xaei\xb2\r@0\xfb\xd7\xfaw\xf9^Va\xb7{\xb7\x04\xdd\x8c\xf2\xbfZn\x80\xf8`N\x7f\xba\xba@\xe3\xb2;\x04\x00\x00\x00\xb2\xb0RI\xee\x83\xfe\x0c\xad\xc1T\xac\xd3\xfath\x8f\x9a\xfd\x19\xd2\r\x97\xe1\x91W\xf1i\xda\xde\xfc\xbc\\]e\xa7\x17\x08 \xc5\xcf\x7fb\x8a$\x84\xbcC\xb6Vo7\xcd2P\xf9&lt;\xffh\x03\x00\x00`\r\x96\x8b\xef~\x86\xe4\xb8\xfe\xb5_\xfeHx\xd6O\x7f\x82\xe9\x19\x95|\xb7\xd8\x00L\xb3k2\xd0Z:\x9by\xd9\x1fJidG)e\xf6\xcc\xd6\n\x00\x00(\xe1\x89\xc0\xeb\x82\xf7w\xa5$\r\x86\xf3\x93\xf5\xe2?k\xbfm\x9b%\xb3\xc5u\x10\x9eD\x7f\xd3\x04\xcf&amp;\x89H\xa9\x9f\x14\x11\x05z\xb2\xdfK\x1f\x96\xa1n\xdb\x16\x1a\x9f\xf9r\xa6\xe3\xb0*6\xcfF\xc4\xd9\\\x9d\xf3\xb9\xd7\t\xad\xac&amp;\xcd\xd6\n\x00\x00\x00m\x99d+c\xadR"\x0f\x07\xa6h\x1a\x95}\xb89\xfc\xf9\xbf\xeb\xec&gt;\'\x86\xae\xf9\xf1\xee`[$\x9b)s\x1bP\x8d\x19\xea\x85=\xfe\xd3\xf2\x96\x08Q9\x86\xaf5\xfe\x01\x00\x00\x14\xd1m1\x10\xfat\xe0K\x8b\x183\x88\xd8\xb9h?+\x1e\x97\x99\x9d\\h[z\x1e}}}\xab\xf3\x9e\x99x\xd3\xd3\xb1\xf7\x824{\xfc\x1f]\xe8jM5\r7\x00\xab\xb9\x02\x00\x00@\x8c\tN=\xe3\xcb?\xdb\xb66\r9\xeegK\x08\x8f\xb4t\xc5\xc5\xf5?\x8c6\x80VL\xd1\xba\x11I\xac\xef\xe39\xd7u\xa6@\xef\xb5\xfe\xdf\x12\x95\x19\xda\x00$;\xb1\xedG\x08\x884\xf9F\xa6\xbb\xdc\xe8\x9a\xe5S\x16\x12\xd1r9\xe7\x03\x00\xc0J\x0c\xdf\x00\xd4\x18p\xe41\xc6\xfa-\xc8o"c\x03\xf0\x01\xb5\xf2\xa3\x16.\xb6\xdau\x1f6\r\xd5=Z\xaaQ6Y\xacZ\xde\x8c&lt;.9\xf0\x16k\x03\xd0:#&lt;\x9a\xa35J8\xaa\x0c\x0f\xb6)&amp;\xb2\xad\xe1~\x0f\x00pa\xe6\x0e\xb21\x0e\xcb\x1b7\xc1]\xc5\xc7R\xb7\x01\xf8\xaeV\xf6\x1f\xce\xa9\xd9`\xe8}:\x81\xab;"\xfa\x9d\x8f\xde.\x10\xf2g\xb2_\x1e\xa9\xd7&lt;\xe8\x97d\xae\xef\n2\x19\xd7\xe4\x07\x0b\x17\x0e\x0f\x170\x01\x00\x8f\xccq\x04\xd5,\xf0Y\x17Z\x9a\xea\xeaA{\xe3;\xe5\x01k\xf4\xc2\xa0\xd1rfc\xef\xd8\xe4\x96\xd7\x1a\xce\x1f\x04\xed\x97\x85\x8eY@\xdac\xb7\xd1\xd6\x95AD\xf4\x8c\xd4m%\xc6\x0e\xd6[\xe0\xab\x8b\xcd\xb2\rxl~\xef&gt;\xcc\xf0\xf1\x03\x00\xc0\xf51O\x9e\x9a\xc8\xb7\x92~9Emlf\xdd\rhH\xd3\xeeX\x8fk\xbab\x96$cB\xdf\x92\x96\x81i\xdb\xe0\xc8\x07g\x8d\xda\x8e\xa4)\x1a\xb8\xc4\xa4\x967\xef\xe5\xb9\x02\'\xf7L\x1a\xdc\x1d\x02\x00(\xa5\xfeR\xbfX&amp;\x90C\xc8$"\xa9;\xb8m\xce\xb3\x1b&gt;\xb2\x08\xbe\xd7z!_!Q\x00\xf5|s\xc5\xa7Pd-)\xa5\xf9-8\x95\xd9Xg\xe2\xe8\x87\x1b\x938-\x0f"R/\xb0\xa4\xe5;K\x1b\xcfc\xcd\xa1\x05\x00hB\xdf\xf5\xa6X\xd1\xd7\xd3\xf9\x05\x14\xff \xa1"u_9\xb9\x8b\x90p\x88-!&amp;\xf35\xda\x9d\xc7\xd4\xe6\x13\x8b\xe6"`\x06\xd6\xcde\xd9\x1c\xf3+\xfb\xa3\x17\xa1\\\xbf\xa3\xd3\xa6&gt;\x06^aU\x02\x00\x80\x959\xd7\xa1V\x01\xf7Y5\x95\xb5e\x92\xf9QQ\xce3\xf7\xf6K\xec4\xf2+\xb3\xff\x07\xc8\xe1@+\xc4\x06\xcf\xaf7\x1f\x819v\xda\xdf\x10\x90\nG\xfew\xcb\'\xd7Q\xf1\x1b\x98\x17\x8dbb\n*\x02\x00\x00\xb8\x0cMW\x02\x89k?\x7f\xdd^t=e\x8e\x8f\xdf\xc5T\xef\xeb\xf1\x175\xffhl_\xf9\xaf[#*\xd4\xfb+\xa4\x08\x9</t>
        </is>
      </c>
      <c r="E461" t="inlineStr">
        <is>
          <t>&lt;class 'numpy.ndarray'&gt;</t>
        </is>
      </c>
    </row>
    <row r="462">
      <c r="A462" s="1" t="n">
        <v>460</v>
      </c>
      <c r="B462" t="inlineStr">
        <is>
          <t>steps_per_sec</t>
        </is>
      </c>
      <c r="C462" t="n">
        <v>5200</v>
      </c>
      <c r="D462" t="inlineStr">
        <is>
          <t>3.0547082</t>
        </is>
      </c>
      <c r="E462" t="inlineStr">
        <is>
          <t>&lt;class 'numpy.ndarray'&gt;</t>
        </is>
      </c>
    </row>
    <row r="463">
      <c r="A463" s="1" t="n">
        <v>461</v>
      </c>
      <c r="B463" t="inlineStr">
        <is>
          <t>Loss/RPNLoss/localization_loss</t>
        </is>
      </c>
      <c r="C463" t="n">
        <v>5200</v>
      </c>
      <c r="D463" t="inlineStr">
        <is>
          <t>0.14558253</t>
        </is>
      </c>
      <c r="E463" t="inlineStr">
        <is>
          <t>&lt;class 'numpy.ndarray'&gt;</t>
        </is>
      </c>
    </row>
    <row r="464">
      <c r="A464" s="1" t="n">
        <v>462</v>
      </c>
      <c r="B464" t="inlineStr">
        <is>
          <t>Loss/RPNLoss/objectness_loss</t>
        </is>
      </c>
      <c r="C464" t="n">
        <v>5200</v>
      </c>
      <c r="D464" t="inlineStr">
        <is>
          <t>0.0047322204</t>
        </is>
      </c>
      <c r="E464" t="inlineStr">
        <is>
          <t>&lt;class 'numpy.ndarray'&gt;</t>
        </is>
      </c>
    </row>
    <row r="465">
      <c r="A465" s="1" t="n">
        <v>463</v>
      </c>
      <c r="B465" t="inlineStr">
        <is>
          <t>Loss/BoxClassifierLoss/localization_loss</t>
        </is>
      </c>
      <c r="C465" t="n">
        <v>5200</v>
      </c>
      <c r="D465" t="inlineStr">
        <is>
          <t>0.10459482</t>
        </is>
      </c>
      <c r="E465" t="inlineStr">
        <is>
          <t>&lt;class 'numpy.ndarray'&gt;</t>
        </is>
      </c>
    </row>
    <row r="466">
      <c r="A466" s="1" t="n">
        <v>464</v>
      </c>
      <c r="B466" t="inlineStr">
        <is>
          <t>Loss/BoxClassifierLoss/classification_loss</t>
        </is>
      </c>
      <c r="C466" t="n">
        <v>5200</v>
      </c>
      <c r="D466" t="inlineStr">
        <is>
          <t>0.063991465</t>
        </is>
      </c>
      <c r="E466" t="inlineStr">
        <is>
          <t>&lt;class 'numpy.ndarray'&gt;</t>
        </is>
      </c>
    </row>
    <row r="467">
      <c r="A467" s="1" t="n">
        <v>465</v>
      </c>
      <c r="B467" t="inlineStr">
        <is>
          <t>Loss/regularization_loss</t>
        </is>
      </c>
      <c r="C467" t="n">
        <v>5200</v>
      </c>
      <c r="D467" t="inlineStr">
        <is>
          <t>0.0</t>
        </is>
      </c>
      <c r="E467" t="inlineStr">
        <is>
          <t>&lt;class 'numpy.ndarray'&gt;</t>
        </is>
      </c>
    </row>
    <row r="468">
      <c r="A468" s="1" t="n">
        <v>466</v>
      </c>
      <c r="B468" t="inlineStr">
        <is>
          <t>Loss/total_loss</t>
        </is>
      </c>
      <c r="C468" t="n">
        <v>5200</v>
      </c>
      <c r="D468" t="inlineStr">
        <is>
          <t>0.31890103</t>
        </is>
      </c>
      <c r="E468" t="inlineStr">
        <is>
          <t>&lt;class 'numpy.ndarray'&gt;</t>
        </is>
      </c>
    </row>
    <row r="469">
      <c r="A469" s="1" t="n">
        <v>467</v>
      </c>
      <c r="B469" t="inlineStr">
        <is>
          <t>learning_rate</t>
        </is>
      </c>
      <c r="C469" t="n">
        <v>5200</v>
      </c>
      <c r="D469" t="inlineStr">
        <is>
          <t>0.03989486</t>
        </is>
      </c>
      <c r="E469" t="inlineStr">
        <is>
          <t>&lt;class 'numpy.ndarray'&gt;</t>
        </is>
      </c>
    </row>
    <row r="470">
      <c r="A470" s="1" t="n">
        <v>468</v>
      </c>
      <c r="B470" t="inlineStr">
        <is>
          <t>train_input_images</t>
        </is>
      </c>
      <c r="C470" t="n">
        <v>5200</v>
      </c>
      <c r="D470" t="inlineStr">
        <is>
          <t>[b'1024' b'1024'
 b'\x89PNG\r\n\x1a\n\x00\x00\x00\rIHDR\x00\x00\x04\x00\x00\x00\x04\x00\x08\x02\x00\x00\x00\xf0\x7f\xbc\xd4\x00\x00 \x00IDATx\x9c\xec\x9dy\xfc\x7f\xcfT\xf8\xcf|}\xb3\x87\x12\t\x15\x856\x89\xa2\xa2\x84T")\x15%Z)\xa9\xb4Z\x8a\xb4\xd2&amp;-d)\n\xc9R\xfc\x10\xa1$\xa1H\x8bJE\xa5\x84lE$\xb2U:\xbf?\xee6s\xef\xcc\xdcY\xce\xcc\x9c\xb9\xf7&lt;\x1f\x1f_\xaf\xf7\xebu\xef\xcc\x99\xb3\xcdr\xe7\xde\x0b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 \x08\x82`\x80\xad\x05\x00\x00\x004\xd0\x7f\x00D\xc0\x04!\xe7\xa2p\xfb\xa5\x9f\x87\xed\x1d\x10\xa04\xb4\xd6e9\xd1&lt;\xe0\xf6\x88O\xd0\x0f\xfbik\t^\xd9Rt\x15\xaa\x9d\xa1\xf0\xfd\xc3R\xcb7\x0bq\x95\x13Z\xddp\xb0\xbfVj\r\x11\x93#C`3\\\xa5R\xe9\x02\x00\x1f\x82\x88\x88\x9f\xefsN\xe3\xf8\xe1\x1b0\xfetJ\xa1\x95\x19eMK$\xea\xc2\xac3\x12\x91B\x02\x0b\x98\xaa\x1b&gt;\xa4\x07Thu\xf1\r\xf1\x16\xfek\xd3\x01\xb9\x9dK\xa0$a\xa2\x12\xc8\xe3\x92/\xb9M/\xa5\xd0R=2:\x17KY\x86\x81\xbe\x91\xaed!\x95\xf7\x86D\xb7`\x10\x9c\x15\xdb\xa3\xe8\x8b\xbc\x07\xe2\x03m\xd5\xa8\xf8\xba&gt;\x14\xf1mZ!c\t\xb3B#\x0b\x1c,a\x13\xc3c$\xa5\x00~\x04\xe0\x87\xec\xe5\xa9E\n\x8f0;&gt;\xa0\xb4\xffm\x0f5\xab\xb0\x1454\xc8U\x85JP\xbb\x81O\xf8Q6\xdc\xef\xaf\\b\xc4\x86\xc7\xed\x01\x9e\xbc.j]\x86\xa7\xc9\xf3\xa1\xca\xdb\xc7\x86+\xcd%\xbfR\xcf\x05\xf8\x02\xeb\x8f\xfe\xaa\xd3d\x0bQ\xe3N\x0cNE\xe8\xe5[\xbc\xd1\xab\x99pk*\xdb\xff\xed\xb3\x08\xb9*\t\xe7B\x16\x13G\x15\x8e\x88\xfbi*\xc2\xd3\x9c\xe7l\xd8)\xc4hrnu\xdeB\xb6\xad\x9b\x0f\x0e5\xac\xb3\xfc\xcfC\xfc\xbd\xe1\x00\x82\x1e\'\xbfOM\xec\x8fBA\xc0\xb8\xf2\x87\x16=\r\xe0\xb6\xd37\x81\xe6f@tc\xdd%\x19v\xcd\xb3\x11v\xa2\xbd\x0e\xd02\xaa\xa8t\xcd\xa0\x1c\xf5&lt;\x80\xcf_\x0fK`\x19r\xf2\xd5[\xbed\x11\xd9\xd8\x1c\xc1\x07V\xbd\x94\x9f\xab\xc7\xcfG\xf8=g\xbd\xa6\x97\xe3\x93\x10\xbe\n\x08\xf2Z\xc4\x90\xc8;\x8e\xdf?\xd71\n\'p&gt;G\x1b\xe6\x92\x83F\x9f\xce\xfe,\xa57_\xdad\xb6z\xb7\xd74G\x87\xf6\t\xd5t@\x90\xde\xac\xe7{\n\x9fC\xc0&gt;7x\x1c\xc0\xd7\x8c-p\x0b\x06Z\x1b\xe7~n_\x8d\xfbC\nsFk-4|\x02\xf0\xd9\x00W\x05\xf8\r\xc7d\xc6,&amp;~\x02\xa0/\x03\x18\x03\xfd[!&gt;+\\\xe0M\xc1\xdbS|\x1aV\xea\x8a\x00o\x8d)\xdbB\x98\x84\xa1\x03\x9a\xbd\t\xc0\xfe\xdcx}J\xe4r\xb4\x7f\x82J\xd5\x17f\xce\x01x\x0f\xafSW\xb8\x1a\x81\x88D\x13*\xc3\xaaY6\xda\xa42\x1a\xbe\r\xe1\xa1}\x18\x85\x14\xe4?\x90m\xc5^f\xa3\x9b\x1e\x97!C\xb2\xf8\x1c\xbc\x1a\xe3F\xad\xb3\x16^\xb3)C\xa4\x8a\x94\xca\x98\x008\x86\x8cDA\xeb[\xfb\x0ci\xe5g\x03\xbc\xd8%\xc9\xde\xf9\xf3\xb41\xe0:\x03DN\x00\x9c\xf5gO\x00v\xcc\xe19qwL?\xcf\xf7\xf4\xa0\xc8]i\xb6b+t5&gt;\x1e\x8e\xf8Z\x80\xc7)e\x0e\xa3\x87\x9f]\xc2@@\xf2Y\x8dz\x1d\xb3\xa6\xbcI\x8b\xf5\xac\xa1\xcc}\x95\xce\x8b\x19;Ux/\xa3Q\xa6\xb5\x8c\xc9\x06\xd1\xb5\xea:\x13\x00\xbf3x\xaf\xe8F\t\x10\xb5VuZp\x1ao\x13,6\x01\x00\xc1\xd8}\xb8\xa0G&lt;`\xe0&gt;\x98+\x06\x9d}\x0fG\x95\xcb#\x05/g]\x90x\xde\xc7U\xdd\xd9\xa4\x94\xe2\xed|\xab]\x9b\xb8\xf9\xa6\x02\x11\xf3\xa9\xa4\xc2\x07@\xa9\x9d\x9a\xc6\xe3L^\xec9c_l\x05\xa0\\\x87\xa9\xa0\xbc4o\x1f\x9f\xfe6\x96\x9a\xa8]+\xeb\xb6\x8b\xa0\x15}\\\xfe[0\x01YE\xc0q\x8f\xf2\xebu\x8d\xfe\x1a\x00\xc0;c\xca\xde\x1d1\xe3\xbc\xeb\x1e\xc6O\xe6\xf9j\xf6\xb4\x9d\xab\t\t#\xdb\xa1\xc2\xfd\xc3B\x8b\xa3)&amp;\x13uY\xff\xcf\x04\xfeS1I[\x92\xcc&lt;\x15\xa4\x8c\x85\xb2\xc6\xa9\xdcG\x14\x82N\xddcG\x9f]^\x11?t\xf6A\x1a\xc70\xa8\xc9se\xf4\xefdH5\xbb\xdb8\xf3\x1c\xa3\xa0\xe6\x13\'\x00\xf8\xf7;\x07\xcc\xdd\xf3&lt;t\xb75\xa2a\xb4$\xdc\x9f\xa1\xdf\xd5\x81\xfa\x9f\xcb\x10e\x1a\xa9`\xf0\x10p\x1cR\x8f\xfa\x89\xb6\xb4\x1a\x9dOM\x85\xe9%[\xfaH}\\\x95\xb4\xe4\xb7\x93\x9d\xe7\n\xf5\xaa\xb7MC\x03\xad\xe8/_\x8e\xfb50&amp;\x1bNa\xc7\x00\x9c\x1b\xbb\x0e\xb6\xb1\xc9\x963\xd7\xcb\xd5T\xfcR\xf2\x99\x0f\x9d&gt;x\x16\x8c\xb5\xff\xae\x7fJl\xc6\xc6\x12#\x97v\x9f\x00\x88W\xdd|\xf9\xc1\xef3\xbe\xf8y\x7f\xa5^\x81\xd6\x87ZW{\xed\'[\x95\xb0.q]d\xac\xea\xa2\x0e\xf7\x87\x19\xe9R\x8a]\xac1\t\xbfsGhk\xa3\xec\x9e6\x86\xdc\xf6H_\x15\xd7\xf2W\x1f\x8f\x91d\xcc\x81\xa3\xd5\xa0\xf1\x01\x122\xe6KeJ\xc5\xc5*\xa8\x08\xf7\x15:*v\xdbxD%|~k\x01xc\xcb*7\xd0\xff@\xe2$\xcf\x02\xf43\xaf\x82o\x9f\x9f3\xfe\x94\xa8\x92\xfc\xb3\xb6\xf2\x84\x15\x11\x0fh\xff\x10\x11\x1e\x84\xd6\xd2\xcc\xc5\xe9\x80b\xdd\x97\x17\xb4\x03B\x1b\x11\xd8\xfc@\xcdD\x1e\xbemW\xdc9\x9bS\xb6\x0f\x8a\xf1k\xd2^G\x8c\x9b\xf9\xca\xf7\xd4xs\xff\x01\xa1\xedu\xf0\xbfK\x94!N\xcf\x8d\xb1\x97\xe3VH\x92\xcf\xfb\xcb\xf7\xd4\xa5q\x9f\xb0\x92\xe3L\xf2\x1bZRr\x08\x10\xd7\xc0\xb0\xb6\x04\x15\xbb\xdb\xa2\x18\\J\xfb\xfa\x84\x93\xb5\x99\x12j\xff\x8c3\x00p\xf27?_\x1d\xdf\x96 &amp;9]?\xce\x1a\xe0\x86\xae\xe4\xe8sY\xb6\x88\x0f\xe4auf\xc4\xd9\xf2\xa0O\xf2\x0c\x08\xee+7\xbdQ\xaa.\xf2\xfa\xcbG\xba$\x0fs\xee\xe7\xa4\xb4tw\xed\xcf\xa1\x16o\x99\xfb%F\x8d\xa4\x03\xda\xee\xe7\x1f\x03K\x0b\xd6\x98\xa5\x90`m,\xc3\xdc\x90zW\xae\x98\xa6\x93\x90vi\xad\xdb9\x11\xe0\xf2\xae\x1f\xf3\xb2\xb0]u\x9b//\\\xce\xf8\x9d\x88vyEu\x9de\x97S\x9f\xba\x18\xc7\xff\x10\xfd\\=\xed\xd4\xc1m\x02\xdab\xbb\xd4\x15$F\x0e\x0fu\xcb\x1c7}\xfai\xe3\x94A\xce(Q3=\xf6K2\xce\xd5y\x06\xb5\x86\xc9\x18M\xf3\xfeh\xf1t?\\}\xdff\xacFY\xef\xce\x83n\x03\x0bi\xa6\nA8\r?\x15\xd4aZ\xba\xa2\x14\xe6\x12n\x95\x99\xd0-\x1dp\xe2\xb2\xe2NKC\x12\x90q\xfcNu\x01\x05""\xfe?\xb7~bl\x11=\xde\x82\xaf\x89^\xc2\xf7jo\xff\xf4u5\xcf\xb2\xea*\xa8\x16\xdb\x89q\xcd\xf7\xd5b\xd5\xb3S$\x04\xc0\xed5\x02\xfdL@\x04\xb8\xdc\xf2\xe7\xae\xcc\xf6Z\xd6?\xac\xd6\xc8\xe7/}M\x83\xf5hx+\xad\xe3D\x1b\xef^d\xf8\xe1\x90\xe3\x83\xda\xea\x11&gt;\xe8l\x9b\x96\x00\xbe|_6k]\xa1\xaa\x88#\xbc\xd1f+\x1cE\x99K\xfe\x96yu\xb80C\t?\xc1u\x14\xde#.\x0b\xd2\xb9S\x9a&lt;tE]&lt;\xb7\xb4&amp;z\x10\x84\xf3A\xd6\xf1DTE+o\xe0\x9c\xc4\xde\x1c\xbdE\xb8\xdah\x11\'\xcfF3\x8eZrX\xdbb\xe7\xb8\xa8"]\x12\x86z\x86\xc9/-\xb5;\x8f\xf1hl%\xbc\xfd\xf4\x0fX\x16\xc2#\'\xa8\x9b2\xb7\xb5\x04\xcf\xc7f&gt;\xc8Z\x0e\x00\x00\xbc\xcauN\xfcF\x94\x1d\xe5\xae\x8b\xf5\x1c\xe0\xfc\xde\xfd\xd37G\xe96\xdc(\xbb\xcd\xb15\xcdW\x82\xe6c?\x89k\x97\xdb\x89JG9VEe\x11\xd5\xea\x80z\x97A\xff\xf7 \xc2}\x02\'\x00\x97\xb6\xd7\xb2\xa7p!\x05\x872\xdf\xd6b\xe5\x1b3\xd6\xf5\xac\xe5\xb1)D\x10\x8e\x0c\xcd=+Q\x99\xbd\xf9\xd3dW\xd2N\x8f^\x0c\x94j9\x9b\xf0a\xd2s\xa1\x16\xe5\x0c?Q)\xcdl\xbc\xdb\x168U\x1bR\xef\xb3\x11o\tn\x85$w\xfc\xbb\xefF\xd8&gt;\x9d@\xafk#\xfc\xf2\xecL\xbf\x88\x11\x0f=X\xebs\xacd\xf9\xd3\xfb\x868@\xf8\xd3\xd5\x1dC\x9a\x0c\xeb\x92\x1d\xaf\x8a3\xce\x8a|\xd0\xfbp\xbc\xa7L\xf5,\x80[\xcf\xf7a\x13\xf4\xa9i\xba\xcdy5\x9br\x8c\x05\xdc\xd6\x99L\xe83\x1f\x06\xc6\xbe%\xdb\xdc\x05\xe0Qk\x912\x9f\xb3\xf1\xb5\x88\x8f\r8L\x01|&gt;\xc0s\xf5ob\x1e\xce\xeb\xf7g\x97{\xe8A\xd1&lt;\xf9\x0b%@D\xde\xafV\x10\x04\xa1\x1ca\x0bNw\x88\x1e@l^)LD\xd82X]\xee\x89\xf0/\xc5%\t^\x02\\_e\xde[\xc3KY\xe7\xdee&gt;\x7fui\xc5r\xcc\xa6.K\xd3\x86\xef#6~\xac\x8f\xb0\xa9\xeb1\xcb\xf1\xe6Z\xb8K!F\x15\xd31w[U\xfdG\xc6\xbe\x0b]\x98 \x8d\xedV&lt;q\xd3\xf1\x94\xa0\x02\xfdU\x07\xe2)\xd0\xa7\xa8`6e\xda\xafBdG}\xf0\xe9I\x9aI\x11(\xb8d\x8b\x12\xf6.\xa6!"\xdcfm;\x08p\x0f\xed\x186\x99Vp\x81\x08oM\xb3Q\xa6q\xc51\x84\x03B\x95\xdb;`/\xfb\xc3^\x90kg\xfd\xb29\x90*,\xf0\x99\xb2\x8f\xde\xe4]\xf5\xce\x16\xdc\x19ODT\xbc\xc7\xeeud\xcb)\x8e\x03,\'\xdfp\xbf\xc9\xe6\x98\xdb2\xbe\xd9z\x8b)\xfc\x8e\x96|\xed\xb57\xcaR\x9aO\x81:w_\xd7\x95\x80O\xfa\x94\xd2,M\x9b\xb9\x89\xbb\x99\xe1A\xba\xa9\xf1\x96\xd6\xba\x02K#!X9E\xaa\x81O\xb6\xcf\x84\xcd\x1a-\x9b\x0c\x8dB\x1c\xb6\xb3\x1e\x0f\xce\xd9\xb2\xc0\x99\xe8X3y\xf8PH\xc2\xe9\x95\xe3Q\x104\nf*3\x7f\xd6\xa8\xb1)\xdb\xbe\x87b\xe7n\r\xf3\x9c\x85\xb9#\x7f\xd3\xf0\xa7O\xbd\xd3\xba\xbbm\xf0\x94\x92\xe2m\x85d\x96\xec\x1b\xb5\xd8\x8br\xfa\xe4\xc7o\x0bq5\xc1\xd3\xb8\x9di\x15\x99o\x07D\x8a\xfd\x90h\x00\x10\xe0\x0b\x01\x11\x1eIT\xe2"\xa7\xf5\'{\x0b2&amp;\x00\xb8\xfd%&lt;/Q\xb1\xaf\x13\n\x91\xbc\xda^\x1fk\xfe\xf9\xd70\xae\xbc8K\xb3\xd6e~\xf7\xb9\xf9\r\xb8\xcc\x89\xb217\x9c\xb6.]BT\x80wK\xa6n\x05B\x02\x93$Y\x1d\xdb\xeb\xab\xec\x1d&gt;W)q\xa7\xfb\xba\xc6d1\x02\xce-g\xfe&gt;\xb0\xb7\x1d\xb5\xe5\x7f\xedP\xf7h \xa4"\x87M\xe7?\xbf%\xa9\x01s\t\x97XU\x13c\xd3\xa1\xa5\xaf\t\xa9\xc8\xdav\xb3RO\xd5\x94I\xc7(\xca\xbb\x7f&amp;\x19\xd0Z\x94rz\x924\x8bZ\x0c1R\xd4\x82YJ~\x02\x18J0*q\xff\x14$\xd8\xf4\xdd\xe34\r\x13\xe0Sf\xc0\xd9\xeb\xe6\xb8\xacY\x8aj\x15\tv&amp;\xfd\'\xa7\xe2:kj\x19\x85;\x92I\x15\xc7\xab\x19J\x82\x03W\xa7Co\x14_\x1e\xce\xeb\x98h\xf1\xafh\xd6sV\x87e2\x04\x90`\x0b\x18[&lt;\x1dnm\x1d\x82\xa0\xf6_\xfd\xebD\xbb8\r\xea\x88\x90\x84\xb2c\x86\xd7\xa8}\x08{\xc2\xc9t\xcc\x0b\xac%_&lt;X\'W\x9e\xc3*\xdb3\xbf\xdb\xdd\xd8?rFS,\xf3\x85\xa0\x94s\xe1y\x16\rFU\x1d?8\xde\xc8\x90\xa6\xe7\xb50OqO\x861\xce\xa0\x84\x19\t\x01\x1e\xe4\x11:\xbe\xae7\x19\x7f=bUZi\xd2\xea\xe2\xd3\x95\n5&amp;\x00Y\xe5\xdf\x03\xdfa=7B\xec\xdc\x01I\x95P\x12\xec\xd82d\x11sX\xba3\xf3\xf7\x12\x95\xa6\xb0\xe9\'\xb6rW\x92\xd5\xa2\xb2\xbc\xda\xcf\x1bl\xba\x02\xf750\xab:\x84\x8fJ\x1d\x13X\xce\xda\xd8:\x85\xa7l\xfdf.\xf0\'\x1ce\xa2kk\xd3]v\x85\'\x8d\x88\xcc\xa2\x9c\xf9\xc5\xa1\x92\xda\xac\xae\x87\xf8\x0e\xfbw\xd7O\xb9zI8\xdb%\xe9\xf6\xd2\x04\x95\xc0\xd1"Zk\xa4\x17\xa6v\xd3\x12\xea\xaa\xac\xf9\x85\xb7M\xf5\xe6VM\xf7\x88g.\x94mK)s\x7f\x89\x19\xe3\xee\xfa\xb3j9\xd4\x80dG]m\x02\xd3K\xb5\x84\xe6\xeb&gt;X\xb1\x11\xaeY\xaf\xb6\xad\x9b\xa40\xcf\xcfy\xe5\xf3%\xd2\xe7\xa2\xb4\x9dn\xa0k\x18ge\xba\xd9\xb2&lt;\xecB\xbf2`-\xe1\xb1\x11\xf1i\x1cy1"\xcf\x19\xeb\xf5\x94\xe6\x97\xca\xd6d\xc7/\x9e6:\x15\x98\x8f~\xe9\xc0S\xd7&lt;O\xb0\xfd\x94\xa3\xda\xd4\x12&lt;\xcd\xd9\xd3X\x95\x0e~\xab\xa5\x87\xdb\xbe$\xa8(W\x93)u\xc6\xf5\x94\xa6\x17\x11\xf1C{\xa5\x11\xa9\xba\xba\xe7\x1c\x01zske\x87\xac\x97\x15\xa8\xf7\x88\xe8\xbe\xfd\xd1l\x94V8\x95\xcd\x81l\xe9\x1a6\x87\x02\xbc\xbf\x9c$\x81\\0\xfc\xdf\x17,\xe2\xb5|P\xb3\xe7\xb1\xf4\xde\xf3l\xe9\xe0\x96\xfb\xd5\xd5\xeb\xd5\x9a\x11`LmYs\xef\xd0\xef\xd8\xee\xdf\t\x17\xe5\x9ff\xe3R\xa8\x1d\xe7u|\x1b\xfaC\xa9\x1d\xc7\xa8\xaf[\xebf\xfd&gt;\x01=t\xf5\xdf\xde\x97$\xb0\x0b\x9c\xff\xb3\xe1\x95\xa3\xf0\xaeFn\x8a\x9a\x0e\xb6Z])e\xfb%:\xdc=\t\xc2\xf2\xd3\xfc\r\xa2\xab.\xdf\x95\xaaDW\x19\x13\tm*\x1b,\xe5\x97\xa8JB\xb9\xfb\xbaR\xfc\x16\x00\xb8\xca\xf4\xe7w\x91=n_\x01\xa8\x19\x8a\x02C\xea\xb4z\xa9\x1d\xdd\x18\x94\xb9\xfcG\xf6\xea\xdd\xfd"\x9e\xc8"\x8e\xd3s\xa5N\xa2J8\xa4\xda+\x95\xe0\xaaZ#\xdb\xb5\\\x81\xc6\xd7\xb6\xaayC\xc9T\x86S\x07\x1c\xe2\xcf\x08\x80x\xd1B\x92D`\xae\xa0\\\x1d\xe0\x0f\xac+\\\xf5E23z\xc8\x04\xe0\x99\xdb\x82\xe0\xee\xfb\xcb\xba\xa9br&amp;\xb8i\xff\x12ae\xddU\x02N\xb1\xac\xd3\x18u\xfd\xc8zgyH\xc3\xece9\xddU\xf7m_!\xdb\xe1\xc3\xa6@\xed3\x99\xcf "^\xcb\xb7\x9a\xe5\xdf\x07\xefi\xbbG\'\xc1\x05ME\x99\x0b\xf9\xbe\x8b\x0c`~\x9e\x0f\xbe`\xfe\xc6\xb5a\xcbM\x8a^g\xed\xa5\xf4y\x9f\x91sU$\xcd7\x86s\x1f\x1a\xbc\xaei\xd3\x92\xfe\xef,\xd0\xb9Jf\xbd\x89U\xa7\n\x7f(+\'\xd9\xae\xcd\x18\xfa\xba\xf9W\x1e\xb2}&amp;\xb9\xe2\xea;\xcdhb\xa4#V\xed\xf5Gw\xe5\x94\x15\x8e\xfd\x86\xbf\xda2Tq\x97\x0e]3T\xd4\xf0\xa6\x05[9\xe40\x9c&amp;\xc0v\xe7qd\x84q\x16r5\xc4K`T\x9e2kYo81D\x9a&gt;\x9b\xdf\xbb\xd3\x93-\x08\xea\xc5\x82)\xd5\xff9t\xe2\x12\xcf2F\x0f\xab\xd0\xdbR\xcb\xe8\xd6Q{\xa4&gt;\xfd\xdc3Q\xe1\x86*\x12\xcf\x8f\xc7\xe2c\x01\xbb\x8a\xdd%\x04\x9ds\xe6\xdd#\xa6\xeaZ\xd4\x8a\x08\xb7\xcb\x9d\x00\xc0\x03\xcfn\xc1\xe6B\x04m\xfe!\x90\xb3a\xd8"\xdc\xbb\xc1JnTZ\xeb\x1c\xc3\xb2{m\x7f\\e\xe1\xa2\x98\xba\xaec\x1b\xaf~\xcf\x91\x05""\\-`T\x11\x9fbB\xf4\x10\xd6\xd1n\x07E\xbb\x13\x00\xeb\x8a\xe6\xc7\x85\x8b\x1d\x98bf\x9dX\xf1\\\xac\x08\xaf\x82\x8aM\x8dVS\xba\x1a\xf2\xec\xd51\xa1b\'56TE\xfa\x01\x0e\x13x\x08\x92\xdf&amp;U\xec\x89\xde\xc6E\xc9\x19\xa0\x13G\x1da\x9a\x8f=\xfe\xa0D\xeb\x8d\xba\xd6\x0c7\xcb/\xe1 |CL\xf3\xe9\xd5\x15\xec?\x14&gt;v:\xa3#\xc2_\x9d\xa3\xa5&amp;\xeb\xbc\xc4\xd2\xe2%\xb6Ca\x99b\xe7\xe2\x11\xb4\x1d\xde\'av\x9da\x03\xdb\xa4\x03\xd7\xa6\xea\xc5\xcfhw\xbc\r%+\xbf\xfe\x1f\x83\xf8u\xc6\x17\xcb\xf1\x9ad\xba`\xab\xc0\xd8)\x7f-\x8e\xa5\xc0\xfd\xa3m\x98%\xac\n\x0f\x14\x89\x8cQ\xd5\xe0\xd9too\xd0F\x0f\x8b\xcaCk\xb5\x97\x13t\x9a&amp;\xb0\x9e\x07\xb6\x96\xb2\x08\xff\xb1\x00\xff&lt;\x14\x81\xebn\xd6\xab\x07\x9f@\xb9\xfeo\x8a9y\xc1\xb5\x01\xfev%\xe4\xc6C\xd6\r\xb4J\xe2\xf2\xc9\xe9X\x9f\xf0A\xc1H@\xe1|N\xc2\xa4\xc7Z\xf7*\x04\x197\xaa\x9czwYt\x0f\xfa\xbb\xbf\xb4\x02! \xc9\x04\xe4\xe4\xe0\xcaZ\xf4)BE\xf4\xd0\x86\xa1WCd\x17\xe6\x17\x96)\xb6T\x9f1*\x15\x01\x00\xb9\xa9\xb2$\xdb\xe1\xd0x\x91\xa9\xb2\x12\xd42\xb6\xdb\xe0\x1b_{\xef\xb7\x05PJ%\x8cfb\xa7\xd3*\xe0\x1a\x81\x96\xd9g\xa1b\x83\x16\xa7b\xb2L\x130\x9f\xd9\x97d\xf3\xe7\x9eHJ%]\x98v\t\x8b\x00\xca\xe6\x17h;\x05\'\x01\x15(P\xcbF\xa6\xe9\x84\xb7#|h\xa8J\x87v\x10\xc4\xc6\xe2\x05\xc3\x9f0\xe9P\xcdQ8}\xb5\xaa\xed\x12\x00\xef5\xbe0\xbck\xfc\xca\xa8j\x90\xdb\xf8\xf27\x01n\xd7z\x94\xd0C\x9a\x1d\xbc\xe9\xa7\xaa-\xb0\x19f\xcaP\xd08\x17\xeeB\xc7lPJ%\x18\xda\x9d\xfd"\x0bC\x18\xb2S\xa2\xcd\x94R\xafD\xfc\xc4\x13\x8d^\xce\xc9\xd8\x95j]\xc3\tF\xac\xb7)|m\x8b\xe4\xc2kTE\xe1g\x90n\xe9[]j\xb4\xb4\xda~\xd5\x12\xd1zpy\xd0\x85\xeb0\xf2*s\x84\xa4\x91\xaa\x96sZ*\xb3\xd7;o\xc7\x7f\xd3\xe4Qo\t,\xbc\xa8\xa0\x8e\xf2\x11\x11\x9fm\xd7[\x1d\x95\xfaq\x8a\xed\xfa)\xc4\xbbB\xd4\xe2\x96\xc8s\x96P\x96\x00\xc3\t\xacp\x9ai\xb1c\xc4&amp;X\xb6\x16g+\x98\x90@qk^0\xd7\x14\xec\xd9\xce\x03\x10\xf1\xb7\xb4\xcf}\xde\x9a\xb6\xe9\xaaw[1g\x8f\xb9\xd5wI[\x9f\xd0\xff\xfd\xd7\xee\x02\x83\xedyV\xc3e\x01\x98\x7f\xa98\xe3|\x9a\xf5\xdb\x8d\x88\x94\x02\xe9\x85\x87\x95[P\x1d\xb6\xf1]s\xffW\x93\x07\\yj\xfb\x15\x16\xa9|\xc1Nk\xa6\x88\x83\x1d\x0f\xef\x9d\x9d\xbd\xa1J]\x8f\xa7t&gt;\xb6r\xfb-\xf1\x1cF)\xf5[\xd6z\xaap\xf1\xe6S\xb2\x96(u\xfd\xf9\xf3\x98v\x05\xd6\xec\xc7\xe9{\xad?\xdb\x8e\xe4zY\xec\xcc\x11y&lt;6\x1ba\x0bV\x15\xbe\x9ea\x1c`\xf4\x01\xdb\x15/z\x7f,\\~l\x13,\x07#~~\x96TV\xfd\x07\xcaStqb\xa7\xe4p\xd5\xd1\x1a.\xb24\xab\x98[\x81\x1f\x00\xf0\xc8x)VE\x15\r_\xbb\xfc?\xba\xa3\x8aY\xaa\x97U\x11\xd2\xa8w\xdf\x81\xf7M\x89\x9b\x7fL\xb8#\xc0\x1b\xb6\xdfZ\xbc\xc2wM\x8cOs\x02 \x8d\xe2\x8e\xd9\xf5j\x81=\x8e\xd8t\x1c\xc7\xd5\xd6\x9ce\x13Xc\x0e\\.\xb9{8\x00\xc2\x1f\xac{t\xeb\x88\xa4\xa8\xa8tU\x8c\xbdoT\x13\x02z\xf7\x99;\xc3\xe33g\x05\x01\x07\xedk\xe3I92\xec\xaa:X\x1b\x99|\x06\\\x903Z\xb2\x1ay\xb1\xb5\xf9\'\x02 \xfc\xe1\xfc9\xa2\xcc\xe2\xe39\xb3\xbaO\x08\xbd|7\x1d\xf3\x00\xaa\xd8\xf1\x89g\xfb.\xbd\xd2\x06J\xce\xc5\xeec\xd6CZ\x88\x97E\x0f\xfa\xafA\xa7\xe6\x134\x1e\x15\xe6\xc9\x88\x88\xf0CLm-~(\xe4$\xe4\xc8A\x9b\xad\x1b\xde\xef\xed(\xa0\x1d\x04l\xa4\r,S;k8\xde\xd7\xd8G "\xdc\xb9lpv2$\xca&amp;\xdb\xee\x0e\x17\xc5\xd5B\xb5\x8b\x8d\xa1_\x05\xeeG[\xe64\xd4%&gt;\xc0\x87\xac\x9a\xc2o\xbb\xdd7o"t\xbch&gt;\xfc\xf9G\xf1\xca\xb1\xab\xf7V\xdc\x1a\xbef\xcfy\xc6\xa3j\x8bEC\xa7b\x0bB2\xcfi-\x80\x17v\x1dA\x02\x1f\xfc\xd1e;P\x81\x06\xab\x91&gt;\xa7\xfc\x00\xc8\xb6\x11(\xbd\xa2\xf4\x11[\xe4Y5\x86\xe6\x14\n\xe7?\x85\x08T{\xd0\x86%_\xe9n\xcc\xc2w\xa6\rImt\xf1\xe2\x1e\x0c\x04+\x85\xdc\xd6\xa2\x04DD\xf8\xd6\xd0\x86\x14\xd6ji\xea\xbf\x86S\x10z\x81K\\\xf4\x99[\x8eF\xe7\xa9\xfe\\\xd8m\xe3\x18\'\x11W\xbd7,K,\'|.\x11\xef\xa3\xfc]\xf9\xca\x19QWz\x88\xb3XY\x13\xf2r\xfe\xc3\xb3j\xf22\x1d\xfb\xbb\x9e\xe5\xffTM\x1e\x80\x80\x98\x8a\tX\xa3\xb4\x13\xbf6\x95+\xcc\xa67E\xba\x9e1\xf9P\x17{r\xf0\x99l2\xa4\x96\xb1\xb9\x88\x14\x0f\x13\xc9O\xb5\xcf3\x93c\xb7\xae$\x14\xbe\x92&gt;b\x8b?\x85\xbf\xa5s\xf5Pn\xbck\x9a\x18\xc3\xc6\xf79\xc2\xdcQ+\x04\xb7\xa3|\x80/\xb7~\xbf\xd6\xc6\x0f\xf27z\x19H]"\xb0\xa8\x8c&lt;P\x97\xf2\xf1R\x11n:/\xa5\xdbv\xcdd\xa2\xd8B\xe4\xb6\x8e\xca\xd0\xde\xec\xf1i$U\x94\xe6\x00\xf9d\xdb\x87~\xa0\xffF9\xe1\x959\xfb\xc36\xe4\xd2&gt;L\xa3\xb7?v\xaf\tYNO\xa8\xfd(&amp;\xbc\xaa\xa1\n\x07\xc3\xafo7\x17\xe3CN\xcc!\xc9@\xe4&lt;d\x94\xe1}\xa3k\xfd\xa6]\x01\xba\xfb\tIJ\xb8\xfe\xe6\xac\x00}v\xa2\xfcU\xb0\xb0\x953\x0c\xfa\xc0\xcc4_\xb1DT2\xbf\xed\xd5\xc9\xf0&gt;\x1f.\xd0\x05\xd1W9\xec\xdbM\x9c\xf6"\xe7\x1e\xeb\x95\xb5\xd6\xf2\x94\xa3q\xebx&gt;\xce6\x90 \xd5\xad^]\xbb~2\xfd\xa6\x8c\xd5\x01\xc3\xef\xcew\xb8\xfd7\xe2\x07\rgA\xe7\xca\x9c\xd0\x14bmu\x88\xd2\xf7^y7\x94\x10\xad\xae\xc9\x16)\xe7Rsc\x80\x17\xf9\x1f\xd4{\x82\xf7\xfe\x95b\xf6\xb1X[\'\x9fX\x93U\x04q\x165\x8c%a\xd0\x14\x97m\xc4\x82n\x80\x88uC[\xf7\x96\xfe]\xa5S\x10\xb1\x8f|\x8e\x88\xd3\x0b\xc5\x0f\xc0\xe2\xfb](\xbf\x07p\x95@.p\x1dHQW\xd9y\xb3g \xaa\xe6\x7f\xdb\xb7\x7f\x18\xa7mF\xff\xce\xba\x1c\x95]T\xa9\xf1%E\xcc\x1c4Y\xf9\xd3+\x97h^\x9bn-\x02\x87\x7f\xd1EqR\xf5\x8b\xd0\x1c\xfd+3\xebJ\xbeZ\x88_\xc2\x99\xb57\xf9I\xe8\xe9\x9a\x7f\xf05\xc0F2\xbe\xa2\x861\xa7[.,/ID \xee\x80\x14\x00\xc0=\x1b-\xda\x1dy%\x945\x92\xce\xeb\xa3\x8f\xfe\x9b\nr(\xd6\xaa\xbc\xa0\\R\x19\xcaE\x04\xf8\xfa"U\xf8\xbcb\x18\x8e\xa9\xa9g\xd2&lt;\xc8\x14e\xe3Z\xfb_4\xe76\xbbG\xcc\x03\xaeT\xdb\x0e\xc3\xa8\xfd\x96\xab\x9f\xb0\x1c\xb5{\x9e\xf6{w\x1d\xda|?\xc0\xe6\x97a\xe1Eq\x9d\x10\xb6cr\xc5([\x9b+&gt;\x91\xa72\x0cZ\x03\xe6\xe2\xb5\x86\xe8}\xab\xd3\xbb\xa3\x0b\xe4\x98\x9f\xa6/\xd2\x89\xac}\xb2@\xacP\x97\xd5U\xd2Vb\x1c\x9fr[\xac\xcc}\xae\x85\xb0m\xbevn\x97t,%v\xb3\xc9r\\9\xdf\x19\x10m\xb5A(\xc0\x07p\xae\xc1P\xd7-\xe2\xea\x9a\x0e\xc6\xd57\xd3\xf7\xffL\'3%vo\xeb\xc0s\xda\xa2\xdf\x8d\x93|\xee\xd1(\x9f\x1b;\x86\xe2\xd2qF\x02\xf4\x06\xf5P\xe6?V5\xdc\xdc\x10\xf1\x96c\x93m\xdf\xe3\xe4\x93\n\xa3\xc7\xa3\x12\x93(Jf\x96j&amp;\xdc&gt;\xa1%\xb6\xc6R\x1a\xa0+v\x1a\xfd\xef\xb5\xce2&lt;\xa5\x84\xa4\xb4_Xif%\xf0_s\x8d\xf9Y\xc2\x97\xc8\xe8_\xc8##\xf1\x8a\xbf\x19X\xb3\\N_\xb0\x979\x9b\x8c\xc5\x11\xe0\xf7\xeb\xd6(\xd4\'\xd7\xa9\x8e4K&lt;\xc7\x04\x80\xbau\xb1I\x8f\xd2c\xec9\xb7I\xaed\xc3\xa7\x90l\x9a\x9f\x07\x9a\xfb\xa5m\'\x00\xfcBh#O\xee\xfc\xad\x1a\x88\x88\x9f;m\xb0j\xe1\xdb.\x98\x88\xd1\n&gt;\x86\x08%\xd9\xd5\xd9\xc7Hm\xecY.5\x99\x84\xa5\xcd|\xe5_\\,H\x84\xa8qA\x16\xa4\xceM\xfcx/~t\xe8\xbb0\xcau\xc4\xd97\xda\x04 \xf8\xe8\x96\xe6\xb8F\xf2\xb0\xa6\x07\xe7y\xb8\xfb\xa7V\xc3\xb2.\xf4V\x8e\xcb\xf7\xd7\xed\xbdp2Y\xbc\xd8Z\x98\\\xa5\x84h\xdd\xb1(d\xf5\x80\x87\xb4\xa0\xa8\x97\x88\xba\xf2X\xae\xc8|\xd8\x04\x01&gt;.\xe6`\xe1`\xc4w(\x11\x87\xba;\xad\xd6\x83\xce\x83\xf3}19\xcef\x8b\x1f(*\xde\xb6\xf2{g\x8dlz\xa4\xa5\xf0\x9cUWX\xb0\xab\x95i{YM\xe6\xe4I\xc7x\xf7\xb4\x98\x89\xeeas\x9e\x9c7L\xa6\x97(#$\xfepN}\x82p$\xb4wl\xad\xb9\x86L\x00\xea\xe2\xeb\x9c\xb6\xb6\xa8a\x0e\x9a\x1a\xfb\xedt\xdb\xba\xbd&gt;d\xe1\xa5\xc0\x12\x1e87\xb6\xdb\x84\x93!\xf6c:mr\x11\xec\xb9\x0e\x11\xfe\x01\xe13sb\xe1\x07\x92\xe7\x0fBU\x96X\x10c\xf1$\xc34\x12\x80{d\xf7\x02\xe6\xf9\xbeXB\x8478m)\x13\x805\xfb\x89)OEk\r\xa3\xfeSus\xd4\xaf\x91!\xad;\xa1E\xf3\xdf\xd7R\x8c5\xd4\xfe`\x1d\xf4\xf5\xe6o\x0fL\x14\xfb\x8b*\xeeQ\xe9\x80\xed\xd0\x7f\xfe@\x90`E\xc3\x1d \xb1\xc0\x1a\xb1\x8e\x9d\x9d\xc1ax\x19\xb9\xfe\xbf\x1eG\xda\xc5z\xce^5\xd9\xfd\xb1vbZ\xfan=\xfc2\xb8A\x80*\xe8\xfa*G\xc9\xa6\x0c\xd7]\x1dC[\xe9\xaa\x1bN0\x9fd\n\x12&amp;5\xde\xa2\xb5 \x1a\xa4\x96\xb58\xf7\xd9&lt;GO\x95\xe7f\xed\x03\xc6\xa3\xd2\xf2\x94s\x1d\xfc\xd2}\xa7\x12\x134G\x02\x815\x92\xa9l\xd0t[\xf9\xdd_\xc8\x1b\x16\xf0\xb6\x08O\x9dO\xf0\xbd\x8d\xdc\x10#\xf6\r&amp;\xfa\xc9\xd3\xa9\x11%\x0c\xa7\xf3yY\xfa\xca$Vm\x18M\x06\xca\xb7\x8dl\x1dbU\xfe\xa8.\xcaJ\xf5\x1a\xa3\xcb4\xad\xcf\xc2\x82\x0c\x18\xb5\x12\xa9\x90\xb4\xb3\xba\xc1\x95\xecZ\xb4w\x90\xa4\x85\x9e\x11\x91S\xbak\xc5&amp;\x85.\x1fI\x8a\xdf+\xaa\x9d\x03\x08#N\x13 \xa2\x04H{\xc6L%V\xd0\xd0\xd2V\x8e\x8b\xe6\x8f\x9a.\xd8\xad\x00\x11\x9e\x1a*\xe0\xf2"\xd4l{G\xbfKu\xa8\x91\xcf:`\x88\x06\x94~\x10i\x80l\x0b\xfbz\xdb\x01\xa4\xdaR\xda\xbfC\x12\xa5-\x825\x8f\xd9\x99#\xe7\xf7\x93W\xf1\t\x06J\\\xa3\xff\xcab\x8c\xd5V\xf1v[\x93\xc7\xdcq\xd4XK\x82x\xf4\x1fRT\x81&lt;*D\xe3\xdc\xf1x\xcc\x14\xd8\x17\x04\xa3\xc1\xc3a($]9\xc5\xf5\xaa]_\x18"\xe9\xeb+T\xf7\xbe\x03Em\xf0\x05\x1a\xea&amp;[6Hl\xab`ta\xae\x83\xbd\x1c\x81\xd71\x11\xe1\xc1\xf8\xbf$\x1b\x88\x1f\x9a\xa9\x93\xb7\xb321\x15\x1b\xd7f\xec3\x04\x1c\xbbu\xb9\xac\xf7\xff\x8c\x0e\x7f\x83j\xf5_v\xa9Z\xe0\xc5\t\x92\x83\xd0+d\xceY\xda\xc3\xdd\xc3\xc7\x94\xc2\x00\xf0\x81\x9e\xd2$\x93\x12\xb17B\xaa\xaf\xe4\xfd\x8d\xb9\xec\xf3uH\x14\xe8\xd3-\x82\x86\x98\x83\x9b$\x9e\xbf\x92\xa4\xff)\x01""\xdenT\xc8E\xbbo\xce&gt;\x9e\x06"\xbc\xbe\x7f\x83\xe6`\x9d\x0eR\xf6Y\xa1\xd5[\x7f=Sw\xc6\xb1\xa5\xbc;\x94\xf3 &amp;H\x80\x91\xd2\x10\x11\xe1%\xc9)\x15\xadi\xdaZO\xff\x19\xf3f;m\xacD\x80\xb6\xab\x0bd&gt;\xa3#\xf4\xbc\x822\xd1\xf3h\xf2\xc1G\xee\x04`[\x96\xdc\x92u\x1cF\x83&gt;\x9bA\x80\xb7\xc2=\x05h?\x01h\x97x\x9f\xdc\xa8^A\xd8 =N4\x9c\xbai-\xc7\xfdh\xce\xe9\xdc\x86\xa4e\xe0\xd3L&amp;bl\t\x17\xe9I\x8c\xc2 \x8c\xa1i\x1fI\xacp\xaa\xd2\n\xf9CO\x06\xa2\x83\xc5lJ3\xe89\xad00^sc6\x01\x10\x04A\x88\x85]J\xc9\x14\xe8\xbb\x1c\x13\x00F-\xa4\x83\xcf\x04`\x94\xc6\xbdx\xdc\xd2\x16a\x95\xa2W~\xa6\xfc\t[\x99u\xb7$}.g\xbbX\xbe\x1b\x00\x02&lt;\xadv\xb5\xccb\xfc\xb8\xe9\xd4\x8f\xe5\xbe\xa6\xcavqTwB[\x08B\x13\x92c\x8dg\xce\xa4\xef\xa0I\xc8W\x16\xaf\x91q9zif\x0fr\x1e{\xaeX\x99m\x00\x92]Xhg\xa0\x12\xaf\xd1\xd8\xaf\x94(v\xc4\xb7\xe9)\xe0\xdea\xf5-n@T5\xeb\xcc\xcc\x1f\xd1\xde)H\x8d\xf4g\xfe\x06\xe2u\xf9\xb9G\xed\xf4U\x9bO&gt;j\xc34:\x18X\x03X&amp;\x00\x1cE\xe5\xaf\xc6~X\x0f[\xe9\xb4zU\x80\xaf#**\x8e\xfb6q\x8f\xad\x1a\x93\x04\xa8\x90%N\x16;8\xdfoV3\x9bmR\xe8\xbdIKE\x80+R\x14x2\xa4\xe38\x0b\x872\xf1\xe8\xb4\x0f=T\xa3NI\xc6\xc8\xa0\n\xdb\xb1 SQ_\xc4Z\x8dm\x89S\x8be\x06@\xa0\xd8\x96\x9e\xd3f~h\xd1a\x82\x00u\xa2\x8fuh\x93\xd22\x9b\x95\xa9T\x86\xb0Y\x88\xf6\x84\x0e\xc9\xcb$\x9d;\xfc\xf1"\x96ssh\x07\x82;\x15\xf1VE\xa7\x90L\x00\xbe5\xbd\xfaD\xe7\x19ft\xb7K\xae\xd7&amp;@\xed]@\xd97\x80n\rQ\x9a\x12U\xdc\xaai\\/\xd6\xb79vma\xaa\xd7(\xecrl\xa3\xb4\x0c\xbdvUW\xa6\xfa\xfacjw6\xe6\xbd\x14i\xbf\x84\x8b9e\xa4X\x9d\xe2\xda\xa6\xeb\x92\xc572\xb1N\x01\xd2\x17\x1b\xd2J\xc8\xc8Sd2p\xa0\xf2\x80\xb5H-M\x95o\xf7\xe6n\xfd!\x91\xf3\xb4T0\xf1:yi\xaf8\x8b\xd7=\xa0z2IN_\xd3\x89\xd1\xe7""~\x81\xe4\x91\xa6\x1c\xb8\xd3\xa2\xe9\x92\xcf\xd6\xaf\x97\xc11TJ\xd3\xeaU\xb2&amp;\x00t\x90M\'\xea\xd2f\x02@\xad\xf9\xb6Q9\xd4~\x97\x13O\x00N\xd5XA\xe7\x1b\xc4\xeeG\xa4~D\xd3w\x0cB\x14G\xef\xb72\x07\x9a\xab\x85\xdeC\xaa\xa8\x16\xd6\x19@\xb2\xd7=e8\xf7]\xb1B$Vw8jF}\x89\xba\xf8\xa4\xac[\xca\x04@\x10\x04!\x06\xd5Z\x80\x19\xe4$LmV\x19\\\xa9C\xaa"\xdd\xc4\xba~\x14\x00\xf4\xa7\x1f\x04\xe4"\xb6u\xb8pP\x97\x134\x10\x91&gt;|\x06_\xe2\xe0&lt;\x888\xb4n\\\xcbR\xc3\x1f\x87gn\xb6 \x9c\x94\xfeG\x8fCr\xae\x1e\xc8\x17\xd4\xac\xccK\xe7\xf6\xcb\xe2$\xeb7D&amp;\xe64T\r^~S|\x1c\x9c\x93\xfe\x84\x8a(\xed\xbf\x94\x852\xf1\'\xa5\x94\xe1\xdcgY\x16W|L \x08\r\x08\x8et\xbe\x19\x01\x8d\xff\xab\x07\x9f\t\xc0\x91\xd9\xdb\xbb"\xe9;\x14\xae\x9a\n\x9b\x03p\xc1&amp;\xc9Y\x86KgF)\xc5\xb9\x13\xcc\x87O\x88\twV\x82G\x00\x00 \x00IDAT\x82P\x89\xe0%-\xf6\xf9a\x14\x10\xe1\xfe\x088\xfd+\x99\xb2[i\x84\xcf\x85\xe3\n,k\xc4\xae\x8d\x16\xe7\xd8\x02\x94\t\xa3]43\xb3\xe1\xfa2\x99\xec\x02:+\x88x\xfc\xbd1\x9dF\xa5 p\xa2\xff}5\xc5\x182\x0ci"\xd5\x87\xc4\xeb\xfe\xb9\xdc\xb6\xe7\xbd+\x00\x05\xee\xa9\xc2\xe5\x96\xe3#/Fi\xec[N:\xaa\x00\x14\xb7\xd1?\x00\xa8\xf5\xbe\x83&gt;\xb0\xfb\x9b\\\x048\x07b\xe7\xea\xc8\xa3\x0b\x84\xde8\xd1\x08-\x8ey0L\x9aH\x15\xc0=\xe7\xcf\x9f\xbb\xaa\x91\xb0\x9eM\xadN6\xcb\xd2;\xc7\x07b\xdc\xd0\xd9\xdd\xd0)\tmE\n\xdc:\xdc\xbfP \x086&gt;\x15\xe0/\xe2\xcf\xd2\xfcm\xf8\xfb&lt;\xf7M\xd2\xd3\xc1j\x99\x99x\x81\xbf\xc0\xc9\x8c\xebs\xc0ej^`\xbdP\x10J\xd3ANkB\xcd\x11l\xe9\xba\x9c%\x16\xdd$p\xb6K\xb4\x81V&lt;\xe1\xd4H\x10\x84Jh\xf9\x85\xcf\xe0\xb8\x04\xec\x06\xdc\x93\xe6\x19\x89$\x08B25\x1e\xbd5N\xc0\x8a\x0e\x0b\xed[\x80R7\xfc\x84n\x16R\x13I\xb5\x08\xf9\xfcyk\x01\x04A\xa8\x8bRJ\xdd]\x1d}\xf4\xaf\xc1\xa6\x8d\xb3\xb6eKEKD\xfb\xe7\xe3ee\xde\x92Q\xfe\xd1[\xab\xeb\xf3\xf3\xd7E+\x9d\xaaNz[\x90v\x98D\x9aA\x8a\x0e\x9fPN\x87\xe7zQ\x0e\x11\x93\xbaDu\x82 $ =\xa3 \xd4\xa6\xdb\xfe\xfaWf\xb1o\x1a&gt;\x80$\xc09\xfa\x0f\x1e\xbc\xf6\xaa\xf1\x92\x8cj\xf9\xa9}\xcdT\xd0\xa1\xcc\xd3\x92\xda\x8e\x00\x08\xa2:A\x10\x04\x1e\xbcs\xbf\xa3\x94\x01\xc9\xb9\xe9\xa4\xbfF\xc4W;\x1c\xd5\x1cZ\x13\xdfzl\xa9\xcc~\xe8\xdeU\xe3\xf9\xc4\xd3\\b.J\xe9[p\xe4\x16\x1fA\x10\x04\xa1c\x10qod\x82\x88\xf0\x06\x80\x8f\x941\xc99\xc16/\xd9\x8d\xc2?x\xde\x8e\xc9\xa9\xf6\xcf[\xee\x01\xd8\x16\xadTP}j~\xdb\xa9D\x1a\x01\xa5u(6\x12\x84Bt\xb0\xe0tL\x02\xaeT\x0bGb\x19\x9987 (\x00\xb8j\\\xa9/\xa2\x10M`\xc1\xe0\r\xddd\x05\xdb\xe0y\xfb]\xf1\x8bZq\x1bQ\xca\\\x9e\x10\x04A\xe8\x10\xd9uP\x1d\xd9\x80zn\xf6v Gy\x85\x8cd\x8eC\x1fi\xe1\x93wV.,{\xf2\x0b\x13\xb1\x94"\xbb\xff\x05A\x10f\x10\x11n/\xc9\xb0\x1aU\xbbF\x81%\x84\x0e \xab\x99\x07\xe3-\xad\x05\xc8\xc56\x01 \xf0O\xe2\xe7\xfa\x83&lt;\xc0^\x10\x04\x01\x00\xe0\x1d\x00\x97s\xfe8%MI\x98$\x18}\x10\xc86\xd4s2zAnLIl\n\xfcX\xcdlI\xeej\xb0\xbf\x07 \x96\xa3G\x89,,\t\x82\x10\xcb\xe5|?.IS\x12\x0b\x01\xfaP\r+\xec\x91\x158\xe2x\xbf\x10\xe2\x15\xa2\xfcA\xc6\xfdBc\xec\xef\xe1U;\x87Dsa\xdc\xe1\xae\x99\xb1R\n\x10\x11^G \x12;n\xb3(Z\x9e\x9c#\x08\'\x87*\t(\xa5d\x98j\x01\x11\x93\x96\xf0\xd5\xaaK\xc4\xfd\xe7\xc3\x08\xcd\xa9\xd0\xa5NA\x86\xc8\xfcQ0}\r0R\xe3T\xd8\x07\x11\x00l\xe9K)5\r\xc3\x11@\xd5t\x98\xfaw!\xf0\xe1\x84M\x16\x04\xc1\x86&lt;g\xa6(Y\xfd\xcbi{\xa8.\xd97S\x8e\x05qz\x00\xbc\xe6\x0f\xe2\x12\x84\x88&gt;\xcb\xf0\x87\x01\xe9\x8b*\xc5em\x01:O\x86U\xcaqmQ\x10,H\x97s`\x14@GO\x95\xeb\r\xd1\xebyP\xf3\x7f\xacd\xba\x82\xc21L\xd5\xd2}K\x0fN\x88\xe8\xb3\x0cWY&gt;:C@\xa9o\x82\xfaW_\xce|\x11@\x88\xa4\x83\xa7(\xbc\xba\xd0\xa3\x1e$F\x8e\x0c\x92?$D\xfcd\xe6C\x8c\xc0\xc9\xba\x08@.\x9b\xd0\x1b\xe2\x03\xa5\x90\xf8*\n\xdf\x0c\xb6\x99\x00\xb0\x94Rh\xcf\x83\x19\xfb\xc6\xf4n\x90ba&amp;\x13\x80\xa3\x82\x88\xf0\xdf\xb4\x96\x15W\xd1\x90\xc0\x11\xb2\x91\x91Ia$&lt;\xcf\x8aL\x00\x84\xfeA\x00\x84\x8b\x96\xf5\xe1/\x92\x009&amp;\xe4\xd9/p\xc8{\x12G\x92\xd1\xbf\x90\x85L \x8b#\xfdZ\x1d\x18\x0e!6\x13\x80\xf3"\x1a\xe8\x1bqc!\r\xc4\xfb\x0fnC\xe49A~\xc8\xad\'`\xc1MD\'G\x81\xc8\xbd\xcf\xb0:\xf9\xe1\xf5\xfb,\\\xfeI\x8f\xb9\x0fy\xbf\xc0H\xe12l\x1aA\xd2A\x00\x03x\xf9Yid\x1e+d@\xec9\xe2\x87\t0\xec\x1d38F+R\xb9\x8bL\x00\x02i\xd1g\xe1\x9a\xaa\xb5w\xc7_P_\x19\x16\x853\xe4`\xc10\xb6\xe59i\xcd\xf9\x95\x8c:\xdbdj3\x9d\x1d\xc4\x88BE$/7\xe6H\x19\xf8\x14Y\xe8\'k40\xd2+z\xcb\xffm|^F\xff\xf5i\xa9\xf0\xff\xd1.\xfa\xbc\xb2~\xf5\xfdP\xd46\x15\x0c\xafU\xf1\xfa\xea\xde\xd60\xa7\xc8\x92\x86 t\xce\x91\xe2\xf7\x0c\xeb|\xb5V[\xc2\xfd\xe1w\x0f\xe3?\xa5\x91\xc5\xb2\xfa\xb4uNm\xd7\x97\xd0\x86@\xe5\xa7\x87e\xf3^\xa7]Zy\x86L\x00\x04\xa1w\x96\xf8\xfdM\xae!\xfc^\xae\x825\xe0]\xd5\xe6\x00\x81\x87I\xfe\x0fD\x14uHB^$\x80\x1d\xbd\x9e\xfaX\x0c\xc1\xb6\xaf|\x9c\xdew\x12\\\xacr\xffy\x1e\x96l&amp;\xaf4\x17\x84\x1ey\x0b\xe2\x156_*\x05Lr\xda\x9cbN\xfc\x12\xc9Q\x07|\x8cb\x12\xda\xc9\n\x83)O\xec\xc9\x07$\xe4M\xc0b\xefV\xa8@\xe5\x07\xbd\xa4xYwY\x1dzZ\xfbjZ;\xad\x0e\x9a1\xae\'}\xb7\\S\x162\xd8\x8e\xfeaHu\xec\x9c\x8a\x9b&lt;\xd5\x18sk\xf2\xdaq\xe1\xeb\xb4\xa1\x9d,3^\xd7\xc2\xa3\x86\x0e\xf3\xb4\x9e\\\x07\xb9\xd2"\xd0Cr\xe1U\x9cR \xe2\xc7\xf4N]\xfcJH\x02}\xb4\x16n\x84\x9b&lt;M\xc8\xd1\x00g\xe3\xb6\xa4\x8d\x12\xbaL\xd7_\x87\xf8\xb2N|\xa6\x1f\x0f\xefFP\x01\x00\x00~\xb3\xcb\xd0\x15\x8eK_\x0e\xd9\x97\xb4\xe7\xa0\x87\t\xc0\xb4\xf8\xf2\xac\xd6bp %\x88\xd8\xdb\xf7Lt\xb9^\xd3\x93\xcf0\x12u\x11\xe5\xd9[i$\x14\x05A8\x0b\x92\xe8x\xe2\x1c\x1d&gt;Q\x8c\xc5\x8e\xe4\x01\x83\xcc\x01x\xd0\xad\xce\xef\xdf\x95\xcf\xb4~4\xcb \x83?\xd8V?\xc5\x88\xbb.\xf3\x8b\xccrZ\xb7\\8\x11\x99^\xc7 P\x85j\xb4\xb4u|\x9a=\x07\xee\xa1\xa1\xe8\x8a\x19\x14\xd6\x11+\xb7\xa6W\x85\xcb\xbc\xd1\x8a\xfd\xf6\x17\xab\x8eVOJY\x1d\xe3\xbe\x0bu&gt;l&gt;`9ux0\xc0\xaa6\xb9\xcd\\\x18A\x84\xc2\xcf\x8e\x18|1\xf5)@\x88\xc8\xf6\xe9\x16\xc2\x91\xd0r\xa6\xa4\xc75\x96\xfeJ\xb4\xc4\x8d\xe0\x01C\xa5rN\xc6Y\x1f\xfd7\x0e!\x8cA&amp;\xb5\xcf\x0c\xca\xccR)"6\xf1d\xebS\x80\xec3\xa4\xd5\xb7\xfa\x83g\xbc\x92o\x7f[\x0eG\xf3\xcf\xbd\xa28"K\x11\x05Q\n\xe05\x85k\x98=.\xc1\x82*\xf1&lt;A\x88\xc3\xb9\xf2"l;\xf4?k$\x87 \xb0\x04\xb5\xe7b\x8d\x03\x96\xafMO#\x9d\x8dvJ\xe7K\x92g\x8e\xf1\x1aI\xb8\xaf\xab\x12\xd7\xa2\xff\xd5\xe3\xfd%\x81\xca\x91&gt;\x9b=9\xbe\'\xc6\x15bI\xf37\xb9\x84\xedAv\x86p\xc6\x1cHd\xf8p\xd11\xc9A\xd1\x83"Wu\xbdi~\xdc\xe2\x9b\xe43\x08w\r8\xd8\x97p\xa2\xb4\xc4K\xa5\xf8~\x894/\xbb\x99\x08\x11\x1f2L\x0fE\x81ei\xab[\xb1\xac\x10G\xe6\x18H\x10\xba\x83n,!\xc3\x92,\xf2TW@\xf9U\x8d\x18^\xd7}\x82\xdb\xe89&amp;\xa2i\xe2\xd5\x9d\xe1\x9f\x00,\xdf\x8bQ\x0f=D\x96\xc1\x1c\'zX\xfd=XB\xf8\x9b\xa34D(\t\xe1\xe0\xe6\xacC%\xb2\xc6\xa6\xab\xee)\xab1O\xbeH\xa6\x1d\xf9\x18\xb4\xba\x83\xf9\xc7\x93\x85\xe8m\xc7=\'VFZmD\xb5\x9a\xf0\x88w,\xa1\xffM\xef\xb3\x1e\x92\xda\x8e\x97Dx\x0f#\xa5Y\x1a;|%\xb7\x02\xb3\x81\xf5\xfdmzZ8H6(\x7f\xa7\xbe 8\xb8(\xc0\x7f\xb7\x96\xa1\x02\x08\x08H\x991\x101\xb1G6\xef\xa6\x85\xe1).8\xfe\x99"\xde\xd4\x81*\x00\x80\xb7#|(\x8bL\x82\x11O\x07\x19z\x9cK\x00\xbc7\xbfF\x9d&lt;s\x8f\x1e\xe3?\xe8B\xe3\x84\x0e\x92xP\xab\x9a\x80\x88\xfa(Pm\x9entH\xcc\xa9\xbb\xe5Nv\xa5\xed=\x8cuh\x9c\xce\xe41T2\xd6)V\x12m\xbf\xc9\xa9GFT\x19\xb0\xd6\xdb\x1c\x0e\xeaW\xc3O\xc2)7\xb3lZ\xab\xd8\xa4\x0c9\xa1K\x10\xdf?|8\xf4\xfa\x0b\xab\xeb\x1cJ)\xe3\x99dD%Np\x1a\xfd\x03X\x93\xdb\xfayJ\xfaM\xc0\x1b?\x1c\x93}\xb2\x1c\xc9)n\\\xa9\xdc\x1b\xd5_0\x1d=\xeeUI\xab\xac\x1a\x880\xec\xa9o-\x88\x9d\xcd%\x81\xfa\xde\xdc\\3\x1b\x01&amp;-\xb0\x88\xecT\xb6\x17\xe5VW6([GSVsO\x10l\xf7\x87\xcdY\xe1\x05\xa1%\x0cI\x8f\xe4Y\x13\x07\x02q\x8cA\xd1\x89\x00]\x8c^RQO-Pf\xd6\xe0D\x8d\xd8\xff\xec\x9c\xac=\x0b\xe8\xfd3\xaf\xb0$v\x9a\xa0\xa0\xb7\xab\xd2\xc6\x05#\x06\x92\xe8X\xa5\xaa\xa6\xde\x98\x8bVt\xfc;\xe2\xe5\x97\xbfh\x07\xc3Z(R\x16\x9b!\x88\x01\x07\'\x14\xba%\xf0\x8a\xab\xb9\xda&amp;.7\xef7\x80\xf9b\xf0\xe9urN6Y\xf9@\xce\xb0N\x0ey;iy\x82\xd33\xfaIv7\xe1\xe3\x10\xbe&amp;[9\xb1\xa35\xf2};\x95_i\xb2\x9d\x00\xc0QB\xa88\xfe{\x00\xac\x87\x95\xb4\xe5\xea\xb2UxE\xd9\xbb\xaa\xb4\x16\x92\xbfb\xc3\x7f\x83A-d\x02 4\x84I\x14\xb0\xe0\x88#\xa1\x13\x83\x98&lt;\x8b\xb3\x8c\xbd\xe0\xc83d&gt;K\x9f4\xbc\x00\xf1&amp;\xc6\x179M#Z+\\\xdd\xe1\x10=\x01 \xf2\xc0\xb5k\x973\xfaf\x02\x00G\x0e!ZXM\x00\x02\x85q\x9d\x9c\xbd\xc3x\x1e\xa3\x94h`\xfe\xdd)\x93x\x90\xe6\xde\xb8\x11AbD\x10\xa2!\x18\xc4d\x0c\x19\x05~dv\x1c\xf5\x86JI$\xdfk{|h\xd7\xceIFY\t\x83\xa8\xacqW\xa3\x92\x87\xe2\x87\rF\x17\xac6\x1a\x1du\x1b]iB\xccS3\r\xc4m\x88$\xf0\xad\xa2\x9b\x00\xe9\x82*\xf1\x8e*5M\x90\xe6\x7f\x82 \xc42\x86^\xd6v\xed1\xd1H\x0c\x1e\x83L;\xb2\x1e\\\x0fn~\xdc\x9b\x13\xd2\xb1\x8d\xfe)\x8b\',+\x9c\x8efz\xe3}e\xf3M\xc0\xeb\x1f\x01\x00\xee\t\x88\xf0\xe1\xe2\xbbNf{\xfb\r\xbf\xdc\x02[\xd1?n\x16}\x86\xa2\x08\x1b\xb6\x01\xb02\xd1\xf7%\x94@%\x8aP\x0e\xe9kY\xf3\xa1\xad\x05\x10\xf8\xe1\\:\n\xbc\xc3\x9b\xf1\xa8\x8b\xb1h\xd1\x94\x7f&gt;}{em\x9e\xec\xb7\xdfX\xeb \x90DQ\xba0\xa4\xaa1dS\xcb\x97z\xdd\x9b\xc8SW\x03x]i\x0b\xe1\xf4\xd4\xa3\xf6\xae\x10\r\x83g\xd2\x11\xdc\xcb!\x0f\xa0\x14\xfa&amp;\xef\xb1kBY\xf4\xfb\x94\xc4F\x82\x87\xb8\xfb^\x18\xdf\x19\x12\xbb\x0b\x88\xe9\xd3\xd8\t\x1f\xc8A}\xe3\xec\xba\xccL\t\xf3\xf7\xde\x90\xdd\xad\xa1=\xf0\x80jx\xa9\xdb\x11q\xbe\x02\xa0\x0c\xb6\xda\xc3\xd7B\x9d\x0b+\xbd.\xe1\xa9a\xd2\xf4\xa9\x8dE\xd0\xfeJ*\x82F\x12Ah\x84l\x0eY\xc1\xeaA\x99\x9aizM\xf4B\x1dFW\tt\x93q\xd8\xc21\xf4\x95zW\xc4\x95\xc9\xbd\xe7\x99N\xe1\\\xf1e\xb1\x03\x9ans\xef\xc7\xcb\x94\xc4\xcf$gz-\xf9\xbb\x99\xc9\xb6C\xcf\x9b\x1d\x8bx\xf6\x97\xf9\xa5\xfc\xf6\xc1\x19\xb5\x8b?X\xfc\xb9\xcb\xd5\xddZX\x90\x87j\x0b\xdd#\x0el@q\xe1\x9e2-T\xeaG\x84\xfe)\xbc\xe1\xa424\r\xc1\r$\xc5\xd6d\xdb\x04\x9aV\x18Y\x85 \xbd\xd0\xc9\xe6\x9b\xce!"\xc0\x97dW\x11\xc1\xd2\xae\xa8\xa6u\xedsB\x00b\\\xe1\x00\x88\x03\x1bd&amp;ms\xbc\xfe\x0f\xd6C\x96\xd4\x11Z\x8b\x8c\xfe\x85\x10\xc2\xfd\xe4s\xc6\x83\x8f&gt;\xb1\xe4=\x01\x08Q~\x99\xd1\xff"\x80\xf5sRY\xc6\x8c"\xb7$\xdfO\xb5\x8dx[M\xf3?\xed:h\xd3\xf2;\xf0\xf49\x81\n\xb1\xaf \x1c\x10D\xbc4\xcd\x04\xc0~\xc8\xaaOO\x96S\x10L^\x10&lt;\xfcZy\xe0\xa1\x9d\x90e\xb8\x05\x8a\xc4{\x02c@(\x1e?\x9f\xdc\x8f\x94\xedo\xf96c\xa5\x02b\x98{\xf3&gt;\xe7I\xa0\x82 \x84\xc5\xf8n\xce\xef\xa8G\x17:$e\x02p\x8e.\xec\xf3Y\xc5ZX\x12\xd8f\x0b\xeb\x91?XP\xd0p\xcax\x91O?\xef\xad\xe6\xb7)1\x82\x98v\xb5\xe2\x04\xdd\xc3!\x1ah5\x13\x02&lt;\xb6\xa5P\x82 \x14\xa1\xdc\xa6\xe4~s\xa0\xd0+2\x0b-\xce\x8eV\x032\x80e\xfco_e&amp;\x928\x8f\xf7\x17\xd9\x9c\xe3i`\</t>
        </is>
      </c>
      <c r="E470" t="inlineStr">
        <is>
          <t>&lt;class 'numpy.ndarray'&gt;</t>
        </is>
      </c>
    </row>
    <row r="471">
      <c r="A471" s="1" t="n">
        <v>469</v>
      </c>
      <c r="B471" t="inlineStr">
        <is>
          <t>steps_per_sec</t>
        </is>
      </c>
      <c r="C471" t="n">
        <v>5300</v>
      </c>
      <c r="D471" t="inlineStr">
        <is>
          <t>3.025245</t>
        </is>
      </c>
      <c r="E471" t="inlineStr">
        <is>
          <t>&lt;class 'numpy.ndarray'&gt;</t>
        </is>
      </c>
    </row>
    <row r="472">
      <c r="A472" s="1" t="n">
        <v>470</v>
      </c>
      <c r="B472" t="inlineStr">
        <is>
          <t>Loss/RPNLoss/localization_loss</t>
        </is>
      </c>
      <c r="C472" t="n">
        <v>5300</v>
      </c>
      <c r="D472" t="inlineStr">
        <is>
          <t>0.102694765</t>
        </is>
      </c>
      <c r="E472" t="inlineStr">
        <is>
          <t>&lt;class 'numpy.ndarray'&gt;</t>
        </is>
      </c>
    </row>
    <row r="473">
      <c r="A473" s="1" t="n">
        <v>471</v>
      </c>
      <c r="B473" t="inlineStr">
        <is>
          <t>Loss/RPNLoss/objectness_loss</t>
        </is>
      </c>
      <c r="C473" t="n">
        <v>5300</v>
      </c>
      <c r="D473" t="inlineStr">
        <is>
          <t>0.045903668</t>
        </is>
      </c>
      <c r="E473" t="inlineStr">
        <is>
          <t>&lt;class 'numpy.ndarray'&gt;</t>
        </is>
      </c>
    </row>
    <row r="474">
      <c r="A474" s="1" t="n">
        <v>472</v>
      </c>
      <c r="B474" t="inlineStr">
        <is>
          <t>Loss/BoxClassifierLoss/localization_loss</t>
        </is>
      </c>
      <c r="C474" t="n">
        <v>5300</v>
      </c>
      <c r="D474" t="inlineStr">
        <is>
          <t>0.19104567</t>
        </is>
      </c>
      <c r="E474" t="inlineStr">
        <is>
          <t>&lt;class 'numpy.ndarray'&gt;</t>
        </is>
      </c>
    </row>
    <row r="475">
      <c r="A475" s="1" t="n">
        <v>473</v>
      </c>
      <c r="B475" t="inlineStr">
        <is>
          <t>Loss/BoxClassifierLoss/classification_loss</t>
        </is>
      </c>
      <c r="C475" t="n">
        <v>5300</v>
      </c>
      <c r="D475" t="inlineStr">
        <is>
          <t>0.062638424</t>
        </is>
      </c>
      <c r="E475" t="inlineStr">
        <is>
          <t>&lt;class 'numpy.ndarray'&gt;</t>
        </is>
      </c>
    </row>
    <row r="476">
      <c r="A476" s="1" t="n">
        <v>474</v>
      </c>
      <c r="B476" t="inlineStr">
        <is>
          <t>Loss/regularization_loss</t>
        </is>
      </c>
      <c r="C476" t="n">
        <v>5300</v>
      </c>
      <c r="D476" t="inlineStr">
        <is>
          <t>0.0</t>
        </is>
      </c>
      <c r="E476" t="inlineStr">
        <is>
          <t>&lt;class 'numpy.ndarray'&gt;</t>
        </is>
      </c>
    </row>
    <row r="477">
      <c r="A477" s="1" t="n">
        <v>475</v>
      </c>
      <c r="B477" t="inlineStr">
        <is>
          <t>Loss/total_loss</t>
        </is>
      </c>
      <c r="C477" t="n">
        <v>5300</v>
      </c>
      <c r="D477" t="inlineStr">
        <is>
          <t>0.40228254</t>
        </is>
      </c>
      <c r="E477" t="inlineStr">
        <is>
          <t>&lt;class 'numpy.ndarray'&gt;</t>
        </is>
      </c>
    </row>
    <row r="478">
      <c r="A478" s="1" t="n">
        <v>476</v>
      </c>
      <c r="B478" t="inlineStr">
        <is>
          <t>learning_rate</t>
        </is>
      </c>
      <c r="C478" t="n">
        <v>5300</v>
      </c>
      <c r="D478" t="inlineStr">
        <is>
          <t>0.039888192</t>
        </is>
      </c>
      <c r="E478" t="inlineStr">
        <is>
          <t>&lt;class 'numpy.ndarray'&gt;</t>
        </is>
      </c>
    </row>
    <row r="479">
      <c r="A479" s="1" t="n">
        <v>477</v>
      </c>
      <c r="B479" t="inlineStr">
        <is>
          <t>train_input_images</t>
        </is>
      </c>
      <c r="C479" t="n">
        <v>5300</v>
      </c>
      <c r="D479" t="inlineStr">
        <is>
          <t>[b'1024' b'1024'
 b'\x89PNG\r\n\x1a\n\x00\x00\x00\rIHDR\x00\x00\x04\x00\x00\x00\x04\x00\x08\x02\x00\x00\x00\xf0\x7f\xbc\xd4\x00\x00 \x00IDATx\x9c\xed\xfd}\xf0=\xef\xff\x10t\xed~\xfd\xa20x\x97\xa4\x86\x1aBb\xc1Di:C\x94\rc\xa3Xcfc\n3\x91\xa9M\xc3\xad\x98%"\xa1\xa2)Qie4S\x93\x94\xcdTD\x13\xf1G\xe64\x19\xa3i\xd8T\xa8\t8\x95%\xc1\x8c\xdd\x80\x98\x95 #\xa3\x10\\\xfdq^\xe7\xbc\xf6\x9c\xb3\xbbgo\xae\xeb\xda\xe7\xb5\xfbx\x0c|\x7f\xef\xcf\xfb}\xce\xee\xf3\xba\xd9\xebn\xaf\xdd\xd3u\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d0\xbe\xfe\xe8\x00\x00\x1a\x96R\xea{\r)\\NJi\xf4\xefs5\x08\x0b\xdb\x96a\x18kO\xfd\xf8n\xdf\xf7m5e\xb7\xc8\xe7\x03~\xa4h\x98\xcc%\x87\x9d\xfa\xe4\xb2\xe3|}\xaa\xef\xbb\xd11\xf6T\xe4\xc3\xbf\x9f;QJ\xdd\xf8\xd9\x1f\xe7]Z\x88?X\xf89\x00\xde5\xd4e\x02\xb9L\r\xbbw6\x08S\x93\x8a\xdb?\xee\xfb\xfa\x07\xf3\x83\xda\xcd\x87]\xeb5\t;R\xd4\xcd\xce\x8eRJ{\xb2k\xfa\x8c\xb7suS+\xec}\xdf\x8ff\xf5\xed\xafSJ\x8f\xdc\x1e\x9d$LE\xbc!)&amp;\x00@\xa9\xa6\x10\xe0\xdcn\xa3\xb4\xfe\xae\xe0\x99&amp;Z\xe8\xfd\xe7]\xf0\xf5~U\x07\xb1\xa37y\xbd\x0b1s\xa0\x85\xa9\xde\x10\xcc\xd4q\x17\x9c\xf1_\x7f\xff\xfa\xb6\x12\xb9\xcd\x01\xb6|\xbfF\r\x04\xce\xc7\x04`\xb3\xebe\xdd\xa5\x12\x0bm\xd8\xd0\x10\xa5\xbb\x85\x1f\xee\xba\xf4Xg\x1e.T\xef\x8f\xe4\xf5D\xb3_\xbf\x1d|\xdd)V\xcf^&amp;?\xff1uu\xbb\x83]\xe7r\x07\x00\x80\xe5\xac0AD\xdbV\x7f\xd7|\xa9\xef\xee;\xd4\xfb\xbe\x9f\xd9\xe22\x7f\x94\x991t\x1a[\xfd\x1e~xjs\xfc\xf0\x98#\xc7_\x9d3s\x9f\x9fO\xe0\x86\xc70\xa62d\xc1Tj\xc5\xb9\xde\x0f\xf5\xc3\xe5_\x06\xce\xca}C\x80\x13X\xfe,\xef\xeb\xc7&amp;\x9f.}\xfdp\xb9\x1dG_\xbb\xe0\x07\x81\x0c\x933?\x1a\xde\x16\xd4{v}\x18\xdfo9\xc9g\xf3\x87\xfdz&gt;\xb8\xdb\x9a\xc8\xdb)\xde\xbe\xea\x0e\x00\xc0f\xe7\xda\x0f\xf3\xe7\x9d+9p\x19\xfb\x1f&gt;\xcex\xf1\xdf\xde)\xb4\xfd\xcb\xd3\x93\x8d\xbe\x7fO\xe9\xe3\xe59\xfd\xf3\x7f\xbeJ\x03\x1bc\xebv\r\xc1\x0f8\xec\xf39\xca\x9f\x02`\x81\x13l\x9d\xbf\xde\x03\x00A)\x08\xd8,\xfb\xe5\xb3\xea\x80\xcbw\xd5O\xed\x93\xe9f6\xff&lt;\x7ftaH\xd1\x14j\xdfl\x01\x02\xd8\xc8\xd6)\xa0\xb0Tz\xed6N;\x96\xc6\xde\x91\xff\xf9\xa1\x82\xae\xeb\xdev\xf2\x8c&lt;-\x10&amp;\x99k\x15* [\x80\x80c\xc4\xe9u\x00bjt\xd9zy\xf3~\x7fye\x1a\x1d\xfd\x0f\xa4\xc1\xff\xce\x1f\xea)\x00\xf7\x06\xa7\x98\x00\xc0\n\x9a\x12\x08\xc8\\\x92\xc3\xfd\xd7\xca\xf4\x0e\x9b\x17Jr\xec\x1b\xd9\xf8\xf5\r1/\x88\xb4\x1f}\xf5\xd0\x8f.\x10LQF\x11\xd0$[\x8d\x01\xceho\xc3\x1e\xadk\xd8\x1fO\xcd\x14\xed\xe8[\x17}\xf1~\xfcR)\x8aV\xfa@~\xaes\x80\x93\xb9Z\xc3\xbep\xd0\\!\x92\xc7\xd9\xca\x1e}\xff\xfb\x7f&gt;\x1d\xff\xe3\xdf\x14:\xd1f\xb6\x00\xc1:\xd1\xee\'\x02\x8d\xc8\xf1\x16B\xc8\xe5\xd3\x98\xb5ng\xd7v\xc7:\xcc\xab\x85\xd7\xf8\xb6v c\xa1\x98\x00\x00@q\x86\xfd\x91]qe\xe7-\xc9\'\xce\x84\xef\xa4\xed\xb8\x0eW\r\xd9?f\xe6\xfe\x9fn\xd8\xf3\xf5\xae\xf5)\x17\x00\xc4w\xe8\xda*\xd0uk~&amp;\xb9\xc4\xd7\xa3q\x07\x00\x00"\xb0;\x08\n\xda9|\x7f\xfdz\xc9\xa7\x8a+0\x01\x80\r\x1a\xbe\xe6\x81\x80\x1e\xdb\x86\x8f\x9a\x03\x98{\xc0\xac\xb7\xf9y\xdf\x1d\xb9\x8ffv\xfa\xb1\xe4r6\x01\x80\r\xces\x13\x10\xa8`\xf8\xfbD\xef\xcb\x90\x11\x06\xdfg\xda\xdb\xc0B\x11*^+\xc6\xb2\xea\xc8K&amp;}\x854^\x82\xfd\x1f\xf7\xf9\x08.x \xaef\xf6\\\xa6\xe4\xc7\xa8\xd8\xe6\xf5\xf1\x80\xce\x0f\x9bQI3\r,o&gt;\xfdp\xf2g\n\x1e`\x97\xe1\x00No\xca\x94G=y\xa9$\x9e\x0f\x06j\xba\xb59\xb6\x00\x01\xc01\xec\xc1\x00\x0ea\x02\x00\xf0\xd9\xd7o\xbb\x18\xae\xb1\xd5c\xf3\xff\xcc\xa0\xdf\xf2?PA\xffK\x8e\x8e\x00\xa0\t\xe9\xd9\xf7?\xfc=/\x7fo\x86\xc0\xbc\xaf\x1a\x92\xde\xa8&lt;Ms3\x87&amp;&lt;\xba0\x8b\r\x00\x9f\xbd\xf7\xee\x8f\xc5Z{\xb8sJ)-\xc8\xc3\xfd\x0f\xc0\x05\x90n]\xf0)\xd2\x82\x07j\xe7\xc8\x9cPn\xc5a\x0b\x10\xc0j}\xff\xfb\x07\x7f\xd6\xb1\xe53\xf6\x96\xcc\x89O\xb5\x9e\xeds/\x06\x853\t[\xc3c\xde\xb7)\x1d\xd5\xad8L\x00\x00&gt;{\xeb\xbf~\xf4\xc4\xc7\x82\xf6s\x00\xbc\x88\xd9b\x17\x8e\xeaWx\x0b\x10\xc0r\xfd\xe3\xff\xc4\xec3\x80\x03i\x16h\xc4\xbfQ]\x05X\xe7\xf9\xcel\xea\x06\x8fr\x1e\x15\x12\xb0\x8f\x8bw\x92\x96\xadu\xba\'\x80\xac\x8c\xfb\x81\x96}n\xbe\x1al\xe24\xcb/\xe6^:\\3\x0e\x00\x00\x8eu\xcawOM\xfd\xd86\xa3~xt\x00\x00\x00Tu\xcaQr\xdf\x8d\xbc\xb1\x01\x00\x008!\x9b\x7f\x00\x00\xe0*\x8c\xfe\x01\x80\xae3&amp;\x00\x008\x07\xa3:\x00\xd8\xc3\x0f\x81\x01\x00\xc0\x85\x98\x00\x00\xedq\x13\x00\x00\x00.\xc5\xaf\xbd\x9c\x9f"\x8eF\x89\xc0i\xb8\x03\x00\xb4\xe8\xf6\xa6g\xc3\x913;\xe5{\xca\x01\x00\x00\x00\x00\x00\x08\xcf\xb6(\x00\x00`\xc8\x0c\x01\x00\x00\x00\x00`\x8a]\x16\x11(\x05\x00\x00*1\xf4\x04\x00\x00\x00\x00\x00\x00\x00\x80\x13\xb0\x11(&amp;\xe5\xd2\xdd~\x99\\&gt;\x00\x00\xb4\xc3\xd0m\x83\xb4,\xdf.\x93\xb7&amp;\x004\xe5\x07G\x07\x00\x00GJ\xc92\xf6j)-\x1a\xf1^(o\xfb\xfe\xe8\x08`\x85\x1f\x1e\x1d\x00\x00\x1c\xa97t\xdbD\xbe\x01\x00PV\xd3k\xc9M\x07\xff\xeed\xc9\x01\x00 \x1c\xcfY\x02\x91\xfceG\x07\x00\x00g\x97\x16\xee:\x07(\xef\xf0\xf5\x88\xc3\x03\x80kq\xc9Ae\x19/:\xb7\x11\xf6\x93\x81\x00\x10\x91Q\x0eg\x92\xbb2/&lt;\xda\xd2\x93\xba\xd6\x80\xe6x\r(\x00\xa1\xe5~\xdb\xcc\xc2\xa3-\xfa\x98\xd1?\x00\x00\\\x8c9\x00\x00\x00\\\x8a\xfb\x00@[l\x01\x02\x1a\xe2\xd9\x06\xc2\xb9\xd7\xc9\xb1\x9a\xa9\xba\xb2\x98\xc6\x8d\x8cT\'\xe0&lt;~\xf2\xd5\x1fn\xber\xdac\xbbt\xb5\x04\x00\x00\x00\x00 \xaf\xb6^\xf6\xdaP\xa83\xce\x91\n\x00\x00Ze&lt;\n\x00\x00\x80\x99!\\\x99\x16\x00 \x9e\xa9\x95{+\xfa\xec\xd7\xd6\xde0 \x934\xf7F2\x00\x00\xe0LL\xfb\x01\x00\x00\x80gV\x0b\x00\x00\xe0R\x9a\x99\x00\xa4\x94\x1a\x8a\x16\x00\x82\xfb\xc1\xd1\x01\x00G\xe9\x8f\x0e`\x05\xb7+\x80\xebp\x87\x16\x00\x00\x00\x00\x00\x00\x00\x00\n\x99\xf9\x11\x0f\xfbv\xe2SL\x0f\x9e\x01\x00\x00X\xa4\xef\'\x9f\x9e\x9a\xf9\'b0\xf4\x07\xd8H\x03\n@{,\xff\x03\x8c\xdf\xc8\xd6&gt;\x02\x00\x00\x00\x00\xc0\x9b+\xac\x9d_!\x8d\x00pn\x1e\x02\x86&lt;\xae32\x8e\x93\xd28\x91\x00\x00p9v\xcf\x03\x00Mp\x07\x00r\xf8\x9d\x86\xfe\xadS\x82\x00,b\xbd\x0f\x00\xe0\xfc\x8c\xf9xP\x19\x80\x8b\xaa\xd3\xfc\xb5\xd8\xc8\xb6\x183\xf0\x91K\x1b\x00j\xf0d\x05\x00\x00\\K\x83\x13\x80\x9a\x017\x979\x00\x00\xcd;\xdb\x12\xf5\xc9\x92sbJ\x8a\x15\xd4\x16\xae,@\xfd\xd7b\x03\x90\x81\xfdQp&gt;.\xea"~\xab\\\x05X\xe9\xbc\x03\xcd\xe6\x13\xb5\xa4\\NZvpN.X\x00\x00\xb8\x90\xf3.\xb8\x10\x8b\x1f\x02\x03\x00\x88\xa2\xef\x8f\x8e\x00\x80m,\xe1\x00\xda\x01\x00\x00*1\xf4\x04\x00\x00\x00.\xc6j\xc8\x98\x1f\x1e\x1d\x00\xf0.u\x9dM\xa0\x00\xb0\xdd\xe3F\xa8\x0e\x15(\xc8\xdb\x1b\x00\x80\xf8\xbc\x05\x08\x00&gt;0\xb7\x07&gt;\xd1J\xc0\xf5\x18\x1fp\x1cu\xaf,7\xf78\x8a\x8a\xd7\n\xad\x04\x00\x9cJ\xfc\xae=xx\x00\x00\x00\xb4\xec\xd4s\xce+\xcc\xa8=\x03\x00\x00\xc0\x1a\xe7\xfd\xbd\xe2+\x8c\xfe\x01\x00\x00\x00\x00\x88\xe7D\xeb\xd3\xa7I\xc8\n\'*&gt;`\xc0\xb5M\x1dj\x1a\\\xd39\xae\xfds\xa4\x02\x00\x00 \x84\x8fS,\x0f\x01\x03\x9c\x84E5\x00\x00\x00\xd8\xc8\xa4\x9a\xb3r\x07\x00\x00\x00\x00\x80\xcb\xb0\xd0\x0b\'\xe0B\xee\x16g\xc2i\x7f\xc7\x01\xea{\\u\xfdy\x7f!\x05\x80\xa6\xdd\xba*\xfd\xd49\xa5\xb4\xf07\xdal\x01\x82#\x9dr\xb9"\xa5t\xcat\x1dN\xc6\xc2\xa55{\xf9k\xb8\xea1\xaf\x83C\xa4\x94V\xb5\xd1\x86t,\x97R\xfa\xf9j\x0b4K\x83\x0f\xc0\x97\xbc\xfd\x81\xde\x05 \xa8\x94.\xf6\xf3\xb7\xbf\xec\xe8\x00\x00BJ\x9b\xfb\x03\x03}\x00\x00h\x90q&lt;\x9f\xb9\xb1\x03\x00p\x8c\xb5[\xfc\x01\x00\xa2\xf1\x16 \x00x\xe2\x96\x0b\x00\x00\\\x89\t\x00\\\xd8\x15\x96\x00\xdc\x01\x80]\xae\xd0LP\x89\xba\x14\x87wiS\x86.\x03\x00\xf8fd\x00\x00\x00\x00\x00\x009Yw\x07N\xe5d\xb7\x13O\x96\x1c\x00\x8e\xa7k\x01\x00\x00xa\x9a\x04\xb0\x85e&amp;\x00\x00\x021&lt;\x05\x00\x00\x00\xc8\xa1\xda*\x8b\xe5\x1c\x00`\x86\x1f\x02\x03\x00\x00\x80\xfc,\xcc\x03\x19\xa4\x94\xdc\xe8\x03\xf6p\x07\x006\xd8\xd2\xf5\xea\xaf\xd9\xc08\x8f7\xaa\x04\x00\x00\\IJi\xeb2\xc4\xe7o\x99s\xc2\x15\xb8\x03\x00m\xd3[\xc3%\xf5\xdb\xbe\xf6\xb1\xc5\xe8\xfb\x8dG\x06\x00V\xd8\xb7\xa3\xd7\x04\x00\x1aU\xfb\xe2\xdd|\xeb\x00\x00\x08d\xc3\xe4\xc1M\x03NI\xc5\xbe\x99\xc9\x07Y\x14\xdfQOx\xab\x1b\x00-\xf1&gt;\x10\x80\x13\xf9\x91\x07\x9dW?\x02\x00\x00\x00\x00\x00\x00\xd0*{\x87\xd8I\x15*B\xae\x02\x00p\x02f\x0b\x0by\xb0\x07\x00\x00.\xc4\xe8\x1f\x00\x00\x00\xc8\xc6\x0f\xfeA \xb7\x95?\xbf\xc4y)/\xcb\xbdS\xa5\xffU7\xba\xae\xeb\xfb\xdb\x7f\xaa\'\x00l\xa3\xff\x80@\xeaO\x00\x8c#\x8f5\xbf\xd9\xe3^4\xe9\x0f\xa5\xee\x8f\xe8\xbf\x1f\r\xed\x07\xaf\xecV|\x00\xac\xa5\xe7\x80sK.\xf3\x90\xb6l\xf3\xbe\r\xf5\xdf\xbfh\x0e\x00\xc0*\xba\r8-\x1b\x8ab\xda\xf3\x88g\xdf}\xad\xff\xbf\x1c\xa2\xff\xfa\x07\x00\xf8\xec\x07G\x07\x00\xbcJ)e\xf9U\xf6\xbe\xefO&lt;\xfa\xbf\xe6\xab\x12\xd3\xc4;\xe2\x7f\xd1\xe5r\x829g\xbf4\xce\x9d:\xa8\xe1\xb4\x83\x03h\xd4\xa3\xe7&gt;\xf1\xd8=\x8b6\xefo,\x1d\x98\xf5c\xcb\xfc\xf3\x9f\xbf\x1d\xb9\xb5\x0c\xa1\x88\x13?\xdbs\xe2\xa4AM\xee\x00@,\xfd\xdd\xd1\x81D\xd7\xf7\xfd\xaf::\x86U&gt;\xde\xb1\xf8\x7fv]\xdf\xdf\xfe_\xdfu}\xd7\xf7}\xff\xc7,?\xbej\xc3\xc3\x89k\xc2\x89\x93\x065\xb9\x90\x00j\x98\x1a\xfe\xdf^\xe9\xd3\xf7\xdf\x7f\\\xf2\xad\xa7#x\x00\x00\x805\xdc\x01\x803\xcb\xf58\x01;\x8d\x8e\xe3\xbf\x16\xfb\xbf\x16\xee\xfb\xcd;\xb7O\xbe\xdf\x1b\x80\xdcL\x00\xe0\xe4R\xea\xcc\x01\x8e5&gt;\xfa\x7f\xfc\xcf\xfd\x0f\xa3\xe3\xf8\xc5\x1b\xc2\x141\x00K\x99\x00\xc0\x99\xf5\xfd\xbfp\xfb\xbf\x07\xc7qa\x93\xab\xfao\xa3\xfa\xb9q\xfe\xa7\x02t\x13\x00\xd6p\xc1pu&amp;\x00\xb0Nk\xef\xd7\xfb7xf.\xa0\xfe?&lt;\xfc\xaf\xd4u\xbf\xf4\xeb\xef\'\x0b\xebs1\xfeB\xdb\xbd\xce\xa5\xb5\xa6\xa6-ZE\x00\xd6\xd0+\xb3B\x9a\xf3\xf2\xb9\xc7\xf0\xfd\xe5_\x1f\x7f\x9e=\xd8\xf0\xb0\xffH\xbd\x04R\x8c\xa6\x06(\xc7$\x18.\xc4+\xb4+\x9b|\xf3O\xdf\xa5\xf4\xb4\xaa?\xfcY\x83\x99\x9f8\xf8\xfa\xa7\xdb\x9f\'N\x9a\xbb\x88__L\x04@\xebl\x01\x82\x0b\xb9\x8d\x0c\xffn+\x8b\x07\xb9\xe5\xff\xaf\xbbo\xd9\xbf/\xd8\xa7\xaeK\xf7!\xf6_\xdd\xcd\xbe\xd1\xff\xf6/5\xcbOe\x01\x00\x80\xe5\xfe\x93O\x9bs\x06\xffo\xb0cg\xf5\xde\xfd\xf4|\x84\xd9\xcdE\xfb\x99\x01\x00\x9c\xcd\x0f\x8f\x0e\x00\xf8b\x7f\xce\xc9\xbc\x0f\xc4o\xff\xdd\xf7\xfd\xf3\x16\xffn\xdd\x0fy\xfd\xa2%/v\xcd\xb8oG\x9d\x04\x00(\xa0\xc0\xc2-\xc7\xfae\x13k\xf3\xbf\xbb\xebF\x9e\xe7]\xb4\xd0&gt;\xdc9\xf4I\xd9\xc4\x01\xd02K;p&lt;k\xff\xa7\xf4&gt;\n\xbf\xad\xf4\xbf\x0f\xce\x17\x96\xfe\xaaa}\xbf\xee\xb6\x02\x00mH\xd3/\x8aX\xceC\xc0p&lt;\xa3\xff\xab\xf8\xc1\xdcB\xff\x87\x95\xfb\x95\x8b\xfa\xbb\xef\x01\xb8\x87\x00\xe7\xe0Z&gt;\xa1\xfd\xc3\x06\x13\x00\x80J\xd2\x1f\x9e\xf9\xc7\xff\xf7\xe3S\xe3\xdf\xcd\x1d\xcc\xbc\xdbc\xc6u\xcfY\x90mQ\\\x98\x05\xa6\x1026AY\x16\rM\x00\x00\xf2\x1bm\xeb\xfb\xb1q\xfc\xd7K\xfd\xd3\x8f\x999X\xae\xa8\xbe\x8f8\xdb\x15\x9dr\xacl\x10\x04\xb3~\xcb\xd1\x01\x9c\\\xc6[\xfd\xd3+\x1a+\x9an\x13\x008\x11\xcb\x9ca\x8c\xb7\xf5c\xef\xf7O\x83\x01w\xff\xf8\x9f\x97Ot\x7fZ\xc6\xd8&gt;V\x92\x99\x8e\xaa\xd1\xa5\xf4\xbe\xef;\x1b\xedh\xc7\xe6\xab\xec\xe9\x8b\xeb\x0e\xf2\xef\xd8vF"Y\xd1\xcai\x10\xa1=\xcd=4\xdc\\\xc0Y\x8c&lt;\x04&lt;\xf8\xa1\xdf)cS\x84\x8dc\x81\xbe\xeb\xb2\x8fz\xb3&lt;|\x06\xa1\\\xb3\x81\xe2\xe2\xdc\x01\x80\xf64\xd7W5\x17p\t}\xd7\xdd\x16\xf3\xfb\xe7\xbf\xec\xfb\xeeG\xdf\xb3h\xe2\xbe\xc1\xc63\x96X\xa8\x9f\xf9\x95\xe2\x98Z\xbc_AemU\xe9\x9c\\\x1d\x17f\x02\x00P\\?\xf8\xffo\xab\xf2\xfd\xef\x9f\x19\xfdw]\xd7\xfd\xd1\xdb\x86\'\x97\x1d\xd5DfBB \xda\x88\x0b3\x01\x00(\xee\xe5\xc7{o\xcb\xe8\x13\x9d\xef\x9f\xf0\xf67\xff\xca\tvk\x1e5\xf0\x8d\xb6\xb8\x1b+\x1a\xae\xc7\x14\xb4\xb2\xb0\x19\xae-\x82\xb6$\x97m+\xc6\x9e\x01\xe8\x9e\x8a\xef\xfe\x89O\x9b\xf57\xf6 ~\x0b\x8c}\xb46gS\xe1\x19\x1e\x0fT\x0cE~h*bL\x00/"7\xa33\xa6\x9e\x03~\xff\xc8m\x0e0\xfc\xfc\xf3\xac`\xcb\x1c\xa0\xb9\xec\x02Zg\x02\xd0\n[\x80\x806\x9c\xb4O\xf9J\xd5\xfb\xf0&gt;\x8d}l\xc5q\xcf\x99]@hF\xffa\xbd\xbc\xc4Y9\x01,\xb2me\xebe\xe9~f[\xce\xfc\'\xd7\xde\x02\xd0\r\x03\x15\xa5\xee\xfeV!\x8dO\x13\xdc\x01\x00Xd[\xa7\xf6\xf2\xad\x94&amp;\x7f\xaf\xad\xff\xfa|\x7f\x7f\xd5\xe6\xf0\x9bA\x1f#\x03\xca\t\xfb\xfc\xe8\x98\xde\x9ar[\x94\x16\xac\xe5\xc18\xd6\x99\xea\xc5\xa7\xd7\xc9\x1eul\xeb\xe3\xbf\xdd\xe7\xf9\x8a\xad\xba\xd0\xbapWqJv\x1f\xb6\xc2\x1d\x00X\xa3\xa5\xf5\x18B{\xee%\xd3\xed\xff\xdd\xf7h\xde\x1f\x0c(Y\xddv\x8e\x1b"\xafM\xa6\x89{,\x10\xcf\xb9*\xaa\xd1\x7f;\x14\x15@q\xe3{~\xfa\xf1e\xfe\xdb\xe6\xff=#\xd8%w\x00v\x8a\xfd^&amp;\xb7\xe9\x00\xe6\xb8\x03\x00P\\\xdf\xf7}\xff\xe7\xbe\xfceJ\xe3K\xd5i\xdf\xda\xff\xcco\x8c\x15\x11q\xad\xdd\xe8\x1f8\x8f\x12\xb74M\x00\x80\xcc\xec\xbe\x98\xf0\x9b+\x9c\xa3\xda\x92\xfc\xfdI\xe5\xd7\x9f/\x08"`H\xc7\x93\'\x07Q\x1bk:\xdf\x0e\xc0\xaf\xe4\xfcW3\'\xca2\t\x90Y\xb8\xe7\xd2")\xda3\xf9\xe9\xdf\x9b\xd8\xdb\x93\x80\xcb\xda\xb2;\xb1P\x83\xa6}\x04\xa8/u)\xdb\xd3\x7f\xf7~A{\xfe\xc5\x14\x94+S\xffY\xc2\x16 \x80\xfa\xb6w\xcf_\xbf\x11\xd0\xffW\x9e\x7f1@\x7f\xff\xcd\xe8\x87\xcb:\xd9\xee\x17\x008\x9b\xb4\xd8\xcf\xbd\xedj\xd5\xb5\x03\\I\xb9G\x1a,\x93\x00\x1cl\xa6}\xef\xbf\xff\x7f\xe4W[F\x8e\r\xa0\xac\x94R\xdfu\xdd\x8f\xed\xd2?\xdfu\xf9nB&gt;\xba\x06w5!,K\xb3\x93\xee\x0b\x18\x7f\xd1\xd1\x81\xb4!=\x16\xfb-\xf9\x03\xb4d\xe2\xd5\xce\xfb\x0e\x98\xefh\x00\x15=\xf6\xb1\x1c\x1d\x084\xe6\xacW\xcdY\xd3U\xcd\xcf\x8d\x9a\x81\x17/Y\x9d\x1d\xc07m"\xd4\x14\xfcq\x91\x94\x92[\xa6;iQ\x03\xfao\xb4\xd6\xd3\xd9T\x04\x94u\x7f\x87q\xa7\xc1\x81\xf2\xbeF 6\r\x9f\x95}\xe1ay\x01+PP\xf0\xe5=\x80\x87\x86\x16D[\xd1\xfc=\xd5v#?\x17\xbf\x03\x00\x8d\xe9\xfb^\xf3\t\xef\x1a\x1e\x12M;e\xa2\xb2h%g\xb2\x0f\xd6\xbfW\x98\x1b\xc9\x81\x17M\x06\r\x10D+\x9d\x1f\xb0Y\xdb\x0b\xbd\x94\x94\xe5V\xb0\xdaue\xf6*\x01@,\xc3\x91\x99]\xc5M\x0b\xbb/\xdc\xb3\x04\x00p\x06\xd6\xf3N\xc6\x1d\x00\xcaQ\xbb.\xce3\x00\x00g\xa0/?\x9f\xbe\xdfw\x9b^\x958\xa3\x94\xd2\x8f\xceQ\xb2\x16\xfe\xa7\xb9p\x00h\x84\t\x00\xc0~\xdaR\x00\x00\x98c\xc4\xdc"[\x80\x00\x9a\xa4\xd3\x05\x0e\xa7!\xcaL~\x02\x1fiy\xafM\xe9\x03{\xed~\x1a\xf8_\xcd\x16\n\x15\xb9\x03\x00d\xe6\xe5\x12u\xc8cj:\xdfu\xfd\xa3\x9aKN\x81"\xc8q\xc0\x1f\x99!\x0e\x00\xe0\xa3\xf3\x8d\xc6\xa0\xa6F/\x9f\xbca\xa7\xbb\x8c\xc7\x04\x00J\xc9\xf2;\xa0\xc0\xe5iF\x00\x00\x00\x00\x00\x00\x00\x00\x00\x00\xa0\x00\x0f\xea\xc15\x9c\xe9J\xf7\x84q\\^\x03\nD\xe4\xdd\x14#d\x08\x14\x16\xa0\xe5\xe9\x0f={^gJ\xcb\xd9\x98\x00@P\x8fN\xe8\xe8\xde\x88\x10\xfa\xbe\xefz\xbd)\x14\xa4\xd5\x9d\xb7-[dfL?&lt;:\x00`\xc4\xad\xc5\x1c\xf6F}\xdfYM\xe1\xbc\x92\xea\xcd\xe1\xfa\xaf9\xb6\xda8b\xd38&gt;u]\xd7\xff\xb5\xd9c\x018\x8b\x97\xb65=;\xd7\xae\xd0E\x02\xdc\x88\xe7*\x9b\x8e\xd44X\xa4\xd6\x95\xe2\x92\xac\xc0\x1d\x008\xc0\xb0u\xeb\xfb\xfeW\xdd\xd7\xfb\xfb\xae\xeb\xfa~l\xb8\xdf_mQ\xaa\xb7\xdd%\x82\xa0\xa5\x90\xf9ZP\xd9\xb8\x9a\x94\xd2\x96j_\xebJqI\x02\xa7\xf4\xb2\xba\xff\xe1\x03\xcf\x1f\xfe\xbf\xd5\x0e\x16r\xc9\xb6\xaa\xe7\xee\x10T\xf5\xb2+u\xed\x97/x\x13\x1b\xe0\xc9\xd8\x98~\xf2\xb3\xffhJ\xa3s\x81z\xe1\x1e\xe7"\xc9\xe4\xe6\xa0\x8a\xad\x8eq6\xc5\xae\xa3\xed\x13\x80\xfa=W\x93\xddG\x8b1\x03\x0bM,\xeaO]\xf6_\xff\xfa\xee\xe7\x9e}\x1ap\x9dy\xce\xd0\x05\x93\xfcp\xcd\x12\x87\xb6\xec\x99\x00T\x9bokL\x80p\xc6\x16\xf2\x1f-\xe3[\x83\xf5\xcf~\xfd\xcd\xaf\x1c\x9d7\xa4t\xd6\x05\x03\xcd\xf7\xd0hV\x9c0\x8bN\x96\x9c\x0b8[\r|r\xba\xeb\x0b\xdex\xcc\x02*y\xefQn\xcf9=\xfe\xfe\xedE\x9f\xdfO:\x8e|w\xf0\xffwF\xe5q\xab\xc8\x14\x10Q\xa5\xae\xeb\x8f\xa8\x9f\xc5_\x87pko]w\x9c\x9b\x1f\x02\x838&amp;\xfb\x9b\x91\xae\xa8\xef\xb3\xf4\x82A:\xb9\xec\xebm\xa7Y\xc0\x0bR@\xc5\x9d\xa5\xbc\xae\xe4\xf6\xd2\xb2\xd7\xfaY\xfe\xf6T\xf1+\xa2\xef\xfb\xab\\w\\\x98\xd7\x80\xc2a&gt;\xad3\xf5/\x9f&lt;1\xdd\xed\xd5\xa9\x00\xa7p\xfa\x96\nN\xc3\x1d\x00\xa8a\xb4_\x9c\x1f\xf3\x0c\x17\xd2F&gt;\x18\xa6\xa3\x8d\xd9\xe5\x9bQD\x11\xb2zP\x94\xab\x8f\xe6\xc4\xec\xc8\x8a2\x01\x80\x1a\xa6z\xc4\x99\x9e\xf2v\x1b\xfak\x1a\xf0~\x9f=gtPL#c\xc1\x0bv\xff\x85\x18\xfdw\xaaS\x83.XoM\x00\xa0\x86\x89w\xb9|\xea\'n{\x84t\'\x13\xfe\xac\x1c\xd9"o\xe9.\xd9\xfd\x97 \x1b\xa1\x15\xaeU\xa8a\xf25&gt;\xe9\xf3\x12\xe9\xd4\x08U_\x0b\x00l\xe0\x0e\x00\x1c\xe4\xcf\xe8\xba\xaeoe\x83D9/\xd3\x1b\xeb\xf1Ly\x7f\xbd\xcc\t\x7f\x0f\x01\xa0\x8a\xab\x0f&gt;\xa0\x96\xef\x81\xca\x92\x95\xfb\xc7\x0b\x82f\xc67o\xbf\x1bp\n)%77\x00\xa0$w\x00\xa0\x8e\xaf\xd1\xfa\xc2\xa1\xed\xcbo\x84\xcd\x1cs\xb1\x9f\xb3\xe6\xc3\xc79h\xe8o!\x19\xd6s\x07\x06Ze\x99\r*Y\xff\xeb\x92\x1f\xfa\xd6U\xcb\xe4~P\x96\x86\x1c[]\xfd\x10\xecB\xe9\xfe\x96\x82\x13oe\xd4rrV\xee\x00@%\xf7Nd\xf9\x82Y\xce_\xa3\xd4\x87\xd1\x90\x08\xd55\xce\xdav\x9cH\xc6\r\n\xabR\xa8\x153$BU\xa4\x80\xd8\xd7T\x15&amp;\x00P\xcdmWO\xa6c\xe9\x96x\x16}\x98\xd8\x8e\xdbOp\x1c\x1dE\x93\xea\xe4[\xf0\x8a\xbe\xedJt\xfd\xd6u\xab\xa8\x97\xces\x13\x00\xa8gC\xef8\xfa\x15\x83\x93U.\xd2\xb3\xb6?f\x8dULq\xf23N$/\xc2\x06v\xb8\x8b\xb49\xe1},\x85KW\xe0K\'\x1eZ0\xd2\x95\xe8wWy\xe4`\xff\xbcWA6N\x919@!\x9a\x97 \xdc\x01\x80\x03,~\x7f\xf9\xe8\xe8\xbf@@\xb1\xa5\x94F\xd7r\x16.\xb3M\xdcE\xe9\xa3-9\xc7q\x81\xeeY\xd1\xd3\x18w\x15\xc8\xcb\x04\x00\x0e\xd0\xf7\xff\xc4\xfc\x07R\x1a\x9f#\xf4}\x7f\xcd\x1bw;\xfb\xbe\xf1]\xddI\x9fzYW\xbc\x88\xb2\xf3Cl5]`ZNU\xea\x13\x1c)\xa5\xf4\xf6\x12\xbd\xb9.\xf5\xb2}@\xa1\xbb\xc6\xf7\x17&gt;v\x1aC\xd8\xc0v\x0eh\x94\xeb\x16\x0e6|\x97\xf6\xc7\xe5\xb4k\xf6\xb5\xa5\xdf\xcbn\x10\x03pVZ\xf8Qr\x04\x02\x99\x9f\x00h\xc2\n9Y\xf70\xfa\xd03;\x9d\xac\x92\xc0*\xea\x7fQ\x87d\xaf\xe2\x84p\x86\xd3\x00\xbbSv\xb2\xc9\x07\x00\x80\xf8&lt;Z\x07y\xe4\xbe\x94\\\x9b\xdbm~hX\x9e7J\xc1\x01@U\xb9\xba\xde\xc8]x\xe4\xd8xg\x02\xb0\xc4\xa5\x12\xcb\x81~xt\x00\x00\xe4\xb7p\xc3\xd3\xfbh\xa3\xa1\x9d\xbe\r\x85\x1a\xc7\x81\x9b\xb97\xef\xc4k\xa5\xa0\xb3\xe4m\x1bI\xa5}~\x07\x00\xe0\x8c\xfa\xbe\xeb~\xe3\xfcG\x96\xac5\xb62\xf6\x1ae1\xf5\xdd\xa1\x05\xdap]Z"O\xde\xb6|\xc5\xd1\x10\xf5\x0c\x82\xf2\xd6\x85LR\xf7#\xba\xee\x0f\xae\xc8\xc9\x8b\xe4\xfc\xe8\xe0\xf8d\t\xbfHQ\x02\xac\xa5e\x84\xa8Rj{)\xa8\xf5\xf8\xcf\xee\n\x13\x80v\xa4\x0bw\xc7WN;\x1c\xc6\x16 \x88\xaa\xf5\xa1X\xeb\xf1\xb7l\xdb\xde\x1e\xa3\xff\\Vn=\xba\xf8N\xa5\xaa\xb5n\xf3\x83\xc8p2&amp;\x00\x00\xcdI]\x97\xba\xc9\x91\xe3\xba\xf1M\x7f\xb7\xe8\xc4\x06O\xf9m\x1a\x01\xa7\x99\n\x00\x00\xc0\xd9\xa4\x87\xf7\xbf\xbf\xc8\xbb\xeaC.\xe5\xde\xe3\xa9\x15X\xbc\x1ch\x80L\x03\x00Z51\x07\xf8\xfa\xa7\xfa\xf1\x943\x9b\xccP)\xad\x1e\xcc\xb9\n\xba\x9e\xeb\xe6[\xc0i3\xc7\xb0\x05\x08\xe0lN\xb2\x9b\xff\xd3.\x97\xbe\xef\x83=?Z=\x98s\x14tu\x17\x1e\x02/\xdd\xec\xc7\xe9\x99\x00\x00\xb4\xe71,&gt;sw~\xe2\xa4q\xa83_5\x00p\x94\xf3\xdde\x8e\x96\xa2\x90;\xe0K9$\xa5\xf7\x93^%\x93\xcf\xe4:\x97\x06\x00Dq\xca\xb1i\xb4\x14E\x8b\x07\x00\x80K3&lt;\xcdh\xffc\xbe\xb5\x1e\x96U\xe8\x00\x00\xb4\xac\xf0\xad\x8c]G^\x1fX\xda?\r8\xe5\xbd\x1d\xae\xach\x95v\xb1\xb0\x8d\x9a\x03\xd7bt\xb5J\xce\xbc\xfa?\xbf\x8c\x8c\xa3\xbd\\\x12(a\xf2E\xba\xb9\x8e?&lt;M\xb1\xb3\x14\xd7t\xf0\xcd\x91\xdbp9.\xfb\xc3)\x02\xeai|Px\n)\xa5T\xe17\x01\x9a\x9e\x004\x1d|{d5\\\x8ck\xbe\r\xa1\xfa\xc2\xfd\x91\xc4IKX%\x1f\x9f\xf8\xeb\x0f\xcc\x7fE\xff +\xe6\xfd\xc5\xcf\x8d^\xe9\xec\xf2\xf6-\x00\x984\xf33\xc0\xab\x0e\xf2\xf2\x878\x82\x84\x14$\x0c\xca\xa90\xabW\x8b\x00\x80\xbdn\xcb\xd2\xe9men\xf38\xe3\xf4\x03\x94P\xb7n\x88\xa7\xf8\x04@\xf5#\x1a\xbf\x04\x0c\x90K\xcd&gt;\xbe\xbf\xa9x\xc6\x86\xc9\'f}\xa8\x1f\xfb\x87\xef.\xd5\xf3juvg\x02\x00\x90A\xcd5\xbe\xec\x83\x89\xcd\x07l\xb4\xe7\x83\xe5n\x95|OU_q}\xb9\xa0\xc6\xb2:r;\x93\x92\xd9\x1d\xb0E\xdcv\xed]\xe4V8\x82c\xf3\xe7?z\xc46\x03{\x1b\x80\xb5\xe6\x1b\rM\n\xc0\xf1\x8c\xf0\x9ar@I\xa9\x1e\xb0\xc7\x9e+(\xee\xd5\xb7c\x88\x1f7Q\x00\x04\xb6\xae\xf3\xc8\xf5:\x9d\xcbvZ\x0b\x13~\xd9\xfc\x81k\x9a}\xc9\x98\xd6\xe0x\x9e\x01\x00\xce\xe5\xeb-\xd2\xf5:\x98[\xf7v\xd9m\xa0K\x12\x9eRj6\x7f\x8cT\xae\xa5\xceO\x83\x05\xf4\xe7\xe6^\xc5\xb8]\xf1\xc3\'(\x06\xc7o\xb45\x00\xe0\\v\xde\x85\xb7\xf9\xfe\xacd2\xa7\xf7\x18\x9d\x17jU\x1e\x87=\xa4\x9d\xac|\xc6:\xb4\xff\xc0)i\xd7&gt;\x9b\xef\x00\x0e\xea\x1b\x14\x1cT\x95\xf1J7\xa6\x04\xe0P:\xa16\x19=\x9c\x81B&lt;\xb34\xbf\xc1\xe9\xa8\xedO\xb7_6\xac\x7f^\x80f\x1c&gt;\xc6:\xeb*\x91\x1e\x08\xba\x00-\x0cE5Z\xbe\x8d\x86\r\xc0R\x1b\x1a\xfa,}\x83\t\x00@L\x13\x8d\xbc\x16\x1b`\x93\\\xcb*\x96g\x0e!\xdb\xe7\x9d\xf5n\x15\xd0Y\xb5\x01\x88AC\xcc"\x83\x97\x8d\xfc\xcbG\xc7\x02\x00\x00\x9fXT\xde\xed\xfb\x9d\x83\xc5\xcf\xb4\xf5\x14\xcf/.T\xe2\x00\xc0\x95\xfd\xdc\n\x83\xa1\xb8\xe3\xad\xd1a\xab1bL{\xe6\x18\x97\xfd5(\x00\xe0H\x97]i\xce\xbe6\\\xfaU\xd9\xe7\xd8k\x1e6\xcf\xe1\xb2\xe6\xaf#W\x19{\xfc\xe0\xe8\x00\x80q}\x7f\xfc\x8f\xa5\xdf\x87\xb6\xcdt3o\x01/\x8d|\xe1 ~\xb4P\xfa\xfb\x11\x16\x9e\xeb\xb1\r~\xf1\xe73\xcc1&gt;\x1eam}3\xf8\x80\xd2\xfe\xbf\xd3\xfft\xbf\x00\xc7/\xc33^\x9egXg\t\xc5\x04\x00v8\xfb&gt;\x81\xbe\xef\xfb\xbe\xbf\x0fq+\xfby\xdb\xbe\xd6\xf7}\xd7\xfd\xd5\x8f\xff\xca\x15\xcd\xf3\xf1_\xffj\xd5\x11nUf\xd5\x80\xfb\xab\x1c\xb6\xda\xd0q\xfe\x82\xdc\x13\x06\xb8\x8e\\C\xd5\x1f3y\x95=\x8e\x7f\xde\xcb\xf09\x0f\xdb\xeciMZ\x80i\xe7\xd8@\x92W\xfd\x0c\xd9Y\n\xcb\xbf&gt;x\x07N\x86\xe3/?N\xae3.\xff\xfe\xf6\xef\xce\x1d\xd5\x95\x02\xf3\xb6\xb40yO\x9f\xf7h\x8f\xc7\xf1[\xbc\xfc#\xc7\xec\x0e\x00\x84\x10\xb9\x99h\xcb\xb6~b\xe72Z\xbfx\x89\xfe\xf6\xb1\xad\xcb\xe7_\xe9\x1a\xbc\xa0f\xa9\xb5g\x9cHP\x9a\xf8\xf3\xc8\xf7W\x9dn!w\x1d`\xde\xd4\r\xc6j\x03h\xf7\x06\x87\xe4\x06@=\x1bV\xd9\xffu\x9b\x16\xe6kI\x83\x14\xa5\xee-\x81\x1bV\xf77\x07\xb2\xf1\x8b\xc0\xc1\xc2\xb6o\x1f4\x1a6\xc0y\x94\xdbp\x92\xdd\xe6m6;"/\x98\xe4\x97\xc0F\xffs{\xe4\x7f]\xdd\xddA\x9c\x9d\xea\x11\x93r\x01\xe0U\xa1\x8d\x9b\x07Z\x1f\xc0\x8ea\xf4\xd2/\xee\xfd]\xaa\xa9\x7f\x1d\xfeo\xe9\x1b\x02\x11\n\x97\xfa\x14\xfa\x05)t\x80\x93\xcb\xd5\xd0\xb7\xdca\x94\xdd\x05\xb4\xe7\xc8\xcb\xd7\xf8[\xce\xff\x8d.\x98\xe4C\xc8\xe7\xf3\x9aj^R\xf7k\x15z,\xd6_\x00\xf2\x0b;\x01\xe8\xb4\xfb\x9c\xd5\xff^\xad&gt;\x9e\xe6\x05\x00\x82Jm\xfe\xeeD\xdd\x81\xc5\xd2\xf7#]d\xb8s\x91d^\x8d\xf1:\x00\x1b\xe9?^\xb5\x91!M\x04\xd9\x049I\x93v\xbf\xae\x00\xba\xee\xcc\xbf!\x07L\xbbu\x1eU^Q\x9c\x96\xb73)\xa5\xa8oM^\x91\x8as\x08\\\x16_\xde\x07@\xcb\x03\x8e\x9f:\x80\xa2\xfc\x10\x18\\T\xad\x01\xd0\xa2\xb3&lt;\x16\xb4\x02.k]v\xad\xed\x91\xecx\xcb\x8d\xbf\xfa\x11O\xdf\x7f\xd7\xb0[\x9c\x7f\xf3\x82P\xb3V\xfe\xbd9\x13,o\xe1\x035\x16\xe0H\xf1\x86e\xdb\xa5\xfbO\\\xd5=\xe3\x8a\x8f\x97\x8ac\xfe\xac\xcb\x82,Q\x13\x86\xc7L)u\xdd_\x96\xf7\xf8;\x8c\xbf\xaed\xf8\x16\xd4\xd3\\\x17\x10\x9ck\r\x80\\2\x0c\xe0\xae7\n\xbcFb\x17=\x06\xfdO_\xaf\xf4\xb9\xa2\x18\x95&lt;B\x0c\x00\xb4/\xcb\xe8\xedmO\x91^\xaa\xb6\xfc\xa3\x93\xff\xeb\xd2\xdbDk\xef\x03\x0c&gt;\xa9\x9e\xd0\x86\x18\xa3\x7f\x00\xf6\xda\xd6\x9a\xe7\xdf\xf8\xd1\x1d\xbd|\x9e\xef\xec\xff\xcb\xe11s\x1c\xb0=G\x16e\xe6\xf3\xae\x1b\xd0o\xdb\x0b\xb4%\xaf\xceR\xb5\x86i\xbf\xec\xf5\xb2\xd3Y\xf3\xed\xac\xe9\x02hR\xb9\xb1\xdd\xdb\xe0\xa9^\xeb_z;\xfb\xd5\x9c&amp;\xedk\x13R\xeda\x80sdog\x02\xc0\xb43\xd6\x87&amp;\x7fS%/o\x01\x82\xe3m\x1b\xa9\xf4}_\xfaM&gt;\xf7\xa8\xaa\xbe0\xd1\xfb\x19\xd7\xf8\xf1\xf3\xff\\\xa1\x92\x1cai\xe7}\xc6\xb4\x972\xcc+\xf9\xc6\xd9\xf5\x9dJ\x0e\x84\xf7c\x8e\x0e\xa0\x92\xef\x89\xd0)\xd6fr\xad@\x9fq\xf9m\x9d\xb7\x9c\xdc\xfer\xa4\xd3\xdc\x12\x81Zb^2\x01C\x02`\x93\xb7\'w\xafe*\xd5\xd7\xcc\x8d\xa1m\xbb\xf9\x9b\x1e\xeb\xb7\x1b9\xd0\x04[\x80\xe0*\x1a\x1aR\xd4\xd9\x81\x102CFB\xb2\x1fc\xcd&gt;\xa6\xb6\xc7\xfd\x0f\x17)\xf4\x13\x94\x14G\x99\xa8&lt;j\xd4R&amp;\x00p\x15\x17\x19R\xac\x12j\xfc\xd1\xf7}\xe5\xc7-6;\xe2F\xcd\xc2\x9f\x94.\x1d\x069}j\x94\x14\'\xebh\x01\x963\x01\x80@B\x8dG\x8fS#\x13RJ}\xbf\x7fRt\xfc[S\x0f\xf1\xc8\xb6Pi\x8f\x13\t\x99\xb41\x1f\xe6\x10#\xad\xb7_}\xd5\x16\xf4u\x00\x00 \x00IDATY\xc3\x04\x00\xe2\xf8\xe5\xef\x7feLS\xc2\xfdQ\xe3\xfdG\xba\xec\x00\xa5\xef\xee\x1d\xf0W7\xfc\x0b\x0f\xae\xa8\xa3W\x8a\xbb^E\xa5\xb4\xf4\xa7\xd9h\xc0\xbf\xbf\xfd\xa2\xfc\xba\xde]\xf5\x8b\xc8&amp;\x08-\xa54?\x88\xf9\xf8\x01\xde=\x06\x8bY\xb2\xeev\xb4h\xa5\x90R\xfa\x03]\xf7G\x05\x8bj\x8f\xf9|\xae9\x01\xb8]t1\xcb\x1d`\xca\xbd\xd5\xea:\xafA\x05\xca\x99\x9c\x9c\xa4t`\xe3\x93w\xf4\xdf\xa6\x94R{\xc9\x7f\x19\xe2\xbf\xc4_\xff\x0e\x80\xb97\x85%\xab\xb4\x8dh\xa8\xa4\xbe[J[\x80 \xaeP\x1b\xac\xd7\x9b\x8e|\xd3\xb0)WV&lt;m\\\xb9\xa8&amp;\x7f\x1d\xac\xef\xfb\xbe\xff\x0f=\xfe\xf3\xe3\x8fU\x97Nc\x8byx5-\xb7\x9f];cJ\x1a*\xa9\xfe\xde\x03\xb6\x144\x9c\xd0\xfc"b\xd3{\x0cnO\xd9\xc6l\x19\xf3\xad\xdd\xee_\xf8\xf9|\x84\xb3\xac4\xe7Y${\xbd\x0fp?\xf4\xbbSd\x1as\x8e\xb94RJj\x17\xeds\x07\x00\xe2\xea\xd7\xbc\xff&lt;\x9a\xdc/\xb5\xcc\xb6\x92\x97uQpo\x02\x17\xc6\xd2\xf8B\xe6M\xfe\x9a\xfcG\xde\x8f\xfa\xf3\xdf\x06d\xed^8\xfbm\xad-\'\xa8c5\xc8&amp;\x00\xf6:\xc5\xc0\xae1_[G\xca\xe4\xfc\xda\x1f\xa0]\xfaI\xf5\xe4\xc5\x7flU\x86|\xfc\xf0a\xd9\x9b\xbd\x05h|\xdf`\x03d\xef\xbbS\xe6\xc9\xb6D\x9d2+\x80\x83iY\xe2[;\x01\x08\xef4\t\x99\xd3\xe8\xeb,G\xc2\xfe\xa9\'\xab~\xd4q`\x85\tZW7_G\xae&gt; \xbfm\xc3\x14\xedQe\x81G`1\xa3:^\xe0"\xdb\xe0Li\t\xe7\x94y{\xcaD\x01\x9c\x87f\xfa\x9a\xf2\x95\xbb\xfaC]\x97n\xb2~\xc9\xd1\x01p6\xc6\x00@\r\xda\x9a\x07Y\x01\xd3\\\x1d#4\x1a\xe4\x95\xfdF\xa5\xb7\x00A\r%\xf7\x18\xfcK\xd9\x8fx\x8b\xf6\x82oQ\x99z8\xf8\xca\xaf\x94\x81O\xf2\\\x1d\'\x1b1\xc7i2N\x96\xb1W0\xba\xdd7N\x8d\x02\xba\xee\x9cmk\xb1\xe7\x08\xc3? \x1b&lt;&lt;\xb2P\xca\x01)\x14\x00Z\xd2\xe8\xfbC\xa6\x8cv\xc3\xc3\xbf\xd9\xd3O\x7f|C\x8e\x11@#n\x85\xf8(\xcafJ-=;:\x1c\x88\xc0\x85\x00pZ9\x9bx#\xa7\xbc6\xe5\xe7\xaf\xcc\x1f\xc7b\xad\x8f\x9eO6i\x87\x8bk\xba9\x02hF\xc9\xd6V;\xbeH\xa3C\xf00ag\x0e#F\xa2\x0e\x13\xa6XW\xab\x1fv\xbbyE\x15\xea\x06\x04\xd7~\x0b\xae\x13j\x9a5\xec`\x94E\x93\x0e\x99\x00\xa8-\x15\x8c\x96\xac^oHn@{\x82]\xb7\xa1\x82\x81Qyji\xb0K\x8f\x13Z^\xc7\xcc%V\xba\\^y\xe2\x0e\x8a:`#A\xe4v?\xec\r\xee\x98Q\xc5\xd4V^\xb5\x15-W\xb3\xbc\xb9V\x93\x0bJ\xa9\xfb\x19\xdf\xd9\xfb\xf7\x9d&gt;\xab\x7f}\xea\xba3lU\x00\x9el\x1ddWj\x0b\x0e\xe9\xc6&gt;\xe6\xc9\x99:\xd7\xd2\xb3\xac3\xe5\x15@\xf7:\x13\xd3\xc4\x01\x07\xa9;\xc6:\x7fc\x17\xfe\x05\xa3\x99\xcf~tr\xc2\x93?\xb4\xcfe\x9eQ\xd8\xbb\xd3\xc0U|5C\xb5Z\xa2\xeb4yaS\x9a\xa5\xe3\t\x9b:\xa0\x90,W}\x9c\xa6#\xf2\xe6U\x80\xe2\xacC\\M\xa6\x12O\xdd\x82\x1b\x1d\x0b\x03\xda\x1dL\\Y\xde\xfe\xe1\n\xe5#\x95d%\x1d\x1fpy\xcb\xda\xc1\xe8me\xcd\xfb\x18\x97\x12\xeda\x863t\xdb[\x93\xf0\xff9A\xda)D\xdd\xf8"\x1f\x00\xaed\xb8\x14=6F|]\xefq\xebc\x99p7\xfd\x95\x1a0C\x13\x010\xe2\xb4\xdb\x0f\x06q6\x133\xeb)\xdc1\xed\xe5\x89r\xbc\x82\xa3^\xc2V\xff\xa4\xad\x93ip~\xcb\xb7\xca\xdcZ\x84:\xed\xc2\x81\xad\xcf\xb1\r_J\xa9\xeb~\xdb\x81\x01\x00\x14\xf2\xde\xba\x1ah\x064}?\\a\xc1\t\xfcrWr8y\x1e\xa2\xbd\x84\x93g\x91\'X\xb8\x08\xcd\x1d@=kG\x99\xda\xe8:\x96\x97\x8b\x1297\xf3@.B=\x07\xb8\x04\xcd\xfdJU\x7f\x90A\xe90#\xc8\xb4$B\x0c@i?8:\x00 \xa7\xbe\xef\xeb\x9e\xb0\xc8X\xa1\xe2\x10\xa4Jv}%\xc7\xa6\xcfz\x82\x0c\xa6W\xa9|\xe9\xb2Ac\x95\xaa\xadh\x01\xe0\x1c\x1a\x1b.,\xd0\xe2\xc0\xba\t\x1ePiCS\x05t\x91\x1f\xdf-t\xe1\x9c\xf8b\xbc\xe5\x98;\x00\x10\x88\x11\xc0Y|\x15b\xf5\x1b2\xe32V\xaa\xbe\xef\x83$\xea\x94\xc2\xe5m\xfb\xcd\xd1\x86Fu\xee+\x83\x02j\xa4\xad\x0eV\xa3\xca(\x91\xc8p\x17cn?&lt;:\x00\x80\xf3\x89\xd5s\xe4\xee\xc9R\xb4\x04\x9eC\xc4\x01G\xc0\x90\xd6X?FodT\xbfL\xc4\x1aU\xc0E\x92\x99\x97L\x83\x80N\xd4\xffpF\x87\xff\x92\xc3\xa9\xc6h\xcf\x9e\x92v\xdedVs\xaf-Us\xb2\xbd\xfa\xd9\\\xc0\x00P\x85\x0e2\x8a\x0bM\x00hP\xe6\x1dG\xb14\x11$Ky\x06\x00`\xd4wo7\xd3;\x7f\xec\xb9Cu\xed\xa1\x82\x81\x1b\xd5\xb2\x116\x8d\x9c\xc4\xed\x8a3\x01\x00\x18\xf5\xdc\xdbM\x8cQ&gt;\xee\xa4\x8c\xb6\xd5r\xcd`\xeb\xea\xc3\xb2\xfa\x03\xd3\xbe\xef\xdbY\x0f\xbe\xb8\x8d\r\xc2\x87\x83*\xfa6e\xbfl\xcb\xd5\x04u\x0c`9c\xb2@\xaa\x95\x85B\xaf$R&gt;\xa7\x94\xfe\x92\xba\xf1\x0c\xc7\x8e\xaa\\\xa3\xb2\x17\x9c\t\x00\\\x9e\xb1\x0eE\xa4\xd9\xff\x0cmi]\xdd]\xa5]\x14u\x04\xcb\xe7\xda\xb3}\xf7|\x18\xf3W\x948\xa8\x9a\x06\x1bi\xa9i\xc9\xe2\xba\xdaV\xad^\xf2\xdc\xc5\xcb\xa5\xba)\x81-\xe5I\xbb\x0emT\x9f\xce[b\x19\xbe\xad+\x8b\xb6\xa8]@$\xc7u\xe7Z\xc3\xcbXP\xd0\xcf\xa3\xff\xb6\x9e\xd5&gt;\x8bEY\x1agU%\r\xe4\x9b\xfe\x85H\x1a\xcb\xc5\xa9\x90\xf3\xf6\xc7\xe9!`hI\x03\r\xd3q\xcf\xbcF{\xdcv\x9b\x06\x8a\xf8\xee\xb8P\x17\x14\xf4\xa02\xf4\xff\x8f\x91\x7f\xdf}\x7f\x80\x0fR\xea\x16\x0e\x7fC^\xb7\xb9\x82\n\x998\xa6\x9d\xa3\x1f\x01\xce&amp;\xf0H\xa5p`q\x13\xde\x82\xb7-11\xd5\x8c\xb0\x89\x0ciZ\xe9\xec\xddy\xfc\xd1\xaf\xbfo\x1e;V\x9cH8\x1fw\x00\xe0Z\n\xf5()\x15\x1e\xa3_zUfK\xc6\x0e\xf73\xa4\xb7\xbf\xac\xfep\xf9\xba\r9\x15\xf4]\xd7\xf7Q\x829\xa5\xf9\x95\xd4\xc3\xb3}&amp;\xbc8k\xc0a\x02\xa1\xb6\x94R\xf7\xc7\x96\xbdFT.\xb8\x96\x94\xd2\xaa\xeem\xed\xe7\x83\xb8\r/Z\x8c\xfc\xdd\x86\xb4,\x19]\xc5\xcb\x9c\x94R\xc0\xa8\x8a;S]\xad\xa9\xd1\xa6\t&gt;\xba\xb7\t]\xd1Q\xfa\x0f\xcb\x1d\x1a\x08hm\x97\xa9\x8b=\xdc\xda"X\xb8\xb6\x1ao\xdc\x19)\x96\x8a.\x9a\xec\xdd\xe4[\x1c&amp;cy\xf5}\xdf\xfd\x8eTz\x8d^\x81\x01\xf9\x1d\xd8\x1f\x0c\x87\xbf\x17\xec\x93\xb6\xed\xac\xb8`F\x01\xb9\x98\x00\xb4\xc83\x00@~\xf5;\x83\xf7\x81o\x89\x18\x0e\xdf\xb8&lt;o,\x13\xba\xfea\xe6\x9b\xbf1t\xba\xa8&amp;x\r\x8f\xc3\xd3#CF\xff\x00[\xe8Hr\xf8\xfe\x11\x9f\xac\xaf\xf1~&gt;G\xec^\x7f\xf9[\xcc\xd3\x9b:\x11\x9eF\xb9:6\x7f\xd6\xf2gh\xba2x\x8b\xd4\x93\x03"\xfc\xb1\xd1\xf3\x84\x07w\x00\xa0!\xda\xd6\x19\xb7%\xa8\xf4\xfc\x9f\xf36\x8e}Wm\xb2\xcf\xf5\xb1\xcf\xdf\xbd?7\xd6\xf7\xfd\xc7\xe4\xbf\xaf\xd8\xc5\x1f\xcd\xc4S}\xd5\xb3\xfc:k\xa3K\xb95\xa7\xb1\x8f\x97h5\x9aWE\xa5\xdfut\x04,f\x02\x00\x07\xbb\xf5Z\xcb\xfa.\xfd\xcd\x8c[6\xd68\xd3\x92\x8e\x7fM\xb1\xe6\x89\xe4\xfe\xc8\xd8\xd2J2\x96\ns\x80-\x1e\xa5|\x8eI\xd4\x81\xe3\xda\x06\xeeG\xdd7\xbb71\xfa\xaf\x1fd\xff\xcfT&gt;!\xdb5P\x83\xe1\xf4\xe2\xbd\x8f\xa5%/\xcf\x9f\xad\xcc\xccu\xaf\x9e\x9c8\xf8m\xbc\xd2\xbf\x7f\xf2\xa1x\xe1\xa6\xd4\xad\x7fg\xdc\xec\x83\x13\xc5\xdfAQN\xb5G\x12\x1f\x19\xe8\xe2\xddoOf\x9e\xfe!\xd4\xd3\'p\x1b\xd9\xb2\x87;\x00p\xbc\xd8MX\xe0\xd5\xb8\xae\xeb\xdeF\xa9\x1f\x9fw}\xff\xf8\xcc?\x0f\xb6zO/L\xa6\xf7(j\x97i\xea\xb6\x14\xd4\xc8-\x80\xef\xc5\xec\xc7_\x1cZ\x016m\xb5\xaf\x90\xf9\x8f\xa9\xe0\xca\xfa\x96\xe3\xc4\xc1\xd7\xc8W\xda\x97\x96d\xf5\xe4\xc5\x99\xea\x06\xab\xacm\x19L\x00 \x84\xc0\x1dX\xd8\xc0\xeeJf\xddc?\xfd\xad]\x1d\x1f\xed\x1d]v\xffd\xda6\xfe\x9f\xfb\xca-\x99G\x0f\xfe\x1f?0\x1dkL\xf3\x1b\x0e\xcc\x97\xa3+[v/\x17\xd4\xca\x1f\xbc\x8b\xdcrffd\xff\xcc\xc4\xef\xc5\x92\xeaq\xaa\xb5\x03`\xb3\xe6\x1b\x82\xa8m\xd9\xff\xac{{\xcdN\xd1\xf3}\x9dbp\x96%\xef\x02z\x7f\x11\xd0\xc7P\xabgx\xc0\xd5\xee\xe3\xe3\x89\x97\'y\x9c2Q\x14\xa3\xb6\xbc\xfa\xd8\xe6w\xcf\xad\x87\xc9\x134 \xe3N\xc73m\x9a\x8c\x9c\x96\xef\x9d\t)\xa5\xc2+U\xf7su\xf7\x9b\x15\x0b~\nmz\xb45\x1d\xea\xba\xe7%"\xc8^C\x02l8\xf9*\xb9\xdb\x83\xa8\x15Nv\xbf\x17tx\xc23\x8b\xdcz\xc0\xbb\x94\xd2\xa3\x91\xcf\xc2\x16 h@\xc6\x8e\xaa\xef\xff\xae\x06^\xb51\xa9\xee\x93\xb5;|o\x16\xfa\xb4G|\xa6,\xfe\xc4\x89\xbf\x7f\xf9J\xff\xf2\x06\xd4\x05f&gt;;;5\xa8\x97\xe1Y\xea\xe7\xe6\x80\xc3^ \x8f\xa0\xea\x04\xf7\xc8\xc0\xda\x8f:\x94w\xb2\xe4\xcc\xcbT\x99\xefo6\x0byi\x9c\xde\x92\xf7;\x03|\x94a\x0e\x10s\x84TT\x89q\xe1\xec1\x17M\x00n\x7f\xf5\xf8\x</t>
        </is>
      </c>
      <c r="E479" t="inlineStr">
        <is>
          <t>&lt;class 'numpy.ndarray'&gt;</t>
        </is>
      </c>
    </row>
    <row r="480">
      <c r="A480" s="1" t="n">
        <v>478</v>
      </c>
      <c r="B480" t="inlineStr">
        <is>
          <t>steps_per_sec</t>
        </is>
      </c>
      <c r="C480" t="n">
        <v>5400</v>
      </c>
      <c r="D480" t="inlineStr">
        <is>
          <t>3.0674677</t>
        </is>
      </c>
      <c r="E480" t="inlineStr">
        <is>
          <t>&lt;class 'numpy.ndarray'&gt;</t>
        </is>
      </c>
    </row>
    <row r="481">
      <c r="A481" s="1" t="n">
        <v>479</v>
      </c>
      <c r="B481" t="inlineStr">
        <is>
          <t>Loss/RPNLoss/localization_loss</t>
        </is>
      </c>
      <c r="C481" t="n">
        <v>5400</v>
      </c>
      <c r="D481" t="inlineStr">
        <is>
          <t>0.06373126</t>
        </is>
      </c>
      <c r="E481" t="inlineStr">
        <is>
          <t>&lt;class 'numpy.ndarray'&gt;</t>
        </is>
      </c>
    </row>
    <row r="482">
      <c r="A482" s="1" t="n">
        <v>480</v>
      </c>
      <c r="B482" t="inlineStr">
        <is>
          <t>Loss/RPNLoss/objectness_loss</t>
        </is>
      </c>
      <c r="C482" t="n">
        <v>5400</v>
      </c>
      <c r="D482" t="inlineStr">
        <is>
          <t>0.013885749</t>
        </is>
      </c>
      <c r="E482" t="inlineStr">
        <is>
          <t>&lt;class 'numpy.ndarray'&gt;</t>
        </is>
      </c>
    </row>
    <row r="483">
      <c r="A483" s="1" t="n">
        <v>481</v>
      </c>
      <c r="B483" t="inlineStr">
        <is>
          <t>Loss/BoxClassifierLoss/localization_loss</t>
        </is>
      </c>
      <c r="C483" t="n">
        <v>5400</v>
      </c>
      <c r="D483" t="inlineStr">
        <is>
          <t>0.129015</t>
        </is>
      </c>
      <c r="E483" t="inlineStr">
        <is>
          <t>&lt;class 'numpy.ndarray'&gt;</t>
        </is>
      </c>
    </row>
    <row r="484">
      <c r="A484" s="1" t="n">
        <v>482</v>
      </c>
      <c r="B484" t="inlineStr">
        <is>
          <t>Loss/BoxClassifierLoss/classification_loss</t>
        </is>
      </c>
      <c r="C484" t="n">
        <v>5400</v>
      </c>
      <c r="D484" t="inlineStr">
        <is>
          <t>0.17298108</t>
        </is>
      </c>
      <c r="E484" t="inlineStr">
        <is>
          <t>&lt;class 'numpy.ndarray'&gt;</t>
        </is>
      </c>
    </row>
    <row r="485">
      <c r="A485" s="1" t="n">
        <v>483</v>
      </c>
      <c r="B485" t="inlineStr">
        <is>
          <t>Loss/regularization_loss</t>
        </is>
      </c>
      <c r="C485" t="n">
        <v>5400</v>
      </c>
      <c r="D485" t="inlineStr">
        <is>
          <t>0.0</t>
        </is>
      </c>
      <c r="E485" t="inlineStr">
        <is>
          <t>&lt;class 'numpy.ndarray'&gt;</t>
        </is>
      </c>
    </row>
    <row r="486">
      <c r="A486" s="1" t="n">
        <v>484</v>
      </c>
      <c r="B486" t="inlineStr">
        <is>
          <t>Loss/total_loss</t>
        </is>
      </c>
      <c r="C486" t="n">
        <v>5400</v>
      </c>
      <c r="D486" t="inlineStr">
        <is>
          <t>0.37961307</t>
        </is>
      </c>
      <c r="E486" t="inlineStr">
        <is>
          <t>&lt;class 'numpy.ndarray'&gt;</t>
        </is>
      </c>
    </row>
    <row r="487">
      <c r="A487" s="1" t="n">
        <v>485</v>
      </c>
      <c r="B487" t="inlineStr">
        <is>
          <t>learning_rate</t>
        </is>
      </c>
      <c r="C487" t="n">
        <v>5400</v>
      </c>
      <c r="D487" t="inlineStr">
        <is>
          <t>0.03988132</t>
        </is>
      </c>
      <c r="E487" t="inlineStr">
        <is>
          <t>&lt;class 'numpy.ndarray'&gt;</t>
        </is>
      </c>
    </row>
    <row r="488">
      <c r="A488" s="1" t="n">
        <v>486</v>
      </c>
      <c r="B488" t="inlineStr">
        <is>
          <t>train_input_images</t>
        </is>
      </c>
      <c r="C488" t="n">
        <v>5400</v>
      </c>
      <c r="D488" t="inlineStr">
        <is>
          <t>[b'1024' b'1024'
 b'\x89PNG\r\n\x1a\n\x00\x00\x00\rIHDR\x00\x00\x04\x00\x00\x00\x04\x00\x08\x02\x00\x00\x00\xf0\x7f\xbc\xd4\x00\x00 \x00IDATx\x9c\xec\xbdy\xfc}_5\xf8\xbfn}\xbeJ\x83\xb1\x84\x90\x88\xcc*\x1a\xa44\xf0MH\xbe$\xa5$c\n\x89o\xea[De\xfaV\x86(\x84\xa2o\xa6\x12%J\xa6BB\xca\x98\xa9I\x03\xc9&lt;\x84\x9f\x90\xb2~\x7f\xdc{\xcf\xd9\xe7\x9c}\xce\xd9\xf3\xd9\xfb\xdc\xe7\xf3\xf1\xee\xd3\xebu_\xe7\xac\xbd\xf6\xdak\xaf\xb5\xf6&gt;\xc3\x15\x0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8\x89\x0e\x11\xd1l\xb23\xb5\x12\xc1\xcbU4X\x93\xbb\x0c\x7f\xed\xbb\xb6\xd8M5\xfe-\xb2d.\xbb\x10\xdb\xf1\xda}*\xdf\x18\xd0\xd3\xc9\xc0\xa9i\xb1\xb9\xc1]\x97\xe3\xe4\x0fK\x02\x175\xf4\xec\xd8\\\x8f,\xc2O6\x7f\xc4\xe9\x87\xc5^\x8f\xce\xfd\x8b\x15\x13\x9d\xce1\xf5_\xb1\xcf\x91{\xe8\xc0\x1fV\xad:lo\xe6\xe7\x85\xc3\x82\t\x19\xcd\xd51u\x19q\xbb\xcc\xf9\xc3\xe5\xd7\xc6\x7f\x9d(s\xb2\xf3\xbce\xc2,f\xef\xfe\x94\x97\xf5\xaeX\x92M\x1aM\xcd\xba\x03@\x8fs$\xd9\x05\x8f\xbc\x8cn\x02\xf4\xb8\xe6\xc5X\xc9\xce\t\xd8U\xfa)\x13\xcb\x13N?\xab\x06\xa5\xa8\x94\xd1\xcd\xe8W\xb0LK\xdd9\x0c\xc1\xe7O\x9e1\xea\xec\xa8F\x19\x7f\x18h\xf3Y5\xc4ln\xb5\x95Y78\xca\xfcg\xdb"g%\xf1\x18\x7f\xf5\xf4\xae\xf9\x83\'\x06\x9c\xef\xfe\xa8\xda\xb65:\xd7i\xd7\x81p9\xc5PL\xa7Z96t:\xb1\x930ibm,\xa6B\xe64]_\x93\xa8\xea\xcd-N\x12\x8e\xcf\x10\x18\x0b\xe6\xee\x98WO\xce]\x91\x13\xa3\xf0\xac\xcf\x98\xbcAU\xe4 \xf2\xa0\xd0V.\x98;\x8fv1`\x05\xcf0\xd2\x063\x9dzTi=\x006\xa6/ \xf2\x88\x9e!\xa6D\xb6\x89\xb2.\x00Z\xdb\xba\xb8\xf5\xbc\xb9\xde\xf6\x9c\xb4\xac\x7f\xb5\x98\xf7\x84\xf5C_l\x12\xfa\xa6G\xed\xac\xc9\xb0\xeai\x0c\xdf\xdf\x8f\x06tV)\xb1\xe9\xe3\xd2\xd39\x1dL{Z\x0f^\x16\xe4\xdag\x8f\x810O\x99,\x90\x8c#F&gt;\xef\xdf\x90\x0c\'\xcb_\xcc\xf5\xc2E[s\xfd)\xf2\x1d3\x86\xbd\xb1\x8b\xa8\xe9p\xf8c\xb5\xff\xfa\x02\xe0|\x98\xed\xdce\x83D+l\xb6;\xd7\x87\x08\xf9\xbb\xe1\xab\xb7V\xe0B\xf8\x8a\xad\x15H\x0f3\x08\xe0H\xc6\x0b\xbb\x96\xdc\x1b\x9b\xd4\xbdDU\x9e)\xaf\x98|2c\xab\xf3_ED\x1e1k\xcf\xfe\xe7\'\xd8*u\xfb\xfdH\xc1\x8c\x0b\x91/_/M\xa6\xa3v\xf3\xd1\x1fE\xf5\xda\xaa\xf2\xd4\x95B\xb3+\xc2\x06]\xb0X\xccM\x93\xa3\xcc\x19\x8f\x1a\x1ei\xee\xb9Z\xaf\x00\xfc\xcc\xc8\xaa\xd6\x91ZS\xcf~r\xb7\xd62\x16H\xf2\xca\x81\x1d&amp;m\xcd\x8b\x1eN\xfcN\xe0\xbb/+\xb2\xac\xfc\xe0\xb0i\xcf\x07\x9e\xbc\xae\x9b[G\xd6\x19\xca\xf1\xf0\x8d\xa3\x1a\xcf\xb5\x9c~\xfe\xf5\x1bf\xae\x00$\x08\xa7c!\xce#\x9b\x83\x9a\xa3(\x00\xcc\xc1\xcc\x85\xed\xb0\xd5\x00\x91\xeb\r\x8b\xc0\xef\x1c\xa7CS\xfeS\xc2\xb5w\xd3\xc7\xa9\x9e3\xfb~\xfeah\x8d_&gt;\x1f\xfa\xa2\xd1E\x8ci\xb2\x9f\xb7\xaa\x95\xef]\xd4H\xe5\x9b\x83\xc6\xc2\xad\x109\x1e\xf3\xde+\x1a:vdz\xecX\x01\'\tC1\xd3+\x18#\tN\x9f\xafm\x8d\x0f\xea\xec\xfe\xc3U\xcd\'\x9d\xd5\xce\x7f\xbe\xeb\xdc\xee\xacV\x8b\xa33\xea\x94\x8a\xbci\xa9\x03\x03\x99\xff0\xec\xda\x92\xc26}V\xc6HU\xe53\xa7\x0b\x80\xf0L\xe6f\x90\xf1\xe1.K\x85`\x95\\\xd4\xb0~x\xbf\\Wk\x974q\xb3\x1b\xc0&gt;\xd8\x8f\xb7;\x07=\x80$\x8cs\xa7c9\xe2\xdd\xc4\xa4\xb0\xe8\xff}\xd2\xf1\x13\xcf\xe6B\xd5sj\xcbZ\x0c\xfd\xe0X\xf9%\x01\xa3\xfb\n\xc6\xdd_\xdf\xeb\x9dU)\xecR\xccKW\x8a\xa4\x93d\xdb0\xcdj2\x7f\xccl\xc7U\xf5K-\xcb\xbfu\xa6\x9e3\xaf\x80\xf1\xa7[\xe9\xf4\xf3\x10\x03N\xda2Z7\xf9\xb2i\x7f\x8d\xb3N\xbf&gt;\xc7\xb6\nZ0x\x80\xfe\x03\x99\xef30\xda\xf2\x1a@\xcc\xb5\xeey\x01\xf0\xc8Y\xc5:\xc9_&lt;\x16\x94\xe8"\x80\xdb`\x95/\xb2\xab\xc6\xc7\xf8\x16\x7fH\xac\r\x00\xb8\x12?\xfb\x98\xbf\xe0\xcc$[\'K\xe1\xb3-uy]UT\x9f\xee\x97\xe9\x07\xf2\x02*9\xa3\xccz\xb8\xb3\xb2f5o.]\xd6\x9b\x1a\x1e\xe6R\xe49*\x1fx\xb6KA?\xe8\xf8\x87\xa8\xfc\xb0\xca\xdf.nZOGa\xd2q1*\xcb\xd1\xba\xc8\xb5;?kZ\xef5b\xbd\xa7\xc8\xa6\xe1T\xf3\xb1n\xfd\x0fK\x9b\xdc\xa3I1\xfau\xe2\x15\x13K\x8e\xcf\xb2\xdbs\xd9\x06\xce\x0e0\xea\xbe\xca\xc7\xf5/\xc3\xb1\x9d\xfeM\x13\x05\xfe}8\xac3\x8d\xce\xf7%\xccK;\xf7\x988\xd8\xf1\xdf\xf3\x9c\xc5\xae\x9b\xe8\xbb7\xd8\x9bo\x82|6\t\x96\xcc0\x018\xf2\xcc\xad\x15\x80\xa6\x18%l\xf7r$\xb4)#\xaf\xcf\x14j\xd9\xf0k+Z\xb1\x95\xddqo\xee{\xd4\xe7\xc1\xf3\xcd-\xabc?`\\\xab\xce\x8c\xd1ju;h\xc8\xef\xe6\r\xd7C\xbb\xadt\x97\no:\xdcFAi\xed\xc7\xbc\xda6G\xed~5\xce\x9d_&amp;\r?\xeb\x8b\xda\xd5\xa6\'\x9dZ?h\xac\xaa]\xc3$L|\xa3S2p\x01`\x9a\xd4\x10\xdewD\xae=\'\xf9\xea\xc3\xe5\xdc\x0c\xcf\x1b\r\x99\x88\xbc3%f\x1102@J\xdc\x13(\xc0\x02#\x1f\x9a&amp;\xf5D\xadX\x8a\xad\xf0r!D\x03K\xbd\xd2\x10\xcbj\x1b\x7fU\x15y\x84\xab\xd0y\x8c\xcdW\x15\xb9\xc5\xdcIc\x89\xefc\xb5\xf0\xdf\xcf\xb5\xed\xe2\x00\xc3\x86\xe6\x8e\x9f~&gt;\xa8z\xc7\xa3o\xed\xf2\xa2\x02\xe7c\xfei\xfa\xf1\xb8\x82\x1f\x8b]0\xf3\xa4\xddYe|\x17\x00G\xfe\xc3Tc\xf5t?\x86}4?\x92O\xf6nkj\xab\xe9\x11\xf3]p[\xe1tWBH\x9c\x00m\xd3n*O\x83%\xef\xc0\x85c\xe4\xce\xfb{m\xb2\x16a\xbe\xe8\x999\xde\xdc\xffK7\xdb\xeb1H\x0e&lt;\x07}R\x89\x9e~X/\xa7\xd4\xf8\xaf\xc1\x83\x02.}\x0c\xffz\x97\xa9\x84O\xd5\xc1\x02\xc0"!\xa0\xc6])\xc4\xef\xdb\t\xb4lK\x8fO\x1c\x1b|X\xc8\x8e\x8f\x1c\x08\x19\xe9&lt;\xa3\x8f\xeb\x16\xbe\xf5\\\x9d&lt;{\x90\x8a\x89\xb6\xfa2\xbbA\\\xe5-\x0e\xe5\xa2LU\xf9\x04_\xc7\x83(&lt;\xe2\x0c@\xcf/\xc7\x8b\xb0Dl\x80\x0bgZ\xd3\xf8VEEp\xaa\xfe\x075S\xe2^\xdc \x9d\xa8\xea\xf0\x1etK\xc9\xf8o1\xcd\xa7\x18\xa9\x89\x84\xafP\x91\x8f^j5,\x1f|\xb9y\x95c"\xce\x19\xdf\x05\x80\xb5\xa9\xe3\xe7\xb33\xd7{\x01Ph\xd6O,\x10\xd3\xee\xea\xb7\xf6\xae(\x92zK\xac\xb6\xc8Y\x19\xf7\xf1\xb5O\xd0$\xad\x9d\n3l\x85\xf4\xd1/\xde\x07\x8c(\x07\x00\x06\xf6\x02%\x85\xe0\xd9B&lt;\xcfT\x9cTB\xbf\x95\xbc\x89]\xa3"\xd7u:\xce2\xa6\xa1\xa3\xf9b\xf7\xeam\xe1\x98\x17\x8a\xbc\xc2v|\xa6p\x1f[\xfdO\xa6\x98\xfd\x12\x81Q(/57Y\x12\x04^\xd6\xf04\x97\xb5-\xcb\xabK3\xa3/\x0f\x0f&amp;\tc]/\x91\xda.1\xc9\x06(\xc3.C\x15\xa2v\xc8L\x9cL P\xe4uI\x04\x02\xec\x89\xe9M\x0b\xd1\x12\x875\xca\xa0\xad\xa4s\xdb\xda\xa6\xff\xb9\xbf\x90Z\x99\x82\xa4\xdaDw\xb5\x9b\xe5\xa5\xa5!\xe5\xe3z\xe9\xa9\xfd\xc1K\xc7\x94\xad\xba&amp;E\xf9\xa8"\x7f\xc6\xf8y\x15\xb5"\x8f\xd7\xce\x0e\xf2=\xd3\xef\x1d;\xff\xc9f\x9f\xc1\x91\x93;\x7f|\xa7\x80\xff\x949k\xf8\x18\x95?\x9d\xb9:\x91\xa1\x14V\xd5O\x1b\x88\x8d\xbc\xd6\x97#\n\xa9&lt;\xc4A`\xbe\x9d\xc8\x90k\x1a\xbf}\x11\xf5\xa8\xaa\xc8\xc7n\xadD\xbb\x94\xbd}&lt;\xf5\xc4\x9c\x89\x96\x00`0S\xb2G\x89\x9af\xd9\x882\xdd\xb5\xd9\x80\x13\xd3\xebR\nU\x95\xbb,\xeb\xef\x12\xf8\xbc\xe2c_\x84\xf98\x8c\xb1m\xfc\xf1S\xdf\xb0K\x98\xd1jPw~\xad\xaa\xc8\xad\xdc4\xb7je\xe5\x9e3\x87\x8f\xbb\xbc\xe0\xea\xe3s\xcc&lt;\xf4\xcdF\x95?\xbd\x99\xa7[E\x8cJ^\x9b\xc0\xfe\xaf\x1a\xbc\xba\x0eZ\x00\x9c\xd4\xfb\xec\xae\xf5I\x17\xf2d\xf1\x13\xff\x94c\x99\x91\x9do\xa8+\xfa\xf9\xcc\xdf\xa6\xd9}\x07\xb3\xe2\x95\x1djAUo\xaf\x83\xd0:q\x83\xc6z\x04\x90\x9cQ\x85\xa1\xf2g\xc9\xf2\xc1\xd7\xaa%p\xacUK\xf1\xa4\xbdV[\x7f\x8cXUr9\xc7w\x7f\xfa\x1d\xd7\xceN\xb6\xc0\x9d\xadd\x96\xbc\x8e&gt;`\x89\xda\xc3h^63\xdd\xd4\xf4\xde\xf1\x1a`N\x93\xf1\x02`\xf8G\xeb\x81\xc6\x05\x90\x9fZ\x15\xd8\x17\xdc\xe75@\x82\x9e\xce\xf2\xcb2X\x00\xa8\xc8\xab\xe5\xac\xc3\xaa)fX?x&gt;\x8b\xb7D\xce\xd0\x17b\x9f\x9cq\xb8\x18-\xea\xdf\x96\xce\xad.\x00N\xbe=\x1b\x91\x1a\xeb\x11@r\xba\x9c\xf1Xc\x8f\xb6@\x9b\xad$\x9e\xfa\x95t\x19\xb2\x85\x03\xf4q\x8b\x031-Ylu\x86\x8a&lt;K\xe4WVu\xf5\xc9%W\x99q\xc8\xb9J:\x15\x8b\xf6\x9c)\xe5\x1d\xf4qV\xbbOW\x8f\x9fQo\xa2G\xbf\xe3\x1ev#~\x98%\x07\xed\xaa\xea\xf7\x0e,\xe3.\xd3U\xe7v\x82\xc6\x02\xd9\\\xf7j\x17\xbb\x00(@j\x13\xf9\x8fT\x05\xb4\xa5\xed\x80\xffl\xcf\xda\x00\xe5\xe8\xb6\x1b#\'\xc9_\x91QR\xd3\x19\xf3j\xf6?\'0\xb8\xe3\x02@\xcd\xcf&amp;\x12\xdc\x9c\xc7\xa9\x08V\x99\x16\xb8v\x9521+yA+\x17\xb1\xea\xba\xf8\x99\xb7\xe7?\xd8\xae&lt;\xbc\xc8&lt;\xf8\xa7\xbaK\x01\xee\x8a9\x1f98kR\xc4\xcc\xd4\xa0K\xe5\x8ey\x8a\x8a|\xff\x9a\x9e\xfb\x88-*\xf2M\x89%\x86\xb9%\xe1\xda\x89\xe4&amp;\xd2/\xc2\xec\xe58\xc6\x8d\x07m\xadF-4\xb8\xf8\x84\x16\x08\xda\xff+\x80{\xe1U\x1bfz\xbe\xa1\xd5\xaa\xd9KaKU\x11nL\'\xf7\x18\x17\xff\xd6S6\x19\xcd\xa5e\x89\xa3\x84\x08\xcd]\x9e\x9c\x0ek+B%y\xa7\xd1\'S\xb3\xf4\xe6Z\xf8\x93G\x8b`\xa5\xce\xd8\xbb\x0f\x96\xad\x8a\xcd\xeb\xa7\xc6\x01\xdan\xed\x9d\xb1\xdd+\xe5\x13\rUczs\x1a\x07K\x14X\xb5\xfb\xcf\xdb\xa6\x90V|\xcf\xec\xd4\xdc+D\x0e\xa3?\x88\xc8\xe10=!\x9e/\xebk6\x91\xc3A\x0e\xc3f\xb2\xf6\xdf.|\xfc\xe9j\xb7U\x9e\x9f\xf8k\\G\x92\x82,\x7fp\xd0|^\x01\x91\x83\xc8\xdb\xd9\xffx\xb7\x89\x8d\x8em\xb9t?X\xa5\x83\xc8?\x8e&gt;9L\xec\xd2}\xd0ODH\xcfa\xf2\x03\x00\x1c\xa9qRLCe\xb1\x967j\x17v\xcb\xca~\xad\xef\xd6\xd4\xa2\xb4p\xdd\x12\x89Y\x16\x95t\x1fn\xe5\xf9\xdd\\\x0cz\xfa\xd0iC\x11\x1dtx\xf0\xd7\x8ag#\xe97D\'\xfa\xacw$U\xd3nb\xeb\xad\xad\x17\xec\x96`b&amp;\xa3\x125"aC:9u^\x01`\x94\x01\xa0\n\x86\xef\x00\x99\xfc\xd5\xb5`R\x15yMwJ\x9a\xc2=\xf8\x06Y\x9b\x98\xa5\xfb\xb3\xbb?}U\x81;\x8eT\xe4\xd6)\xe4\xdc|\xb6\x01Uy\xd2V\xb7N\r\xeaE\xc3y\x16\x8co??m\x9a&lt;\xc9,m\x93\xd8\x05p\xd0\x93\xc1\x89Y\x1c\x11J\x19\x00_\x985\x00P\x01O\xf4\xdb\x19\x9dC\xe5\x06\xfd\xe9\t\x17\x00\x12Q\x11\xba\xd7|9*\xce\xe5\x06K5\x94\x04Om\xed\xc6\xec\xc6B\x8fu\xed\x8f.\xaf9+(|\x130\xff\x04\xad\xcb\xc9\xd5\xbcrd\x17c\x01\x00K0\xcd\x01.\x8c\xb4\xc5\xfaH\xb0&lt;%\xd1#\x05Ak\x00\x9f\xb36\xd9\x1e\xf6AU\xe4M\xdb4\xfdS\xa9\x9e\xe80.\xc2\xdcn\xde\xeb\x06\xa3\xa6\xf2!\x15\x0f\xca*\xfdJf\xfc\x87\xd53w\xb2\x04\x02\xd8\x9a\x0c\xd9m\x7f\x94\xf9*\x12\x00\xa8\x88;\x0c\x16\x00UO~\xef\x85\x8a\xd7\xda\xa6\xee$\xe1\xd7\x8b\x84\x17^\xe2\xe5x61\xf2\xc6\x1dT\xc0\x9f\x19z\xe2\xf2\xbd\xcb\x1f\x1c*6\x05\x15\xcf\x94r-\xa5x\xc6)\x8d*\xb0H\xdd\xb1\xbd\x12N\xc1\xb6\x8eK\x8e\x8e\xb4\xa2\'@\xa5\xe8\x88\xad\xf5Yb\xa2\xe7\xb8v\x9c;\xc1\xf5\r\xee\x15w\x7f\xfeR\x86\xcagg\xb9\xf3\xea\x9c\x0cJ\xa2i\x1f i\r\xe7\xfen\xbaV\xaf{t\xa2\x9e\x14\xf2;\xbaV#T\xab\xd8\xa6\xac%\x8b\xa2\xd4&lt;:\r-\x00\x00 \x96&amp;J.\x1d-U\xceA\xea#\xbb\x03,\xf5\xf1L\xa7*\xee\xe62\x16\xb5\rkX\xed\xe3*\xa7\x02\x8c\xfd\xfe\xf5.\xec\x92c\xaf\xff\xd2\xf1\xe0\xbc\xba,4\\{\xac\x08$\xa8G5\x1a\xc1g\xd7\x036\xa1\xe6\xa1\xb9bk\x05\x00\xa0\x1c\xd6\xaa1U\x84JV(\xe8\x84\xf1\x11\x0f\x9c\xe6\xbc\xb9:\xb2\x8a\xe2\xf2\xdc\x8b\xb8/\x16\x1d\x0c\xdc/\xb8\x14gU\xd6\xd6\xfb\xb8\xdbg\x8e\xafw\xee\xda\xd1\x08o\xc8\xabN,\xaa\xaaO\xde]}\xb9\xd1\x92&amp;O\xa3,\x00 \x00\xdc\x06\xe0\xf28W\x8d\xe7[k\xce?\xc7\xc7\x82\xb4{Q*_v~P\xa9\xf18\xb5\xf5U\x97~\xa5\xf7\xb5[\xae\x07t\xf8\x0f\x1a\xe1\xf6\x0c\xd6\x11\x1f\xbf\xfd\x1e\xeb\x91x&gt;\xd4\xc3\x0e\xaf\xec\x01\xc0*\x83\xed\xff\x1dT\xd8\x95\xe3|\xbbN\t=\xae\xba\x99\x0eT?\x8d\xe2&gt;j;\x1a\xdfgN\xca#\x8f\x89\xb3\xf5L\x87\x8a\xc0\r\xb6\xc5k&amp;^\xca`\xf1%\xc35sJ=\x87\x83\x14\x19)\rn\xa5\xcb\x91\xdb}]v\r\xac\x19pXJlh+U=\xc8\xc9\xb1.\x80p\xc7\x86\x0eUu\xf6\xd8\xa3\x9b\xef\xc2\xe6\xaa:\x8e\xc0\xee\xee\xa4\xaa\xc5\xa2\xf7^a\xf2Bav\x14\xbe\xd6\xb8\xd2\xd6\n\xc0:\xd9\xf6\xe5G\x0f\x00\xb8g\xf7;\xcf\xfe\xed\xa2\xaf!\xac\x190w\xc1\xed|\r\xe7p8\\F|\xeb(\xef\x96\xe9n\x81\xabb;J\x8d\xff\xae\xb2\x1f\xdf\xd2\xc1\xff\x1dq\xef\xdd\xe1p8\x88&lt;;\xa9F\x17H\r\xfe\x0f\x17\xc5~"\x18\xb4\x86q\xd58\xf3\x1d#\xb70\xeaE\x95_\x0bo\xa5\xd7s\'\x0b\x80l\xbd\xc8\xf5\x18\xc0\xf9\x96\xfa\x9d\xd8\x7f\x17D\x8cE?\x95\xaa\x99S\x9eQH\xf7\xf1j\x91M\x1f\xda\x01\xa9f\x01\xdc\x1c\xdf\xb5\xb5\x025\xc0\xcc\x85\xc6\x98V\xfc\x1b:\xf1C\'\x9f\xd85y\x9cg][sN]\\\xc9D\xeb|\xcbL\x8f\x01\xf8&gt;S{\xc3tM7Da\x97{M\xf0\x99\xbd\x87\xa8\xca+*\x9d)\x8b&lt;d\x1fu\x1b\x0b\x00h\x93\xbd-\x9c\x02\xa6!\x93\x17\x9ac\xdb\x17\xc5\xac\xb2\xa8\x95\xff\xf7\xf5\xa6i71\x0b\xba\xa9&lt;:6\xb0\xce/\x00\x8a\xf5\xf1\xdb+v\xb00&lt;\x9e\xcb\xcc\xabH\x1a\xcc\xebi{K\xe4m\x91\xf3\x02,\x04\xc3p\\\x1a!E\xd1\x7fT]Je\xc55dq\xabS]\x98\xce:|\xe4n\xdbg\xa1\xd2?\x16\xa3\xaa\x15?\x1e\xa7\xa2\xd9n\xd9?\x8f\xf1\x86\xdd?\xaaP\xb1\xfd\xfd8wg\x0f}\x11\x91\xb3\xfbu\xbf\xee\xa6_\xed\xb1\xb3\x99\xb2\x0f\xd4\xe3yt\xd8\t\x81A\xfe\xfc\x18~M\x14\xa8\xe5.\xe89\xe6\xfd\xb0xs\xc8\xe6\xab\xd8\xcd\x15\xd8\tu\\\xe1\xd9\\\x01+\xa1*Ua\xd2\xb4\xec\xa9/\r3\x0c\xc89.\x05\xa8\xc8MS\xcb\x04\x80Z\xd9U\x9e\x82t\x0c\x17\x00\x15^w\x0e\xd0\xa7\xf2;\x9a\xc6\x14P\xb5-\x83\x94%\xc6&amp;\xf7\x16y`X\xa3\x8cEF\xf6p\xff\xccQ\xff?\xc9r;\xd03w`\x1f\x80\rin\xfa4\xa70\x94\xa1/\r\x9fy^\x00\xfc\xdb\xd6:\x99\xf8\xe6*\xcd\xf6\xd2\x9bL\x14\xd2v\xe9\x19\x83\x8c\xd1\xe1\xef\xb3In\x9a\xeen\xfb\x0b\xa3\xd0\xdd\xed;\xb2m\x06\x8b\xb5\x13\x1b\x01*\x84\xb9\x03\xbb"\xeb\xe5\xe6M`\x01\xe0\xdd\xfc&amp;\x8do\xd1h\r,\xdcw\xb7c\xdaZ\x99\xd7Cjs\x1d\x87\xe0\x96\x91b/j\x10/m\xaa\xc2\x1cx\x02\xec\x90jo\x01\xba\x046\xb4\xfcKY\x00\x94\xc7\xb8FU\xa7\x052i\x15\xd0\xeb\xb4V\xaa\xd3\xda\x1b\x10o\xd5\x8bZ\xbeV&lt;U\xa10\xb8\x01\xec\x8ds\x96\xbd\xa4\x98\x0eg\xf4}/\xf3v\x94\xed\x18,\x00\xbc-\xff\xd7\xd9\'\xa9\xaa\xc8=r\x89V\x957x/\x00.\xb2\xfc\xd2\xf7\xbe\xc4\xcbD\xd5r\xdd\xad\x15\x80\xd6\xa8+j\x11I`\x86\x88r$\xaa\xcdRmA\x19\x1eA\xbd\xe2\x86\xb9\x04\xf03\x97\xcf$\r\x1d\x88\xb7\xa9g\x10s,\x00\xe2Ee5N7\xbe\xe5c2\x00\xac\xe2\xb1\x7f\x91Q\x0bO\x88$\xb0L\xe1\xac?\xda\xdc\xc25\xd7ha\xf6\x06\xd5j\xf5\x94\x9b\xe5\xd0!\xee\'\xde\xfe\xc2\xe2x\x8e\x05@\xb4\xb4\xdc\xf6\xbf\xea\xb9\x95Fo\xcblNa\x80\xddSK$\xe1\x9b\x02\xf6\x81\xfa\x0c\xa5\xf5`/\t\x17MW\xb2\xec\xee\xcbhN=\xdb]\xbfV\x19T\xa1\x97\xd7\xfdM\xa9\xf1\x9bz\x16 N\x02\xc0N\xb8\xd2\xd6\n@ \xc3\xabH^9ir\xf0%\xedb&amp;e\x87v+[\x8c=\xa9dc\xf3\x8cj\xfe\x1d\x0ek\xbd\xb4T\xfd\x03@\r\x10\xa2\xe1\xb29_\x8b\x9f\xce\x84\x80\xabK\xb5\\\x90\xaa\x0c\xbbM\x8c\x1b!\xf6g\xb4\xc2=\xaa\xe7\xe1\x93\xfe;+X\x0f\xc3,\xaa"\xaf\xdeZ\t\x00\xe8\xd8e"\x06X\xc5R\x83\xea\xab\x96n\xd2\xfd\xbc\x88\xc6\x1e\x11q\xae\xb49E\xe7"\xcb\xc5\xbe\x0b%\x07\xd5\x98Q\xb5\xd4wc\xc1\x88v\x0c\xae*\xf2I[+\x01\xd06I\x13\xa8N\x1eb\x04\xb8\\\xe6g\x82\x86&gt;\xca\x16\xfb\xf0_\xa3\xf3sAg\xf6\x89w\x89\x8a\\EDD\xfelcE.\x8b\x86\xa6R\xd1w3\x14l\x0b\xa0\x1c\x19v\xd0\xc8\xc8\x00\xebL\x17\x00k\xc5\xbd\xf9\x82\x94\xab\x85\xaf\x01\x9a\xcbg\xcb\xf7\xf9p\x11\x00 \x05mE\x86\xc2\x0b\x80\x86,\x03\xb0%\xaa*Og\xbe\x00\xac\xf0\xfa\xe9\x8dCs\x95\xee\xe4\r\x89\xb3;\xe2\xaa*r\xd3\xe4\xban\xc8J\x97\x13\xdf.B\xe4\x02\x00\x80&amp;\xb8\xf3\xd6\n\x8c\xd9\xef\x83y\x00\xdb\xd0\x97\xfeOXy8RUU\xae\xbd\xbf\xb9\xb7\xdc#\x16\x00\x00\x00\x00[\x93\xfe[J\x00\x9a\'\xea\xc5&amp;&gt;o\xbcQ\x91\'\x86\xb5\x02\x00\x000\x8f\xf5}w\xb0!\x9b\xd9\x7f\xb6\xa4a\r\xe0\xc9\x15[+\x00Y9\xcd\x05\x15\x11\xd5\xc3A|\xbf\xc5\xe6p\x10U9\xfc\xa6\xcb\x89\xbc\xcf\x1b\x00\x00\x92sLd:\xfc\xc2\x0e2\xce\x86\xe8\x86\xdf\xe07[\xc9\x1cN\xab\x12U\xe5\xfb\x1c]`\x01\xd0\x04\x81_?\xf9Y\xc3\x95\xb0\xaa\x1c\x0e\xbe\xa2\xd6\xe7\xd1163\xdf\x00`\xa7\x1c#)!n+\x0e\xa1\xfb\xcd|ss&amp;\xb6M\xf8\xb3m\x07;\n\xc0\xce\xd0\xee\xd5\xe6\xa7{x\x1e\x95\xe5UY&lt;|\x03p\x01\\\xf2\x1cW\xdb\x97\xae@\xf5pC\xc8\xc5\xa1rW\x06\x1d`r\x9f\xdc\xa9R\xcf27\x1a\x98o\xacR\x00\xa2\xb8\xe4\xb4\xca\xed\xc5\xb5\xe1\xf6d\x1aC\xb6k\xbeq\xe6s\x06\x1d.\x9c\xc9\xc6\xbc\xdb\x0b=\x1d\x84\xb6\x9a\x08Y\x00\x00\xc0\x19\xaf8\xf6\xb1M\x87\xbeJHj\xba\\\x9bY\xd0\x0c\x8b\x1b\x9a\xf8\xc6:\xdc\x1e\xb7_\xce\x99\xaa{bf\x94\xba\xc2n\xe23\x85p\xdf?\xa4\xa6\xf3.\\\x0b\xf2r~xI\x1c\x9d\xcd\xf7x\x00\xc8\x8a\xaa\x1eD6{\x18\xb9}x\x08x\xb7t\x95\xd4\xe9\xfd\t\xe7W\xfa\xc81}\x85N\x99N\x08\xc0\x84\x04\x8f\xdcm\xf8r\tpA\x83\xde\'V1\xae\x1da\xbf\x03\xa0*\x98\x92\x91\\ik\x05\xa0\x10*"*\x87\x83\x1c\x0eq+\x00\xca3\xc8\xc8\xe1pvP\xc8L\xf8\xee\xcf&gt;\xb6\x00\x0e\x07\n\x88\xb6\xe0\xfe+h\x85\xa0\xfb\xd3\x8a\xbb7\x0b\x80\xdd2Mm\xc9\x9c\xeb \x87\x9d\xac\x03H\'IQ\xc1\xa4\xed\xf0_[+\xb09{\x08a\x97\xc3\xa9:z\x9b&amp;"L\x13J\xee\x83J\x9f\xcc\tP\xe8K\xd2k\x01-\x91\xd8\x89u\x82&lt;O\xe5~&lt;\x0b{\xa6\xbe\xa8q\xa6Z\xc5\x16\xa84\x10\x03\x04\xc2{\xc3\xea\xa2\x95\xf0\x92\xcfmp\xc8)\xd5\xe6\x9d\x00\x95\xee\x9d^\x0bh\x87\\/\xe9\x1f/\x03\xe4\xc3\x927\x04\xa9\xc9\x10\xd1\xf2\x06\xcaj\x031@\x10\x1f\x81?\xc7S\xd6\x80\xfb^\xb3\xa9\xca\x13\xf6\xdb\xbbPx\xc17\xc0\x1c\xd6\x05\xc0\x0fl\xad\xd5E\xf1O[+P\x06\x16\x00\xb0;T\xe5\xdf6q\xe9?\xd8\xa2\xd1\x1d\xb0\xef\xf8C\xa5\x0b\x00&gt;\xf4u\xffi\xa1\xfc\x1e[k\x04{\x85\xfc\x04;c\xb4uR\xae\xd5\xd6\xa7\x92\xb7\xb9\xd8;\x00?\x9a\x9f#\x9b\xc3SP\x17\xc1\xf9\r\xd6\x0c7\xc0V$xG*\x94e\\\xc4\x16{\xff\xe9\xe5E\xec\x81\xa9/\xa9\xe3\x10\xc8\xe5\xcd\x91\xf4\xf0\x16\xa0\x8b\xe0p8$\x9f\'\xdc\xef\x01\xe0\x03\x89\xaam~\xbf`[9"\xf6F\xbc\x97\xdba\x83\xce\x92YZ\xe0\xb1l\xc0\xb7\xce&gt;B\x0cd\xa4\x8b\xc5\xa3\x84\xe4\xf9\xbd\x98\xa7o%N\xab\x1b\x00@&gt;\x86_|.D0_\xbc\xb7i\r\x8b\xefe\t\xb4[\xd8\x83w\xa6\xd2\xcb\xbf\\\x01\xd8\'\xa9\xb6\xe7M!V\x81\x8e\x8d\xa8\xf9\xb5\x18\xa7\xdb[?$^=\xa8\x8fk\xfa\x1c\xcc\x06\xd2\xbeh\xff\xce\xf5\x11\xfb\xd9\x88\xdf\x82\x90\x1c\x84\xb9[\x83\xcb5\xeb\xdc\xb7L3/(\xd3\x0c\xd4\x8e\xf1\xd4Z\xd4\xe4\x1c\xbf&gt;\xe8\xd5\xe1\xd2~\xd2X\x01\xec\xacJ\x00\x00\x119\xbf\xa9}\x7f\xb3[\xf7\xb7\xb6)@\xd8\xc3\xd3\xc3\xb7V\xec\x98S\xef\xda\xbd\x99\xb6\xfc\xc3\xf1-\xf3\xc6l\x92\xb1\xff\x0eIS\xb8\xcb\x03\xe2\x9dC\xdf\xb4\xf3y\xbe\xd7~\x01\x00lFh\x81x!\x0b\x80\x13\xbe&amp;\xaa,\x17\xbbhR\x8f\xb6\xbbDE\xbe1\xecL.\xb7\xed\x93\xfe\xc6}\xe1\xa2\xea*&lt;\x9f\xb0!\x95\xde\x1c\tC\x18&amp;\x08 0\xb4^\xde\xcd\xe5\x1e\xf3\xebd\x1c\t\xcb\xec\xe5\'r\xfa\xf4Jy\x93\n\x9e\x01\xd8\'\xfd\xa4`v\xacsh\xd8L\xb3w&amp;x\xed\x9f\xdd,\x99&gt;\xebL\xb7\xaf\xd8\x1f\xaa\x1c\x06\x08\xc2\x08\x0c\xad\xcd\xbe\x04\xe9\xddCO\xf4\xe8\xec\xc90\xfd\x19^\xd3s\x13\xab\xe6jTE\xe4\xab|\xa3\xd3]sh\x02P\x1b\xdf\xbdV\x02\xce\xd7\x8e[\xa6\xfc;m\xd7t{,]+\xbf\xaa\xf3 \xfeZ\xb1\x11\xb7~\xa7\x12\xf5\xe5\x0e\xd8\xdf-\xf2;\xebN\x8b\xb4\xf5\xe8EC\xaa\x96b}\x13*\xc8h\xa3G\x13=O\xf6n\x0e`w\xbc@DE\xee=\xfdC\x057_\xeer\x8af\xe9T\x9a\xc7\xb0\n\x8d\xf8\xb5f\x16\x00\xb0\x03\xda\xaa\xd5\x96\xf9 \x91\xdbo\xad\x03H\xff0@3~\xd5\x8a\x9e%p\x8a\xf3\xa7\xc1\xfd\x9cP\xf1\xad?+\xd2\xae\xe6\xb0O\xa8\xcf\xd2\xf3\x1d9\xd3X\xa2\xf1*6\xe2\xfa\xb4\x962:\\ \xf8g&gt;\xbc\x0c{NF\xef\xc6p$!0\xb9\x07$/\xb7\x8d\x9eo\x8c_\xe0\xb1\xa34O\xd3K#\xd8\x84~:\xe1:\xc90\x82\xd4Wl\xadKB\xf6\xb4\xe9\x0b{\x85,X\x159\xea\xc8\xc4\xdco\x97\x0e\xa3*\xcf\x0b\xbcg&amp;\xe0,\xc7\x81\x8b\x1f\xdct\x1e\xb2\xbfA\xef\n9\xd248\xc3\x02 9\xecR@48O\x08\xd7a\xde5\xce\x16\x91\xb3\xda\xf4\x17\xaaX\x7f\xbfL\xc0\xe9\xe1\xcb\x06\xff\x1d\xa2b\xeaM\xdb\xadv\xd0\xe3\xf9\xb9\xfdv\r\xb2\x93in\\\x94G\xb2\x00\x00\xd8\x04\xe6]\xd5\xb8\x05FFPDN\xc6\n=/"\x07El\x08\x9e\x97\x01\xae\x87\x87\xb5\x12u\x95\xef\x02\xb6;\xe7\xc6\x9d\xd7\x80\xc2*\x87\xf3\xbf\x9dO\x92\x9c\x1c\x9a}\xb1\x1d@\x0e\x8a\x05\x93\x07\x1d\x8a6\x079h(r\xea\xf1\xae\xb3,\xcb\xce\xb0$\x12\xaf\xc9\xa1\xd8\x9b\xb2C[!\xb7.\x82y \t\xfb_+\xd7\x01F\x86=\xf3\x95~E\xc9r\xd8a\xb2@=\xa8\xc4\xec\xb5g\xa0\xdf\xfb\xdfF\xa5\xb0F\xcb\xdf\xf4\x05\x00+\xb0\x00(\x9d\x1b\x9d\xf5\x00\x00 \x00IDATAU\xf9\x03`k\x96j\x17&amp;\xcb\xde\xd1W4\xf8\xaa\xc7\x82&gt;\xb9\xbc\xde\x88\xbb\xf9\xe7R\xf8\xfc\xad\x15\x00\x80m\xa8nUs\x8e\xd7\xc1\xdf+\tp!P\xdf\xec\x9en|\x19b;\x0b\xfe\x1f{\xf7\x7f\x15L5\xc7\x19\xd2\xc0\x9dA\x90\x9ec\xac9\xe8\xf1\x19\x93\xea}LUE*\xbbA_U\x8f\xf7\xed\x1d\xb5\xd2\x06\xcc\x08P\x1a\x15=\x15\x02\x07\xe1F\xd7\xddrJ(\x8co\x08}\xe5o\x18\xf0\x98_\xda\xb5g?\xe9\x01\xc0\xc4\xeb\xdd[\x19V\xd2\xaa\xc3]\x87\xfaW\xeaU)y\xdf\xad\x15\x00h\x83\xabvA\xe6\xd6\xf5\xcc\xdfHv\xd3\x91\xb4\xb4s\x0b\xd0\x96w\xdb\xbb\xb2Ej\xae\xda \x00\xbbAEUn\xe08\xbd\x1d\xdf\xbf\xd6\x1d\xf6W\xeb\x12\'\xc8U\xeb\x9f\xfc\xf5hX\xd5j\x04\xa0b4\xdb\xebV\xe0\x12I\xe2H9v\xbeT\xe4Z\xe9\xa4\xc9\xf8\xdd\xb8\x7f\xc8$\x1a\xd1t\x16nW\xf3\x8b\'\xf3\xd3\xfa\x9f6mp\xda\xbaq\xbf\xe0\xb4\x98__0\x8c\x8fo\xe0"\xc0W\x17\xd1\xd0uI\xf6\xb5\rX,\x8c]v\n\xb6\xe2U\xc7\x05@\xe5\xbb\xad\xd0\x0e\t\x1d\xe9\x0f#\xa4\x95v\xe9\xc6\x9f\x10H\x0f\x06\x81m(|\xe7L\xd7\xdcoX\xaa\xf6\xc11\x1e_\x076(\xfa\x9b\xa8e\xb3\x1a\\\x87\xff\xdcNyM\x19\xa3\xbd\xb4H+&amp;\xf5;\x03\xb4A\x1f\xa9H\xd5\x17\xc1\x05\x8dr\xe9\xfbs\xa2\xea\xdd\'\x89\xa8\xc8\x97\'TgsX\x00\xc0V\xccm\xb4\x7f\xa2|Zr\x8f\xb4\xec\xee\xfb\xbb\xbe\x8a\xbc|\xf2I[8^\xdc\xb0\x9f\xeb"&lt;\xe8\x1b\xd1U\xfe.`\xf1\xe0\xd3F\x89\xa5fs\xce\x005\xd3\xbb\xebpcb\x99\x17\xe6V\x0b\xc2\xa0\xccj\x1c\xbd\xdfd\xc7\x10\x1a\x82o\x02\xae\x8d\xb9\xaf\x8c}\xae\xbcA\xd2\xdeV8\x9a\xb3\xc76}\xbf\xb0VUTox\xa9u\x9e:\xf6;\xc0:\xaa\xa2\xd7\xea\xefq8\xde\xed\xec/f\x89\xc3\xdf\x9c\xfe?\xadX\xb8x\xf2D\x83\xef\x1eT\x1a\x87\xfe\xffW\x1d\xf8\xfb\xb3\xe8\x03\xd1\xd8rM\xbeT\xa2\xf2x_\xe11{C\x97\xc0\xe1\xcd\xa7\xff\xdfV\x8dHrm\xb1\xd5O\xdb\xe3\x06\xc1L\x83Z\xd8K\xc1L9\xed\xbeVLU\xfd_#\xb8\xfa&amp;\xb2\xe3\xbb;\xbb\xf7\x14z\x1ag&amp;\xed\xb4k\xe4\x0bF/,\xd2f\xea\xefiJ\x98o3\xbc0\xc3B8\xea\xff.\xd1}d\xb7\xbc\xe8\xf1%\xda\xd2\xeeLT\xd5\xa6\xf5\x8f\x81+\x00\x97\x86}K#8\xba\x99\'\xb6\xbbYrp\xd9F\x1c\xf1\xc6\xe3f\xe4B\x7f\x0f\xa7\xff\x06\x08\x97\xe3\xb5\x98\xd3\x8fO\x19\xfc\xa1I\x0b_4+~\xb2?2\xa5\xd2\xe9\xd5\xd1K\xcc\xd9\x10\xc6\xe1\xa1\xc7\xff\xf7\x98\x89\x14\xfd\xab\x9c\xac\xf9\xc6M\x95\x88\x83A\x86\x0b\xe0\x874\xe8\xad&gt;\x8e$\x17X\x92\xe7\x85\xd4g\xe5\xfa;\xb8\xe9\xb9M\x0b\x97\x01\xcb\x00\xec\x92dyJDE\xbe\xc3\xf3\xa4\x0b\xbd?\xc4\x85\xbdd\xa5\xd6\xf5?\xe2\xdd\x0b\xd6&gt;\x97B\xc2]\xff\xe5vD\x9b[S\xaf\xde\xccc\xe3-\xaaW&gt;\xfd\xc8F\x11\x00\x00\\\x1a\xe7\x1b\xab\x84b\xb2\x02\xbco\x89\xe4\x16\xa0\x8b`Z\xfd?&gt;WC\xa2m\xbd\xdb!x\xf3\xe2\x8a\x81\x94$\xba\x00\xec\x17\xe6\x08\xc0\xde8\xfc\xee\xe9\xff\xb7U\x03D\x84Q\x00;\xb6;\x7f\xb2\xe4\xe3\x0c7\x17\xe5%\xc6\x1a}O\x1b\xe9\xec\x0c\\\xe0\x86\x02\xc4\xbb\x99!\x81\xbb2\xe0"\xf8\xbcV2)\x00d!\xba\xc4\xccw\xeb\xffRK\x99\x9aHKt\x05\xbf\x8f\xaf"j]\x7f+o\xb7\xb5\x02 F\xd5\x1e\xfb\xae\xbd\x07u\x13\xed\xbch\x7f7\x96\x01\xb0{V\x93K\xf3\xd9\x07\x00f9\xd7\xd3\x9f\x11\xb5K]~\r\xd0F`\xcay=\x04\xb6\x80\xd1\xdc\x9cnU\x9c\xf0\x05\xdb\xfd\xb7\xe9u\xe1\xa5\xa1\x8d\x06\x80\x086w\xf2\x7f\xdfZ\x01\x80\x0bb\x985CS\xddb\xf5\x9f1\xa64\xb6\x06\x80]\xc1\x02`s\xcc\xea?\x83\xf4&gt;\x82=5\x87|\x00\x80K\x80\x87\x06jD\x87O\xd6w\xa5\xbf\xef\xb3\xf6\xcbk\x86\x9c\xef\xae\x19\xb4|\x91/\xc9\tz\xb3\xd0%\xa2\xc3W\x17\xc4[,\xf4\x9b\xd7\x00\x00\x00.\x06\xde\x02\xd4\x12\xa9\xf7\xd3\xd5\xf8oR\xb9:\xfa\xf5\x02wd\x0f"_\xb3\xb5\x0e\x152\xf5\x84C\xd2\xea\xdfh\xe6\x12\xbd\x0eR\xe2r\xdd\x95\xdb\x90ZEU\xe4M\x0b\x7f.\xa7\t\x00@\xc7$\xa9\x04\xde\xb8\xbfp\x0b\x90!-\xe6J\xbd\xfd\xc4\x99\x86\x00J\xf0T\x1c\x0f\xe2q\xf3"\xdc\xacU\x9e\xb82\xac\xc5\x14\x01\xd8\n\xae\x92WK\x7fc\xc4\xe9\x8e \x119\xbcI\xe4\xea\x1e"\xd6\xa2\xd8\xe1p\x85\xc8[T\x03\xef\xd2Q\xd5\x83X\xee\xb5\x98\xb6\xcb\x17\x85@1\xfeN\xf5Z\xc6\xaf\x17y\x07\x1a\xc4b\x06\xb1\x05\x17:\xdf\xae\x89\x8f\x01@cp\x0bP\xb5t\x19\xc5,\xa6SV\xff""\xfa\x96\xf3Q\x81\x8f\xd39\xee\x93\xa8\xba\x1f\x0b\x15\xd2\xd2\x93\xb5\xd7&gt;\xfc\xe5\xd6*@\xf3\x1c\x0e\xa7\x9d\x8d\xe5\xda\xfep8P\xfdWO3\xb1\x0b\xf6\r\x17\x0c\xc1\x93\xd0W\xf7\xac\xde\xff3w\x8b\x8e\xa3\x8f\xce^\x1fwk\x05\x1a\xe24|\xed\x8c\xe0\xd0\xeb\x9aQ\x1bD\xa4\xad\xd5&amp;@\x04\xf8ym|~f\xf9\x14B\xe0\xc1\xb0\x80\xf6\xa9f\xbc\x16\x00C\xa7tjb\xa2\xd8z\xa3~]\x87\r\xb0\x8eQ\x93#8uN\x88F\xe5j\xa9\x8c\xc9\xa04\xc4\xd3\x86\xbf2v\x00&amp;\xcc\x08\xc8\xc3\xb8\x86~Z\xae\x05\x80Wy7&gt;\xf1\nui\x90yR3\xf3ct~\xa7{s\x95\xf4\xf5\x8e\x9a\xf3\x95\xc0\ta\x01p\xe1\xec/\x8c\xef\xac;\x00\xd0*\xe3\xf0:\xae\xa1\x9d\x8b\xb0\x92\x0b\x80\xe4\xf2\xa1&lt;\xbe\x0e\xd6\x08;\xeb\x0e\x80\x89\xca\x9f\x16\xf6p\x15yL\xd9\x16!\x1e\xc2 X\xe0\xe9\xa5:\xd1\xe1\xd0\xf4\xc5\xb3\xfb\xebt\x02\nn\xf7\xa7\xd9\xc2\xaay\x9e\x96\xab\x86\x99\xef)S\xd5\xbd\r\xd3\x15"\xffE\xa0k\x07e\xb0&lt;)l1\x06\xa8AT\xf9bD\x98\xc2[\x80\xead4W\x0f\x1d\xf9\xaa\x7f\xb8$f\xbc\xe8T\xfb\xef\xc9y\xde\xb2\xb5\x02\xe0\x03\xaf\x0b\xf3\xa6pa\xb7\xd7:\xb2\xa4\xd7\xfd|\xc1\xb6D\x84\xafE\x07;\xb8\xc5&gt;\xf1]\x00\x04l\xfaf\xbd\xc2\x00\x00\x97\x88\xaa\x9c.r6\xb7\xd3\xdc\x9c\xc2\xeeh\xf0w\xc5\x00@\xb5p\x05\x00\xd8\x1d\x80\na\x1b\xf8"\xe9oq\xdc&lt;*\xf9z\xe0\xe6\n\xe7c\xc7]\x03\xb8\\X\x00\xec\x13\xaf\xdd\x1an\x17\x82\x82tO\x84w\xff\xacPs\\&amp;5\x8c\xfb}E\x95\x15\xa8\t\xdb\xff\x00\x00\r\x91\xfd\xfd&lt;\xbc\x02\xa8N\xae\xa2*\xf2\xe4\xad\xb5\x98\x03\x97\x80\xfa\t\xf9\xd6\xc5|\xda@NT\xe4/\xb6\xd6\xc1\x07&lt;\r\x12\xc1\xb2~\xcf\xac\xe6\xa4$\xfb:.\x99\x8f\r\xa4\x148\xddd|\x1c\x8e\x0f\x14y\xf9\x92\xcd7\xbd_\xf9\xec1x\x05\xcc\xd3\xd2-\xf5]\x0c\xac\xc1\xa5\x8f\xca\xd4\xa0I#\xb4\xe4i"2\xfb\x0e7\x00\x11/\xf7\xe0\x16 \x88\xe5ps\x97\xa3\xd8\xb4\x88\xc7iJ\x1f\x0fz\xf9\xd2\xb1\xc7\na\xbb\x11\xe9_i5\x07\xde\x02\xb5\xd57\x8e\xd7\x04p\xdd\xe6\xa8\xcd\xd3Vq}\x19 \\":}\x97\xda#\xb7\xd2\x056\xa5\xd4=9\xeb\xf7\xff\xbc/y\xb1\x0c.e\xca\xfe\xbe\xcbs\x95\x0b\xec\xf2%PrL\x17\x9fZ\x19\xc4\xd5[\x14\xd4\xaa\x0c\xcc\x1d/0\x17T\x05\xe9\xefR\x99\xad\xc8\x0b/\x00\xb8m\xb1\x00\';\xff\xd4\xdc\x9f\xb34\xfa\xd9\xa9\xc4f\xf5\x10&lt;p\x97\x94\x1fS{*\xddu\xa0;\xec\xb1SY\xa1\xde\x02\x80\n\x98\xdf\xfe/\xbb\x00\x00o\x02\x8c\xf6\xa1\xf2\xd6\\\xa6&gt;\x157\x96\xd1L\xd8b&amp;\xe5\xb3\xf8&lt;\xec\x9f\xd7\xb9\xfaL\xa6\xb8Z\r\xbb\xec\x14\xc0\xce\xf8!\xb6\xba`L\x81\x8a|\xb1\xf4\xc7\x1d\x83\xf8\xdd\xbaf\xf2`LkR\xcc\x05\x16\xa2\x10\x82s\xf8:y\xd7_\x10\xee\x9a\x84\xe0\x00;\x804\x07\x16\xcal\xc9\xcf/\x00\xa0u\xba\x85\\\xab\xc3zAk\xd1\xd6\x86\xc6\xc0{\x80*r\xc5\xcbq\xb0=\xf2\x99\xf58\x12@ \xec\xba\xc2\x0c\x05Js\xaa\xff\x1d\xa3\x83]\xff\xf6\xe2\xcb%yc{\xa3s\xe6\xa8\xf9\x978\x1f\x99$\xc8\x9cOW\x95;\xc5\x89"\xef\x96\x00\x0b\x03\xd80\xeb.b\xd1e\xe03\xc6\xd6\x02=QUd\xaf\xfe/\xa5\xe4\x82\xfa\xb9\x9c\x05@\xbbx$\xad\xe1.C\xcc\xc</t>
        </is>
      </c>
      <c r="E488" t="inlineStr">
        <is>
          <t>&lt;class 'numpy.ndarray'&gt;</t>
        </is>
      </c>
    </row>
    <row r="489">
      <c r="A489" s="1" t="n">
        <v>487</v>
      </c>
      <c r="B489" t="inlineStr">
        <is>
          <t>steps_per_sec</t>
        </is>
      </c>
      <c r="C489" t="n">
        <v>5500</v>
      </c>
      <c r="D489" t="inlineStr">
        <is>
          <t>3.0746448</t>
        </is>
      </c>
      <c r="E489" t="inlineStr">
        <is>
          <t>&lt;class 'numpy.ndarray'&gt;</t>
        </is>
      </c>
    </row>
    <row r="490">
      <c r="A490" s="1" t="n">
        <v>488</v>
      </c>
      <c r="B490" t="inlineStr">
        <is>
          <t>Loss/RPNLoss/localization_loss</t>
        </is>
      </c>
      <c r="C490" t="n">
        <v>5500</v>
      </c>
      <c r="D490" t="inlineStr">
        <is>
          <t>0.3832736</t>
        </is>
      </c>
      <c r="E490" t="inlineStr">
        <is>
          <t>&lt;class 'numpy.ndarray'&gt;</t>
        </is>
      </c>
    </row>
    <row r="491">
      <c r="A491" s="1" t="n">
        <v>489</v>
      </c>
      <c r="B491" t="inlineStr">
        <is>
          <t>Loss/RPNLoss/objectness_loss</t>
        </is>
      </c>
      <c r="C491" t="n">
        <v>5500</v>
      </c>
      <c r="D491" t="inlineStr">
        <is>
          <t>0.019038983</t>
        </is>
      </c>
      <c r="E491" t="inlineStr">
        <is>
          <t>&lt;class 'numpy.ndarray'&gt;</t>
        </is>
      </c>
    </row>
    <row r="492">
      <c r="A492" s="1" t="n">
        <v>490</v>
      </c>
      <c r="B492" t="inlineStr">
        <is>
          <t>Loss/BoxClassifierLoss/localization_loss</t>
        </is>
      </c>
      <c r="C492" t="n">
        <v>5500</v>
      </c>
      <c r="D492" t="inlineStr">
        <is>
          <t>0.108515844</t>
        </is>
      </c>
      <c r="E492" t="inlineStr">
        <is>
          <t>&lt;class 'numpy.ndarray'&gt;</t>
        </is>
      </c>
    </row>
    <row r="493">
      <c r="A493" s="1" t="n">
        <v>491</v>
      </c>
      <c r="B493" t="inlineStr">
        <is>
          <t>Loss/BoxClassifierLoss/classification_loss</t>
        </is>
      </c>
      <c r="C493" t="n">
        <v>5500</v>
      </c>
      <c r="D493" t="inlineStr">
        <is>
          <t>0.050647218</t>
        </is>
      </c>
      <c r="E493" t="inlineStr">
        <is>
          <t>&lt;class 'numpy.ndarray'&gt;</t>
        </is>
      </c>
    </row>
    <row r="494">
      <c r="A494" s="1" t="n">
        <v>492</v>
      </c>
      <c r="B494" t="inlineStr">
        <is>
          <t>Loss/regularization_loss</t>
        </is>
      </c>
      <c r="C494" t="n">
        <v>5500</v>
      </c>
      <c r="D494" t="inlineStr">
        <is>
          <t>0.0</t>
        </is>
      </c>
      <c r="E494" t="inlineStr">
        <is>
          <t>&lt;class 'numpy.ndarray'&gt;</t>
        </is>
      </c>
    </row>
    <row r="495">
      <c r="A495" s="1" t="n">
        <v>493</v>
      </c>
      <c r="B495" t="inlineStr">
        <is>
          <t>Loss/total_loss</t>
        </is>
      </c>
      <c r="C495" t="n">
        <v>5500</v>
      </c>
      <c r="D495" t="inlineStr">
        <is>
          <t>0.56147563</t>
        </is>
      </c>
      <c r="E495" t="inlineStr">
        <is>
          <t>&lt;class 'numpy.ndarray'&gt;</t>
        </is>
      </c>
    </row>
    <row r="496">
      <c r="A496" s="1" t="n">
        <v>494</v>
      </c>
      <c r="B496" t="inlineStr">
        <is>
          <t>learning_rate</t>
        </is>
      </c>
      <c r="C496" t="n">
        <v>5500</v>
      </c>
      <c r="D496" t="inlineStr">
        <is>
          <t>0.039874244</t>
        </is>
      </c>
      <c r="E496" t="inlineStr">
        <is>
          <t>&lt;class 'numpy.ndarray'&gt;</t>
        </is>
      </c>
    </row>
    <row r="497">
      <c r="A497" s="1" t="n">
        <v>495</v>
      </c>
      <c r="B497" t="inlineStr">
        <is>
          <t>train_input_images</t>
        </is>
      </c>
      <c r="C497" t="n">
        <v>5500</v>
      </c>
      <c r="D497" t="inlineStr">
        <is>
          <t>[b'1024' b'1024'
 b'\x89PNG\r\n\x1a\n\x00\x00\x00\rIHDR\x00\x00\x04\x00\x00\x00\x04\x00\x08\x02\x00\x00\x00\xf0\x7f\xbc\xd4\x00\x00 \x00IDATx\x9c\xec}w\xfc6;Q\xef\x84v\x0e\x87v@\x10\xa5\xc3A\xe0P.E\x04D@\x10\x90r\xa5\xf7+\x02\x02\x02r\x15\x0bH\x93\xde\x11\xe4*\x16\xaa\x14Q\x01\xa5s\x91"\xd2\x8bt\xa4(\\\x04\x04Az\xaf"\x9c\xb9\x7f\xec&amp;\x9b2I&amp;mw\x9f\xdf;\xdf\xcf[\x9eg7\x99\x99L\xdad2\xc9\xa3@ \x10\x08j\x81\x88\xd3\x07\x05\x00J\xc5\xde\x92Pj\xce\x97 \x0f\xa0&amp;"\x8c\xc4\xeb\x00\xab\xc4\xf05\xd1\xa38\x13\xc5:"\xe7C\xfc\x14%\x0cQcJs\x02\x00\x15Tq\x17x\\G\xd65U\xc0\xe2B!"+\x97\xc7\xec\xf6\x00\x7f\x99\xcf\x95\xee4=\xab \xc6\xc9f\x91\x91&amp;\x9eq[\xe8AC\x05\xcf x\xee\xbd\\\xd0\xde\x0em\xaa1a"\t\x1a\xe1\x0fS~\x17\xb3:5\x00\xa8\xcb\x03\xbc\xa7\x9a\xbbC[)\xb5L\n\x91\x121\x1b\x95\xfa.\xe0\t\xf4\xcc\xd2\x06\x04\x00x\x0b\xe0\xcf\x01h!\xa32\'eMT\x19\xa7s\x95\xe2\xc7\x11\xbf@\x10\x04N+%\xe59U\xb5(\x02\x81\xe0\x98\xc7g\x01@M\x83\x1a5\xae\x85\x8f\xa6\xc4JM\xe3`\xc6\xfa\x7f\x0c\xc24X\xef\xc6\xfa\x87Z1\xd4T\xea\xde\x92TR\xb4\xad\x7f\x000S\x03=gi&amp;\xb7\xa9c\xc6\x10\xc7\xff\x8e1Q\x9a\xb8 \xd2\x93r\x91\x8d\x0b%\xa2\x99\xa6\xae\x14(\xf5e\x86\xf5\xeff\xa7\xb9c\xa8\xb1\xcexE5\xfd\xc1\x82\xb1\xa1\x08KK9\xff\x01\x80n\x13\x91v\x01mc\x8eO5]q\x1d\x07\x87Dy\x964\xde\xd7w\x17\xf7\x02\x8b\xdd\xf2y*\xc4T\x96D\x89\xe6\x1e\x91$\xab\x00\xe0\x0c\x83\x06~\x05\xa0\xe0*\x86\xae\x99b(\xeb\\}\xcb~4Mtj\xfe\xb0\xf6\x94\xc4\xb0\xfecm,\xb2\x1a\xe9!\x95@ \x10\xc4\x80\x88U^\x9c_G\xfcsP\n\x10w\xb5\x00hA\xd2\x07\xb9\x85\x18\x13\x8cz\xa3\x9ex\xfdbDE\x8cp\x95\xf18\xd4\xf1\x9a7OV\xabAR\xfa^\xdcgO9\xc4\xbag\x99Y\xb8\x9f\x1d\x80\x10\xb43\x1e\x11TtE\xc7,\x0e_G\n\x00\xd4U\x01\xde\x12\xe6\xeb[\xa1\x04A\x86\x94u2\x04\x83F\x19\x11K`\x18\xa1\x90,k=\xa6E7T\x17\t/\x08\xf0\xef5\xbb\x856Z\xca\x15\xd6\xa1E-3\xb9Pye\x07@ \x10\x8c\x85\x8a\xed\x0fd\xf0\xa4i\x1c\xdb\xb3QQ\n\xed\x83\xdc\xb8D\x8bJ\xb5\xa3\x94\xda\xbd\xb1\x9e\x9b\xa9\xa3\xbf_~\x07(la\x9f~\x9c^\x15Y\x0f\x93~\xe46(u\xab\xe0IG\xe2\x99\xee9\xbe\xa9\xae\xd2\x19\xe26\xbe\xad\x03\xf5\xd8\n\xc2Q\xdf\xaa\xeb96z~\x8b\xfbLu\xdb\x1c\xb4Z \xdd\x9f5\x9f\xbb\x90\xd2n4(MB\xe9\xa1\xde\x8c\x90kH\xa3\xebH\x8frz\xc39\x8a\x7f\x1f-Q\x06\x94R\xd0\xfb?\xfc2\xe7U\xde\xd7\xfa\rd\x81@ X\x13G\xc4\xf0D\xc4\xbd\x1b\xd1\xa1x\xe8\x80\xc8\x10&lt;\x9f\x9fDJ\x8a\x0c\xf4\xad\xf1$\xa3&amp;\x9a\x8f\x9c\xc2\x95\xc6\x88\x1d\xf2\x84\x15\xe2\x7f\x02\x8eO\xe6TXU\xf1\x97\x8cC;\x05\xb3\xd2k\x8a\xd3G\x0f\xed\xa8j\xd5}\x84\xacb\xbd\x07x\x95\x15o\x8a\xf5\xd5\xfavn\xdb+\x949 \x88\x1cF\xce[\xb3\xf5\'\x10\x08\x04{\x06\x12G\xfa\xb6\x07f\xc2\'\x8e\x0c\x9c\xd9$\x11Z0\xb9\xf1\xbc\xb9\'\xa85\xd6$\xd8\xb9\xae)\x9e\x8d\xe1L\xb1b\xec\xa6\x95b{\xec\\\x85\xbdRR|\xb7]\xc1\x90~D\x16\x81\x19#\x11KI\xe6\xda4Lq\x91}\xfd\xe1\xe8\xb2\x88\xef\xd5\x9f\xd7Q\xc2\xa2\xf3\xfb\x03&lt;:\xc1.\x1a\xd5\x03nu+\xa5r!4\x88\x08\xea\x04\x80\xefqK7h|\x08\xc9N\xe4\x88\xf1\r\xfc\x96\x10\xe6\x95\x10 \x81@\xb0s\xa4\xcf\xa8n\x033\x98\xeeH\xa6QXf\x11\xea\x90\xdc\xf2\x91\xdcC\xf7f\x1d\x96\xf5_$\x1d\x07\xf4\xa4\xdb\xc4\'q\xffG\x0b\xd98f\'\xdf\xbc\t\x90r(.o\xf2Q\ri\x8ec\xe1Z\'C8R6}W\x06V\x0c\xcf\x86\x0b\xbf\xc9\xd8\xbbYe\xb0e\x1b\xde\xeb|[\x81\xfbR\xa7\xf8\xa8x"\xddWb\x86\xf8O\xfa\x0f\xd2\xf1\x99J)\x80\xef\xb1E\x8cZ\xff\\\n1\x10\xf7W\xb1\x8f\xfd\xaa\xab\xfbOd\x01 \x10\x08\x0e\x03\x08;Z\x03\xec\xc6\xd1\xbb\x06\x92\x91\xca:\xbc\xf9oA\xa9\x94\t\xb7\xbf\x08\x81Fab\x9e\xc56\xaaqvz\xb3\x1f\x10m\xd1\xc3\x15\x97\x9f\xb1\x9a#\xb1\xdcS\x90j\x0b\xc5\x0c:\x10I\x81\xac\x8b\x08S\xbaLk\xb7X\x8b\xddq\x05\xfdE)\x00x\xd1\x08\x81\x8e*&gt;\xefT\xf7\t0\xb7\xed\xdb\'\xfbK\xfb\xa1\xf0\xf6\x16\x9f\xa2\xf0\xeat\xd67\xba\x84\x8e\xa99L \x10\x1c&amp;\x88\x11u\x1f\xf7\x02\xd9\xbb\xc6\xb0y\x00\xc0.\xc6\xf3\xa0\xae\x94{\xcd6\x07\xeb\xdc5T\xae./\xa2\x80.\xd3\xb8\x96\xc0\x8dQ\xb1\x83\xb2\xce\x03\xf0\xd9q\xad\xc2\x97\xa8\xb2\x05j2\x03\x1ap\xac\x8e\xbe\x01p"\'\xdb\x8f\x03|\xa9\x87T\x9cH!/\xd0\x91\x1f\xf7\x98\x0b\xba\x03\x80\x97\x7f\x0c\x7f\xe9\xa7\x8aZ\xa6\xbe\xbb\x8d\x954\x15&lt;\xd3\x19\x8c\xc2\xfa\xc9\xb2:\x9f\xd3\xe0\x92\x9aL\xdb\xb2\x00\xe8\x1a\x9a\xc5\x8c\xa2\x84\xac\xc0;\x980\x04\x02\x81 \x85\xe8x\xb7\x0b\x93\x17\x80?7\x0c\xe2\xae\x17\x00\xb0\x83!\x9d^\x14q\xa6\xac=\x9f\xa6(\xf1\xc5\x8e*Bn\r\x13\x9a\xe30\xbe=\xf41\xfe\x10q\x90\xb4\x91U\xd3\xf4j\xfa\x9c9\x0fP\xde,\xa9\xd0\xf3\xfc)\x14o\x19OtjzI\x10Yr\x93IJ/6\xd5\xb2\xa450r\x01\x80\x88.\xd9 v?#R:\xe5RRk\xf3\x85&lt;\x03\xa0\xc7\xf8\xb2\x15\x91&amp;\xc8\xcc\xc8Dj4*\xaa\x02\t\x01\x12\x08\x04uH]8\xe0\xa5l\xe3\xd3\x94{\x15lk\xb6\x1a\xfb`S)f\xcc\x97\xfayQ\xd1*H\xa4\xc2_\x02R{)C\x08f\x05\x0f]\x91z\xa4\xcf\xe4~\x8d\xb9\x1d\x07c6\x8fw\xb3\x14\xf7\x11\x15\xeb\xba\xf3\xffH\xdd\xeeb\x97\xa6\xacE\xfe\x8b\xb9a\xc5\xa7Hm\xd5,\xf7eE\x03\xb7\xccQ#\x93\xa2\xe2d\xb6\x16\xa14\xe3\x1cF\x9f49\xbbwYkZ\xd1w\xdc,&lt;\xdc\x85YG\x91R\xbaA7\xe8\x8eMR\x11#a\x0fD\xa9\xf1\xf7w\xa6\xffd\x01 \x10\x08j\xe0\x0c\xb2\xc9\x11w&gt;\x89\xd50Q\x18\x9br\xb7v\x86`\x019\xe19\x97\x9eO\t\x94m\x15)\x13\xda\xbe\xcf5\x00\xe3\xc2\xf6\xe1M\xf3\x7f8\xdf\xbe\x95L\xab\xd4\x19G\x8ab3j\xb7o:\x1e\x00\xf6\xbd\x12\x11\xbf\xfb\xdf\xc3\xab\xec&lt;\xfe\x01\x95\xa0\r\xb2\x85;9q\xa7\xbeiC\xb7\xe7PW\xef\x9b_\xcdk\x84\xe5\x85\x97\xce\xe3\x11\xe5\x9c\x16\xbc\x16\x9d{k\xba\x16\x9c\xdd\xc5\x1e%\xd2\xbfB\xb0\xb4a\x8a\xaaq\xe0\x17\xf8\x01\x96QnMp\xb9\xad.\x98@ 8J@\x17\xcc\xb4\xd5\xdc&lt;z\xb5t\x8e*\x16\x9f\xd9\xd6\x92\xd4\xa3\xb9\x91\xac\x82\x97 \x89\x1b\x8d\x17;d\x9ax\xdd\x85W#\x91"^]\xd8\xb9\x1a@Jg\xe6\xb7\x14\xa8W\xc6\xdf\x1ey\xde\x17\xbeT&gt;\xa3\x98\xf0\x06\xffl\xa7\x82\xbfC8\x99/\'w\xc4\xa6j\x87x\x1b\xa4\xa9D\x9c\xb2\xfb\xf5AH\xe6\xfb\x1dD\xf8\xf3J\xa9\x0c\xa3\xf6R\xf4\xc0\x0bR/\xe3Z*\xe2!\x8b\x00\x81@P\x03o`\xddG\x00\xfa1\x0b\xb4|c\x87Z\x0b?B&lt;\xd5\xbeO\x02\x00\x1d\x88\x0f+\xb4|\xd2\x8eq\xea:Ha\xbd\xa5\xa2\xd2\x19\xdc\xd6\xea\xd4\x86]\x07^8\x07\xca\xc3$y\x91Uj\xda^0\xb8u\x13\xcc\xa3\xa6\xa5%\xe9\xd3\xb2\xc7\x8e\xd6\xf0+\x8b\x94$\x97v&gt;&amp;\x9b\xd0f_-Q\xc4\x9d\x97\x0b\xbb\xa7 \x06?n\\\xd1t\x11\xd1\x1d|\xb6&lt;\xd9\xe5\xd4,\x84Cb\xacm\x94\t,!@\x02\x81\xa0\x03v\xee\xb7-Ag\x9fVo\x84"\r\x12\xd3\xbdx~8\xf0\xd4\n6\xb9\xc8\xbc\x08F8+&amp;m\x03\xeb_1&amp;{+W\xa9\x90&amp;\xdai\xd5\xba\xe8\xd2\x8e\xbdJ\xe1\x98DJ\x07\x19\x9a\xb6\xa7\xdc\xb7\x00O\xeb\xda\x05\x9cc\xac\x913\xbb\xac\x98{\x15y\xce\xe4\xce\x80R\xea[\n@\xddEG\xe8m\x01\xad\xa2He\x06\xd6\xff\x94\xb8\x86\x8bR\xf6vu\xa4A\x86SC\xe7\xc9\xc2#\x15\xd0\x8dX\xff\xe5\x8cv=\xd4\n\x04\x82\xdd\x82r\x85\x1e\x81\xf1\xc4/\xd6\nf\x106\\\x812\xc6!\xdd\xc7\xbdT\xca\xf1\xae\x00O=\nM(\x8f\xa4\xdf7\x9a\xde ^\xc5\xf5\xad\xd7s\x9c\xaf\x88P\xe6!\x02\xf0\xed3\xfb\x8e \xf7y\x83`\xeej,\xb7\xca5\xbeg\xf4\xcd\xfd\xf8\r?%\x12\x96\xee\x08\x85\xac|t\xab5[Q\xeag\x01\xdf\xee\x16\x99\xdc\x9b"\x04\xab\x97\xc7%\x16\xf6\x88tC\x1a\xb4\r\x12\xbb\x07\xa9;k\x81@ \xc8\x83\n@&lt;R\xd8e\x89\xe8\xc8\xd7\xbe\xb5@\x10]\xb6\x02\xfa\xe2\x816\xcf\xddD\xdf\x0eEEe\xe9_4\xe5\xed\xc6T5\x86\xfb\x8d\xa9\xdf&lt;\x16_\xeb\xa86F\xf0t\x99\xd3M\xbdo\xb7\xba\xe4\xee\xc6\xc9\xda\xee\xf6&amp;\xd4y\xed?+"\xa6@\xbf\xbeZ\xa4\xcaTV\xb4\xddt\xaa\xdf4M\xab\xa7t\xe6+\x10\x08\x04,P\x83T\xfb\x18\xd4k\x14;j\xd6dd\xa0w\xf4\x7f\xa7NU\xe0Uh\xd7\xfa\xa5\xd8\x1cC\x13XM\x91o\x1d\xede\x89(\x11;q:\x9e\x04\x11\x11\x8e\xdf\xc6\xfa\x9fDX\xc4\xbb\xe6\xda\xdd6l\x84$\xba\xb0Z+\x94\x8e\x87]\t\xd3\t\xecZ\xe3\x14&lt;5\xe2\xf5n-\x1e\xa3\x90 \x11\xf6\x19\x9ee/\xe7+\x10\x08\x04U\xa0\x06\xbe\xa61h5:\xb8\x91\xb3\xb3\x01\xb19\xa6\xa7\xfeC\x8a\xde\xa3\xcd\x17\x00S\xb2\xdbL\x92\x1c\x85Jd\xc9\x1f\xe9h\x98n\xc6\xfam\xa6#\xf4m&lt;\x87\x86P\xb5\x04Z43S\xd8cC\xdd\xa1H\xa5\xf0\xab\x867\x9e\xb0k6\xb9\x840\xfd+d]T\x06\x00x\x91+\x8c_\x8a\xf8\x8eG{%\xca!`\x81@\xb0/\x94\x0c\xa1\xc5#\xe04@\xe3N#|h\xdc\x83p\x00!\xc0\x80I&lt;~\xb8\xec\x89\xe6S\'(\xf5\xee\xa2\xf4\xa6\xbe\x9e;E\xe5*u0\x95\xf8\x90\xc50P_\x02\xa5\xaeVwz\xf8\x1d\xfa\xc3\x1b\x10\x9e=\x95;N@\xa9\x0b\xce1\xe3QF\x87\xa0\xba\x91\xe0\x1f\n\xa8\xa5\xafM\xba\xba\xfccq\xa8\xf1\xe2\x81M\\\xaa]\xeb\x96\x9f\xe81_M\xf7Z\xb1\x95\xf3D\t\xbc\xb3\xe6\x9c\xa3\xf9!n\xea\x1c\x04w8\xa6~\xee`\xad\x1f\xfa\x10\x08\x04\x02\x1f}]eP\xeeDI&amp;\xceGG\xe4\x18\xedh\xd6\xa6\xfc\x92\x04\xda\x1d\x8d\xa4rz\x11g\xb2\xcb&amp;\xf6\x9e\xec\xaa\xa6H\xf0\xeb(\xa2\x8a\xd3\x84\xc98\xa5\xce\xa9\xb4@\xf9,\xbc\xea\x00\xea\xc2\x85)\xbb\xa7\x8a\xe5\xf3\xc7\x1b4\xd3Y\xbdG\x04\xad\n\x897\xfe3\xf3\x15\xfeL\xab\xae\xd3\x92F\x1e#"\xfe\xed\xc0j\xed\xde\x95\xf4!\xa2\xd3KS\x14\x08\x04\xcd\xc0\x00\xf6\xcbF\x92E\xa9c\xefI1\xbc\x99\xbeJ\xce\x95\x11j\x9aF\x8f\xe2&lt;zu\xab\x85)|L\xaaC\xa8\xc1h7I%\xec\xc23\x9b\xaa=\x92j\xa9&gt;\xb4\x7f\xcd\ng\xfa\xeb\x9d\x13\xe5*\xd9\xcbu\xe9\x88\x07\xa1\xb5\x16\xd6\xeeG\x87\x01K\'\xff\xc2I^K\xbc\x0b\x88\xd1f\xf5\xe1\xb1\x03\xfci\xe2`&amp;&gt;\x81@\xb0W`\x80\x8eT\xcbG(O\x80\x99\xce\xcd\xe3.\x9c\x03\x1a\x04CU\xc7\xd0\xa3P\xfb\x9c\xde:\x160\xc5e\x00A\x04\xb6i\x12\xf4\xa6U*\xa2E\xab?\x15o\x8at\xfb\x1c\x82\xd5\x18%D\x88\xf5\xd2]\x1e\x00\x18\x85?\xca\xb4%f\x05\xf5\x1d\xd0\x1a\xe0\t\xf0W\x87W\xad~k\xfc\xe9C&lt;=%\x10\x08v\x86A\x93n-5?\xcbFv\xc0@D\x0c\x0c\xaf\n*\x8b\xbc\xfd\\\x9b\xc7\xce\xc5\x0ba;\xdb\xb8\xeau\xdbm\xcf\x9e\x95\xe0Y\xad\xdb\x07\'\x9a\xa2\xf5o\xdf!\xc2\x07\xdd\x11\xd6D\xbaKn\x81}\xe8\xc1jW8m\xb6\xf0\xa4\xdaZ{\xae\x18\xde\x1a~\x07\x82\x15 \xd92\x0f\xa6\x14\x02\x81`_\xf0G\x93\xde\x0b\x80\xee\x83\xec\x11\x18\xf2R\x86F\x8b\xc6\x86\xcf\x07v#\xf1BDX\xd97\xdd\xb6\xe6\xf2\x1dc\x16\x14\xd2\xac\xda=+Lo\xed\xa1\x9d6a[,\x7f\xa8\xf69\xd5\xe9\xfdKY\xc7\x84a\x1a7}\x07\xab\x84\x00\x83\x06\xb1R\x91V\xed5\x99\xc1)\xa3yG\xe6;\xf6\xaf\xa6R,\xf2&lt;\xd1\x93?\x88B\xe4\xcai\xff\x9a\xc7\x8a\xb8\xe3\xd2%9}D \x10\x08\x18\x180\xcf\x8d\x9a;7\x19y\x87\xe0\xd0\x06\xee\x9cM\xf0\xfat\xa5x\x06\xc4\x8a2\x9b)s%\xa6Y\xb0#\x88\x8a\x886DZ\xfb&amp;\xc5\x84{L\x02\x98\x1e\xf7q\xc3\xe2\x96-|\x93\xb2\xf8\xc8&amp;nf\x9d\x97a\xdb\x96\x83F\xff3\x1e&gt;z\xdcH)"\xab\x90}(\xcd\xc6"O\xae]U\xd0\xc4\xad\xec\xef\xdd\xb4O\x81@p\xf8\x18`U\xcfc\xd3\xd5\xbb\x0fO2\xdem\x80&amp;\xb3\x80\xd8yg;\xdb\xda\x84v\xa3\x17\xba\xc0\x14\xe11\x9d\x08\x92\xe4\x0b\xa7\xf6\x8a\xce\xebT\x04Y\x9b\xdf\xf4^t\x1b"\xf4\xaa\xe3\xb9\xe9\xe6\x14aW\xa3\x1f\x8eL\x85b\xac\x88E\x80\xf2\x1eT\xce,Q#\x81&lt;\x89\xdc\x83\xc4\xcb\xe3\x82V\x95}%]\x90z\x8c-&amp;\xa3~\xc7\xf4\x02\x81@ \xd8\x01z\x0em\xcbD\xfe\xf6&gt;\x04\x0f\x16uZM\xd8\x04\xcb$\xf4\x8fE\x0b\x00\xbe\xa8\xcf)\x95v$\xee=z\xde\r\x14\xb5\xc2\xecN\x9c|5|\x0b*\xee\xc9|Q\xe9=\x07\x9f\x97\xcf\xce\x17\xa9\xa8\x90\x19\x81\x12b\xec\xc9\xe3\xb0\x96lW+\xa8wJB~r\xeb\xf3\x99\xfe\xa4y\xb9\xe5)\xc7kN\xcb\xe7\xcf"\x00\xc2;wT\xb3\x168:w\x02\xf3\x0e\xf5\xc7 \x04\x02\xc1\xb1\x07\xa4\x7f\xbf&amp;\x18\xf3\x94\xf5\x13-\xd5\xbc\xc8\x81\xb4\xe2w^\x8e\x00\x8c.\xa6\x9f\x96\xaa\xc8\x18\x83R\n\xe0\x1c\x80_\x04\x9a\xb2C\x80W\xads\x96\xbd\xd5\x94]\x92\x11\xb2y\xaa.\xad\xa9Fv3\xd3\xa5\x82\xbc\x8a\x8bJ\xb24-^\x9f\xe5\xd8\x88\xcd\xdd?2\xce\x14\x8a\xd3c\x14\xea\x86P\xd0a-da\xd5\xa7\x9dkzJ]\x1c\xe0_\x01\xe0;\x88\'\xccO\xa6\xf7\x1d\xd8%*R)zq\xb1\xb7\x11\x06\x00\xa6rL\x02\x93\xcdo*\xa6y%\xbf\x04,\x10\x08v\x8b\x93&lt;w\xd2\xfc\xdf\x9d\x9c\xf1\xd8|\x99~6\xb1\xe27V}\xa4\x8c\x8c2oe\x93\x18\x1d\xf1 &lt;c\x83\x87L}\xcf|\xeak\xfdO\xc9\xbeh\\R:\x1f\xe1@d\x9bSJ9\xbf\xac\xb9\x13\xe0j\x12\xddm2M\xb6\xb4\xfe\x9d\x86\xaf\xd4\xff\xb5\xfc\x8e\t\x9a,\xcel\x19\xdbpW\xe6^S&gt;\xc9\x0e\x02\x81\x00\xa8\x9e\x83\xb1\x9e\xd6\xcc\xca\xa0\x075+~\x08\xffe\x12\xf5\x0cj\x19\xe7\xfb\x08\x9e9\x86\x14\xcb\xb4\x8b\x9au1\xff$ql\xb4\xac\xfb\rr\x81@ (\x843\xaf\xd4Y\xc3\x18\x83G\xad\xebX\x8cpyk\xd2\xf1\xf8\xfeC\x8c\x91\xff&lt;\x14r+\xf4\x98\xe3Y\xd9\xd1\xdd\x88\x8fV\x9e\'\x8f[\xadN\x82=N\xb1\xbb\x05\xd1/\x06rbtI\xfd0\x9a&amp;$U\xc7:\xd5\xbaj\x8b\xc8I\x93\x11`\x91\xe4um\xc2\xf4DB\xda\xadE#\xe0V\xa8/\xa7\xfd\xf6\xf6\xe5\xf2\x7f\x9e\xdf\x98\x12\xb5,\x10\x08\x04\x02\x0f/\xa1\x83q\x8bF\xcc\xc4\xb0;n\xe4\r(\xb3\xf8\xeet&amp;\xb8G0W\xf5\x9d\xb7\xa23bf\xd6$\x8c\xc5#&lt;\x9b\xee\xb8\x80\xd5\xbd\t\xe1\x11\xac.\xe9\xa4A\xba\xde\xf9\xfaI6\xab2R\x8dH\xb1vW&gt;\xed,\xba\x0e/[*\xad\x1c\x88\x88p\x0eF\xd3*%\x9aRB\xa6f\xeb5\xb6\xd7\x85\x96@ \x10\xac\x80_,J\xdd0Qu\x9b;\x83\t\x80H\xc1\xe7\xd2K\xaa"v\x8b\xd2\xd2\x05i"\xefTMt\n=\x16\xe6\xbf\xd39\xf7\x85\xef\xb8\xec^\xbd\x94\x8b\xc7\xc8\x1e/&gt;\xd96\x182$\xda\xd6\x8a\xaa\xe6\xf1m\xe8\xe9\x05\xc5AD\xbc\x0c\xbf\xc8)\xa5\xed\xad\x89&amp;\xe1\xc8\xcc\xfa\xb5\x10F\xb3A\x00\x80O&amp;\xdf\x9a\xafU\x0b\x8fggBL\xd7\xf3m\xc9\x19\x00\x81@P\x8di\x04|kI\x96\xd7\xcc9\xf3\xb3\x1a\x80\x15\xd0\xfd\x03\x1d\xdf\xcf\x8d.]&lt;\xd1%\xd2%\x08\x85_\xec\x87l\xfb\x7f\xfeo\x95y6\xd4\xf0\xf2\xbdO\x14\xa8O%[5l\xb6h\xfe \x12\xb7\xcd\xec\xd5XAD\xc4\xff\x9a\xe4\x9e\xbf{\t\x00\x1e\xbd\x85`!|\xd1\x98\xfe\xf7\xd2\xb6;5\x89\x0bq\x0fM2\xd2\xf0\x82\xcb\x93\xc3\x0b~\x807\xfe\x14A\x07\xa6;\xcfj{Z\xd8u3\xd2\xbe\x0f\x80\xdb#\x12\n\x9c\xc7\xb2\x1d\xf6,\nVD;\xa2\xe9tQ\xe1\x135\xae\x94R\'[\xe7X.\x18M8\xa56\xd9*\xa4\xbe\x1d\xd0B\x96\xae)\xac\x91\x90\x99\xdc\x8f\xd2\x94\x05\x80@ \xa8\xc64\xf2^\xb9t\xc2x\xb9\xe5\'\xe6\xf1Q\xc7mtt\x89\x12\xd0\x7f\x14\x9e\xb9&lt;\xad=\xce\xeaq}\x80\xc9A\x08\xb3&lt;w\x99\xa9k{\t:\xad\x00\x94R\n\x1e;\x7f\xd6O\xdf\x1c\x9f\x83s\x04m\xe7\x9a\xd1"\xbd\xee*Yx\xad\x83\xc4\x82\xcb$@\xbc\xafn\x07\x87ci\x01\x00\x10u\xc1\x94^)\xf5I\xc2Tr\xac\xe5\xa2c\xa3\xdc\x84\x91\xfe\x86\x08\x97\x9a?\xd4W\xc1l{:^\x89\xd6&gt;\xe5,o\xbdW\x00\x88\xf8\xc7\xb4\xc0\x8bA\x9a\xe5\x00\x80\x00\xa7I\xbdF\x00\xf8\xad\x02\xa1w\x86\xf8\x18\x9b\xab\xe8\x8f,5\xe8\x111\xb5l=\xa98\xe5\xbc\x10m\x1f\xbb\xec&amp;\xc2\x9bWfy\xed\xa4r\x16X \x10\xb4`\x1e|\xacK\xe5\x10\x11\x94\xfa/\x80\xe33y4\xc6\xdc\xd9\x82\x88\x1d\xae\xba\x9bDu\xefT\xe0\xec?\xa0\x9b\x87\x18\xa2\xbb\xdc\x12\x88\x88\x11\xed!\xa0;\xd6\xcf\xec\xa6g\x1d\x15\x8e\xd7F\xbd\xad3Wej&gt;J\xd7\xf5\x7f#Fm\x93*\x82\xdb\xe0\xf6\x88\xcf\x02\x88_ \xe8a\xab"\x90\xf5T\xd4,m\n+\x97\x82\xb7\x7f\x08\xf0C\xc0SO\x9f\x8dmG-\xe0w\x80\n\xf7\xc0\xd2\xa9\x915\xd0\x99\xd1,\xcbi\':\xe1\xc3h/6\x1e\xc6\xb4\x1b\x9f#\xd0N\xd2\x8c\xfc\x140\xd7\x0eS\xf3.\xbdx\xae\x93\xa7\xbbSM&amp;\xbb\xbc\x07V\xc7\x02\x81`W\xa8\xb3\x00"\x96\xc7\x1e\x87#o\xc4\xe4\xe7\x0bF\xd7y\x92.$\x18\xd2\t\xc4\xcb\x90BDP\x9f\x07\xf8\xc9\xee\xea\xad\xd9\xd0HK[J\xb1z\x11\xa5k\xa12{\x9e:\x00X\xf6Y\xf5\x8ah4\xda{b\xce\xf0\x1a\x07\xfc\x15\x84\xbf\x9cX\x03\xc0\x1b\x01\xae&gt;}&lt;\'\xe2\xe7}a\x101b\xf8f\x9a\x10\xd7\xcc\xea\x05\x84\xda\xf8@\x8el\xc9\x18\x18\xb0Y\xefs4\xaeE\xdc\xfa\xaf/&amp;\xd7\x93\x92\x1e\xd3z\xfdvA\x8c\x0e"\xda-\xdc\xfb*!@\x02\x81`\x17\x18\x11\x1f\xd3\x8ey\x9b\xbf\x10\x88\xe14&gt;\x87\t\xb1\xeehwB\x86\x92\xf3G^\x16\xa5\x94\x1a`\xfd\xd7\x98)\xb9r\xcf\x97\xe5[a\x15WU7\x8dS3\xffT\x01\xb5\x9a\xfb\xc7\xe1\xf8\x9bEt\xbc\x80\xeanfu*KQ$\xf2v\x86\xa2z\x8e\x89\xbdQ\n\xaen\xe27\xbe@\xe9z\x8e\xd7Q\xea\\\xcb3\xc8\xfcfH\x18\x89\xb3D\xa7\xf9\xcf\x10\xe0y\xee\xd7\xcaB54\n\xde\x96H2\xf7=u\xef\xab\x93`\xafPv\xa4\x96ROU\xaa\xba\x98\xd3\n\xad\xe2,L\x7f0O"Xr\x9e\xbe\xcb\xb6\xb3@ \x10L\x88G\xad\xf2r\xd9\x18%c\x13*\xa4j/\x0e\xc2\xaf\xb5\x10YE\x93\xb3xtU\x0e\xab\xdcNs\xafu\xb08\xaa.\xda\xfc\xe3\xb1&amp;\xc8\xba\xda\xe8\xd9\xda?\xe6\x8aW@9[k\xf7\xe2\xcayR\x96\x05_\xaa]\x80\xdb\xae\xed\x16\xde\xad\xc1s9\xa2\xbe\xfa\x06\x11\x11o\xceb\x9a#\xd8\x82\x87\xf4 \xb2\x17\x10\xd7X\xdb\xb5\xcc(f~xl\x14\xf1\xe9\xb9\xfe~\x17-*\x8e\xf0t\x08\x04\x82c\x1e\x08O-\x1eY\x06\r\x88}Q+R\x97\xb2$(\xe4Fs\xe7-\x02\xda?m6\x00\x999n\xfdj\xe5\xcfv\xb1d\x9e\xf0h?l\x12\xab\xbfB\xde\x02\xcfu\xc5\xbb\x00\x9f8\xa3\xe6jE%I\xfdS\xa6^\x10\x9e\xe2\xe9\\?_\x13,\xad0\xf4\xd6\xa9\xa9p\xea\xc5z\xc8`jIH\x90}M\xad\xd8\x1e\x9d\xabw\xb68\tQ\xdf8\xb0a\x84\xfa\x0c\xf4\xcf\xe4\x1eU56\x8f\x03\x0c\n\xb6\xa7C \x10\x08\xf6\x80\xbe\x03\xe2\x80\xd1\xadM\xa4\xaa\\\xf3\xa4\x92\x99cr3\x10j\xdfU\x91\xb3\xaa\x1e\xc7E\xaa\xb2\xd7$W\x8a\xf2\x19\xda\xc1/\xd0E\xe8R\nDD\xb8\xe6 \x85\x94*\x1c\x01\xf0\xafruW]}y\xb2\xfe&amp;\x0c\xba\xc6\nztV\xf3+3T\xc2E)g\xb3\xd4\xf4\x8di\xb8\n \xc2\x99\x13=\xbaPK\xe8\xab\xb7AlW\x02\x9a`\x19\xcdkS\xb9r\xaa\xee\xdc&lt;|\xca=\xaa\xb8\x97\xaa\x03\t3\xe9\xc4\xf7/\x10\x08v\x89\xcaq\xdcq\x10\xe2&lt;\xf3\xfd\xd1\x08\xb1\xfa\xd1,\xe3\xebO\x15\xdc\xe9\x07\xe1*k\x8f\xf8Q\xa1\xb7\x88\x07(\x9bb\x11\xe1\xeeQg\xea\xb6\x05)\x03\xbf\xc8\x85&amp;n\xa9\x08\x8b\x15\xcb\xddaH\xb1\xa8\x93\xa4\x19e*jP\xdd\xb2SwK[u\xcb\xa2\xe8\xef\xac\x94\xe8~ $.\xee\xf8\x05\xd5Q\xb0\xb7P\xab\r\x8d\xef\x93\x92tQ8\x07\x08\xf0~O\'}8v\x15\x98Md\xdf\x03\x97@ 8\x96\x11\x9f~\x92S\x1d1\xf0\xa1\xfb\xa7U\xa4-l\xbe\xfc$\x97\x1b\xf7\x11\xceB\xcc\x9d\xfeWD\x80\xb7\xf4\x9b5]\xc1\xb0C\x15\xf4\x11%Y@V\xf1;M\xf6\x816\x9e\xd5\xb3u]\xdcS~\x89d\x95\xcd,E4\xb4\xfemK\x17\x11\x1f\xc06U+\x95\xdf\x01\x15Zr\x9f0d\xf6t\xe5|\xfe/RE\xe3z\x96WMD\x82D\xd6\xd0#C\xa9\xa8Y\xecE\xb1\x84\xc2\xfb\xb6\x93@\xf2D\xbd\x97S\xec$m\xdf"\x0b\x04\x02\xc1\xda \x06\xc4\xe4(\xb9&lt;\x0f\xc2U?\xdag\xcaa\xfd\xaa\xfc(X\x11\x11\t\xa4I\x04_\x11\x00\xe0\xab\xf8\x03\xaf\\\x13\xa9\x97\xf8O\x0ezR\xa1tE\x17\x87\xa5\xc9\xaa\x16\xc5\x90\xa1g\x03s\x18\xe5\x85L\xb5+\xbe\xf6R2\x9c\x82p\x8a-Ok\xf1Z)\x94q\xabA\x98\x9b%\xf6\xa4^G\xcf\x01e\xc4\xf0i\xcc3r\x13;\x9e\x8a*XT\xaaGx\x05\xa9\x83fM\xab\xa8\x828\'\x17\xc2?\xd8?\x1c8\xa7GD\x80\x8b\x97s\\\xc8z\xf5\x9b\xac\xf7\x12ZY\x85T:P\xc8\xf4\xdbMd\x02\x81@\x90\x059\x9e\xc6\xc6\xd9\xf4\xf8\x1b\x0e\xb2\xa7ou\xdc\xae\x0f\xc2\x98\xa8\x9dx\x9c\xc4\x91Y\xc7~r\xb9\xad\xcb\xde\x01\xcc\x89\xf6\xbd\xc9\xb7\t\xe5\xd7\xb9\xd8\xc9\x04u\x05L\xf0\x03@\xb8VV\xc2T\xbbbj\x8f$kY`\xcc\\{\xb4N\xca\xb4\x13\xd4o\xbc\xd2c8/ &gt;\x7fI\xfcg$\xf1\x04\xc7\xac\xd8\x99\xc8\x13\xffUu\x8d$\xf5S\x1eKV$UP\xb4\xf6\xe2|\xcf\xd7\xd8\xbfS\xe5\xe2\xe0\xed\x11\x9d\xa4\xcaA\x94=W\xa2G\xc5\x88\xc4\xe4\x92\x0bA\x05\x02\xc1\xc60#\x94\xff\x0bY\xfa\x85\xfd\xdc\x1e\xce\xc2[\x8d\xc9\xc1\xae\xe0\xf2\xe3 \x7f\xfbo\t7`\x91f\x12\x03\x11\x97\xdf\xf2\xcd\xfd\xfe\x17\x80\x9a\x08,E\x98\xbe\xfa\x19\x17\x1d{\xe5?\xd0\xeb\xc0\xc36\xa0\xf4\x8f\xa5B\xe4\x17a\xbd\x92f\xe7\xf5\xb8fp\xfa\'\xcc\xefd\xb9*\xe2\x9b\x00\x00\xd4\xfd\x01\x1e\xdd\xe7wF\'&amp;\xc1\xe7H\xea\x12k\xac\xbc\x19\x18\xe2\xd9\x8cyQ\xd7G\x91r\x0c8\xed*\xc1sJ\x1e\x13@\x01\x9c\x15\xe0kv\xba\x80rY\x9d.\x142\xf9\xd8\x83g\x96\xceK\x00n\xc2\x93\x8e&amp;\x95R\xe6M\x10_\x14$3\xd3G\xc3\xcf\x05\xce4a\x1e~\xcb\xa4\n\xe8D3^\x19\xf1\xad\x05\x82q~\xfc\xd1M\x0f\xa4\x06\xe4\x87\xc0\x04\x02\xc1\xc6Pf|\xf2\xc65\xfb\x87~"Y\xf5\x07\xb4\xfe-\x87\t\xe1M&amp;Z\xdd[9\x97\xce\xfc\x18\x99\xfd{6&lt;\x02\xae\xf6\xa2\x19U\xf0a\x8f\xd6\x7f\xb1\xe3m\x81\xb2=\xb4\xfe\xbb+9_o\xd8\xe0\x98\x9f\xc3\x10\xe8W\x0bn\xf8&amp;\xfd\xf4\xd1\xd5\xac&lt;\xea\xf6\x97\xd7lmR+\xeb\xdf\x18\x10*\xaaq\x15\xf0\xbb\x97\x95\x85\xfb0F \xfc\xf58\xef\xfd\xd7\xec\xbe\xdf\xde7\xcd\x90\x90\xab\x02D\xe6\xd2\xe2\xed9\x9b\xf4\xc6\x0c"\x00\x00p\xcf\xb8(\xb17/\xa2\x9e.K\xb2\xdc\xd0\x1e\x81\xfe\xf9\xb8V\x1fP&gt;s\x89\xf5\x9fGP\xd6X\xe9w7\xc4\x0b\x04\x02A\x0c\xdeT\xa4\x17\x0eY\xe7S\xde\x1b\xaa(\xeb\xdeY\x93|\x13\xe1\xcc c\xe6` "\xed\xaf\n\xaa&gt;\xf5\x03\xaedJS\xd1\x13\x83\xc5\xbdW\xe8\xfe\x8fp/0g\x95\x02\x80\xb7\x01\xfc\x1c7C\x0es\xd1\n&lt;\x9d\\i\xbb\xaf\x03\xf5\xe6\x87\x8f;\x01&lt;cgkN\xa6\x8e\xc2-\xb5)_\x9b\xeaZ\xf6F\xf2\x82\x87nrn\xfa6\x01\x98tb\xf9#\xbb\x97\x8b\x81\x1bz\x91b\xdd\xbc\x02\xd5;\x00d^7\xe3c\x10\xef\xc3\x97\xa4t\x07\x00"\x83\xc3\xbe\xfa\x9b@ \x10DP\xe9/\xcc\x0e\xd0\xdax\xb2\xc3\'\x80\x18\x1b\x11\x81g`y\x86\xa6\x80\x8f\xc4l\xcd_\x00\xa4\x89\xbb\x191\xb1\xd2P\'\x03|D\x01\xbc\x1c\xe0\x06\x89]\xf5\xd2v\xd9\x7fk\xc5\x92@A*J\xc4\xc2\x9f!\xde=\xf6N)\x80\xd3\x02\xfe\xa0\xbf\xa8i]U\x87j\x8c\x03#\x18\x0cz\xcb\xdc!,*\x15\xf6\x1d\x08\xcc[\xf1\xd6\x8bT\x11\x13\xc5Y\x000\xcd\xf1~\x0b\x00\xaeU\xcd\xcc\x1c\x91\x87\x0e\x06s\xa7\xa7\xca\xa0\xa3\x90\xa9\x84\x00\t\x04\x82\xa3\x80;\x00X\x9b\xe4\x13N\xe2\x0c\xfanD\x8d\xf2\xb6\xe35\xce\xca\xdcF6#/\x02\xc0\x15\xb6\rq \xf7\xc5\x8f\x02\xea\xa6r*t\x8ap\xe4/\x9f\xfeu\xfa\xff\x06:\xb7\x9bN\x1f\xad,\x95\xa1(}\x0e\xbe\x04\x18|\x88d\x8bZ\xff0\xb5\xf3\xff\x1e\xb0z\xcd\xe9\xeaqs\x1f[\n\x91;\xf5H\xf0\xb0\xfe\xac\x819\xbc\xa4\xf0\x90k\x8e \x80\xbeK\x07\xca\x8a?\xc3\x1a\x03\xed\x87S\xf3\x0b\xdc\xc0k\xf9)\x1a\x19y\xd9\xbfI\xa5\t[\x8b\xbddh\xe1\xbe\xd6\xd2\xd4\r\x06\xf3k\x91\x9c\x9b\x8a\xb0\xcb\xa8;\x81@ \xc8\xc1\xbf\xdc\xa0\xdc&gt;\xe0\xe3\xe5$\xeb"\x11\x07Hu\xe41\xaeBiv\x04\xfbd\r\xd2M\x90\x81\xee\x85z|\x86]\x12\xeb\x8a\xca\xe2\x1a\x08PP\x9c\x08\xfd\xf6\x82\x9c\xc4\x15Ys\xec\xd0\xeb\xbb\xd7\x08/o\xa6F\xd6\xc6\xbb\xf5\xb2*%\x00\xd2\xf7\x8d\xfa\xe9}M6\xe8\xf3\xfe\x081.it\xaeS\x87j\x9a\xdb\xbc\x86\x94\xf9H \x10\x08&amp;\x14\x8d\xc2\x7f\xce\x1d\xf1_\xdf\x7f\xd6\\\xa8\xbd\xa6\x0fA\x01\x00Xs$\xf90Y}\x11\xa3#\x8e\x91\xe2;3=\xafU?aui\xe3Bk\xc9!xR*R\xa4,\xcf\x1d$\xf3(\xed\r"\xdb \xc5\x08\xd2\xf0v\x0eY\xb4\xfe\xcdQL\xaa\xabWe\x99\x8c?V\xa1\x16\x9fu\xa3b\x93\xa5\xe0\xb1\xd8W\xbc\x9d@ \x10\xac\x01=j\x96\xc6\xa42O\x14@\xbf3\x00\x16k\x90\x11\xbb\x05\xe8\x9e\x01\xb0\'Ne\x1d\x0bfW\x9c3\xf3z\'H4Y\x18Ve\xfe\xbc\xcf\xe4\x955z\x06\x07\x84\x10\xfc\xc3\x1a\tO\xe4\xd7_\xb6\x08\x1d\xba\xa1n9@^\xf0\xeas,f\xf7\xeb\x00O\xb2\x19E\xc8N\t\xeaX\xec\x03n\xf1\xd4k\x01\xae\xdd\xa7 \xa1\xde\xc2\x88\xbd\x98fy\xe1\xf5\x18\x1e\xf8\xa9\xab\x85\xea\xf1\xdc\x1d\xbe\xdc\xc1\xa7\xb6=\xc8\x19\x00\x81@p\xecA\x01\x94\x18\x06\x0f\xe1\x136\xb7k\x00\xef\xd0@\x01J/\xe2\xe8\xe5j\xda/z\x95\xd18\xd2J\xae\xfcs\x8e\x9b\xe8\x03(\xceA\x94\x91\x0b6\x87\xf2\xa1,\x0e#\x1d\xc26\x89\x00\x00\xe0a\xce\xeb\x16{\xb7K\xd3_j\x93#Iq\xaf\x7f\xd2\x14\x94\x92]\x9b\x99\xf7\xebo\x084\xe3\xe7\xc3\xe2\xe1\xb5\xbaQ\xf7Z\x08\xd1`\x12\x15w3\xd4\x0b\xbbD\xe5\x12\xaf\xeaj\xa1\xb2-\xfb\x1b\x95UD\x02\x1c\xc0\x90!\x10\x08\xf6\n\x04&lt;f\xee\xba\xd1\xce7VR=@w\xbcz\xa2\x88\x9479\x1d\xaa\xcb0\t\xb2\x8c\xb9\x1d\x18\x0co\xd8X(\xd0Y\xf6\n\xb3\x8b\x05\xe5bG\x8c\x97\xd1\xed\x84v\xd2/\xab\x97\xf9\xbd\xb7\x03\xc0[\xdeD\xed\xb1\x01\x07\xaf3)\xca9\x06\xfb9\xc1\xd2\xe5z\x00\xaftX\xc0\x01\xd9o\xe36g\x9a\xa5\x98\xc1\xae\xb2\x1b \xbe\xac&lt;\x17!\x86\xd9\xd2aW%\xb1\x0b\xd1 \x060\xb9\n\x04\x02\x01\x01/\xa6\xa2\x1f\xc9\x95\xe2\x10\xac\x81w\xc0\x8d\'m\x05q\xf7\x9a\xa1T\xc2cr\x01@8\xc6R\x05\xff,\xe2\xb9\x96\xbc\x079\x1b\x16,J#\xf9\x97\xe5%4h \x1d&gt;\x91`;\xb1V\xde\xf3\xe2\xaa\x8c\x1bw\xe3Z~2\\\xa7\x9c)\xa1\x13\xceJ\x03\xf6\xdfn;+\xaa\xb7$u\xa18:o\xb1\xfc\x8b\x87\xe2\x19\x80w\xac\xa1\x13\x8e{\xd5m@B\x80\x04\x02A\r:mC/\xf1\x1b\xf6q\xa6q{\xdc\x0e\x17\x00s\xfe\xb07\x9f\xe0\x12&gt;W\x8aDlBx\xae\xcb&gt;\x12\xc9\x0cj\x88p\xf6N\xa1\xa5\xb1\xf3\xd8\xa1\xf0\x9c_I\xee\x1b\xdb\xd6\xff\xd0X\x9d\x91P\x8d?\nk\xdf\x16\xd9\xb4\x8a(S\xbefyE\xd7\xf4\t\x8eTx2%.`\xd9\xa0\xa1*\xf5\xab\xd1w\x15\xe3\x895Z\xe8O\x9cc\x0f\xe9\xb1\x0bu\xddl\xd6\x91s\xe3\xcc\xaa\xb2\x85\x97\xa3VX\xcf\xdd\xd6,w\x82\xfb/_\n\x94`w\x19\xf5\xdbP\xddsowx\x81d\x02\x81`\x1f\xe0\x19\x91\x1c\x1a\xb3]\xeb\xa1\x8f\x94\t\x96\x14\x8a(\xd5\xce\xac\t^i\xe9\xca$ts15\\\xca\xce\x10/\xc2\xb5\x00~\xba}\xee\xbfF^W\x99UVa\x8d\xf7\xc1V|\x87a*\xce\xb9\xf2\t9\x84\x16\xe5\xd0\x8d\x96\xae\xd9T\x1b\x18\x89\x04\xdfJ\xd6V\xd1\xee\x99k\xdf\xd9vN$3\x1f\xeed\xab\x97\xdb\x13\x0b\x15\xcb-@\x91\x0c\xdd\xb0a\x1f4\xac\x0b\x949\x02\x87\xe9\xf6\x10\x08\x04\x87\x0f{\xe0\xf36\xfd7\xd9\xb8/b\x8d\xe6\xcchmpN\xc8(/\xdb\x89\x00\xdf\xa8\x0c\xb4 \xa81\x04\x88h\xc3I\xc8\x8f\xe5\xf5\xe87\x07\x01\xd3%\xdcs\\\xc4R\xfb\xb0\xe7\xf3\x06h\xc5\x16\xa5\x85\xc4\x8e\xdd\xd6\xeeS\x88817\xf4\x1f\x08\xf0p\x88H\x15o\xeag\x03\xf8j\x0f\xd9\xd2 \xf97FU\xf1\xcd\xc28\xa3.D\x16jgF\xf8\x86\x9d\x05\xe2m\xb8\xd6\xaa=\x92\xc1\x8a\x00\xb3B\xb4\x8e\x95\xfbx\xb3RK\x08\x90@ \xd8\x05\x9c;Uz\xa2t&amp;\xca\xa7o\xf7\xd9T\x94P\xa9\x12\xeb\xbf\x8eG\xc81\x9d\xe0T\xf3iEdD\x1a0\x94f(0wW\xc8\xdb&gt;\x0e$\x9eg\xaf\x86\x8e\xed\x91\xcc\xd6X\x90\xa0\xa9_X\xc1H\x08\xcb\xdf\x19\x8f\xd07,\x11\xf5\x1b\xd7\xe5W;\xc9\x96\x06Y\x99\r\x83D\xe9\x00\x13+\x7fQ\x1b\xcb\'\xbe\x8d\x9b\x08\xcd?\xe6I\xd1\x06\x01\x8d\xa3\xb49\xa6\xf1AkW\x0b\x9d\x96\xa1\x9b\xf46\x90\x05\x80@ \xd8\x06\xdd-}\xa0C;\x1c&amp;\x0c\x9eE\xe7\xb1\x8a\xe7\xf9\xe5\xd6\xc8\x80\x98\x95\xa6U\xb0lzJ\x0faA\xa2\x86\xc5&lt;o\xa1\x13\xc0\xed\x9cU`\xa8%\x88\xf0\xd01\xcd\x08l\xbd\xba\x97p\xee\xd5\xaa6PJ\xa9{\x8e\x98\xf2\x99\x8d\x10\xe1|\x08p\xcdf:\xb1\xc4\x9d\xca\x85\xde\xff\x86x\xa2Aft\x8a\xdez\xa23zVh\xbf\x90\x90\xe3\x98\xe9H\xe5\xb9\x919\x88\x08O\x0e4\xe8\x1dV\xaa\x91\xd1\xe7\xda\x81\xc6~0\x0fl\x97t\x1f\x9a\x7f\x00\xb6\xf5V\xc8\x02@ \x10l\x07=o\x1b\xdbq\x05\xbf\x99\xf2Q\xcd\x10\x00\xf4}\xff\xcd1\xac\xb6\xec\x97j\xa3\x94\x90DQ&gt;\'\x9c\xb5_\xc4\x82!DmU"\xf91\x85\x03\xf1\xfaOxBgQu\xbf\xc9\xb8_\xe7d\x9f\x02\xc4\xd7""\xc0\xefSi\x9c\xaf\xb9\xae\xe1-\xad\xcb\xc4N\x13&amp;\xa8=\x00!=&gt;\xe4\xfa\xf2\xd0Xk\x9a\xf9\xf8\xf0n\xf5\xd3\x89\x97\xdfgQPW\x0f\x1f\x9aV\xa4\x9b\x16\x95\xd1\xa9\xf4\xa3e\xb9\xd7\x03\x01Z\x1d\x7f\x08\x00\x00 \x00IDAT\xbe;\x7fJ\xd5\xfe.\xc6\xab]\x08!\x10\x08\x8ea\xf8\xe3dCx4"\x82\xba)\xc0\x8bk\xe3\xf2\x0bX\xa7\x86\xf7\x96\xfb\xa1i\x82P\x16g\xaf#z\x17\x9aQ\x91&gt;\x8ax\x91\x08\xd3\xe4\x01\x00\xfd\x96\xab\x87\x8a\xf5\x80\xba&amp;\xc0\xeb\xc6ORSx\xee\xed\x01\xfe\xb2\x0b/~\x00}\x17\xc4\x0eBd\xa2\xe4)\xf1\x82\x9e\xb8\xe9i\x8aD\x83qK\x87\xae\x90gG\xfc\x12/c\x7f\xb0O\xd1\x14\xd3!\x91\x1b\x16\xf2d\xa2\xe21$\xe04\xa1\n\xec\x7f\x1f\x8f\xc0\xb9\x10&gt;[\xb0\x06\xdaI\x19e\x07@ \x10l\x89p\xc2h\x98A\x94R\xaa\xd4\xfa\x87eO\xa0\x88\x7f\xca\xdfX5\r&amp;\'\x05v\x99\xec\x1d\x15\xd0\xfe\xfe\x14\xe9\x8b\xf2\'#\x04\xf8B\xa0\x1e\xa5\x94\xd9Xp_\xfc\x1eW\xe6(\xfe\xb1\x99\x02\x00\xb8\x81F\xc1\x03\xfd\xe8\xd9\xbdx\x99O\xfe\x9b\x0e7\xc3P\x98\x95\xff\xdc\x98&lt;DH\x1c\xd3t\xdb\xf6\xb2\xa2D\xbb\xb5dE\xf4\xaf\xc2\xfc\xb2\x8e\n\xdb\xc0\xc8\xea\x15\x87\xc6\xa1\xa1\xd4\xd5r\xe9\x94z\xf5L\x8d\x94+%*\xab\x1ca\x8a\xd6\xc2\xab\'\xb6\xe5o\x85\x1d\xc1\xc8m\xfd\x88\x88e\xd6\x7f\x9dl\xd5\x98C\xb9\x12\xdb\x83\x02\x81@\xb0\t\xd0C{8\xcdz\xf0e\xcf\x84a0\xe9\x815^WPs5\x99ON\x16\x83\xaa\x02v\xa0y\xec\xb9\x17\xaa\x92C\x17\x0b\xb4\x80]7 \xc0+H9\x92:\xf4\xe3\xabm\xe9\xc9\xeap\xb5DT_\xbcZ\x03^#\xab\xa0\x01\xbf\x94\xab\xac\xb4V\xd3U&lt;p\x9c\x89\xd7Z+\xcdF\xca\x05\xad=\xa6\xfa)\xfb\xb3S-\xb9\x1au\x85\xea\x84P\x98Hg\x99\xfeT\x16p\xf52\xde\x14\x11\xf1\x1f\x8c\x00\xf6\x11\xe4\xb5E\x11\x08\x04\x02\x17\xe1\xb8\xaf}$k\x0eP\x9f\x0187\x83\xa9\x17o\x10\x9d\xb3\xba\\\x89XKj\xc9\xcd\xb9\xdd\x0f\x00n\x82\xf0\xa2)\xfd\x92|\xa8\xf2Ys}\xbb3\xb5\xd4\xa4h\x08?\xcb\xe1\xd2\x88\xef\x8fT\x87\x962|Ku\r\xe5\xbd\xd42\x8f2\x9f6\rW(\xed_\xb3"c\xf9\xd3[\x1fcJ\xea\x88\xb0\xe7;j]\xe0\x19\x10\xbem}W\n\xe0\x13\x80\x17\xb4\xbeF\x0bR\xd9\x14\x07\xf6&gt;\x06\xd2B\x1b\xd9\xea\xca\xd6P\xefE\x83y\x9a\x80/\x8f\x84\x00\t\x04\x82\x8d\xb1\xe5\xfd-\x8bk\xe6\xdc\xda9\x92\x1e\xdf=9\xcfI\'j*\xce\x1d\x83\x11\xbbt\xcaQ\xea\x93\x05\x89\x01\xd4\x8b\x88\x87C\xa1\xaf\xee\xb9^&lt;E*\xfb\xf5y\xbe\xb4\xe2\xa9z\xa0w\xee\x9f\xe1!\x00p\x16\x82\xa7\xe5\xcd\x06\xcfEG\xa5\x0eC\x8b\xa2\xc74\x0f\x1ft+H\x9cN\x996\xcf\xa2\xf4\xaa\xb7\xb5j\xe1\xc9\xa2\xc5\xdb\x7fm\xa9\xefX:\x9eo_\xbd\xd0\xac\xf7\x9c%Z;z\xec#2\x9eDvV(:1_\xc0\x17\xbd\xcf}\xc6\xb4i\xa8\xd9\xaf\xba\x05\x02\xc11\x86\xd1\xae\xb88?\x17%\xdc\t\x1a\x1d}\xff\x9a \xf4\xb0\xc8]O$8SV\xe0(]kj\x88{\xa7\xb2\x19M\xd22\xea9\x8c\xf3\xd1\xe2|*#\xbf\x83\x14\xba\xf9\x83\x04\xd3\xbb(/\xd5\xcf\xc6\xdc\xf6\xc0"\xd1\x1d R\xefV\xd2\xe5@O~\x07\xc0\xba\x03`HI_\x84x\x13G\x06\xeboW\xe8\x1d\xa1\x8e\xa5@\xac\x12u\x8a^\xcb\x19\xcd\xee\xb6\xd5\xf8f\x86\xb9\x82d\x86\x8b\xa9\xf1\\\x12\xf1\x83\xdes\xfd.:\xa1@v\xa4*\x10\xa8TQ\x89R\xc9\x0e\x80@ \xd8\tV\xb63\xe2\x83u\x03Z/\x15\xa5\x07\xebF\xa1\x88[&gt;w\xeb\x81\xa4\x7f\xe9\x89H\xc7)B\xdd\xa4[\x91\xa9\x8c\xc3\xcc\'\xe2\xb6w\x9bP\xcc\xd7\rp \xa1$,|\xd7\x8fNN!\x08\xe1\xa1\xdc\xfed\xf4v\x84^\x97\xfb\x80\xa3\xb8\xa9\xa1&gt;\xfb\x89\x87\x07\x1a\xf5k\xc1\xcc\xce8\xe3&lt;\xfe\xb1\x944\xe1\xe9\xff\x94\xf2\x11\xe0$6\xf7\x14&amp;\xa9^\x98\x11k\x91A\xa9k\x85\x12M\xb9?T\xd1V\n-\xf6\xf9\xdf\x88\xb4\xd1\x81\xa3\x9c\xb9,\x00\x04\x02\xc1\xfe\xb0\x82\x15\x16\xb3\xbd\xca\xc6vum\x9d\xd1\x9a\xe5{\xa2\x87\xe7\x9f\xf3\x9b\xba\xcdlrRX\x1f\x9c\x98h\xc3Z\x95\xfd(\xa6R\x17\xcc%i8\x8a]\x971\r5\x13\x87\x84\x89f]Ee\xb9F#W\xcc\xa7\x8eaV\xcaX\x01/\xa0\xc59\x1c\xc9\x11\x04\x11\xf1\xf4\x9aP\x90\xcb\xd8\x87s\xf0I\x98\x1b\xe0\xc6sJ\xe7)i&amp;m\x19(5\xdf\x93\x15)G\x1b\xd2Qc\x00\xdf\\\xa1E \xfe\x87\xdb\x0e\xa2P\xe6\x9f4=\x04\xc0\x7fk\x96k\xd1\xceM\x17\xca\xb4\r\xad/4S\x00\xff\x08\xa0~5A\xd3\xde&gt;\xcd\x0b\xc0\x97\x15f\xcd\x9c1\x93\xa9`\x8c\x8a\xafXd\x01 \x10\x08v\x074\xff\xac\x8d\xe2\x89\xf9\xb5c\xec\xfeY\x9aow\xb0\xcd\xa3\x04\xa6Y\xf0\xef\xd0\xcc&amp;\xb7j\xe4\x94\x94B\xb3\x0c\x8d\x15U\xb9v\xfa\xf7x\xfaWg\xbcdF\'\x9f\x89&amp;\x19\xdc\xfc"\xb2#\xda\x7f\x1c;x\xac&lt;\x11$\xf9&gt;\xd8\xb8{m\x9b\xdf\xb1\x02\xab\xb4\xe8\x95}\x12\xc4\xac\x15\xf5[\xd4\x02\xaa\x97\xcca*W\xe1\xe8\xa8\xf7\xea\xcex\xbc\xb7\xdcTS\xea\xdd\xd4c\xe3\x8f?S\xe6h\xc4\xcaP\x10\xac\x1b\x13)[A\x05i\xc6Lb\xe72\xe3g\xb9I\xbc,\xe6k\xbekVt\xdeo\xf7\xde\x92R\x91_{\x11\x08\x04\x82=\x00m;bUn\x9a\xe9\x8fo?Gr\\\xa7L\xdfjH6\r\xee\xac\\\xc2\x13\xf4\x95y\xe0\xf3zJ?F\x0eG\xbfP\xfa\xc3\xd5\x8d\xb9\xca\xc88\xc6\x9e\xf3E\xaa\x86\xe5.o\xa7\x13%\x94m\x84|\x16\x15t\xd2\xe9[\x84\xca\xd6\x13G`\x8f\xd7\x1dv`^\x8f.8\x9f\xbb\xf7\xc4~\xf9\xb0e\x9cYKcF\x8cJ\r|\x88+\xea\x1fR:oP\xfbu\xbb\xd5&amp;\x99}\xfb\x16+\x10\x08\x043V\x9b\xab(\x86\x89qvo\x03e\x9dT\x08\xf7\xcd\x98\x9e\xbde\xcc)\xd6\xbf\xe1\xa2M\x80\x17s\xean\xf3\xdaDD|d\xb2\xa514\xb7\x94\xe2mA\xdd%\xd3\xeb\xcf\x81\xf2sz\x8b\x94\x84%j\r\x992\xa5\x16\xca\xd5@&lt;.\xb0\xb5\xaek\xa3?@\xb8E\xb0\x81\xb29\xaa\x88\xa7\xb2\x9a\xdf\x9a\x8aZ\x8d\x97\xbf8o\xa2E5\xb3\x9c\x86\xb5\x18I7A\x8bT\x02\x81@0\x04+\x0fO\xe9\xf9\x921\x9f\xad\r_\xb0{\x16O\xa5\xbfO\x94\xae\xfbd\xcc\xd1\xab\x99\x8azMK\x01\xe5\xcf\x93\x04\x1f\xdc\xc6\xa5\x1d\xf1_\xdd2)XzKp`\xa7\x0cr\xf0\xdb\x03G\xc88w/\x8dI\xf6\x1e\x8e\xb4\x8d\xb2\r$\xddN\xbf\r\x1b\nF\xd5f4\xe9\xd6\xeb\xf0\x83@}\xf5e\x9a\x81&amp;utn\x11\x10\x08\x04G\x02sh\xefJ\xccx\xa3\xea*\x11\xd8\xf9\x82\'\xa4-\x92\xd0\xa6\xd3\xb5h8\xcb\xef\n:s`\x9dEV\x80\xd8p\xecaa\xbcE\xd0&lt;\xb2\xdb-]\x93\xb1\x1bB\xa7\x10w/K\xc7\x02\x92\xd2p\xe8\xa7\xbb\xcf\xed\x00\x9e\x13!\x12f\xec__\x88h\xdf\xc0\xf8q\x84\x93\xa0}`\xe1\x8c\x18[^\x9c\x1a\x97\x8fq\x19%\x02\xd6\x04\xac\x7f\x11\xf1\x1c6\xa3&lt;\x05~O9V\x11\xd4c\xd1\xf5\xc4\xe9VjH\xc9!`\x81@\xb0\'\xcc\xee\x89g\xaf\xc3\x8d9\xd9\xfd\xed2\x9e\xde\xd1\x0f\x9f\xe8\x85\xa8S\x0c\x83\x0f&gt;\xd4\xcf\x95\xb1\xd27\x12v&lt;gv\x1b\xedZ\xf2]Uz\xb2Q\xb1\xdbl&lt;\xb4i6}\xab\xe0h\x94\\a\xc4I\xb3\x9c\x8e\x9e\xef&amp;1\x97M\xf5^\xb6Ub\xbe\x9f\xc7\xd2\xba\xb9\xe3F)\x15\xb3\xfeW\xf2\xfej\xe1\xe6\xaf\'%N\x99s{4\xcb\xfaw\xd3#"\xc0\x7fs\x88\xf7\x81\xfa]\xbb\n\x9c\xa6\x92k3\x88s\xc8\x08\x97\xd7\xb5\xe7\xeen\xac\x7fv\xcb\x14\xeb?\x83\xc6\x1e\xa2\x14(\xf5?\xe9W\xe6\x1f\x81@ \xd8\x19\xd6\x0e\x0fM\xef\x96\xba;\xb0\xfe\xd7\x041\xbdN8-_\x8e\xd0\n\t6\x7f\xb1A?\xb7/\xcfR\x80E\')\xfd\xa4\xb4\xbduT\xc0\x03y\xc9\xba\xc8IG\x015\x93-\xc2\xb5\x12!\xc2\xa3\x85\xd9U\xd5/\x1d\x16\x00n\x1bUE\xa2\xe9\x92z[\xb1f\xb5\x02#\xfat\n\x18#\x11-\xc8\xd2H\xd2gT\xc6\x14\xed\x98D\'\rK\x1d\t\x04\x82c\x0e\xa5\x83\x9d;D\xa6\xac"\'e\xdc^w\xa9q\xa5\xd0\x96\xfdq!=~YH\xca\xa7.\x16\xa6\x86\x0bg\xb2\x89*\x13&gt;&gt;R\xb6n@D\xb8t\x93\x1a\xdfB\xb4\xa2\xf5\'fF\xf3^K\x80\x8d\xcf\xd8|0\xaf\n&gt;l\xc2+\x14\x90\x96!\xe5G\xe0\xf6J@\xbcFm\xc1\x8f\x15\xdczT\xf1\xa3J.d\x14\xd4\xd11YM\x02\x81\xe0\xd8A\xed\xa8\x17\xa4,\x9b\xf6\x9a\xa7\xc6\xbf\ts\xf5\x99`.];\x7f\xe4a\xab\xf7R\xf9\x82\xb7\xaa(.\xc7Fs[E\x11\xa8\xe2\x9f\x92\x90\x1f\xe1\xef\xfb\x17-\xdaX\x97\xe2\x1c+\xb6\xc2\xa3\xb2\xba\x88\xa9(sZ\xba\xb2y/\xb9\xce\xb7\x0c\x02\x1c_C\xb4\xee\xa2\x92\xd3\xef\xf5\xabW\x16\xa8b\xbf\x18([F\xed\xfd(W\xab\x9a\xaaw\x07\x12\t$\x10\x08\x8e\x0e\xc8!\xb2\xe8\xf8\x14I\x92&lt;\x85\t\xceq7\x9f\xf3|\x9c\x15x\xf1\xdeA\xfe~A\xde3a\xf3\xab5]h\xda?\xd5\xa6(\xcd\x00Q\x84@E\xd6\xdfz|\x04\xf1\xa21\x8eL\xa0\x11\x87z\x15\xa5YUeD\x0b\xed\xa3\x87\x02`\xf6@\xf6\x96\xc7X\xd7E\xcc\xa8\xfa\x1e\xc0\xe9#Y\x98\xe3\xc9D\xb9\xeb\xd9\xcd\x99\xceE\x11?\x92J\xe6p\x8c\xd14\xc9\x82fl\xb2s\r\xce}\xb6\x16\xad\xffA\xb2\xd1\xca\xe9\xc4n!\xae/P0\xf4\xa1\xa59y\xe2\xc9!`\x81@p\xc4\x81\xc4\x0f\x8b\xf2a\x8e\x12*\xf5\xdc8\x07\xdf\xfaWVF\x06&gt;8\xceSe\xff\xcen\xe2P&amp;[\x80\xd0\x0fEO\x84\xc43O,\xe8\xf2\x0b\xca\x17sE\xeb\xe0\x8f\xfc\xdf\x00x\xe5*\x8f\x1b#\x8d\xb2?)\x05\xeau+;\xe20{ {\x97\xe6\xdc &lt;1\xf6\xc2X\xff\x97\xad\xad\x9f\xf2\\\xdc\xd6\xf6\xd1.\x9c#\xdc\x10aY\xda\xf3\xce\xaa\xb3\xd8m\x86\xb4V\xab71\xb8\xd7[UaV*a\xed7\x90\x0f+j\xe75\'\x10\x08v\x8b\x94st+0]h]X,\xce\x98\x80k)#\xc2Us\x02\xc0\xf7\xfa\xabw\xf6\x8a\xc12\x1b\x10\xc5\xc9\x11\xb0\xca\r*2%E4`\xb6#z^bC\xad\xbe\x8a\x89\x94We\xc4\x97\xbf|\xca\xde\x81\xb3l\x1f\xd5]\xbf\xd8\x8c\xd8v\xc4~\xfa5"\x0e51S\x03F\xd0#\xec\xcd\xb4\x11;\x00\x19\xeb\xd1\'E%W\xea\xc1\x00\x0f\xe3\x90\x8d\xee\x00\x80\xdd\x00\x92\xfa\x81]5\x15\x0f\xac\xca\xb2F\xbf\x9a\x82\x0c\x9dn\xccX\xed\x8fH\xd0mWYv\x00\x04\x02A\r,GQ\x1fz=\x88\\&gt;\xc3\xa3\x87{\xc6\xbe\x9d\xb1\x9dZ\x0c\xf8\xdd&gt;dN\xb6\x82SOg\xee3q\xce\x05\x96A\xaf\x1b\xe6\xb0\x9fD\x044\x99\x9b\xbe(\xb0\xe9|\x82eu\xe7o!LD\xd3\x966h\x82\xd1\x12\x15\x9e4\x0c\x82\xdd\x98\xe9\xfa\xcc\xf5c\xa9\xc9}\x9a\xbd\x98t\x9f\xd5\xb5\xd47\xc0\xdaEQa\xcd\x9ayiG\xf1\xc4\xe12/O?\xad{\xbd\x93\x89K\xf2\x00\x81\xf5\xaf\xd3=\x81`\xa7_\xbb\x128B\xe8\xdb]\xff\x18\xcc\x1d\xaf0o^\xb1\xb77\xb7\x00o8\xd1\xd6\x7f-\x97\xf4p\xd3e\xba\x89\x8cS{&gt;w!\x10\x08\x8e:\x10\xf1b{\x1b\x86\xa2G\xa7\x12f_g\xe65C\xf3\x9f\x0c\x91\xd6\xa1\x83\xd1_\x9f\xad\xe0\xe5gL\xd1\xfc%&amp;1\x9e\x857\'~\x8a\x9be\xa6p\xe7\xcc^\xbf-\xf8#"\xe5-RKB\x99\xff0\xbekTT\\\x8c\x92\x8e\xeb\xdaWw\xe6\xd4E\xbb\x06\x12\x95\xe8Q\xbeE4\rz\xf4\x80~\xd5E\xa2\xf6\x1a\xff\\[\xf6\xc3\x00GW\xddT:\xa6\xa6\x1a\xdb\x00\x91\xe5\'\x82}\xe6\x16\xf9\x04\x02\xc11\x0bD\xdc\xdb\x1609,\xbe\x0e\xe0\x17\xac\xaf;\x8cX\x8d\x8d\xe61Q\xed\xf4\xa7\x068\x05b\x01\'\xe8m\x82\xa7\xa7\r\x97\x9d\xb1\xad\tI&lt;:\xb1( \x8a,-"\xa7!\x85\xc2k\xca\xcb\x9b\xac\xfb??\xe5\x05lR4\xaf\x8d\xf8\x1a\xfaM\xdb\xb9s\x16\x8c\xa4\xe3xy\xcax\x1d\xc05\xd7\xed&gt;\xb6\x00\n\xc8v\x8e\x88\xa0\xd4\x95\x00\xde\xe1=g\xea\x84\xdf)\xa2\xfd\x14\xe6&gt;@\x05\xe4\xf0\xd5\xe5\x85\x81el\xbc\x1d\x8ec\xbb\x82\xd5;\xf2&gt;\xfa\</t>
        </is>
      </c>
      <c r="E497" t="inlineStr">
        <is>
          <t>&lt;class 'numpy.ndarray'&gt;</t>
        </is>
      </c>
    </row>
    <row r="498">
      <c r="A498" s="1" t="n">
        <v>496</v>
      </c>
      <c r="B498" t="inlineStr">
        <is>
          <t>steps_per_sec</t>
        </is>
      </c>
      <c r="C498" t="n">
        <v>5600</v>
      </c>
      <c r="D498" t="inlineStr">
        <is>
          <t>3.020734</t>
        </is>
      </c>
      <c r="E498" t="inlineStr">
        <is>
          <t>&lt;class 'numpy.ndarray'&gt;</t>
        </is>
      </c>
    </row>
    <row r="499">
      <c r="A499" s="1" t="n">
        <v>497</v>
      </c>
      <c r="B499" t="inlineStr">
        <is>
          <t>Loss/RPNLoss/localization_loss</t>
        </is>
      </c>
      <c r="C499" t="n">
        <v>5600</v>
      </c>
      <c r="D499" t="inlineStr">
        <is>
          <t>0.18176307</t>
        </is>
      </c>
      <c r="E499" t="inlineStr">
        <is>
          <t>&lt;class 'numpy.ndarray'&gt;</t>
        </is>
      </c>
    </row>
    <row r="500">
      <c r="A500" s="1" t="n">
        <v>498</v>
      </c>
      <c r="B500" t="inlineStr">
        <is>
          <t>Loss/RPNLoss/objectness_loss</t>
        </is>
      </c>
      <c r="C500" t="n">
        <v>5600</v>
      </c>
      <c r="D500" t="inlineStr">
        <is>
          <t>0.0484429</t>
        </is>
      </c>
      <c r="E500" t="inlineStr">
        <is>
          <t>&lt;class 'numpy.ndarray'&gt;</t>
        </is>
      </c>
    </row>
    <row r="501">
      <c r="A501" s="1" t="n">
        <v>499</v>
      </c>
      <c r="B501" t="inlineStr">
        <is>
          <t>Loss/BoxClassifierLoss/localization_loss</t>
        </is>
      </c>
      <c r="C501" t="n">
        <v>5600</v>
      </c>
      <c r="D501" t="inlineStr">
        <is>
          <t>0.21002129</t>
        </is>
      </c>
      <c r="E501" t="inlineStr">
        <is>
          <t>&lt;class 'numpy.ndarray'&gt;</t>
        </is>
      </c>
    </row>
    <row r="502">
      <c r="A502" s="1" t="n">
        <v>500</v>
      </c>
      <c r="B502" t="inlineStr">
        <is>
          <t>Loss/BoxClassifierLoss/classification_loss</t>
        </is>
      </c>
      <c r="C502" t="n">
        <v>5600</v>
      </c>
      <c r="D502" t="inlineStr">
        <is>
          <t>0.17958903</t>
        </is>
      </c>
      <c r="E502" t="inlineStr">
        <is>
          <t>&lt;class 'numpy.ndarray'&gt;</t>
        </is>
      </c>
    </row>
    <row r="503">
      <c r="A503" s="1" t="n">
        <v>501</v>
      </c>
      <c r="B503" t="inlineStr">
        <is>
          <t>Loss/regularization_loss</t>
        </is>
      </c>
      <c r="C503" t="n">
        <v>5600</v>
      </c>
      <c r="D503" t="inlineStr">
        <is>
          <t>0.0</t>
        </is>
      </c>
      <c r="E503" t="inlineStr">
        <is>
          <t>&lt;class 'numpy.ndarray'&gt;</t>
        </is>
      </c>
    </row>
    <row r="504">
      <c r="A504" s="1" t="n">
        <v>502</v>
      </c>
      <c r="B504" t="inlineStr">
        <is>
          <t>Loss/total_loss</t>
        </is>
      </c>
      <c r="C504" t="n">
        <v>5600</v>
      </c>
      <c r="D504" t="inlineStr">
        <is>
          <t>0.6198163</t>
        </is>
      </c>
      <c r="E504" t="inlineStr">
        <is>
          <t>&lt;class 'numpy.ndarray'&gt;</t>
        </is>
      </c>
    </row>
    <row r="505">
      <c r="A505" s="1" t="n">
        <v>503</v>
      </c>
      <c r="B505" t="inlineStr">
        <is>
          <t>learning_rate</t>
        </is>
      </c>
      <c r="C505" t="n">
        <v>5600</v>
      </c>
      <c r="D505" t="inlineStr">
        <is>
          <t>0.03986696</t>
        </is>
      </c>
      <c r="E505" t="inlineStr">
        <is>
          <t>&lt;class 'numpy.ndarray'&gt;</t>
        </is>
      </c>
    </row>
    <row r="506">
      <c r="A506" s="1" t="n">
        <v>504</v>
      </c>
      <c r="B506" t="inlineStr">
        <is>
          <t>train_input_images</t>
        </is>
      </c>
      <c r="C506" t="n">
        <v>5600</v>
      </c>
      <c r="D506" t="inlineStr">
        <is>
          <t>[b'1024' b'1024'
 b'\x89PNG\r\n\x1a\n\x00\x00\x00\rIHDR\x00\x00\x04\x00\x00\x00\x04\x00\x08\x02\x00\x00\x00\xf0\x7f\xbc\xd4\x00\x00 \x00IDATx\x9c\xed\xfd{\xf4\x7f\xdf\x7f\xc8\x07\xee\x9d~C\xe8H\xd2\xb8E\r\x95bF\xa5\xd3\x91\xa1\xaah]\xb2\xc4\xaaq\x19f\x14\xa9;3.\xa9\xa2\xa2\xd3\xa8v\x05uk*S\xd55,\xb4\x93\x06E\xb4V#\xa8$\xda\x88JH\x19Q\x9d\xc1dD\\\xa2\x92\xa1\x84\xba\x84\xe09\x7f\x9c\xd79\xafs?\xfb\xbe\x9f{\xef\xc7c%\xdf\xdf\xfb\xf3~\x9f\xb3\xf7s?\xf7s?\xf7s_\x8f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e0\x8f\x88\x88\x881\x928AI\x96\xa0\x1e$\xb2P/U\x17Ef\xee\x9fr\x7f\xfd&gt;5\x11\xf9mOy\xb9\x89t)@\xd83W/\xf9\xbc\xb2y3\xe0E\xe5\xbc\n\xf5\xc9\xb3f"\xca([\xbc\xdcK&gt;\xdd\xca\x01\xb31\x9e\x0e\xeb\x14\x00\xa0\xcbx\xac0\xb6\xb6\x00\xf9\x90T\xa5\xbb\xea\xbc\xadmX{"\x92B\xfe\x97n\\\x92\x9a\x1e\xdd=y\xfaK\xd7\\\xcd]\xd67)\xef^\x0f\x93\xe1*MwU\xdc?|\xff\x8c\x88X\xfb\xd5\xc6|\xf4\xcd[s\xb9\x8cKC\xf0W\x82\x88\xd4o\x02\x8ef\xecb0^\x89x\xa5s\xac\xcaD\xad\xefR\xb0$\xe5\x05\x00\x80\x8e\xf9\x90\xda\x02\xe4Cs\xb7W\x7ff.&gt;,\xb8\x9b2v\x9e\x08\x0f\xcb\xdaZ\xfb\xeb\xdc\x9e&lt;\xcdb]\xf6W\xe0\x1b&amp;\xc7Y\x9a\x8f\x85J5\x19,\xf2\xcd\xddr\xc94\x0c\xb6g\xbf,\x8d\xa3\x19\'\xb1v\xf7\xd4N\xa7\xde\xed\xc93i\xb0oNec\x9e\x0c\x00\x00\xf6h\x8e\x92\xd5p\xd1W\x87E\x15=M\xce\xcd\x13\x99\xfb\xc5\x96\xab\xb9\xd2\xe3\xc4g\x92\xd9\xf7uzkID\xe4f\xfe;u\xd6\xeei:-\x9b&lt;\xae\x00&lt;\xfd\xc9\xb8/\xce,\xef\xdd\xafH\x9c\x0c\x9cRh\xcf%\xa9x\xcb\xf1Z\xa2\xb9{\xdf)\x85\x93\x16\xb1\xd3^\xee\xb6\x1f[^\x00\x00\xc5\x14\xf0\xa2\xdd\xd3\xf1\n@:\x0eF\xf6\x9am\xf3\xa7\xfa\x8ciZf%\xb8\xaa\xe2\xa8\xb4SMFhi\x93\x94\xb5\xf6F\xb6\xe0J\xbc\xcb\xde)I\xc7I\xeb\xc7\x8c\xce\x9f\x98\xffdo\x9e9jx\xf9\xc5\xd5a\x80\x8b\xa4\xfe\xc6\x9d\x94IY\xefn\x8fO\xc7\x1b?S9\xb1\xf3\x9b\x7f\xe6\xe0\xbd(\x00\x00M\xd1Y\x9c\x90\x03T\x94\x04\x06\x00N,=id\x9fz:\x8b\xa9\x8a\xddQ\xc2\xb0D\xd6\xc5T5RZ\x97\xee\xf6\xef1\xb9\xa7\n\xb9\x12/M,\x85\x9a\x7f\xd8\xaf\xd2\xb8\x1cH8\xfc\xfe\x1b9f\x1a\xc9K6\x91\x8b].\xce)\xc4\xc9`\x99P\x07\x80\xcc\xe0d\xa0\x0c\x0c\x00\xae\xf8\xcd\xdb\xd8%YD\xda\xd0\xc4\\\xe4P\'&amp;ZJ\xa8\x1f\x9f\x98^W\xadd2\x94)\xcd+}L\xf9\x1d5vT\xe0c\xfd\xa6\x95~\xda\xe1\xbe\xd4Q\x80r\xaew\xc9\xbb"*\x07\xed\x00\x00C\x827\x86\\\xec\x03\xa0\xe4}\xff\xe9a\xc1|\x14\xceN\tr\xc6\xe3\xc3%%\xf4e-\xdez\xb9\xe6\xb1\\&gt;9&lt;&lt;\x9fJE\xb9U\x9d$\xfdU"}\xde\x05\x0c\x00\x8d\xa2\xbc\xb7\xcaD\x13=\xb5~X\x01\xb8a\xbfm7\xc7tlI\x03\xbe\xdf\x13?\x02\x8f5\xd8\xc4\xce\xe9\xed\x0e\xab_\xef\xfe\xca\xd9\xd6\xff\xf3\xf3\xed\xbb\x87N\xee\xb4Iwr#\xab\x13\xb7\xd6\xc6\xf7\x13\xab\xc2\xda\x94\x8bS\x00\x00q(\xef\xad21d\xa1!\x1a\x111\xe6\x17\xae~\x86v\xf1\xfc\x12\xd3\x88\xd5}\xb9\x8a\xb5\x9aA\xf9\xcb\'\xafm\x82\xe6\xe7\x00:x&gt;\xa6\xc8,\x0e\x13E\x00\xc3\xc1\x0cq\xdf|\xb7\xf1\xea7yy\x87\x1bF\x89\x885\xc6\xac\xbe\x95\xa3\x7f\x00\xdd\x90\xa8\xa0\x84\xb5\xa7X\xccFVWg\xae\x8c\xca\x1c\xfd\xc0\xfa\xc9\xc7,\xd6\t\xfa\x9ah\xd8[\r!\xdcU\x07P\x1c:M\x80G\x86\xdb\x024\x1f%|\x139\xa8\xba\x9afH8V\xc3\x85A\x12\x96\xddM\x1b\xe3\xbc\xdd\xea\xef\x92\xec\x12\xc4\x07\x18*\xa6\r\x00\x00P\x1e\xba\xdfX\xaef\x1a\xba\x9f\xdal\x99\xfdw\x9a\x9e_hm\x1e\xf7~\x02\xect}\xe04\x99{E\xf5:\xcdF\xe3\x05h\x9a^]\x13@B\x86[\x01HN\x13\xc7Fa\x8b\xffD\xb5\x7f\x1e\x85\xb7\'\xce+QN\xdd\x9e\xb3\xb9&gt;\x9d\x99^\xe5\xee\x96`.r\x08P\xbdP\xee\xb0\xdd\x19`b=z\xa7_\x06\x80J\xd0%\xd7\xa3z&lt;T8&amp;\x0b8\x86\xbb\x1e0\x94\xcc7\x07\xc9\x05\xa8^"_R\x0b\\\xbfN\x01\x00\x00\xd4\xa1!\xe8\xe9\x85\\\x1f\xfd-\xf3\xd1\x83;K\xd0=\x00\xe8\n\xe7\x82\x0f\xad%g\xd0\x12\x00@\xdf\xb0\x05\xa8mz\xe8\xa4\xf3\x94 \xc9G\x0f\xdc\xd5{\x1e0\x95Z\x80\xee\xc1\x0c"9Q5!l8\xec\x9d\x00\x00\xe8\x1b\x06\x005I\x12\xa0\xc4\'R9NJ\x1aj\x94/K\xf0\xf9\x8f\x1c\xa2\x12\xb7\xad8W\x05\x1ar\x04[\x02\x00\x00\xd8#"\xc6\xfc\xfd\xc8\x14\xe2\xd7\xd9Y\xa9\xdfQU\x1b~Y\'\xad;\xcc\xe0\x02\xd4\x02\x00\x00\xed\x91\xbd\xf3b\x8e\xa7&amp;I\xae*\xe3\xcaB\x00\x00\x00\x00\x80\x8c(&lt;m\xe9+\x8c\xa3\xfc\xaa\xca\xd84\xda\x0c\x06\x00\x00\x00F\x863\x001h\t\xe9\x96\xcf\xbb\xa6\x8d2U\xad*8\x8eXt\xc6\xd9\xa7\x1f\x8aP+-\x00\x04C\xa3\x06\x80&amp;`\x00\xe0\xcd\x12\xcai\xf5\xf3\xcfb\xa9\x8a\xec\x1d\xb1\xd6\xde\x17M}\xbf\xdb\x9e\xce\xfbC\xbd\x91@\xf3\xb4\xe8]\x01\xa0\x16\x15{%\x06\x00\xe1\xe8\xf4\xf3\x8e\xb6\xd4f/\xd5\xa2\xcc\x97\xf0\x01i\xe8\x1eF\\\x00\x00W\xe0![D\xe9\xe6\x8d\x16w\x95$\x94\xb9\xb9\xb2\x03\x00\x00\x00\x94\x87\tH\xa8\xca\x1c\xb33\x17\x0e\x00\x00\x00P\x06\xb6\x00AU\xe6\xb0\x9f\xc9{\x00\x00\x00\x802\x0c1\x00\xd0\xb91F\xa7T\xc5a\xe2\x1f\x00\x00\x00\xa0(C\x0c\x00\x96[2k\x0b\xb2\xe1\xb5\xe9E\x99T\xe5a\xf3\x0f@&lt;"b~\xd4\xe8\xce\x04\x00\x00F\xa7\x89\xf9\xf5&amp;\x84\xdc\x91C\xe0\x16\xf5\x00\x01P\xcb\xf9\xa0\x11\x01\xdc\xe3\xdbFDD\xcf\xd7~\x00\x92\xd3\xed\n\xc0o5\xc6\xa8\x0f8\xdc/\x82TV\x90\xc4\xc2T\xb9\x10S\x99J\x01ba1\r 1\x1fU[\x00\x00\x80\x8e\xf9\xce5&amp;Z\xda\x1d\x00\xb4+9\xe4\x03\xab\x00\x00\x80\xd1a5\xbc-\xa8/\x80hhA\x00\x00\xe0J\xb7[\x80\xdaEs4\x9cI0\xb6.\x00DC#\x02\x00\x00h\x9a\xc1\x06\x00J\xb2\x83F\xc1N2\x82n\x01\x00z\x84\x15\x00\x95h\x9d\x11\xe7\xa8n\xbb\xf4}\xa3\x85\x8f\x9dt\xab\x84\x1c\xa0\xac\r\xbf\x08}\x00@\'(\r4\x01 )\xaf\x08\x99\xddV\x93"\xd0\x03\x00\x00\x8c\x0c+\x00\x00#\xf0\x8awYQ\x01\x00\x00\x00\x06\x00\xd0=\x84\xbc;\x86V\x08S\xff\x00\x00\x00\x00\xc9\xd0|\x7f\x11LPG\x00\x00\x00\xc0\n\x00$\x86\xf8R3\xcc\x7f\x03\x00\x00\x00@:^\xb3\xcb\x0c\x00\x00\x00\x00\x00`\\\x88\x86\x01\x00\x00\x00@\x11l\x01\xca\x8b\x08[b\x00\x00\x00\x00F\x84 \x10\x00\x00\x00\x00` \xd4\x0e\x00X\x01\xc8\x02w\xad\x00\x00\x004\x04\xbd6\x00$\x00W\x02\x00\x00\xd0\x10t\xdc\x90\x1a\xa6\x83\x9bE\xb8\xd9\x06\x00``\xe8\xbf\x01\xc0\x17\xfd;A\xd8\x02\xf4\xc0|o:\xd7\xa7\x03\x00\x00\x00\x00\x00\x00\x00\x00\x00\x00\xf4\x8a\xf2\xd5\x1c\x00\x00\xfd\xeb\xce\x00\x00P\x1d\xb6\x00\xf9\x11\xdc\xb3\xd2+\x03@\x0c\x8e\x0e\xc4Z\xf6+\x02\x00\x00\x04#\x926jg\x0c\x00\x00\xe1\xe0=\x00\x00 \x11\xcc\x15\xdd\xb0\t\xd7\x99W\x03\xe8\x06\x11\xa1E\x03\x00\xc0\xb0\xb0\x05\xe8\x06\xe2\x03\x80&gt;!\xfa\x07_X\xbf\xed\x15\x16\xe7aL\x18\x00\xdc\xb1\x8e\x12p\x10\x00\x00\xc3\xc2\xa0\x11\x00z\x02\x8f\xf6\xc8;\xf2\xa7\x03\x00\x00\x00\x00\x80\xd6a\x05\xe0\x91\xf9K`D\xff\x00\x00\x00\x00\x00\x83\xc0\xfe\x1f\x00h\x83\xcc\xce\xaa_g\xd8k\xb9\xe0\x06*\x1d\x00\x00\x00\x9a\x85\x83\x8c\xd1\xa0\xc0\xe1\xa0\xc6\x01 \x07\'\xdd\t\x9d4\x00\xe4\x00\xdfr\x83\xaff\xd0d-\xd0&lt;@18\x03pE\xac\x1b\x9a\xfc\xd8\xce\x9dq\x90\x00\x00r`\xad\xc5\xbd\x9c\x12\x1a\xfd\x13\x89\x96\x86\xe8\x1f\xa0$\x0c\x00\xce\x11I\xe6\x8c\x18\x03\x00\x00\xb4E\x7f\xb1\xa8\xfe\xf0\x9a\xce\x11\xa0$\x0c\x00r\xb1L\xc8\xe1\xd4\x00\x00j\xe1\xeb\x80{\xf5\xd8\xee\xc5\xaa8T\xe8U\xf9\x00\xd0\x0c\x9f\xcb\x86Z\x00\x00\x18\x8f\x11\xfa&gt;\x99\xa9-\x08\x00\x00\xf4\xcdW\xd3\xd3\x00\x00\xa8\xe0=\x00`\x0c\x00\xa3\xc2r\x1bt\xc24\x97\xa3v\x05YD\xa6\ra\xb5\x05\x01\x00\x80\xf7B\x87\xda^\x03\x00\x00\x1ca.\x07\x00\x12\x82KQ\x81\x88\x18\xf3?\xe6L\x9c\x8a\x06\x80\x08\xd8P\xe8\x05\xea\x02\x00\xcd\xe0\xa32\xa1\xea\xcb\x0c\x1c\x06\x00\x00(\x07&gt;\x17\x00\xa0u\xc2&lt;\xb9*\xe7\xafJ\x18\x00\x80\xfe\xc1\xed\x02@}pD\x11p\x9d\x0e\x00\x00\x00\x00@IjG\xde\xff(\xd1?\x00\x00\x00\x00@)\x08\xbe\x01\x00\xa0[\xe8\xe4\xa030ih\x83\xdb\xed=l\xfe\x01h\x97\x0fj\x0b\x00\x00\x00\x00*\xe1\x92|8A\xf8\x8a\x94/\xca?U\x04\xd5`\x1e\x05\x00\x00\x1a\x87^\x0c\xe0\x02}1\x1ec\x11\x15\xf0IB\x00\x00\x00\x00\x00\x00\x00\x00h\x92\x01\x97\xb5\xfb+2\x9fI\x86\xf6`S\r\x00\x00\x00\x94\xa3\xaf\xa8\x838\n`t:v\x01\x1d\x17\r\x00\x00\x00\x00\xa0i\xdeS\x11D\xed\x00\xd0%\xec\xb8\xf8\xc9\xb8w\x00\x00\xd8\xf2\x1e\x000\x06\x00\x80\x16\xf0\xf2T\x82s\x83^x\xf8\x82DIQ\x00\xa0\x1fp\x1f\x00\xd0)\x83;\xb7\xc1\x8b\x0f\x00\xd0,Lb\x01\x00@\x00\xf4\x1d\x00e\xf8\x90\xda\x02\x00\x00\x00\x00\x18\xc3\xc7p\x00\x004\x10|"\x8dY\x1c\x00\x00\x00\x00\x9d\xb0\x02\x00\x0f\x84E\xf2\xcc\xe2\x00\x00\x00\x00\xec\x10\x91Og\x92\x14\x00`\x04X\x13\x03\x00\x00\x11.\xfb\xaa\x01\x1a\x07\x00\x00\x00\x80Z(\x89E\x87\xda\xa7\xf1\xd29\xbbS\x00\x00\x00\x00`X\x86:\x03@\xdc\x0f\x00\x1d\xf2\xb8\xa0\xacd\xc2\t\x00\x00\x94\xf0Am\x01\x8a\x12&lt;\xf7?u\x9f\xd6\x1aF\x11\xa0\x8a%\xb0c]\x0b\x00\x00\x00\x1c\x19j\x05 \x90%\xc6b\x12\r\x00\x14b\xed\xc3\x00\x90\xf1!\x00\x00\xac\x19i\x00\xf0\xc9\xdcg\x0f\xbd\xb1\n\xec0\xd4\xc1!\xc4\x07\x00\x00WF\xe93\x82wJ\xec\x06\x00L\xa4\x8d\x89\x88P\xf5\x00\x00\x00\xd0\x07#\xad\x00\x18c\xb2\xce\xe8\xb3V\xd0/D\xff\x00\x00\x00\xd0\r\xa3\x0c\x00\x82\x03\xb8\xf5\x8b7\x89Lwp\xb0_\x08\x00\x00\x00\x00\x94\xc3\xbc\xa6\x13\xf3-@\xe7\xeaZ\xc7\xfdL\x15\x03\x00\x00\x00\x80f\xc6\xba\x064\x18\xc2z\x00\x00\x00\x00xFD\x08\x1dG\xe1\xf5!\x1e\xb6\x00\x01\x00d\x84\x9d\x96\x00\x00\x00\x00\x00\x00\x00\x00\x00\xa0\x0cy\xad\x11\x01\xd4\x03\x0b\x04\x00\x98\xa1S\x06\xe8\x15em\x1b_\x03U\xa9\xd8\xdb\xd1\xd1\x02\x00\x00\x00\x00\x94\xa6\xea2\x14\x03\x00\x00\xf0\xa6\xe3\xc5\xf3\xcaE\x13\xe1\x842\x00\x00\x00\x00\x94A\xdc\xee\xa0w|\xacI\x96\xd0\xbf\xe2MA\xa3|\x08\x0c\x00\x00\x00\x00\xdc\xc91E\xed\x9c\xa4\xcd\'\x03\x00\x80\x17\xb8!h\x1a\x0c\x18\x00&lt;\xe8x\x07\x0e\x00\x80\x17\xdf\xa9\xb6\x00w\xe0\xac\x01\x00\xe0\x8a\x80\x0eBD\xb8\xc1\x02\x00@?xj\xd50B\x03\x80z\xf8E\xf3L*u\x0cg\x00\x00:\xa3\xdbSS]@W\n\x005\xf1\xf1A\xff\xba\xa9zJ\xb54\x0cu\xc6\x81\xa1-\x00\x94\x04\x9f\x03\x00\xa0\x99q\\4+\x00\x03U6\x00\x00\x00\x00\\1\xce\x8a\x07\x03\x00\x00\x80BXvhAs0G\x06\xd0#\x0c\x00\x8ca\x11\x00\x00\xca`\xad\x19fz\t\xfa\x80\xde\xb1c\x08~Ff\xe8\x01\xc08\x0b=\x00\x00\x00\x01\xd0Q\x02\x00\x00\x00\x00\x00\x00\x00\x00\xa8a\xbeg\x86\x85]\x80\xb6a{\x06\x00@%\xf0\xbf\x19 &lt;\xcd\x0ev\x0b\x00\x00\x00\x10\x06\x130\xd9@\xb1\x00\x00\x00\x00\x00\xd0\x05\x8c\x1b\x01\x00&amp;\xf8\xf8\x1d\x80N\x86\xbe\x05\x08 \x13tx`0\x03\x88\xa7\x17\x13\xa2-\xb4\x05\xf5\x05\x00\x00\x00P\x87&gt;\xe20\x16\x01\x00\x00\x00\x00\x00\x00\x1a\x81\xc1\x1b\x00@\x19D\xc4\xfc^|\xee\x0b\xe6\x0e\x01\x00\x00\x00\xa0s\xb8)\x15\x00\x00\x00\x00\x00\x00\x00\x00\x00\x00\xa0\x08\xecB\x01\x00\x00\x80n\xe0\x1aP\x80glm\x01\xdab\xc0\xf1\xd2\x80E\x06\x80\x11\xf8M"\x9c\x03\x06\x00\x00\x00\x00\x00\x00\x80\xccp\x8d4\x00\x00\x00@*\xd8\x02\x04\x00\x00\x000:L\xb4\x8d\x04u\r\x000$t\xf6\x00\x00c""\xac\x00\xa8\x80\x9e\x18\x00\x00\x00\x00\xca\xc0\x00 5\xa1\x9fpb\x0c\xe0\x02Z\n\x86s\x14\xb0\xc3Zn\xb7\x02M\xfcw8(\x00\x008CD\xccg\xd3I\x04\xc2\x00`\x82\xb1\x10\x80Fh\x95\x00\xa5\xa0\x13\x04\x80bh\t\xbb\xe7\x01\x80\na\x00\x00\x00\n\xc3\x19\x00\x00(F\xfc\x86\x93\xafM \x851\xd3\xce\x97L\x83\x11%\x83\x1c\x00\x80\x1c\xb0\x82\xda\x04\xd4\xd15_\x80j\x00 =\xa9\xdc.\xbd,\x00(\x04\xd7\xd4\x04\x8fu4r%\x06\x94|\\e\x01@yFv\xd0\x00\x00\x90\x8f\x01\xfb\x97\xf0\x023\xea\x05H\x05M\t\x00@\x13\xf8\xe4\xb1\xe8\xb3\x17\xee\xb3T\x00\x00\x00\x00Z \xd6j\x98\x8e\x0f\x01c\x97\x00\x00\x00\x00Y\x10a\xbe\x15\x00\x00\x00\x00\x00\xa0\r\x18\xbc\x01\x00\x00@Y\x98&lt;\x06\xa8K\xaf[\x80\xa0O\xe83\x00\x00\x00\x00\x00\x86b\x84\x01\xc0G2\xce\x01\xbeU\x0c\x00\x00\x90\x1d\xaf\x90\x8b+A\x01 +"\x92\xebc\xc5\x00\x00\xf9!LR\xce\x07\xb5\x05\xd0\x82\xb5\xb6\xb6\x08\x00\x00/\xf0H\x00\xd0&gt;b\x0c\xae\x0c\x00\x00\x00\x00\x00\x00\x00@-\xf3n\xb7i%\xf7K+KS\x18v\xe1\x03\x00@\xa7\xb04\x03\x00\x1bD\xc4\xda\xbb\xfd\xe7#\xedNa\xfd\x1a\x00\xa0g\xa6\xb3\n#\xf5k/\x86+0\x00\xdc\xe0ulk@\x8f\t\x00\x00\x9d!"\x03vg\xc3\x15\x18 \x9e^\'\x0c\xc2.m\xe8O\x0f\x00\x00\x00}C\xcf\xdd%"BX\x06~\xc4\\\xd9\xa6\xdc\xd8\xa6MM\xb8;\x00\x00\x80\t\xbe\x04\xdc%\x1f[[\x00h\n\x87\xefZX;\xfd\x9f\xb5\xd6\xd8\xef\xb7\x0f\xa5\x95\xdf\xf7l\xad%\xfa\x07\xf0Ey\xbb\x06\x80\x18\xe8\x14\x01F\xe79\xfa7\xc6\x1c\xe7\xf8E\xcc\xea\xac0S\xec\x00\x00\x00\xad\xc0\n\x00\xc0\xd88\xcc\xfd\x9fD\xff\xcb\x1f\xe6?\x89\x98\x0fg\xbe\x10\x00\x00\xa0\x05\x98\xb1\x03\x18\x1a\x87\xcd?\x0f^b\x9d\x82\xf2\xc3\x00\x00\x00\x00`X\x01\x00\x80\x1b\\\xe2\xf9u\xd0\xcf\xa6a\x80\xdc\x88\xc3\xa1\x1d\x00\x80{\x18\x00\x00\x0c\xccc\x18\xe1\x16fl\'\xfe\tM\x00\xb2\xc3\x18\x00\x94\x80)6\n\x03\x00\x80q\xb9w\xdb\xf6?q[\x02\x98\x1e^\xd2\xa4/\x80\xc1\xf0\n\x80REK\xec\xb6\x03%\xb0\xf3\xb3Q\xa86\x80q\x89?\x00p\x9a\x1a\xfd\x01\x0c\x85\xfb\x97\x01\x13}C\x90/\xbd\x00@,\xac\x00\x00\xc0\r}\xcc\xe7\xf7Q\nP\x8a\xb5\xd6-\x1cOe\x87\x84\xfe\x00\x10\x0b\x03\x00\x80aq\x08G\xbe\xea\xe9\x81o\xdeDlM\xc0\x04\xc9\x10\x1fv\xad,\xd5\xac}\x92\xe9\x7f\xb6n\x03\x8c\x0c\xfd"\xc0\xa88\xf4\xffW\x9f\xf7\x9aw2l\xfe\xba\xda\x02t\xfeVaDD\xdb6\t\x85"\x81#1\xe1\xf2\xee\xa6\xac{\x1b\xc0H"A\x81\x00.\xb0\x02\x000*O}\xa4]\xfe\xe3\x04\xb3\x89\xd0\'\xf1\xd7n\x8a\x88\xf9\x1c\xd7\x132\x04\xaf\x91\xa0?\x00\x17h(\xd0\r\x0f}4\xdd\xea\x91\x1b\x95\xad\xb4u\xd0\xdb\xc7\x89\xfc\xd1\xe5\xb1\xd5\xf5?r\xfc%@\xc3\xb8\xc7\xfd\x93\xc5;,\xa9\xd14\x00@\x05\xac\x00@\xdblv\xdb&gt;=YD\xa2\xac$.\xc2U0b\xad5\xc6\xbe\xfe\xfe\xd3\x0e\x99~\xa95\xc6X\xbb\xdb\xd8\x90V4\x80\x9a&lt;\xfa\x94\x9f1\x9f\xfd}\x9d\x00\x9e\xda\xc3\xd3q\xe0.\xbc\x10\x00\x00\x94\x82n\xe3\x14\xaf\xd3x\xae\x03\x85\xb1\xd8+\xe7\xf7\xed\xf5\xf3\x1f\x07$\x94\\J\x80\x92&lt;\xfb\x10w#\xc7\x05\x01\x80JX\x8e\xf4C\xaa\x9d.\x12*k\x8dK\'j\xad1r&gt;g^\xeb\x94\xaa\xa4\xb9\x05&lt;%GM\x06\x88\xb7KDU\x01\x01\xbcp\xf5-&gt;\xc7c\x8eI\x96i#\xf5:,p\x85:\x82Z\xb0\x05\xc8\x83\xaa378\x8877\x15\xf1\xcb\xccz\x1d\xden\x16\xe9\xb7\xfbU\xca\xd7\xe6\x92\xe3\xf1\x87\x8a\x9cu=~R\x11\xfdC787I/#?i\x12\xc5\xda\xbe\x06\'3\x08a\xaa\xc6aB-\xb0&lt;\x0f\x96\xe6M\x8b\xad\xcb\x8d\x9f}\x9c\x99\xab\x16\xad\xce\x19+4\x9e\xb3E\x00\xe3\xe1\x1c\xb6\xef+, \x80\x0b\x8e\x01\\\xd8\xfaa\x92\xa5\xb6\xb0Li\x92\xa5`\xa1\x1eZ\x82\x15\x00\x0f\xden\xd4k\x0f($%&amp;\xfa7\xc7\xbe\xb0T=\xfe\xf0\xd3\xdf\xea\xd8\x10|\x8c\x0f\xbcVH\xb6\xd1\x7f"\x99\x00\xfa\xe2x8\xb8@\xdbw\xfeD1$\x01UCK`\xaf\xbel\x9c6\xbe\xb58w\x9d\xa6Gu\xac\x92)\xb6\x19\xf7\x98\x9d\xaa\xf9\xb9S\xcdNC*\x91K!\xd9\xff\x03}\xe0\x15\x8e\xbf\xae\xc1\x8a\xce\x85\xf6\x02\x00\xb5`\x05\xc0\x17&amp;Tj\x92l\xcal]\x89E\xe6\xe0\xbf\xeb\xf5\x9f4,\x02\x98\x8bXDf\xf5\x88\xc8v\xae_\x8e\xcb\x174\r\x18\x84\xb3\x16\xfbs\x0e\x9eD\xce\x1f\\?\xa1\xa3\xed\x03\xc0\x80\xd0aCK\xdc\xf7\x97\xbe\x01h\xe1C\x1d"\xb2\x9b8T\xb5\x020\xf1\x18\x91Xk\xa7@G\x8e\xbf\x07h\x16\xbf\x15\x80\xb3c\xbd\xd3_v\t~\x961?\xe2\xd0\xe4\x9f\x92\x02\x00\xc8\x0e\xae\x07Z"\xc5\x00`9\xa7\xf5N\x8c&gt;\xf8\x8d\xff\x9c\xa4\xbd\xdd#\x04\xd0\x04\x9e\x03\x00\xf3\xd8{\xae\x13\x9c\x1b\x87=\xcd\x88\xb6\x03\x00\xe5a\x0b\x10\xb4\xc3}\xf4\xef\x9a\xc2\xf2\xe0\xfa\r\x16\xe2g\x9e?f\xba&lt;\xb8\x1c1d_\x1c\x8c\xc5?\xe7\xe00\xae\xbe\x93}l^l\x04\x02\x80\xf2\xd0mC;&lt;\xf5\x93w\xd3rg\xb7p\xae\xb6\x00]\xbf86~\x9b\x94D\xb8\x06\x08Z$\xcf\r\xee\xbb\x1b#\xcc\xca\xc9\xec3d\x08\r\x00\x85a\x05\x00\xfa\xe1\xa6\x13\xbf\xef\xde\x99\x80\xbb\xc2\xef\x1aA\x82\x18\xf0\xa7\xdd\xf9\xef?|&amp;\xb9L\x87\xe3e\xff\x11r\x11c~\x9e\xbc\x7f&gt;Ct\xdc\x0b\x0c\x00\xb1\x88\xe8o\xcet\xd8\xd0\x0en\x8d\xe9\xfc6\x9b\xd3\xc9\xfe\xe2\x97\x81\x02\xc0\x0e\x11\xa9\xde\xfa\x82\xfb\xe9\xb3oh&lt;\x9fS\xfa\xae"_r\x91\x8e\x06m\x00@4/O\xa0\xb99\xb3\x02\x00]\xf1\x83/~o\x9f~\x04\x80*h\xee \xfdY\x1d\xfc\xbd~\xe0K.~oz\xd3\x06\xc0\xb0\x04\x7f,\xa4\x1c\x0c\x00\xa0\x1d\x1c\xda\xd2\xe7\\\xbek\xa7C\xab\xab_)_\x9d\x03\x00\xd5\x9c\\\x05\xbar)\xa7\xdeE\xc4\x98\x1f}\xfa\x17\xdd\x91\x02\xd4\x85\xbe\xaaA\xa6\x1b2jKqG\x87\x03\x80ba\x1d\xf1cq\x1c\xda\x925\xd7\x1b\xfe7\xafS{\x00\x10\xcc4\xa3\xb0\xff\xe5\xea\xe7_|\xf5\xe6o\xc8#\x10t\x8c\xf2\x99d\x00\r\x94&lt;u\xc1\x00\xa0&lt;r\xcb*\xf4?\x9f}[\xff\xe3\xff\xbc\x7f\x17\x00\x06\xe5\xde\xb1\\x\x1b\xeft\xcd\xf4\x7fg\xb9e.\x1f\x00\xc0\x9e\xde\x86\x95R\xee\xd3\xaa\xcb\t\x0f\xd3\x9f\x1a\xd5r\xd3Sn7\xdc\x89C\xa5\xbc\x13\xa3\x12\x01F&amp; \x04\xb7\xf6\xef\x1a\xf3a\x8f\t\x9by\xb1q\xdd+\xfd^\x91\x8f\xdf\xa7\x86\xff\x01\x80\xa2\xf4\xe6tD\n\x1d\xa5Zw\x18\xf8\xee\x92\x9cv\xd5\x01\x11&lt;5\x08\x00\x13A\x03\x80p\xa7\xb1\xcb.\xcfi\xc1\xff\xc6\x98\xef\x9b:M\x00\xe8\x87\x0fj\x0b\xd0&lt;\x84\x8e\x85\xb1\xd6\x1e{k\xff/P\xb1\xe6\x0e\x001\xb8,3\x9ecw\x0e(u/2\xaf\x84\xa7M\x15\x00\xba\xa2\xb7C\xc0^\x9f-\x8a\xcch\xf9\xb1D~\xf0\x84\xc7\x1c\xdev\xcf-\xd3\xff\x00\xe0K\xd4\xbe\xfd\xcc.\x07\x97\x06\x00\x8f\xf46\x000\xc6\xbcn|,\x93\r\x8e\xb6\x06Wj\xdf\x9e\x03~\xfdf\x0e\xf6\xdf\xe7\x83\xd7OP\x83\x00\x10\x8a\xcb `&gt;\xfe\xbb!\xb7\xdb\xb1\xd6\xfe\xc2\xccY\x00\x00\x00T\xc0\xe5\x9a\x8e\xf9\x87\xaf\x10\x11\xf91\x87\xbf\xd6.\x02\x00h\xe1\xd9\xa1\\8\x19\xc7dor\xcbW(\xe8\x03\x8c\x04r\xc0\xf4\'4L\x8c[d\xee\x1f\x00\x16\xc2\x9c\xc9\xf3\xf9\xdd_#\xf2S\xf6\xdef\x97\x17\xbe\x08\xee\x11\x11\x8c\x04\x92\x83Ii\x84\xd6\xee\x81\x7f\xbf\x8dn\x01\xe0H\xc0\x18 \xc0\x99\x10\xfd\x83/\x84\x04\x90\x83.\xcf\x00\xb4\x0e\x8b}&gt;\xd8\x99\xff\xe6\xf6\xa9\xd5\x83\xa5$\x03\x80\x96\x08\x8d\xe6\x9f&lt;\xf6*\xe2g/\x07\x04@\xb7\x059\xc0\xaa4\xc2p?\x8c\xab\xce\x15e\x02\x80\x1bQ!\xfa\xde\xd5|s1_\xf5\xda\'t\x9a2\xae\t\x00j\xc1w\x004B\xaf\x10\xc4O\xb0v\xf9\xe8\xa6ap\x0b\x00\xfe\xec\xef\xe8\x7f|\xdal\xae\x18[\xe6n\xc4\x18c\xbe\xfa\x95\x9e\x1c\xd2\xc4G\x01@]\xc6q@\xe1\x1fm\x81\x86\x90\xd7\x17p\xa8k\x00\x08$x\x15\xc0n~:\xf9d\xe1\xeb\x8f8(\x00\xa8\xcd8+\x008\\\x88\x87ad\xf7P\xc5\x10\x8el~b\xbb?\xe4\x00\x1f\x05i\xc0\x8c\xa0?r\xf9G\x96\x17\x00\x06!\xdfi]\x1cH$#\x9f\x91\x9b\xfb C\xf0\x06\xf1p\x0b\x10\xb4\xc8y\xdf&lt;\x7fU\'\x97g\x1c\xb6\xd7\x01\x18\x8d\x1c\x8d\x9d[\xc8\xd21\xf4\xea\nWI\xad\xe1f\xad`\x18\x00@\x8b\\n\xae5\x99\xdd\x01\xfdwC\xc4Y\x82\xac~H`Q\xf4R\xcd\x910^\xb7\x16\xd7\x91\x16\x94\xf9\xc08\x1f\x99\xa6e\x05\xc3\x00\x00\x9a\xe4\xb4\xcd\xe3\x08`M\x84=\xac\xd7\x91,\xd1\xc6\xc8D\x8e\x02\xe6\xd0\x1f\x13JF\xdf~\xde%p\xefZ\x01\xe0O\xe8`\x0f;\x02\x00\x80\x138\xf4\xb2\x81\x8f\x8eC~ht\xe0\xcb\xdf\x15\xf9\xfa\x1c\x0b\x01\x80\x16)\xb3T}\x96\xcb\x10K\xe4\x00]2\xc8\x16\x17\x80\'h\x08\x00\x00~\xe07\x01Z\x85\x01\x00\x00\xa4Cd\x9c\xa33\x00\x00\x00\x13\r\xf6}\xea\xa4mM\x8104\xec\x19z\xb3k\xbal\xc2\x83+\x16S\xc1H\xda\xe5\xb5\xd7\xd6p\xa4\x0e\x00\x120\xf2\x07\n\xa0E\xb8\x05\x08\xc0\x1b\xbc|Z\xaaL=Nu\xc8|\x1d\x84\xc1\\/\xec\xa0_\x80\xb6`\x00\xf0\xa6\xa9\xd6K\xdfS\x99\xa6\xac\x05N\xb1|\x98\t\x82\xc1r\x00\xc0\x1fE\x1b\xed\x18\x00l\xd8\xfa\xf4\x1fXM\x8eg\xfa\xec{D\xa4\xa1\x8f\x1c\x12\x01\xa4\x820\x1c\n#+\x98O\x01\x802|\x06\xceF9S\xaf\xf0#\xdb\x89D\xbbA\xd1)\xb4?\xabC\x8ca\x98\xe2\xb0\x91\xa31-\x96?\x00r`\xf9\xcb\xf6\x0b\xd0\x00\xd0\x1e\xf8R\x88BD\x8c\xf95\xb5\xa5\x00\x18\x84\xdf&gt;\x87\xfe--\x01A\x93\x1c\xc3\xffkj\xcb\n\x00\xde\xd0r\x1da\xe1\x1d\x00\xea#"\xfd^\xc8#xZ%\xf8F\x06\xecM\x83\x16\x19\xfc&gt;\xa2\xc1\x8b\xef\xce\x07\xb5\x05\x00\x00\x98"\xff\x96\\\xb6O\x1f\xd3R\xb9z\x82\x89@\x80\x01!\xfaw\x84C\xc0y\xa1\x07\x02p\xa31\x97m\xadI\xb8M\xfc\xcf\xe0(R\xe3\xe5{/#\x06\xea\xa5\x11:8&gt;\x940Z \x02\x06\x17\xb0\x92\xbc\xbc&gt;6\xb4j\x8d\xc7\xdf\x00\xb4\x87H\xa7\xdbu\xa0\x03.C)k\xbf\xca\x98o\xb1~l\xbd\xf1\xec\xf45|u\x13\x88Hs\xab\x88\x0bq_\x96d\x87!\x04\x82\xdd\x94\x86\x8f\xc8\x02\x00\xe4\xe0*\xf0w\x0f\r\x8f)\xe0\xa8!7D\x05P\x05\xac\r:\x87%\x17\x8018\x89\xff\x03\xa7Te\x1a4\xbc\x13\xc4\x81h\xa6\xd1C\x9fs\xdf4\xad\xa7\xb6\'?\xb4\x0eg\x00\xdep\xfb[\xc7\x0c^\xa7Xu\xebd\xaa\xbe\x9e\xac\xe2$\xfa\x0fL\xc9\xce\x9b\x82v\t\xf4\xa3\xab\xfeh\xd4\x92\xad\xb5|\x08\x11r\xe0\xd2"\x18\x00@\xe7\xe0[\xcd\xd4\xc3\xa0\x87\x96\xc9T{\xbf3K\xaaZ\x88\x0f\t\x97v3\x8d\xa0\x1b\x8d2\xbbg\xaa\xa4\xe6j\x07\x9f\x0cu\xc1\xfevp\x9e\x06\x00\xd6\xe0\x13\xda \xdf\xf6\xfdu\xca\x04m:a\xab\'\x80/\xac\x00\xec\xc0}\x00\xc0\x0b\xe6}\x1b\xc5v\x12\x0b~|m\x01\x9a\xa1\x8b\xea\x06(\nm\x06F\xa1\xd1\x83bP\x97\xae?Q\xdc\r\x9b1Z\x9ef\xfe\xca\xe2C\x8d\xf9\xfbf\xea9\x0b\x98\x04\xabO\x00\x90\x0b\x9c\x0b\x8c\xc1\x1c!d\x1d\x03\xac\x82Ezn\x80\x12\x14\xde\x9f\xb3[\x0ebN\x01\x00\x1a\x85-@0\x06\xf6\x8f\xbd~\xf8\r\xb9\xb6sL\x91\x81L?\xb1o\x04 ?\x9b\xe8\xbf\xb6\x00\x00\x9e\xfc\x9fj\x0b\x00C\xc3\xec\x05\x8cB\xeeSb|\xcc\x05\xa0(\x87\xe8;w\xd3\xe3S\xc1\x90\n\xb6\xa4B*\x82c\x1bV\x00`\x14\x8a]\x85\xc9\xa4`\x00(\r&lt;9\xb5\x98$V$\xa7\xe9\\\x9a\xa8B\xd3\x15\xd1(\x15\xac \xfa\x87$\xbc\xfd\x92\x7f\x93g\x00\x00\x1b\xf8bT0[\x87\xfe\xe1\xd5\xe4h\x13km\xa3\x86G\x93\xa9\xc2\x85\xca\x13\x04US\xf0\xecQ\xad?1&gt;\xcf\xc4\x9c\x8f`\x00\xa0_\x02\x9a&lt;cP\xd8\xc0m\xca\x91\xa0\xc0\xd1\x98k\xdc\xe0N\xcbq\x16\x9bg\xbd\xf5\xff~0\x90\xb0\xbd\xb3\x93\x10\x00\xdc\x89\xb9\x05\x81\x15\x00\xd8@\xaf\x13\t\n\x1c\x13\xd6\x00JRL\xd9\xf2\xdaK\xf3\x90!K@\x00P\x85%\xe4\x08\x08=\x18\x00\xc0\x1eB\xd8HP\xe0\xc2o!0\x82b$2\xb6]\xfb-l\xc1\xd6\x96;\xad\x04\x00\x1d0{\x0c\x9c\x06\x00\xa8`\xdaD-\xbf\xbf\xeb1\x80\xac(\x90Q\xd6,\x8a\x12qJU\xae1\x9f*\xbb\x07\xc3r\xd9%\xfb\xe7o\xb2\x94\xf0\\r\xf1\xbd4\tS\x83\xaeZ\n@6\x181\x00@.r^u\xa7\xe2Sk%wlso\xe0\xc4cxw\xdc\xb8\xef\xab7\xdf\x08R\xcf\t\x10\x8e\x10\x00\x80#l\x01\x02\x80\\\xe4\x8cB\xbcS\xce7\x89^&amp;\xd8"\xa4\x9bx\xd4\x83\x88\xbc\xa6\xffK\xf1\xf7\xf4\xcd8\xf7\xb6d\x04\x00\xa9a\x00\x00\x00#\xf0\n\x86\xd2FE%\xb7k\x13\xcf\xb9SXU\x1fZ47\x00\x80\x040\x00\x00\x80\x11\x08\xbf*A\t\xac\x00\x843\xde\xd8\x89\x93\xc4\xe0\x0bS\x0c\xa3\xc1\x00\x00@\'\xf8\xe2L\xa4\x8f\x8a\xd8n\xd1\x19U\x82\xe7$&amp;d\xf5\x1cG\x80\x06\xc1\x95\r\x05\x8e\x02@#\x9c\xf8l\r\x15\x87\x92\x07\xc1\xfb\x90\xae\tZ\xfa\xf1\xc9\x86\xd6\n= "\x18\xf30P\xcd\x00\xe0\x8fH\xc3\x9bi\xa0q\x02&amp;)Cc\x9a\xd7\xb8\xee&gt;G\x02&amp;\x00h\x0e\xb6\x00\x01\x807Y\x17\x89Y\x86\x86\xb4D\x04\xe8D\xf6\x00\xd0\'\x0c\x00`p\x084C(5\xe5\x99\xaav\xa8e\x00\x00\x7f\x98\x8e\xe9\x17\xa67\x00@!\xc9\xb6\xd4\xf3i\xa4\xfe\xf0\x8aHn\x8f\xc5z\x98\xd9U\xa6\x1c\xbb\x85\xde\xe1\x80S\x9f\xb0\x02\xd0"\x8c\xc8!\x88i.\xa7\r\xe3\xc9rWO\xf24\xcbg\x01\xfe\xdc\xd8\x92\x87\x99]^\rD\x9dC\xd7\xe0\xd5\x9a\xc3q\x1b-\x03\x80\x16a,\x0e\x0f\xc8\xcc\xc9\x9f\x86\x8eS3\x16\xbco\xad\xaa:\x98Qo-\xe7,cV\x96\xa0w\xf4\xb4}p\xc1\xdaOsz,\xb7\x1c\x00P\x9e\xab}/\xa3\xee\x87y\xf7_\xf9\n."\x81\xd7M\x82?\xee\x11\x89\xb5\xdf\xd4\x98\xbf\x92)\xdf\xc1\xda\x11\x8c\xc8d\xf3\x98z\x7f\x0cT\xa3/#6\xf4\xd0\xd0?\xeb0e\xed\xb8G\x1d\x00@\x878\x8e\x01\x12\x9a:\xcd\xa7Y\xd8\xc5\x1e\x0e\x03\x80^\xf9\xa0\xb6\x00\xa5\xc1\r\x00\x00\x80/\xec\x82h\x19\xba\xfdp\x08\xfd{e\xa0\x01\x80\xb5\x16\x0f\x0e\x03\xb2\xfe\xa8\xf0\xfc\x03\r\x01\x86 I\xe4r\xd8\xf6\x93"Q\x00\x80\xaa\x8cu\x08\xd8Z\xdb\xc00@\xb9x\xd0\x02\xf6\xf2\xca\x92\xd7\xdf\xcb\x89\x02\x90\x87{\x13_\x1e\xca\x91s\x864\x01\x00\x8a2\xd6\x00`A\xf3\x18@\xafd\xd0\x1aS\xf0\xc3\x02.t\xcb\xb3m\x8b1\xd3\xacJ\xb8g\xa5\x05\x01@\x7f\xe0\xd7\x00\xa0(\x1c)\x83\xa4&lt;\xcc\xe7\xd8\xe9\xe8\x97]\xfe\xe5\x9d\xfa\xeaS_\x1c"\x03X|\xb8\xa194\r\x95\x07\x00Ea\x00\xa0\x90\xabk\xa3Z\xc1eQ\xd7\xbf\\\xafT[T\x08@^D8\r\x93\x84\x8aw\x8b\r\xba\x05\x08\x00\xaa\x10\xbf\xfb\xee\x9d\x82\xe2\x8d|M\xa3y\x87\xe4\x15i\xef\xfa\\\x7fF\x8f\xe8\x1f\xb4\xa0\xaaa\xd2.\xda\x87\x01@shr\x01\x00\x9e\xa4\xbc\x95\x85\x1e(\x1d\xeb{\xa2\x1a\ry\xed7{x@V\'\x01\xe6\x00\xffWf\x17\x0b \x15m6LP\x0b\xf6\x04\x00E\xd9n\xaa\x0ey\xdd0/\x0bg\x84\xad]XkV#J;\xa5\x82\x81Ua}g1\xc0\x08T\xdc\x02DK\x03\x00\x0f\xe8\xa1A31\xfb\x970\xec\x11\x98=Xc\xe7\xb9q\xbc\x1d\xf3\xf7E&gt;\xa8Q\xb9l\x01\x02\x00\x0fZ\xef\x84\xde\x9b\xbb\xa1G\xec\x8a\xdd\xef\x1f\xde\xfa\xdfg\x96\x0ct\xd1\x98\x1f+\xe5x\xff\xf1"\xb9\xc0\x86*\xd1?\xf4\x0f\xb1\x0e\xe8!I\xf0\xfdJ!\xeefw\x18\x89\xbd\x9dl\x0e\xf9bE#\x91y\xfc\x8f-\x01\x00\xb4G\xd7\xbe[\xc18\xf0\x1du\xc5\x083\xa5\xf0\x9d\x8a\x86n\x8c\xa2\xfb\xe3?\xa7N\xc7%\xa4\xea\xddF\x0e\x18\x15\x84Qg]\x9au\x07\x80\xeeQq\xa1a\xaa\xa3N\x91g\x88\x01\x00\xbc\xb8\xf4]\xdc\x85\x7f\x0b\x1768R\xeb\x1c0g\x00`\x82\xa9\x8b\x8e\xe9\xca\x01[k\x89\xfe\xd3\xc3\x8c\xf8\x1a\xb4\x01\xc6&lt;w\x8b[\xcf\xda\xf1Ra\xd8\xd6)\xdc\xb4#\xab\xb8\xbf[\x13\x02\x00\x00\x8dp6\xfa\x85\x88A\x1b\x00[\xee[\x04\x8d%\t\xb1\xfbc\x01\x00\x00|\xa9\x18\xf2~\x96\xa6&gt;\x8fP\x06\x00\\\xc0W\x00\x00\x004\x06s\xfc\xf0\xc4\x87\xef\xfe\x8d\xc1\xc0\x9a\x02\xf6\xb0\xfex9\x00\x00\x00\xc42\x0f\x00\xe8\\\x01 \x84\x0e\x06\x84\x1c\x02\x06h\x81\x1f\xd0\xbc\xaf\xd1\x9e\x93\xad\x00\x00 \x00IDAT\x01(\x89K\xf7\xdc~\x0f\x0ej\xc1\xb6:\x87\xdb\x8d\x00\x00\x00\xda\x83]@\x90\x0fL\x0b\x14\xb2sz\xfd\xae\x00\xe0\xdc\x01\xa0_\xf0o\x910\x81\xa7\x8d\x9eL\x1a\xeb\x02\xa8\xca\xef\xe8\xc7\x9b\x00\x04\xd3S\xb7\n+\xa8V\x00\x80x\xb2\x1c\x07R\xd8\xf3\xb2\xec\t\x00\x00\x00\x00\x00\x00\x00\x00\x00\xddq1\xeb\xc9T(4@\xbe9\xfb~\xcf\x00\x00\x00\x00\x00\x18s\x0c\xf7E4n\xd2\x80\x919\xdd\xa2\xc3y\x12H\x03\xfe\x0e\x00\xba\x06\x17\x07\x00\x8dR\xd4}\xf5\xbf\x02@\xc8\xbb\x86\x81$\x00\xbc\xf8-]\xfa\xc6p\'\'3\t\xa5\x816\xc1\x06\x86@[c/,N\xcf\x01\xe1\xbajYC\x01\x00X!"8\xc6\rK\x97\x81Z\n0i[\xa7\xaa5\xcb\x06\x90\x8a\xfeW\x00\x00\xfaD\xc4\x98\xefX[\x88\x16\xd15\xe5S\x0f\xfbskKP\x19e\x93\x7fc\xa1[\xf9D\xfe0\x02\xfd\x9a\xf9vi\x87\xa1&lt;t\x84\xf4\xdcr\x87AD\x12\xf8%\x91\xa6\xa3\x15US\xad\xad/\x1a\xabR\xe6\r\xad\xeb\xb9w\xe8_F\xe1\x83\xda\x02d\xc32\xd3\x07\xbd\x82w\xee\x85\x88\xf0\xfd\x15\xed%\x15gp\xac\xb5\xad\xc4\xd0M\x83z5\xd3\xf8\x94\x02x\xd0\xf1\x16 L\x18\x00\xf4bm\xd4V\x83\xd7\xab\xed\xf7\xd5\x84\x83\xa9\xb0\xd6\xa2\xcc!\xc8\xb9\x81\n\x13: \xbf\xa2\xd3\xeb\x01\xfa]\x01\x00\xd8\xc0\xb2f\x05\xd2\xecr\xe9\x96H\xcd\xf4\xa0Zme\xd0&amp;\x0f\xc0\t\x18i6\x8e}Vwa\xff\x9b\x8eW\x00\x00\xd6\xe02\x8b\xd3\xb1\xe3\xbc\xa5\xbf\x89"\x80Z\xd0\x9a\xce\xa0;\xcbB\xda\x19\xab\x1b\xd3U\xb2\x9e0\xc4\n\x00s:\x00\x15\x18\xf5\x1c\xce\xb4\x95\x9c\xb9\xe46a\xa9P\x17\xb4#(\xc3UD\x1ej\x81\xae\x9d\x1f\x9dE&gt;T\x0c\xb3\x00F\x85\xd6\x07-\xa1df\x0e\x00\x8a\xf2j\xf8i\xdb\xfe\xdd\n\x00\x9d#\x00\x00\x00\x00@\x1d\xca\x7f\x02\x9cY\x86\xbc0\x91\x13\xc6\xd8z\xeb\xa6\xe0\xdd\x14\x04\x00\x00\xf22p\xa7_\'\xe6Q\xa2\xf0^\x0f\x01\xabPn\xbb\xcc\xebSc\xa9QG\x93L\xc2\x10\x1b\n\x95\xf8P\x00\xb8\x87\xa6\xaa\x96\xb1\xa7\xfc^\x94\xef/\x95l\xfaW!D\x0e\xf8\x9eK0"b\rG\xa7\x01\x00\x00z\x86H\xc9\x91e\x98\x84\xaez@D\xcc\xa7\x8d&gt;\xf0\x85&gt;iaF\x87i\'\xc8\x07\xd6U\x9d\x02S\xcb\xd42\x94\x05{\xeb\x05V\xbe \x08l&amp;\x11\xb4&gt;8\x92\xc2-\x97?\xd2\x07G\n\xdcsB\x15\x03@\x18\xf4\x10\x00P\x94\\\x81iG\xae,\x89~\x18\x00\xc0\x81\x86\xed\xe1\xca\x98\xdfc\xdd k\xa7\x8d\x0c\xce\x10\x1f\x02\xbb\x80\xad\\\x00P\x94\xe9\x1ba\x89\x13\x15\xe9\xe9\xe3UI\xfc\xb2N\xe7\xce\x17\x7f\xaa\xd2\x9b\xe6\xd7\x9eD\xcc{\x16\x00\x1b\x03G0\x14\x00\x80\xb4\x94\x0f\xc8{\x1a\x02\x00\xb82\xf8\x98*\xf6\xe3\xb5"\xdc\xf612\xbd^\x03\x1a\x03\x8bb\x00\x10C`\x9f\x1a\xb18@/\x0e\x83\xc2&gt;\x96#\xae:\x191\xfa\x0f\xb7\x96\xfe6\x16\xf6^\xfd\xab\xear\x1c\x13og\x14D\x84\x055\x00\x00\x950\x85\tc\x13\xbb\x08\x00\x03\xd3\xed\n\xc0\xee\x1a\x08\xf7\xb6\xb0m64"\x00\x00\xad\xe0\xa0\xfd\xe9l\x16\x13\x00\xd6\xb87\xf0n\x07\x00\x07\x82\xfb\x89\x86;\x98\xfeV\xac\x00\xa0:8\x961\xa1\xd2\x15r:I\xe95sI\xb5v\x86{\xedw;\x00P81T\xaf\x99\xd1[\x03@\x1ap&amp;\xb5X\xc6]\x0c\xc0\xfa\xc6\xb7r\xedLL\x96\xa7\xf9n--\xa1\xc9e\xffF\x04\x801F\xd5\r\xd9U$\xf9A52\x05\x80&gt;!\xfa\xacEu\xcdoso)\x86\xe3\xdbp7L\x9f\x118\xd5\x0fcN\x80sh\x0f\x00\xedB\x97\x06m\xa1\xcab\xf5H\xe2\x82*\xd5i\xe3\xe6;bM\x0e\x9c~ZS\xd2BV\x9a\xb4`\x00\xc8O\xafn!_\xb9z\xd5\x18t\xce\xdf\xb8\xb4["\x84\xeb\xb2\x0b\xca\xe9\x9bn\xcf\x00\x00\x00\xdc\x13w\xc9\x97\xdeN1\xdf\xe5e\\\x8b\x06M\xf2\xe1.v+\xc6\x18\xf3\xed\xf5\xb6\xebL\xb85\xea\xe1\xd4\x02=\xd0\xd9\x10\xb6\x9b\x82\x004\xcf\x1f\xa11\x02\xb4\xcd*B\xa09\xef\x11a\x11\x00@\x13x+\x00\xad\xd0*\x17P\x05\xec\xd1y\xa2T\x9b&lt;\xdahS?\xcd\t\x9c\x12\xc7*\x1bb\x0bP\x9b\xe6{\xc9\xb4`\xd7Q\x81\x00\xa0;pPp`\xea\xbc\xb4\xed#\x8b\xbdC\xb3wf\xd5\xb4\xd4\xa4\t\x90\xe0E\xa7kX\x9d\x15\x07\x00\x00\xa0s*\x86"7\x17\xfe&lt;\xbfx\xf1\x87(\x812\xa2V\xb0\x12\xb0\x02\xf0f5\xb8\xef\xc9&amp;\x98\xb1\x00\x18\x12\xbd\x9d.\x00&lt;\xe0\xb6\xd8\x90\xa5\x8d[\x1b\xb3\xfer"\x92\xe8=\x978z\x80\xc4\xa2V2\xda]@\xe0\xc0\xc0\x15\xed\xd6)\xac\x18\xb1\x06\x0b\xdb--\x05\xa0\x1cy6,\xc4\xa4y\xffn@\xb2%\xfd\xc9Kx&lt;\x18\xc4\xd0h\x17\xd8\xe9\xf6\xa74\xe0\x17\x1ag\x14\xc3\xde5a\x06\x00\x00\xa0\x84\xb6\x9c\xc3Q\xda\xac\xf2+w\x9eCl\x01J\x02\xeb)\xfda\xad5\xd6jn\x9f\xf0\xc8\x80\xd5W\xcf\x17\r\xa7\xea\xbe\xa9\xb18\x8c\t\xf5F\xa3\xa1\xd1b\xfcY\xe5W~\xbe\x9c\x01\xc0\x9e\x01\xe3\x89L\xb4\xa2I\xcd\xedS!\xefj\xadQ\xbf\xdb\x89\xf0\xf2\xf9\x8f\x88}\xb7\x11ZJo\xd0\x88:\x84J\xbdf\xbeDqR\x91R\x87V,vb\x00p\n\xed\'\x01\x04\xd6}\xa3\xa4\x91\x8c`f\xf5\xa6\x91t/`7\x85BE\x167*\x85:\xe8\x10Y\xfe\xb3\xf9!4\xb5v|\x80\xfb\x89G\xe5\x13\xf3\x9ae\x83\x96\xe0\x0c\x00@\xeb\xd4j\xc2x\x0fH\x0b\xb6\x94\x89\xdd\x19\xa1\x0fK\xa7g\x9c\x00@\xd3\xd0t\x01\x1a\xa6^\x07\x8c\xeb\x00u\x10\x8c\x1eI\xa4\x93\x93X\x7f\x99Vg\x18\xd0\x1fl\x01\x1a\x01\x96\x93\xea\x80\xc7\x84\xc6\xc1u\x80.\xf0\xa8\xd7\xfc\xa0\xc8\xf7OU;\xef\x96\xc1\x15\xc4\x83\xe9B\x10\\X\xd9"=\x0c\x00N\xe5\xe7\xcb\x12\xa5IiH=\x98%\x8c\n\xd6{N\n\x9d(\xdf\xed\xa3Y\xb6F\xf9\xa0\xb6\x00\xe0\x8a0\x06o\x8d\x1e\x8e\xf2\x9c\x95@\x8c1\x12\xf1A\xc9\xe1\x11\x11O\xdbHfJS\x0f\xda\x83e\xc2\x90Xkz\xea\t\x93\xb5GZ4\x00\x00\xe4\xc6q&amp;\x86\xd9\x1a\x00\x80\x1bJ\xcej?f\xc4\x14;\x00\x00&lt;\x90d\x00\xf0\xa7\x9b\xefo\xd2\x08\xdf\xb8\x12\x00 \x08m\x0eP\x950\x97$\x15r\xd9\xf5\xf4\xe1M\x94=\x19\x0c\xf6\x00\xc0\x81\xa4nb\xe5t&gt;\xb1\xba\x0f\xc2\x03\x02@B\xfc\\Jm\x07\xd8\x1c\xc9O)\xc8\x8a\x80wS\x89Q\x98\xa5\xc8\xec\x1b\x03\x80B,\x1e\xd3Zk\x8c\x18\xf3\x8f\x18\xf3\x0f\xb3\xe6\xc5fww\xd0\x18\xe4\xa7\xfb\xb3l"B#\xca\xc8\xb6\x13\xa9\x99\x9a\x88\xbc\xfa1\xd3\xd2\x19\x8c\xf5\xb8\x85k@\xa1+\xda\x1d\x94g@\x8d*\xe6\x9b\xa4\xb7\xbf\xb5\xf9\xa2\x7fpb\xdbX\x88ZT\xd0\xb5\x07\xeb\xbap\x134\xa2\xa1\xb0\xc6\xda\xab\xe8_\x7f4\xc2\x00\x00zC\x7f\xab+\x83"5lo\x92\xae\x10hf\xd0\xc5\xd9\x90\xa65\x0e\x15\xc1\x18\xa0&gt;]WA\xcfe\x9b\xe9\xaf\x11U\xdf\xab\xb9&amp;\xb9z\xad\rL\xf3\xf1\xad\xa0d\xb5\xe8\x19\x00\x86A\x8d\x7fO\x85[\xa7\x15S\xea\xde4\x06\x00\x05\xd0\x13L\x1b\xe3v\x0e\xa1\x83\xc9\x8eF\xf0\xb0\x8d +\x92-\xac\x00\x8c\x06\xcd\x18\xce\x88\x9aV9\xdd\xe1\xd3\x00"1\x13\xf9\xbd\xcd\xf3A$\x9f\xab*\xb0K\x87\xae\x80\x15\xd2\xf2Z\x9e}x\x06wW\x90\x7f\xde\xe9\xa9\xee\x16\x9a \x02M\x8bt\xd0\r\xed\xde\xf7\xef(\xb9N\xe1\xa1A\xb0%\x80\xc6ht\xea*\x18V\x00:\xc5a\x18\x0f\x90\x8au\xac\xa3\xd3\xf2\\\xa4\xd2)9\xb4\t.\x18\xa0%\xa6^,\xf9\xb0=z"\xa0\xdc\x80\xe4\x83b9A~\xe8~ \x84\x80\xfb\x1f\xbb\x89u\xba)\x08\xc0\xa8p\xf3&amp;\x84\xa0\xd5f\xcaI5\xf8\n\x80\xc3\xeaO\xf0`\x8e\xdd\x05\xd0&gt;Z]$\x00\x80\xd1\xb1\x03\xb1\xbe\x04Y\xd1\xa0\xe2\x86P\xdbi\x1e\xebQ\xa9\xa0\x05H\xfb9\t\x00\x00h\x14\x11\xa1#\xc8OWS\xf5\xca\xb7Ab\xd2\xb0\xe38\x00\x18|\x05\x80\x83\xd4\x00\x00\xa3C\xa8T\x82U\xf8\x91\xea\xfc=\x93\xd3W\x0ch\xd2\x18\xc3=G\x93\x18}\x00\x00\x00\x00\x00\xd9y\xdf8\x992P\xab\x15\xf6\xd9\x15U\x04\x18\x99\xabJg\x0cp\xcf\xceV\x87\x1f\x00|\x9f\xda\x02tG\xb1\x16HS\x87\xfa8\x19!\x86\n\xb0&amp;Y\xdc\xdcH\xfc\x9d\xd9\x03\x8c\xd4\x15&gt;\xae\x1d\xb5\x1b\x18\x94\xb9\x96\xba\x85\xf6R\x88V\rE5\xcd6?\x80-\xcf=M\xbb\xdfI\x00\x8028]6\xbfq&amp;mx\x8c\x08\xcf\x16^\xc0\xe5\x0e\xfb\xab?y%\xe5\x9bu\x92tn\xd2/9\x7f:\xdcw\x00\x0e\xed\x90\x91P\x06\x18_\xb6\xcf\x8d\x93\x1d\x07\xc7\xd2?j\x89\x19\x17\x80\xc1yv&amp;\x9b\x95\x8c\xf4\x1e#\xb9K\x8fIj\xfa\x04{@\n\x8fw\xb7\xb8;\xdb\xef\xf5\xfa\x08\x80\x7f)V\xaf,\xa5\x88Wl\xe1\xdev\xac^i\xa9\xa4\xc1c\x1aH\xc8\xcb\x9c&gt;\xa5C\x8b\xba\xe8-\xc6j&gt;.\xee\xe2\xf5L\x15\xb5\x0c\xf6\rK\x80FI\x18x\x04\'%+RI\x12\xf9\xba\xd3\xc2\xc8\xd9[\xb5\x94y\xf6p\x9a\xe8\xdfT\xeaJF\x1a\x04\x18c\x82\xbey\x04pJ\xc7\xb6\xb4\x9bh\x11\x11kMfw!U\xdd\xd1y\xees\x15\x9b\x01]%@\xef\x14\xf39\x92\xea\xfe\xd3\xf0Ng\xf6\xe9\xbe\xef\xca\xc5u\xa2\x91\xdd\xdf\xe3\\~\xc2\xb7\xeeSS\xd2\x83W\x11f\xac-@FMeC\x074r\xfe,\x84u\xb9\xe6\xd5\xb3\xecy\xe6\xce\xe0\x8a\xc7i\xa0I\x01\x85\xa4\x01\x80"\x14\x9clU\xd0SD\\Xt\xb3\xcb\xa5\xfc\xc6\x15m\xddn\xd3\xab\xe2\x1f\xd4\x16\xa0\x02\xaa\xac\x07@-SC\xb1\xd6^M\x02u\xcf\xaa\xd4\r{y\x008\xa2\xca\xa7\xed|\xec\x95\xcb-.\xb3,\xf2l~\</t>
        </is>
      </c>
      <c r="E506" t="inlineStr">
        <is>
          <t>&lt;class 'numpy.ndarray'&gt;</t>
        </is>
      </c>
    </row>
    <row r="507">
      <c r="A507" s="1" t="n">
        <v>505</v>
      </c>
      <c r="B507" t="inlineStr">
        <is>
          <t>steps_per_sec</t>
        </is>
      </c>
      <c r="C507" t="n">
        <v>5700</v>
      </c>
      <c r="D507" t="inlineStr">
        <is>
          <t>3.0907578</t>
        </is>
      </c>
      <c r="E507" t="inlineStr">
        <is>
          <t>&lt;class 'numpy.ndarray'&gt;</t>
        </is>
      </c>
    </row>
    <row r="508">
      <c r="A508" s="1" t="n">
        <v>506</v>
      </c>
      <c r="B508" t="inlineStr">
        <is>
          <t>Loss/RPNLoss/localization_loss</t>
        </is>
      </c>
      <c r="C508" t="n">
        <v>5700</v>
      </c>
      <c r="D508" t="inlineStr">
        <is>
          <t>0.09024794</t>
        </is>
      </c>
      <c r="E508" t="inlineStr">
        <is>
          <t>&lt;class 'numpy.ndarray'&gt;</t>
        </is>
      </c>
    </row>
    <row r="509">
      <c r="A509" s="1" t="n">
        <v>507</v>
      </c>
      <c r="B509" t="inlineStr">
        <is>
          <t>Loss/RPNLoss/objectness_loss</t>
        </is>
      </c>
      <c r="C509" t="n">
        <v>5700</v>
      </c>
      <c r="D509" t="inlineStr">
        <is>
          <t>0.043325007</t>
        </is>
      </c>
      <c r="E509" t="inlineStr">
        <is>
          <t>&lt;class 'numpy.ndarray'&gt;</t>
        </is>
      </c>
    </row>
    <row r="510">
      <c r="A510" s="1" t="n">
        <v>508</v>
      </c>
      <c r="B510" t="inlineStr">
        <is>
          <t>Loss/BoxClassifierLoss/localization_loss</t>
        </is>
      </c>
      <c r="C510" t="n">
        <v>5700</v>
      </c>
      <c r="D510" t="inlineStr">
        <is>
          <t>0.42636102</t>
        </is>
      </c>
      <c r="E510" t="inlineStr">
        <is>
          <t>&lt;class 'numpy.ndarray'&gt;</t>
        </is>
      </c>
    </row>
    <row r="511">
      <c r="A511" s="1" t="n">
        <v>509</v>
      </c>
      <c r="B511" t="inlineStr">
        <is>
          <t>Loss/BoxClassifierLoss/classification_loss</t>
        </is>
      </c>
      <c r="C511" t="n">
        <v>5700</v>
      </c>
      <c r="D511" t="inlineStr">
        <is>
          <t>0.17142226</t>
        </is>
      </c>
      <c r="E511" t="inlineStr">
        <is>
          <t>&lt;class 'numpy.ndarray'&gt;</t>
        </is>
      </c>
    </row>
    <row r="512">
      <c r="A512" s="1" t="n">
        <v>510</v>
      </c>
      <c r="B512" t="inlineStr">
        <is>
          <t>Loss/regularization_loss</t>
        </is>
      </c>
      <c r="C512" t="n">
        <v>5700</v>
      </c>
      <c r="D512" t="inlineStr">
        <is>
          <t>0.0</t>
        </is>
      </c>
      <c r="E512" t="inlineStr">
        <is>
          <t>&lt;class 'numpy.ndarray'&gt;</t>
        </is>
      </c>
    </row>
    <row r="513">
      <c r="A513" s="1" t="n">
        <v>511</v>
      </c>
      <c r="B513" t="inlineStr">
        <is>
          <t>Loss/total_loss</t>
        </is>
      </c>
      <c r="C513" t="n">
        <v>5700</v>
      </c>
      <c r="D513" t="inlineStr">
        <is>
          <t>0.7313562</t>
        </is>
      </c>
      <c r="E513" t="inlineStr">
        <is>
          <t>&lt;class 'numpy.ndarray'&gt;</t>
        </is>
      </c>
    </row>
    <row r="514">
      <c r="A514" s="1" t="n">
        <v>512</v>
      </c>
      <c r="B514" t="inlineStr">
        <is>
          <t>learning_rate</t>
        </is>
      </c>
      <c r="C514" t="n">
        <v>5700</v>
      </c>
      <c r="D514" t="inlineStr">
        <is>
          <t>0.039859477</t>
        </is>
      </c>
      <c r="E514" t="inlineStr">
        <is>
          <t>&lt;class 'numpy.ndarray'&gt;</t>
        </is>
      </c>
    </row>
    <row r="515">
      <c r="A515" s="1" t="n">
        <v>513</v>
      </c>
      <c r="B515" t="inlineStr">
        <is>
          <t>train_input_images</t>
        </is>
      </c>
      <c r="C515" t="n">
        <v>5700</v>
      </c>
      <c r="D515" t="inlineStr">
        <is>
          <t>[b'1024' b'1024'
 b'\x89PNG\r\n\x1a\n\x00\x00\x00\rIHDR\x00\x00\x04\x00\x00\x00\x04\x00\x08\x02\x00\x00\x00\xf0\x7f\xbc\xd4\x00\x00 \x00IDATx\x9c\xec\xfdy\xfc}\xdf;\xd0\x8d\xaf\xfd\xf1\x95!\xb7\xa1\x14IJ\x88[R\xb9\x85\xe4\x96\x06}%%S\x12\r\xa4HeV4H\xea\xc7\xdd@$\x1a5I\xca\xad9\xee\x06J%c\xa3\xc8\xd0\xe0\x9b\x12\xee\xd0 \xe4\xee\xab\xeb\xf7\xc79{\xef\xb5\xd7^\xc3\xb5\xa6\xbd\xd7&gt;\xe7\xf9||\xbf\xef\xcfy\xed\xb3\xd6u]\xebZk]\xebZk\xefs\x8e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7#3u\xb5\xcb\xaa\xe7\xe9\xca\xae \xb2X\xa8\x97\x96lNY{El_\xc9r\xd5\xbcxwq[\xde\x98\xbf\x19rr\xc4\x12E\xbf\xec\xf5.\x7f\xfa\xea\xc6\x0c\x103{{\xaf%i\xaa-\xce\x04\xcb4\x1b`I\x8f\x85L\xd5T\x0c\xdb\xbf\x16M\x94Q \x01\x1azi$\x1e\xa4Q\x05A\x03\x1e\x0c\xc6\x00\x00\x0c\x84"SL\xd7\x8dgN\x91\xea\xd6\x8b&gt;\x911\xaf]\x9etj\xdf(\xfb\xca;\xe4\xb4z\xef\xa2\xa8\xeb\xbc\xe9\xdd\xb6\xcc\xef\xf1\xea\x15\xa7\xba\xce\x98\x7f\xb6\xe6\xa6\xbe\x84\xd2+M\xdf\xf5\xa12"b\xbeA\x9cB\x119^\xc9Y\xbd\x1c\x1bl\xa5\xc38R\xcb\xbe\xee\xf6h\xce\xbe4\xa4Q\xdf\x05W\xe5a\x1a\xf50\r\x81R\xcaf\xe8\xd4\xdc\x0e\x00\x00c\x8c\x111Sq\x84\xf1\x04\xb4I!\xcd\xae6\x19\xe3\x18 "\x1a!mqZ2M\xc6\x881\xd3\x14\n\xd9\xd3dn\xb6\xdf\n\x14\x18lW\xf4\n\xd9\x994\xdd\xae\x9a\xbbi~\x8d\xb6\xf7"\xb6-\xc2m\x03\xbe\xce\x987\x0e\xd8\xe3\x94\xf7\x1a\x19u\xc2\xbd\xe0\xe2\xb7[#\xf6NH\xcaq\x16\xc4H\xadY\xb8Y\x14\xe5\xd8\xa9\xed\xd0\xb8\xd9\xd6\xbbk\x068MS\xa0k\xdc\xd6e\x19\x10\xb2\x01\x00\x06@DJf(S\x1a\x00F\xa4,\xf9\xf0\xa7\xb6\xed\x08o!n!\xd8\xd8\xff\xfa\x02\xac\x9d\x87m\x8cM\x9aj\'\x9d\xba\x92\xc1\xacq/D\x99kZ\x05\xe4\xb6W\x88\x14\x9e\xa6i\x9f\x9d;\x06\xe8Rs\x8f\n\xab\xfcj\xdd\xbc\xb7\x9aD\xc4\xde\x0f\xd8\xf9\xb1\xd7\xda\xc8\x9e\xc7\x04|\xee\xdd\xbf\xcd\xaa=\x85\'k\xcb\xa7llb\x07(\x12\xd9\xad\xb5\xa4j\'\xbf\x17v\xc2&amp;\x1c\xc0&lt;\xee\xd8+&gt;*z\xa1\x831\x00\x00%x\x1f6\xc8\x8ak\xbe\xc2\xe2}\xca\xdcSL\xf1\x98\xc4\xc7\x86*\xcb\xe6_\xfbP\xd61\xd0\xac\xb9\xe3\xb4X\x9b\xd5DU\xa1\xddi\xfa\xf6\x89\x11\xa5\xae\x0f\x8d\x99\x110z\xdf\x05\xd34\xed\xf6\x1b\x9b\xc2\x9a\xe6\xaf\xf6\xdb\xff\xdee,\x9b\x12G\xc5\xdd\xcfi\xe9:B\x9b\xd2\xb9\x15\xfe\xb6\x14\xa7\x1d\xee\xf6\xc5}{:(\x9bi\xaa\xe5!30\xb8\x04\x8f=\xf6\xde\x9f\'\xc1\x00\xe0\xd2\x88\x881ob\xea&gt;B`W\xff\xcev\x0f1\xa7\xe4di)\xfchDA-\xe3\x7fF\xfc\xfe\xafS\xc0\x98?\xa5Qg\xd7\xf5*\xd3\x18\xb4\x8a\xfa\x8d\xeb\x87"\x16\xf3\xbcM\xb0\xb5;\xdd\xb1\x190\xeb\xebo4\xe6\x97\';.l\xa3\xec_\xe7\xe2\xd6\xfd\x9e\xb4\x9c]g\xad\xd7\xf5j\x9d.\x06\x80\x18\x7f\xb4\xcd2q&lt;\xfb@\x01\x000 \x07e$O\x16\x13\x13-u\xf2~o\xe1\xfb\xc5\xef\xd8\x1c\xa3\'\xf5\x86\xd4\x15\x18i\xdc=\x80\xff]\xa7\xa4\xa7\xc0\xbe\xb1\xbb}B\xb2\t^uq\xe3\x93\xedZ^jn\xc1x\x1b\xf8\x8d\xa5\x9f\xee}D\x9e\xb6\xe1W\xe2\x99\x82\xf0\x99\xe0g\x00\x18\x9d\xd0\xd1\xe6Yv&lt;\xcc\x17hhrkc\xfeP\xae\xd4bs\xfc\x16\xe4{[RD\n\xef\xdf2\x9e\xc4Z\xb5\x01\xa8\xa7\xac\xed\x9d$\xdf\xea\x15\xd5\x1a\x87\xef\x8c\xbf=X&gt;4\x941\x85,3(\xab\xca`\x1d\xf1\xb0\xe0g\x00\x18\x1e\xebh\xb6`-\xd9T\xa9X]\x9eoe\xba7\xf65\xd5i\xe5I\xfe\xf1&lt;\xd5#\xf7GY"\x1b\x00\'\xb9\x0f\xee\r\x9ckQK^Q\xe1\x01\xef6\xa3\x85\xdf\xd4\xfe/\xd3\xf8d\x83\x1fj)\x0b\x08\xcf\x17f\x01\x00 E\xc1\xda\xe0T\xa9\\]\xc6_\x99\n\xfc\xa3+\x13/\xe6I\xa0\x93*\xda9\xd3R\x1d\xd8%\xee6\x06\xc6(N\xf7\x9dw\x9b\xa4&amp;\xb3\x04\xf7\xc1\xa42\xc9\x9b\x8ag\r\xce*\xb7\xa4\xeb6\xdb \x81\x82\x13\xf3o\xb1\xa6\xe4)\x06\x00\x00\xc0X\xb4]\x0f\x1e}\x81\t5\xcd\x93\x13\xfb\xcbm?8\xabR\xa9\xf7\xe7\xcd\xf9\x8d\xfd\xafI\xd3\x7f\xff\xfd\xfa\xc7&amp;&gt;*\xe0\x91k%\xe8\xad\x92Q\xd9n?t[\xac\x80\xa0\xb3\x07s\xdd\x84Rn\x00\x9e\x93\xb3v&gt;\'o\x00N\xd1\x0e\x00\x00\x0f\xc2s.$\x95\xadv\x8f\xc37\xd2\xfeX\xbeR\xcf\xf1v\xf5\x06 x\xba\x9f\xae\x99\xf9\xfc\xd8"~k\xf0\x8f\x8a\xda\xff*9\xc2g\x05\x8e\x7fv\x85\xa3\x96_x\x9c\x8bfC\xf8\x94\x13\xf9\xce3\xb7\xfdJ\xd0M\x00\x00c\xa0O\n\xeb\xb5\xe4Vj\xa5\xda+\xaa\xb8\xc9\xeb\xf1\x9b\xbd\x01\xf8\x06UV\x1d\xb9\x99\xb0\xf0\x07\xba\xf5E\x8f\xbe&gt;`\xf0\xa4T\xeb\x9f[\xbbv\xf2\xf1\x9c\x1bu\x80c`~\x01\xc0S\xe1y\xacB\xf3\xa4An\xdaWV\xdeWe\x94\x079\\3~\xa8\xce*\xc5\x06@\xe9\x7f\x95\xba\x80\x96\x82\xbac\xb2\xbf\'\xd0\xb3u\x8f\xe37\x00\x00\x00xf\x94?\xe5\xbb\x14/\xff\x94\xa7\xb2J\xa4L\xbb\xdc\xee#\x1a\xc9i\x89\x88\x98\x8f\x08m\xc3&lt;\x9f\xb8-\xd6SZ\xb1FT\xaf\xbc\xfc\xc1\xf63\x00\x00\x00\x00\xdd\xa99\x12.\xa8Uy\xbc}d\xb6\xd7AQ\xa6\xc0\xe5;pv}d\xfdyn\xee\xab\xfc\xe4%\t:\xe4\xf1\x08\x9b:\xb6\xa6\xcf\xcd\x0bg\x1b\x00\x00\xd0\x8bi\x9a\xca\xaa\x14\xaf\x8b\x05\x1a\x9b\xb3\x7fbJS\xc5\xbcH\x8c\xc94\xfe\xde\xd8\xc9Lw\xbc\x85\xf2d6f\xd2\x19p\x90\x91\xd7\xca\xb7\x8e\xb2\xf6\xa5\x87h\x81\x1d\xe7D\xab\x9fq\x82N\x00\x00\xb8"\x87&gt;D\xe1{\xcc\xdd\xc9\xa7]c\xc6\xc8\xea\x16\x9b\x07y\x8c\xfet\x03\x14\xfc\xeac\xcf\xfe\xcf\xef\x14\x9bA\x8c\x19a\xac\x02\x00\x00\xc0p\xac)\xc2gf\x7f\x97v\xf1S@\xd1\x8a?$Wf\x19G&gt;\xfb\x04\x07@\xbf\xc0P0 \x01\x00\xe0\x02|\xcb3\x1d\x16v&lt;\xc8\x7f&amp;7B.\xbb{_\xe1r\x8c"\x00\x00\x00\x08q\xfc]\xfe\xc7x\xae\xa0_+\x1e\xc09W\xe4\x12n\x17\x11c^OY\xb6\xaf)\xa7\xf0K\x1f\xb1Q\x00\x00\x00G\xb2d&lt;\xd5\xb9\xec\xad\xee7\xeb\xf5^"\xd9\x8aS{\x13\xe0\x0b/\xef\x816h\x1d8\xffnZ\xcf\x9f9\xeb$\xb9!\x970\x12\x1e\x15\x86\x1f\x00\xc0#p^"\x9e\xd0{\x8cU\x9fR\xd7\xfc~O\x01\xb1\xca\xee\x99]\xfd\xec\x9eal@\'\x14C\xeb\x11\x0en\x00\x00\x9e\x9dA\xbe\x8e\xc6\xcfqVU)\xea\x94\x92\x8e\xd3)\xe3X2\xc8\xb79\x9d\xce@=\x02\x8f\x85fh1\xfc\x00\x00.\xcfP\xd9\xffE\x0fw\x87\xf2a7\x1e\xbe\x81Wb\x1eo\xf2Q\x8f?\xf0\x00\x00\x00\xa05#%\xaf\'\xdc\x8b\xe8\xf7\x1d&gt;\xede^\x81a\xc6R\x8c\x16F\x8e\xd2L\xbe\x82\x16\x00\x00\x00 \x97\xf6\x1b\x80\xa7}N}\xe8\xc7\xc9f4\xbd3x\x13\x9a\xa0o\xe3\xe0\xde\x18\xdc&lt;\x00\x00\x80A\x19?i\xbb \xcf\xe8\xcf\xe36\x00u*\x12\x16^a\x1bc\x8c\xe1\xb3\x98p2\x0c\xbf\xfe\xbcp\xb6\x01\x00\xf0\xc8L\xc6L\xed\xa4\x91\x94\x18c\n&lt;\xfa\x00~\x9b\xa6{\xabSm\xf9e\xb5\x8d\x9d\xaa\x06\xec\x14\xaf^,\xfc\xf0\x1e\x9c&amp;\xf3\x9c[M\x18\x82\xbai\x18\xe7\x01\xe2!\x00\xc0\xc3\xf3\x98\x91z\xb4\xc7xF\xb3\xc7\xcb\xffy\x99\xe3s\x00\x00\x00\x00\xf0\x91\x9b\xc9=P\xe67^"\xdb\xd2\x98\x8e\xed\x1a\xceo\x0f\x0e\xae\x06\x00\x00\x80\x9e\x1c\x92\xd8\x8d\x92\xd0\x88\x08\x0f\xb9\x96\x80\xdf\x0e\x05WC\x06\x051\x9cH\x08\x00\x00\t\xfc\xabK\xdec!\xe7\xac4^\x0b9\xc9\x06\x00 \x12\x96\xd0\xc2i|\x08\x18\x00\xae\xc14M\xceR\x11I\xfc\x03\xeft\xfc`\x19\x00\x00\xe42\xb1\x07(\xa0\xe7\x87\xa4\x01\x00F\xe7~\xb2\x1e\xb83\xc0\x9de\x00\x80\x01\xd9\x1f\xe5\xf0\xbc\x19\x00\xc0\xb3\x93\xf5\x8d\xef\x1c\x1d\x01@s\x08,\x0b\xc7|:\x8b=\xc0\xf1\xf0\x08\x10\x00\x0c\xc5\xba\x06h\x16\x1e\xef\xd7\xae\xf3]1\x00u0}\xd2&lt;I\x90I\xfc\xb4E+%\xfc\xf6\x17\x00\xc03c\xaf\xa9uy\xfc\x91\x8b\t\x0b\x17&lt;\x1a\xec\xa2\x17B~\xc0?pi\xb8\x03\x00\x00c\xf1&gt;\x9e\xc7C\xd3\xec&gt;\x0fp\xe4g\xa4\xf8&lt;\x16\\\x0f\xf2W%\xa1#\xf0C\x8e\xc6\x1f\x19F \x00\x00\xdc\x11\x0b#y\x0f\x86rf9\x1a&lt;\xd7\xebe\x90Q:\x88\x19\x00\xcf\xc3P\x93\x8e;\x00\x000(r?c\xcb8f\xe3H\xae?\x19\x0bXn\xf7\xc1\x91p\x80\x1dg\xa8\\\xedQ9\xc0\xc9\n\x15\xc7u\xf4P\x93\x8e\r\x00\x00t\xa2$\xaa\xba\xf1\xf1\x87\x91n\x8e\x85\x881\xe6\x8d\xcf\xb6\xe2\xda\x0c\x95\x048\x90\xf5\x9eG\x8d\xe7\xe9\xb5 \x8a\xd96\xee|\x04\x00x*d\xf3 \x104\xa6\xca\xa5\xc1\x1f^\x80G\x81IwA\xe8\xb2\xd1\xe8\xda#t7\x00&lt;(\x92\xf9\xf4?\x00\xb4\xa2\xed\xde\xfb\x02\xdb\x89\xf1-|Hp\xfb\xd9\xbc\xe8l\x03\x00\x00\\F~F\x02\xe0\x81i\x9e\xaf\x8f?\x97\xc5\xdc\x93\xd1\xc9\xf0)\xa2\xe3\x10\x9e\xbcI\x80\x87\x00\x00\xc28G\x95&lt;5\x04P\xc9C\xde\x7fK\x86\x05BG\x84\xc7\x1b\x0f`\xf8\x100\x00\x8cC\xee\x1a\xbc\x14^^\xa4\x8f\x1b\xef%Y\xcc`(\x06\x1a\x90\xd34\xfe\xa9}&amp;\x7f5\xe3\xab\x84\xbb\x1aR\xc3\xb9\xb6\r\xec\x18\x00\x00\xb88e\x0f\x1f\x8f\xbcf\x03\xc0\xf9\xe8\xa2\xca\xe07\x01\xe2\xb6\rn&lt;\x00\x00@\x04\xe7\xd7|\x01\x00@\x85z\x03\xd0,\xc0\x16o9\xd8\xae\x00\x00\x004&amp;sqm\xf6e/\xac\xe8\xa5\xbc\xf6\xd9\x06\xc0\xca\t\xc3\xf8\x9a\x13\xa7\xc6Q|\xcb3\x00\x00\xe4\xf3\x04+G\xfd\xe2\xda\xd0\x98a\x95\x024\xe7\xe1Gr\x93\xd6E\xbc\xa4\x97\xff\xf0\xae\x1e\x1c&gt;\x04\x0c\x00\x17\xe3IV\x8c\xe2\xa5q\xea\xf2)\xce\x841}\x94B3\xc8\xb4\xcea,\xb7\xab\x1e\xb0\xac\xcb\xcbs~\xbb\xbdT\xc7\x08\xcc\xdf\x8c4T\xff\x02\x00&lt;:_5\xd6\xb2\xda\x1e\xce\xc6\xa0-\x0c\xa7=\xf5g\xd8\x83\xa048#\xaa\xa8\x05\xc6\xdf\xaf\x96\x90\'\r\x00\x00\x00\xe01h\x95\xf7\x90?\x8dN\xd7\x8dG\x8f\xc7\xee\x8f\xdd)1\x80\x01\x00`\xcf\x9b&gt;\xdb\xf2\xf0l\xed\x05?\xfb$\xecr\x07\xd8p\xa3U\xc7y\xe5pSq\x1c\xe8\x08\x00\x80\x07\xa5\x7f|g\t\x81\x10\xa4z\x95\\\xdd\x81{\xfbG\xfb\xd6\x9dq,9\x80\xa7j,\x00\xc0(\xdc\x97\xbd\xa3C0\x11\x1f\xcea\xce\xf3\x18\x81u\x9c\x90\xb4\x1d\xa7\x91\x11r$\xc3&gt;(\xc5\xb7\x00\x01\xc08D\x82\x97\xf5\xd67g\x7fnL\x8e\x8e\xc2]\xbf\xdf\x82\x95\x1b\x92\\\xfa\x1bV\x06\xe0\xf0\xaf\xb4*\x8bOeam\xdb\xb8+\xc6\x93+\xd9\xac\xfez\xb4&amp;\x8db\xe2\x03\xc0\x004\xbe\xe9\xfc\xa7\xe6l&gt;C\xec\xbd\xe4\xe17a\xfb\xaa\xe3\x9e2\xf89\xe7~\x17\x1cL\xc3\xf3\xfb\x81\x9e\x0b\xd23\xb2\xcd\xdc\x82\x03\x000\xc6\x13\xa9\x9f",\xaa\xb7(\x91o!LV\xbf\xe5y\xe5\xd9\xdeP\xcf\x04C\x13\xe8S\xe8\xc3{3\xae\xf4\xe0+\x00\x80\xd39\xeb$\xa6*\x0f\xd3l\x00dK\xb1.x\x00\x18\x03\xe7\x92t\xfe\x03\xcc\xd3\x01\x8c?\xdd\x80\xe38\xc6\xdb|\x06\x00\x00\x1e\x98\xe9\xa4g"\xd3?\x8b\x1b\t\xf1\xd3\x946{Q0\xa5\xa4\xc1\x9d\xef{X\x17\xf13\xcc\x03\x10\x1b]tN\x0b~\xdb\xd9\x06t\x81\xd0\r\x00\xf0\\\xb4&gt;\x11d\x15\x01\x80^\x90\xa7&gt;\x1e\xdc\x01\x00\x00hIVf\xdfnY\xe5\x8c\x11\x00\x00\xb4\xb0\x01\x00\x008\x81i\x9a\xa6\xaf?\xdb\x08c\xb8u0*b\xcc\xc7h\xcb~\xe5)_u\x05\'sd\x8f\xf3\x8c\x19\x00\x00\x14r\xf5\x8f\xc1\xe9y\x92fB[*\x86\xcd\xb2\x01\xf8;\x8c=\x00\x00\x008\x9f%#y\x9e\r\xc0\xd3S\xd6\xcb\x8c\x8d*\x98\\\x00\x97`\x90\xa9\xca#@\x00\xd0\x157\xd2\x9d\xf1\xc9\xd7!\xa2\xed3Q\xf2\xb4\x80\xc8(\xeb\xe2Ei\xf2\x90F\xe8+h\xe9\x1a\rx\t4\x0c\xf2&lt;\x15\x1b\x00\x00\xe8\xca\x1a\xe9~\xe0\xf6\xb7.\xf6\xcd\xb7\x0b\xbe-Z\xc6\x18\xf3\x85\n!CD[\xd0@\nu*\xb7G\x89b\xefB\x84A\x12;\x00\x00\x80\x81\xd0?\x02\x94\xf3\x13W\xb1\x02"\xf2{I(\xaf\x03\x0f\x89\x01@W\x880\x00\x00\x87\xa2\xff-\xcc\xd6\xbfqK\xb8/\xe0\xe6\xf9\xcf;A+{\x00\x00\x00\x00\x80\xc7 \xebP?R\xf2g\x91#6g,\x7f\x8ec\t\x00\xc0\xc3\xc2\xf3j\x00\xd0\x95\xf5\x11\xfc%\xcbL&gt;)\x1b)\xa9\x17\x02zD\x04\x7f\x02\x00\xf4\x80\x00\x0b\x00\xa0@\xe6/5\xdf\x1fK+n#\x8ct\x98})~9~\xbb\x08\x8c\xf0\x0b@\x1f\x81\x05s\x16\x00\xa0\x12\x1e\x13\x87\xa7\x87\xc1\xbfB(\x00\x00\x00\x008\rR\xb1\xabC\x0f\x02\x00\x00\x00\\\x9e#\xef\x96pg\xe6\xe1\xe9\xdb\xbf\x8f3x^\xe5\x0c\xa5\x0f\xe3=\x00\x00\x00\xa8\x83\x1fv\x85\x86\xf8?\x99\xd3P8\xc0\xf0\x9c&gt;P9j\x01\x00\x808,\x12\xd0\x10&gt;~\x03\xa0\xa0n\x8eh\xbe\xe2"t\xb2\x93\xc5\x0b\x95\xf5\x01\x00\xe0\x0c\xfa\xe6a\xb7\xb3\xde\xb3\xb2=\x12\xcd\xd3\x88%\x1fG\xda\x010&amp;\xe9\xcc;\xf8\xf6;\xd6N\xa1\xe5\xbbD\xa7\xc9\xf0=\xfe\x00\x00\xd0\x076\x00~\x865\xac7\x7fe\xe0N\x19\x0b\x1c\xf5\x98\xe8\xbe\x83n\xec\xf0\xb5\xc2\x06\x02\x00\x1e\x81[\xc0\xe5\xc7V\x1a!Fn\xa7Lr\xca2Ao\x16q\xfb\x01\x8d\x8e~\xe3\xf7\x8c\xe0\x99\xb1~\x86\xd2\x84\x02#?U\t\x00\x90\xa0\xee\x8c\xc4s\x1f\xf6\x12\x87.\x00\xfd\xb8\xca\xd1#\xc05I\xdf\x01`\x0e\x02\x00\xc4\xa8\xff=/\xab.\xd1\xf6\xc2\x84\xc6\x00\x8bh\x01$\x1f\x00\xa0\x84\x0f\x01\x03\xc0\xb9\x14\xe6+\xd6\rV\xee\xb4^\x1c_\xce\xca\r\xf4|f7\xd6\xef\x01Z|\xc7\x08\x9cE\x93\xaf\x88\x81\x14\x97\xf70\x11\x16\x00\xce\x81g%\xaf\x85\x88L\xd3\xed\x11s\xc3\xda1$b\xcc\xc4\xb4\x82\xb3&gt;\xba\xf3T\xf09%\x00\x80rxb\xe1B\x88\xc5a\xea\x1e\xe0\x98\xed\x0c\xf0\xdbPl\xfb\x82\x887(\x05\xfd\xf2\xda\xed\xad\x00\x00xb\x9ez\x81\xbc\xc8\x8e\xa8\xbb\x91Gn6\x00\x0e\x83!\r\x00\x00\xe0B\xce\x87\x07,p\x05\xc0\x01p\xcb\x08\x00\x00N\x85\xf4\xf7*\x1c\xd8S\x8c\x87\x18\xcc\x17\xa8\x84\xc7\xed\xdaq%\x1f\xf2-@\x00p$\x89\xf8\xc8g\xaa\xae\x95\xcf5\xb46\xfc}\xa0\xad4\x00\x9c\xcf\xb0g\x1cC\x1au%F\xedX\x00\x80\xb3!:&gt;"\xcd\x16=\x86G)\x8f\xe5\xb7\'\x18\x06\x03\x0e\xf5a\xb7%\x17\xa5\xde\x99t\x07\x00\xc0\x1e"\xe3\x15)\xcd0\xc6[\x08\xc9\x96\x00 \n\xf1\x01\x00@\x8d"\xa9"\xaa^\x18\x9e3n\x0e\xfb\x90\xb6\xe0O\xe8\x0fc\x0c\x00`\x0b\xab\xef8\xd0\x17\xc3B\xd7\xf4\x04\xdfB=\xd7\xb8C\xc8\x87\x80\x01`\x14\xf8\x040\x84i\xbc\xa0\xf2\x18\x0f\xf8 \x04=-\r\xa3\x01\xa3\x08\x00\xe0\x89\xe9\x9a_\x8a\xc8\x80\x0f\xc7C\x05\xda\xded\xdf\x02\x07\xc2`+\x81I\n\x00P\x04\xd13\x05\x07\xd8=y\xa3\xb3\r\x008\x0b\xa2J6Dc\x00\x80z\xc4\x18\xce\xb6U\xb0\xe4\\\x91\x87\xc9\x15\x1e\xa3\x15\x00M\xf8Fw:0;\x00\x00\xf2P\xc6Mm\x16%356\x8d\xc9\xa3\xb6+\xc4q\xedm\xa1ED\x8c\xf9\x87\xf5rvR\x07\xe9\xf1q,\x81\xde\xd0\xd1\x00\x000\x0c\xcat\xd0\xda\x00&lt;\xe02\xf6&lt;{\x80&amp;\x1b\xb9x\xf5\xc3\x9c\xf9$]\x06\x0f\x03#\x16\x00\x00\xc6\x82\xcf\xc2&gt;\xeb\xda\xdc\xbe\xd5E\x1b\x80\xff^\xa8\xa6\xb2\xd7\x9ef\xe3\x07pu\x98\xaa\x00\x00w\x08\x88\x97\xe3\x19\xba\xac //sK\xab\r@T\x88\xff\xad\xb5\x96U\xf7\x19:\x17\xe0\x14F~\x06\x95\xdf\x01\x00\x80NxB\xde.\x14&amp;\x1e\xc9x\xc8\xe7v\xae\xc8\xf3\xfcDC\xd6j]\xe6\x96i\x9aj\xfd\x99\xae\x9e(\xc0\xbc\x028\x80\xdbL\x1d3~\xb2\x01\x00\x80.\xf8\x92\xa8\xf7\xdd]I\xa5)\xe4)p\x14\xb7E\xfa6"\xc7&lt;\xb1\xb3I\xed"\xfc\xf6/5\xec\xbacf\'\x00\x97 \x15+\x96y:zH\x01\x00h\x83\xf7$53\xaf\xba^\xc4\x1c?q\x84\xc7f\xd8\xe7\r\x00\x9e\x18f%\x00&lt;\r\x81xG\x10\x04x6\x98\xf5\xf0\x84l\x86\xfd\x03\x7f\x19\x1d\x00\xc0a|\xf2\xd9\x064\xe15\xebEp\xaa\x04\x00\xcd!\xb0\xd4C\xba\x0f\x00\xd0\x0cB\xaa\xc3\xb5\x9e\xf7\xb8\x90\xa9\x8f\xcaG\xd0\x05\xa0\xa0\xef\xd7+\xffJ\x06!\x00\xc0\xd3\x93L\no9\xee\x7f\x94\x15k\x0f\xf0\xec\x0b\t\x1b\x80\xc1\x18\xbd\x81\xd7\x1a0\xcf\xc1\xb0\xdd1\xaca\x0f\x05\xf3\x11\x00\x9e\x94\xe4\x93\x91\xe2cy\xeb(3\xc7\xe5\x00\'\x8c\xfcU\xd6\x90\t\x9d8\x0e\xf4\x05\x18\x111_\xcfH\x00\x80\xe7c\xce\xfe\xcb"\xe0%\xe2\xe6%\x8c\x8c\xb1\xdfz\x8d\xcd\xb8F\xdeF{\xc2\x8d\x9d\x9d|\x91N|\x02x\xa0qC\xc0\x15\x0cW\x00\x00pam\x80\x1d\xc3nT\xbcw\xb1\xbc\xc5\x8e\xb4\n\xce\xe3\xeb\xce6\x00\x1e\x1e\x82\t\x00&lt;&amp;\xa3E\xb7\xd1\xeci\xc3\x05S\xd2\xe1\x0c\xd6\xdfEI\x97\xc9\xee\x8e\xe1\xbc\x01\xc6\xb4:\xbf\xa0s\xf3\xb8`4\xeb\x05\xbf\x04\x0c\x00\xd7e\xea|\x13 W\xf8\xf4\xa8\xab\xcb\xd5\xda5\xd6O\xdb\xda\xde\xf3Z\xb6)\xe0\xf9\x89\xdf\xad\xf3\xb3\x7f\xb8w,o\xc0\ri1\xad.6/\x07\x80\x9f\xbd\x06\x00\x80(eO\xbd\xb3 _\x81\xfe\xfb\x19\xcfo\x00E\x87\xd3\xc9\x1f\x0c\x80\x8b\xb2\xff\x06\x85\xab\xed\xd5\x9f\x97\xd3{\x8a;\x00\x00p0\x17Y\x9f\xa6\xc9\x94\x1c\xb6r\xbe4&gt;\xff|w\xc4\xde\x98\xfc\x95=e\x0f\xe3\n|L\xd3$r~*\t\x054\x89Bt=\x00\\\x05\xcd\x17_\x1c\x14\xd1\x08\x9dO\xc7a=.yw\x00\xa4\xeb\xef.%\x19\xf5c\xd3\xa3\x91\xf6\xd29n\xbc\xd07t\x8d\xc2\xc3\xb8\xeba\x1a\x02\x00\x0f\x8e\x88\x18\xf3\x81g[\x01p(\xf1\r\xc0\xa5\xbeb\x15\x12h&gt;\xe4\xbd\xbd\xf0\xb3\xf6\x8f\xf1\x14(e\xfc\x00\x00\xc0\xb8\xb0J\xc1s\x12\xff\xdeO\x12\xb8\x87!\xff.\xc1\xdc\xfb\x0c\x80Gg\xb4i\xceg\x00\x00\xe08z?{}\x14\xe1\x079\xa0/\r=|hgMS\xe8\x1b\xa2\x183W"qZ\xaf\x89\x00n\x0c\xbc\xff\xc98xx|_\xf0u&amp;l\x00\x00\xe0\x89\xb1\x16\xec\x9cC\xb8\x81\x82\xb8\x86\xc3w&amp;\x1f\xd3MrC\xcfoD\x1d\xe0\xa2\xc0\xd2\x7f\xb1\xb1\xf4\xe4L\xd3\x14\xec\xb2e\x0cq\x10\xd0\x80\xb1\x0e\xcb\x01\x00\xe0\x91\x89|K\xe3\xa1v\xb4\xe6\xd8\xa5\xf4\xc5\x07\xeajF7\x17}\x928\x9bLW-\xcf\xff\x1cHO?[]\xf9\xaf\xcb\xea\xe7\xaa+\xd1r\x11t\xad\xfb\x92\xeev\x00\x00\x00\x0c\xc9U\x1f\x89\x19\x88\x1f\xdb1\xff&gt;8\xb9g/q.U?\xf5\xf0p\xd4\xb4\xf7\xd9|\x05\x00\x00p\x16\xac\xb8]86\x95\xe1\xb3\xa4\xc5$&gt;\xd8CJ\x9a\x0f\x1e\xd3\xd0\xdaK\x0cT\x00\x80(-\xa3d\xfd\x17\xf9=\r\xfcj)\x8cN\xf2+\x9b\x98\xec\xf0\x00\xf0!`\x00\x18\x97\xdd\x07s[\xad\xbb\xd2\xf6\xe73o\xbf\xc7\t\n6\x1f\xa0\x0c\x7f7\xce9\x0ceL\tW\xb7\x7f\x18\xe2#\x017_\x82\xcbO\xe7\xce\xb0\x01\x00\x80A\xb9\x85\xefm\x08o\xf5\xdb\xe9S\xf3od\x1b\xea\xfb\xdd.\xc40~\x13\x13\xfc\xa2\x9e\xebp\xf9\x06,\x1c\x9c\xbay&gt;\xa8\xed{\xa0\xff\x84\x84\xf2\x1a\x9f\xeb\xe0\x83.\x17\x84\r\x00\x00\x8c\x8f\x18\xf3\x85\xadd=L\x8a\x04M\x99\xac\x7fsy\x90td\xa4\xbc\xea\xe0i:=L\'\xf6 \x9ds\x1f\xb8\xf3\xd4\x1f\x19\x0cs\xb80(x\x07\x00\xc6\xc5^u\x88\xe6\x00\xd0\x9bx\xccY\xde=,\x1c\x89\xc8d\xce\xbc\xb7s|\x93\x93\x88H\x991"2M\x86\xd4\xf7\x06w\x00\x00`\\\xfa-9\xf7O\x17\x0ct\xe4\t\xd0\x15&gt;\xba\xda\x8c\xe9\xd5\x0e\xd45M\x0f\xf4d\x97\x86\xf4(-^\x17\xf8\xb0\x96\xcdS\x8d*\x00\xb8\x16r\x8bQ\xb7#\xa8\x1e\x9b\x81\xe2\x93$\x00xH4w\x00\x9e*h8w\x00:\xdd\x95\xcd\x0c\xc5R\x91\xbe\xd6\xd4}(\xb8\x03\x00\x00\xc32\xcd\x1f\xcdl\xfc\x81\xddUA\xa9\xd8\x91\x9e\x96\x86\x13\xb8\xe4\x00\xb8\x9e\xcd\'\x18l\xc7\x04\xe7\xd9\xf79\xfb?\xde\xa8\xc7\'3\x14\xd7\xf4\x01\xfd\x07\x00p\x01\x86}naL\xab@\x83t\xfb"\x91,\x99\x0c\xa1\x04g\xee\xb2\xda\x8e\x90\xa6\r9\xfe\xb7\xa5\x9d\x9f&gt;\xf0^|jD~\xf7\xf5v\xd7\x00\x00\xd0\x8aS\xf3\x95\xd3T_\x90\xba\r\xc0kE\x04g\x19Qj\xc0\xb3\xf0\x18_\xf8h\xa5\xcb-\xa5\x1e\x96|\xef\xed\x7f\x8c~9\x1e\xfc\x06\x00\xf0\x98X\xf1\xfd\xd8(\xcfQ\x1c&lt;"\x0f\x940\xb5o\xc8\xe7&gt;\x88g\x00\x00\x00\x00\x06\xe5a2\xd1Kq\xdb\x00\xe0\xf9\x00\x8c\xc9bp\x1d\x00@/\xda&gt;A;?ozL\xd4\x0eja\xd9\x80\xc7\xa1\xed`\xee35\x1e\xe8&amp;\x00\x0c\xc5\xc0\x83\xea\xa8\x01\xcf\xb7\x00\x01\xc0\xe8\xdc\x9f\xaa9,b\x87\xf3\xff\xa3,\x00\xe8N\xf3g\xd2{\xd0\xef\x1b\xc0 \xcd#o\xbdF\x1cT\xf7\xbdn\xd0\xb4\xc6\x9b\xe1\x11]\x00\x00\x0f@\xc3/\xcc\xe6\xf7\x80\x01\xae\xc8\x13~k&gt;@1\x07\xff.\rw\x00\x00\x00\x00\xa0\x1f\x0f|\x90\xdc\x11\x1e\x7fz6\x0e\xde*\xb3\x01\x00\x80\xd1Y\xc2"\'\x89\x00\x17b\xfe\xed\xd8\xb3\xed8\x81gl3\x00\x00\xc0\xb5`\xb5\x86=?\xe1l\x03\x1e\x84\xa7&lt;\xc6~\xc2&amp;_\x89\xa7\x1c\x93\x00\x00O\xca\xd7&gt;\xe7Q$&lt;\x03$4\x00zx\xbc\n\x00\xe0Yh\x1b\xf1;/\x1eU\xc2#\xb6\xb1\xe6mx\x94\xef\x98\'\x9b\x01Pr\x9b)\xcc\x17\x00\x80\x8e\x0c\x15d/\x94$U\xday\x81\x96\x0e\xf4\xd3\xc5\x83\x98\x11Ae\xe1\xe8=\x0e\xd0\x93\xc1\xc6\xffP\xc6\x00\x00\x9cJ4@\xff\xcf\x03"\xe6\x05\xd2\xe2\x16\xc8\x96Q\x97\xa21\xad\x1a\x91\xce\x83\xf6\xd3{\n\x07\x80\x0e&lt;\xc1B\x06\x00\x0f\xc3\x07E\xf3\x98\x93\x7f\xdf\xf7\xc1\xd8n\x00\xe0\x02D:\x8bN\x04\x80\x1d\x84\x05\x00\xb8\x08\xe41G\xd2d\x03\x10\x94@W\xb6\xc6\xf1\xb3\xfd\'\x13\x07\x86\xe6\xca\x07\r\x0fzP\xa2m\x0e\xbf\x03\x00\x00G\x10\xf8\x89\x93a\x9fQ\xb9\x12\xbb\x05\xec\xfeg\xe5\xcf\xca\x84\xbaL\xc8Js\xd0\xf8j\xfe\xbe|O.\xc2\xcf\xe8\x0e\xc6\x1f8\xdb\x80\xb1x\xec@\xb0\x9d\x8f\xa3\xb7\xf5f\xed\x97\x86\xbf\x03\xe2@[\x00\x00\xa0?\xfbg\xfd\xbb}\x00@v/\xae\xc7\xc1\xbb\x17\xbd\xba\xb9\xd7~m\xa0J\xec\xa8\xf2\x11\x0f2G\x04\'\xbb\\\xe4\xab\xb4\xbc\x13$\xf9q\xa9\xe5\xad\x07\x98_W\xb7\x1f\x00\x1e\x1c\xb9\xc8r2\x1e\x9e\xb5\xed\x14;z\xd2\xa6E\'z&amp;\xaeZD\xcc+^\xbe\xd7\x1e U\x82\x87#\x98\xc1\'\xa7\xe4\xbc78xH3\x83\x00\xe0\xf9 {(!\xdbi\x17t\xf2g\x1cms\xdb\\\xd6\x91&amp;"\xe6\x8b.\xd8\x0b)\x98\xbfO\xc9\xe8\xbb&gt;\x8e\x96\x00\x00F\xc0s\xa02\xf8\xfa\xf1\xd4(\xba\xa6i\xf7\x05D\x9d\xf3\xad\xa6\xed4n6\x00\x8f\xf0P\x01\xe4\xf2\x95]~\x85j\x84\x81t\xb0\r\xa7\xb7\x17\x00\x00\xaaq\x1e\xc4|\xbf\xf3\x173\xd8\xa0KU\x1b\xf6\xda/N\xa9:p\x84\xf4\xd1\xf5\xa0_?\xf2\xb84\xda|v\xea\xf1!\x8e\xb7\x0f4\x80\x89\x03\x00pE\xe2\x9f\xc4:\xdc\x9a\xe8\'\xc0\x8e\xb7g@F\xcbV_]\xb1\x1bicm\xb7\x86\xab]:\x8a\xcf\x9f\x9cv\xc3\x80\x0e\x05\x00\x00\x98Y\xf3\xa1\xfaU6SB$\x15\x0bm\x0c\x0eG\x93,\xbeZ_kGqE\x16\r\xc6Re\xe6\xd7\xa2S.\xe7\xf6\x87d\xb4^\x18\xcd\x1e\x00\x00\x00cL\xfe\xf1\xf9\x007\x01F \xb8\x15igaP\xd4H~\x18\x85\xeaaY\x9b\xfd\x8b\x881\x1f\x15y[#\xa2\xce\x06\x8f\xc4\xc6\x02!\x9b\xc1\xbb\xe0?\xb5\xb3\xf0\x874\x125\xb8\xc7Ls\x0b\t\xe6\x00p\x16\xd9\xd1\x87\x04\xd4\x9c\xfe%\x951\xed\xcf\xd85\xe7&gt;\x9fft\xf7\x10\xe2\xb6u\xdb\x00&lt;\xe3x\xa8\xe6\xe1\x9d\xb6|\xca\xf9S\xcf\xb6de\x88\xcfH\x84\x91\xe5\xa3\xe1\r\x8d\xfc\xae%d\x8d\xdbp\x00\x803\xd9\xa5GO\x1d.#\x99\xees\xee\xcd\xce\xcd\xfe\xbf)\xbc\xfd\xb0\xafD\xcd{\xc6^k\xcf\xe9\x1f\x02\xbe\xc8\xec{\xa4\x0fK\\=\xe2]\xdd~\x00\x80\x04\x95\x07\'D\xc9Ai\x92r\xcd\x9d[\xfd\x1c\xff\xb9\xdc?\x1eSdIa\xad\xfc*\xa0\xe1\xc1\x1d;\xe0]\xdc\xe2\xcf\xe1\xf4k\xc81.\x1a\xad#\x00\x00\xca\xd0&gt;\xb9\xbe\x0b\xf7\x7f4)W\xa9\xfe\xbcC8\xe2x\x05\xa1#|uo^\x7f\x1d\xbd\xba\xfd\x8f\xc3\xf5\xc7R\x82y\xae\r\xd2\xcc\xbc\xe7\xf7\x1e\xbew\x00\x00\x1e\x985\xdc\x8b\x88yO\xd5G$\x1f?\xeew_\x92{\xc9\xb7\xba\xe6\xde\xa7\xd9\x9du+\x7f\xed;\x00\xa3\xf1\xc6g\x1b\x00\x83\xb2$\xdc\xafr\xf6\xac)\xfa\xf4\xce\xabt4\x08\x00\x00\x1c\xce}\xcc\xfaU\x9a&amp;\xc7-[\xd1N\x94\xe5\xe1\x0c\x99Ym\xe9\xdd}E\xcb\xf9\xbd\xe2U\x9e\x9f&gt;\x04\xe5\'\x07\x92b\x9e`\xdb\\Jq4\x1b\xe9\xec\xbc\x90\xb2P\xd3\x9e\xcf+\x0c\x17\x00\x00p\x1c\xc5\xb9\xdd\x959\xb4\xb1eK\xf2`=R\x9eT\x8d\xd4\n\r\x07Y[\xe3\x96!\x92\xbc\x11\x99\xbfw\xe5G)=\xf3h\x0e\xbc\x0f\x8ck\xcc8\x060\x00\xc0\xc9\x8cqh\xd4\x9b\x97\x9c\xdb\xba#\xb5\xcb8?\x1cvh\xf6\x1f\xdcl\xe4\xddK\xb9\xce\x8e\xe5*v\xb6\xe4:\xbds\x02Ov\x94\xf3$\xcd\x04\x00\xc8&amp;\xffi\r\xa8%\xe0\xc3\xdb\xaa\xfc\xd5\xc7n\x03\x06\xe22I\xc93\xe5O\x87\x8f\'\xd2u\x00\x00 \x00IDATs\xbec\xbd\x9d+\xc6|\xd8\t\xb6t\xa1j\x03P&gt;\xf2\xcf\xefY\x00\x00\x80Z\x1a\x9c\xa29\xd5\xdb\x9e\xcc\x8d\xf1\xd4V\xc1\xf6R\xac\xbf.\xf6-@g{\x1bZ\xe1v\xe2\x83\xf5\xac3\xd1Z\xc9\x1c\xc3K\xa7\x1b\xd0\x92\x17\xce6\x00\x00\xa0\x0f\xe7\xaf\x16\xc5L\rDL\xd3\xf6\xcf\xf9U\xb5[\xea\x97\xe1F\x0by\x9e\x97\xa6i\xb2\xd4N\x8e\x7f\xc2\x0c2\x8a\x061\x03j\xd9\x8f\xfdi\xd2\x8f\xc6\xab0\xed^\xd4\x89\x9b&amp;\xb3\x8bi!z\xee\x16N\xec\xa6\xf6\xcda\x03\x00\x00\x0f\xca\xa1kj\xe3G\xde;\xe4\x04\xb3\xb8AR\x8d\xc6?^\xab\xaaR\xe4\xd2\xb9\x8a2\x9f\xf8\xdcN\x99\xfa4[\xc1N \xcd\xc8^\xd2\x8f\xc1a\x8e\xbd\xf3\xf0\xcd2\xd5\xd71\xc7\x8b\xe9\xfd\xd6\xf0\xb0c\x1c\x1e\xa8)\x00\xf0\xd4\xcc\xdf\xd3\xff(Q\xed\xa2K\xf5\x96W\xd7\x17\xed\xda\xdeY\xacR\xf8_\xeea\x83\xcd \xdd\xfa\x10c\xec \x06tT\x81=\x03\xb6\xa2#_\xfeL\x8d\x05\x00xR\x1e1\x95\xa9l\x91]\xf7Wg\xc8i\xfc[\x01z\x81={\xf0\xa3\xfb\x88\xbd6\xd6\x06\xe0\xa1&amp;\x8e\x8f\x06\xcf\x98E\x06\xe7\xf1&gt;d\xf36,t\n\x00\xc0\xa1&lt;\xd2\xf1\xff\r\xefBR\xb1\xba\xa8n\x9a\xb7]\xbd\xde~\xf7\xb9\xe1\x86\xc25\xd8yR\xff\x84I\x16\xa5\x97H\xa9\xc5\xe2l[:S\xdf\xc0\x9d\x84\xc5ig\xb9\xf1):\xae;8\x10\x00\x00\xae@\xffGe\xde\xb7\x87\xe4SY7\x00]\xd7{{\x9bQ\xb9\xe58f\x0b\xd1&lt;s\x1dv\x13n\xf7H\x0f\x99W\xb8\x97\xf2\x08;\xbd\xab\xdb\x0f\x00\x00\x0f\x8e\xb5P\xb5_\xb1\xfa\xa5Y/\xcf\xfa\xda\x82%\x11T\xe6+\xfbb\xca.\xaeL\xe9\x9ao&amp;\xc7O1+\xcd\xb3\x13}{\x8e\xdb\x17\xef\xaf\x07\xf3\xc3Y\xb7)\x1e\x88\xcb\xf9\xed\x04\x83\xf9\x16 \x00\x80\xe5\x99\x81.\xdf\x90\xd3)\xb4\xff\x8fA\xbe\xcf\'\x83BOt\xcd\x84\xa6i\xba\xf5\xbb\xf2;\x82\xf6\xc5\xa6iR|G\xc9_-1N\xa1\xfd\x81\xa9i\xec\xc7n\x06\x8c\xfd\x9dZ\xd3\xfc\x15[\xebE\xd1m6NI\xc7\xd9\x03,\xe4\xb8\xe2r\xd3\xa4\xca`\x06\t\x00\xc0\x98d}\xad\xcd\xc3Rs\xd4\x1a^\xe1.pJZ\xf9\x88\x91-\xa7mc\xbf2*m\xd65\xba{\xf7\xe8\x8f\xcf;\x9c\xb57\x115\xfeCJ\xb02~\x08\x02\x008\x1d\x02\xe5\xf3\xd2)\xa7\x19\x7f\xf5\x9d-\xfc7\xed\x9ei\x81 \xb2\xc5\xa4FHo\xaf\x96I\xa6\xa3/\x04\x13\x13\x00 \x0eQ\xf2\xd9\xa9\xb8\t\xd0\xe6+Vk\xf8\xbe29\x05\xdb\x9e\xf0\xed\x8e\x12\x03.E\xe5\x16Qv,\x97\x93U\x8b\x95\x02\\q]\xbb\xdccR\x00paD$\xf0\\\xaf\x10\x8e\x0eFD\xa6\xc9&lt;\x83\xdboks\xf5\xd3\xf3\xf7%&gt;WN\x91\xf6\x8e\x9fH9\x9b\xae3\xdd\x93\x86\xdd&gt;\xde\x91\xd6+2\xca\x8fd\xc3\xa5\x11\x91\x8b|V\x87\x0f\x01\x03\xc0q\x84\xc3\xe2\x89\xe1\xf2\xb3\xda\x8a\x13\x91\xef\xbc\xc8i\xd0E\xcc\xf4\x13\xbd\xed.\xf3\xff\x8c\x99?\xf5Y\xadp\xfe\xc0\xa8\x88\xf9}\x19\x8e\xbb\xa9V\x1e\x10\xce\xc5\xa6\xf0\x8c(\xee\xb3A:\xbb\xe3L\xf7\xfax\xfe\x80oL\xef\xfd\x1e\xcd\xa5\xe7\x03\xe4\x11\x8a\x1b\xd5\xe4\xcc\xf7\n\x18\xab\x00\x00u&lt;\xf1\x87\xed\xae\xdd\xe4u\x03\xf0i\xfe\x86\xf4X\x83\xcb\x1e\xf6m\xfc\x88\xf0\x10\x0f\x1c+\xb4\xbf\xdd\xbeL\xdf\x89\xb6\x7f\xfeG\xe1y\xf9 _\xc9\x01&lt;\x0c\xed\xd1\r\x896Zr+u1\x05\x00\xe0j\x1c\x17\r\x0fX\x0f\xc6\xe4\t\x9b\xdc\x84\x0f\xad\xd8\x004\xf1\xf9UF\xec\xf1Ffm\x00\xe2%\xe5I\x0f\x05\xf2\x18\x7f\x10:\x88\xf5\xfb\x0f\xb7\x0b\x9d\xb4d\x0f\xfe\xea\xaf\x07\xa8\xa9\x0e\x00\xd0\x97}L\x0c\x86-\x11\xf3{\xc7\x89h\'[2\xe7"\xb5f\xec\xbc=\x8e\x87G%0&gt;\x0bVw;\'\xa8\xec\x88Kd\xff\xa7\xd0p\x03\x00u\xb8n\xdc8\xf6\xec\x9f\\\x10\x11c^\xb7\x9f|\xc3$\x05\x00\xb0\xc9]b;\x04P"\xf2A\x90N\xd9D\xf6\xbdx\xa9-\xfal&gt;\xbc\x01\xf8\xd3\x87Y\xfbx\x84|\x9e?\xc8\xaf&gt;)\n\xec?\xba\xc9\x17\xf8\x9c2\x00&lt;\x06\xcb\x1a0i\xbe\x94\xa3\xd9\x97\xb7\xac\xf2\x88x\xc7\xf2\xdfE~\xf0%\xbe\r\xa3\x90\x8c\xef\x8d\xb1\xc7\x9e\x88l&gt;\x19\xfc\xc8.:\x1c;\xd1\x8c;6\x94\x92\xd2\x1dp\x14\xaa%I\x82_\x9dW\x0b\xdf\x02\x04\x00\x07\xb1|\x19\x8b\xa4\xbe\x94c)o\xda\xdd\x07\xb8=\xfc\xd9DT\x8e\xd2\xab\x9fc\xd5\xf0J\xaau\xeb\xba.\xca\xc8\xfe\xad?ds\x9dt\xf3p\xda~7T?.;/\xc6`\xa4\xd8{\xfb\xf1\x93\xbd=\xd3\xfd\xdd(\xdaQ\x9a\xdf^6\x00\x00p(Y\xabn\xe3\x05z\xe4\xe5\x1er\xe9\xb3\xc0\xcf\xcf\x81\xc4\x84\xbfV\x9e\xea\xcdwzZ\xdb\xe0\x1e\xd9\xff\x8b\xfb\xe5=\x1a\xcf\\\x81)\xe2\xa2\x91\xb6\x04\xe3Xr"\xfe\x0fo4\x92}\xd0\xd3w"\xb7f|b\xe0\xfd\xea\x8e\x9e\x7f\xa0\xa4V\x0e\x00\x00\xb4\xe3\xea\xd9\xd2\xc28\r\x91\xdd\x8b\xa6\xd2oi\xc1\x9f\x8fe\xbab\xfd\x9eqq\x0e1\xd2\te\x15\xa3}\xde#\xf7\x13\xbdk\xe1a\x9a\x00-H\xf5\xe6q\x1b\x80\xde\x8a\n\x85\xb3c\x00\x80\xe7ED\xe6\x1f\n\xed&amp;\xffA\x0ef\x9e\xe5\x13\x14\xaa\xe7\xf2e\xfd\xb1O\xfdC\xe7\x8f\xca\xf6\xb3=#\xe0\xa6[!\xc3\x9cr\xc3\xd8\x7fm\xae\x12\xf4\xf8\x04\x0e\x8f\x00\x01\xc0e\xe8q\x8e\xd2\xf5df\xe0\xd5%\xf7Pj\xd8\x86$\xb8\x9d\xec\x8a\xc8\x077\x1c&lt;\xben\x1d\xb8\xaf{"2\xcd\x9cm\xca\x82kI`\xa8\x93\xfd\xab\x111\xe6\x9d\xd7?\xa27XlO\xfa\xca\x9c\xf8-p\x1b\xf2\x07\xed@\xb7\xb9\x00\x00\xc6\xe5+\xc3\xdf\xbd}\xbc15l\r\xbe\x98\xf1\x11\x06\xe8\x88~\xdf\x0c\xb8&gt;\x9f\xd3\xfb\xc9\xf5\xdc\x07`\xd6GM\xce\xf7\xff\x83#&gt;\xbc\x97\xcf\xb6\xf4\x89\x18\xc7\xed\x83\x98\x01\x00\xf0hx\x03\xeb\x05\x03\xee\x8f\xed\x9dA&gt;1\xbd\x06\x83\xcc\xbf\xb7\x95/_\xcc\xa7\xe7}\xc6 w\x8faY\xc5\x88\xea\x8bw\x03@\xea\x7f\xee\xc0\xcb\x9d/^\tmM\xbaI\xad\xd9\x90?\xeb@\x02\x00\xf01VL\xacX\xec\x1f=W\xb8F\xd3\xa2F\xfe\xa4&amp;9MIGoR\xc9fn|\xe8\xf1v\x0e\xdb\xa4?\xd4_\xf8&lt;A\xed\xc8\xd4\xcf\x94\x9d\xa2e\xdb&lt;\xe2\xec\xf0\xdb\xf3\x83\x8e6#\x13&gt;\x03\x00\x00]\x18\xeb\x99\xda\nkn\x0f\x8a\x86\xea\x0f\xb7\x14e3R7\x05XN\xf4\x03\xef\xbf\xc6i\xad\x98\x82\x7fTI]F\xdb\x95F\xd7\x17\x15\xd7&lt;`\x12M\x16\xcb\x9c\xde\x99\xd1\xdb\x8a\xcbS;\xc4\'\xbf\xe7m\xc4\xfa\xc5\x16\xdf\xc0\xb0\xeb\x0e\xd3a\xdb\xe5a\x8eW\xdf\xaf\xa9:\xe2~\x06\x00\x00\x92\x88\x88y\xffs\xc3\xf7\x0fi\'j\xdcu(\xbaL\xb6\xfa\xb2p\x11\xf5wA&gt;\xe0\xb2=\xe2\xf7\x99\x1e\xe9\xe1\xc6\xb7q\x9e\x81\xe6]\xbfL\xab\xfd\xed\xb8\xf5\xb5f\xea\xbd\xc6\xb6\xc0\xf1S\xd5k\xa4\xdf\xf2V\xb61t\x01\xe0a\xa9\x0cp\xc4\xc7\x07 \xe3\xc9\x8d\xae\t\xfa\xa3e\xff\xe5-\xea\xb8\x11*\xdde\x15\xee\xfd\x1epSw&lt;\x95\x9b\xa8\xb1\xf6`\xff\\W\xcc\xff\x1dS\xde\\_7\xc0\xc4\xbc\xc28N\x00\x008\x9f\xfa\r\x00Q\x15\x8e\x84\x84rDH\xf4\x9b\xe0\xf5a\xa5cwG\xfe\'\x7f^YY\xb0\x83\xf2\xaf\xe8 \x13\x00\xe0@\xdeTy\xe01\x1c\x03\x9a\xf4P4\xc9\xc0\x0eI\xe3r\xbe\xdf\xf3\x01\xb9v\xa3BI\xea\x03\xed\x01N\xfb:\x1d\xfd\xf3r\xe5\xf2ue\x1e\xa5+\x01\x00\x1e\x88k\x86\xe6\xda\xe4\xe0\x9a\xad&gt;\x94\xab\xb8(a\xe7\xfa\xaej\xcc\\\xa5\xd5\x0fC\xc8\xe1\x0f\xb4\x01(\xa7[\x94\xbb_\x7fig\x0f_\xb3\x13/g0\x00@\x11\xd7\x8c\xd1\x83\xf3t\xfe\x1c{\x14\xdd\r;\xca\xc2.Z\xf2\x8d?\xe4\xce\xde7\x9c\xff)\x8e\x81\x07^=\xd7\xbf\xbb5\xaca\x00\x000(_\xd9~\xe5\x18;O\xbd0C8\xd65\xc0\xfd\x92\xf2\x96\x16~\xe3\xa1\x8d-1\xfe\xf4\xee\x00xP\xce\x8fu\x00\x00\x07s\xf5\xc07D\x9e\xfa\x108\x9f\x05\x14\x11c^Z#\xae\x81M\t\r-\x1f+\x1f\x7f\x14\xf5~\xfe\x1b\xb2\x19\xfbix\xc7\xb0\'\x08\x95\xef\x14y\xfc\xcc|\xbf\xbe\xed\x8f\xed%\x00\x80\x8b\xf0\x04\xeb\xd6p\xb4\xfb2\x90.9\xeb:\x1e\x9ekl\x8c\xde\xd2g\xea\x0bc\xd6\xf6\x0e\xdaj{\x87\xbc\xbe\xbeT\x1f\x9d2\xa2\x9em\x18\x03\xc0\xc3 \xc6\xfc\xe89\xee?@ {\xa4/\x0f\x816&lt;\xe7xH~\x00\xf4\\r\xe7\xa9\xb2\xfc\x93\xf5\xf5 \x8d\x1d\xc4\x8cR\xbe\xebx\xfb/\xee1\x00x\x00d\xcb\xd9\xe6\xd4\xf30\r\xe9\xc2\']|\x9bw@\xcf\xda\xe3g\xc4\x81\xa46)&lt;\x11Z6\xea0\x17=P\x8cj\xc3)\xd</t>
        </is>
      </c>
      <c r="E515" t="inlineStr">
        <is>
          <t>&lt;class 'numpy.ndarray'&gt;</t>
        </is>
      </c>
    </row>
    <row r="516">
      <c r="A516" s="1" t="n">
        <v>514</v>
      </c>
      <c r="B516" t="inlineStr">
        <is>
          <t>steps_per_sec</t>
        </is>
      </c>
      <c r="C516" t="n">
        <v>5800</v>
      </c>
      <c r="D516" t="inlineStr">
        <is>
          <t>3.1109927</t>
        </is>
      </c>
      <c r="E516" t="inlineStr">
        <is>
          <t>&lt;class 'numpy.ndarray'&gt;</t>
        </is>
      </c>
    </row>
    <row r="517">
      <c r="A517" s="1" t="n">
        <v>515</v>
      </c>
      <c r="B517" t="inlineStr">
        <is>
          <t>Loss/RPNLoss/localization_loss</t>
        </is>
      </c>
      <c r="C517" t="n">
        <v>5800</v>
      </c>
      <c r="D517" t="inlineStr">
        <is>
          <t>0.10243482</t>
        </is>
      </c>
      <c r="E517" t="inlineStr">
        <is>
          <t>&lt;class 'numpy.ndarray'&gt;</t>
        </is>
      </c>
    </row>
    <row r="518">
      <c r="A518" s="1" t="n">
        <v>516</v>
      </c>
      <c r="B518" t="inlineStr">
        <is>
          <t>Loss/RPNLoss/objectness_loss</t>
        </is>
      </c>
      <c r="C518" t="n">
        <v>5800</v>
      </c>
      <c r="D518" t="inlineStr">
        <is>
          <t>0.01037273</t>
        </is>
      </c>
      <c r="E518" t="inlineStr">
        <is>
          <t>&lt;class 'numpy.ndarray'&gt;</t>
        </is>
      </c>
    </row>
    <row r="519">
      <c r="A519" s="1" t="n">
        <v>517</v>
      </c>
      <c r="B519" t="inlineStr">
        <is>
          <t>Loss/BoxClassifierLoss/localization_loss</t>
        </is>
      </c>
      <c r="C519" t="n">
        <v>5800</v>
      </c>
      <c r="D519" t="inlineStr">
        <is>
          <t>0.14120814</t>
        </is>
      </c>
      <c r="E519" t="inlineStr">
        <is>
          <t>&lt;class 'numpy.ndarray'&gt;</t>
        </is>
      </c>
    </row>
    <row r="520">
      <c r="A520" s="1" t="n">
        <v>518</v>
      </c>
      <c r="B520" t="inlineStr">
        <is>
          <t>Loss/BoxClassifierLoss/classification_loss</t>
        </is>
      </c>
      <c r="C520" t="n">
        <v>5800</v>
      </c>
      <c r="D520" t="inlineStr">
        <is>
          <t>0.0742112</t>
        </is>
      </c>
      <c r="E520" t="inlineStr">
        <is>
          <t>&lt;class 'numpy.ndarray'&gt;</t>
        </is>
      </c>
    </row>
    <row r="521">
      <c r="A521" s="1" t="n">
        <v>519</v>
      </c>
      <c r="B521" t="inlineStr">
        <is>
          <t>Loss/regularization_loss</t>
        </is>
      </c>
      <c r="C521" t="n">
        <v>5800</v>
      </c>
      <c r="D521" t="inlineStr">
        <is>
          <t>0.0</t>
        </is>
      </c>
      <c r="E521" t="inlineStr">
        <is>
          <t>&lt;class 'numpy.ndarray'&gt;</t>
        </is>
      </c>
    </row>
    <row r="522">
      <c r="A522" s="1" t="n">
        <v>520</v>
      </c>
      <c r="B522" t="inlineStr">
        <is>
          <t>Loss/total_loss</t>
        </is>
      </c>
      <c r="C522" t="n">
        <v>5800</v>
      </c>
      <c r="D522" t="inlineStr">
        <is>
          <t>0.3282269</t>
        </is>
      </c>
      <c r="E522" t="inlineStr">
        <is>
          <t>&lt;class 'numpy.ndarray'&gt;</t>
        </is>
      </c>
    </row>
    <row r="523">
      <c r="A523" s="1" t="n">
        <v>521</v>
      </c>
      <c r="B523" t="inlineStr">
        <is>
          <t>learning_rate</t>
        </is>
      </c>
      <c r="C523" t="n">
        <v>5800</v>
      </c>
      <c r="D523" t="inlineStr">
        <is>
          <t>0.03985179</t>
        </is>
      </c>
      <c r="E523" t="inlineStr">
        <is>
          <t>&lt;class 'numpy.ndarray'&gt;</t>
        </is>
      </c>
    </row>
    <row r="524">
      <c r="A524" s="1" t="n">
        <v>522</v>
      </c>
      <c r="B524" t="inlineStr">
        <is>
          <t>train_input_images</t>
        </is>
      </c>
      <c r="C524" t="n">
        <v>5800</v>
      </c>
      <c r="D524" t="inlineStr">
        <is>
          <t>[b'1024' b'1024'
 b'\x89PNG\r\n\x1a\n\x00\x00\x00\rIHDR\x00\x00\x04\x00\x00\x00\x04\x00\x08\x02\x00\x00\x00\xf0\x7f\xbc\xd4\x00\x00 \x00IDATx\x9c\xec}u\xfc}MQ\xff\xdc\x87.i\x90\x0e\x01\x91\x94F\x04\x94\x94\x90\x12\x04\x04\x91PJ\x10~\xc0Cw\x87\xa0\x82\x84R\nH\x87 Jw\xa9\x88\xd2\xf1\x88tw)\xa9\xcc\xef\x8f{bcvwfw\xf6\x9c=\xf7\xb3\xef\xd7\xc3\x97\xfb9gwfvz\xf7\x9c\xcf\xfd\xec\xa0\xa3\xa3- \xc0N\x93\x1c\xe2n\x97G\x90/\t\x02@\x86\xd8\x88\x08\x00\xb9\xe2m\tGf\xa5\x99\x9eP\xcc\x16Q\xa8\xde\xbdE|\xec\x89\x84\xeeB\x9a\x8br\xfcvd\x83\x97\xfaf{\x8dA\nQ\x0br\xec\x8b\x88\x87\x11\xec\x8d8s#b8\xf8\t\xc0\x89\x94H\xb5\xb3\xc0H\xe6+B*\xac\xd6\xc11k\x0b\xd0\xd1Q\x17\x05u\x88;\x11\x11\x10\x01\xe4\x99\xe3\x10J$\x0f\xbb\xdd\xee \x1a\x82\x08\x10q\xe8\xa0\x16\xe0\xe5^XJ\xb5\x0c\x1b6b\xe5:e|S`u\xff\x86\x9ev;N\xf7\xcf\x875x\n\x8fM\xa1\x11gnD\x0c\x1bx\xc2\x8c\x92\x17\xc0\xb8\xc0\xd5=\xa4\x1a\x7f\xc4\x9a\xd4#\xf8z,\xee\xfa\x06\xa0\xa3\x1d`\xfa$\xe0\xdck\'\x08\n\x05\x9d\xed\xc1\xb7\xc5G\x06\x08\x8b\xecq0pF\xa5\xc3{"\x12&amp;\xd6\xdd\xf5\x90\xb0\xf3~\x8c\xdb\xf7\x11L\xb2\xbb\xdd\xfeX\x04\xdd\xab\x1d\x07\x83\x9d\xda\t\xd6\xec\'k{Ha{\x11W\xc9:\xbb\x9b3\x84\xc2n\xa1\xc3\xaa\x8e\x0e\x0e\xc6\xb3\xa8x\n@\x84\xa5\x1f\xa5\x1d\xcc\xe3\xec\x8eJX\xf8\xf9u\xb6CZrz\xcd\x198\xab0\x1fg\xe0&lt;La\xa5\x05o\xe5u\xec\xe1\xbci\x16\xf0@DFG\xc5\xf7\xde\x0b\x01|\x84?~r\xb0\xd1\xd6\xeaa\xd2\xce{#U1,\xb3\xb9\xa8ay\x17\x93R\x13K+|Be\xa7\xd0 \xb1\x16V\n\xa3|\xfd\t@G\x13\xc0}\xff\x9f\x8c\x8d]\xf2\x8c\xaa\x12\xd47\xef-&gt;\xca\xe0\x01\xb7,\xbc\x16\xfem\xfe\xf8\xb2\x85YgW\x10k\x9aG\x84 \xba\xdb\xbf\x142?\x16\xd0\t\xbd\xdd\xeeX\x15:\x1d#\xc2G|\xacPu\xc6\x84\xde\x19\xf8H\x84\x17!\xd3r\x8d\xce\x19\x97b\xb4\n\x94\xa3O\r\xbbO\xabQ\x8a\xdd\\\xac\xd6\xb0\x18\xedv\xee\xeb\xac;\xfa\xdd\xb9\xe6\xcc\xe5\xe0\x08\xbc\x94\xdb\xb1%\xb4\xfc\x86\xa8T0\x7f|\xb3K\xcb\xc0\xea\x1b\x00E\xeeM\xd8\xe5\x06+y&gt;\x1a\xf0\xef\xd4\xe0\xa7O\xb3#\x0c\xdek\xf7\xee\x18\xc3%\x14"\xfd^\x07h\xf4\xc3[\x11\x0f\x07h\xca\t\xc8\x049a\x8c\x14O?4\x855\xd5\xd8p\x97\xd5q\xd4Q\xe2\x9aU\xdd\xba\x12\xf1\xd5;\xe9\xd5\x91\xb7|\x9d\xd6\x04`_\xd2TM\xa0Fp9\xc7pj[\xaf\x10\xdb\x00\xa3\xb9\xcf\xfb\xbd\xdb\xf0\xb6\xf0\x8aRR\x1d\x87\x84&lt;w\xda\x02\xf8\xdd?\xb1\x01\x18\x8a\x11\xdd\xdf\x87\xe8\xac\x88\x83\xb4`GG]\xb8G\xa4\x05s\xc7\xabk\x1f\x06\xf0\xa0\'\xa1,\xf1\x9dv\x11\xe5\xa8\x9b\xe0d\xaa\xd4\xd8\xd0\xf1%\x9b\xc2\xbd\xdbw\xce\xa3\x8bT\'Q\xd4m4\xd3\xacT\x85\xda\xd2\xde9|\r\\\xc7\x16\xc1\xee\xfe\x89\x93~+@\x8c\x90\xf9L\x9c\xf8\xc2+\xec\xe8\xe8(D0\xec\xedQ\xfc\xd8\x9erJ\xe3X+a\xa1\xfe\xf1\xfc\x1a\xa8\xaf=\x9c\xcaLeF\x1d\x1a\xf8\xd0"\xdb\xda\xb2n\xc3\x98\x9b\xf1\xf6\xe3Q\xf3\xc3\x1ez\x1b\x06\xb7\xfd\x9f"\xe2\x92\x11\x0f\xc7\xe1\xab\xaf\xe6\xc0\xc1\x10\x83\xe5V\xd8\xd1\xb1q4WTB\x01L]\x0fI~[Ey\xea\x82\xd5\x07l\xfa\x97\xa4\xab\xf0\xda\x97\x81\xca\xb9~\x99r\x82\x00/\xf6\x19Wfz\xa0\x88\x1e\xdb\xeb1I\xb6\x1a\x1c\xb7\xc9|}H:kU\x94J\xcb\xdf&amp;mM3G\x02\xd2\r\xc0\x89\x82F|\x8ey\x163G\x1f\xd2{\x00-\xf1yw\x83\xc3\xfao\x01wt\x94\x023\xff\xcc-\xae\xf9\x8dF\xa8\xfb\xa5\xcb8\xacF\x99l\x0b\xc84\x13.\xf0\xddv?A&lt;!\xc0\n_91\x94\xb0\xfe=\x12\xdaP\xcb\tcR\x82\xe0w\x04\xb5\xf1\xdd\x8b\xeb"7u[\x14f%\xc7\xbf\x19\xf3\x9f\x11~\xed\xa8+\xbc5d\xf4\xe2\xc1\xef\xd5\xa7\xff&gt;\x0b\xd8\x7fm/AD\x0b\x930\xfb\xbf\xc8\xd1#\xbd\xa3\xa3\x16\xb8\x87@\r\x9d\x00\xd5\x90\xa4\x9d\xd5\x1d!\xe0Z/\x92\x1d\xc4\x0bZ\xed\xa1\xab\xb46\xba\x86\xd5Q\xa9\x9a,a)\xe9\x13\x80!\xdf\x9ez~\xc9\x07\x11\xe1\xae\xc4\xd9\xffx\xd2\x1f\xba\xbe\x1c\x16f\xd7\xd1\xb1\x16\xe2Y#\xf3uX\xc6\x10V\xf7?E\xfe\xf2)\xe0\xe0\xe0v\xbdGX\xa5\x8fc\x8f&lt;\x9a\xfa\xe9\xd8\x1c\xba\xa3v,\x83\x8c\xfe\x9f\xee\xf2\xa5\x94\x1aq\xf2\xfe\\\xa0c\xc3@\xeb\x01\xeeg\x01\xcf\x01\x10y\x05E\xfax}n)\x93O\xfd\x18\x8f\xd8Lj\xfd\xa9\x9c&gt;\xb0\xf8i~\x1d \xc0\x0e\x0f\xecu\x8b\x15\xfe \xf7bX\xeb\xc5\xbcm\xa1\x9e\x96\xf6Y\xf2\x80L \xf9\x8b\xb9\x87\x96(\x1aG\xd9\xa1\x91\xf9~\x9d\x94R\xe4\xdd\xbc\x11y!&amp;\x9b\xd5\xff\x12p\xc7V\xe1\x85\xdc9\x87?\xca\x17Ddc@\x10\x9f\xf26\xe7\x9d\xbfq[O\xd2\xf1o\x1e\xe5?\xc2W\xeb\xe4\xa3\xcd?m\xb8\x7f\xe4\xb3\xff\x08\xf0Y9\x81\xab\xaa\x8a\xa3\x84\xd5\xfe \xf7"X\xf3QR\x13\xe7\x82I\xec\x7f\xb3\xb1\x0e\xedS\xd7!\x0b\xeb\xe8V\xa6&amp;r\xec6\\\xe2\xa8\x81\xd1\xc1\'\x08\xf0\x07\xf0\x9dH\x1a\x98\x87\x9b\xc4;\x0e\x1c\xd6\x81\xfa\xfe\xff\xb3IQs1uHO\x07\x9a3%\x14\x8d\r\xb6\xaa\xd5\xe0\x1c\xe9\x1d\xe5\x13\xd6\x8c\xb5\x1f\xb0\xba\xb0\xd1_\x19\x97\x1c\xd9js^\xe0\x00X\xc1\xa3Z}\xda\x16\xc7:\xa1$\xb1\xe9\x01\x07{\x93(\xde\xc5\xee`\xc8`$\xa5\xfd\x1e\x81\xd3\'\xac\x85\xfe\x04\xa0cy\xa8\xbc\x007\x07\xd0\xf87:\xb2i\x92\xa1\xe8\x1c\'{\xc4y\xdf\xfc\x96)Q\x11Z;1\xda\x01\xec\xe0\xc4h\xfcxd\xd1\xfe\xda\xd1\xf8\xb7\x9cN\x1c\xbb\x16\xbb\x7fX\xd3J\x8b\xb4\x05M\xea|\tlr\xe1\xd8\xda\x9f\x8byaK\xc2\xac\x87\xdd.\xf1\x1ct\x97x\x1f\xa1\nBo"\x84\xd07\x00\x1d\xcbC\xe9\xfd\x01\x9bF\x95o"\x98~_\xe7\xb5\x1e\x87\xe0\n\xcca\x8d\xec\xf3\x1b\xc0\x8f[S\xc4V\xca\xd8\xc2z\xdb\xa905^|\x8a\x8d*\xe4"\x07\x93c\xb9\xce\xb7\xe2]\x99H\xf56\x07\xbe\xfc\x01\xbcNKR\x02\x88\xa1\xbb\xd6\xb4\xf9{\xade\xf2|\xe4\x1f\x19\x0e\xef\xff\xb8\x9d\xcc~W`\\=-|\xb4D@1.\xda\xe4#\xd5\x8e\x8e\n\xb8\xc7\xfe\xfb\xec\xc7W\xec\xeb\x1c\x93\x90\xaf\xf0\xdbw\xcc\xdf\xeb\xa7e\xa0\xbe\x04\x00ZK\xec\x1d24u,\xd7\x188\xa7P\xd5^"\xef\xe8\xa8\x05\xe9\t\xeb\x80\x1b\x14\xb9z\x8f\x94JH|SO\x00\x9c\xa3\r\x06\x91*\xeb\xe9ME\xc7\xe6\x80\xf0\x86&lt;\xaf5\x9b\xfeB\xbf\xcf9\xad\xe4\x87t`d\x8fU&amp;\x8eX^\xdbd\xbd\xb7e\xde\xe4\x12\nq\x04\x97\xdc\xc1D\x89o\xdc\xebHF\xd3"\xc8\xdb\x01\x18\xdb\x00\xb2\xac\xcfW\x96\xdd\x00\xd4\xa3\xdc\xd1Q\x0f\xd9\xed\x1d\xae\xba\xe5\x95\x84\xf45B\x1b\x80\xc3\x0e\xd7\x83_\xa0\r\xa5\xc7P\x07\x91\xc47\xbf\x84\xadYA$m\x85\xc0|\xef\xb6\xd4\xd51\xe1H\x1b\xeeD\xd9;\x80`O\xffS\x83\xfc\x9dB{\x80:\xabI\xc5\xf5\xcc}\x18\xd9_\x17\xeaX\x05J_w\xb0\x0f\xa4u\xbe\x92\xdc\x8d\xe2\xf8\xfb\xfe8|o\x06\xf4\xef\xc39P\x0c\xfe\x90\xfa\xb5\x8f\x98\xd1\x111\xfc\xedr\x19\xdf\x99\xe3|\xffR\x87\x00\x888}\xc5\xc7\x01\x01\x07?\xba\x00\xc0\xc75\x97F\xe5\xb7F\xd0\xd3l\x0c\xe8~IQX]\xeb};Ve\xe84\xe4\xbb\xdd\xce\xd7\x1eIz\xbd_\rD\xe7\xbb\r\xfb/\x01w4\x0b\xc6yj\xf2W\xf1+"\xf2\xc7\x01"b\x9b_\xee;e\x87\xe3\xafu\x0c\x83\x88\xff\xb5\xb1\x93\xcef\xc1L\xea;\x80\xf3\x87ID\x9cy\x97\xe1\xe6\xdd\xb6%8D\xe5\xed\xde\x0f\x00\x00\xf81m\xba\xfb\xbf\xc2Q\xf4ml\x95p\x90=\xab\x1a\xbcf\xf4\xa6\xc1\xdfd\x9b\xfe94(x\x08\xf9]\xe4\x8du\xffp\xb4\xff\x00QG#\xb8}$\x89`\xf4\xc7\xc6\xe0?\xd7\x93&lt;\xe0\x9b\x1f\xc6\xad\xf7Eo\xd8\xdaw\xcc\x1dE\x1c\x1d\xfdW\xf9\xa6\xae\n4\x01\xe6\xf0\xfciz\xe8\xf6P\xef%\x84\xe4\tH\xc7\xba\xa8jw\x8a\xdd;[w\x86\xcc7~R\xaf\xf40\x87ut\x1c5\xf0\xc3\xa0\xf1\x80\xb9\x96\x19\xd8^\xa8\x9fam\xf1:\xda\x07"\xe2o\xf4\xc2\x90\x8f\xba\x1b\x80^\xb3\xe5\xe8J\xab\x82\xe6\xb5\x1a\xd8\x004\x0f\xa5\r\x80\xf9\xcd~\xf11\x1d\x1dG\x18\x8cD&amp;\xfc\x9e\x9cw\x9a\x01\xb6\\\x8c\x05B\xda\x0c\xf8\x8e\x8e8\x10\x00\xe1w\x0e\xdeU*\x85C\xd5\xe7Wf\x14\xf7\xe2\xdd\xb1:\xb6\xe3\x81+\xd4\xbe\xa2\x08U\xd9\x03\xc4\xd1\x86\xf9\xdc&lt;\xdc\xdf\x07\xeaX\x18\xe8\xfc\x1a\x8a\x12\xc9\x01K\xfe\x16\xda\xfb\x11/\x16\\\x08\x8e\xbf1\xd5C\xac\xa3\x1c\x9b\xffEF\x8c\xfd~s\t\xd5P2\xd1\xd2\xd8\xe65\x7f\xb8\xc8\xf8\xb5\xf8\x8e\xca\x98Jq\xc0.8\xfc\xb2x\r\xab\xe5\x87\xea\xd4A\x8c9J\xf9\xbc\xa2\x85N\xc0X\xe3,I\x0f\x9e\x8e\x85\x81\xbc/K\x11\x13\x9c \xa1\xdc\xbb\x84\x8e\xb5\xd0}F\x05\x84\x1a\xc7&amp;\x03\xba\x86;:\x16\x04\xe7\xd8kC\xdb6\x85m@q\x16R+\x13\xe4\x06\xa0\x7f\x0bPG{\x10=/+z\xee\x97=\xd7\xc1&amp;\xd2YG;h\xe1q\xb0\x16\x88\xb7\xe0\x16\xe4\x1e\x0c\xbdS\x1e\x92\x8e\x9bA\x7f\xb91\x06\x81f\x0eS\x87\x8c~w\xb7\x91\xee\x1f\xcaO)\xa3\xdf\xea\xb6\x0e\x9c%\xf5\r@\xc7\xc2\x18\xfd\xef\xdc\xe1\x0c\xb8{\xbf l\xf2\xbf\xd8\xaa\x7f%\xd6\x8ah\xe4\x9d\xc8\x0e\x1fR\xbb\xf8A\xb4rX\xed\xe3\xfa\xbb\xd0\xe0WRvl\x1a\xc9\xaf\xa5\x06vf\x13\xc5\xc8\xc3%\x83WDs\xfd\xee*\xd8\x7f9\xb9\xe4E\x04\x04xl\x88\x98\x8eL\xd3\x17\xf5V\xa2\xde\xd1\xc1\x05b\xcd?\xddU\xf3\xcd\x8a\x83\xfdK(\x1dKb\xef\xa2\x87\xf7\nPC+\xeao\x01M\xd0}\xeb\x1a\x05\x7f\x1f\xad!\x7f8\x08$\xf5\xb9}\x857Za\x05\x0f\xbd\xb2r\xce\x9e\xba\xf2\xc2\x87P\x85X\xb4\xf6\'\x00\x1d\x8b\xa3\xees\xb1\x9a\xe9\xa3\x95\xdc\xd4\xda\xb9fk\xf24\x8d\xe9U\xccu\xc5\xc8\x85s\xc0i~nhE\xe3aWC"\xad\x05\xf2\xe4\xaf\x84\x1a;\rv\xe5k\xc2\xf8\xc3\x91!h\xfd&gt;\xdbzh\xa5\xc2:\xd8\xedv\xf0\xe5\xfd\xa7\xe4\xb8\x1c+\xe8wD{W\xe9\xcf\xd9;:D@\x1c\xfe6\x96b\xe0\x1c\xca\x8b\xa1\xfd\xaf\x86%\xc0\xfc\xca\xc8\x13,!K\x1d\xa0\xe5\x03\xdb\xaa/\x1b\x12\xb5\xa3\xc3\xc4\xfcwf\xaa3\xea\x19\x9e\x0b\xf3+&gt;[CB\xb0&amp;e\xee8\xa2h\xc8\x17k\x844\xe6\xf7\xcd\x82Y\x05\\,"\xf1\xac\xd1r\xe2\x10\xcaVi!\xc3_\x83\xaeC|}\xd8&gt;\x90X\xe6\xaf\x1f\xae\x1e::\x96\xc3\xf8\x87&amp;\x97a\xb6\x08\x97\x8e5q\xc0\x15\xaa\xa3}8\x1dR\xd2\x17\xef\xc8\xa7\x9c#\x8e9\xbf\xe4ov\xe8?7\x90m\x00\x8a\xa3\xfa\x1f\x06"\xa7G\xd0\x7f\x0cR\x07\x07\xddm/\x07\xfe\xee\xb1?\x05Z\x13]\xf3\x07\x82f\xfe2\x94\x87\xc5\xa2\xfb\xf8\xadj\xa0\xa3\xa3\xa32\xe6\xc8O\xa5\xc2E;\xbc\xb26z\xad\x17\x87\xd486\xf9\xc7\x0b\xe3h_\xc2v\x10\xd6\xd5\xcb\x96\x88\xb2\xb7\xf5\x9dCGG\xebX(HU\x1eYwx\xe8*\xed\xd8\x14\x12=\xf7U\x17N\x13%\xec6\xd11\xc7\xf0Vw\x03P\x8e8\x91\xfa\xaf\xb4v\x0c\xf0\rzn\xfbf\xd7\xd5\x01\xa3\x1bw\x8f\xae\x87\x96\xb0\x9d\x9c\xd3\xd3cGG\x15\xa4z\xcd\x8c\xae\xba\xc7j6\xf0"S\xf7\xff\xaf\nj\x0c\x18wz\xbf\xe8\x90,\xd5\xf4Z\x0cC \xc0s\xc1)i\xd7\xea\x1b\x80\x8e\x83\xc5v\x9eg\xb20.\xe7ck\x0bR\x0f\xe8\xfd\xbb6\xcc_|\xea\xa9\xb2\xa3C\x13tD!\xfcz\x8f\xb4\xaa \xda&gt;\xf6\xf1?\xcb4\x14)\x84\xff\xd5}\xc8\xd0\x08\xd6Y\x8bT\x87\x93\xda\xc3-\xd1!\x19\xa5\xa3\xa3\xf5o/\x10\x81\xf7\x84\xd6\t\xed\x8d\xad\xddHP\xc1!\x8b\t\xd3\x12\xeb\x8e\x8e\xa3\x83\xdbn\xf1\xccf[\x02\x13\x85\xa4zk&gt;\xfdz\xf1jgr\x97\xa8Bu\x85\xe5\x0ce\x92o,\xf3\xb7;B\xef\xe0&amp;\t\x1eR;\xb5a\xe4\xf8\xdb\x163\xaa\x026\xea\xb1\xe4\x16\xdd~I\x936\xa8\x13\xe6[\\{\x1c\x9bZ\xd1\x0b\xc6\x0f\x1b\x92\xb9\xa3c}x\x01s\xc7\xf6\x9f\xbe\xddH\x95Z\xfd\xc5\x86kLu\xd6\xeb\x83\xb9F\xee\xb3\x0e\xa1sV\xd0p\xd2p\xe6\xee.82%X\x93\xee!\xd7\x7f\xe3\xe0&lt;\x82\xbb\x90d|\x87\n\x16\xdaDEZ\xfc\xe1\xfa\xf8ol.\x1d\xaa\x8b\x9c\xac\xd7\r\xc6\xcdx;"\x02\\\x1a\xc2\xd6L\xcd\xed\xe8\xe8\x18qdz\xd3\xa5\x90\xa9\xcf\x830\x81\xb2#\xf1\x93\xfbx\x00\xaf\xadF\xa7\xc6\x04X\x1c\x84\xed\\\xf4\xb4\xd0\x91\xc4\x96\x1e\x80T\x7f\x12K\xf1\xdc\x90~6\x03\xeb9L\xdf\x00tt$\x10w\xfa{\x03\x9cx!A6\x80\xdf,\x98\x8b\x00\x00\x9fB\xb8K^\x96\xe1\xcf\x92t\xc6_\x11gI\x06\xf7\xc0\x8d\xd5\xdeA\xaa\xbc\x01\x18\x7f\xd9\xb7\xef\x96;\xe2\x98\xde\x12\xa9F\xbe!\xf7\xcb8\x82\xd5\xe5\xbf\x12_\x07\x8d\x88qD0\xfa[\x8b\xbf\x83\xde\x9a&lt;\x1d\x1d\x00\x80\x08\x1f\xb5~\x81\xc9{\xa0\xd9\x1dwB\xb66n\xbd\xecy\x0f\xb3\x19\xdd\x8f\xf9\xb9.\xe7\xd8\xbb.\x7f4\xf4\xca\x9a\x1cY\xa8\xa2\xfc[\xce\x87L\xe7\x89\xbcBp\xb88:+\xd5\xc1\xe8\x1e_\xaaD\xbc)\xf7\xb3\xb7\xc7\x8b\xf3=*\xf87\xfb\xc7E^7\xcaG\x0b2ttt\x04\x806\xaa\xb5\xad\xd7`\x8aR\x81\xf5\x91\xc0\x1aO\xb4g\xde\xa9\xfb\x9a\xbf\x0c\xc0\xa3S[\x1bN\xd4t\xd8\xd8\xacNF\x83\xfe\x99\x16\xb5\xaa=P{\xee\xb7\x820M\xed\x82\xea\xc3Z\xa9\xaa\xf5\x11\xe0\x1dz\xd4\x00\x00\xe0\x1c\xad\xda\xe5\xd0~\xa3\xa9\xa3\x83\x01?_x\x1b\x00\x05&amp;y\xa1\x15\x95a\xad:\x87\x81\xcf\xe6\xc5&amp;\xf2H\xd3\xcd(K\xaa\xe4q\xa6\xe4\x9d(\xad\xe3\xf9H\x9d\xe0\xb3\x18(&lt;p\x90\xedH`\xab\xcb,\x0b\xa2V\xb2\xc1\xc1\xa1k\xf5\xb0\xc1*\x10\r\xc8\xd0\xd1\xb1\x01\xc8\\Y\xff,3\xaf\xf1\x8a\xcb\xb0\xce_\xb6\xfa\xc9\xc4\xdeg\x8dn\x0b\xf8\xb8\x00\x11s]q\xf99\xab\x8b\x1c\xd2\xb4\xdc\x7f|~\xf8\xff\x84\x8fE\x96\x90\xb3\x01(\xdc\x03h\x05\x05"\xc2\xc5\xcaM\xbf\x00\x1a\x11cE\xb4\xac\x813\x1d\xedc\xcb~j{h@\xfeW\xa9~\xac\x9b\xbe\xa3\x83\x81\x8c\x96E\xa5[rH\xca\xa7\\\xb0\xbd3\xec\xa1kGD\xb8\x88/\x18\x7f\xd7$h^#\x04S\xec\xf6\xe6\xbb\x01\x9b\xd7\xb6 r\x0c\xad\xe7Z:\xcf\xc4\x92b \xb2\xfenC\xbd\xe88\x11k\x83\xda\xb1\xc7\x8a;\xed-\x19H\xdd]u\t.^kJ\x9e,A\xbd\xfd\xcf\x8a5w\xcf\xba\xb1\xa2\xdf\xd1\xb1i\x14\xbc\x81\xd3R\x81iG\x92V2Tz\x03\xd0\x86\x9cJ(}{\xa7\xc2\xb6\xb6H\x94\xb1q\x0c\xbdK\xf6\x97)QM\xfb\xd6h\xad\xfe\x1c^vH\xfeS\x0f\x12-\x1dTH\xf2\xf0L\x9c~\x0fgmQ\x82h -pa\x1f\x93k\xcb\xfc\x1d35\xad\x84\x86\xfd\xa4\xa3ckx\xdd\x06\xc3\xe9\xcd~\xb58\xb0vV\x05\xd12\xf0\xf0\x16\x9a]=\x14\xafE\xafd\x96Qx\x97\xf38\xc2\xa6f_\x89\xf5L\x88\x00\'/\x92\xa4#\r\xe5\xb6\xb5\x80\x1a\xde\x7f\x9b\t\xd08\xa7\xd0\x90\xbf\xda\x97\xa8fN[\xe21\xf5\xa2v\x17&amp;\xc9v|\xf22\xfb\xff\x1b\x1f\x9f6\x85\x0b\xac-@G\xc7R\xd0\xc8\x89M\x1f\x17QXI\xda}\xb2kNW\xaa\xe6\xbb\xdfx|XF\xb3\xa57\xca\x8c\r\x00\xe23-\xa9\xf8\xd5\xb7`9\xad\xe8a\x0b\xf8\x92\xaa\xae\xeaj\xbe\xc1\r\xff\xec\xe7M\x8a\x07\xf28\xba\xb63\xb9\xf2\xa2\x96\xceZ\x9b\xdd\x00\xcch\xe3IoG\xc7\xc1"\xd6\x909\x9d\x96\xd7x\xb1:9\xfe\x83\xc86\x1a\xbb\x06\xbb\xf0u\xa1\x96\x7fc\xaf\xeeHv\x05J\'C5\xda\xc1\x1b\xda\xc4%+\xeaH`\x15\x15\x05\x9c\xbf\x95\xbd\xfa\x922\x98\x0f\xbb\xaa\xf3\x12O\x88\xe4\x96\xf0x{p\x0b\x06]\x11G|\xf9\x1d\x1dG\x14\x91\xa4Il\x00p|s\x11\x10\xe1\xba\xe9\x84+\xc8\xcb\xdf\xc4\xffY\xbf\xac*\x9e7\xbcZ\x89N\x12\x95\x95fU}\xf4\xae\x08\xe8\xc0\xa5"\xce\xc0\xd6|+\xedW\xfb8\xa4\xc3\xb3\xd6\x16\xb2\x97\xe7\xd7\x85\xe37\x0c\xe3}\xb7\x92\xb5(\xeb\x01m\x88&amp;\xeaJ\xb2*T\xd6rH\n\xe9\xe88\xba0\x13b2\xaa\xf7\x03\xfe\x1a\xe0\xe6\x00\x8fJR5N7\xd7;\xd7?\xa76\xc1\n=\xa5\xf4P*\x9bO\xaa\x1d\xf7o\xe5\x1c\xb0\x8d\xff\x9f\xdf\x04,\xa2\x8d- \xa1\xba\xb3;\xa3\xbd\x0f2f\xf0\x03\x84\x7f&lt;\xf2:\x97\xa3$k)=\xa4j\x0b^\xec\xff\xfa\x1a\xb1\xecrT\xda\x96\xb4\t~\xeanq\xedu,\xf2\xb4\n4;:\x0e\nN\xa3\x16\x8f\xc3q\x00\xef+\x0b3d\xd1\xaf\x85\t9\x1fm\x8f]\xa7\xe9\xcc\xde\x00d\x14\xb3\xeb`\xe4\x9bd4\xd7&gt;\xc8V\xf0\x85T\x1b\xaf\xd3\x0b\x0bo\xaa+\xf3\x17\x85KLv\x94Qr\x9c|\x90\n\x9f\xe3W!\xa3~&gt;=\x84\x07n\x8e\xfd\\?z\xa8\x81\xb7.\xcc\xaf\x9f"ut\xa4am\x00\xd6/E\x8b\xbe\xab\n~1^o\x03\x90\xc7\xba\xacK\xc6_\x18\xa6\x7f\x84\xc9\xac\x80\x97\x00\xabxc\xd8\n9}\x8cd\x03\xa3\xb5\xd2B"x\xcbF\x7f\xbf|E|m\xfa\xa6\x11\n\xbf1\xea\xaak\xcc\x82\xbd\x81\x7f\xff\xca\xd2H\xd1D0v\xb0q\xc2\x80\xaa\xf7\x1exR;u#\x02\xfc\x91\x90A7e\xc7\xf6\xc0\xf7\xda\xb1\xea\x1f\xc2vY*\x7f;\xeb\x8d\xec\x01^SK\xce\x9f\xcd\x7f1\x97\xc7b!u}e\x9d\xaf\x10\x89s\xcc\xdb\x00\xb4\xe3`Ll\xfd\xc1\x8b"\x10\xe0\xf3\xc5\xda8\x92\xfa\xd4y\x82W&gt;}=\xcd\x1fA\xa3\xb7\x07\xd9\xa3\xf5\xcc\xcd&lt;=\xfe(F}G3\xc89\xc6\xfbi"eo\xc5\xa1\x15\xe5\xf4I]\xb2\x98 \x9dej\xbe\xf4\x12oj\x173k\x0e/B\'\xe2#\xea\x95\xfc6h\xcd#\xd9\x11.\x0b\xa5\xd6\xb3\xdcL\x1827#\xde7\xed$\xce\xea\xb2\x9fm\x06\'\xa6\x9f\x10.\x1ae\x9b6\xd6JX\xc4@5\x0bkG\xc7\xa1\xe1\xb4\xe1[w\x85G\xe6E\xd1\xc1\xc4\x1e\xeae\x93\xe0\x06@1UY4\x83dk\x14Q\xcd\xfd\x86}\x84#;Vo0\xf5\xf7\x82t\xc4@?Y\xdd\xec\x03".L\'\xcf\xf2\xf6D\xf7/\x0f"\x84\x9bT\xd3\xf6A\x9b\xb2ap\xfe2z\xb7KG\xc7j8\xa8:W\xf5\x9c\xbe\xea\x06 \x97l\x1b\xdd\xaa\xe9B\xc2_\xb8\\_x\x1b\x869\xda\x12,\x85mI\xdb\x12r\x9cp\xfb\xda.\r\xbd\xf8\\&gt;q\x04\x80\xbf\xabp\xbcR\x13\x05Bnc\x81\xda\xd8\x92q;:\x9a\x00\x19-/\xae\xc0e\x8d\xb0l=\x1d\xf8\xb2M\xdf\xd1Y\xe7\t@.\xd9\xf4\xf4\xec\xa7\x04\xf5\r4\x0b\xcf\xe6\x95\xa3\xab7\xc8\xf6$\x83\xa1\xd7\xf7O\x91\x00\xff^K\x8aL4\x1e\xe0\x06\x84\x1e\xb5w\xdakoeu"p\x16\xc5\x8c\x0e\xe1\xf1\xff\x11\xd9\x00ld\x81\xca(&gt;\xe7\xaa\x88\xdd\xda\x02tt\xd8@\x84\xdd\xfe\x1f\x80]=\xff\xc4\x15\x9d\x7fJ\x04\xbb\xa2\x05\xee\x89\xa8\xacB\x85\x94\x8c\x88\x99\r\xcb\xf4\x90\xe0b\xd0\xe6p\x99VQ\xddC\xf6\x1a\xd8\xed\xa0\xa1&lt;lX\xa5\x9eQxX3B\x0b\xa1\x14\xe0\x15\x81\x88\x86l\xec\xc8\x1d\x17\xd6\xec\xba\xeacPAJ\x03y\xde\xbba\x9f\xdf\xb8\xf0\x15\xe1\xf4\xfdM\xc5\xce1k\x0b\xd0qdA\x9f&lt;\xe1tzR7L\xd6\x0cB\xad\x0c\xe0|M\xa8\xe4l\x06\xdd\xf1\x97U\x10\x06\x11\xe0\x11\\\x19\xa6&lt;X3\x1f\xa2\x9c\xf6n\xf4\x8d\xea\x1e\xb2\xdb\xed\x96\xed\xfe\x19\xa6\xb1dY\xf7\xbcj\x85\x08\xd5:\xa2\xdb\xbd~&amp;\xa9BP\x19\x88`\xef\xf5\xb8\xda\xde\xedv\x8du0\x8bc\xb7\x1b\xe36&gt;,\x8f8o\xd8\x8f\x11\x11\xe0xY,::::\x9a\x00\xb5\x01h\xf5a\x99.\x02\xcf\x91\xa5\x0b\xb7w\x00\x927I\xf4\xde\xe7\x99\x7f\xcfi\\\x94\xf9\xdbu\t\x16\xf5\x0c\x8dh\xc8\xb3\xdc{\xed\xc6o})/\xcd\xfc}\xb2\xbaJk/\x06\x17\x93D\xcdj\x88\xde_-h\xe87+Z\xb3\xefA\xa2\xa2zC\xd9\xac\xdb\x14\x00\x18\x9a_ZK\xedeT\x008\xc7\xda\x02tt\x10h\xa7LFP\xb9m\xe5\xd2\xcf\x12c\xc9n\x18\x11\xe0.\xf5\x19\xd1\xdc\xa7=@X\xab\xcaJ0\xd9M\x19\xbfL\xdb\xd7\xe2MWk[\xebl\x00\x16s\xb9R\x18\x0b/\x93\xd6u\xb9\xd6:\x00\xb1$\xff\xd2\x96\xfc:\xd8\x8a[\x86\xb0u\xf9;\xd6\xc2\xe1\xc5rGGeLGz\x89o\xc8.\x08\xadX\xb7\xaa\x82\xe98\xbc\x05,)\x86\xcf\xab\xc6o\x8e\x0e\xbd\xa3\xd1C\x0b\xac9\x8eD\xfb\x1as:*\x1c`[\xdd\xbf\xf2\x06\xa0\xb1\x0e\x98\xc6d\x02D\x048c))\xb4\xfca\xc3\xbdZ\x95m\xe1\xfah\xc6(-\xc8P\x84\x03s\x8ce\xd0\x95\xd6\xd1\xb1\x19\xf0N\x07\x0b+\n\x8e}\xc3\x11H\r\xeb\xa4\xbf\xcf/^\xf5\xd9\xbch\x85$\xa7\xff\x02\xa8=e\xae\xd5\xe4m\xae\x03VR\x82\xf3F\x9c\x16\x16\xd7\xa4\xf3h\xa87.\t\xec\xbd\xfdX\x80\x8b\xf3\xc6o\xff}\x8cb\x97X{{\xf9\xbe\xf5X\xd7\xc1\xa3{\x90vt(\xe2\x1c\x8bT\xbe\xa9URy\x15a}\x84\xe5\xcfSfq\x0b\x92\xaa4[S\xf8\xf8\x9cA\xa5\x82V\xea\xd4Yd\xd5\x1c\xbe\x1d\x0b\xca\x1e\x011iJ\x0c\x8d\x00\xb7R\xe0\xf9\n\xfe\x06\xa0\x1d\xe5\xaf\x8b\xd6\xf4\xb0\xc4;\x90e\xc0\x9f\xae\xb9\x01hJ\x15\x1d\x1d\x1d\x87\x80\xdb\x14\xcc\xd5MIOV\xa5\xb6"\xca;\xddHC\xb6\xbd\xf7\x1c\xa6\xdeZI\xf2z/{$\x08nK\xedl0\xcf\x80\xa5\xe0\xbf\x18f\xff\x9c\xb7\x1by\xc7a\xbe\x02T\x0c\xff\x9d\xbd-\xc1\xb3\xe9k\x933ZZo#O\xa2\x1e\xb6\xb6\x00\x11\xb4\xa0\x9f\x8e\x8e$6\xf6\x86\xc0V\xe441\xbf\xdc\xbc\xf5Z\xae!?\x02&lt;5xkS\x9a\x99\x0f\xd7\xef)\xd2Ip\xe4\xd6\xdd#\x17M57\x95PdVD|\xf3\x91\xf3\x8a(6\xae\r#\xd27\xba\x90\x0b\xaf-\x004\xac\xbaf\x05\xeb\xe8\xb0ad\xa2\xc7L\xd7\x8c\x0f\xad\xb9\xf2\xf1\xcb\xa6\xaf\xb6\x1c\xb4Q\x95UM\xe2\xa1\xefQ\x15\xccW\xf8U\r%\x14\xd9"\xb7\x84\xc78"\x02\xfc\xd0\xf8\xcc%)\x12`Y0\xf4\xf3n\x04\xc4\x8b\xe4\x1a\xe2\xe8\xed\x97\x8e\x18\xe8 =\x0c\xa3c\xe0s\xc7\xa2\xd0\xdb\x89u#vl\x0c\xbe\xeb\x8f\x07rEQ\xb1\x85\xbf\x96\xb2T\xeb\xa0\xd9\xfd\xa7)h-j\xc9\\\x16?\x03\xb6n)\x1e\x9b\xcd\x16y\x80\x98`\x965\xc7W\xed\xcf\x8e\x00?\xe2\r\xde4\x8e\xc2\xd1~GG)\x8e\xea\xa3\xbf\x8e\x8e\x8e\x16\xb1p\xe5N\xfe\x86"\xb2F\n\x99.\x96p\x157\x00\xaa\x0f\x8e\x9b\xa87o\x8fj\xe6\xe9\xf3\x17z\x92PPf\xb6]\xc4\x13\x89/\x1b%\xc7@\xc1\xba\x9a\xb0i\x02\xbd\xd1\xe9\xd8\x10B\xee\xaa\xea\xc6\x8bn\x00\xb4\x195\xb0uY]\x80\x8e\x8e\x03\xc4"q\x15\xfdj\x8b!3\xd6\xf8\xcd\xc8\x956\x00E\xe92\xd2\xfd\x0b\xc9\xca\xc5\xa8\xa2\xae\x94Z\xa6\r@\x1dcil\x00T\xeb\x9fI\xb3\x85\xaa\xc6\x14\x03\xe1\xca\xd4{\x1a\xad\xacB\x8a~"{\xd4\xc1\x88\xee\x1a\x1b\x00!\xcd|\x17m\xca\xb7\x0b\x85y\x14\xc0\x9d9\xe3\x9e\xd7P^\xed\xe8h\x14\xe1|\xb7BEd\xf6C\r\xbe$:\np\xe6p\xf7/\xdf\x15\x8c{\xa1\x7f\x1aY\xd4[\xa6\xf3~\xea\xdf\x02\\\xbd&amp;\xafe\x16B\x0f\xc8\xdbd\xaam\xea\x02d\x9b9)g\x88\xf1\xb4\x90\x12\x1aY\x82\x0c-m\xc0\xb6\x89\xedk\xcf\x0emr+\xab\xbf\x01H\xa5\x11\xef.C\xcf\x8c\xd4\xd4\xe6^W_\xa4\xc6\xf2jG\xc7\xca "?X\xf9V\x0b\x9e\xbd&lt;/\x8c\rh)\xa4\x07-\x8djt\xdb\x7fC\xd4\xc8-\x93\x9c\xf5\xe3e\xb5NU?\x97\x1a\xd0\x90J\xb5\x10\xe9\xear\x9ax\xd7v&gt;\x85\x1c\x1d\xean\'\x96\x03n\xf7\xbc\xbfcI\x10Nb;&lt;\xcf\x8b.\xbf\x84\xa7!\xe2\x8b\xaa\x07#\x8e\xac\xf2\x02\xbf|\x03\xd0\xc2;&lt;$6\x9aR6\'p\xc7\x91\x84u\xc2a\\\x0e\xa7\xe0\xc8-\x05q\x0e\xe8\xd5\xe7y-\x91\xfe\x9e\xbb\x01 \xda\xcac4$\x0c\xe2\xcfi\xc7\xd8&gt;\x12;X\xf9;T\xd6+\xfb\xb6\x05\x0fR\x81\n\xf8\xf6Q\xd5\xc9\xd1\\\xb5\x81i\x8b\x88\x08\xf0l\xeb\x06\xb1\x01H\xa9k\xb9\xd3\xa8\xf3\xc4\xe5\xd0b\x93\x9b.T\xf4\xb0\x98s"\xc0\xdb\x96\xe2U\x11\x91-\xd3VOp:\x8e\x1a\x12\xadgtV\x85\x94\x81\x00\x0f\xd0\xa6)\x94\xa0\xc2\xbaJ7\x00\x8bb\x12\xa0\x1d\x91\xb4\xa1\xf8\x1dJ\xde\xceyV\xd7\xa1jO\x07\x87\xa4\x16\xfeZ\x0ei\xd59@\xfb\xd1\xa8so\r\x896\tD\x84\xbfc\xd5\xa9\xfa\x07\x10r\xe2\x87r&amp;\xc2\xdb\x00\x14~kyGG]\x18}\x1e\xbb\xad\xaf\xd1\x1a\x16\x13,\x15F\xc8]|T\x1c^`S\x1b\x00\x0f\r\x8aT\x13\xa2\x92yi[9\x86\x05\'k\x1e-\xedu\xe8\xa1{NG\xb4(\xfc%o\x03 H\xe0\x8b\xb8\xdc{\xcc\xac\xb8\x96\x93\x87\xf9\xbe\xba\x05\xf1::\x16E\xf6C\x00e\t\x14\tf\xf0\x87\x93\xd4\x13 \xd6\x11\xb6\xdb\xfd\xb3\x80\x9fm\xfd\xd7\xaa\x98\xba\x15/\x01C\x1b\x80\xaa\xdd\xff\x12\xfb\n\x84\xdf@\xf8\xf5\x96mz\xf0h_\xf9\xaf_[\x80=B\x8a\xdaq\xe7\xf3\xd2\xd7\xe2\xf99\xf9\x1e\xd4\x9byt.\x0f\xcf\xd5{\xe6\xa9\x81\xe9\x94d\x0bN\xde\xd1\xd1A\xa0F\xc3\xban:Xs\xfb\xb1}\xfaEOo\xaa\x16W\xf3\x19W|\xd8\xbc\x8a2y\xaa\x9e\xfd/\xb2W\xc4G\xec\xb9\\\x8fb\xd4\xf4f\xaf\xa3\x00\x99\x96m0o\x0bb\xc4\xc8\x0c\xc9\xfcP\x1b3\x8b\xc5N\x85\xce\xb4\xc2\x83\xcaL7\xe3\xa4\xf1\x8e\x8e\x8e\x03\xc2B\xd1\xbe\xfc\x01\xfcRi\xb7\xc5\x8c\x89\xa3\xc2\xc7\xba[QB\xa3lDK\x9dYn\x87\xcf\x7f\x90\xeb\x1595\xb5A3\x11h\xfau\xb54\xfa\xa1\xe3\xea\xf8\xa7\x8dZA\xee\xf0\x85kL&gt;\x018Z\x98\xd2\xce\xf7\xebV\xb4\xae\xf0\x8e\x0e!\xeau\x03\x8b\xb5\x1a\xdblh8\xc8\xab"\xb5\x7fu,O\xaag\x0f\xb3$/\xb6F^\xbe\xf2G\x82\xf7\xcd\xad\xf0\xa7\x19r^[&gt;e\x13\xee\x87\x96f\xb6\x88\x8d\x8a}0p#\xf1/\xd6\x12D\x8a,\x87\xef\xce\xa6\x86m\xa7\x9d\x8e\x8e\x06P\xb1M\xafG\xf9\x1c=\xe6\rT}\xbdd)d\xcaow\x9f\x82G\xfc\xcc\xf1\xfe\x06\xe0RA\xdf\xdb\xba\t\xb2p\x08\xbe\xd7\xa1\t;\xb2\xfc\xf0\x8c;\x8c\xd9\xcf=y\xba\xc6?\x1d@D8&amp;\xbd\xb1\xe7\x90J\xe1)\xecc\x0b\xf75\x1e\r\xee\x1d\xe0\xb9Vu\x86\x8bp\xe9\xe8X\nd2R\xdaX\xaf\x15-h\xbfO2\x1d\x0f\x1f@\xf4\x06\x96\xd0\xd6\xea2\x9e\xc6\xe2\x9dEK\xb0_\xcb)\xae\x01\xdc\xc6b\x8f\xff\xcey\xd4\xd0\x8f\x99;\x8e\x0e0\xfa\xa3\x9c\x9c\x8dBjZ\x98\xe5y\xa2t\xbf\x11\xdb\xff\x94\x8au\xa4\xa0\xe7\x12\x9c\n\xd2\x8e\xefut\xe8 \xe0\xd3wo*\xd5\xca\xf0\x1c\xdc\xf7\xa0\xc3\x126\xba\x8a-C\xaev\x7f\xf0\x0f#w\xf7\xc9\xba\xa0!@x\xfc|B)\xdd\x00\x888\xce\xe3w\xdd\x0f\xd7\xc4\x82\xc7\x84\x07\x83F\x92\xe7\xff\xa0\x95\xcc\x0bD\xaaY\x0e4\x1c\xec\x8btni\xc2\n\x8dB\xef\x982\xcb|\xdd4\x1d\x9bF\xbb]~\xfe\x0e\x04\xe7\xf9\xdb\xdd\xc6d\xe1\x8c\xadlx\x84\xdd?\xff\xabxf\xfa\x08\x80\xf0\x03\xe1b\xad&amp;\xfe\xe5"Q\x95\x9e6\xc4\x88\x9b\x17t\xe9\xe7\xe2.\xc2\xf1yb\x9f\xa9\x99\xf5\xba8\x7f\x13\xd1\xb4"J\x96\xaf\x13,\xd2\x8d\xb7?r\x90!\xaf\x1cH\x1e\xf7\xc9(\x93\xbc\xfa\x06@\x0c\xad\x84\x9cC\xc4&gt;\xea\xeaf\xea\xd8\x1e\x9a\xf5\xda\xe2\xc0Ng\xfcf\xd7\x9e\x89-nx\x92]\xf5\xb8"\x9d\xe7\xbc\xb9\xdbB\xb4\xe7\xfer\xb90&gt;\xf5q/\xb4=#\x02\xc0%4Z=-a\x1c\xc2\xf937h\x88v\xa0\x96\x8e\xd2D\x06F~t\x8f?\xde\xd7}\x1f\xafE\xcbz\x11$\xcf\x06\x1a\n_Q39-\xb8\x8e\x9b\xb5\xe8\x0f\x1d\x1d\x1d\xb5\x80\x88\x08\x9f"\xc3~\x95\\\xa0\xc5tj\x97\xb7\x91\xd1\x18\xc7\xea\xd4\x8ar\xdbMq\xc1@&lt;v\xe0\xf5\xc5%T\x8a\x08\x80\xdf\xdaT5\x1a\x8f\xc1JeN\xed\xd5S\xf4+(m\x8b;\xeavQ\xed-\xac\xc1L\xf4\xf6\xde\xf8q\xcc3\xf1\xa3%\xc2\xe8K\xf8\x00\xc2\x8d\x88\r@8_\xd1\x95\xab\xcc]\x9f\xc7`\x91\x8d\xa2\xa7I\xb1{:{\x80J\x8b\xbd\x99*\xd9\x8e\x8eZx\xa96\xc1\xe6\x0b\xe7a\x97vwu\r/\x16\x11\x9ed6\x91\xfe\x13|j\xce\x12ou+\x1d/Iq\xa2e9\x96\xfd\n\xf5\x02*Z\xc3\n\'W;\\&lt;\x10 \xc0\xc3\xcb\x08\x90n\xa6q\x18o\x99\xc95\xd9\xf8#\xc2K\x10\xfe\x01\x01&gt;$?\x1f\xb9n\xa9\x84i\x84\xf4@\'\xba\xd4\xa1\x89G&lt;O$\r\x0c\x07\x04\x11+\xdf@\xe1\xec\xa0,N\xf7\xd3\x9f](\x06\xc0}-\x82=utl\x04\x08W\x8a\x1f\xc1N\xb7\xfe\x86I0+ \xdd\x93\x1b\xd5\xea\xbb\x99C\xf1:\x10\xad\xfd1\xb5\xa4\x88\xe1Wi!\xd7M\xa3\\\xee\xf5:E\xf4&gt;\xa8sh\xf3\xd5\x1d\x9bE6\x97\xe0\xc4\xff4\xc8\x13\xe6K7.jh&lt;5)=T\xa4\x8e\xb15\xfa\xa4\xbd\xed\xdei\xff\x98\x94\x04\x03"\xcd\x83\xca\xa4\x1aD\xe1\xf7\xe8w\x08\t\xf3\xf4\xf8\xa3\xd1\x04\xd9\xf5\xdfw\xc2\x98\x95\x85;\x19.C\xe7\x02c\x86\xb2\x18#\xb5\xc6C\xbb\xa3\x03\xe0\xdf\xab\x1c\xa6\xe6m\x00j=(\xe4\r\x10\r\xeb\xa8\n\xfa\x81@\x03\x08x\xe9\x12O$\xaa \xdc0mr9b&lt;s,\xff_\xa9\xba^\x87\xf8\x7fG\xef\xaa2F\x84\x93\xce\xf4\xff@\xd6\x0eN\x8f\xe6\x8a\xdc;t\x9a\xa3\xd2u\x99\x947\xfb\xd0\xa6j\xf6XW!\xb1\xa5\xd5\xb0W\x96S\xadsf\x7f\x8fM\xfaj\xc7A\x81\x1f\x81M\xb78J;\xf8\x8d\xd6\x0f\x15\xac\xfe(\xd6\xa5VN\x83\xc9It\xd2\xcf\x12L\xe9\xcd\xf8\x95\x80:\xeff4\x86\x90\xe1\x0e\xfdm\x9f"?\xfc\xfc|\x82\xab\xbf\x01X\x03\x1fF\x03-E\xa8L\x92\xab\xac\xac\xcf8w\xbel\xadX\xc1u\xd1s\xaf/RG\xc7\x02\x88G\xe0f\xc2\x00\x11\xe1\x82\xa4\xb4\xa2\xfc\xd2N\xa1\xda\x1e\x1e\x9dQ\xe6\x9b\xd0v\xba\xd9\x9d\xd6\xc5&gt;(R\xafjK**)&lt;S\x03\x8a\xd0\xa0\x16~\xd6!\xecP\x1f\xa1 \xccj\xc8:\x1c\x95\x0c\xe7^\xdc\xe3\xa3\xa6\xb3-\xe2\xe4\x9b\xd9\xefE%\xfca\x96\xfcj\xab\xaeql\x9f\x18Q\xdb=\x10\x11.\x8b\xf2lP\x8e\x07,\xc8\xab\xa3\xc3\xc2q\x1b\xc9\x86P9\xfe\x9bj\xb06\nq\xf7_\xcd\xf70\xf0YJ\xe4\x83\xc3\'c\x03P=XNf\xd3\xaf\xf8:i\xae\xfe\x99[ %E\xfd\xdb"g\x84\x02=l#[\x86 8\r\x19\xfe\x1d\xf4\x7f\x05\xd6\x9cm(g\x13B\xaa\x00\xd9\xc9P\xf3\xe1\xad\xca\x03\x16\xc3\x97\x16\xa9\x98\xe3\xaf\xfd\xd4L\xf2G\xc7\xf1:\xb6\x84\xf6\xfd\xb2b\xe3\xd5\xde\xe3\xe0\xe5\xf1\xc0\xfa,\x8eq:\xa7\xa5^\xbd\x10t&lt;\xbf\xea\x08cU\xa0\xfd\x05}\x81\xd7\xea\x99p~\xbbC&lt;\xf1p7\xb1\xe5hV-\xcd\n\xd6\x91\r\xee\xa3K\xf2G\x83\x88f8\xdb/Y\x15QQ\x14I\xc4\xb8\xe6&amp;\xbf7\x1b\x1d[\xc6\xc1\xb9\xefo\x8c\xb9\xe6\x00\xdf{n\x0bv\xe38\xe6\xd9B\x9d\x93V\xd3?,\x1f\xfe\xaf\xc2\xa6e#\x87\xa63*\x17Hu,,j\xa3\x9a\xd9\xa78\xb9\xb3-\xb0\x1c\x82\x05"\x02\xdc{\x1e0yeD\xca\x00\x00 \x00IDAT\x04\xdd\x8f\xeb\x0b\x93\x81z*zv\xc4^\xbcs+\xeb\x10\xfdw\x97\x0b\xdbRF\xc26\x838Z*\x14\xa0&amp;\x0e\xac\x83\xea\xd8&lt;\x0e\xda\x1d[O\x07G\r\xc6\x06@\x91\xa8\xd5\x95\xfe\x89"e\xb0\xaa\x91\xce\xd3m\x87\xbc\x1e\xa9E\xf0\xa0M\x08&lt;\n\x19\x0c\xffM\xacB\r\xc6\x19\xc7\x06\x16n\xed\xb4sN\x94\x17~\xa5\x931he\xcd\xe3\x9b7\xb5og\xdb\x1a\xef\xe8\xf9\xc6\xe2\xaaf\xbed5\r\xe9\rIG\x13\x18Nd\xb3_\x06h\x12\xce*\x96y\xcf$\x84\x8d\xaa\x14\x8d\x7f\xb7\x82\x8aI\xff\x80\xa2\xa3\x1c\xd1\xfdO{Z\xca\x08\xff\x86{\xcdBL\xa2\x9e\xa9\x0eYmd\xba\x13\x9el\t?ln\x8f\xb1e\xd6\xcf\xb5\xf7x\xf8l\xb6\x05\x1b8\xef\xe7s\xff\x8f~\xfc\xdf\xd1\x0e\xd0\xc7\xda"\x95\xc3\x0e\xb0\x13\xf4\r@\x1e\xf0!C\xd7\xfb\x90\xb5%Q\x82\xe0\x0b|\xc8\x8bBS\x1a^\xb7\xf6\xe1\x9f2"\x01\x95\x1bh\xb1Y\xc5\xc1+\x9d~\xf3\x03J\x86\xd5\xb1\xae\xa2(\xee\x0b\xfc\xf5\xab\xa3u\x1c\xc0?\x8c/t\x86\xbc\xe9[\n\xd5\xbd\xa8g\xdb\x88\xb4\x1d\x87\x8f\xd8\x06\xa0\x86\x9b~A6&lt;\xe7\x8dU\xb2\xd9\xea!\'DY\x0f\xb4`\x0b\xc5f\x81\xf8\xd5\x94&lt;\x8a2[\xa4Z\xdf\x00\xc8V-\xd1\x12oX$\xed&lt;o&gt;\x14\xac\xe8N\xeb\xfcz:)H\x92i\xb9/\xa9\xad+\xa8\xa8\xa5\xb47r\x1fy}h\xff\xe3\xc7uy\xc0\x97[;\x80Gx\x7f\x8d\x94\x12\xdf\xd5\xb7\x9c\xc1"\xd8\xa8\xd8\x1d\x1dK\x80\xdc\x00l4f\x10u~\xaf\xb4\x03\xa0\xec\xdc\xdap\'\x97\xc2\xfbu\r${U\xe3nirj\x8d\xcb\xd2\x1dd\xd9\xf9Y\xdeN;M\x9cMm\xc4\xb7\x89^|\xfa\xc8\x97O\x04Gu\xe1\r\xc0\xfa\x89\xc5\xb0\xd7\xca\xc2Db|y\xe7\xdf+\xe4\x15\x8e\xd5\xcad0\xaa\xe1\x92\x9b\x99\xf4\xb0\xed\xd7\xb8\xe5v/\xcb+j\xad\xb3\x83\x8e\x8e\x1c\xd8\xdd\xff\xdeq?\xb1\xb2L\x02X\xe9~L\x8e\x1d+#z\x86\x8a\xd1\xbbbV\x15F\xea`\xfb\x1b\x80\xf5C\xc9\\T\xc9\x8e\x94\x81\xb78Ls\xcdWC\xc2\xd9FM\xb5\x17\xe1|\xbbx\x1e~\xa1nV\x01\x80?\n\x93\xd2_\x9a]\x85\xc5x\xf4`\x88S\xaa\x0b\xc6\x06W\xec\xfd\x1ao\xc1\x8a\xe5\x85\x0b\x84\x0e5\xec}H\xc7\x86P\x98z\x00\x10\xde\xe1\xf7\x10\xab\x1cQ\xe41\xdd\xd0iJ\xa4Wk\x10A\x8f\xda\xe7\xc7e\xfa\x98\xf7\x8d\xc7\xa5?:\x02\x19\xb9`\x03\xd0(\x88\r\x00W\xda\xab\x16\xf2\x85\xcfD\x18-\xa9\xb1\r\x85\xbc\t\x04x\xd0\xa2\xfc\x96\xf1d\xbbVj3\xe5\x90z\x13\xc0\xd7\xa8\x89\xf2\xa7m\x8a \x95\x80\x08W\'\x1e\xac!"\x9cr\x99\xb4\xa3\\192\xb7\x9cN;:\\(l\x00\xac\xdf\xfeQ?\x89\x11I"\xc7\xed[h\x80&lt;\x01\xc8\xd7\x0fVS\xec\x861h\xec\xbb\xeb*-\x9b\xfb|\xe8{dMo\xaez\xb1\xd3\xb5\xa3\xa9jm\xdc-\xacF\x04\xf8\xafEe\xe1"\x19e\x19\x1e8m\\\x91\xb8\xbe,\xce\xbfT&amp;\xf1S\x96\x95\xc7b\x02\x98\x1b~\x9a\xacH\x0c\xfe`\x15\xf4\xd4\xd1\xb1!\xa0\x15\x96\xb9\xf3\x8d\xd7o\xa6=w\xfba\xd0\xb2\x84\xe1\xdc\x87\x91S\x8d\x96W\xe4\x00\x01\xae\xb7\x00\x17\x0c\xa9k\xf6U\x015=\xc1x\xfc\xc63oN\x84N;\xf0B\x8ea\xef*"\xacEg\x89\r\xc0_\x1f\xd1\xbdV)n\xe1*-\xaaF\xfbV+\nW2\xfd\x14D\xd6o\xb0xK\xbe\xa8\xf5\xd8&lt;\x93\xf5&lt;\xebU9\xd3\xd5\x81\xa1\xb3*N\xf7o\r\x8d^o1H\x9fyT\x8fi:6\x8a\xa2\xee\x7f\xa2`\x14\xe6\xda\x01\xf0\xf3\n4\x9d\x87\x18- \xd1\xea\x05D=q%i\xc2\xc8|\xe7\x04\x11\x01\x1e\x90\xfb\xca\x96\x9c\xd9\xd4\x1c\xdb\xcf\xeeE\xcd\xee\xaa\x1e\x92\xae\x9as\x18\x16t\xdb\xfc\n-\xc4\x9b\x95\xe8,q\xb2P\x9c\x12\x0f\x18\xe5:\x19\xcf\xc2q:\x14W\xd8\xb8\xeaAi\x03\xec\x11\xa1\xdc\xc9\x1e\xf3\x96L\xbesr{[\x0b:\xc4\x8c\xd4J\xe1l\xa9\r\xc0U\n\x88W\x05o\xd5[z\x9b\xb7\xe3@\xe1\xd5\xfb&lt;\xa7|\xb8C\xb5T\xac\xc5\x80.\x9a9\x88\xca\x01\x1a\xddm|\xc0Z\xb0T\x9dKa\xff\xff\xcc\xd1\xc6Y\x94y \xf7\xd5\xac\xfc\xbb\x89\xa6\xb0\xb0\xae\xa8\x95%[WjO\x00\xd8\xac\x8b\xf6\x96\xaa\x86\xae\xed3\x8be-\xa5\xcex\xe8t\x95Zm6c\x0e/\x8d\xce5H:ro0\xe2o\x05\xc7\xa4\xa5\xaa\xab\xcc\x1f2\xc7\x15dx\xd1\x93\x81\xf6\xf3p\n\x87\xb1\x8a\x8e-\xc3\x8e\xd5\xf5Cki\xd6^\xffO.\x7f3Q:\x992\xbc\x13H\xae\xa5\xee.\xa8\xfcp\x08\xc5\xe7\xdcj+2\xaa\xda\xab\xcb\xa9E\xf8\xd4$^\x08\x81l\xa3\x8d\x10\xe0\xe3m/j\xd3\xc0\xf7\xa3\xf5\xab\x96\xd3uu\x9d\xa7"W\xde\xf0-\xeb\x15\xac\xa4\xb1l\t\xa0\nPp\xec\x8aA\xc4\xef\xe6\xcb3&lt;\x87~\r\xca\x1d\x1dG\rc\xac\x8eM\x95\x17\xb7\x0b\'\x9d\x166\x00\xee\x80M\xf5.\x9e\xb4\x96\xfc\x9c\xb58&gt;\xa0~\x0e\x9aw8\x04\x00\x9f\x02\xb8\xe4$\x9e\x8cB\xb0\xa8\x8b7\x06h\xbd\xbdP\t-\xfb[^\x93\xa7\x1aD\x98c8)~\xed\x10\x9a\x0c\xed\xe0Mo\x00\xf8\x1c\xb7\xd5\xc6\x9d\xa1\x06Q\xab\xee\xcc\x85\xb8AH\xa4\xban\xc2\r\x18[\x9dra4\xd4\xb8\xb1\xd2\xdf\xd1!\x06^\xc9\x08E\',\xab\xee\xe3C\xf2,\xc8\xcbd\x1a?w\xd9:\x86\xba\xb2\x86Am1\x00\xe0\xe3\xd9\xd9\x7f\x90\xdc\x9d\xcbZ\x11\xb1\xaf\x9b\xf6\xbdrIj\xa3A\x91H\xe4\xc9\x99\xbf\xba\xec\xc3\xc5\xb6\xcd]\tz\xdd\xe4\xacs\x91\x0e\x83\xc3\x8a[\xc0\xc3Ae% &lt;\xaf\x12\xfd\xd2(nu\xab\xd3\xd1q\xb4\xd0T\x9a\xbeR\x15\xaa\x87\x96k\xa6\x1a,;[\xcd\xee\x9fTQ\xe2T\xfe\xac\xcb\x0b\x0f\x84\x10\x8e\x17\xf96\xd5+*IU\x00yi\x0c\x985\xeb\xc9F\xdb\xb0NL\x85/#\xc9\xb3\x99\xa2B\xfc8\xc5c\xea\'%\xad\xd4=\xe8\xed\xce\xce\x97\xbc\x95\x12\x8c\x8a\xf7\x17\xc6#\x02\x16\xaf\x0b;R\xfd\x1a\xd7\xd6Y)\x11\xe18\x05\xdd\xd6/\xafG\xf3)e \x8b"\x02\xfc`I!\x16\xe4\xd5\xd1\x91\x87\xe8#\xdd\x85w\xeaivY\x19\xf3@\x8f\x9a\xc6"\x9a\xf1\xbbV\xf0\xa3*\x12U\x87\xd2\x8eT@\x84\xd1\x19(\xb7\xce\x11\xd9\x9e\x0e\xf0\xbb\xf4\x84\xe2}\xddVNds\xe54U\x94\xdc6+\xff\x95\xba\xb5t\xab\xbb\x01\x98\xb2M\xf9r\xf6t\xdeI\x13\x99\xbf\x1d(7\xbfU\x87\xaf\x01\xb4\xc1\x8c\xc4\xad\x04]\x87&gt;\xbe\xd9\xed\xde\xd1\x04\x04Ou\xcb\xcf~\x92\x0c\xe2\xe9&gt;\xbb\xfcgK\xd46\x94[O\xe3\xc1B\x9bP\xda\x00\xe8\xb2S\x0e\x8a\x8b\x878F\x84)\x0f\xcc\xa3\xd1\x8b\xe8\xed\xfaD\\7\xae[\xb7\xbb\xd5h\xca\r\x9dP\'\xb5\xe3+\x8b\x9c\xe0\xaa^\x95(\x96\xbe\x0c&gt;8\x92o\xda1Fl\xe5\xe5\xba\xf6%\xec\xe8X\x01\xc3\x91X*\xe1^\xc4\xcek\xab\x84\x93(\xd1\xe0\xbd\x11\x01\xbe\x05p\x8a\x8a\x12\x1d\x14\xde\x04\x00cB\xe7\x03\xe1d\xba\xfb\x10\xf2\xf3\xf2@D\x84\xe7\'e\xd0\xef\x17\x83\xd2H\xec"\xed-\x0e\xa2\x17\x99\xb0\xb2\xe7D\x7f\\\x1d\x82Sj0\x1f1\xe95\xac\xd1F\xd9\xce\x001\x8e\r\xb5\x9e\x81=@b\xca2\xb2\xd5\x85\xb5\x97\xe3\xac\x88\xe3~\x9b\xd6\xcc\xa6\x85\xef8Z\xf0s\xd6U\xb9C\x9bI\xbe\x14\x94\x9f\xe3/\x0b\xa7\t^d\x15\xd9\xd6\xbcK-=7o\xbe\xbc\x9dpf[0\xee\xcf\xd9lr\xde\r\xab\x8d\xcf\xd6g\xb1\xca\xc1\xaaV\x90\xaa\xd0IP\xf8\xc6\x9c\xba\xd7|S%\xb5\xa3`\xf5\xd0\x00\xdfT\x16+\x17\xe4\x06@\xa8\xb7\x96\xd3]\xc4[\xc4\x9d\x80\xee\xd6\xa8\xc09\xd1\xa0\xb0V\xb7\xd0\xb2\xd1;\x0e\x1dN\xb6\xfa)#2\x0b\x12\xdc"8\x11\xb6\xf1\xfe\xe8\xf1\n\xe6\xceb/\xb6\xd1j\xcf\x9a-l/\xa3\x02,\xba\xed\xa9\x1en\x15\xdc\xcc\xa8\xaf\x88\x00xIE\x16\xb1_HM\x06~\x8bo\x96\x8f(\x12\xecr2\'\xc1\x87\xa4-r\xf6\xd3\xads\xd0\xd3j}\t#w\x03\x80&lt;\x87\xccR\x05\xba\xa5D\xae\xd2q&lt;"\\\xca?\xf2\xa8d\xa0%\xec&gt;kc\x05\x0f\xdf\x92cw\x1c,\xbcl\xb5\x90_\x1a\xec\x949.\xbb?YF]\x9fY\x80Gk\xe5\x16\x11\x01n\xbf\xb6\x14$\xa6\x93\xcb\x1a\xea\nYa\xf5\r\xed\x04\xa6\x0c\xc3BjFb6\xd9\x97+\x0b\xa2\x08D\x80\xff\xcb\xce\xc9\xd2)\xb6i\x02\xb3n.\xa0\xa6\xf9$\xa4nF\xca\xd0*w$\xdf\xe7\xe7\x91\xd4o\x15\xcf\x1fr\x14\xfb7\xd4&amp;JBd\x98\xf8Y\xff\x86P\x92J\xd0\xf2\xb4\x8e\x8e\xa3\x0b\xe5v\x99\xd9\xa6LyMR3\x98\r\x10\x9a\x8b\xe2Q\xeehn\x03\xd0jjF\xd3\xc1\xbc\x9b\xc1\xa7\xe4\x02\xfa\x14\x91\x8c^\xb0\x1a\x98b8\xbdP\x0b\x92\x8b\xb0\x98\xc06#{\xd7\xc4L\xa7\xc6\xec\xbc\r\x80\x8a\x99L\xd6\x85\xbe\xca\x95\'0 }\xb4$Zi=\x07\x0e\x05\x88\x1b&lt;9\x02d\xef\xa0\x9c\r!\x02\xdc\xd6\xbe\xde\x04B~~\xca\xe0\xaa\xdb\x92\xbf\xa3\xa3\x11\xe8|\xb9\xdb@\x8b[\xb4rJ\x05CB|\x8cq\xa0\xf5\xf9\xd6\xdb\x0e\xde~\xa6\x95\xceoa\xac\xbbdN\tq\x1f\x88{\xfe\x99q\x04N\x8f\xbc\x84\x15S\xc7\xf0HU\xc5\xfbS\x06rz\x97\xe5\x1f-n\x18\xc6*\xe4m\x9fp\x8a\xb9\x01\x10\xf2\xf2)M2\x97\xea?\x1c5S  \xfbH\xa8Y\x8ck\x8cn\x00\xa6\x13\x87\x9a^\x1dIb\xc6\xf5Lmko\x9fx/*\xcb\xa9n\xda\x97::rQp\xcc@\xd3\x12d\nY^\xe3H\xd8f\x18{\xcbdj[\xaa\xcf\xc3\xc1\xca\x1b\x00O\xed\xf4\x96\xc02\xe2\x1b\x83\x87\xf7\xdc\xc8\nv\xcc\xa60%\xad\x00\xfb\xe9\x1c\xbc\xd4\xe8\xb4\xdeN\x8e\x8a\x93y\x95\xde\xb1\x02\x1f#\xc7\x07-\xc9\xd4\xe4\xbf&amp;\xa9\x1f\x97h[-\xc9\xa8\xe4+D\x84\'\x12O\xd8\xf6\xb8\xe6\xe2\x1b\xcbZ\x08\x04\x08\x12\x0b,\xdd\x9e\x85)0\xd5\x98\xe5]t\x12(}@\xa44\xc6\x9e\x90Jh\xa1\x1f\x03\x137\xee\x99\x1dG\x07\xdey\x83\x02I\x11k\xd1\xe0j-E$?*\x10\xbf&lt;"\xc0\xab\xa7\x1f\xb9\x0bY\xe7\xd7\x18\n\x99\xd6\xf9\x8b\xceA\xd4P\x11^\x9d\x17\x0e\xea\xde8;\xb9\xbd\xfdPb$ \x12]&gt;\xe7\xa07\xf5\x1d\x8e\x07\x88u\xf7\xea\x8b5\xc4K\xef\xebf\xae\x1eD\x04H\x9a\r\xba"o\x81\x12\xc9\xef\xa4\xb5F\xf1\xf3%\xfa8c% \xe2S\xe4/S!\xe2}\xa8\xa7\xbb\xf19B.\x1d\x1d+!\xba\x01\xc8\xc8\xf5~\xfb\x92)\x97-\x0c\x9a\x92\x16\x9fg&lt;\xe7\x12\xca\xc7\x122\xd4\xdc\xc9\x94\xc2\x16\x8c\xf3\xc8\xc5mU\x9b]\x9a\x04\x8f\xe6\xac\xc2\x18\xa3\xb6y\xf6j\xbf\xbeJ\x0b\xfa\x1e\xad\x93\x82\xec\xdf\xa5F\xf8\xe9\xd2{\xa1\x06\xc86\x84h\xbdX\x8c/\x14\x9f"#\xb4\xba\x01\xa0\x92\x001BOr\xc1\x19\\=\xe2j\x10\x1e)\xae+CG\xc7\xfa\x08\xa5\x9b\xbc\x08\xd1\x89\xab\x00\x11I\xed\x11=\xd4;\xda(yy\xc0\xd1\xe4\'\x0fC\xb1L\x1f\xde\x8f\xf9g\xed\r\xe4\xcf-9\xec\xfd\x80\xfd!\xb7\x8d\x16c8\xf5\xbf\x92^\xe7\x91\x9d^\x14\xa9-\x88\x96e\x13\xc0j\xc4\x97R8"\xc2U\xd6Q`\x05\xa7b%\x96\xa8?\xe7)\xdf\x1f\x8f\x00/\xe6O\x9f\xb6^\xd7\x10\xb0ns\x8b\x05\x10|@!\x98\x1d\xb9\x9b)SG\xc7\x1a\xa0\xbb\xea\xdc\x08Q(\x0co\x8f\xf0MWz\x1ce8"!\x1az\xba=|ZP\x92o\x1c\x90b\x05E\xae~\xebi\xb6\xfb\xf3\x95\xcc\xae\xd7\xea\x1e\xbe\xcb\x9a\xf2[\xfc\xed\x90\n\xc29\xe4\xb5\xc1\xb8n~\x03Pxh\xad$C\x99\x96\xc6\x8aP\xf5\t\xc0\xd2vDD\xb8D\xb0\xdc\xec\xffO\x83\t?Z\x93Gr\</t>
        </is>
      </c>
      <c r="E524" t="inlineStr">
        <is>
          <t>&lt;class 'numpy.ndarray'&gt;</t>
        </is>
      </c>
    </row>
    <row r="525">
      <c r="A525" s="1" t="n">
        <v>523</v>
      </c>
      <c r="B525" t="inlineStr">
        <is>
          <t>steps_per_sec</t>
        </is>
      </c>
      <c r="C525" t="n">
        <v>5900</v>
      </c>
      <c r="D525" t="inlineStr">
        <is>
          <t>3.0400813</t>
        </is>
      </c>
      <c r="E525" t="inlineStr">
        <is>
          <t>&lt;class 'numpy.ndarray'&gt;</t>
        </is>
      </c>
    </row>
    <row r="526">
      <c r="A526" s="1" t="n">
        <v>524</v>
      </c>
      <c r="B526" t="inlineStr">
        <is>
          <t>Loss/RPNLoss/localization_loss</t>
        </is>
      </c>
      <c r="C526" t="n">
        <v>5900</v>
      </c>
      <c r="D526" t="inlineStr">
        <is>
          <t>0.0444689</t>
        </is>
      </c>
      <c r="E526" t="inlineStr">
        <is>
          <t>&lt;class 'numpy.ndarray'&gt;</t>
        </is>
      </c>
    </row>
    <row r="527">
      <c r="A527" s="1" t="n">
        <v>525</v>
      </c>
      <c r="B527" t="inlineStr">
        <is>
          <t>Loss/RPNLoss/objectness_loss</t>
        </is>
      </c>
      <c r="C527" t="n">
        <v>5900</v>
      </c>
      <c r="D527" t="inlineStr">
        <is>
          <t>0.01107579</t>
        </is>
      </c>
      <c r="E527" t="inlineStr">
        <is>
          <t>&lt;class 'numpy.ndarray'&gt;</t>
        </is>
      </c>
    </row>
    <row r="528">
      <c r="A528" s="1" t="n">
        <v>526</v>
      </c>
      <c r="B528" t="inlineStr">
        <is>
          <t>Loss/BoxClassifierLoss/localization_loss</t>
        </is>
      </c>
      <c r="C528" t="n">
        <v>5900</v>
      </c>
      <c r="D528" t="inlineStr">
        <is>
          <t>0.27062392</t>
        </is>
      </c>
      <c r="E528" t="inlineStr">
        <is>
          <t>&lt;class 'numpy.ndarray'&gt;</t>
        </is>
      </c>
    </row>
    <row r="529">
      <c r="A529" s="1" t="n">
        <v>527</v>
      </c>
      <c r="B529" t="inlineStr">
        <is>
          <t>Loss/BoxClassifierLoss/classification_loss</t>
        </is>
      </c>
      <c r="C529" t="n">
        <v>5900</v>
      </c>
      <c r="D529" t="inlineStr">
        <is>
          <t>0.11749308</t>
        </is>
      </c>
      <c r="E529" t="inlineStr">
        <is>
          <t>&lt;class 'numpy.ndarray'&gt;</t>
        </is>
      </c>
    </row>
    <row r="530">
      <c r="A530" s="1" t="n">
        <v>528</v>
      </c>
      <c r="B530" t="inlineStr">
        <is>
          <t>Loss/regularization_loss</t>
        </is>
      </c>
      <c r="C530" t="n">
        <v>5900</v>
      </c>
      <c r="D530" t="inlineStr">
        <is>
          <t>0.0</t>
        </is>
      </c>
      <c r="E530" t="inlineStr">
        <is>
          <t>&lt;class 'numpy.ndarray'&gt;</t>
        </is>
      </c>
    </row>
    <row r="531">
      <c r="A531" s="1" t="n">
        <v>529</v>
      </c>
      <c r="B531" t="inlineStr">
        <is>
          <t>Loss/total_loss</t>
        </is>
      </c>
      <c r="C531" t="n">
        <v>5900</v>
      </c>
      <c r="D531" t="inlineStr">
        <is>
          <t>0.44366172</t>
        </is>
      </c>
      <c r="E531" t="inlineStr">
        <is>
          <t>&lt;class 'numpy.ndarray'&gt;</t>
        </is>
      </c>
    </row>
    <row r="532">
      <c r="A532" s="1" t="n">
        <v>530</v>
      </c>
      <c r="B532" t="inlineStr">
        <is>
          <t>learning_rate</t>
        </is>
      </c>
      <c r="C532" t="n">
        <v>5900</v>
      </c>
      <c r="D532" t="inlineStr">
        <is>
          <t>0.0398439</t>
        </is>
      </c>
      <c r="E532" t="inlineStr">
        <is>
          <t>&lt;class 'numpy.ndarray'&gt;</t>
        </is>
      </c>
    </row>
    <row r="533">
      <c r="A533" s="1" t="n">
        <v>531</v>
      </c>
      <c r="B533" t="inlineStr">
        <is>
          <t>train_input_images</t>
        </is>
      </c>
      <c r="C533" t="n">
        <v>5900</v>
      </c>
      <c r="D533" t="inlineStr">
        <is>
          <t>[b'1024' b'1024'
 b'\x89PNG\r\n\x1a\n\x00\x00\x00\rIHDR\x00\x00\x04\x00\x00\x00\x04\x00\x08\x02\x00\x00\x00\xf0\x7f\xbc\xd4\x00\x00 \x00IDATx\x9c\xec\xbd{\xfc~O5\xf7?\xef\xce9\xa4\xdc\xa8[$\x87"J\xa5T\xea\x17\xe9\xa0\x12\xa1tr\x08\x1d\xbft#\x91J7":KN\x1d\x1cR\x84\x9b\xa2$EH)\xa1\x9c\xca\x99H\xa9\xa4\xc8\xcd]\xe4\xb8~\x7f\\\xd7\xde{\xce\xb3\xd6\xcc\x9a\xbdg_\xd7\xeb\xf9\xf8&gt;&gt;\xdf\xf7{\xef\x99\xb5\xd6\xac\x99Y\xb3f\xf6\xbe\xae\xb7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4\x81\x88\xb66\xe1T\x19\xc1\xb1#\xd8P\x01\x99S\x18\x96\x14\x85\xd7)\x0f\xf1\x04\x19"\x13J\x88y\xc9\xd5\x15\xb9\x9d*o\x12U\xd86\xd7pl\xda\xf4[\xb4@&amp;F\xd9\x96{\xc5Bo\xbbW\x96[9w\x95\xee\x1asa\xcc\xf5\xed\xe2a\xb7\xbb\xe5?u\xb6\xd9\xee\x8b\x92\x16\xbf\xa0\xdb"\xa7\x80\xdf\xde?\xe7\xf5\x1d\x91\xa9\xe9kNa\xf1\xe0\xa9\x9a2~\xf5\xd7\x9fB\x0c\x01\x00h\xc3\x0b\xb5g\x01\xfc\xd0\x0b8\xf6\xbc\tR\xc0\xfa\xbc\x8a\x88\xee3\xe5gs\xc6\x9c\xce\x8dR\xa9g\xc1\xceb\x11\xfbBE\xb2\x9e\x12l\xff\x16-Q\x12\x10M\x13\x17G\xc5\xcd#2\x1f~\xac\x92\xf3\x80\x7f\xeb\x8f3\xb6\x18\xf3\xea\x88Yi\x1b\x1c\x9byi\xae\'snxt\xb0\xb9\x9eY3\x1c\x91\xf7\xf3b\tcxP\x80\x86\x19\x00\x00`\x8c\xd9r\x030\\H\xda\xce\x15\xda|\xd9I\xb4\x02\x8c\x80\xd6\x8c\xe8;\xb3\x92\xe9\xd4qR\x7f\x9ct\x03\x10-\xefl&lt;29YVH\xe2h\xd9\x97v\xc9\xa41\xcc_m96/\xb5N\xf4]\xde\'~\xcan\xff6\xdd\xcd%\x9a\xe4J0\xc9,6\x95\xe0\xa6\xf3o\xa2O\xe1\x8c\x10F\x88N\xa4\xcb\xd1Z\x0f\xb7\xec\xc9l\x0c~\xbdl\x18\x1by6\xaf\xb2\x01\x00\x00\x80\x00\x84\x95\x19\xb8\x02\x80\x13C4\xa9\xbd\xb48_&amp;&amp;\x99\x8c\xf9ec\x9e5\x9d\xd6\x97\xd3hO\xec|+\xfc9\xcc\xfe\xed\x02\xe5\xf3\x14\xa7L4?\x96H{\xfa1\xfb\xbfI\xe1YA\xe4\xc8?\x99\xcb\xb2O\xc4y\xa5\n\xfdh\x8c17r6W\t\xc9\xcf`\x9cU\xe5\x0b\xdc\xd0rEe*\x7f\x15""z\xb8\xd3\xe3\x00\x00\x004\xf8\xd3\x9d\x1d\xb1\xec\xc8T\x00Z\x99R(\xee\xa1\xa9]q\xce\xd7%\x15k\xe7\xd7\x9c\xea\xe5\x82I\xe2\xfaR\xe5\xadV,\n\xe2\xd2ugW\xd8\xfb\x10G\xe6\x9b\xa6\x8b\xb1MB\xd1\x8d\xc9\xc7)\xff\x9d}9\xcam\x87\x97\x82S\xf8&gt;K\xd5C\xe0NUr\xdd\xad\x11i\xc9\xfc!Y])\x168U|\xa2\xf53\x00\x00\x0c\x0f\xf1\xdew\xe4\xcb\xd3\x13e\tET\xd5\x03\x9e\x1c\x86s\xe8\x88\xf2;!\xc6|4C\x8c\x97R\xd7Xb\'\xdc\x1c!A1\x9a\xccX\x92E/e&lt;^\xcf~\xf8\xe1p\xfdC\xca6\xc4_\xe0\x91\x14\x8e\xde\x8d\x07|\xbbEy\xc3N5\x80\xac\xb0\xca\x9c\xaa\xeb\x00\x00\xdd\xe8\x195\xa6\xe5j\xec\xc0\x84\xb8\xa9\x87p\x9d#c\xc8|\xc9\x1e\xfd?\x80\xcd\xa76n\x85\xcda\x05\x16a\xf0\xd1p)o\n,\xa9p\xb8\x13 "\xf3\xeb\xf3\xf7\x11\xc5\xce\xd7\xa7\x1f~\x8db_\x8b\xc43SRXW\x14\xeba\xc2\xde`mo\xba(\xb6\x86\xc4\xca\xaa\x01\x00 \x0f\x02\xd3\x19Q\xb5\x04\xaa\x0c\x0f\x8c\xb1\x95\xa9vx\xdd1sP\x9a\x9b\xf2R\xe2g\xae\x9e)\x82\xdd\xc1\xbe\x927,;\x05\x92\x87\xfa\xae\x91vZ\xef\\\x89n\x18\xdc\x8b\xebN(\xd6;Zv\x01\x95\x010\xde|\xafM\xc1\xa3\xbd)\xd1\x89\x15\x16\x80\xed\xc0\xf4+\xf1\x9a\xad\r\x00+a\x9fk\xae\xacxUugA\xd6\xa5\xb5O\xf6\xb6\x8a\x96\xb5y\xd2\x9c\xa07n$\x16y\xc6\x901\xff\x1aK\xdc=\xb5K\xeao_\x0c6\x0c\xce\xeb@z\xe9\xe0\xf2FSx1ajZ/\xf7q\xcd\xae\xa9\x9c\x0e\xb6\x87\xe5\x0fs\x86\x7f\xc0\x0e\xc0\xc9\x83=\x00\x00\xe7\xc2yL\xf6\xbb\x94\xde\xd5\xd68\xef\\\x91\xe4\xe7\x91\x98\'\xfa\xc4)\\4"\x92\xcd\x0bL\xfa\xf7bv\xa8{\x1e\x1c\x93\x969\xbf/\xeb\x9d\xa5%\xec\x1cjf\xfd\xd6\x1aJT&gt;g\xbc\xfc\x0b\x00X\x9d\xb5V5L\xf2\xf5\x18nS7\xfc\xc7\xa9\xc1\xf9pJ/\x1e\x04Y\xb5\xff\x8e\xcd\n\x16hi9\xf4\xcb\x7fv\xe8\x9a\xe5yEb\xd3\xc2\x1b\x0f\xf6\x83\x85Z#s{\xb9U\xe97\x05Ni~e\xb8\xd4\xd6\x06\x00\xa0\xc0\xc5\xc5\xc5:zz\n\'c\xfe\xa4\xa7\xfc\x9d\xb1V\x9f\xb2\xd1\xb4g\xb0\xa6\x81\xbdqqq1\xdc\x04ibnK\x98w\xf5o\xa6\xb6\x86K\x8bkH\xde;\x8f_\x96\xb5\xe1\xe2\xe2b\xfe\x00\xb3\xa8\xe2\xa1r,\x18J\xe5\xfcuxId\x8c\xd0\xf2\xb3H\xe8\x01\x00{\xa5k\x84B\xf8\x03\x00\x0c\xce\xa5\xba\x9c\xbc\xae\x1a\xfa\xaa\x0e\xd7\xf3\xad~\xf5\xa1\xccTL\xab9\xdb\xbe\xbf~\xdf\xb8\xf6\x17\xb2L\x9a\xb6.\x8f\xe4\xe9\xca\xbc\xee5\xf3|\xaf\xc2\xb5\xc6\xff\x02=\x00\x00P\x00\xdb\x03P`\xa7\xcb\xa1\xfc4\x16\x9c\x1a\xcc\xa1K\xc6|cw[\xe2z\xfd\x08l}\xaeW\xfa\x99\xd4\xdd\x90\xca\xc89\xcf%\xa4\xbb\xc4\x8a]\xe5\x99\xbc\x05\x04\xc0\xee\xc1\\\x05\xa03\xbb\x9c_\x08\x0b\x07\x86\xf7\x83\xfa\xf6r\xf0\xf6:L\xeb\xd7\xbd\xack\x1f\xd1"M\xae\x9a{]\x91\xba\r\xc0:k\xfd\xf2\x89\x0b\x00\xc0\xf0\xec\xf4xrK\x10\xdd\x00\x18\x84\xad\'\xe3\xc6\xa1`\xbdd\xebi#\x06\xbd\xf4G{\xbb\xeb]&lt;\xff\xf1\xcc\xaf\x1bZ\x01w5\x0f\xbe\xa6S\xf5=\xa8\x84\x05\xabh\x01\x00\x80\xad@t\x03|0Z@?0\xbaV ~\xd2/\x96\xb2\xdd\xd1\xf8Q\xf5\x9d\xc4\x1f\xb1\x90\x16\xc6\xf1?\x00\x00\x00\x00v@6_Y\xf7[5\xc1H(\'\xb2\xa7\xffn\xcc\t7\r\x00\x00\x00\x00\x0bg\xb3\xe4\x8f\x9b\xba\xe1u\x8b}p\xcc\xfe\x9f\xb8\xb3\xceZm\xd3r\xea\xbb#\x00\x00\x00kQ|\x15u\x80\xf5fs\x03\x00\x8b3\xcbN\xc8\x98\x8fd\xbf\xc9}&gt;ni\xa2m\x08m\xf9\xb9\x82u\xde\xe9\x9f\x9d\x83\x8f\x10\x00\x00\x00hB\xfd\x1b\xf1\xc0\x19sV\x1b\x00\xb3Z\xda72\x1a=\xee|$W"0\xfcn\xd3vr_\x104L_\x9f\xfc\x8bR\x00\x00\x00\x8e \xd6\x83\xf1AR\xb26\x9b;\\\xd7\x00\xe4\xb5|\xe0(\x00\x00\x00\x00("O,\xce\xfbkF;q\x86\x19^\xe3\x06`5\x8fm\xbdQ\xb9\xab\xd9\xee\xdb]\x01\x00\x00\x00p\x82\x9cW\xde9\xee\x91\xf38/\x9ctD\xf7\xbd\x9a\xf5\xde\xd2\x19\xe2u\xa0\xcd\r\x00\x00\x80&amp;F\x88\xa4\x00h2jN\xd9\x95A\x9b\x9c?\xac\x1d\xf5S\xa7\xe7\xf2\x92\xf79\xb4\xb1\x0f\xf0\x1b\x00\x00\x9c&gt;\x88\xf5`p\xc6\xdd\xc6\x8f\x99I\xe7M\xb2\xfe$\xed\x0ey\xde&gt;\xcd^\x8d\x17j|lz\xa7c\x03\x00\x00\x00\x00\x00D\x19;\xfb\xdf\xde\xb0\xb1\xfd#\xe24Z\x11\xe7R[\x1b\x00\x00\x00\x00\x80\xae\x9cr\x1e\xb32\x87\xd4\xf6\xe2\xe2\x0f{\xc8\xd6\x10r\x81\xeen\xc3\xf6\xdeE\xbe\xe8\x1bNd\x9f\x03\x00\x00`p\xa4\xeb\xcd\x10\x1f\x86\x03\x9b\x831\xa0\xc8\xb8sj\xfa\x94\xedb\xde\xfd\x83++\x9a\xb1!\x1d?\xfe\xe1\n\x1ft$\x00\x00\x80\x801\x1e\xda\x8e`\xc3\xc8&lt;hk\x03\xc0\x1e\xb9\xd1\xd6\x06\x80\xde\xd0\xf2\xc9\x84C\xfe}\x13\xb2\xae\x1d.~\xf3Z\x01\x96\xfc_\x87X\\\x1c\xa6\xf7\x94\x02\xc3\xc63\x15\x00\x00\xfarB/n\x9e&amp;\xe8\x1d\x00\x80\x07\xb9Y\xbe\x87\t.U)\xf9`\x91A\xe1\xa5\xedOv\xa2V\x1d\x1c\xf2\xe3[\xdb\x06\x00\x00\xdb\x82\r\xc0\xc8D\x0e\xab\xbe\x18\x9d\x05\xc0\xb9\x13\xcb\xec\xa7X1]l\xde\x00\x9c\x00\xd1\x86_\x95\xf9\xb6\xd2I\xfa\xad\xf0\xf9\x06\x00\xc0\xb9AD\x17\x17ad \x84\x8b-9,?\x91~\x01\xf5\x10\xd1\xc5\x85\xc1\xc0\x06\xbbf\xfaPra\x18\xdb)l\xb1\xf0\x89R\xb7\x8a\x1d=wa\x10\x81\x01\x00\'\xce\t\x1eu\xec\x1ft\x8a\x98\x93&lt;\xb4k`do\x8cl\xdb\xd0\x88\xce\xf5\xed\xf7\x82z\x1b6 \xb5\x01\xe1P\xeb\x7f\x18C\xc6\xdcQ\xd3 \x00\x00\x18\x03\n~\x00\x83\xf2\xff\x90\xda\xd6s\x8e\xd9O)G&lt;;\x87\x9c\x06^\xf6\x9f\xfbTk\xf0a\x80\xf3\xeet\xe6\x96\xc9\xdb\\\x911W\xeah\xd4\xea\xe0\xef\x00\x00\x00\x0e\\\x04?\xec\x97\x13_\xdb\xde\xff\x04\xbah3.Nb\x84\x8b\xc9\xbc\xf5\x81\xed\xe4\xa6(x\xdf\xcdS\x83\x8e\xbe0\xe4\xf6\xf2y\xbf\xf9FD\xbcwy\xbe\xca\xafe\xcc?\xf71i\x1b\xcev\x04\x00\x00\xa4\xac\xf91\x80F]\x9b\x7fbas\x03@\tn\x16\x00:\x82\x8fa\xb4\x10=\xc6\x0evz\xc7|\xd7+{\xae\x1f\x030\xc6\x90!\xd1\xdb\xfc\x8b\x9bO\xccix\x02\x00\x00`\xf2\xa1+\xeaj\x8c\xb3\'\x15\xa6m\xce\xe3{&lt;\xd6h\xe0\xc9;q\x17\\\\\x9c\xe9\x03\x99\n^\xcb\x98\xf8\xf1\xafo\xc0C\x1e\x87\x8b\xba\xec\xff\xf4\xc0\xc4\x03\x00\xec\x08\x9c\xac\xef\x0b\xf4\xd7h\xa0G\xf6J\xe4\xfb\xd9\x82\xec4zD\x9dxP`0\x12\x18\x9c\xec\xf1\xbf\xc1\x13\x00\x00\xc0\xae8\xb5\x10|\xea\xa0\xbfT\xd08\x84\xa4\x11\xff\x1a+\xe0\x13\xc9?\xddK\xa7\x97\xa1\x0e\xc0);\x15\x1b\x00\x00\x16N\xf9i\xdf\xf6\xb4\xff\x19\x9aG\xab\xd9\xb2s0P;p\xfa\x7f)\x89\xf0*\xc8\xbeI\xa6\xa2\x17\xef\xaaHTO7\xb1- \x9d\x03\x17\x07\xba\xd8\x02\x00\x00\xbbB\x16@\x13\x7f\x84\x12\x99\xc8(\x9cp\xca\xcb\x87J\x07\xe4\xfb\xf7\x12]\xff\xdc\xbf\xfc\xf1\x04\xe1lY)\xe0\x0c6\x82\x89\x06\xba\xee:\xed\r?\x00\x00l\x06\xe3H\x15\x19\xc9\xf6\xac\xbf\x04\x8e\xb7\xe8\x96\xb3\xa2\xfd\xe7\n\x83\x18?\x88\x19\xa7D\xd1\xa5\xc1\x06\xe0d\xb9\x1a\xbf\xa8\xd8\x1b\xf8\xfb\t\x00\x00\xc0\x81\xff\xe7fN}M\xeaD\x9d\xc7^\xa7lE\x82|\xd7\x0f\xd8\xdd\x9ccT\xac\xfd`@8\xe7,\xe3e\xff\xb7\xd9\xda\x80\x03\x02o\x8c\xe4=\x1d\xf0V\x13\x00@\x9fC\xa0\xe4\xbf79\x07V|7\x05\x07\xcb]\xc3\xfa\n\xdf6\x03@\x15U\x7f\xa1"\x13r\xbd\xb45\xfcC\x01\x98\xaa\x1c\xa4\x8b\xda\xf8\xe0C\xc0\x00\x00\x9b\xf6\xd7\xf4)\x08\x94\xe5\xa3\xd3\xb9\xf0i\x9d\xb0t\x82\x9f\xfdG\xbc\xb9\xd6!V\xfb2\xb9\xd2P8\xb1S\xbd=\x00\x87\xe7\xa0\xaa1\x99\xfa\xa0\xaa-\xea"\x08\x1a\'w\xa8\xddBy\x91:\xa5\xec\x1f\x80\x13a\xb0\x186\x941kS\xfb\xa0y\xd3\x87\xd4c\x8d\x9f\x1c\x12\xff\xc4K\x16_e\xe1\xbd\x0cs2 \x03\x02\xe7L\xe5\xe0?\xbdYsz-*\x82\'\x00\xe0\x14\x18i_~\x86ad\xa1\xa1\xf1\xfe\xb9T\xbb1\x12\xe5\xe3\x8c\x9f\x02\x12K\xe3\xe7U\xed/Y]\\\\\x8c\xf1:\xac\x82\x01_]\xf3\xb6\xc5\xc9\x83O;\x9c\x0f\r\xa3\xff\x86\xa74HN\xa9-\x00\x80\x8d\x18 1\xda\x0c\xeb\x08_vJ\xed\x7fK\xc5j&gt;\x1c\xab\xb3\xba\x1b\xa3\xe5\xd816\x00\xbd8\xe1\xa6\xf18\xf3\xe6\x03\x0e\x18$\xbb\x07O\x00\x00Pf\xa4\xc7\x11\x9b\xc1\xcf\xa0\xb4\xdd\xf5\xd7\xb2\xe2cuVwc\xb4\x9a{|\xb8pk\xfd$`\x84/\xdb9\xfb)\x1cm\xfe-\x83+H\x01\xcf\x99\xbd\xcf\x91\xcbom\x00\x00`g\x9c\xec\x9a\x978\xf5\xfc\x02\xa9\x90\x8aS\xfc\xf0\xf8\xff\xec\x8f`w@\xac\x9b\xf6\xd7q\xbb3x\x130%\xcf\x90\x11\xb6\xe2\x00\x00\x00\xba\xa3\xb2\xc0\x07I&lt;Gf4\xff\xd7Zx\x90\xb8(3\xfb\xf3D\x1c\xfb\xa8\x93hE\x7f\x90\x0e\x82\x1d"z\x1f\x15\x00\x00@\x15uy|&lt;\xfdg%\x97\x97\xb4\xdb&lt;\x00\xd7\xdc\xda\x00\x1eK\x8f\xf4_M\xb1f\x8f\x08:\xe5&lt;\xd9m\xa7wy\x9e|R\xb3`\xefoq\x01\x00F!\x1ag\x8b\xafS\xa7\xa2s\x8f\xf7\xb0i\xbc\xbf\xe4BDC\xd9\x93B\xc7\xce\x0f$\xf3\xae\x1d4\x16\xc4\x98\xe7)z\xf0|\xe8\xf47\xc2V\xfb\xd3c\x07E,uD4}C\x9a\x82y\x03\xae5\x00\x00\xd0\x8b\xd8)~\xea\xb0\x84\xb2\xf5\xf0\xde\xcez\xe0\x11y\x02\xf8$\x84\xde{\x9c\x98p\xce\x0e\xa8\x0c\xa4\xdfC\xc6\x90y\n#,\xd4F\xe9\xd3\r\xef;k\x17v\'\x00\x00-\xfc\xc0\x9e:\xff\xf0\x8e\x93E\x8f\x0e\xa2G\xd1{9G/\xb1\xda\xc1\x98\xad\x93L\xf3_\x06X\x13\xc6\xd1\x1a\x19\x1a\xed\xfb\x9dN\n\xeb\xac\x14\x9c\x14v(\xbex\xb71\xef\x9f\xef\xe2\xdaxE+\xff\xf5\x8d-\xe2\xea\x1e\xb8\xcc\xd6\x06\x00\x00N\x86\x0b\xe6\x11\x88\x9b\xbd\xc9NM\x12\x7f\xdc\xea\x04\xe2\xfb6\xab\xd4\x1e\xd7\xc6ro\x9f\xc2x\x18\x97\x93\x98n \xce\xd4\xb7\x9c.\x16\x9c\xd1Du\xac\x05\x86k\x1cl\x00\x00X\x93=\xa6[\x950\xb3\x84\x93}\x1a,f\xc3\x81\xb1\xa71\xc9\x18W{j\x0e\x00\xe3\xd0\xbe\xb5c\xbf\xdesFK\xe1\xb0\xe0\x0f\x81\x01\xb0\x1eD\x03&amp;\xbc\x9a\xf6\\\xcc|\x94\xe0EO\x9c\'n\xc8*\xa7\xb9\xa3\x8dy\x00\xc0\x96\x1c\xfe\xfe\xfb\xd6V\x9c;Xx\x01X\x91\xe3\xbb\x8f\x03\x1d~\xf4\xfb\xb2\x82y\x03\x90\x17^\xf7\xddA\x00\x80\xd5!s\x8cac\x051\xb0;N\xe5S[\x1e;\xfb\xf4\x11\x9e\x00\x80\x13c\xecC\x85\xfd\x84\x86v\x96\xf8\x9e~\x14\x10f\xff\x17\x17\xc8\xfe\x01\x18\x93\x0b+\xe9\xc7$\x05\xf5\x9cd\x90\'l\x8a\x01\x00%\xc6\xde\xa5\xa8\x92\xf9rO|\xe9\'\x00=\xc1\xb4\xda\x8e\x9bT|\xbb.\xfa\xab\x07+y\xf5\x93\x9co\xbe\xc6\xa2\x06\x00\xd81\xaa\xf1\xcb\x0e\x8e\xd3\xcf\xc7\xd4\x1f\x81\x12\x80\x0eDS\x10\xec\xb7W\x00N\x1e\x89\xe2N\xacP\x80\xdd\x9b^1\x0c\x00\x00@5XB\xf6\x03\xd6{\xb0\x0f0P{\x83\xa7\x9a\x83Q\xea\x8b\x9b\xe6\xeb\xf2\x1fS\x13\xd1\xcdv\xd5\xefx_\t\x80\xf5\x08?q\x9b\xfb\xa4\xec\xde\xfeB\x13\x00\x00\x9c9\xfd\xbeVa\x04ug\x87\x95\xf8\x17\x9d\x8c\xbe\x00\x00\xe4\x88\x1c$\xe0\xb8\x08\x80\xdd\x83)\x0c\x86\xe0\xeaT|\xe9\x05\xc4H,\xc4\xdc\'\x00x\xf2\x03\xc08\xa4g\xe3\x00S\x94\x17\xa3\xb7\x8b&amp;\x03\xb8H\x81\xd3h\x05\x00\x00\xf0A\xdc\xab!\x95\xe8\x8b6\x00\xbd\x8c\x03\x00\x888\x81\xed8mr\x96\xb3\x7f\xbf\x01\xb0\x11\x988\x00\x8cL\xee;\xa9\x0b9\xc3\xd7`v\x03\xb0\x07\x8e3\xf9\xa6\x98\xb1\x1e\xfc\xbf\xd3\x0e\x00\x90\x81\x9d3\x00;\xe5\xe5\xf8J:\x00N\x83i+\x8f\xf9\xbc\x1a\xf7\x9b\x7fB\x1a\x04\x8c1\x98}[R\x98\x83OY\xc7\n \x06\x0f`\x01\x00\xa0\x95S\t\xa3\'\xf0.\x93\x08|\xf2\xe1$\xb8\xfc\xd6\x06\xec\x83\x1e\xa3\xfd\xdc"\x06\xc8\x12\xff`\xeb\xfav\x00\x00\xc0j\x9cH\x8c\xeb\x14\xack\xb3\x84\xde^=Z\x95\xb3\r\xab\x17\x00I\xf0\xf0\x13\x00P\xe6R[\x1b\x00@?\xa2_\xc7\x8bu\xd1C\xea\x90\xde_r|\x94\x9f\xf96\xe5\xea.\xc4\xb9\x178\x03..\xb0G\xde\x86\xd5\xf7]ohQ\x87!\x02\x0085v\xf6\xf8{_\xd6\xee\x17\xce\x13\x0f\x1c\x9d\xee\x11\xcc\xa0\x80\x9d\xc5\xc0\xd3`\xfd7\xaf\x88\xc8|F?\x8d\x18B\x00\x00\xb0"\x84\xef"\xe8C\xf9s\xe1\xf8K.\xe0D\xe0\x8fa\xc1h\xc7\xd4\xc8\xf3\xbdD\xe6\x17VvQ\xe9mI\x10\x87n\x0c\xa7\x01\x00\xc6c\x9d\x1cTS\x0b\x11\x19\xf3\xbb{81\xcam\xae\xf0\xcdQ\x00d\xc0\xf6\x18\x9c\nd\xcc\xed\x82+U\x820#\x00\x00g\x06\x19\xf3\x8b\xcbo7G\x10\x04\xe0\xc4\xc1\x06\xa0D\xea\x0f\xcf\xc3i\xc3r\xf7\xe9\x87\x9a&gt;\xc2\x99\x11\x00\xe3\x83uK\x9d\x17lm\x80.\x18\x1e:`\xa2\rLc\xd7\xcc\xb9\x0e\xbaX\x00\x12\xc4\x13\x06\x1b\x00\x00v\x00\xf2\x12\x90\x01\xc3\xe3\x1c "\xf3Oxg\xba\x0e\xca\xbf&gt;\x07V\xe0\x90kb\xf4\x0e\xc2\xf4\x91\xb1\x1dwG\xefo\xf4\x03\x00\x00\x00\x14 \xa2\xcc\x97\xc3r\xaa\xcf?\x1f\xe4\x1c\xae\xb4\xc8\x04\xc0\x183\x0f\xae\x9ec\x89\x0c\x1dR6\x0c\xd7q\xa0]w\x07\xfe\x0e\x008eZv\xe7\xbb\xde\xd9\x03pz\xd4eW\xf6c\xfa\x83\x84\x8b\xe9\xb2]\x00\xf3\x1dT\xb3\xca\xd8\xb90\x17\x17\xa3\xa5\x9bg5kb\x8d\x1d\xab;\x00\x00\x0b{\x0eOw7\xfb\xb6\x1f\x9c\x08;\x1d\x84\xe4\xc2)\x89W\\\x00\x90qNSf\xa7\x910\x03\xb6/\xe0D!\x9a\x9e\x97z\x83|\xdf\xcf\xec@;\x8do\x92\x9c\x15#\xbd$#\x98\xb9\xe1\xdb&gt;\xcc\xc2\x9c\xf2\xe0\x00\xe6\xd1\x11\xa2\x9eo\xe6\xd0$\x1e\xae\xde\x18\xc6\x80\xdfYv\x81W\x80\xc0\x89rqqqq\x11\x0b\x9a{\x9a\x9f\xa3\xb2\xef\x83\x10d-{\x84\x7f\xfa&amp;\xca\xfe\xc32+\x9e\xf3\xed}\x1emm\xc1 \xa4\xb2\x7f\x85\x81D\xc71\x02_\x0f\x00#\x98\\\xec\xeb\x91\x08F\x15\x00\xe0,\xc0\x81e\x15;;\xd3\x92f\xffa-i]\xb0\x11D4H7\x89\xe7\x08/\x16\xedl\xea\x81\xdd\x81\'\x00\xe0\x84\xb9\xdb\xde\xcf\xd8\x00\x03n\x17\x8f\x91+\xec\x0e8\r\xa4\xd86\xba^\x0c3\xa3\x85fp\x0f\x89\x07i\xddY\xf1"F\x19$\x15\x00\x000(\x99\x00\x8d\xd8}\xca0?\xf5\x9b\xaf\x88o\x04\xaa\x02\x1e\xdb\x108\x7f5\xee\no\x03\xb0\x17\x9e\xb5\xb5\x01`\x14\xf4\xb2:,\x00\x83R\x91\xc1\xbf\x99\xc8`\x03\xd0\xcc\x8e\xfe\x1e\xaaj\xe7^VOT5\x7f\x87\xe1\n\xea\xc03&amp;p\xcaX\xafZ\xe2}\xcas\'x\xef\x16C\xc2c\xf7\x0e\x91~\x00 \x9f9\r\xf3\x86\xc9.`\x0e\x9e\xdd\x8f\xb1\xf3\xa1\xdb\x87\xa60\x06F\x01\x9f\x01\x00\xa7\x0c\x96\xf0\r\x18\xf58*\xf8\xb2\x97\xad\x0c\x19\x96\xf0\x0bs\xf7\x85c0MG\xfb\x99\n\x88\x0fz0=\t\x87\xef\x85~\xd3\x7f\xa7c`w\xf1\xb0\x0c6\x00\x00\x00U\xc6M\xaa\xbc\xaf{\xdf\xca\x8c\xbd\xb03\x07\x85\xa9&gt;\x11]\x9c\xe2\x9f\xefI\xb1\xd3\x96\xf64{\x97\x0e\x19\x81\xff7\xca7,\r\xc5\xa9\r\'l\x00\xc0\x99\x80XvV|W\xec\xe2E\xf6\xd7\xf3f\x9f\xb9c\x91C\xab\xe6\x14s\xa7)\xf2. "c\xbe\xad\xa2b"\xd1l\xffP\xc1\xe1U\x93^=~\xd2c\x89\xdeok\x0b4 \xc3\xfdH\x0f\xa7\xcc\xc5\xe9-\x19\xa7\xd6\x1ep\xf68\xef\x17\x8e\xf4wL\x01\x18\x15\xa2\x13x R\\\xc2/..\x88\xe8\xc2\xfd\xb3M\x99Z\x88\x1bl\xea\xdf\xea\xee\x1e\xa2\xbb\xfd\x99\xdep,\x9d\x0c\xa7\xf3\'SX\x91\x8d\x8e\xff\x9cF\x93%\xe0\t\x0081R\x87I\x05\xe4\xc79wv\x7f}\xfc\x06\xcf\x07\x89\xcc3N\xf8\x14J\x01|\xa3\x0b\x8b\x93X\xf98\x8d\xb8\xb8\xf0\x8f\xf1.&amp;z\x99u"|U\xea\xc6F3\x8c\xab\x92\xba=\xdc\n\xc7\xd2\x8a\xf4\xf5\xf8\xe9L\x07\xee_[\xbb\xa8\x8a\x81o\xab1\t\x00\xb0\x0eS\xfe\xc7\xda\x00\x08\xd7\xb1\x7fq\xc5\xdeWj[;Dt\xaaonh\x81\r\xc0Y\x91\xfa6O\xe6\x188\xb7o\x02u\xdah}\x1d\xaaP\xc6\xc8Q\xe8`\xdb\xb0\xe6Usz-\xda)\xc5\x08s\xd3\xd5L\x01\x00TR\xb1\xf2\x85Q\xf8\x1c\x92\x86\x80]7y\xd7\xc6\x03\x9f\xf4\xd7\xf9\xb3\x0f\x8c\xcf&amp;\xfb\x8f\xb2\xa3\xaf\xf3/q\xdc\x99|\xc5\xb9v%\xd0\x81\x17\r\x0e\x83-V\x12\xc3\x0f\x80\xe1\x91\xae|g\x9b"\xec\x08\xf4\xd1\x19\xd2r\x8a\x7f\xe6\xd9\x7f\x89\xdd\xed\r\xc8\xfa\x17\x8c\xc9\xf8\xbd\xc3\x0f\x08\x97\tK\x0e\x1eLN\xe5M/\x00\x1c\xf0\xa7F\xce\x9a9\xec\x9e\xce\xcb\xac\x80\x8d\xbd\xe8\xf2\x07@]\xads\x02A\x15\x80&lt;\xfe\x1c\x19\xfc\xe3\xd4\xf8\x100\xd8=\xb1C\xbbq\xa7\x1cX\x81\xf0\x93\x9d\x83\x9f\xc4\x0c\xc5\x99\xfbj\xe4\x05{S\xe0\x96\xf3\xe1\xac#@\x03\xfe\x1c\x19&lt;\x98`\x03\x00v\xcf\xc5\xc5\xc5/om\x03\x18\x9c\xc1\x03q-=\xd6\xe9\xdd\xaf\xfdU\x1b?&lt;2\x9a\xd9\xfd\x00\x18\x9f\xc1\xf7\xd8\x87\x0f\x84\xb7\x08\xd0\xb2d\x0bvm&lt;\x00\xe7\x87\x1dO\x07\x8f\xad@\x1d\xf4\xb8*C9\xb3\xde\x18\xf6\'\x01\xf0\xde\xbf\xcd\xb0\xae\x18\xd3\xaaJFu\xf2\x91\x17\x8cm^\x07\x96o\x0b\x98\xbe\xd5\xaa\xfc\xf5V\x83w"\x07\x9cv\x80\xd3\x03\xef\xaa\x9e\x17\x83\xbfg\t\xb6\xc2[\xa1\x8f\x7f\xb6\xe9p\xf1\xe2\xc2\xfa\xa0\x88A\xc4\x98@\xf0\x1c\x1f2t\xf8\xbbU\xfdz\xea\xcc\x86\xc1\xf2\xf7\xc2\xe8\xf0\x87\xe3\x0e\xa1\xe1\xc2\xa4\xff\x92\xc0\x14FV\xb1\x0f\x00\xa0I\xa7o\xb4\xd8\xfd\x91\x00\x18\x83\xe8@:\xdb\xd1\xf5`\x05\x19\xd3\xf7\xf4\xa5\xbf*\x14t\xfb\xa3Y]%waXk\xc9\xd0~\xff\xb8\xc1\xb06\xd7\x196ls\x00\x00I0o{\xc1H\xa7\xe0|\xb0\x19H\xfa7a_\x7f^\x00#\xe4\xfc@w\x03\x00|v\x13\x17\x86Y\xb1\xdegk\x03\xb6a\x18\xff\x9f\x1e{\xca\x1d\xcf\x9bt7avhs"\x01g\x88V|\xc2\xd6\x06\x00\x00Fd\x84\xf0\x04\xc0\xae!s\xf9\x86y4D\x8a\x00$\xd4v\xd9\x8aI\xed\xee\x07\xd5)l\x00j\xfe\xf8\xe6\xfe[\r\x00\x00 \x00\xc1\xfd\x14\x08R\x13\xc5n\xc5\x089i"Im\x9f\x1e?\x81\xec\xf9\xfc\xc0\x06\x00\x00\xa0@\xb7\xe3\x13\xbc&lt;\xda\xc0\x8e]G\xd6\xbf`f\xb4\xe90\x941\x030V\xefD\x19\xdfBp&gt;\x14\xbePx%+\x00\x00-\xf4\xdb\x00\xf4\x11{&amp;|\xc9\xd6\x06\x00M\x1a?L\x19\xab\xdb\xb8\x00cz\x02p\xa2\xbcj\xf3\xd9\xfdW\x880\x00l\x804\xd5(\x16n\xdf!\x0cv\xf6y^\xc0\xf9;\'\xfa\x1d\x9d\xaf0\xe6z\xf9J\x9d\xad\x02\x00\x80\x14xC\t\x80\xb3\x83\xfe\x05\x99\xc7``\x03\xb0sj\xbe\xac3_\x1eC\x02\xa8\x82\xe1\x04\x00\x00\xe7\r\x12\x0b\xd0\x87\xf3=O\xfa\xd4\x9ao\xeb/U\xc1&lt;\x1d\x1e:\xfe\x89+\xd0\x9bQ\x9c\xdc\xf6\xb9^J\xfc\x0c\x00\x009\xc2/*!S\xb5\x02\r\xbf\x01\x18\xdc\xbcs\xe6\xac\xdeY\x17%\xf4d\xcc\xe7U\xc8\xc7\xf7\x84\xec\x1c2F\xfc\xed\x90\x02\xc9\xc0\x98\x1d\xba"n\xf0\xf0+/\x00`g|\x94\xb0&lt;#\xe7\xa0\xe3\xd6\x02\x01\x0b\x08\x19\xff\xfb\xd47 \xd5:L\xb1\xde\xac\xe3\xe1n\xcf\x01\xceal\x9cC\x1b\x01\x00`\x088+"\x822\x00\x00\xf0\xc0.\x0e\x00\x00\x00\x00\x00\x00\xb0c\xb0\xa5\xc9\xa2\xf5X\xa9MN\xf4\x9b\xc7N\x9cKmm\x00\x00\xc3\xd1;\x04\x0c\x19b\x064i\xf7\x0c\xd9\xd1C\x81\x0f}\xee\x8e\xbd\xf5\xd7\xa377\x98\xcc\xc5\xc5\xd66\x0c\xcd\x85\x8e\x7f\xe6\xbf\xc6(\xfe\x14\x9f\x97\xf6\xbb\xbfo&gt;~\x00\x00\'\xc5\xefmm\x80\x0fR\xd5&gt;\xfcZ\xb1\xc4Z\x9f[\x1d\xb1\x7f\x87;o#2\xe6\xe6\xabh\xba\xfa*Z\xc0\xc93\xd2\xf4\x19\x03vH!&amp;}\xcd\x05\x00\x9c\x13c\x9ez\x0ehR5[\xb5\xa5Jo\xb7\xc1\xf0\x9f#\x0e3\x07|\xed#\x00\xb5&lt;rk\x03v\xcb\xb3\xb9\xa9?\xf6\x00\x00\x9c\x1d\xfd\xe7&lt;\x02\xcaI\xd2\xa9[k\xc4b\xdd\x02\r`\xe4\x80}\xf1:c\x0c\xe7\xfd\x1fnf\x1f\xd9\x03\x9c\xe0\xa4\xc0\xabi\x00\xf8\x1c\xe2\x82\xd2\x8b\x89Q\xfe\xcb\x98Kw\x13\x0e\xb6\x82\xfaFT\x12\xbfL\x1c\xaep=G5\xd8\x11\xf9\xb1\xday$\x03\xa0\xcc\x1c\xe8\n\xe3v\x0e\x89\x17\xc6\x14\xc3\xe9\xc9\xc7O|\x08\x18\x00\x9f\xaaI\x1e\x1e\x0fd\x0e\x0c.u\x92\xc7\t\xa0/\xeca\xe9\x9do\xd9\xf5\xf0X\x00\x18cN"\xbf\xc7H&gt;U*z\xf6b\xfa/+\xd7\x0e\x89U\xa9\xfc\x89\xc5Ol\x00\x00\x88\xd0\xb8\xd1/\xbd\x7fQ\x0eU\x9b\xf2\xca\xad\rX\x05\xfdP&gt;H\x9f.\x8b\xdc\xb4\xcc]\xcc\xd8\x056\xb2\xed\xdd\x1ar^\xa1!d\x0b\xf6\x91@\x0c2\x92\xf34\x18y\xa2ot\x80\x0cV\xf6?\xf8\xfa\x0b\x00P\xa0&gt;\xca\x9f\xf3\xa7\x7fN\xa0\xe1i\xfb\x1f\xba\xaa\x1d\xdb\x90\xeb\xbbM{VM\xf5~?=\xbc\xf7\x99\xa5\xcaf\xae@/\xa4Y\xd93\xeb\xa9\xabY\xd3\xe3\x1f\x08\xb6%\xfc/m3\x01\x00\x1bs\xca\x9f\xfb)\xf0\xfe\xfb\xda\xf9\xec\xc5\xce5`\xaep\x1b\x8dmMu\xfb\x19\x9f\x1e;\x9aY\xe0\x1cYq|\xd2\xa4n%\x8dU\xebZq\x03\xb0o\xf0\x1c\x04\x00\x8f\xba\x0f\xc0\x9d\xce\xc7\xe6\x88\xe8\xc4&gt;\xea\xd4\x9b\x11&lt;\xe6\xadm){\xecb\xeb\xd9Lt\xf8\xcc\xddJ\xea\x86\x05~\xe8\xc8\xe9D`\xd0\x83\xaa\xef\xf6\x88l\x198\x9f\x1e\xde\x0b\xf8\x0c\x00\x00\x1eus\xdb\xab5\xf2QA\xc1\xaa\xcdsY\x06c9v@\x8fq\xce\xba\xd6;\xed\xc3K\xb7\x0b\xba~\xd0\xea\xc1\xb1&amp;T\x15\x18`\'\xc7sR\xc3R&lt;\\\x8f\xd9\x7f\xecb\xa6J\xfc\xbed\xa0\xe1\x89\x1f\x00\xe7\xc8\xae^\xa4\x19\x93\xfc{\xde\xc3\xee\xaf\xb6!xN\x1d\xb9[,\x06\x06&amp;\xdaY?\xb9\xb6\x15\x00\xac\x87\xe6\xa7\x86\xfc#\xb9B\x00\x8c\xbd\xfe/\x8f\x99\x88\xb1\x00tg\xc0i\x86\x04\x0b\xac\xcb\xfd\xf2\x1b\x00\x13l\x00\xcc\x95\x86\x18\x9f\x98&amp;\x0c\x10L\x00\xa8\'\x19\x15KU\xb0\x01\x00`t\xfc\xcd\xfdzJ\xb7\xe0\xf1\x88) J|\x95z\x80\xf5\xeb\x80\xc7\xff\xe3X2.#\xf5\x17\xd8\x08\x0c\x80z\x8e\x11\xef[&lt;\x1f\xf6\xdd\x00\x0c\x15f\xa3\xe0\xb59p\n\xd0\x00\x9f\xc2\\\x11|\xdc\r\xc4\xa1\xd2\x07\xdd\xec\x05i\x90)\xd3&gt;yO~\xfao\xda@D\x1b\xb0{\xe6\xb8\xe7\xce\xa3\xdc\xd8N\xe5\xee\xd2\x8f\x11\x8f&lt;}\xf0!`p\n\xb4\xad\x8e\xdd\x9f\x1eh\x9f\xb9\x8e\x1bP\xce\x90\xf1\x8fy\x06\xa7=\xb5=\xed\xec\xdfl\xdc\xc0\xa8j\x0cx\xb0{\xf2a[i\xce\r\x1d\x9a\xb0\x01\x00@\xf9+J\xc2t\xd0\xf93\xac\xe0\xb4\xb0\xbau\xfb\xac\x88?\xce0\x1cA5{\xde\xf0\xee\xd8\xf4&amp;~\xff\xbc\xbe5\xc1{+8\x1a\xeeJ!0\x12K\x115\x018ep\xa0\x0bN\x18\x0co\xd0\xce\x9e\x87\xd0\xb6\x96?vS\xedQ\xea\x03\xc2&amp;\x1f\xbdc\x12\x06\xba\xda\xe7\xf0\xde\x07\x00\xc8|\xf7\xa0M\xae\x00\xdb\x19\x00\x0e\x1c\xbe#\xc5\x98\xe3.\x1fScC\x86~or\x8f\x14?\x1b\x00\x806\x98\xc5!\x03\xf9D\xe3\xe3@k6G\xa6\x8b\x88.\xc8\x98K]\xd8W\xe6\x9fE\xed\x95\x7f~`\xbe5PwG\xc1+@\x00\x1c\x99\xb2\x7f\xfc\xd1"pb\x10^A\x03\xab\xf3+\xb1\x8b_\xb8\xe7\xa7\x07\xed\x8c8\x07\x1b\x02\xc3\x9a\xcd\x91\xe9\xba\xb8\xb8\xf0\xd2\xdb9\x00\x8a\xda\x9b\xc8\xfes\x15\xec7\x8f\x04\x9a\x00\x00`-\xde\xbc\xb5\x01\xfbfw\xef\xd2\x8c\xfc\xbc\x1e\x9c\x1c\x94\xf8y\xd7\xaf\x0fm\x8e\xec\x9b\xec\x8b\xd2\x88\xc8\xdc\x06\xdd\x91\xe0J\x95\xaf\x0c!\xcc\x02p\x86`\xda\x8b8\xfe]\xaa\xad\xcd\x88B\xd6\x0fq\x0bG\xfb6\xfd"\xfb\xb2\xb6\x03\xdf\xb8\xb5\x01\xe7\xcaq\xd4\xe5\xff\xb0\xb7\xc5=\x91B\x05\x1c\xff\x90\x1f\x19\xf3R\xfbj\xe3\xc7\xb1c1\x81^{VQ"\x08\xe3\xc2o\xfd?\'_\x01\x00R\x10\xb5\x86\xe3f\xfd\x08FZ\x1c\x97\xdb\xc4\x1a@\x97J\xad\x10_\x84^\x18\x16\xf4\x8b\n\xf9\x11\x1e\xb9ED\xc6&lt;\x8c\xbf\xff|\xd0J3h\xa7\xe3A\xd3\xecH\xa7\xdc~\xa7n\xa9&amp;\x88\xe4\xd7\xa2/\x9f\xfeh\xfa\x96v\x01\x00\xc6$\x9e\xebw\x89\x17|\x99\xd3w\x14\xecua\x1b\x91\xfc\x1a\x10\xde\xdd\xddc\x01\xb0Gv;\xc0"{\xe9\xe5\'\xb5F1\xe5\xec\xd4\x87\x9aDO76\xb0c\'\xecv\xde\x01\x004\x192\xcfFx\x021NeOr\x02M\x006\xfe\xab\x17ZBU\xe4pT\xedV\xf8\x80z\xc1\x06\xe0[\x80\x00\xa8`\xc8o\n\xc2\xd7\xbc\xec\x8f\x1b\x9fDj\x9eD\xb5u\x17\x07\x89z\x02\xc1\xa6|\xab\xf3\x9bV\xf4\x1a\xe0\xdb\xaeV\x18\xa2\xf4\xcf\xbd&amp;\xc2\xe6\xde\x1b\x99\xe3\xabA\xc1\x17* (\x01p\x06\x9cv\xba6&lt;\'\xe8\xfc\x93\x1eQ=\x1e\x94\xb5~\xea\xf1}O\xd9\xe1{"\x96H)\xc8|\xe7\x1a\xfd\xbb\xed\x10\xc2{\x86\x1ek\xba\x82\xff\xf9`\x00\x00\x18\x1e\xc42pF`\xb4\x8f\x02\x99\xe7$\xfa\xa2\xe1o\xd36G\xb3!_\xef\xb4\xd9,\xfb\xdc\xda-\xef\x8c\x7f\xc4\\\xee\x8d\x86\x86$\xbf hk\xe7\x00\x00@\x05\x84/=\x18\x89+\x9clG\x9cj\xbb\xc6a \x0f7\xc5\x93\x9a\xba/\x9d2\xe3NN\x18\xc8\xb7I\x92~\xe3\x18_\xc8\xa4S_\x89f\xcc\xed9\xa6ub\xe5/\xdf\x93\x1f\xff\xefa\xd8\x00\x00\xce\x98C\x90z\xec*\x8a\xf4\x8e\xaf\xbe\xec\xb0\xd8\x7f\xc3xAv\x00{Nv\x17\x012\xe8\xa6\xbfd\xcc\x97\'\xef\x15\x06\xd8\xda\xe7\xe8x1\xc3ls\x88C\xc6&lt;lu\xa5\x9b\x811\x06\xc0\x80`N\xee\x85\xdd\x05\xd0}Y\xeb1\xb2\xf1\xef\x95Wio\xce\xc8\x0e\xd9)\x91S\xe1\x95\xcfe\x17\xad;\x8b-5\xa4\xdb8\xfc\xcbK\x9a\xfc\xbc\xf3[\xec\xed \x00\xc0Y\xd09\xee\xef%\xb8\xecb\x01\xe8l\xe4\xc6\x7f\x8da\xb6b\xfb\x8e\xe8\xf1!\xcb\xad\xb9\xde\xd6\x06\x9c\x17\xbca\xec}\x1d\xca\x86\xa3\xaev\xd7\xb1\xf6\x9f \x00\xea\xd4y\xfe,v\x8c\x00\x9c:\xdd\xa6\xf1C7\xfe\xfb\xbe`,\x88\xc8\x98\xcf\xe3\x14\xdb&lt;\xf9\x1e\xc1\x06m^\xba\xb5\x01g\xc6\xeeB\x9fx\xc72U;\xb5\x99\xd2\x8fu\xbd\xc4\xea\x97b\x99\xe5.\x11\x99\xbb\xd1\xfcsb\x03\x80\xc1\x00\xc0\x9e LZ0\x0e\xd6wEl5&amp;\xe7\xd70\x9e\xb3\x91\x01\x00\xec\x0b\xc1T\x9d\xe65\xb9\xbfnc\x8cL\xee\xee6u%\xd8\xcf\xa9~\xfe\x14\xcfD\x00\x00g\xc9\xe9\x85\xf2\x13c\xdb\r\xc0v_\x17\xd8D\x95\xcd\xbbl\xa96\xf5N\x80\xf7\x8c\xa1\x9f\x929A\xf5\xfb\x0c|&gt;\x8a\x9d\xa4\xfe\x94\xe4)\xcd\x80\x9f\x93V1F\xabE\x9ff\xcc\xa5\xcb\xca\x96\x93\x9d\xa1&lt;\t\x008e\xee\xed\xfd&gt;X(?O\xc6\xed\x82\xf1\x16{\xd0\x95\x96\xa7\xa0-\xe3\x84Q\xf76"\xf9\x7fR\xa9\xa5\x89\x11\xf2\xb9\xba\xcf\x1a\xc9\x1e\\\xac\x14\x13N6\xf2l\xfeh\x17\x0002\n\xa1\xa1 a\x93/\xd9\x00\xfb\xe2\xf4V\xa9\x86\xe6\x9c\x94\x1f\x12\x0c\xda\xc6\xfd\x8c\xc3\r\x8d\\\xed\x15\xd6]t\xc4\xe0\x8c\xb0W\xd4\xe1R[\x1b\x00\xc0\xc9qq\xd1."{\x97.\x8aE\xc0\xee\xf872\xe6\x8f\x12\xf7*\xd7\x1b\x85\x91\xb8\x19\xba[\xdcFG\xecb\xbd\x1f\xa3\xb3w\x90\xeb\x931\xf7\\~Y\x0c\xe68\xf0O{\x18d\xcc\xc5\xf4_\x94KTt\xfd{\xb3s\x00\x00 \x00IDAT\xecf#64\x07\x0f\x8e1\xd7\x00\x00\xc0\x02\x01~4\xf8\x89\xac\xf6\xfaLd\xcc\x134\x05\xae\xcd#\x82+\x18\xdec\xb3m\x8e\xc9\x7f.\xfa\xa0\xb9\xd8\xe8\xa7\xb9Z_\'\xa0\xfc\xe2\n\xcd\xdf1\x00\x00\x00c\xf1I\xe7v\xd6q\xba/&amp;\xee\xbbE\xaa\x9d"\x95\xf3\xbdJz\xbb"\xca\xc0\xf6=\x18N\x9f\xad\x93\xc2\xb1\x03`M(P\xfb&gt;1""z\xf7\xd0\xfe\xe9\xca\xd96\x1c\x80\xd3\x87\x0c\x91y39W\xce\x08|2\xe9\xd4y\xfc\xc9\x9e\xb7\xedt\xdc\xee\xd4\xec~t\xfbj\x14\xae\xc0n=\xf2,v\xc9\xcb\x1f\x0cQ\xd5~\xe2\xb1}\xffM\xdb\xb1\xf1x\x93\t\x80\xfdc\xbf\xc7\xba\xe7\xf7\xbe\xc1\xb9B\xfc\xc5\xe80\xd8\xb7\x1e\xe7Dd.\xcc\xbe?f\xa1\xcb\xd4/\xe6\xec\xf3\n\xc1`f\x89\x13\x0cx"\xdajjT\xb6z\x8c\xe9\xdc\xc0a\xed\x8d\x0c{\xe5a\x00\x00\x18\x84\x17om@\xc8\xde\xcfQ\xc6&amp;\xe2\xdb\'\xa9\xeb\xd0\x16x\x9alud\x18(m\xb4\xe1\xc4\xba{:\xa5\x1e:\nu\xb5m~\xfa\xa1\xfe\x95&gt;YQ\x8e\xc3\x95\xf4r\xfbQ\xae\xebYA\x95\xa1\x07\x0c\x87\xc1\xc7&lt;\x00@\x93T\xfeA\x87\x9b\xeb\x1a\x03\xd6g\xf4.\xde\xdfV\xf0\x17\xe8-\xc3\xdb\xecz\x95~\xb1\xc1\xe0&gt;\xaf\xcaT\xa3\xb3\xa1Z\xe3M\x95\xaa?\x12w\xa8\xe5\x9a\xd7\xc3\xc8c\x9f\xeeo\xf6\xc5 "c~\xa5\x83\xccSp\x0e\x00\xe0|\xb9\xe5\xee_[&lt;\x19v\xd1\x0b\x1f\xb7\xb5\x01Ccefc\xf7\xa6\x8a\x85#\xc6\x8d\x016\x00\xc7\x8a\xb7-\x96\n\xafq\xa4\xcf:*L;W:|\x96\xa3\xd2\xff\xa9Z\xfd\xf6r\x00\x00\x90\xe1\xae\x88;z\xdc\x02\xce4\xe7\xb9\x92\xa9}\xc9\tO[\x7f\x15{D\xcd\xf9\xf7\xaa\xdd#\xed\xe1\xf5\xa1\x04\xcaI\xadV\xf9\x01\xe9\xb3\xc3\x7f\xe5\tx\x06\x00\xd0\x89\xf1O\x16\xc1\x16\xec\xff\xdb\'N\x87\x8a\'\x00\xf27\xf2\xef$\xb5\xea\xa4\xe8?\xd4[2x\xf7\xe5\x9c\xffV\xb4J\x05"2\xe6\xebS7\xab\xe4!\xf2\x00\x00\x00\x00\xabs\xda\xdf\xac\xb7;*:\xe2$\xfa\xee\x9b\xb76@\r\x8d\x97\xb8\xe6\xcfP\r\xd8\xb3\x9a\x9f\xe8\xdd\xeb\xb3\x0eP`\xcc\xa1\x0b\x00\x18\x85{4\xd4\xc5\xb2\xd1\xce\xde\x1d\x885\xe6\x94@W\x06\xd4l\x00\x14v\xf2\xb5\x12*?\xf0P\xa5\x0b\x0c\xcd\xbdq\xa2\x04\xc0\x89\x82\x89}\n @\x83\x81\xc1\xe04\xe2-\xeez\x8f\xf2^\xb3\xbb\x0e\x1a\xfb!\xe7\xb0\x86\x01\x00vO&lt;\xbe\xe8\x06\xc4\x81\xc3\xeb~y]7\xc9\xfd\x96C\xf5o\xfe\x06\xab\x80\xf9\xab\x83\xce\xf7\xb1\xc8\xdf#\xd2\xff\xfe\xa8I\x9a/\xf0x}\x83\x01\xd3\xa8q\xd4\x11~o5\xc3\xbe!\xd7)\xa36\x1f\x00\xb0w\xb6\xdd\x00\xec\xe3\xcb\x13\x19\xb4\xb9\xf1V|-\x1d\xfak\xfa\xe6o\xa2+\xec#\x9b\xdc\x85\x91+1\xfc\xf4\xf9\xdf\xf6/7e\r\xe0\xd5\x9b\xa3t\x06_\xf3m\xb0\x89d\xbd\x1b#\x0f\x95\x14{\xb4Y\xc0q\xcc\xbc\xe2\xc4\x9b\t\x00\x00=\x18!t\xae\xf1\x15\x90=?{7x\x1e\tN\x81a\x9f7\xb6n\x00"\x7f\xa8\x8b\xab6u\xab\xde\x98SC\xf3\xe3\xcb\xda\x02+\xb4G\xb9\xc9*\xda\xa3\x06H\xbf\x8b\x0c\x00p~\\#y\xb2\x85\x90Q\xcd\xd3D\xa5\x87\xcd\x9f\x92|\xbb\xe0\xb87\xf1\xb5\x98{k\xf2Ys6\x9d\xf5\x007\x18\xba\x7fb\xb9Y\xfa\x0e\xdd\xf8\x03\xeb\x9c \xec\xd03\xf5\xa8\xef|J\x85\xf0\xcdr\x00\x808\xa7\x10\x17n\xbc\x9dj\x8e\xf7N\xc0\xc3\xea\xc0\'`D\xecW}\xce&gt;g:&lt;\x99\xfc\xd2\xe9\xd7\xd7lhJOv\xd9\xcb\xfc\xe7\xc6;\xfecv\x00\x80\x819\xed\x98r\xda\x1f\xcc\xdd\xdc\x00\x00\x06dI\x95\xe4\x7f\xd3\r\xec\x96\xf5\xf2c\x95\xc3x\xae\x10\x9c\xfd\x03\xb0{x\xd3\xf8&lt;\xe7y\xefV\xeb\xcb_\xe1C\xd2\xc5\xd1\xc2Z\x15~\xe7&lt;G\x14\xe8\x06\x91\xf9\xb4.\x13J]d\xb7\xea\x0f\xees\x1c\xfbAU\xb50\xc1gV\xfc\xc4\xb6\xc6\x06\x80m0\xba\x18\x00\xb0\x03\xe6\x97\x15O&gt;f\x1d\xdax\xf9\xae\x1a:\n\x07 \xcb\xd9Ld\x1bZ~H6\xfc\x9b\xaco\x08=I\xf6\xdb\xae\xfdZ\x0e\x00\x00\xfb\xe7,\xf3\x86&gt;\xc0\x87\xa7\xcf\xb8]|V\x13\xd9\xfb\x9e\xd0\x97\x13\x19s\xcdb\xf9\x95\x8c\x03L\xfe\xa3K\x8fhw4\x86\r\x00\xe0D9\xab\xbcA\xcc\xdf\xd8\x8f}\x7f1[\xf4\xf0\xf5s/\xeca\x05\xbbw\xc2\xf7\xa7o\xce\xa8B\xe6\xb2\x99o\x10\x02\xbb\xe3\xde[\x1b\xb0\x02/\x17\xbd\xd4\'\x08q\xffDJ\xaf\x8c\x8f\xc7I6*\xe4\xf1\xd8\x00\x00\x00\xce\x88\xa6 u\x9a\xab\x9d\x0c\x9d7D7\xf1\xe4!\r\xc2.\x0e\x9c\x00\x82\xbdn\xc7\x01_\xf1\x15.\xfd\n\x03\x97\xd1\xff`\x9f1\xc9\r\xe7\xe8f\x03\x00\xc6`\xd50w\xb9\xb5\x14\x8dL\x9d\xb7u\xbb\xa9%\xa7\xc1\x17\xcf\x81\xd1\xd1\xfaZ\x05\xef\x15 ~\x15\xc1l\xfd\xaa~_\x1d\x86IZM\xf7\xefr\xe8\x08\x823\x00`(\xb2\'\xc7\xfb\x0bX\xbc\x04z\xd4vQ\xfc\xfb\x10\xb9\xa7\xfb\r\x0b\xcc\x8e\x97\xd5\x13\xa4z/:&amp;\xfa/\x98\x91\x85\xb4J\xbb\xf2\x8c\xfcf\xe1\xfa\x10\xd1u\x874\xac\x86\x1f\xafu\xf2\x10\x1e\x18\xc1\x06\x00@+\'2\x93\x87]\xb4\xaa\xe14\x87\x88\xcc\xad\xc2|\xf7\xd3;Y\xe4\xab\xce\x14\xb5\xb3\xf0\xc8\x06@\xfd\xf4\xeb\xa4\xba^\x11\xbdI\xb1r\xb22\xf2#\xa0\x0e\x86\x1d\x1b+}h\xd0\x81\xcf\x1b\xf3\xf9\xdb\xc1\x9e\xd7ml\x85\x9c\x13[\x95\x00\x00 \n\xbdK\'\xd8\xd5\x08iy\xe1$%\xb1m\xa5W\x8f\xfb\x91%?\xb1T\x8f\xb6\xe4\xd8\xf6&lt;\xc2\xba\xa8\xd8e\xa35y\x10V\xfa@E\x0f\x15\xe7\x9a9\xf5iu\xdc\x99\xa9yt\x9e\x9e\xef\xc4\xe7om\x00\x00\x00\xf4Eg\xcdx\x85\xf0]\xd8v\x8d\xd9\xb7\x86v\xba\x10\xf2\xcc\xde\xecc\xbe\x91\x9f\xa5b\xf6\xb0\xed\x91\xd2\xcb~\xcf\xcf]\xb6\x04\x03m\x00F\x1e\x06#\xdb\x06v\x81\xee\xb9\t\x00\x00\x8c\x12\x1a\xba~aEB\xc4\x99\x1e4\xf6\x80\xf7\xceR\x1f\xd5\xfa\x8f\x80\xba\xd4\xda\x9e\xd3{Y\xceewM\xdb\xdc\xe0F\x036\xb7\x7f\x1c\x1eQ.\xb2{\xd0\xdd\x00\xec\x80\xddLT+\x1d\xd9\x8d\xcd\x16{\xb4\xb9\x17[&amp;\x97w\xa8\xd5{\xca\xd9p\x84T\x1f\x9d\xf4\xae`C\x8a^\xe5D\xbfq\xbb\x06\xc3\xc6\xa2\xf1x~/\x9e\xdc\x8b\x9d\x00\x80\xe1\xb1&gt;\x0f\xda#\xb2(|W\x06\x16\xb9=\xc2\xee\xb5S\xea\xdc\xad\x1e\xc2\x8c\xe2\xc3\x0e\xdf\x01\xd5\xb9i#\x1e\x7f\x9cC\xc4;\xf9\x06v\xe1\xd4\x9f\x1f\x02\x00\xf2h/\xb1\xec5\xbbIi\xddW[\xf4\xfe\xc6=y\x19\x00\xce\rQ\xc0\x19\xf0\x1bl2\x84\xd6~\x84\\\xc8\x1dtlY\x08\xbf\xa4kG.\xdd\x1e\xed\x14\x19\xce\x07\x00\x00\x8b\x8a ;\xe4\xd1\x05\xfb\x94\xfa\x84\xfe\xc4A\x06/\xf3\x18\xaa\xcb&amp;c\x062\xa9\x03\xe3\xb5n\xa41\xa0\n\x99\x9f\xe8\xfd\xe2G\x83p\xc2\x06\xa0\x022f\xa7#v\x8f6\x03pvl=Q\x05\xd1m%S\xd9\xa7\xfb^\x99\xcf\xebb\x8d\x8c5{s\xeb\x91S\xc6:z$2\x83&gt;n\x1e\xd0$5\x86t\xb89Q\x9f\xdb\xd9\xbf\xeeN@E\xdaI\xfa|c\xf6\xffg\nwm&lt;\x00g\x8a\xfaC\xc9\xb1\x02\x81(q\xa9\xcbrF\xcd\x8d:\xf1\xbc\xad\r\xd0\xe4&gt;\xe7\xd5w\x0e\xd2\xbf2\xdb\xd5\x98\xa2\xfa\xd8\xb5\xe1\xa2M\x89\nk\xf7\xd5@P\xc9\x90\x7fd\x8d\xc3\x07N\xc71;\xb5\x1f\x80\xf3\x85\xcc\xaf\x9d\xf8\xa4\x1d&amp;;\x1f\xc4\x8caq^\xef\xe9\xf7\xad\xa0\xfe\xef\x83&gt;LX\x81\xce\x7f\x0b\x8c\xba\xbf\xf3\xb0\xc3\x0fs\x93\xd1I\xf5\xf2\xd57lo\xc5\x96lw\xbb\xb8N\xec\xd4\t\xf3\xa7\xe1\xb0\x01\x00\x00\xc4A\x94\xefJ\xd9\xbd\xc3\xa7\xb9\xb4\xca \x89o\x00\xd6w\xce\xe6\x1b\x8f\xb0\xe1\xba\xf6\x1c\xa4\x05\xcd\xdc\xa6\xc9\xd2\xa6\xf5\xef\x9a\xe6\xef-\xd8\x9e\xc8T\xaa|7o\x88\xe6\x0c\xc8{\xf7\xb0h\x92\xcd\xd6\xc6\x14\xb8\xd4\xd6\x06\x000\x1a\xdf\xb9\x82\x0e"c\xcc\xc5\n\x8a:\xf0\xa5C\xbeq\xee\xd9sQp\xef\x94\x8du\xb4\xa8y\xad\xda\xc4\xc7\x17\x17\x17\x17\x17\xff\xef\xe2b\xc3\xc1\xb9\xcd\xde8l\xf1*NXA\xc5\xbb\xa3W\x07{\xd9\xa9\xc9\x0f\x9b\x0e\xd7\xe4\x9bW\xf5Fm\xda\x9c\x81\xb9\xfc\xd6\x06pX\xfa\x0e\xdd\x08\x00HPXV\xdb\xd3\xc7^/\x8dDO8z\xbe\xa3\xf2\xfc&gt;\x92\x9bX\xda;\xbf\xf1\tvN\xcf1\xec\x8d\x96\x01P6\xe3i\xaa\xd2\xd4\xe9\xb9\xe1\xa7\xf8\xc3\xbaQ:\xdab\xc8\xf7R\x86\xb6\xa7"\xb6\xef\xe5\xf8\x1f\x00\x10\xb2\xd6\xbc\x1d#@\x84q\xaa\x18\xbc\xa2\x1b\x80o\xee\x14\xf2n\xbdNnM\xc1\xafZJ\x07\xdd\x1b`}\x8a\xd1\xc5\'\'\xbd?\x9c\xdeu\xbe\xf2\xa1\x81\xe36\x139\x991WO\x84\xa3m\xdd\xf2\xc9\x9bj\x0fp\xb6s5\xefab\x03\x00\x00(\xb2\xf1\x1b\xcf\xd6\x0f\xfe\x99G]\xf0"\xa2_\xdbS\xae\x93y\x15\x9b\xb2w\xab\xb5l\xc2\xe6\x06\xec\x86\x93^\xb6\xc9T\xfe\xd9\xdabf\xbf\xa6\xc7\x18\xba\xd2\xe7\xf1=wb\xe3\xc7\xbd\xf1-\x1c\t\xfb\x1d\xd1\xda?\x8b\xa9n\x14\x00`\x17\xece\xf2s\x16\xc5_\x13\xc8\xda&amp;\xf0\xd5i\\\xc7\xce\xcdW\x82\x07\x1d\xcc\xd8\xcf\x98\xdc\x0c"2\xe6\x03\xebjj\xdb\x12W\xd3V\xfd\x17\xb6P\xaa\x88h\x0c\x93\xfb\xc3\x1c\xe8\xba=\xe4\xd9\xe0\xecc\x90]Y\r\xd6~ltS+\x19\xf1m+\x00\x00\xb0P&gt;\x15\xe3n\x00\xb6\x8f\x8cd}+\xcb\x96\x9f\x06\xfe\xba\xde\xaeh\x94\xff\xd1=\x9d\xb3\xfd0\xd8\x13\xe7\x9dO\xb4F*n\xf5\xba\xac\x94\xbeO?\x8cTlx\xec\xe7\xbaC\xf3g\xceG\xc9F\xb7V\x02\xcd\x1f8!\xa2u\xbeS\x04\x00\xb0\x02S\x9cz\xc4)\x05,1\'\x12\xb2i9\x1a&lt;\x85\xe6\xe4h{\x85\xe9\xc4\x9d\xd3\x95\x83\xeb\xfe\xf7\xc6V\xec\x1e\xe9\x07\x0c\x1aF\xecK\xeb\xde\xfa\xe8\xf1\x04\xa0(p_\x13\xd3\x7f\xcd\xf2\x846\x00\xee\xfb\xa2\xce\x17\xfe\xee\xbdi\x00\x00`S\x19\xd7\</t>
        </is>
      </c>
      <c r="E533" t="inlineStr">
        <is>
          <t>&lt;class 'numpy.ndarray'&gt;</t>
        </is>
      </c>
    </row>
    <row r="534">
      <c r="A534" s="1" t="n">
        <v>532</v>
      </c>
      <c r="B534" t="inlineStr">
        <is>
          <t>steps_per_sec</t>
        </is>
      </c>
      <c r="C534" t="n">
        <v>6000</v>
      </c>
      <c r="D534" t="inlineStr">
        <is>
          <t>3.093956</t>
        </is>
      </c>
      <c r="E534" t="inlineStr">
        <is>
          <t>&lt;class 'numpy.ndarray'&gt;</t>
        </is>
      </c>
    </row>
    <row r="535">
      <c r="A535" s="1" t="n">
        <v>533</v>
      </c>
      <c r="B535" t="inlineStr">
        <is>
          <t>Loss/RPNLoss/localization_loss</t>
        </is>
      </c>
      <c r="C535" t="n">
        <v>6000</v>
      </c>
      <c r="D535" t="inlineStr">
        <is>
          <t>0.24971922</t>
        </is>
      </c>
      <c r="E535" t="inlineStr">
        <is>
          <t>&lt;class 'numpy.ndarray'&gt;</t>
        </is>
      </c>
    </row>
    <row r="536">
      <c r="A536" s="1" t="n">
        <v>534</v>
      </c>
      <c r="B536" t="inlineStr">
        <is>
          <t>Loss/RPNLoss/objectness_loss</t>
        </is>
      </c>
      <c r="C536" t="n">
        <v>6000</v>
      </c>
      <c r="D536" t="inlineStr">
        <is>
          <t>0.042056672</t>
        </is>
      </c>
      <c r="E536" t="inlineStr">
        <is>
          <t>&lt;class 'numpy.ndarray'&gt;</t>
        </is>
      </c>
    </row>
    <row r="537">
      <c r="A537" s="1" t="n">
        <v>535</v>
      </c>
      <c r="B537" t="inlineStr">
        <is>
          <t>Loss/BoxClassifierLoss/localization_loss</t>
        </is>
      </c>
      <c r="C537" t="n">
        <v>6000</v>
      </c>
      <c r="D537" t="inlineStr">
        <is>
          <t>0.1481981</t>
        </is>
      </c>
      <c r="E537" t="inlineStr">
        <is>
          <t>&lt;class 'numpy.ndarray'&gt;</t>
        </is>
      </c>
    </row>
    <row r="538">
      <c r="A538" s="1" t="n">
        <v>536</v>
      </c>
      <c r="B538" t="inlineStr">
        <is>
          <t>Loss/BoxClassifierLoss/classification_loss</t>
        </is>
      </c>
      <c r="C538" t="n">
        <v>6000</v>
      </c>
      <c r="D538" t="inlineStr">
        <is>
          <t>0.12309704</t>
        </is>
      </c>
      <c r="E538" t="inlineStr">
        <is>
          <t>&lt;class 'numpy.ndarray'&gt;</t>
        </is>
      </c>
    </row>
    <row r="539">
      <c r="A539" s="1" t="n">
        <v>537</v>
      </c>
      <c r="B539" t="inlineStr">
        <is>
          <t>Loss/regularization_loss</t>
        </is>
      </c>
      <c r="C539" t="n">
        <v>6000</v>
      </c>
      <c r="D539" t="inlineStr">
        <is>
          <t>0.0</t>
        </is>
      </c>
      <c r="E539" t="inlineStr">
        <is>
          <t>&lt;class 'numpy.ndarray'&gt;</t>
        </is>
      </c>
    </row>
    <row r="540">
      <c r="A540" s="1" t="n">
        <v>538</v>
      </c>
      <c r="B540" t="inlineStr">
        <is>
          <t>Loss/total_loss</t>
        </is>
      </c>
      <c r="C540" t="n">
        <v>6000</v>
      </c>
      <c r="D540" t="inlineStr">
        <is>
          <t>0.563071</t>
        </is>
      </c>
      <c r="E540" t="inlineStr">
        <is>
          <t>&lt;class 'numpy.ndarray'&gt;</t>
        </is>
      </c>
    </row>
    <row r="541">
      <c r="A541" s="1" t="n">
        <v>539</v>
      </c>
      <c r="B541" t="inlineStr">
        <is>
          <t>learning_rate</t>
        </is>
      </c>
      <c r="C541" t="n">
        <v>6000</v>
      </c>
      <c r="D541" t="inlineStr">
        <is>
          <t>0.0398358</t>
        </is>
      </c>
      <c r="E541" t="inlineStr">
        <is>
          <t>&lt;class 'numpy.ndarray'&gt;</t>
        </is>
      </c>
    </row>
    <row r="542">
      <c r="A542" s="1" t="n">
        <v>540</v>
      </c>
      <c r="B542" t="inlineStr">
        <is>
          <t>train_input_images</t>
        </is>
      </c>
      <c r="C542" t="n">
        <v>6000</v>
      </c>
      <c r="D542" t="inlineStr">
        <is>
          <t>[b'1024' b'1024'
 b'\x89PNG\r\n\x1a\n\x00\x00\x00\rIHDR\x00\x00\x04\x00\x00\x00\x04\x00\x08\x02\x00\x00\x00\xf0\x7f\xbc\xd4\x00\x00 \x00IDATx\x9c\xec}w\xdc}GQ\xf7&lt;\x94 \x1d\x91\xdeC/\n\xd2\xa4K34)\nB\x90^"-\x10:\x04\x90^\x85\x00\xa1\x08\x08\xd2\x91"U\xfa\x0bH\x0bM\x9aH\xefJ\x91.\xa0\x91*d\xde?\xee)\xdbwvwfw\xcf\xb9\xe7\xfby\xf2\xcb}\xee\xd9\x9d&gt;\xb3\xb3{\xce\xbd\x0f\xc0\x86\rT \x00\xc6\xc6\xbc\x1a1:f\xc3\x86}\x00\xc2\x96\x0b\x8b\xc5\xd7\x91R\xee6t\x8e\xfaN\xdcbf\xc3\x04\xc4\xad\x8c\xec\x01\xda:\xb8\xa3\xf0B\xc4m\x03\xb0a\xc3\x08\x04\xf8\xcb\xd62l`\x01z\x8a\xdb\xca\xcb\x1d"^p+\xe9d\xb4k\xf80\xf8\xeb\x86&amp;\xc0\xbf\xdbrg\x0fp\t\x80\x17\xb7\x96\xa1\x0b\xd4\xda\x00lg\xab\x1b6l\xa8\x8a\x8a\xa7\x1b\xcf\xeb\xa4\x81\x1bT\xaeWl\x17~\\\xfa\xf0\xb6\xe7_\xcdM\xd7\\\x80\rk\xc6\x16^\xbd\xc3\x7f\xfe\xc1\xeb\xbb\x85\xaf\x13-\xb1\xd9m\xc3\x86\x1c\x14\xb4\xc2\x19\xb3\x96\x9e\xa7y*o\x85\xbd\x04\x95wk.\xee\x1b6l\xf0\x02\xf7\xf1\x99\xb0\xed\xb9\xa0~\xe0q\xc4\xe6\x9d\r\x1b\xc2X\xf4]\xc7\x80\xe4\x02J\x15\x15\xfc\xe5\x1a\xb95\xd0\xf7\x94Z%\xf6\x8d\xf8v\x08\x04xKk\x196t\x8auo\x00\x1c\xaam\x1b\x80\xde\xb1yg\xc3\x86\x08\xb8\xea\xb6\xf9\xac6"\xc2\xe5\xda&gt;7R\xca\x1d\xe7\x83\xad\xad\x924\x036\xde\x00l\x181\xdc\x87\xd9\x1c\xb1a\xdf\xe0\xfc\x90\xdc\x96\x0c\xbdc\xf3\xce\x86\xaaXl\xa7\xc2^\xca(\x8fm\x1c\xc1\xca\xd1\x14\x00\x1e]\xa4\x11*\xe0\x92iC\x06j\xbb`\x91\xee\xce\xce\xdf\x94Y\xbb\x8c\xde\xda\x9e\rk\xc4\x16\xd3\x0b\xc5V\x8f6\xf4\x82\x85\xf6\x8b\xcaQ7u\x06\x0b\xcfb"&gt;\x9cOiS\x10\xe0\xba\xe4\x89\x08\xa0\xf7\xfe\x04\x87\x86\x87\xed\xe1\xc3\xb1\x8ch\xd1\xfd/\xcaY\x88\xb9\x8fHe\xcc\xc2\xed\xdcs\xc3Z\xb1\xc5\xf4\xf2\x90\xde\xb8l\xd8 \x8aE&gt;R/\x90D1j\x88\x9f\x953\x94\xd2\xfd#"\xfc\x82\xc6h\xec\x87\xac\xfe?&gt;\xdd7Ry\x7fAQ\xd1\x8b\xa8;\xd3=r\x81\tU\x07\xa9Q\xea\x9c+$\xdb\x86\r\x1b6\xc8b+a\x1b6\x14`z\xc0\xfdM\xbcdi\x89)\x97\xb9#\xe5\xb4.g8\xdd\xf4\xc1\x1c\xad\xbc\xef\x1b6\xbf\xb9\x95\xa9tl\xe5=\x86)\xb4\x92\xee\xdd!\xbcw\x89\xfb\xd2\r\x1bja+=\x1bz\xc2\x16\x8a\x1b\xe8\xa0D\xcb\xd8\x01\x1c\xca\xff!W\xd6\xc3\xc5\xc3K\xe8dH\xe2m\xff]\xdd\x12q\xab\xb04\xf4\xd2\x17.\xdf\x92\xbd\x01\xc5\xbe\xb0q\xf3\x14\r\xab(\x10+\xc7Z\xea\xf8\x86\r\x1b\x16\t\xc7"\x8d\x08p\xfb\xf1\xd1\xf9\xe0\xd7_\x12\x8e\xde\xf5\xa6\x96\xb9\xd0q\xd6\xcf2:\xbc\x1b\x00\x17\x9d\xf5m\x00\x10\xb7\xfb\x15\x1b\xd2`\x95\x91sm!\xe4\xc5\xd2\x0b\xc4\xfa\xb1\x8a:\xbeA\xc5\xe6\xca\r\x0b\x02""|\x03\xf57Po\xdcC\xd3)\xf4\x95\r@\t\xaeW6]\x12Y\x1dyB\xf7\xffs\xfa&gt;aA\xd8&gt;\xe5\xb9\xc1\x00\xf9\t\xba\xcf\xcc\x1f\xbc\x99\xcb\xcb\xab|\xd3\xb7\x18[\x1crJ\xc3\xa7$\x04\x91\x06\xc7\xd2\xb8a\xc3\xca\xb0eD\x1d\xd8\xe7g\x17\xde\x19\x9f\xa9k\x1f\xb9\xc0\x91\xfeK\x0b\x86\xd5\x8e\x8bl\x00\x12\xb6\n\x0b\xc3\xd2\xe5\xdf\xc0\x86\x94\x90\xbe\xa4=+4w\xf1i\xb2\x8fX\xbf\xcfR\xcb7n7L7,\x00[\x88\xae\x03\x94\xc5\x18\xf5\x9f\x1c\x1e\x00O\xcb\x98\xd8\x05\xa6\xb6\xa3\xd1\x06\x80U\x99\r\x1bZ";\xaa\xa3\x19\xb1e\xca\x86\xde\xf0\x97[\x05\xdf\xb0a\xc3\xc2\x81Y_\x0fbPX4v\x8a\xdf c\x0bdw\xf3\xbe]\xc4\xb6\x01\xd8O\xec\xd9\x91_\xf2\x16\xda\x9c\xec\xb6\xd5\x96,\x1bz\xc2V\xc17l\xd80\x02\x01\x1e\xd5Z\x86\x12lu,\x13\xee\x85`\xbb\x03\xb0a\x04"\x02\\\xb9\xb5\x14K\x81w\xb3\xb4e\xca\x86\x8e\xe0/\xdf[M_\x1c\xf6\xd6_{\xab8;\x10\xe0\xec\xade\x10\xc5\x16*^8\xd7\x82\xf0\x9b[\xf7\xbfA\x008\xfe+\x1dW/\x12\xa6\xefD\xcbd\xf9\x8f\x86\xbc7,\x07\xe8&lt;\xfb)\xa5\xb9A\x10\x88\x88\xaf\xdf\xd3\x95X\xe4[\x1d7\xec\x07\xb6\xb0\x991v\xf3h\xbc\xb3m\x00\xaa\xc2\xf2\x02/m\t\xb2\xcb\xc3\xf6}\'\x1b6l`E\xb3\x9ab\xaf\xdc\x1b6\xac\x0b[x\xd7\xc0=&lt;\xcf\xfcXo4\xe9\xfe\xf7a\xb3\x81J1\xe7Wv\x0f\x0c\x18\x06\xea\xaf\xb7\xaf\x7f\xdd\xb0a\xc3R\xb1+^\xe7\xc0\xae?\xa1\x95*X\xb7\x8alh\x04\xfe^\xb3\xab\x18\xebJ\x98\x118&gt;\x89\xa1\xd5\x16l\xb8\x01\x18\xd8\xd5.t\xb5\xd9)jv\x19\x18$t+\xbc{+\x0b\xd3\x8e+)\xba:[vO\xd4Z\x80\r=\xc2&gt;\xc2\x81[t\x14\xb5M\xb1t;\x1c\x00\x1c\x00|\xeb\xe0\x00\xe0\xe0\xa0\xb50\x06\xf2\xd6\x00\xb4^l\xd8{\x94\x86\xb6\x1dK\xf5\x93\xc5\x9f\x0e\x08\x1dF\xfb\xae\xd3\x87\x0f\x8f\x0f\xd8\xa1\xbb\xfd&gt;\xf8\xa3\xea\x92\t\x16:\x04\xf8\xad\xcdO\x8c\x9d\x1bC-?8\x90d]\xa1A\xefm=\x02\x18\x1e\xfc\x19v\xb6\xda\xc7\xdd\xc7f\x1e\x01\x88=}\xafw\xa3\xfa\x94j\x03\x15"w\xfd\x12cu\x0b\xa1\r\\\xc8\x8c\xa5\xd3nul\x03\xc0\xfc\x89\xc0\xa2x\xd8\xabXb\xec\xed\xec\xa7\xfd\x95S\xff\xf5dhW\x9fg\xa8#\xc3\xff\x04\x83\x04\x01\xce&amp;/C\x03(\x0f\xca\xa2/\xba)\xe9\x934x\xc3\x062\xda\x17\xa0}\x87\xbf\xfe\xfe|X\\\xdf\xb2\xf9H\x1a=\xac\xc4\x1b\xbaA\xfb\x85vA\xd1\xc8)\xaa\xb7\xfb_\x0fr\xfa\xbfU\xa3\xaf\xc7Z\x98\xa1n\x00\x86\x7f\x95_\xe9\x8f\xf4\x8c\x7fq\x0fn\xb6^[m\x08C\xa6X\x88\xc6\xd3\x16\xacq\x10\xdc\xba\x99Q\x1co^\xf1"\xb4!\x19lG\xday\xb3\xb2\x1a\xdfU\x04\xf0\x9a[\xff\x1d\x10\x0e\x99&gt;q\xbb\xea\xde\x97\x04\xa9\x0f\x1f\xf7\x81\xd7#"\xc0\x19\xf9\x08\xfe\x12\xe0\xbd|\xd4\xf6\x0b\xff\xdeZ\x80"\xa4\xd6\xc4\xedhaQh\xe2\xa9-&lt;\x14\xec\xfbJ\xbc\xa1\x17\x8cu\xfe4\xa9\xf3V\x90\xd1\xabn\xfd7d\xa0f$\xf0f\xd0\xb6\xc1\xeb\x08\xbb\x9ar\x93\xd6b\x14\xe0#[Y\xac\x84m\xef\xc4\x07^3J\xf8\xe5};\xca\x88\x08\xf0\xf4\\"[\xb4\xec\x03\n\xbdL-\xe0{\xdf\x01\xef\x8d\xee\xfb\xee\xe80\x1a~1\x11\x0b\xd3\xa5\x7f\xb1\xd2\xda\xb0y\xc2\x87\xcd2\x1a\xb6\r@\x9f\x90i\x8c\xe6o\x1c\xc9w\xfa\xdb\xb7hY=.RL\xc1\x0e0\xee\xb0\xe9\xb1\xa1D\x80\x87\xb6\x96\xa1S\xec\xfdN/\x84\xd187h\xc2\x9c\x87\x88\xb8s{\r\x9e\xad\x85j\x04\xba\xcd+xg\xbb\xff\xb5!\x0f\xee\xea\x91\xbe^\x92\xab\x90\xa3^m\x15\xac\x1a&gt;\xdeZ\x80&amp;@\xe4\xfeV\xef.\x1bJ\xdc&gt;a\xef\xc5f\x16/\x18\xb2c\x0f\x1e\'\xebV\xb5\xce\xfe`\x81\x18.\xd1Z\x00\x16Hyj\xd5\xb9\xb7A\n\x9e\xaa\x9d\xb7$d~\ns?\xcaW\'\xd8WSs\xc7\x98\xf7\xdc\r\x11~\xd4\xd0\xc8\xd3\xed\xb5}u\xf4\x86d0D\xcb\x1el\x0064\xc6\nbK:CV`\xa2\r\xd5\xa1\xc7d\xc1#:\xb9\x1b\x80-n\xf7\x02\xfb\xe1\xe5\x8f\xe0\xa5\xb6{\xf2\x1b\xf6\x0c\xcb\xee\xfe\x9f\x8b\x00\xa7 \x8d|\xcd\x96\xda\x1b\xf2q\x8fm\x030A9c\xde\x92*\x80*\xcf\x8fM\xaf\x8a\x0er\xb2EM\x99\x98\xfa\xe7\xdc7t\x80E\xf5\x07,\x9f?\xfe=\x1eYJ\xb1\x95\xd6\r\xfd\xe1a]U\x03\xfa-h\x04D\xb8\xe8\x96S\x1b\xb2\xb1m\x00\x1cX\xa8\xd8uP\xa1\xdc\x8c\xf4\xe7\xee\x9f\x9f\xa3\xf7\x99\xa2$v\xa9}dG\xcbLM&lt;\xb5\xb5\x006\xf6\xc7\x11\xdf\xecH\xd9\xed^\x04\x1b6Kr\x81\xff\x039\x15\x81\x88\xf8\x1fm\x85\xefi\xf3\xb4\xc1\xc0\xc5Z\x0b\xb0\xa1\x04{^\xe5\x05\xbb\x7f\xdf\x19p\n\xc7E\xaf\x1c\x1b&amp;\xecy\x96\x05\xb0\x99%\x0fu\xec\xb6\xcf\xdea\xd7}\xa1\xc6DD\x84\xabn\x1b\x80\r\xddcQ\xb7\xdd\xf7\r\xfb\xd3\x03\xa1\n\xe7\xe5$J{c\xb7\x15c\xf3 x\x8c\xe0|\xf3\x1b\xc5dy!\xc1\x02\x95\x9frRBXw\xdc\xae[;.\xf4\xd5Su$\xca\x86\xde\xb0uK\x1b:@d\x03\x90A\x89&gt;\xb6\x88\xdd\x86\r\x8bC\x85oC\x17a\x81\xca\xbf,\xa4(onP\x81p\xce\xb0\x95\x18\xdb\x89\xd73\xd1\xa1\xe3n\xd59n\xd8\xb0\xa1KlO\x92T\x83\xd6\xfd3}\xd54eg\xbbm\x006\x08co\xefG\xdd\xb7\x1d\xeb\\k\x0b\x96\x82\x95\x04\xc0X0o\xef\x1f\xf2\xcd&lt;\xc2\x96\x89\xf63k6l\xd8\xd0\x0b\xf02{\xbaxg\xa0\xccP\\\xc7\xff\x8e\xbdD+\xf7m\x91\xb3\xcf\x18\\\xaflD\xdb\x04\xc3\xfe\xedo[Z\xdb\x8d\x15\x9d2\x10\x0fVr\xc9\xceo\xf4\xe5\xc1\r\x8d`\x86\xc5j\x12iC\x13$\xc7\xcf\x8aj\xb7(\x8a{\xf7\x94f=\xc8\x08ul\x1b\x80}\x85\xcf\xf8u\x9dr\x1bc\'P\x1b\x88\x08p+\xf8\xd5^Ec_\xca&gt;m\x85\xa7HI\xea\xc4o\xea.\xf0.\xd9\xb2\x04\x1e\xab\x0f\xd71\xdb\x86\rK\x049\xf2\x1f=\xfc\xff:\x8c\xc92\' \x13\xc1\xdePC/\x82\x01\xebt\xff\x14\xcakut\xefh\xbd\xf7s\xa0\x9dHC\xd9\xa9\xf54cG6\x17\x00\xe3\xa7\x90\x89\xbc:D\xa2`\x9de"\x13\x96\xa6\xd1\xae\xfal\x1b\x80\xce\xb09\xa2s0\x17\xaf-\xfb8@0\xa0h\xc7\xf3\xac\xcd\x83]\xa3\xc3,\x1bE\xba_+\xfe\x1cD\xfe\x95\x83\xc8\xa21~\n\xb9Ft\xf5\xf7,\xd3\x80\x0eE\xda\x10G?n\xebG\x92\xe6\xa8f\x8a\xcd\xe6\x1b6l\xd8\x13T\xe8\x9c\xd2\xe8W&lt;\x83\xdfP\x01\x9b+7l\xc8\xc4\x96&lt;\x1b6\xb4\x05\x02\x9c\xa2\xb5\x0c\x1b6,\x14?o-\xc0\xda\xe1\xbe\x87\xd3\xe7\x89\xf8\x1e\xa2\xd6\xf3l&lt;\xdb\xe6(\x05\x04\xf8p1\x97\xfd\xc5\x96\x93\x1b\x1a"\xfbv\xff&gt;\xc7\xed\xb6\x94\x96c3`\xcfh\xfe\t\x90\xa6X\xf2\x83\xd7\x1d&gt;\xc1\xb5AE5\x071}\x9a+\xf2\x991@\x84\'kc\xf6\'\x02\xd7\xd9&lt;\xed\x89\xf36@A\xaenAR\r\xfbSO\x1b\x03\x11\xe0\xc6\xad\x85\xe8\x04\x0b\xee\x80\xcb1&lt;qt\x89\x85\xe6\xdd\x12e\xde+&lt;;x\x95\xcd}s\xf7/\xbe\x82h\xe5b\xc7\xf7\x8b\x8b\xcc\x9dD,\xb3@D\xb05\x1c\xfb\x85t_\xf7\x19!\x1d\x8a\xc4\x81\xd5}\xf1@\xbf\xea\xf4)U\x0c\x9d\x1as\xa1x\xc2R\xc3\xa0\x19\x9c{\xc5\xcd\x86\x1d!\xb6\x820;k\xbe\xf3\xf0\x91-\x0c\x16\x88&gt;\x1a\x8e\xe6\x02\xac\x0c\x9c\xf9\xff\xf0."d? \xf8\xcdc\xad&lt;\xd8\xed\x07:\xfb\x94*\x02D\x04xAk)\xba\xc1\x1b\x16\xe9\xc4\xf5\xe0\xea\xbb\xfd\xc0kZ\xcb\x91\x8a5\x87M\xad\xaf\xd0\xd5\xbe*S\x8ci7\x9e\x1a\x94\xect1\xab\x8f}\xb3\xc3\xa2\xf4\xe5m"\xb7\xb0\xaf\x88&gt;6\xe4\x1bl|\xb2\xb5\x00\x19x:7\xc1\xde"\xb37y6,\x02+\x0b\x9b\xfa\xea\xa0\x01\xb8\xc0\xda7\x00\x00\xcb\xfe\xb4\xd0\x86\xfd\x01"\xc2\xe5\x18\x035\x95\xd4\x96&amp;%\xd8\xb6[N4\xb7Is\x01&amp;\x10%A\xb8\xd9\x96\x89\x1b6\xd8XSR\xdcq\xfa3\x08\x88\x08\xc7U\xfd\xc0\xb1~\xfc\xff\x90\n\xac\x9bcM\xa1\xb3a\xa5`\xee \x0b\xa8\xfd\xfev\x9e\x9d\x8a\xcd\\\x1b\x82\xa0\'\x14\xff\xbd\xbb-8\x15\xf0W\xb6?\xe4&amp;\xb8\xa1-\xaa\xe4\x8b\xd6\x88\xd7\x81\xd1\xfd\xc3\xbeT\x86Z\xcfWm\xd8P\x00\xceBP\xd8Cl\x1b\x80\r\x8c\xf8rk\x01z\xc0\xa9\xc9#\xb7\xd4\xdb\xb0\xa1!|\t\x88\x00o\xe1\xe2q\xeb\x16M\xa9\xfe\xdc?\xd7AC\x9bzE\xefQ\x8eC\xdc\x97;\x1d\x1b\x16\x8c\xad\xe7\xde\xc0\x83\xf5\x05\xd2)[\x0bP\x11\x0f_\x9f\xfbB\xd8\xce\x1ab\x90\xfev\xc8\r*\x02}9\xa5c^\xd0#\xf5,;\x90\x1d\x91\xfb0\x88\x93\xc2\x12\x12\xef\x9e\xecC\x94\xef\x83\x8e\xd5\xb0=\xd2\xdd\x10}[\xbe\xe2\xd75\xe4\xce\xfd&amp;\xa7 \x1d`\xcfz\xc4\xbdRV\xe6\xe0C\xf0\x1bNV\x86\xcdD\x06\x10\xe0\xca\xbeK\x84Bt-fq\xa4\x80|\x0b\xd9\xf78\x88\xa4c\xfbz\x1f\x15\xdb\xf7\x90\xf8\x105\x8bc\xc0fLq \xc05Z\xcb\x90\x0c\xc9\xafNsp\xda&gt;\x99\r\xb0%c\x178\xbe\xec\x91\xc2\xd8J\x8d\xbcg.\xd5\x9f\xae\xde\xb0\'XGD!\xfcPne\xd9\xd6\xac\xfa\x98\xea\xddV\xf2,D\xcd\xb2\x9d\x15\xb5\xc0\xe2\x0c\x8e\'\xab\x98\\[:O\xa8\xb7\xe9\xda\xe0Gq3]\xd5}[\xcct\x8a\xfekZ\xff\x12\xd6\xc6m\x13\r\xb2Y\xaf.\xb4Ov\xaf3v\xfbY{Vi\xde\rQ\xe4\xf5\x13\xf9\xd1\xb2\x9d_\x8e\x98\x8erO\xd3Z\x12v,\xcb\xbf\xefk-\xc0\x86\xe5\xa3\xd3\xb26\xdek\x9do\x1c=\xba\xb5H\xfd\xc0^\xf8N\xbd\xb4\xda\xb5~\xac\xfb\x8e\xa7\xbf\xf7Z\xad\xca\x1b\xfa\xc1\x8a\xb7\xd6\xdd\xa3\xcd\xb3\x1c\x9b\xaf[c;\xbf\xdf\xd0\x02\xa7`\x0c\xbc\xf5\xc4p\xbd\x93\xaf(NT\x87\xcd\xd2p0\xfc\xb7N\x1cx\x95[\xbe\xce\xdb\xad\xeae\xe0`\xf9\xa1\xb6&lt;\x0c\x8d\xff\xaaM\xbf\xe5\xbe\x85\xf5\x1eem\xe8\x1c??\xf07\x1b\xa9\xe8\xb1l\xd5I\xac\n\x9a\xaf\xfeCr\x7f\xd0\x8fj\xfdH\x02\x00\x08\x17\xedG\x18\x16\xacL\x9d\r\x1b\xd8\xd0\xe6\xc6f\xb5=\xf9vg\xc9\x8d\xcd&amp;\x1bz\x07\xed\xe4\xae\x93\x04G\xf5Qq\x80s\xca\xb3\x13\x87\xfa\xe8{\x0f&amp;^+\x1e^\xb1\x1cS\x9e\xb4\x9e\xbe\xbe\xaa\xabm\xc9\x06Il7I\xf6\x17B~?k\x88e\xadx\xdb\xb3G\xcb\xf6G\xd3\r\xab\x07\xed\xb9\xd0^V.\xa3[\x96\x15\xa9RO^e\x03\xf0\x031\xca\x0b\xc2\xf5j1\xa2\xbbr\xdb\xf8m\xd8\xb0!\x0f\xd1\xea\xb1\x15\x16\td[us\xc7\x86\x0e\xb1\x98\x8f&amp;\xa2\x0ei\xf1\xea\xf5f\xf2\x1b\x9a\xbe\x1c\xb9a\xc2\xf6\xe8|\x016\xbb\ta\xdb\x94.\x01\xcb\xb8o\xfc\xed\xd6\x02t\x82Kn\xf5j\xc3\x06\x00\xc8~\xea\xc1\xd8\x00\xfce~\xefD\x99U\xb5\xba\xe2\xa5\x1b\xd7\xf1\xad6mX\x10P\xf9w\x033\xea\x9c\xafl(\xc3\xf6\xe0\xe8\xe2\xb0y*\x0f\xbb&gt;o)\x7f\x9bvC\x14&lt;\x1b\x80\\:\xa4Y{U]K\x16{\x84g6\xb4\xd1^\xb8gi\xa8\xe0\x14J\xf2\xa3\xf5b\x03\tU6\x00\x7f/I|\xf5\xc0\x85\x1c\xff\x1bx`k\x01\xdabY\xce\xea\x07\xdbM\xf2\r\x00\xa0\xed\x00\x84C\xa2qu\x1d5\xac$A\xa15\xaf\xcc&amp;\xc82\xb0\x15#\x17\x16\xd6\x8b\xec\x15\x92\xbf\xffX\xb4\xf6-\xb0s\xed\x0f\x8b\xbcK\xb3,i7l\xd8\xe0\xc3\xeawe\xed\x14\xd4osl\xe8\r=;\xa5\x8dlU6\xe5\x1b6l\x98\xb0\xb8\xee\xdf\x80-\xfcM\x1aH\xd1\x00Kw\xdc\x12q\xa9\xd6\x02\xac\x0f[\x0c\x97"\xd00\xe1\xb6\x07\xd8\x90\x83F\xd1\xb2=5\xbea\xc3\x86\x14&lt;V_\xfe\xf6\xaa\x80\xec\x89\x9a\x8b\xc0\xe6\x0b\t\\\x95\xf6e\xe8{\x0cZs\xbf}O|+,\xd4\xe6\xad\xc4\x9e\x9f\xcc\xdb\xb6\xac\x1b6l @]\xda\xf6\xe1\xb4\xeby\xe4\xfa&lt;m\x87j~\xdbA\x16\x97\x85\xbb,\xa5\r\xe3g.@\x93\xcaZ,\xd7\x10\xe0\xcbs:/&lt;&lt;D\xb1u\xf6\x1b\xd8\xd1\xf2c+e\x04\x0e\xe5\x91c\xc3\x86\r\x8d\x91\xf3\xd5\x1c{\xb0\x01\xa0\xa2\xecKN\xaa\xe2\xc5\x9a\xcbz\x97\xd6\x06\xe5\x94zt\xc7\x1dx\xf9\x16D{\xa9\x9d\x7f)\x9ehK|\x80\xc5\x16uA\xc2oh\x8f\xe6\xf5z\xb9\xf1\x8ag\xdfn\x17n\xd8\xb0\xbf@\xb8[\xdeG\xd5\xaf."\xce\x86d\xac\xe9\xc4\x17a\xbc\x03#\xf4\xb53\xc5\x1b\x00\xd9\xef\xc0)\xa7/\xb6\x01\xc8 H\xdc\xb9i\x94\xfb\xdc\xbdt\'\xd0\x86\t+*\x7f\x1b6l\xd8@C\xb3\xa2\xd7\xe3\n\xbd\xdfX\xcd!\x0e\xda\x10\x88\xf3ks\x13d\xc2GY\xfc\xd8\xcd\x1d\x00\xda\xe6\r\x11\xe1\xba\xcb\xbe\x9d\xb5,\xac\xcc\xbe\x8b\xe8\xfe\xfb\x97\xb0\x7fl6,\xc7f\xc35\xa1\x957_\x14-\xb9\xbd\xb4 \x1b\x96\x06\xc7\x06`_\xaa\x16\xdb\xb3g\xbd\x1c\x89\x12\xc4X\xe0\x03K\xcb\x83\xf5\x9d\x0f\x0b@\x92\x90\x8b\xd0\x88\r{V\x16\'\x8c\xfa\xee\xa3\xee\x1b6p\xc1h\xadpz\x93\xdc4\xd8\x8b\x88\xf6\xa9\xe2\x89\x07\x1c\xba\xe5i9\x9a\xdd\xe7\x19\xff=\x99\xfb\xb2P\xdf\xa6\xb6\xfeGn\xa5\xbe\x07H&gt;1%u\x93g\x83\x86\x85&amp;\x12N\xcbIkI\xfa\xc1\x12?\xe5\xc3\x87/\xee\xb1\xee\x1b6\x94\xc1\xf1\x80E\x10\x01J\x06\xd9\xb9_\xbc\xe5\xee\xc5\xb9\xf6\xf2\x90bM\xc0ps&amp;W\x87i\x11\xb8\xa1\x0eN"K~\xf3\xf2\xfe"\xb6BL\x91\xb1\xda\x10\xd1\xf4:)i+\xac\x15\xc7\x95\x9a%\x88maH\x04\xc3C\xa5\x0cRlh\x8a\xd4\xd6\xdf\xd5\x81y\xc3`*\\%u\xa9\xcb\xbc\xeeM\x9ez\xd0W\x19\xdb\xa7\xa2\x0bPh\x03\xd0e\x9cl\x08\xe1\xca\xa1P\xa9\xdd\xc6\x9c\xa8&amp;3\x0e\xac\xf7\xe3\x11\x07\x00\xb7\x08^?80^\xac\x0fS\x85E\xfc5D\x1clU\xbe\x97{\x87\xf1\t\xb8a\xe9(\xcc\x1d\\Y\xd5\xd93\x94\x9e\xa4\x0e\xd3C\x14\x1e\x04\xbb\xc2u\xdb\xe9\xbc&amp;\x87O\xc6\x1cq t*\x98&lt;\x0e\x0e\x86\x1f\x00\xa7\r\x0e\x0e\x0e\x0e\x8ak\x8b\x1b\x81\xf8\xd9E\xf2\xc1c%\xd86\xc7jO\xf4&gt;\x10\n\x13\xa9(\xea\x07\xf9OP\xe9\xfb\xe0\xad\xb1+Fc\x03\xba\xcf3\x00\xf0\xa6\xee#7k("\xc4F\xc6\xe9TBs\x016d\xe3y\xdao\xedc\x89\x82\xd6\xa9\xdd\xa3\x95R\x8e\xfac\x08\xb3\x19O1\x12\x8a\x0f\x9a\xe7\x82\xdd\x19\xd0\x92P\x84\x890}\x16\xfc\xb8&amp;\xb3`\x14!|rz\xff\xa9\xf5d\xda@B\xf8\xa4\x7f/Q\xd0\x8a)\xf5tW\x89\xd8\xd6\x98}uF\xbf_\xe2\x9b\xd4\xb5\x1f\xee\x1fi\xc4\xcc\x86\r\xa9\xd8\xc2&amp;\x03\x9d\xec\xba\x078\xda\xf7\x1f\xa2"\xa4-\xe7\xe3\t\x1b\x80\xe0\xedZ\x85\xb5\'\x84\xf0\x83\xfa\x03E\xd5,\x96\xdd\xc7\xcb\x8b\xb7\xdaC_?\x08\x7f&gt;"\x10\x18\xdb\xba\xd6+\xd6\xdeu&lt;\x16\x01\xfe:k\xe6\xc9K\xd8\xeaUr\x0f\xeb\xc5\xb2\x10\xf5N\xad\x05ouy\xd8U\x83\xd5%P\xf9wCut\xf3\x99\x1cW\xefN\x11,\xba\x05(\xd1\xce\xa0\x80\xf56\x00\x17P\x8d\x90\xcanO6\x00\xd5d(\xd6w\x8dK\xdb*\xf0\xc4Uv\x1d\x1b6\xec-\xbaJ\xe6z\xe7\x85L\xa8+\xf0x\x93\xf0\xc9K2\xd1\x06f\x946\xee\xf1-\x00};\xe1\xa6\xaclS\xab%\xc8\xc4\xf7N\xf2\xbc\xd2p\\\xdc\x98\x15nYgx\xa1\xe1\xbeEe\xfdln\x82\xabAC\xefL/\xfc\xf7pVh\xf0\x08\xf6N\xe1\\\xc8\x19\xca\xa6\xbc9\xc5\x8f\xdd\xda\xdcQ7\xb9\xb0\r\xc0\x07\x18\x0eM3\x90\xdb\x9fm(E{\x9b\xbb\x9b\xf5\x9c\x08D\x1f\xb5\x9cM\x85.\xdb(\xcf\x9dFFu\xec\xd6[R\xcc\xbb\xa0\xf0\xb0\x8a\x1b$\xf2\xd0.\xeap\xde\xfd\x9c\x00\xa9\r\xe5@D\x84O\x87\x0bE\xfb\xa6\xa2\xc9\'\x8e\x11q\xf7\x81\xfa\x85~\xde\x19\xabH.\xc9et@%v\xcb\xc7.u{\xfa\xfe\xa5%\xf9\xab\x91\xf5\x04\xeb\xccT\xca{\n\t!,)\xd2v\xb0{\xb2\x03\xe5?.\x9a&amp;\x0bj$h\x94*\xaf\x83c&amp;\x0e\xcc\xab\xf1\xf5\x03\x01\xc1Z\x8c&lt;#\x01\xfa\x90\x19@\xf7b\xeb"\xb0\xbc\x0c\xe5\x03\x8e\xda\xf7f\x81!&lt;\x8c\xb2\xd1[\xdf[\xe1k@\xed\xba)\xf8\x9dY~\xbe\\;\xadj;6I\xfb\x1c\xdc\xac*\xbb\xe5\xe3\xe0\xe0\x80V\xe5\xef..\xca\x80%\xf9\x8bl=v\xb6\x00\xf0b\xeb}\x86\x14&gt;xF9\x8d\xa5`I\x91\x06\x00\xb6\x7f\x1f\x0f\xbb\x85\xb7H\x91h\x04\x93O\x82\x0f\x82\xbfj$\x99\x97\x9bg\x8c\xd4P\xfb\x1f+Ro\xbb\xd1\x9d\xd2\xe97$vp\x02P(\xc1Ky\xa4\x90A8\x9c\x10w\x8fm\xd1\xe9\xf9\xfe\x92\x17{.\xd0\xc3\xb5\xfd}\x00i\xdc\xb2:\xc7\xbc\xbbx+w\xc3\x86\r\x1b\xf8\xd2\xfc\x97\x1d\xdc\xfd\xdf`\xc2\xf5|\x0e\x93\x9b8\x1f\x04\x8aK\xc5\xfdx\x89"\xa7\xd4\xa3q\xc4gQ\xd6\x905\xad\x9f\xffA8u\xf2\xa7Y&lt;\x96\xef\xf6\xb1\x9f\xaf\x8e\xdf\x80\xf4\x15\xcf\x80\xbc\xd4s\xd0\x11\xca\x08\xb3&gt;\xf8\xbe\xcbuC+\xcc\xbeyx\xc3d^+\xf6\xc2\x9e\xfe\xc4\xe6d"L\xbf\x01\xaa\xd8M\x1at\xf9\x97\xae\xa9\x04\xc4W\\\xca\x06 \xa5\x81\x88n\x0085b\xed/m9\x1b\x05\xe4z&gt;\x96\x83\x00w\x89\x1dnRJ\xdc\xd4}\xa6\x14\x13RlLO\xa1\x0c\xf8G_\x03\xfa\x93&gt;\x9dB\xfaX\x08G\xdeI\xa9/W\x1c6\xf0a&lt;\xfe\xefl\x03P]*T+QW\xa6(\x84\xb4\r\xc5m\xc5\xda\nl\x08\x807\xf2\x1f\xccGj}\x18\xea\x0co`;\x9ar\x8b\xfe\xf0\xfe\xe3P?A$\x89\x11\xd9\x01\xf4\x9a\xa4\x96A\xb2\xe5\xecT\xc1\x168\x11\xf9\x1eNd\xff)~\x0e\x12\t\xce\xaeC7\x88\xde%W\xca\xc2\xc3J\xc8\xb0\t\xb4\xc1\x81N\x03\x08\x81VA\xb8\xd8\x8d\xbc\xee\xd4\xdf^\xa8\x14\x9d\x97\x898f\xf9W\xb67\x93\xc4\xa2=\xbe~ \x00\x1e.sjn5\xe5\xe8\x1c\xa1\xbd.\xa0\xdf\xff\x1e\xc0\xda\x00l(\x06%t{\x8d\x07\x03\xc7/A\xc8%\x82\xa9 \xdc\x95A\x94 \xbe-\xcd\x80\x15\xf6\x11\xf5"\xc27G\xc8\xea+Jo\x96\xe4S\xff\xf1uT\x93{\xb8\x16\x06k\xac\xbcX#\\\x9aGA\xf1\x9d\xf3vW\xb7?\xc46\x00\xf6\xfb)\'\xe2\x94\xf6\x9f\'=\xd9C\xcbi\r\x06\xb2\xfb\x99\x02\x84\xad\x14\x0ew\xd4W^\xae\xab\xc3i\xcf\xcd\xce\xfb\x81\xe9\xd1\xb7\x05:\xfbY\x8b\xd8\x00x\xd1\xc8\xec\xbc\xeawa\xc9t \xdcO\xb9\x1d\x84\x08\xf0\x81\xd6"\x89\x82\xc9M\xc2\x89\xb3\xd4B\xe4E\xdf\xba\xd8_\xa1\xed\x1e\xe5\xea\xc8GO\xb96\x06\x97L\x11\xa1\xe6\x06\x80\x1b\xc70\x8a7@o\x82/\xc3H\xd9`\xd3cp\x06-i\x04\xde\x06&gt;8\xec\x19\xdb\x8c\xb11\xda\xd0\x1c\xf8\x87}4\xc4\xc98&gt;O\xecn*H\xb3Zf\xf1E\xfcyz\x0c\xf0-\xcf\xad\xdc!t\x86\xb7b\x84\r\xf5\xaaz\x82l`\xc0\xdbc\x03\xfc\x1d\xf9\x91\xe8\xbb\x9eT`+n\x00D\x90+\x9e\xd7D\x93\r/\x88\x98w\xc2E\xe1\xde\xb3I\x97\x86E\xac\x1d/K\x1c\x9f\xba&amp;:G\x9e\xdf\xa4\x18\xdfT\xf4o\xc9\r\x1bV\x87\xbceL[\xa1\xffoq\xa9;?\xaf\xbc\x9d*Q\x11\xbdG\xdf\x97\x19{\x93ga\x08v\xe4\xb1\x96\x9dXO\x88\x1b\x80\x9bp\xf9\x919\x1e\xf27\x00\x9eY\x93\xca\xf7A\x048&amp;_\xb2C\x10\xe0\xc4n\xd6\x1b8\xd1y\x91\xc1\xc4\x10E\x00\x84\x9b\r9\x9e6\xcb\xe4\xe9|\xc7Os[\x887\xb4\xc6\xde\x06\x1f\xc2\xb5s\x961\xbb-p\r\xf3\xfd\xa1\x90&lt;\xb0=\xce&gt;u*W\xdf\xce\xc3V\x8b=\xf4,\xe7"\xea\xed\xc8\xe3_\xdfYB&gt;\x9b`m|$\xb9e\x89\x0c\x9e\x0bi\x91\xca\x93\xd1\xce\xa4\xc7C+K6o\xec\xe4\xb8?\x0f\xe0o\xc5\x88\x97\x03\xe1E\x08\xf0\x8b\x84\xf1y{\x86q1\xd5\xef\xab+\x83H\x99\xd2i\x9aoHC\xb7\xf5:\x86\x8c\xfbS?\x12\x11d9 \xac\xd3\xcd\xab\xbf\x8aQ\x92%\xb4\x17\xb5\x80\xb4\xeaL\xc2\'\xb6S\x9cf@\xe5\xa7\x04\xaf\xb5)\xbb\xd2\xbc\xac_\x8f\xf7\xfc{\x9b\xa1\x0c*\x0f\x14t\xeb\x15\x93\xf5\x95\xf7\xb8(\xf0?M\xcaB\xce\xd7R\x95\xf0\x92\xd7\xf1s\xf2,\xde\x91n\xae\xef\xaaeg\x8a=\t\xe1F\xa8n\xdd\xab\xe2\x90\x89\x8c\x8d]\x05t%L\x1eV\xa0B1\x16\xb8N\xdf&gt;\xeb+\x0bW\n_\xbd\xce1\xcb\xb8\xd8o\xa8\x0c\xd9\xe5P\xed\xc5\xcf\xc4\xb0\x01\x08\xcdu\x13&lt;ao\x82\x8a\xa7(\xd5\xed}\xfd\xbf\x96\xc4d\xa9\xf0gK\x8a\xc9rp\xde\x0b\xf2L\xaa\xf2\xe5&lt;\x95\xbe\x02\xc8&gt;\xb0 15*\xc3\xc9\xf7}\xf9\xb6\xe1\\\xcb\x0f\xaf\x96\x06\x1b\xd6\x81\x8chYJt!\x00\xfem\xd5\xb5a\x89\xc8\xdd\x00\x8c\xaf8e\xd9\x10\xc6\x1c\xc9\xe2\x1b\x80\x91E\xb0_\xa7\x93\xa3\x81\xe3\xceF\x80\x02\x0b}\x1e\xb0\x16%\xc1\x90\xf0q\x0c\xef\x07\x92Hq\xd8\xa1\xd3"\xef\xf2K/\x11XQ\x0c\x95\xd1\x11y\x1b\x80&gt;\x17\x9ar\x99\xfcOS\x10\xca\xab\xf6\x0b\x0e\xdf\x9e\x1b\xcb\x81~\xe2oC*\xf6\xc3q\xdc\xdf\xb87T\x90k\xee\x87\xf5j#n\xd5\xea\xdd\xc9z1\xb7\xc8\x02\xf6|\xb0\xaf\x8b\xf24\xeb\xb1&lt;M\xef\xff\xcbz\xb8\xb0H\xd8\xdbwa\xf7\xd0\xb0\xa6\n\xf0\xa9\xb99y\x0e\x02&lt;\x99K\x8cr\n\x9d\xf6\x88\xbf\xef8\xa5ED\x80\xd34\x10fY0kBw\xce\x95\xce\xde\xb4;M\x8a\xa5\x8e\x96\x92hCc\xf4\x98\x06\x00\xe7#\xedW\x13 \xb3\x01X\xf9\x1f\x01\xe0\xc2Tm\xff\x87\x91$\x00\x00\x9c\x85\x8d\xe0\xdeBv!\xf4\xae\xb5\xae\x1e\x9d\xff\xf9\x9f\xd2\r\x00\t=\xd4\xcf\xf9\xeeJ\x8f=k\x08x\xc9\xf9[\\:Y\x8c\xd4}\xdd\x13Z\x0b#\x8d\x1e\x0c^\x07\x08\x88\xf0\xf2\xc20\xdb#s5\xdf\'\xfdt\x9f\xcc\xdd\x15\xfa(\xc4\xb4\x95\x8c\x12\xa2LM\x00\xaa\xd4\x84\xbb\x8a\xae@\xb8s\x18\xaa\x15\xd3%!\x8b\xf1\x92]\\\x0b\xd53\x10\x11\xaf\xeb\x0c\x8c\x95t\xff\xd9\xa0\x7f\xbf\x8a\nWp2,\xd3=\x14|R\x0c\x00\xfca\x05Iba9\xee\xb5j\x18Mv\x7f.F\xb9&gt;H\x05\xa44M:-&amp;\x82 +\xfc\x94\x1e\x8a\xc8\x06\x16\xd4\x0f\xf4\xe2\xc7=\t\x1f\x1f\xcce1N\x9fY\xf4\xdcX\xb4@t\xbd&lt;\x1a\x01n\x04p\x9e\xcarmh\x0eD\xcf\x97\x9c$6\xe8}w\xff\x9fK\x1c\x9f\xdd\x8b\x18J!S-\x92^\xbb)\xc4\xcf\x13!Q\xcb\xad\x11.\xfc\xac\xa3\xfb\x8d\rQ\x10M\xb7\x99\x97\x17o3\x8bQKa\x96\x01.\x13\xad\xc7\xd4S\xf9{VVm%\x97N\xc6\xf8\xdc\x8au\x02\xbc-\xe0\x86zhh|D\xcf\xfe&lt;\xa5\x93{L\xc7\xdd\x7f\x06\n\xc4C&lt;\xff\x82N"\x98\xfa\xda\x9a\xce\xad\x18?hh&amp;\xcc\xaeOl\xab\xc3\xf2\xf0\xfb{\x1f\xb5\x99\xe03\xd7j\xccnW\xc0\x13R)\x90\xad\x91Qk|\xb7\x80Wc\x7f\x02H\xdf\x04\x10\x98\xbdg\xe6\xea\x11m\xec\x7f\xeb\xc82\xc1\xfcw\x7f\xad\x06Q\xfaT;\x9f\xfe~,\x9d|\x1d\x82\xdb\xbf"\xa8\x15?\x06~X\x91WW\xd86\x00K\xc3G\xaa\xe4\xe1Jq\xe6\xd6\x02t\x86#\xc6R\x9b_\x05\xeeN\x9c\x98\x15\xb1[m\x02\xfd&amp;u\xce\xf45\xd9p\x99E\xef\xd7Y\xb3\x10\xe0\xd5\xd9,\x19\xdb\xb5\xf4\xe6\x9f\xc8\xb1 2\xf3\xbf"\x86\xeb\xb9\x9dl\x14?\tM%\xb2\x1b\xf3\x83\x02^\n\xadZ\x1b\x80U\xdf\xe0\xbd\xdd2\xcb\x17\x0b.\xeay\x7f\xad\xbe\x16\xc2\x13\xaa\xe5\xe1\x9eC\xfa\xa1\xf6\xbd\x03\xee\xd6\xec\x93ov\xcb@v\xb2\xeb\xe5u\xd9\x15\xe3\x16J\xd1[\xae\x16\x95\xc0\xd5\xb1\xe5u\xff\x1d\x87Y?!\x94!\xc30\xe5\xc8\x06\xf2s8\x17\x11\xe07\xacR\x81d\x07\xc9L\xb9\xfb\xd4\x80\xfaI1\'c\x17)\xb9\x00,\xa5\xce.\x1d\x0b\x0c\xc7-\x85\xd6\x8cR\xe7.\xbfbH\x17\xbd\x1d\xe5\x03\x19\xe2\xd5\xf1\x01{\xa5HzTo\xfcem\x1b\x80~\x90\xb7\x9f\x07\x80\xf77)\xf5\xe9\x81\xe4\x98-\xf1)^E\x1e\x04\xf8\x1c\xc0\xfb\x8b\xe9\xec\xde`\x96vK\r\x07\xa8\x05j3\x9a\x82\xb2T\x94\x00]\x8cN\x04^,\xbc\xe5C\xa8\xbcnX\t\x96\xb6\xfc\xd8\xc5M\xf8\xe1\x8d\x8e\xca)\x0f2\x9b\xf2yeA\'\x91x\xeb\x1faTn\xe4U\xb9\x89\x8c\xe9\x94\xf4k\x83w\xeaFlb\xcb\x81\xda\xebJ\x1d\x0bf\xaf\x83\x0e\xd9r\xb7:\xf0p\xcf\xac\xbez\xb6N@\xd9\x00\xd40\xda\x01\xc0\x92\x8e\x7f\x10\xf1\xe0`1\xd2n`\x03"(~G\xc4\x83\x03h\x1a\xb7K\xca\x9a\xe5\xa3\xc0\xdac\x03\xb8\x88\xba\xb1\x13V\x17\x15\x01\x01e\xe4w\xb1[8&lt;\xfd\xfe\x81\xf2_`\xee84\xe7H\x81\xd5\x8c\x94\x80G\xee\xe5{H\x94\xc9\x88\x03\xf5\x83\xa9\xfa\x8a\xc6\x89G\x919\x7fg\xa7\x1c\xec~\xef\x0b\xa3\xd1"\x82\x9d\x16\xe0\xbf\xe5\xd8\'\xba\xc9i\xf3\xf4\x88\x8a\xd4\xd8\xe3\x01N\xb5-\x97\x16\x10\xa6\xc8n\x87\x135\xe4\xedC\xe0\xccfUkU&gt;\xe4\x1e\xfe\xeb\x15\xba\xdf;\x08\x82J",\xea\xf4Z\x04\xe3\xe9j\xeeq\xc8\xc1\x00n\xb9D\xa19\x9d\xdd\xfd\x17R\x8e\xbaW\x82\xf1;\xa3B\x87i\x08$\x95\xb3n(\xf2\xc5\x17\x92;\xb0\xa9S\xe7\xf1\xe3t\x82&lt;\xa9\xdfE|\x1c\x00\xe8\xe6=88\xe8\xaf\xfb\x87\xa9\xd0\xc4\x86\x89t\xff0\x99\x08\x01\xe0X\xfa\xa4r\xbe\xe7Uvh\x1e\x9cZ`\xb9D\xeb\xc5\xe2p\x00\x07\x07=\xb42Q\xd47\xf1r\x9d\xbat\xac\xab-\x88`\x11\xca\xee\xf3\x06 \xe9\x11\x8bu`T\xf6+\xf3\n\xf7\x03f\xc5Uc."\x05\xa2\xb0\x9f\xb5\x08&gt;\xab\x13#\x92\x81r\x15t\xf9\x13f\xb9\xa6L\x8f\xca$K\x00\xba\xed\x92(\xac\x1a\x0b0Ez\xfc0\xf0\xfc$\x7f\xa8\x10\xb4\x18\x1f7j\xa1\xf2\xbea\x9dU`\xf9J\xe5,\x18$\xba\xdc\x04W\x87}iF\x9b\xc2\xd1cubsYItMexudL.|\xcb\xecB\x02\xcd:j\xbd\xfe\xd0+c\xfe\x06\xa0\\\xfa\x02j\xbe\xf17^\xa8\x8b\x07\x07\xc1O[\x0b\xa2\xe3L\x8b4\xa6&lt;\x86\xac\xb9\x1a\xf3\x06\xe0\xc5\xd4\xa1\xdbZ\xbc!\x0b\xcb\x0f\x9a!\xf4\xaf\xd8Z\x8eB \xc0\xef-\xcd\x1d\xeb\xeb\x9f\xea\xe3\x96\xe1\xcb\xae6K\xc8\xec_O\x1c\xcf\xd6\xf6\x85\x99\x8c\xfa\xeem\xa4\xed\x14\xffo\x9a\x05\x1cN\xc9\xed\xe7\xa9`t\x8d+\xce\xf7\xd4\xef\xac\xc9\x85l\xc7d\xd7\x8eR\xd8\x1f\x7f\xa97\x0f\xab\x14\xc3\x80(+&lt;\xcb\xe8\x0e\x9b}\xe5\xb0\xa0\xb2\xf2:\x00\xc8\x95\xa7q\x99\xa8\x88\xff\xda\xe7\xc5\x9b\x1bz\xbfu\\\xa9U\x9d\x11\x98\xbe\x84\xd4\xf1\xef^w\x81\x00\x00\xe3\xb7\xf1\x10O\xf8\xfe\xd4\xe5G\xa9\xde\x1f\xf1\x1bB_\x95x7\xbe\x9e\xb5?\x8c\xde\x0c\xa9F\xf78\x8d!\xcb\xba\xb3B_\x14c\xdfw\xaa{\x83e\xf7m}\x0b\xbf\xbcO\xe3\xd1E\x9d\x9f\xd2\x9b\x97\xb7}\x01\x02\xdc\xad\xb5\x0c+\xc1\x109\xc5\xc1\x83l}\xd5\xfe\x84q{\x94\x16\r\xb1\r@\x94q\x9e\xa0\x9c\x87\xd6\xdd\x81\xa8\x17\x97\xe2\x97\xdd\xbfuG\xc5\x82Bh)r\xee56\'m\xc8\x81R\x85\xf7&amp;\x84\xf6t\xc9\x11\x01"\x02|\x80\x8f\xd4\x06\x1d\xbb\xc4\xbc\xe7\xba-\xc3\xde\xfd\xc7\xcc\x95\x13i\xa8\x8a\n\x8f_\xa5G\xa2J}\x97k\x99\xd8\xef\xee\x1f\xd6\xbe\xda\xaeI\xbb\x94\xc2"\xc1\xdc)\x8b=PF\xb8=\xcf\xd2Ub\x9fz}:\x10o\xbc}bi\x03\x1b\x98\xeef&lt;g\xfc\x08lU\xbem\xc0\xb7\x01\x88\xf0)Hs\x85\xcbk\x18\xfc+\xbc\xbc\xb2w-\xcc\xcf\xff\xb4\xa8\xb7?Zn\x82Hb\xcfm\xa2\xa6\x89\x9e2Zai\xbb\x01H+s\x1b680\x04\xcf\x16?\x1b6\xac\x10\x8b{j\xd1\xc0\xf0\xd1\x02\xc1\xee\x7f\xb6O\x96\x95&amp;F\xa5%T|)w\x11\x8f\xc6\xc6n\xc0\x03\x84DJ\x81\x90Y\x08d[u{\xf5p\xe2\x15i\xc7\xa2\xc8T\x16\xae\xe4\xce\x91V\xf10\xd7\x88\xd7\xa3\xaf0n\xcd\x1c\x0b\xaa\xec\xa9\x9a{\xaa\xc2\xee\x11\x01\xee.I\x7f\xc3\x86\rkjP(\x8a\x9c\x89\xd4\xfd\xff\x0e\xd1&amp;\x08\x00\xf0\x0f\x196\xe4Ys\x137-i\xb4C\x97b\x9fj\xdb\x9a\n\xd8\x8332\xf9\x1e@\xe3\xb6\x84Ju\xa7N\x8fN(U\xaf\xae;5\xd12f)\xff\xf6\x06y\xa9\x18\xf6\x91e\x14\x86P\x91\xde\x00x\xf1\xf4\x9d\x00W\xaa \xc6\x86\r:\xfe_\x93:Y\x19KL\xab\x04\x81\xbd\xcb_\xce\x176\xa4\x19J_mK\x8c\xdcf\xe1\x9e\x0c\xe5\x93\xbfuG\x91\x81\xa2\xa7\xb9\x02\x97\xd6\xbd&lt;U\xdc\xde\xd0\xf3\x05\xe1l\r\r\xde\xab\xaf\xe9\x1b\x80&amp;\xd5\xa4u\x9e\xf4\x9d\xa5\x12\xee(2x;\x97]\r\x9d7\xf7k\x8b\xd1\x12{\xa5l\x8f\xd8\x8f\xa8\xc3o\xfa\x12|\xd0\xfd\xd6tR\x1d\xc2\x11\x94\x00\x00 \x00IDAT\xdd\xdb\xca^\xfed\x1f\xa7\x99\x19\x15X\xa6Y\x01\x8c\xda\xe7\x9c\x83j\xd5e\xdb\xf1:c\xee\xc4\x12\xa6\xfe\xab\xbf\xec&lt;\xf8\x0bA\xd7\xae\xb4\xdf\xa0\xe5\xcb\x1f\xe5rY5\xa8\x8d?Sm\xca\x10\xac\xf5\x06\xa0W$\xd5P\x86\x91q\nM]62Ue\xe8\xbd\xbd\xe0\xc5^)\xdb\'Zt]\x9d\xa0I\xc7Y\x03\xfa\xdaW\x87MI\t\xbdP\x06\x85\xca^k\x15$\x97\xd1\x7f\xad\xaf\xf5\xc4\xb1r\xb2L\xac\xfb&lt;\xd0t\x8a\xf4[\xca\xa1~\x1f]\xa2\x01\x84\x13\x85\xe5\xe9J\xda\x11\xc9\xdb\x008Qk\x91\xcb\xd1\xe5SYT\xa44\xb8\xd4\x91E\xa6\xb0\x96\xc9\x16\x86=Q\xdbr\x90\xf1\x90\xc0\r\xf47\x9c\xd3\x97\x1b\xa5\x1b\x96\x0bz\xc8\xbd~\t\xc7\xf9%\xe0\xea\xd8L\n\x13Ymm-\xa8`\n\x85\xd0\xa0\xad\x9e\x00\xbc\xad\x1dk\x9f\x8b%\x9c\x82\x80\x08\xcf\xc31C\xffV\x80\x85\x04\x88\xed\xcd\xce\x8c\xf7\x13\x17\x87\x8a\xb3\x0c_\xaa\x16\x10\xde}\xf5\xbe\xf1\xb4\x15E\xea\x06\x00\x11\x01\xfe|7q\xab&amp;\xdd\x83\xe0 \x86\xf8{\x06\xd32Y\x82W5\x8c\xc6\x14\xf5\x0f\x87/\xda{\x15DD8\xafAa\xda\xa6\xb6\xdd\xdb\xac\x00\x9b\xe9Rp\xfa\xcd\\*\x1eX6}\xcc_\xbd&gt;(\x15c\xbaT\x98\xe6\xd1\xb9E\x1b\x8cU\x00\x95.-f\x07\x91\xe5\xcc\xc1w\x8c\x04\x19\xbf,\xcf\xe3\\\x02WV\x1c\x95\x9f\xf0\x00\xedM\xeb\xf0\xb4\x12\x0et!\x86\xdf\xe9R\x1c\x00\xc0\xc1\x01\x00\xea\xa4V\x8f\xc9Bk\xd7\xfa\x97\x08\xbf\x03\xebW\x93\r\xc5\x89\x80\x08\x076\x05\x9c/\x02\xb8\x06l b\xdf*U\t6[\xf1bX\xdf\xc7\xf4=\xd8\xbdee4"\xc2\x81`\x8e\xef\xbb[\xa76K\xb7\xfc\xbe\x9b%\x0b\x08\xd8\xf9z\xb4\xf3\xb5\xb4\x848X\x02r\xac\xa1\xf6\xfd\x92\x89\xef\x80\xfa\x18\xcf\xc1\xc1\xc1\x01\xec~\xc8\x18\x05\xef9\x02\xb8`o\x8b\x96\xa5u\xea\x01\x03\x02\x00\xfc\x8e\x988\xebDqH\xb8\xb3\xef`\xf7sp\xe0\x1c\xf0\x94R\xa6{\x84e\xe5l[l\xb6\xe2\xc5hO\xbd\x0c[\x15y\xd7\x03d\x9c\x05\xee\xdb\xa7\x9e\xf20v\xff\x07[\x80s@\xca\x86\'g\xa3tb\x10\xbf\t\x80\xa0\xec)S\xa6u\x9b\xb3)\x0f\x02e&lt;_\x8ep\xfe.\xd5\x0e\xc1~0\xa3-R\x05@8&lt;eJ(.\xf1\x1e;\xd7\xff\xd3\xe2n,NX\xa8\xd8\xfb\t\xc3Y\x97\xdc\xdc\xb7a\xa9\xd0\xef\xf5\x0f\xaf\x8db\xfb\xa5\xbc\xb6`\xb9\xd5\xb8\x10\x19\x9f\xbc\xda\xc0\x89o ~\xa0\xde\x9f\x9bH\xa3#\xfbl\x95\xc2#1g\x87\'\xd0\xf4F\xfaMR"f\x80\xbc\x01\xd8\x13(1\xb4\xc8\'\xea\x04hvd\x87\xd7&amp;\x85bnE\x08L\xf9x:\xb5&amp;\xe8\xc4_\x1b6(8\x1d\x02 &lt;\xadMpJ\xf7\x07.\x86\x13GWwR\xfaq\xac\x84\xdb\xbc\xe9\x8dKw\xf8Y\xd9\xc7\xa6\xd3\xf1w\xb5\x18-\x05=\xb7\x825d+H\xa2\x9eMG\xdb\x03\xb4\x96\x91\x08\xf53X\xe52\xf7\xa25"\x02\xfcC+\xd6\x9e\x8do\x13\xe3\xd0C\xf1\x18\x807\xe4-\xf9\xc1Y\xbd\x84\x84\x0b\xeb\t\xf8\r\x8bE(w0\xfa\xd5\x19\x92\xa8\xdf\x04so94j4\xe2\xc6\xe9cUp\x1b\xbc\x9fs\xa8\xbdE\xc7.\xb8\x9e\xb8`\xd5O\x10*b%\x1b\x80%\xcaLA;]\x14c\xea\x0fw\xb5\x13\'i|\x16\x97\xc3\xb3f\xad\x00G\xb6\x16`\xc3R\xb1\x90\xf5"\xfd\x89\xca"n\\\xe7PW2\xee!\x90\x8d\x8cp\x94\xe2\x94\xca~\xd1\xd4\xc7\xae\xdb\xc7\x10\x16*\xb6\x04~\xd3\xfa&gt;\xd2\xe6\x08\x19\x106\x00\x8b0\xfd"\x16\xa1\r\x99XT(\xe6a\xf5\n\xee+\xd6^\x91\x16\xb2\x01\xc8@\x9d\xa7t&lt;\xf3\xdd\xab\xf0\x07\xc9F&gt;\xe3\xee\x19\xce\x0e\xfc2n\x00N\xb7\xb4\xd8\xf8\xc3\xc5?=\xc5\x85\xe6!T}q\\\x8f\xdf#\x9a\xace\x03\x00\r\xefxn \xe09\xc5\x0b\xaa\x9c[I\xcf\xf7s\x87V\x86F\x08\x0b&gt;N\xdb[\xac\xdcY\xdab\xb1\xd5^.\xb8W\xe1\xb4\x15\xb9dc6z\xb3\xe5\xb3[\xc5\xd8\x0e\xad\xb9\xd0R\x97\xea\x8d\xe8\xaaz\xc8\xf8\xc3\x82\x91\r@\x82-\xdaG\xc9\xb6\x01\xe8\x13\x96_\x92\xf2\x19\x01\xf0\xaa\xad\xf7\xa2Y\xa1\x85\xdejB\xa5\x86\x00\xf7\x9f\xa6\xec~\xac\xac\xdcb~C\'@\x80;\xb5\x96aA\x08\xa5\xads\x03\x90X\x03\x0b\x16D\xf7\x0e\xa4\x10{S\xa6\xb6&gt;\x84\x13\x95\xb7\xa0\x95}\xf7\x9b\x8a\xbc\xdc\x88\xed\x01\x88yK\xb6Z\xe2\xbe\x82\x8am\x03\xd0\x0e\x94\x0f\xa5\xa5N\x19\xc7!&gt;tQ\x9e\xcd\xcf\xa0\x02\x9e\xc2\xf47l\xa0`\x8b\xc3\x1d\xb43\xfb\xac\xc2u\xd6o\x14\x1diq8\xc2W\xc4rw\x14\x1d\xdf\x04\xe6F\\\xd9\xe5\xe8\xc2\x82\xf3!\xc0W\x01`\xe7\xc7\xa3\x86\x88:_\xafn\xe5\xbc\xd5\x1f\xc9\xe2^\xba\x1a\x96=\x00\r\x8f\xd0t\xbe\x0b\x1f\xe1:\xcd\xd6\xde\xc2g[\x89\xd6\\\xe5\xf5\x88*&gt;e\xcey\xed\x01\xdc^\x92&lt;\x88E\x08Y\x03+&gt;m\xdaP\r\x08%gR\xe6\xfa\x9b\xc3\x9d\tV\x1b@\xbdu\xc9(\xd2r\xaa\xe8\x86\x10\xfe\x13\x10\xbf\xae\x85\xd3\xda\x1b\xb6x\x0b\xdd\x85\xfa\xc1\xf6\xdf\xc8\xbd\xcc\x92\xa4\xb1S^\xbf\xbb\x8c\x94Bt\xeb\xfee\xe1\xb5-\xbb\xe5\xeb/{z\x96\xb2\xa8S\xb8\x84\xc7\xe9\xb3V\xcf-w\xb2\xc0\xe0\xd9}6\xfb\xd2t\xcf\xc9e\x8e\'p\n\x98\xeaU(\xd3\xe0j\xc7\xe6\xb6\x00\x95x\xae\xc7\x97\xb1\xb8\xf7/ak8\xd6D\x96\x12\xbaX\xcbKnkOD\x15!I\x86\x83\xdd\x1f3\xe7\xc25X\xa8\xect\xa0)\xb2\xd8X\t!\xed\xd9\xd0\\\x0e\xafs\xcee\x8d\x87\x1dA\xe6 \xf3\xc0Y8p|\xe6\xd0\xb7\x88Ns\xc388888\x90\xf9fQ\xa5+\xe0\xb2\xd2\x81\xdc\x9f}\xdf\x10\xc4d\xf6jui\n\xfb\x930\x10{\xcf\x92W\xdf84\xed\xd0\xf8?\t\x0ci\x95n_\x0f\xd3\\G\x8d\x05\xf9\xa0`\xf9\x9f\xf62YB\x1c\xf4^\xa0\xa4\xcey\xd6\x85\xc9BJ\x10\x15\xba\x15\x11\xe1\x1a\x8b\xb5\xfc{\x9ar\xff2\x00\xc6N\xff\x85\x8e0y\tr\xc9\xd9g\x1c\xf1\x1f\xaeg\x9cc\xedN\x80&lt;\x13\x9b7\x01\xce;\xce\x1f\x8aM\x9a\xc4\xbe\xc8x\xbeu\x08\x98w\x03\x00\xc0&lt;E\xcb:\x93\xe3\x84LJnHF\xc9\xa9\xaaM\xac\xe0j\n\x1b\xe6\xc3\xd4\xae\xfed8;\x10n\x80j\xf5\xab\x95w\xfa\xe2;?/QDH\xa6jQ\xee\x9a\x8a\xf6\x12=`\xc5\xaa% ^[\x90\xbd\\l\xcf\x86\xe5\xe3\xf8\xe8\xc3?\x0bH\xda4!Y#O\x10r\xc4C+\x01"\xba\xbf\x163bd\xde\xc7Q\xd2aIE[\xed\xe6\xaf\xba\xd3*\xd7\xd7\xe3\x1b\x00\xee.*"\xa7@\x02v\x9c\xd1\x0b\x81dSe\xb2"\xfb+&gt;R&amp;\x96\xba_&amp;2\x81\xed\x8b\xdb$I^\xb01.\xe2\'\xd8v\xf8\xa1\xca\x89"D\x07\x96\xe4\xc4\x95*\xa5\x7f?\xf0\n\xb3J\xff\xae\x18\x08\xe4\xee\x9f\xb9\xb8\xbf\x8d\xb3\xaa\xb6\xda\xa2\xe0\xd8;\x8aP\x7fV\x83,\n\xb7\xf8A#\xff\xc12O\x01\'\x99\x11\xae\x8e\xda\xaf\xce\x1d\x05|~z-R\xe9\xfc4\xf9\xd9\xad\xb0W\xab\x8c\xcf\x8a\xd4\xc62\xb4[\x83y\xedP\xedT\x8fpF\xd0\r\x1a7X\x11\xee\x01\x97)\x7fR\xa0\'{\xa6\xc3w\xf8\xb5\x01\x00\x00\x10\xe1\xf6\xeb\xb0\xc6:\xb4\x08!\xad\xf5g-=\x88\x88_(\xa5\x86\xc1_KAX\xccxm"\x80\x8c\xfdIP\xeb\x88M\xb2L\xd1\xa8yB\xe5\x05YlM\xce\xbf\x13\xe9Q"\xb7G\xb7\r\x80\x13\xad\x14\xf9Ql\x03\xf0\xa0\xa43\x0e\x96DhX\x94\x987\x00UUP\xd9}\xaa.\xdf$\xbc\xafi\x0f\x1de\x9d\xb17X\x16:^\xee\xfb\x85\xb0\xd1$*\x1eCw\x1a\xcd\x94\xa6\x81\x94\xd3\xfe3Y9\x9d\x949\xb8B\xd7Hd\xd1\xf5\x06`~4\xb3\n\xbe\x9ee\n\x11?\xbe\x93\x9f\xa4#h%\x82\xd0\x9f\x1a\xfc1\x8f\xd6\xbf\xd9D\xa6\xdfZ\xe4B\xfb\xde\xc2!\xc0\\3[\xeeo\x97\x8c\xaeK+\x0b\xfa&gt;?\xda\xe0\xc6\xe6\xafT\x0b\x88Z\xccsdVVu\x8b\x13\x932\xb7e\xee\xe7\xf5\xff,\x8b\xd9\xb4\x97("Q,F\x9cEn\x10\xecm\x81@\x80\xcb\xb4\x96\x81\x06\x9c\xba\xde\x04g\xb9\xe2\xa1\x9e\xaf\x19w\xe0\x00\x00\xf0\x14\x18\x9f\x00,\xa0yw\xfd\xd7\x9e\x1b\x9a\xdaR\xf1\x1e\x9a\xac\x14A\xe3\xb4\xdf\xd75\xc4\x92\x9f\x96\x11\x95\\$*^)@s\xc5\x10rnW\x01\x9f\'I\xd2\xac\'\xb5\xca\xf1\xcc\xee?\xb7q\xffKmVq\xf7_\x05\x08\x80\xf0Z\xb1 \xe8\xd6\x02E\x82\xf5\xaa\x94\r\xd4\xffJWK\xc9\xd1\xf3\xda1\x92Y\xd4\xff\xb0&gt;\xfa\xcc\x80S\xf3\x91Z6\xa2\x05\xb3\xfc\x1cd\xf9(\xfar\x9b\x9e\x10\x95?5\xd1\xec\xe36\xd2\xdc\xacC:\xfe\xdb\x98\xdc\x04g\xca2\xe5\xfa"\xdc\x04\xd7\x8c\x8b\xcb\x14.\xa6\xf3\xe5\x86\xf8Rrd6\xe9=\x8a\xda\xfft\x0f\xe9\x13[\xady8.6\x94\xb1\x15\xbc"\xb7\x87nNa1(\xd8\xd3rJ1\xbf\x88\x06\x1e\xff\xc7\x03v\xea\xbb\xbe\xf4i\x83\x86+\'\x8e\xa7\x84\xd6\x7f\xc9\xa4\x9bh&lt;\x13\xff\xb0\xcc\x84\xc2[\xe15sS\x98Wb\x9dQ\xfb\xa1\x842\xb5\x8c\xfb\x06\xf9\x0f\x1c\xb6&gt;\xaf\xd9P\xd2\xa9\x87f\xed\x9fg\xedM~-\xae\x05\xdd\x7f\xce#1\xca\xdc\x86\xfd\xd6\x8e\xf5\xd1\xd3\xaf\xcc\xd16\x99\xa8\xaf]lW\xc2\xf4\x86;t\xe6\xac(x\x8f\x93\xa7]q\xfez\x9c;qY\xc8I\xea\x86\x85N,\xaaSC\x858\xfe\xf2\xee\xc9\xf9+N\x06\xc6\x1b\x11\x8f\xb5\xd95\xf1\xe3\xf5\xb5\xa5$\xebn@\x0cm4-v\xeb\xbe\xb5\x89&gt;\xec\xad\x11\xd6\xa1\xf8\x1d\xeb\x9c?\x1a\x7fb\xad\x94]\xde\x9f\x00\xdcq=8\xb0\xe5\x89O\x15\xfa\xe3\x7f\xa3H&lt;\xc4\r\xb3fiJe\xb5\xe3@\x1f\x8f\xc8\xa6\xe6\x86\r\x1b\x96\x00\xa1\xb2y\x16\x80\xef&amp;\x15\x1f\x00\xc8\x96d*\xaa\x92\xe54\x0fEz\x11Y\xec\xb4WJ\xf7\xe4S\xdb\xb9\xd3\xea\x93"\xd2\xa9\x11\x8e\xafo\xd5y\xa9\xdcV\xa5\xe5c\xd7]@\xd5\xf4\x1cY.\x1d\xbc-\xa8\x0f\xda\x1d\xdbVgR\x07\x07\xf0\xb7\x00\xfe(\xf9\xeb\xc0T\xeb\x1d\x9e=\xd3hw\x1e\x8b\x1c\x1c\x0c1y0P\x16uj\x98\xb8\xa1\x11\xf1\xcf\xb6\x93\x8eUZ\xdc\xa4\xbbf]v\xbcp\xda\xcao\xc0\x85\xdd\x8e\x00\xed\xf9\xa5\x85by6\xa7@\xa8\xfe|\x8fFy\xba\xd9[\xc4\xec`@\x11\x11\x11\xb4yD\xf4\xc0z\xa1^J_t\x8ew\xb3\xb1\x90\xfa\xd0W\x1e\xf0\x17{\xf7\x04\xc8\xd21&amp;xe\xa7uW\x102\xe3\xb6~u+z\xf8g\x87\xeb\xb6^/\x9d7\x10\xf3\x96\x9a\n\xf7_\x1a\xc0\xfa\xaaJ\xe2\xb4s\x92\xee\xcc\xd6\xb7\xd8R\x1d\xa4\xdc\xe0C\xe3\xcd\x86R\xb9\x90\xbf\xee\x8eO)\xdc~\xa5mtE\xac\xd0\x805\x1f\xe0\xa9\x0cY\xbd\xe6\xd21G\xc5\r\xe4\xd8E\x85\xe1V\x16\xf5\xd8\x18\x1f\xbe\xfa\xd6*Ce\xa5\xd0\x9e\xe8&amp;F\xc8:\xfd\xbb\xac*\xc7\xb0\x07h\xad\x82\xb5XN\x82\xfdS\xf2#\xaa.u:P\xb0\x00c8\xca\x1d\xdb\x9cP0\xb7\x8f\xf8IF\xce\xf3\xdf\xc6\x06\x00\x95\xef\x1d\x12\x90\xb0\x15\x86\xea\x7f\xdeU)%\x07\x8f\x95\xcc\xa8\xb8yh\xf0\x92\xb0\xa4\xa5\xb1\x1f\x0cU\xe2\xc6\xb3\xf5\x10\x11~Z\xd3\x92\xd2e\xea?\xf5\r\xc0\'%ymh\x85\xceO\xbe\x9a\x03\x01\x9e\xd2\x80\xeb\xb2\xbb\x7f\x17\xd4N+u\xe2T\x86\x8c\x8em\x83\x02F\x83\x94\x90j\xe5\x17\x8e\x90\xd8\xe2jIH\xf4\xd4_\x14\xd5\x8d\xc5\x96\x9d\x88\xc0\xd8\xdd7",\x14\xf5\xc3cs\xdc\x86r\xfc\xcd\xf4j(q[P\</t>
        </is>
      </c>
      <c r="E542" t="inlineStr">
        <is>
          <t>&lt;class 'numpy.ndarray'&gt;</t>
        </is>
      </c>
    </row>
    <row r="543">
      <c r="A543" s="1" t="n">
        <v>541</v>
      </c>
      <c r="B543" t="inlineStr">
        <is>
          <t>steps_per_sec</t>
        </is>
      </c>
      <c r="C543" t="n">
        <v>6100</v>
      </c>
      <c r="D543" t="inlineStr">
        <is>
          <t>2.9660573</t>
        </is>
      </c>
      <c r="E543" t="inlineStr">
        <is>
          <t>&lt;class 'numpy.ndarray'&gt;</t>
        </is>
      </c>
    </row>
    <row r="544">
      <c r="A544" s="1" t="n">
        <v>542</v>
      </c>
      <c r="B544" t="inlineStr">
        <is>
          <t>Loss/RPNLoss/localization_loss</t>
        </is>
      </c>
      <c r="C544" t="n">
        <v>6100</v>
      </c>
      <c r="D544" t="inlineStr">
        <is>
          <t>0.2180207</t>
        </is>
      </c>
      <c r="E544" t="inlineStr">
        <is>
          <t>&lt;class 'numpy.ndarray'&gt;</t>
        </is>
      </c>
    </row>
    <row r="545">
      <c r="A545" s="1" t="n">
        <v>543</v>
      </c>
      <c r="B545" t="inlineStr">
        <is>
          <t>Loss/RPNLoss/objectness_loss</t>
        </is>
      </c>
      <c r="C545" t="n">
        <v>6100</v>
      </c>
      <c r="D545" t="inlineStr">
        <is>
          <t>0.044416167</t>
        </is>
      </c>
      <c r="E545" t="inlineStr">
        <is>
          <t>&lt;class 'numpy.ndarray'&gt;</t>
        </is>
      </c>
    </row>
    <row r="546">
      <c r="A546" s="1" t="n">
        <v>544</v>
      </c>
      <c r="B546" t="inlineStr">
        <is>
          <t>Loss/BoxClassifierLoss/localization_loss</t>
        </is>
      </c>
      <c r="C546" t="n">
        <v>6100</v>
      </c>
      <c r="D546" t="inlineStr">
        <is>
          <t>0.20157494</t>
        </is>
      </c>
      <c r="E546" t="inlineStr">
        <is>
          <t>&lt;class 'numpy.ndarray'&gt;</t>
        </is>
      </c>
    </row>
    <row r="547">
      <c r="A547" s="1" t="n">
        <v>545</v>
      </c>
      <c r="B547" t="inlineStr">
        <is>
          <t>Loss/BoxClassifierLoss/classification_loss</t>
        </is>
      </c>
      <c r="C547" t="n">
        <v>6100</v>
      </c>
      <c r="D547" t="inlineStr">
        <is>
          <t>0.12200584</t>
        </is>
      </c>
      <c r="E547" t="inlineStr">
        <is>
          <t>&lt;class 'numpy.ndarray'&gt;</t>
        </is>
      </c>
    </row>
    <row r="548">
      <c r="A548" s="1" t="n">
        <v>546</v>
      </c>
      <c r="B548" t="inlineStr">
        <is>
          <t>Loss/regularization_loss</t>
        </is>
      </c>
      <c r="C548" t="n">
        <v>6100</v>
      </c>
      <c r="D548" t="inlineStr">
        <is>
          <t>0.0</t>
        </is>
      </c>
      <c r="E548" t="inlineStr">
        <is>
          <t>&lt;class 'numpy.ndarray'&gt;</t>
        </is>
      </c>
    </row>
    <row r="549">
      <c r="A549" s="1" t="n">
        <v>547</v>
      </c>
      <c r="B549" t="inlineStr">
        <is>
          <t>Loss/total_loss</t>
        </is>
      </c>
      <c r="C549" t="n">
        <v>6100</v>
      </c>
      <c r="D549" t="inlineStr">
        <is>
          <t>0.5860176</t>
        </is>
      </c>
      <c r="E549" t="inlineStr">
        <is>
          <t>&lt;class 'numpy.ndarray'&gt;</t>
        </is>
      </c>
    </row>
    <row r="550">
      <c r="A550" s="1" t="n">
        <v>548</v>
      </c>
      <c r="B550" t="inlineStr">
        <is>
          <t>learning_rate</t>
        </is>
      </c>
      <c r="C550" t="n">
        <v>6100</v>
      </c>
      <c r="D550" t="inlineStr">
        <is>
          <t>0.0398275</t>
        </is>
      </c>
      <c r="E550" t="inlineStr">
        <is>
          <t>&lt;class 'numpy.ndarray'&gt;</t>
        </is>
      </c>
    </row>
    <row r="551">
      <c r="A551" s="1" t="n">
        <v>549</v>
      </c>
      <c r="B551" t="inlineStr">
        <is>
          <t>train_input_images</t>
        </is>
      </c>
      <c r="C551" t="n">
        <v>6100</v>
      </c>
      <c r="D551" t="inlineStr">
        <is>
          <t>[b'1024' b'1024'
 b'\x89PNG\r\n\x1a\n\x00\x00\x00\rIHDR\x00\x00\x04\x00\x00\x00\x04\x00\x08\x02\x00\x00\x00\xf0\x7f\xbc\xd4\x00\x00 \x00IDATx\x9c\xec\xfdw\xfc&gt;\xcfU\xd7\x8d\x9f\t\xdfP\x12\x0c\xa1\x84&amp;\x10!\x84\x1a\x8a\xa1C\xe8\x1d\xa4(R\xa2\x12\x9a?\xaar\xd3\xf4\xe6\xc6\x00\xb7\x04P\x03AE\x94\x8eR\x7f(\x88\x88\x10jh\xa1I\x11\x0c\x18)\xd25@\x00!\xf4\xea\xb9\xff\xd86\xbb\xd3g\xce\x94\xdd}=\x1f\xc9\xe7{\xbd\xafk\xf6\xcc\x993g\xce\xd4\xdd%\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a4\xc2\x0b\xbd\x15\xb9\x1eW0)3\x13M\xff{Fo]\xea\x82V\x10\x8f\x164Nl\xb1\xa4\xd0\'\xe5\x1b\x9cNN6\xdf\xea\xaa\x9a\xd8\x8c\xfcY[/\x7f\'\xaf\xaa\xfe\xe2|KV\xf1\x8bLd\x08s\xfe\xf2c\xdbO\xde\xec~IB\r\x00N\x8e\\\x9b\x04\rXb\xe8+\x9d\xa8\xcaN\xa4\xea\xc9\xb15\xe4K6pf\xb6\x16\x16\x98h\x03\xafS[\xac\x8b\xf2\x9c4\x0b\xc8\xcc\xc3qm(/6Sy\xe4\xa7j\xfb$w\x82W\xca\x12hhnI\x10\xae\xe5\xc7\xbb\x84\xf0\x9aG@\x02\x00`\xa20r\x81\xf6\xcc\xf5\x85*\x03q\\\xb4\x81_\xafD\xf1\xb4,\xfbG4\xcckP\\\x83\xdd\xa4\xe1oP~d\xbe\xbb\x1cc\x87\xe0\x8e\xcb\xcb\x14\xd6\xd5\x08\xf9\xa4\xd5\\\x9a\x0eqZ\x1d.\xd7~\xf9\x0cZ\x04\x96\x94\x0b\x80{!\x12\x0e\xbasj\xe5\x139W}\xd5V\xb2H\xfeIl\x08\xc0\x01\xf8-\x11\xfd\xb3f9\x99#W\xf3\xc7\xf2\x0c\xfc\xf9Z\xf7"\x8c\xe5\xff\x8fK(\x86\xe0\x04\x80L\xb3\x1c\x93[\xe7\x00V"\xb3\xf5\xa4XV\xc7x\xff\'\x00`Oa8\xd0bSOJbYa\xce\xad\xf3\x93\x08\xdf\x17B~\xd5\xed\xcc\\\xac8\xc0\xc5\xdd+\xbaG\xe3uF\xdd\xca\x9a\x98\xe3W&amp;z\x7fC\xaf(\x83\x08u\x1f\xa9c\xf7\xedW\xe7\x95V\t\xfb\xa1\xc5&gt;\x99o\x9e\x10?\xd5y \xa5\xd8\x00\\\r\xa5Tn,\xe0\xb5\rNM[)%\xa6V"\xfd\xb2\xeeVd@\xccTP\xef\x05\x9e?,\xf0FpfRZt\xf3\x90\xaf\x94bk\x13\xab\xdc\xfb(#\xcf\xfd\xdfJM\x1dpP\r\xa9pw\x103\xe5\xbb\x08\xb7\x99\x88\xf5\xc4\xbe\xe5\xf8C\x11x\xf9\xbf2\xc7\xfb\xf6\xaa\x98\xc5\x90\xdai\xe9\xb6\xcc/&lt;\xc8\xa9\x0b\x009\x9coYqj\x1e\xe9AL\x91\xdaQA5\x00*\x02\xa7\x05\xe7$\xd9o\xf3{\xa5j\xdd\x99E\xa5\xe8b)\xa5zLw\xab\xe6\xb8\xdd\xc3\x1aZ\xe1&gt;.\x8d;\xfb\xdf)\x99c\x15|\xfe\xf2\xf7\x92\xebW\xcfj\xcdw\x99\x06X/\xf8s"R\xea\xbfM\x7f\xb8t6\x8a\xc0\x96O\xeeo\\Jzc\xfc_B\x07\x00\x008\x07\x87 \x8e\xf1\xab\xcej\x1c\x98\x05\x009|k\xad@\x08f\xb6\xecI\xbaW\xe6x\xfe\x9dyJd\x978%Z\xd6\xcf]\x83\xe6\xd4\x80\xb9\x93&lt;g\xbd)\x9e\x1e~\x99\xd8Q\xcc\xbd9\x0e\xf6Q?O\xf4r\xbe\xbc8bc\x04;\x00\x00\x0c\xc8\xd7\x1f\xfe.&gt;\xb6\x18O\xff[\x1a@\x06S\x9c\xbf\xf7\xe0\xff|\xdb\x8f`xn\xdd\xa2Z\xa1\xac\xfb\xf0\x9e\xc32\xb4\x1csq\xb5xM\x94"5o\xd7[3NR\xd4\x880\xbb\x9e9k\xf1E9\xa3\xb6\xf1\xbd.\x9f_6(wN\xa8\x7f\xf9\xda\xa1\xbb\x02\x00\xb8)#6\x8c\xb8[y\xaa\xe6?\xce|\xa0\xaf)\xc0\xe0D\x1d\x1e\x88\x93$\xa0\r8=in\x80\xb8$\xcd\xf7\x98\xb7\xc0\xea?\x07\xfb\x02\xcbO\xfb\xfe\xf4\r\xd3\xebk\xdf\x07\xedn\xb7M\x15\x95\x94\x9dC\x81\xa8\xab\xad\xd7\xc2W\x01\xd81d\xab`4\xda\x15\x8f\x11\xe6\xef_\xf3\xd6\xf6\xb9\x1fi\x03\x82X\xa1\xcc\xcc\xfc]hqqH[i\x08\x83g\x14\x8a\x99\x89^\xb7\x92&gt;\x17\x80E\xd7\x92v\xa3\xf0\xac\x0b\x0b\x9cv\xf7`\xa2\xc6QbS\xbel\x02\x10\xf1\xee\x02\x00\xee\xc4\x98\xfd\xbd1\x01\x18N\xc3^\xac\xf5\x05\xfb\x00*\x18\x13XyG\xcc\xba\xe3\x88\x1b\x8b\xc4\n+\x15%\xf6\xa4\x17\xd4\xbb0\x83L\x00\xf6\xd7\xca\xe8\x12\x9d\xa1\x9e\x92\x89\xd9\xf5\x02\x84\x18Y\x19\x97\x98\xe0\x1e\x00\x006\x06\xbc\x81R)\xa5\xd4\xd7\xad\x7f\xa2W\x9aX#\xa0\x11\n\x87\xabA\xd0\x00\xf1\xe1\xda7\xf4x\xb4\xd7\x19\xc7\x9dJ\xb9\x0f1g\x89+\xb9Z\xcavC?\xd8\xed#2\x97\xbd+-\x8eDI\xe6\xe5\xb6]y\xf2e\xb2\xb1:N\x0f\xcd0\x91[\x01\xf7X\x9dy\xbb\xd9\xaej\x93\xd7\x85/\xb7B\x8c\xea\xd8@\x10\xac\x86\n\xf3=\x9d\x8d\xb9\xc4\x92\x9f\xef\xab\xc6\x08\x98+\x19\xae\x84M\xd5\xba\x14\xc3\x9b\xee\x18\xdf\xf6\xcep\xc2\x9146\x1c\xca\xb9\xbc\xf5\xf2\x9c\xa4\x9ek\x9d\xd6iwjGt%\x05y\xd8\xba*\xe3\xcb\xe8|\x13\xc7u\xbb\\\x8c\xdc1\x15\xb8,\x1c\xf7v\x0cp*\x18+\xdcf\x8c\xb6:\xf9!\x19\x1a\xc2\xc5`f\xed1|\xf37\xd3\x07\xfdyy\'\xaa\xf73\xea\xecy\x0e\xe3\xb00\xf7|ic9\x19={=\xd7:\xa5\xd3\x1e\xd0\xba\x8a\x88R$t\xc1\xd6\xe9\x84Z\xa4\x90\xf6^\xb0z\xd6\xf3Oip\x04\xe8\xe2\x9cpj\x0e&lt;\x9c6\xc8\n\x917\xfa\xb7~s\x15\xaeZ\xae\x00\xe6\xbb\x90tOX\x9e*x\xa6\xf62\x95\xe7D:\xd7Y\xf8\xad\xee\xcf\xa7\xb1o\x80xC\xdd4D\xc4\x12\xd9\xe2\xb6et\xbf=\xc3\xd6\xd6R\xa8\xf4&amp;\x9f\xb6\xfc\xefO\x80\t\x00\x00\xe0\xd4\xdc\xba{\xbb\xec\xbc&amp;\r\xdbJ\xdbyF\xd23\xb2\x87\xe9\xdb!\xa9s\xf93\x9c\xc2INid\x93\xf8u\xe8z:\xf0\xe9f\xadV&amp;\xed\xbd\xa5`}\xe5\xdf1\xb0&gt;\x9e!:\x1c\xb7\x9f\x8e\xe0\xef\xdd\x8fS\xbd\xd1\xf7\xee\x03C\x9b9\xdf\xf9\x9e\x16\x8b\xc7&lt;\x90\x9478\x11\xe6{\xf5\x06\xe4\n\x1b\x88\xa0+\xd3s\x80\xe0?\x8d\x19\xec\x84\xe1\xac\xc6(\xea\xdc\x03\xb5\x9e`H\xc0\xfd\xdeS=M\xfe\xa4\xe2\xfa\x1e\x90\xda\xe8rj)Z\xf6E\xec\xad\x823\xc7\xc5\xea\x0eS:\xc7Z\x8b\xf5\xf7\xfb\x93DL\xf4\xc6\x94\xe1\xae\x91\x95\xffzs\xa6z\x16\xca\xac\xaek\xd4\x1epr\x86\xf3\x8e\xf5\x9e\x0fP\x84y\xc8\x18t\xc73\xa7\xdd\xbd%\xd1\x91l\xf8\xb6\x00\xc0\xb5afO3\xe4\xe5\x9e\x02\xb4SI\xd82\x1c\x04:\xb1\x83\x10\xd7\x92\xa5\xde\xe3\x0c\xd0\xcb\xd8\x8bc\x8e\x06q\x04\xe8\xe2\x0c\xe0\x8bA\x8egy\xc7a\xd4\x1d\x14&lt;\xdf\xc9\x0f\x8c\xd3\x0c\x98\xfa\xac\x8c\xb9?\x8c\xd1\xbf8o\xc8\xbc&lt;\xfc\xf1\xc4\x86\xad\xec\xaeE\xc6\x19l\xf4O\xd6\xe2,\x0b\x9a;0\x01\x00\x19\x8c\xd8sTb\xc0nR\xf2\xc5;\x97\x04\xc6i\xc7\x08\xbd\x1d\xc8\xa1\xd3@\xc5?@:\xe9]\x10C\xf3}\x97\xb0\xe8 \x85\x98N\xd2\xc7\xec6\xb7\x86\xf9\x1fy\x9fdj\x9d\x01b\x02pyjx\xe7 \x8d\xb1.j\xa1\xb7"G2\x14:\xe7\xa3\x9as\x19\xaf\xca\xc0]\xe1\xbf4\xcf\xd7\x07l}\xbd\x9a\t\x9agc.a\xf0Q\xa2\xfaq\x8ej&gt;|\xac\x0fJ=l\xf9\x18\xd7\xd7\xff\xea\x90A\t\x08Q\xe3\xc5\x16\xe0\xa4\\\xc6\x13\x1c\xafV1\x8a\xf6N\xd6\x84W\xb0\x008\x11\xf0\xbdX\x96\',\xf6\xd6\x03\x80\x13\x93\x12p\xd0\xd6\xae\r\xfa\x1epA\xe2\xc7\xf4\x98\x00\\\x951\x17\xd4M\x16\xaf\x83\xef\x85p\xce\xe4\xe3\xae\x16\xd6\xe6\xe2\x946\x9f\xa6\xb1t\xd4\x86\xd3\xbbC\xe1\xa7\xbas\x8f\xd7\r\x8f\x01\xbd.\xe1\'[\x81\x0b\xc2c=\x9fQ\x9c\x9d[{\x8ai\x06\xc0\xcb\x9a\xe4v\x9c\xa4"\xe7w|\xd2\xa8\xae\xd7\xf7\xb5\xe2\xbb\xdc\x97\'\x8a\xe6\xe9\xf3x)\x9d\xc6a\t\xe3$_G\xe1\xc7\xb0z\xaf\xce\x19\xf5\x16zZ_G\xb5\xd0}&gt;\xef\xcf\xdf\xe8\x16\x873 \xa8\xce\xe7a\xe1\xf3\x96\xdc\xa5\xc6=\xeb\x85\xcb\x9a\xebn\xed\xff\x0e6\x01\xa3\xf19\x03{\x1dZ\xc4\xa8\x0c\xddq?\x90\xac\xd8\xb8e\xc9E\xab\xa0^\xe5\x8a\xcc\xfa=\xaeg|\x10\x0bF?7\xe4F\r\xfe\x19\xf6 \x88\x93?`\x10z\x8f\x12\xfc\x8c\xa9\x15\xa88\x01(\x96\x99s\xf9\xf5F g\xe9YN\xa1$\xa8\r&lt;\xe0^\xdc\xa9\xcd;\'\x00\x84\xf0\x07z\x03\x0f\x04#a\xf7\xc6\x949*\xfcy\x06v\x00\x00\x8c\tb\x13\x18\x9c\xab-\n\x9e\x8fg\xc2\xfe\x80\x88\xfeZ\xc24\xf5g\xa6\x94\x7fw\xfd\xe2rS\xdc\xf8\xb2\\\xa9\xd4\x00\x00\x00@\x19\xd7\x1a\r\x803\x00\x97+\xe2m\x93\x06\xf1\x87\x94\xd7\x9a\x00\xa4\xd9\xe1B\x05\x07\x00\x00pm\xea\xf7X\xe8\x14AS0\x0e+%\xdf\x80g9\n\x1f\xcb\xd7\xa7\x1d\x85\x1a\xa3\xe0\x83\xa8\x01\x00\x00\x00$2LW\xda\x9bw\x86\x11\xd2\x81\xf3\x94\x92\xfd\xee\x85\xedakW\xd9\x84\x89/\xc5\x83\x07\xf1\xba\xd5\xfec?o\x00\x00\x00\x00\xd8\x93\xb7\x88x\xb5\xa5G"\xc2\xe6I&gt;\xb0[\t%\xd6\xbb\xd0\x04\xe0\x03NY\n6\xe8\xad\x11\x00\x00\x80tn\x18\xbe1\x01\x00i\xa0\xd2G\x02-\xb13\x1fS4\x01\xc0\xeb\xc1.\x0b3Wy\x8f \x00\xa0\n\xcc\\\xfd\x15\xce\xcc&lt;\xda[\xa23T\xe2\x8b\xbf\xee\x1a\xd8A\xbd\x8f\xc6:\xe2D\xa5\xf4\xe20\xe8GE\x00\xa2[\xae&amp;\x02\x00\xfc\xe0\x9c(8/\xe8\xd42\xa8\xd0\xe4yy\x11;\x96\xffG"\xbd\xa2\x1fTI\x13\xd0\x1d\xcc\x03\x01\x006\x10\x1a\xc0)\xc1\xea\xe6\x080Oc\x7f\xbaF$\xb9\xce\x9a\x88R\xa95\xf2@%M\xc0\x00\\\xa1q\x02\x00\x049\xe3\x10\n\xa7\x19\x01\xc8\xa3\xde\xf2\xfc\x14H\xce\x18Ot\x16\xfbT-\xc5\x9c\xc9\x80\xb6\xc2\x0e\x00\x00\x00\x80"\xcc\x87Q\x08\x9e\rP\xaa\xcb\x9d\x9fo\xdd&gt;K\x10\xe4V\x07N\x8a\x17\xa7\xd7kk\x0c=\x87\x1b\xcef\xa0\x94\xaa\x7f\xdb\xd5\xfa\xe1F\xae\x0b\x008%8\xd6\t"q\x8d\xfbm3\x812\x8f\x82C\x82\xfb\x85\xa6\xc2\xf2\xd64\x17\x13\xfd\x85:\x92\xeb\xf1\x16"\xd6H]\xdd\x10_\x101\xe5_\xe4\x08\x13\x00\xa0;2#60\x1c\xc2=\xd0~p\xbf\x13\x1e\xb3!p\xab\x91\x1c\x10\x02&gt;3\x02f\x8b\xfe\xc6\x9e\xea4$c4_u\xf4Oe\xd3&lt;\xdc\x03\x00\x00\xb0r\x85\x1d^\xb02\xf5\x11,\xf1\x18\xd0\xb5\xbfQ\xb4=m@\x97\xaa\x94\xb2\x0e\xf0\xb3s\x17Q\xdb\x94\n\'?\x1b\xa8\xaf\xfe\x1c\x1a6\xcf\xcff\xad\x97]\xe9-@u\xa2G,\x95\xb3.0&gt;3\x9a\xd3=A\xcf\x07\xc0\xdd\xe0\xf2{\xd1\xf4Q}\xa4\x1c\xeb\xea\xd4\x80\xf7\xc3\x01\xd0\x07\xe6s=\xb3\xcf\x08\x02L\\\xf5\xb1\x83E\xf7\xe9.\xf3\x13\x19\xf5\xb6\xb5\x8fSU\x19\xb8\x1d\xae]\xa1\xbb\x1d\xa3\x04\x00\x94\x93}\x92\xf5\x05#\x8e\x03\x01pcN\xd7\x16\x96\x03\xa2\xedZ\xf1\xebe_\xc9\xcc\xd2z^\xe7\xe0\x0c&amp;1\x17&amp;c\x99\x1f;\x03\x00\x00\x0b\xda\xd2\x17\xa5F\t\xd7p?}\x15\xad\xc13\xfb\x00\x00&gt;\xca\xcf\xe4\x80A\xc0c@/LF\xfbD\x93\xbe0\xa7[g\x02\xa3\xb0\x1f\xc1\x87\xa3D\xe4\x1a\x7f8\xcd\xb3y[n\x8c\xcb\x1a\x00P\x1dt&amp;\x97\xe0:{\x19\x00\x00/\x18&lt;\x81\x1c\xb2\x8f\xeb\x14\xde{7\xe7{&lt; =\xc4Q`\x00n\xcdi\xda\x11\x0e5\xf8\xc0\x0e\x00\x007\xe2\xaa\xc7\xaf\xafZ\xae\xd10\x06\xd0\xebQ`\xe7\x1dG\xfe\xd5B\xcf\xadJD\xa4\xd4\x94#\xbap\x00\xbc \xfa9\x81e\x9c`\x02\x00\xc0\xfd\x88\xea-N\x167\xd5\xaf\xf7\xd6\xe0~0\xaf\xcf\xff\xdf\xaf\xd2\xab\x8f\xd3\xd3\xe4\xc8]$e\xebv\xa0\xc1+?\x01\xe8\x03\x16?\x1c\xc8\xdf\x00|-p\x04\x08\x80\xdb\x11\xb7-z\xa6\xd1\x12\xc6v]X\xcc\xbe{\x05\x98R\xa5\x9d\xee|\xab\xefpU\x8a\xe3\x04`H\x14\xa9\x86\x9ey\xa2`{"U\xbb\x80\x1d\x00\x00\x00\x00\x0e\xf4g~\x1f~\xd8\xaf\xd3\xbfd\xee),\xf7\x1b\x82\x8d\xce\x1b\xaby\xb7\x06\xb5\xef\x02\xc3\\\x90\x03&amp;\x00 \t\x84\xe0s\xb3\xae\x88`\xd3\x18\xc4\xe0\xf2\x12\xd3}~i\xfb\xa8\xb2\xcf\xdb\xf8\xdc\xf2\xe5\x98\xad\x197\x01\xf7\x98\xf4\x86\x8f\xbe\xf8\x02\xa8\x0f\x00\x8a\xc0\xc4\x11$\xd0\xf7\x95\xda@\x84\xf8\x97\xb9\xf2\xf4\xaap\xd4\xf8\x8d\xf1\x0f{\x83\xd1 r\xd4&lt;\xc9\xd9{&amp;\x99\xddS\xc7\x07\x90\xe3!BC\x81\x17\xb2\x0e\x00N\xc4\xb98\x8de\xb0\x03\x00\x82|\xd3\xfa\t\xd1\xf6\x02\xecWgC\xe33\xf5\x83\x95\xd5\x01C\xe3o\xf1\xc1\xf1}A\xc0\xb0\\\xd9\xf1\x89@\xb8\x87\xb8\x1e\xd8[9)\xc1g|\xdd\x94\xf3\x98\x04\x11\r\x04\xc0\xaa\xff%\x89[\xd1&lt;\xcdJ\x06\xa8D\xd2\xe0\xcc\xb5&lt;\x1f1O\xd8\xed\x00\xe0=\xa3\xf7\x01[+\xa7di\xab7\xad8f\xbeD\xd9\xb1\x03\x00\x02\x9c\xdf\xc9\xc1\x8c\xfe\xb0|\xd4*\x10\xc75\xce\x8f\xef)\xd5\xc7\xe1\xc1\xff.\xce\xb3\xae(\xce\xdfa\xbc\xe8c\x1c\xd6\x9a\xb8m+\xe5\xab\x8c\x8b.Q\x08\x00@\x04\xfab\x1b\x16\xde@\x0c";\x00~9\xd3U\xce\x9d\xc6\xab,\xb6\x95\xc2\xc7W"\xdf\x87\xf5\xadpr#\x16\xecmf\xb35\xe5\xc8V\x89\xbefX\xb0\x03p\x13\xb0v\x02H\xed\x1f\xdc\x8e\x88\x0c\xa4({e\xeft\xab\xf9\x93\xac\xbf!r\xcd\xdc\xb8\xb5.7`L\x16\xf8t\x11\x91\x12B\xee\tL\x07\xc0\xa9\xc0\xe6)0n\xd8\xba\xa6K\xb4q\xf5\xfb\xdc\xfd\xc6\x11\xf8/\x9f?\xbd&gt;\xbb\x84\xb5(\xc6E\x80\xad\xc0\x08&lt;"\xc9\x15\xaf\xd4\xcc\xcb\xca2\x9c\x110\x99\xbb\t7?\xb3\x07\xe2\xb0\x1d38\xd7\x06n\x9b\'Ev|\x1ee\x0c9U\xe6&gt;i\xe3=\xbd\x93f\x01\xab(\xaf\x10\x1c\xd5\x00G\xce\x15\x91\x00]\xe5Q"e\x0f\x9fe\xa2\xe7&amp;\xfa\x93\xa1\x02\x1a\x8e\x00\xdd\x04\xdcW\x07"\xd0\x0e\x08M\x9c\xae\xafms\x0b\xe9\x89\x0c\x12I\x83\xb5\xa9\xd4\xd1\xff\xb4\xd6v\x99\xb5C!\xaaZ\xe3\x14\xfbZ\xe3k\x08\x8e\\)`\xe6\xbe\xe2\x90\x88\xfet\xb4a\x18&amp;\x00\x00\x80\x1d\xfa\x88\x0bO??)\xa9\xd5\xe6I\xed\x7fY\\B\x16\x86\x1c\xf8V:\xff\x9e\x97\x89Q\x05\xe1\x9fu\x86\xd9\x16|f4\xaes\xc2\xc7O\xc9\xcb@\xe0\xb5\x00\x000\x04W:\x96\xda\x82\'\xb9\x8f\xef\x7f\xeb\xce\x8c\x1e\xab\xa6\x1f\xfd\xc7M\x02\x16\x16\x9b|`oEj\xd1\xba\xd2os?O%\xd0H\x01\x00\xf5@p\x01Q03\xd1o\xf5\xd6b\x86\xaf6\xb0\xb0M\x00b\xcbx\xbc\x03\xb8\xba\xb2\x17\xe6\xea\x06d\xe6\x0foW\xc0+[\xb2\x015\xf7\xa3\x00\x00\x001\x1a\xc4\x02W\xa9\x88}\x17 \xd8\xf7\x7fIbzG\xd69\x1a\x83\xaeh5\xde\xba\xfaR3\xbd\xc0\xbc\xb4e\x11\xca[4\x00\xe0\x82 \x1c\x80\xe1\x91s\xd1{y\xfb\x1f\'\xcd\x01\xa4F\tc\x0c2\xba+p&gt;\xda\x8f\x11\xb3]\xee\x1f\xf5w\xb0"\x9aN\xb4\xa2#\x00\x18\x15\xfe\x8f\xccD\xbf\x88;\x13\x80,\xcc\x8c{\xfb\xc0\xd0\xf0\xd9\x1em4\x18\xc9\xdd}\xe1#S\xbb\xd7Ww\x05\xce\xcb\xea+\r\xacg\xfaeT\xa67~\xc5r.\x96\x08\x80\xd6qF\xf0\x14  \x8b\xe76y,\x12\x9c\x9f\xb7\xbb\xc2b\x8f:\xc1kU\xdb\x189o\xc9P)\xf5\xc5I\xa9\x0b\x9f\x81Q\xf2\xf0\x8dr0\xfa\xb7\x92\xba\xf4\xbb\xacO\xd7r\xec\x83&amp;\x91&gt;3\x15\xe0m\xcf\x1f\xd3\xdar\x87\xc6\x00\x97\x00\xa0\x13\x17\x18e\x8e\xcd\xfb\xe4^\x88\xfb\xbd\xda\xc0D\x7f\xa5z\x1er{\xf7\xbb\xe1\xe0\x85\xee~\xd6\xcau\x91\x12\x89\x10\x7f\xfc\xc3vV\xa4\x8a%5\xf9?\x9eu\x15H\xa1~\x85\xf6\x03.\x01\x00\x00\x17\xe64\xf1\xbd\xf6\x8b\x9f\x80\x97\xdd\x00\xf1\xe9\x9d\x95ID\x1f\xc7\x08\x0ehl\'\xc0\x1d\xc2\xed)kx]\xd4l\xc4s\x19\xdaB\x1a\xd7\x9d8]\xb5\\Vn\xb0\x93\x03\xce\r\xc3K\x9b\x82\x13\xb1\x03\xc1\xb8\xa3f\x8ft4\x98zz\xbf\x85\x99\xa9\xec\x1e\x06)x&gt;\x8cD\x91\xca,\xe9\xd7\xd7{\xcb\x14\xc15&lt;\xb28\xaa#i\x05\x97\xderJ\x14\xce\x9a\x0b\xf4\xafbp*N?8\xc1=\x00`p\xce\xdd\xc0\xce\x07\x86\x9b\x03\x81\xf70O\xd4:\xa9\x11\xb5\xf0[|\x0f\x83\x96\x1bQ\xf6b|\xfaUJ\xe9\xa3\xe1\x0e\xf7\xe06\\G\x9dK\x97\xde^\xda\xd9\x07\\\x8d\xf3\xef\x13`\x02\x00\xae\xfff\x19\x00\xc00\xa4\x86\x9a\x8a\xc1\xa9\xed\xfcJ\xed\xfe\x13\xc9\xb6\xb2}\x94S\x13\x91#1\xbewB\x17\x0b?\x92}\xa7x\xdf[\xcc\xc1\x89Q\xa7\xbfY\x11\x13\x00p\x81y,\x00\xe0$0%\xbe\xa1\xa90\xb3\xc0\xea\x86R\x8a\x1b\xbf\xca4i\xb8\xa9-\xe1\xa7\x0fUK\x1e\xbd\x9a|\x89\xa1Z\x9bQ\xf5e\x0f\xa3\x9f\x8dKUA\\L\xf8\xc1\xb3O\x1c1\x01\xb82\x08\x8b\xc0d\xee/\xf7\xbe\xd1z\x0c\x04nK\xca\x89\x9aC\x04\xcbX\xa9]o\x82\r$\xa3\xd2\xa9F\nSF/\xdf*\xbbd\xe6\xbb\x1e\x92i?\x1cB\x177\x14\x97\xb9\x97:r\x95\xe2\xf5\xce~b\xf6\x81\xde\n\x80Z\xc4\x87Fl\x80\xde\n5\x856\xb3\xce\xe1\x06\x9d\xd8\xdf\xac\tf\xd6\x08\x96}\x83\xe6\x1a\x02c\xeelO\xbe\xa1o\xd1/\xa9\xe2\x96\x8bx\xe4\xbbN\xfd\xba)\xb5;\xfa\xa0\xa8[\xe8\xc8\x1b\xfd\xff%\xe6_ \x84;q\x14\x111\xb3R\xa7\xbf5v\xda\x17&lt;\x7f)\xc2\\\xbf\x847\xa6\xe5#D\xfa\xb4\x16m\x88\x00O\x06\xe7\x83\x99\x95Z\x1fEs)\x1f\x9e\x8aV\xfe\x02`*\xb3L\x8c\x90\xbc\x8c\n\xafJ\xbd\xf0\xa4$&lt;2\xa8@xj\x15\xdc\xc1\xf2\xa7\x00k\x1f}\xc1\x11\xa0\x0b\xd3\xf2\xde&amp;4`\x00\x92\x99\x1a\xe8\xf5nC\x9cGf\x89\xc7\xfd\x05\xb3_?N\x96\xf5\x98\xf7K\xdb\x1e"\xd15\xc9?\xbf2\xd0\xc1\x97\xaf\xf6\xfe\xdaB\xcf\xe4\xe7\xfe\\\xab\xad\x81\xbb2N\x10\x00\xa0\x07\xb5\x9e\x0e\x08\xc4A\x1d\x19\xdc\xe0\xf5CEm3\xbbi\'\\\xf5\xfd\xcc\xcc\x8f\xcdT\x92\x99\xf9\x11\xe9\xd7\x1a/\xc6\xca\xb9&lt;\xf5\xaa\x9a\xf8\x9e\xf6\xe3B&amp;\xe3\xa0(\xdb\xfdN`\x1c\xc6s\xe6{\x81\xa9087\xe5\'\r\x00\xe8\xc2\xf5\x8f"0\xf3\xd8\xafX*&gt;\x810\xdf\x05\x90\x91\xe9\xca &gt;0\x9bb:\xcd)p\x14\xca7\xaek\xe8\x12-\xcf\xc1\x82d\xda\x1e\x01\x823\x1c\xc1\x11 pn\x94\xd8kz\x00\x08 \xbbXu\xf9\xae\xa8\xe6\xe8\xdfZ\x11\x19\xaf\xca*\xd4-\'\xf8\x1c3\x1di\x05\xb4D\x15\xbduL\xcf\x11\xb2=h@\xb5\x8d\xd8W;\\w1\xf6\xef\xaa\xb3\xf1\xf0\xc0\xfeR|^#\xb53\x00\xc0\x1ef&amp;z\xe3\xdeZ\x80o\xef\xad\xc0\xb0`\xb7:\x95S\x98\xab\x8f\x92\xc1\xf30\x8d\xcf7\x16\xe7\x158\x8aS \xd9%\x12\xe7?+\xb1\x9aTsQ\xed\x89Z\xe2G\xb9\x9czxOp\xa5+\x00W9\x82\xc91\x18\x82\xb6[\x81wd\xdd\xe2\xf7&lt;\xff\x0e\xb5\x10\xc2\xf1\xb4\xab\xf9\xac\x0b\xecV\x17\xf3\xd0\x143w|\x0ce";\xe7\t\x1e\x04r\x1c\xad\x01\x13\x9b\xfd`\x9f\n$\x0c\xad+\xd9_\xd7@\xbd8\xd1\xaf\xa1\x96\xe5\xc1\x11 \xd0\x1f\x8c;\xeb3\x07\xd3\x8f\xf2&amp;\x1a\xb6\n\x86Y\xea\xb3\xdbg~\xb4\xfb\x10\x1a^\x17\x9by\x95R\'\x19\xfd\x13s\xda31\xd5Be\xbdLN\xe1\xc6\xb3YNR\xf9\x8d\xf9\x90\xa2\xab\x99G\x1b\x18\xf2\xaf\xf6\xd6\xe0\xa2\xa0\xf5\x80A\xb8\xe6{7\xc6\xb9\xd1\xf3\xdc\xb3\xac\x9879u\xe5\xdc\xe6\x1d\x97\xaaa!\xe7\x16\xde\xfc\xcc\xaax\x88\xa4}\xb4=\x07\x1a?\x1a\xa3\xc5\xb9(x0F\xe6"\x86\xfa\x1d\xa2\x17\xc8\xcb1V\x9bk\xbf\xd1\xa8\x177**\x00=\xb8W@93\xf5\x9e\x11\x91\xe4\x03gv\x98\xe1\xe7i-9\x8cPk\x0cXm\xeb\x0b\xd9\xfe#{\xa8\xa6\xe9\xe4\n\x94\xc1\xc42\xfb&gt;\xe2SG\x1c\x84\xab\xca`;=\x00\\\x8d3\x86\xadS\x9c\x01\x10G\xf8\xb8\x85v\xff\\\x9a\x1a\x82:\xb4d\x90CZ\xe3\xb1-\xab\x8b\x0fb\xcc;"\xf2\xeb\xe0\xcb\x88\x88\xd4/\x08)\tW8\x0b\x19!\xca\'\xac\xd6\xbb\x17\x10]\x00\x00`d\x10\xa37\x9a=+c\x10.YR.xY[k\x83\xfc\xb3\x1b9\x1b\x11!\xda\x94\xc3\xf5)\x9c\t\xdc-\x8a6\xe6\xac\xabM\x00\x0008\x8cc\xca\xa7F\x1bt\x9c\xa4\x12\xcf|~\xac\x1a&lt;\xcc\x8dXCa\x1dR+\xa2\x87\x11=\xe7\xf0e\xe8\xc1q~\xbc\xc6\x0f\x1c\x15\xd3\xe5/\xcf\xfb\xe2\xe5\xa4!\xea\xb4\x14\x1c\x01\x02\x00\x9c\x85\xb93\x90Z\r\xaa\xbd\xaa\xd4\xe9).C \xb2\xfe\xd7\x99\xa5\xea\xceS\x87\xad\x15\xcd]\x9d\xad\xb9\xa0kH\xbem\x1b\xf4\xe1\xb2\xbfR\xbf\xb3\x98+\xe69Tq\xb6u\xd7\xf5W\x92\xdfiw\n(E\x8b\xe2\x15\xe3\xca\xa9C\x16\x00\xb1&lt;\xec\xe4\xdd\xf3\xa9\x95\x07\xbd\t\x8e]\xb0\xef\\\xc8\x8fO\x06|\xc8\xde\x86\xa72\xe9\xe2\x03g\xd2\xb9\x19\xd9\xc73\x9a\xb4,T\x99\x0b\xf7q\x9d?\xcf3Z\xdcY\xa02\x9d\xcd\xcc\xca\x04\x863\x02\xe0\xf2\xc0\xdd\xc1M\xc1\x04\xa06\xe77\xe0\xe2!\xaf\xc6DD\x9f\x7f\xea\xb2\xc8\x937\xbc\xab&lt;\x80\x03&gt;j\x8e\xd1\x89\x88=\x19\x88\x0e6\xe0&lt;"0\xb6\xc6\x00\x00a\xf8\x82\xe7h\x07&gt;0}\x89\xe7i\x9e\xddg\xd6!\xd1\xa9KQ\x8f&lt;\xfb\xb0\xe4\x8d1L|\xa6\x13Z}\xf1\x0c\xf1\x85\x8f\xd4;rB;\x1a\r\xd4\x07\xb8\x17g\x1f\x94\x80;\x00/\x1d\x83y \x83\xba\x00g\xc7:&amp;_n\xabm\x95\x1d\xda\xd1`\xe0&amp;`\x90\xc4\xb9\xb7\xde\xa6\xa8t\xa7\xdd\xe7\x11J\x8a\xed\xfed\xd0S\x8e\x01j\x01\x9c\x9a\xd0\xf1\x9ejq\xc6*X\xf0N\x00\x01\xd0+a\x02\x00\x12A\x8fx&amp;\x98\xa5f;%\'8\xef\xfb$\x1cpv\x94RJ\xbdbo-|\xe0&lt;=p\xd1\xd5/\xe4\xa3\xfe\xb4|\xa7\xffQ j~\x98\x10m\xff\xde\x11L\x00@&amp;\xd2\xb7\xf5\xb4\xc5\x11&gt;8\xea\xc1\x85\xe7(\xf5:,\xd0\xc6\x07%\x9a\xbff\x99:\x00\x9c\x94\x9f\xee\x98w\xcc\xe0\x1e\xf3k\x90A}\xb7\xb1d\x907_]\xfbef"\xfa\n\xe6\xed\x8fb0}\x06\xb7@\xfa\xa1\x9f\xa7\x9c\x000}\xd9r\n(\xdb\x1a\'\t\x18\xe6\xe3\x1d\x10\xea\x00\x90\xa4\x7f\x83:c\x10\x06\x8d\xa8\xfc\xcc\x9f"\x05R\x85\xbc\xefz!\xf3\xf6x\xae\n*\n\xc8\x04`4\xe0\xdc:\xe7\xde\xbe\x88\x05AM\x1aX\x12\x00p\x0e\xfc\xa3\xff\'\xb5Q\xc1\xf7\xda\x81495\xc70w\x9d\x00`\xef\xf0.\xb0\xe4\xc3\xd7N\x0f3\xe3]\xe2 \x15\xc6\xc3y\x00\x00g\xc03\x96m\xdf\xf7Y\x95IWc\xe0\x077\x9f\x13\xdc\x03p\x17\x82\xef\xf4^YV\xc7/\xbbF\xbe\x04\xa3\xce\xa1\xe4L\x8b\r\xf7[\x1a\xd9\x81\xe7\xc1\x03\x10\xc6\x17"\xee\xb1\xe9:\x0e~S\x7ff#-\xbc\xa4w)\x08\xbf\xc2\xc0\xa0\xe0\x083/\x8f\x07\xbe\xe8\x84\x9b\x99\x07\x18\xcc\r\xb4\x0b\x11~\xed\xd4\xa9_\xb8sQ7\x06`$\xfc\xfbc\x03\x85\xbbk\x13Z\xaa\xf1\xd4B\xd5c\x02B\x9b\x00@\x12\x98\x1e\x80&gt;\x8c}\x9e\xe4J\x83f\xde\xfe;\xae\xc1\x01\x00\xa0\x88\x98}Z\xeb\xcb\xbf\xf4\x0b[N\x00\\\xfa\x806\xe0\x08\x10\x009\x94\xdf04\xf0\xe8\x9f.4\xfa\'"5\xffoh\x837\xe2\x867\xba\x81\x81\x81+\xb6F{\x80&amp;/\x7f5\xa8\x05g\x16\xf0\x80\x8e&lt;\xd0[\x01\x00\xda\xc1\xde\xc3\xdc\xb8O\x1a\x00!\xae\xb4\x83t\t\xc2\xc7\xfc\xba0\xa0Jg%~\x1c\xbf\x7f\x88~\xf5\x11\xb8_1Q\x0f`f\xf4\xe0\t`\x07\x00\x00"\xa2\xf7\xd4\x1e\x96\x8f%\xd2\xdbq\x9bJ\x8f\x7f\x18\x00\x11\x15\xbc&lt;\x04}\xf0``T$\xc3\xa1E\x9c\xfb\xcef\xf1w\xf5\xd2\xe3\x8f\xd6\x08\xc6UQ\xf3\xf9\x83\x9bLea\x84\x00\xee\xc6\xb7\xf5V@\x86w\xf1&lt;\xeb\xf7%s\x1fQ\x0c\xee\x0e\xbc\x05\x9c\x916~{\xee!\xf2\x91&gt;\xbdCT\x8e\xce\xe7\xed\'\x92\xaf\xe5&amp;a\xf9_\xe5\x1cS\xd5\xc3\x04\x00\x80\x8dHW\xbe\xaa\xbb\xa3%\xdf\xbc\xf8"H\xf5+\xe0vtn}p\xda\x1c\x9a\xc7\xcc\xd8N\xeaq"\xa3\xff\xfc\xd2\xfd\xdb\xa3\x9c\xf8LA\'\xb0-xk\xd6\xb6\xe7\xdd8{4\xf3O_\xf2q]q\xc5\xf7]\xfeRD\xff\xeb\xac{\xeb\xf3A\xd0K\xd6lK\x18\xb7\x8e\x80,x\xe8\xe7\x80\x01\x07\x0f0\xfd\xd9\x98\xb5&amp;0\x96\xce\x7f&amp;\xcf&gt;s\x952\xbf\x94\xed\x83\xd0\xac\xe2\x81\x99nM\xe1\x08\xf8\xec\x14\x0e\xdd\xea\x8c\xfc\x1a\xdd=\xa9\x87\xeb!k\xff4w\x91b\x02\x00\xf2\xb8\xfaH\xe5\xd4/\x0f\x89d\xac0U&gt;\x03\xc8\x1e\x8b\xef;\x94\xb9\xf2S\xf2\xc5\x04\xa0\x03\xb8\t\x18\xdc\x97\xc4\x1b"\x1d\x08\xef`\x9e&gt;r\x95\xef\xea\xce\x02\xce\xb35\x8c\xee\x06dp\xf5a\xca\x85\x1f\xbc;?=\xf3&lt;!\xaa1\xef\xd6#S\xd6\xfe\x05Q\\\xb5}\x820qk\xc0c\xadp\x80\x03\\\xf0~\xcdZ\xfb?\xc5\x0f\x1c\\\xd6\xd4\t\xbe\x07\x00\x18\x93\x01\xb7\xfeF\xd9\x01H\x1f\x86\x9fg\x07\xe0R#"\xec\x00\x00?\xd7\xf1\xf5\xab\x92\x1d\xf3\xd5\x82\xac:\xa6\xcb03\xfd\xed\x04-\'\xad\xb0\xba\x06N\x0e&lt;\xf8\xcaT\x08\x9e\x83\x90\xec\xb7\x87\x89G_\xbf\xaf\\)\x97\xaa\xf1K\x15\x06$1\xfc)\xf0\xd3\x80C\x87\x1b\xccl\xb8S\xeeR\xd9\xe4\x9f0,\x003%;~mY\x16J\x07}\x01\xd9E)\xde\x02\xc8\xf2.\x89\x9b\x8f\xe1$=\xc0\x0e\xc0}A\x93\x13\x84\xf1,\xc8\t\xdb\xaaX\xae\xa7\xa9\xa4\xae\xe8\nO\x94+}\x12\x1f\xb84\xbfu\xa2)\xf1\xac$\\9\x9e%\x82\x15\xd8L\xa0O\xcf\x90 \xe2\x90\xe5\x9e\x82\xc8\x99\x0c&amp;\x00\x003\x01"\x99[W\xa5t)d\xc4\x87+\xd7\xf61\xad\xbc&lt;\xfd\x1d\x7fi\xa3Q\x8aU%\xdb\xd6\xf9\x1f\xb4\xd0\x06\x9c\x90\x87\x9f/V\x9fN\xe1\xb3\xd3\xd1\xe0i\x0b6{\x1e\'\x10\x83/|\xd3y-`\xaf\xfbr\xf3g\x80\xda\xc8\xbc\xbfg(K\xd6;\xd95\xf2I\'\xbd\n\x92\xee!\xeey\'\xdf|\\\x8a4=\xbd\x1ex\xf2\xd3\x14#\xfb\x0f\x98\xe9\xe2c\'vl\xe9[B%L\x91\xb4\xfa\xa3\x14\x11\xfd\x19\xd1\x03\xcc\x05/\x01 \xd6^)\x93\xb9\xfa\xe4\x0b\x0e&gt;\xb3\\\xea\xae\xdc\xc6`\x07\xe0\xbe(E*4\xf4\x19p-\xb9&amp;Eqd\x90 \xa4W\xa8l\xdd\x8d\xdbG\xef\x8b\xb9X\xa0\xd9\x9e\x83/\x8d/\xd9\xac\xa8\xae\xa7W\xe7q+ \n\x8c\xfe\x87\x87\xbf\xaaK\xb6\xa7u\x8c\xe9u\xb7\x92\x12[\x8f\xfe\xa7U\xfb\x07Og7\x0br\x9f\x1a\xf7GS\x9d\x9dp\xaf\xc8\xb3:\xcf\x08\xc0v\xb7#i\xc9s\xc0\'\x9dU%\xaf\xbc\xf3U\xb4\x86o&amp;z\x04\xd1o\x88\xab\x97\xa4\x0f\x11)&amp;z\xd0M\xean.tb\xdd\xe5]5_\xe9\xdcd\x98\xd6\xab\x96jH\x12&gt;\xd4n\x12\xb8\x19XLM\x83\x99\x0bV\xcd\xab\x90&gt;\x01\xe8\x98\xff\x0eD\xbc\xf6&lt;\xd0[\x01\xd0\x89\xb8\xadF\xb4\xc9\x18\x0c+u6\xdat\x0cF\xd1}F\xff\x94\xeb\xaa\x8a\x88\xf3|\xdc\x97\xdf\xf4\xf8\x93\x1c\xa9:\x18\x8d\x81\xc6\x08\x9f\x18\x9c\x85^\xb7\x13\x19\xb0h\xeb\x19\xc8p\xca\xda\xaaDs\x92\x07[]\x10\x1c\x01\xba)\xf79\xd6\x93\xc4\x80\x01=\x8f\xb2\xfd\\\x0f/UAf]\xfc\xe7p\x96MpY,OAM\xe5F\'\xef\xc0u\xb9LD=\x11\xb1&amp;\x1f\xa8j\xfc\x9ad&lt;\x1c\xe9\xc4G\x97[&gt;Q\x10\x13\x80\xdbQ\xe7\xf5O\xd7\xc1n\x19\x1e\xf1\xd1:\x8daf\xa2_v\xfc\xf8j\xf4\x07\xbc&amp;\x1b\xcaPJ\x9de\x142\x96\xdd\x00(\xa1^/\x83f\x12"l\xfaj\x011Yp\xd0Gxy\xae[t\xcf\xb2\xa6:\xa3\x9f4}\xd4/&amp;\x00\x00$0x\xdfSu\xf0m&lt;\xafF\xe7\xc7\xf9\xf9\x86\x1b\xfa/\xf4\x19\xfd\xa7\x0f~N1K\x01\xa03\xe7\x98\xcew\xc7?\x0b\x18\xc8\x88^Mr:\x14\xa5\xd4cr\x95\xe9N\xd3\xc5YL\x00\x00\x88`\xa0p\xc2\xd1j\xb5\x00\x00 \x00IDAT\xd9\x91\xe5\xe5&gt;\xf38\xdf\x1e\x9aa\xa9\x05\xf5\xcd\xa9\x17,n\x06w\x03\xc0\r\x9a\xc7E\x88\xb8\rq\xffWld\xfcou\xcev^\r\x18\x08\xec9\xf1#\x99A#\x8c\xa7\x1em_\x12N\xfd\x1e9\xd1\xdb[\x01\x00W\xc3\xb5+;\xc2\x01\xad\x08\x1dv\xf2\xd0\xb9\xc8\x82\x1d\x00\xb0\x83\xf5\x03t\roF\x01\xe7c\x1f\x8b\x11\x9a\x1d\xd4^\x88b^\x8f\xc7\x8ex\xfe\n\xe4\x83\n\x05\xe5\xa8g\xda\xbf\xaf\xe4]\xd2o\x9f\x14\x146,\xdd\n\x89&gt;\x1b\xecHz\x8b*h\xc8@\x0f\x85\xf4\xbe-a =\xcfB\xe1\xdb6\xa6G\xbe2\xe6`\xd7\x02[j"\xe0\xfd\xd3\xe4\xdb\x04\xa0\x1a\xe1:\xf69\xa4\x11\xf5b\x8a\xca\xd0\x19&gt;\xe0\x02;\x00\x00\x9c\x82\x81\xe2\x97\xf7\xb9:\x03\xe9y\x12\x96\x1e.w\xb1kz\xe4+z\xb8\x13\x12\xaeq\xd4j!\xb0\x1f\xb9\xbd\xc8s+W\t\x8f\x8bH\x13\x8cW\xee-\xcd\xd4*\xbd\xc5&amp;B\x1eh\x1d\x00\x00\xd0\x8dm\xa1\x970\xdc\xbb\x12\xafB\xe48{qI\x98\xb1\x07U\x01\x99\rU\xff\x92\xbcx\xad\x05w\x00R\x8f\xfe\xc7]\x02\\8\xefC\x83M\x01\x00g\xe7\xdc\xe7\x8e\x04w\xa8\x0bO\x13\x81\xab\xc0\xd3\x99\xb0*\xa2\xed&gt;v\xee6xm$F\xe4b\xd9E\x9e\xe1a^\xdf\xd1\x0e\xbf\xaa\x05,\x0b\xaa\x83A\t\xa8\n\x8exj\xe0\xa1C\xa0.\x88\xe7\'$\xeaX\xbeD\x9d\x863\x82\xe7\x8c\x03\xee\x01\x00\x8d\xde\xdft\x8d\'Z\x1clU\xa9P\x91\xef;\xac\x915\xa8F\x9b\xfa\xc2\xd3\xafG\xc0[\xd7\'\x8f\x84\xe7y\xb56X\x89\xbaG\xa8\xb4;\x8b\x18G\xc0s\xa4\x10yH\xe3\x03"\xaa\x80\xf3\x12h\xb2\x12\xaf\x05PJ]r\x8d\xb6\xf2;w\xc3Y_\xce\xa2\x99\x9c\xc4\xb5N\xa1$(d\x8e\n\x8a\xdc\x91\xf3\x1c\xee\xea\xe1\xec\xfa\xdf\x94\xa9#\xf6\xa7I\xeb\xa9\xe3\xba@\xa5\xe69\xefO\xc7\xca\x05aDz=\xb4\xe4[\xa3\xb7_\x9b?1\xf3\xfc}\xe4\xb6\xef\xedv\x87\x07}o\x1a\xce\xe3\x8e\xc6\xd6\x94\xc0\x85\tE\xd4k\x80\xf0rv\x02#\xf7\xc5s\x1fN\xf4\x9cC\xfa\xd5\xab\x03\x07\xfd\xa9\xfaD7e\xb0\xf1\x02\xcc\xbf}\xdd\xf6\x98\x0f\x8e\x00\xdd\x97\x88\xd9\xfb:\xf4g\x15\xf7\x9c\xc1\xc8d\xd7a\xd0\xc2V\xd2\x8a\xa3vy\xfb\xc3\xdf6\x98\x92\x93:g0\x1d(A\x1b\xfdw\xd4\xa2&amp;x\xdd\\.CY-\xd0M3O\xff\xfbm\xf3\x05\x83l~\xb5\x93\xbb\x8c\x01\xaa\xf7\x8cOJI\xfc\xdb\x95\x948;W\rS \x82\x88\x07\xb7\xddnE\x1fx\x99\xfd\x81\xe2f&gt;\x83n\x8ft\x00/u\xba\x03wX\xfeG\x8f\x90\x89;\x18.\x8f\xbb\xe9`\xd2\xec\xc9\x9crLhZ:\x06\\\xb1\x1c\xec\x00\xdc\x98\x88\xd5\xfa\xdb\xad\xe8\x03/\xb33D=\xc5\x99\xb5\x1em\xace\xc3vw\xbdk\xe3~4\xa5\xfbp\xedj\x86\x1b\xe70\xa4\xd1\xf2\xab\xd2\x16\xcd\xda;\xc6%\\Q\xbf\x97\xb7u/\x89\t\x00\x00Q\xb4\x195\x8eO\\\xccU\xda\xbft\xf5\x11\x91\x13\xb8\xcb\xad\xd8\xbc\xfc\n\xe3\x12;\x97\x18r\r\xc8)\xad\xda\xd7\x19\xae\xe2\x8aS)\xe6\xf1E\xe31\x06&amp;\x00w\x07\xe3\xdaH\xb0\x80\x9b\xc4\xc1XJ\xfd\xc5^\x9a\x98\x04\x17\xe3EZ\x04\x96\xfco\x07\xf6y\xfa\xf1\x88\xd3\xf6b\xa7\x1eF\xaf\xfe\xae\x9e(\xa3O\x12"\x8f\xc2\x1c\x00\xb5\x16\x02\xc1\x034\x05\x13\x00\x00\x0e\xf8Z\x84v\xb0\x07\x000\x04\xe8\xc5J\xe1\xed\xf6\xdeyT\xcd\x1ezk;3+\xf3S\xa3\xe8\x03\x00\x00\xe0\xb2|Vt\xff7TO\t\xc0\x85Y\xcfO\xf4V\xe4\x02\xfc\x1d\xfd\x0f\xfb\xe8\xff\xe1\xa3\xd891\xc6\x8e\xa26\x00W\x02\xed\xea&amp;0}\xef@u\xddmx\xfd\xb1\x98\x00\x000\x16hn\xf5\x18p\xed\x7f\xe1\xa8\x8fS\xc9\x11\x95o\xc6\x98u\x07F\xe17z+\x00N\x00\xd6\xd8\xe2\xe9\xd3_"\xca\x03\x00nL\xbf\x89\xca\xb8\x9d\xa3\xc7&amp;\xb8\t\x18\x10\xf3\x0b\xeb\xce\xc1\x17\xb9\xb1\xe6$|\xf2i\xac\xdd\xe4\xf5. \x9fs\xb8\x11\x00\x00\xd4$\xbb\x9bz\xd3\x82\xc9\xc3\xe0\xe1\x17\x0f\'\x00v\x0e\xb3\xc3\xe5\xcf\xc1\xfd\x19\x8c\xcf\xadw\x1e\x1d\x05\xbf\xb5M\xce\x0e\x02#\x00#S\x18]Gl\xe0\xde\xe2\x14*\x8c\x1d\x00px^\xe1\xeaL\x98/\x82BL\xa7\xba\x11\xd6\x15\x17\x8c\xfc\xcf\x8f\xb5ZQ\xaf\x00t\'\xf6%\xf5\xce\xeb\x95\x1am\xe4\x13\x8c,%\xb1\x07\x13\x00p`,\xef\x07\xa7f}HtoEZ\x83e\xfeK\xe2\xd8FGE\x83\xb3s\x8dx\xc5J\xbd#\xbd\x89\xa4\xc0\x9f\xdd\x9b\xa5\xfd=\x06\xfe\xa3;\xf3\x8foy\x81\xba\x03C\x10~\x9e\xda%"\x05\x00\x85\xf8[\x81\xb5\x93\xc0\xf9\x9f3\xe3\x7f;\x04\x00\xa7%+.\x8dwZf\xa2\xe6\x18=r\x02\xf0A\xed\x8e\x12\x15\x15\xf6v+s \x043\xe3~\x11\x00\x00\xd8\x98\xbaX\x04FpIf\xf7\xa6\xa4\x034&lt;\xe6\x00R\x1f\r\xa75Xf\xa1\xa7\\\xcc*4\x08\x17K\\"b\xe2\xf4\xf2\xe2\x08\x108\x80W\xd9\x03\x10\x02+\xbe7\x82\xb7^\x16\x80\x0b\x93\xe6\xe1C\xb7\x87\xe7\xcb\x18\x7f\xc7$\x8f\x88\xfc\xcd:\x07mUB\xb1\xf6M\xec\xd5\x95\xd4\x02c\xc2\xcc\xf4\xfa\x96Jou\xac\r\xfe\x06\x008\x1b\xdd\x9e,\x0e\x00\x88\x86\xd7\xd3\xcb\xb5\x8e\xdfD\x8f\x94Z\x85\x8b\xf5\xa0\x11s\xfa(\x0e1\xedfX\xfd\x83\xf7\xd0\x07\xd7\xf2\x89\x04oc\xf6\xa4gfz\x00\x8e\x0b\xc6b\xc4\xe7\xc7\x01!\xd0S\x8e{\xe0\x1b\x80\xc3\xbb\x8a\x9f\xab\xc1\x04@R~yx\xd9\x15\x9f^RD+p\x0b\xd8 [\x8c\xd4\x9e\x92G\x93V\x9b\x15\xb58\xb5\xf2\xc0E\xa5\x8e\x01\x00\x00\xce\x88c&lt;\xb0[\xae\x0eJ\x88\xeb+\xf7\xa3\x97\xd7\xac\xd8\xc3\xd6\x18~\x88\x08\xcc\x1e\xbf\xe1\x1e\x80\x9bPw\\2y\x9dT\x1e\x8e\x07\xa8c\xe8\x0cF\x07\x1e\n\x00\xb89SO\xcd\xc6\x97\xcc\xf2\xbbiGq?&amp;q\xeb-\xf3\x8f\xb8\xd5\xc4M\x92\xe0\x94\xb8V(\x8b\x97\xff7\x19\x9e\x11P\x92\xfc)\xf1\x17;\xd3\x9fw2pR\xb5\xdd0\xd3\xef\\\xaeP\x89\x9c}c\n\x80\xb3\x82F7\x1e\xd6x\xb8\xee\x91\xcaFK\xde#"\xf3D\xb0Ao\x8d\xc0\xa8T\xf5\x0f\x8f\xff13\xd1oQJ\xeek\xb0\x08%\x00\x9d)\xa8\x88[W\x1f\xbc\xf7\xaa\xa0f[R\xd1\xda\xa8\xc7\\\xac\x9d\xc2\xda\xa1\xa7\x0cU%\'\t"\xa2F\xc2\x1c\xfc\'\x17\xf3\x81J\xaa\x81\x01i\xb0ue\xcd`}\x1blz\xf6\xd8k\x1b\x1d5=\x828\xebRaUz\xc0\x99\x8f\x87\xbf^o\x04fpB\xc0\x0f3\x0b\x9a\xa8\xa2\xb5Q\x8f\xb9X+\xe5\xf0eL\xc5\x1dN\x12\xa1e\xe9X\x87\xfa\xa9\x16\xc2=\x00 \x93\'k\x0e\xd8~z\xad\x14\xdeW0\x0e7\xad\x88\x02\xb7\x87\xf7\x82\x9b\x02\xcf\xbf9y}w\x89\xd7\\r\xb4\xb0\x96I\xa9\xd98\xea?\xd3\xa5^\xe5\x00\xaa!\xf2\x0e?\xd6\xde\x19\xcc\xcd^}\x07@w\x0eC\x7f\xb8=\x00\xa0+\x83\xbe\x97\xb7\x0c\x8c+&lt;\\\xb2\xc6\x81\x10\x9e\x03aW&lt;\x0f\x07@;\xbcg.\x99\xe5\x1e\x89\x0b\x86\x06\xb5l\x07fi\r3\x13\xbdRo-\xfap\xd7\xf1\xcc=K\r\xe2\xb8\xe8\x8d/\x00\x0c\x82sv\x8d\xa6w\x07P\xcb.\x96\xdb=a\x9c\xbe\xdc\xdc\xfeo\xd0[\x81\xf6\xdc\xbc\xc6\x81\x06\xfa\xa7\x85\x8c\xde\x08v\x03\xd9\x04\x1e`\x05\n\x18%\xa6i\xd3\xbc!\xf4\x19\x0bL\x00@w\xc6\x08\x14\x83\x83\x9b\x80/\xce \xfde\x17^p\xee\x87\xd4\xf2\xbfxp\xb4\x0ed3\xdd\x9c\x05\x17\x92g\x80`f\xce@\xceR\xd1\r\x9f\xd5\xab2B.\xe8\xc4\xef\xb6jT\xe6c@\x9fG8\xeb]\xdb\xc4m\x03\xe0\xceX\x8f"`\xd5\n\x80H\x8eC=4\x1c\xb0\xc4\xcf\xb3\xec\xaf\xaeJf\x84}\xedV\x96\x13\x94\x14\x8c\x8e\xe6\x8a\x97&gt;\'y\xa6\x97\x17a\x07\xe0\xe2Xo\x9f\x1f\xcc\t\xcb\xb9Zy@w\xd8\x18\xfa\xf0\x05\x1b\x0eHd~\xf6\xde\xf4\xff3-1*E9\x8f\x08T/B\xc6\xe3\xd8\x01\xc8\xc1\xf0&gt;\xa5~\xbf@\xdc\x98\xcb1&lt;\xa2R\xe0\x8e\xf8\x1e\x01T\xe0\xa4\xe3\r\x82\x06\x9cX\x83\xda\xd4\xae\xf4\\\xf9cvK\xe0\xce\x14\xb6\x14l\x1a\x03\x01x\x7f\x04HD\xa4\x84\x90+\x80\xf1\x0f\xa8\xceP\xdbv\xcf\xb5\xd3d\x08\x95@K\x1a\xba\xe2\x83\x9b\xe4r\x0b\xdcU\xc6DL#E\x180\xb1\xd4\xc8\xb3{+\x02\xce\xce\xee\x08P\r\xc9\xb9W_ \xe6\x9c]\x7f08\xbbs{#x\xdb8\x9a\x00;\x95\x07s\x8d\xa2\xf6\xf9\xfb\x86\x81\x88i\xb30\xf8X\\ax\x04\x06\xa2B\xc7]$\xad\xa0\x9f\xc2\xfb^\xc0\r\x18j\xed\xffr\\\xd5\xaa9&gt;\x037\xbb6\x83\xd4\xef\x08:\x9c\x08\x98\x0b\\\x95\xb2\xb1\xcd\xe9W!q\x130\x00\xdd\x98#\xcf#O\x1cA\x9c\xe4=?\xf0l\xf7V\x9e\x8e\xbeCp5\xdfD\xdb\x99\xe6:\xd42x\xbb\xaa,\xce\x08\xb3\x08\xe0C\xee\xed\xe9\rC\xdc\x08\xc1\x0c\x00IB-\'\xb7i\r\xb2\xf87\x1a0K\x110]"\xf0\xb7\xf6T2x\xed\xaad\xde\xee\xca(\xcd\x08^\x07\xfc\xc8\xb9G\x8a\xbb\n\xf8\xf6I6\x01\xec\x1ab\x07\x00\xec\tzr\xda\x9c\xb7R\xdc\x8f\x13{\x86\x969\xc8\x9a\xe8Yia\xb9\xff5\xbe\x17\xc5\x03\x7fkOU\x83\xa7\x07X&amp;z\xa9\xf8\xa4\x13F\x01\x12\x8f\xf6\x11\xa9\x17N\xba\x02\xdc\x0c\xd16\xb2kq\xbe\x19\xac*\x8c\x87\x93\xd8\xd1\xe7\xb6\xf3I%L\xc2A{4\x9f\x93\xf2\xbf\xc8Y;\x16;OB\xc6\x08\xa6\x1d\xf0"\xd0\x91\xd9\xfdl\x1e\x98\xbf6\x9f\xb02b;\xe5\xcc\xa7?\xfa|M\xfe\x1fT\x8a\r\x91-\xac\x80l\xcf#\xd7\x07\x81\xad\x91\x04KA \x1e\x1e\xc6axz\xe1\x86\x7f\xee&gt;5\xbf\xdb\xafw\x8eSkR\xcc%jU\xbf\xcc\x0c/\x02}X\xc7\x10\xba\x07\xea\x03</t>
        </is>
      </c>
      <c r="E551" t="inlineStr">
        <is>
          <t>&lt;class 'numpy.ndarray'&gt;</t>
        </is>
      </c>
    </row>
    <row r="552">
      <c r="A552" s="1" t="n">
        <v>550</v>
      </c>
      <c r="B552" t="inlineStr">
        <is>
          <t>steps_per_sec</t>
        </is>
      </c>
      <c r="C552" t="n">
        <v>6200</v>
      </c>
      <c r="D552" t="inlineStr">
        <is>
          <t>3.0891643</t>
        </is>
      </c>
      <c r="E552" t="inlineStr">
        <is>
          <t>&lt;class 'numpy.ndarray'&gt;</t>
        </is>
      </c>
    </row>
    <row r="553">
      <c r="A553" s="1" t="n">
        <v>551</v>
      </c>
      <c r="B553" t="inlineStr">
        <is>
          <t>Loss/RPNLoss/localization_loss</t>
        </is>
      </c>
      <c r="C553" t="n">
        <v>6200</v>
      </c>
      <c r="D553" t="inlineStr">
        <is>
          <t>0.37426066</t>
        </is>
      </c>
      <c r="E553" t="inlineStr">
        <is>
          <t>&lt;class 'numpy.ndarray'&gt;</t>
        </is>
      </c>
    </row>
    <row r="554">
      <c r="A554" s="1" t="n">
        <v>552</v>
      </c>
      <c r="B554" t="inlineStr">
        <is>
          <t>Loss/RPNLoss/objectness_loss</t>
        </is>
      </c>
      <c r="C554" t="n">
        <v>6200</v>
      </c>
      <c r="D554" t="inlineStr">
        <is>
          <t>0.067246884</t>
        </is>
      </c>
      <c r="E554" t="inlineStr">
        <is>
          <t>&lt;class 'numpy.ndarray'&gt;</t>
        </is>
      </c>
    </row>
    <row r="555">
      <c r="A555" s="1" t="n">
        <v>553</v>
      </c>
      <c r="B555" t="inlineStr">
        <is>
          <t>Loss/BoxClassifierLoss/localization_loss</t>
        </is>
      </c>
      <c r="C555" t="n">
        <v>6200</v>
      </c>
      <c r="D555" t="inlineStr">
        <is>
          <t>0.26731014</t>
        </is>
      </c>
      <c r="E555" t="inlineStr">
        <is>
          <t>&lt;class 'numpy.ndarray'&gt;</t>
        </is>
      </c>
    </row>
    <row r="556">
      <c r="A556" s="1" t="n">
        <v>554</v>
      </c>
      <c r="B556" t="inlineStr">
        <is>
          <t>Loss/BoxClassifierLoss/classification_loss</t>
        </is>
      </c>
      <c r="C556" t="n">
        <v>6200</v>
      </c>
      <c r="D556" t="inlineStr">
        <is>
          <t>0.1629123</t>
        </is>
      </c>
      <c r="E556" t="inlineStr">
        <is>
          <t>&lt;class 'numpy.ndarray'&gt;</t>
        </is>
      </c>
    </row>
    <row r="557">
      <c r="A557" s="1" t="n">
        <v>555</v>
      </c>
      <c r="B557" t="inlineStr">
        <is>
          <t>Loss/regularization_loss</t>
        </is>
      </c>
      <c r="C557" t="n">
        <v>6200</v>
      </c>
      <c r="D557" t="inlineStr">
        <is>
          <t>0.0</t>
        </is>
      </c>
      <c r="E557" t="inlineStr">
        <is>
          <t>&lt;class 'numpy.ndarray'&gt;</t>
        </is>
      </c>
    </row>
    <row r="558">
      <c r="A558" s="1" t="n">
        <v>556</v>
      </c>
      <c r="B558" t="inlineStr">
        <is>
          <t>Loss/total_loss</t>
        </is>
      </c>
      <c r="C558" t="n">
        <v>6200</v>
      </c>
      <c r="D558" t="inlineStr">
        <is>
          <t>0.87172997</t>
        </is>
      </c>
      <c r="E558" t="inlineStr">
        <is>
          <t>&lt;class 'numpy.ndarray'&gt;</t>
        </is>
      </c>
    </row>
    <row r="559">
      <c r="A559" s="1" t="n">
        <v>557</v>
      </c>
      <c r="B559" t="inlineStr">
        <is>
          <t>learning_rate</t>
        </is>
      </c>
      <c r="C559" t="n">
        <v>6200</v>
      </c>
      <c r="D559" t="inlineStr">
        <is>
          <t>0.039818995</t>
        </is>
      </c>
      <c r="E559" t="inlineStr">
        <is>
          <t>&lt;class 'numpy.ndarray'&gt;</t>
        </is>
      </c>
    </row>
    <row r="560">
      <c r="A560" s="1" t="n">
        <v>558</v>
      </c>
      <c r="B560" t="inlineStr">
        <is>
          <t>train_input_images</t>
        </is>
      </c>
      <c r="C560" t="n">
        <v>6200</v>
      </c>
      <c r="D560" t="inlineStr">
        <is>
          <t>[b'1024' b'1024'
 b'\x89PNG\r\n\x1a\n\x00\x00\x00\rIHDR\x00\x00\x04\x00\x00\x00\x04\x00\x08\x02\x00\x00\x00\xf0\x7f\xbc\xd4\x00\x00 \x00IDATx\x9c\xec\xbdy\xfc\xfe_=\xe7\x7f^_!IBdH\x8a){\x98\x16\x91d\x1f\x95\xa6,YB\x14\x83d-d\xad0d\r\x8d\x89\x98\xc8\x1a%\xfbN\x11B\xc6\x12~CDQ\xc8\xbeLI\x84\xe7\xef\x8f\xeb\xb5\x9c}}\x9e\xedu=\xee\xb7|\xbd?\xd7\xf5:\xcf\xf3&lt;\xcf\xed,\xaf\xd7u]B\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pB+B\xd0\xf6\xd2\x97I\x7f\x07\x1a?\x8c\x94+\xc9\x81x\xa5\x8b|\x12D\xdaE^\xf9wS\xae\xd4/\x96_\'!\xbeC\xd3\xe1C\xd7\xeb\re\x94\xc1F\x0c\xd25("!\xc4\xfb\xba\xde\x8d\x96#5\xf1\xb5r\xeb\x1c\xab@\xb0\xe5\xc521\x08\xb2\xb8\xd2\xaa\xa4w\xbc&gt;\xa5L\x01\x1e\xaf\xedZ\xd9z\x91\xff\xe7h\xb8\xbf\xf5\xe5$\xc4\x8f\xb8:q\x1b2\x06R\xc7\xe2\xbe\xae\xd8b\xf1b\x9d\x83\xb2t\xe7\xd6\xca\xa5X\\\x10\xc6\xe8\xe9\xa7\xd85k\xbf1rx;-\xe3q\xd9-C\x11\x05\x14\x02q~\x1a\xb6\x12:@l\x973\xcb(\xa6PR\x08\x14\x8dd:\x19ju\xd2{\xc5w\x9f\xedW\xf7\x8aJZJ\xa6\x8b\x15\xaee\xc0\xbev\xb7\xbdHf\xbb\xcb\xebo\xad\xbfX\xaa\x8d4\x13\xd8\xf5t\xf5\xe2\xbc\xda\xd5\x90\x88\x88\x1eA$\xc4#&lt;\x9a\xb9d\xa7\r\xea\xe6d\xbenZ\x9b\x14\x83\x87;\x8d\x1d\xa9\xda\xc6%\xc1?\x96}\xf62:"!\x16\xbf5dAB\xbcH\x08\x12\xe2\xffX\xba\x08g\xb5\xef2\xcd\xb0\xfe\xe1\xa4Y,\xe0\xee$\x81\x96k&lt;~\xb4\xcb\xf1+\x9c\xa1\xab\xb5\xdfn\xcb2\xe7\x96\xb2\xb9\x1aY\xcd\x82\x11\x05\x14\xb6`;\x15\xf6\x00\xa0\x93l\x00\xa6`&amp;;\xa3hL\xc1\xb2{hY\x8e\x7f.\x8b\x7f\x01ti\x12\xb7H\xaaL0\xc2\x96%\xb6\x14_,\xa0I\\_,\xd0\xea0\xa6\xf4\xea\xa2f\xb3\xb5\x17\xd7\xd0dO\xed\xa2^ \xc4m\xb7\x7f\n\x97\xfb\x88H\xd2G\x93\xef\x1f\xa9\xf5b\xe3\xc5\xc5\xbcV\x15\xab\x8fio\xb2_\xe3\x1eu\x94\x17T\xcb\x0beDDB3\xdd\xb2l\x9b\x96\xe4\x8e\xf6\xbe\x96\xdd\x97RC{\x00x\xd5]/[\x95\x14\x86\r\xd7?]\x82\xfe\x0b\x89_W_\x8a\x1f\x88G\xab\xa0\xc0\x8c\x12oFZ\\\xd9q\xa2\xc7\xe1\xff\x12\xe2\x13-Y\x9fo\x90\xf3\x10\xbd\xb9\xd5[\x89\xf4\x86y}\x9d\x02"g\x11\x9e\x15\xda\xc6t\xb2q\x81\x1a\xac%\x19\x01387,\x8b\xb8\xfc/\x85\xa5\x9fScW\x1b?\xed^\x06\x07\xd0\x9bi\xff\x8cR`\x910[.\xdb\x15i\x8a\xa8*\x1d\xdb\n!\x84\x10\xb7\xddE\xda[)\xc7\xb3\xbb\x92\xea%~u,"=\xea%\xb4\xf8\xe8\x8bf\x0e\xad\n\xb8\x9c\xf2_\xfe\xba\x0c\xdfT \xe5\xa8n?\xd20\x0et\xbd)\xe4["+\xdb\x93CIe\xf5\x7f\xd3\xb0\x9eD\xe27bF\x10\x891\x94eq\xfa%\xc6]\xc65\xcc\xd5c\xcf\xa5\xe5\xd2\xd7\'.%\xbb\t&amp;\xa5\xc6&lt;\xfa\xfa\xb7\xacV\xd9\x05\x7fL#\xd4\xe7\x84k\x9e\xc5\xbb\x98;\x93\xa3\x0b\xc7R\xdb\x143\x98z\xd3\xf1\x9an\x00L9\xd4\x1b\xd6\x94\xde\x1e\xdfhqlq\xac\xa2\x82W\xad\xf7R\xd5\xdb\xf8\xca"LVxY\x8e\xfa\xf4\xde\xeb*\xfb?\t\xb1,\x7f\xec\xece\x11b\xf9\x01\xb1\xa8k\xe7\x8b\x9c\xc5X\xa3\xab\n\x14\xb0\xe8\x1d\xc9\x85U\x1e\xacP\xf6\x12\xb2J\xe6Q\xfa1\xa0\xcb\x05\x9a\xda\xc7?\x85\x10\xe2\xcd\xb6V\xaa\xf9\xc2*kr\xc2\xdcZR\xc4.\xf3\x89\xfa\xd4b\xae\xdd\xf6\x9b\x16\x8a\x02q7\x19\xf7+4\xc3\xad\xbd\xda\x0e\xb5\x1dr\x8e?.\x01\xb8\xb8O8\x8c!\xc8\x0eP\xee\xfd\xf8\x95\x17B\x88\x7fZ\x82\xb9"lJ\x17D\xa9\xa2U\xe8\x14G\xbfx\x8b\xd55\x16/\xe1\xbd,7\xfb\x1f\xeb\x05vs\x95V\x9eK{EUEht\x07\x1c\x15\x90\x94=\xedH\xbcro\x05\xae\x84\x13\xee\x00\x92Ov\xe6\xe486\x1a\x94\tBkd\xf3Ub\x8c\x82\x1f\xb5\xb46\x9bP\xe4Z\xca\xd6Y*\x91}\xbd9\x85\x10\x9e\xa1\xde\xe1\xd86\x18\xdd\xca\n\xb8\x96z\xf6\xe3\xd6\x98\xb6\x1e\x02\x03w\r\xd3\xfba_\xc9\x14\xfa\x15B&lt;\xd7#X\x13\x163\x1c\xad\xc7\xdfw\xeb\xe9\xea\xab\xc4\x80FC\xfbX&lt;\x8f\x84\x1b\n\xd8\xd5\xfd\x8b\xd8\x87\xdd_5\xde\\D\xca\xc7\xa0=\x9f[\xf0\xabm\xedg\xdf\x98\x9a\x92\x026\x8d\xd6&gt;r\xbb\xae^\xd6\xbd\x1a\xeet\xd0$\xc6h\xfb\xb5\xc6\x95\xe3\x98\xae\x84\x9c"\t@_\xcc\xfa\x9c!\xe2\xca#\x9fg\x0e\xca\xed\xbcy\x8f#pW\xd5\xe6\xb7\x8e\xb4\xc3\r\xa5\xb7\xbb\x92\x1d,\xef_=m\x9fko,?2\xe1\xe9\xe4\xb7\xa5G2\xa4\x83tC\x94\xeb\xa9\x86\xc5*\\\x13\xe0\xe9\xdf\xc3\x07\xd9^\xf4$\xcaq\xcf\xe1K\x9d#\xb6.\xff\x89l\xc7\xfc\x96\x9e\xc5~v\x9a\xc0G\x8b\xdbK\xff\xd2nb\x98wN\xb6\xd7\xe5\x97\xf7\x7f\x90\xf1\x87\xc9\xdd$iZs\xa5\x1f\xf2\x1e\'kz\xe9\x8a\x08!\x84x}\xa7\x0e\x9a\xdc\x7fqkk9\x13#\xf78\xcd\xc8\xdc_Y\xcf\xb5\xdd\xceY\x87\xfc\xbc\xcbE\xe5\x07\xe9[\xb0iO\x87\xd1&gt;/\xda\xe7\xb6\xcd\xe6\x87O\x83\x85A\x9d!H\x88\x87\x15j\xee\xa6\xc3\x99\x99\xe7i&lt;\x0b?\xae\xfc\xab\xdeaR\xf6|\x9c\xb2\x9f\xd9\xe9\xf8\xa4(\x00\x99,\xe9\x8fD\x03/\x8dW\xe4\xd7\xe9\xbb_Q\x1f;\x7fal\xbb\xc2#\xc3\xd4&amp;GG)O\x019\xcf&gt;\xe3\xba3_\x8b\xd6\xd7!\xd0*\xe1+\xc3\x92]\xf3\xa8~r\xeb\xc0&lt;\xfcv\xd8\xc7\xfa\xe2\x1d\x85 !~\xd9\xdao\x841U5\xb6?\xdcC\xb6*\xaf+\xec\x18f@\x9cf\x07\xc7],\x9b\x02\xda+\xc6\xa9y\xf0\xec\xc7\xa3\xa1G[\x99o\xb0[\xfbK"\x1f\x8ds\xf5$\xef/\xfc\x96\x8c\x92fz\x85H\xbc\x1e=4 Y\xda$8\xaf\xf9\x12\x97_\x92\xb5=3u\xac\x01#\x03\xc0\x89\xab\x1e^u\xa2\x19\x15\x1e\x0cKs?5\x0f\x0b\xc6\x8eH\x10\x89Ww\xae\xd2\xe4A9\x16s\xe1\xd5\xad\x9fM\x88\xf9\xba\xe5\xa9\x92\x98\xde\x0f\t?\x92\xf2\x98\x87\xd3\x83\xda!\xb1\x1e]\xae\x7fF\xd4\x0b\xed\x9a\xc7[\x058\x1bD \xdb\xe7V\x97W\xa2vV&gt;]es\x91]f)\xa4\x0b\x8f1f\x944\x9b\xc2\x9aX2\x1b\xdb\xf6\xf6\xa4]c\xd3\x10\xf3\x04\x00\xd3\x91qk\xe8T\xe4\x95\xd9\xb3\xf3\xe2\x929\xa8\x19\x8dt\xb3\x1ba\x96\xc4\x91ft6w\x8e\x1d\x16n\x8e\xb3g\x87\xf3\x14C\xc5\x8f\xd1\\r\xc5\xe4\xcf\xf6\xee\xfa_\xed-s\xa1y\'\x8f&gt;FG\xa6\x84\xbd\xbb\xcb?,\x16p,\x19\rsY\x16\x94\x8e\xf1\xca\x02\xcd\xcb\xfcm\xd3v\x00\xaa\xcew\xb4\xca\xb4]iGV\xd2\xf5\n#\x1e\xb3\x94\t\xb3HP\x87@B\xfc\xb0\xd9\xd6t\xb1\xfcO\x9cC\xb3\x92\xe7\xe5X\xe1\xd5$\x83\xee08\xb7^M\x03SS6\x07\xd5\xc2P\xa6\x85n\xfb\xb2a4k\x88\xe0\xf3RVuy\xbe\xa8\x91H\xfd\xca\x8e\xe9 \xebc\xe8\xda\x97\xcd\xb8\xbeh\xc6l\xb8[z{\x96\x9a6a\x19&amp;\xa2\xcd\xba\x05\xe6%"\xdb\xd3\xfc\x87z\xee\x1f.H\xfc\xf6_%\xca\x96\xe5\x9f\x84\xb8\xa9\xe5\x8d8\x96\xe5\x16B\xfc\xed\xb6K\t\xe4\xf7j"\xb5\x9b\xfd\xeb\xf8\xd5W\x0e\xb7\xc6\x18\xf60\x85r\xb15fx\x90\x8c\xbf\x08\xf1\n\xa2\x1b\xfd\xa3\x107\xcf\x8b\x1f\xc9 \x11\xae\x94\x07%\x871\xdbH\x89\x08_\xe1\xefA\xca\xca\xd8\xeb\x05\xab\x83\n\xe0\xcb\x08[\xbd\x02\x06\xe4\xa8lE\xb2T\xb3W\xacr`"r\xd7\x03Ui\x1e\x9c\xc6"f\xa8\x1au\x83\xff\xedey\xb0\xfeJ\x9a|\xf7\xd9@\xd2\x87\xe4F\xc4\xaa\xbc\xf2\x15\x84\xcbK/\x7f\'\xacb\xe5\xcf\x0e\xa6o\x15\xf7\xfb\x0f\xd1\xcd=+\xecE,\xbfo{\xfdG\xb7\xb7\xcd\x16\x97o~|\xbc\xfd]7kF\xbc\xe9\xfaW\xfe\xea_\x08!\xc4\xdf\xecF\x08\xb7\xdf&gt;c\xab\xfc\\\x83qB\xbd\x9f\xaa\x8b\xed\xa3\xb6\xf1\xda\xa8\x92B\ri\xff\xb5Z\xcb33\xe2\x95|\x03Z\xb6\xaf\xdb\x14B\x08\xf1\xca\xcb\xb2\xdc&lt;7\xc5\x8e\xd5\xff\xfbF\xe8\xac\\P#\xa3\xf7;N\xc0N\xda\x07\x8ey\x9d\x94\xe6\x17\xf3\x9e\xa1\xf8\xdf\\\x9e\xcd\xae\x9aW\x83|\xfe\xb8}\xd2\x95+\x16`v\xa0\xb3,\xcb\xb2&lt;r\xa4\xd5\xbfh\xae\x89\xb9\xfao\xdb\x7f\x88\xb0:\xf2:,\xdd\x97\x14\xd9\xcb\x80l\xe7j\xc2\xad\x7fxt\xc7\xaa1\xeef\xcb\xbe\x12u\x1c\xae\x84%\xc88\xfa]\xd7\xc7\xeb1\xbe\xe3\x9a\xf5\x0eF\xee-\x88\xd481\xbb\xcb\xbeY\xb6l\x1a\x84/[&gt;Y\x88\xff\xa9\xaa ]`\xfb\xc9\x85hw$\x1bP\xeb\xdf\x8c\x84t\x1d\xa20B\xb4\xe8\x14?#n#e\x06\x05\xa6\x1e\x84\xb3+\xa0\xf2\x87\x97--\xbb2C\xc1a\xf3\x89\xe7\x88R\xda\xde\xb5`\xcfMump\x95\x1e\x04\xc0\x874\x99\x8a\xf1\x96\xff\xc1;\x00BO\xec\xb4\x01x\x1e_O\x92\xd3\x8b\xcb\xbc\xef~;x\xfe\xb5?\xff\x1d\xeeK:\x85~\xfb\xb4\xb5/\x91\xf80\xcb\x9d\x96e\xf9C\xa1?\xb1\xbd\xbe\xb3= \x13\xb1&lt;\xb5\xde\x04\x08\xab\xe4Z\xbe\x07\x9e\x16\xbd\x9c\xb5[\xdfZ\x0c\xdc\x9dK\xad,r\xe4\xcb\x1e\xb7=BM\xb6\xe4\xa4\xed\xa3\xc6\x19,\xa1\xdd\xa3\xd9\x97\xed\x15\xab58\x8f\xc3\xe5\x10U\xee\x1c\xe5\xcd\xe8\x01\xdfd\x11#\xf2\x12oe\x86\xb17\x96"9A:\xd1\x9b\xd2\xe8\xbf(4\x08\xc3M\x8a\xcd\xb8\x04G\xb3 \tV\xceH\xb6G\x99\x1f\xeex\xff\x13g\x08\xfb\xc0L\x04\x00\x07\xd2"\xa0\xe7\xea\xbf\xfcsw\x1f\x12\xf9\xf1\x85\xf7\xd2;\xb6\xeb3A\xfa\x85&gt;\xb1\xb1=\x98\xe1\xbcf]Y\xc6\x7f\xf2c\x93v\xb4\x8akHV\xf6w\xad\xa66\x85\xbf\xd5\xd1\x90\xf6+\xf2\xdd\xe4l\xeb\\f\x91\xa6@\xc4\x87Y\xf5!\xaf\x97\xd1\xb1\xac\x17B|\xb7i\x99\xfdb\xda\x05ifwQ/n\xad}\x15\xeb\x10\xbe\xd8f\xe4\xd1s\xd3\xc4\x1f\'&lt;\x92S\x84\xd7\x8e\x96\x06\x0c\xa0\x7fF\xef\xf5\x14\xae\x19ZS\xc5\x89Y\x9d\xcc\xf7\xfbh\x06\xc0p\xe0K/,LP#\xc2\xeb\x89\xcb\x05\xcf\xf6\xadM\x1d\x95\xfd\x1e\xd6\xeaikB\x91g\x15\xaa4\x7f\xcc=\xc1*\xd6XbrOK\xdey\xceX\xe3*/\xfb\x84ZZ\xado\xb9.\xb4\xaa\xf1X\xf7\x82\xdb\xa1[\x04\xff\x91h@mZu*\xa0E\x88[\xdc&amp;\'\xd0\xab\xdb,\xb3\x90\xe3\x9dD\xc9I\xc2+)\xd3\x94\x16!\xc1,\x7f5\xfb\xc7Nc\xf9\x19SO\x8am"\xa2\xb7\x98=\xce\x01\x00\xcd\xe9^5\x8e\x93f\xfb\xdb\xa5S\xb8\xbf\xb2+\xeb&lt;\xa5GcK\x103CD\xacQ\xe8\xddC\xcb\xd9\xf8\xee\xb2\xb8H\xfe\r\xd7[y+-\x91\xb0\xf8[/{\x1b\xdb\x95\xbb\x04\x9b\x89\xe8\xb2\xa7JT//~|\xfdj\xae\x91^\xf9\x1a\x8f\x9c\xa0C3l&gt;"uB7/,\xb7\xeb\x1f\xc5\xab\xccx\x14\x19&lt;\xe4\xafd\xc9y\x05\x04d\xa2d\x1cl&gt;\xc2M\xb3\x96&lt;\xa0\xb7\x02\xe7`\xda\x98\x99\xb7\xda*\xab""\xf1\xd3\x9e\x15a\x95\xa5\xb0\xb1\xce\x93{T\xaf$\x12\xe2\xd9A\x81\x11\xbe\xf8s}akk\xd2\xa5\x84\xf9U\x8a\x97P\xde\xbdm\xec7\x96/\x8d\xb8)\xa1\x08\xce\xd6G\x18~!"U\x19\xdf\xda\xd4\x18Q\xe0&amp;\xc0\x89nS\x0e\xb1\x01\xb8\xb4\xe4\xd5dT\xaam\x00\x88\xc4\x1f\xa7\n\x9fv6\x9d\x921\xebF\xb75I\x97\xd9\xb3\x0b\x93.\xfcZq\x1d\x96\xf1.\x9b2\xa5\xc5\\\xc8\xd5\xd7\xd1\xdd\x7f\xb5&lt;=\xc284[\xcf\x16\xd3\x15$U\xd4\x1a\xc5\\gg\xf5\x98\xdd0A1\xe9\xcd\xec\x8f\xe1\xe6\xf4n\x9b\xcf\xac1@\xe2U\xfb\'\xb9G\xf3\xe4\xdcD5w\xf2NuJ\x01pe\xdc\xca\xb7\x12\xbdK\x9f\xb0\x84\xa3g\x07\x1e\xac\x8b?s\xc1\xd0p9\xae`\x11\xe9\x94\xe3\x16\xa5-\x9a\xcb\xc6\xe0\xef\xabfd\xfb\x07KD\xe2Crz\xdf\xa4}i|\xd7y\xbe\xe3r\xbaG1\xb7\xfd\xc9\xf8\x83M\x03\xe1\x1c\x11\xe7H\xd9Q\xddA\xe6;B|[7\xe5$Uz\xabP\xce\x177y&amp;\xfe\xca\xf0\x97\x11\xa2\xdb\xf7\x88\x9cS\x84+\x00\xa0+C\x96\x11\xde\x95\x1b\xcfr0\xbc\x1e-X\xb0fh\xc33\xcd;\xf4T\x06\xf2\xdf\xfa?l\xb3\xd9S[A\x86\xb7a\x95\xc2(\xee\x99`\xae\xaeU9\xe9\xcfx\xac\xdb\x95\x8e\xa9\xeeI\x8d\x06\xc9\x12\xcb j\x14B\x1f5\x8a=\xaf\x84&gt;;\xaea\xb2\x06\x00 \x84\xf8\xb8\xde\n$\xd3b\xa5\x9a\x05\xbbb\x91K7\xb7*\xdb\x024|e`i\xc8\xb6(\x1c\xd3s\x0e.\xda\xde)\xad\x81\x11\x04\xd6\x8d\x01\xd9\x96\xb6\xfb[\x9fJ\xc6o\xd6\x16A\xe2\xe7\xfbl\x87\x8c!\xc4-\xe8\xf5MK\xb7\x83\xf6\xec\x04\x04\x00\xd8\x180\x8fH&lt;\x81\xc4\xbf \xc7\xc1U\xe1:\xdezN{%2\xda\xd4Q\xa7\x10E+\x96\xdf&amp;8F\x9a\xf4{\x07{\xb3`\xab\xe3\xca\xf1~JM\x08qQ\xb0\x97n\x17\xe38z\'\x87\x8b\xf5\xd7\xff\x98\xe8\x8d\x1d\xf2\xd5\x1f\x0bS|M\xeb\x05c:%\x884\x16u\x08D\x14\x18\x94\x94\xdc\x83\xfd\xd49\x00\x93\xe1\xad`@\x08\xf5\xa6\x04\n\x0e\xb8\x0e\xe4\tZt\x8d\xf9\x9e\x0b\xbc\xaa\x84\x7f\t8\x82\xe3\xc7\x05)\xeb\xfe\xe9\x98\x1b\xa5x.#\x8e\x19\xb8\xfdQ\x8d\xccNi\x9b832Coq\x9beY\x96\xff\xbb\xffR\xa4\x12\xea\xd2\xa7\x94eW\xcd\xee\xb5}\xd3i\xfb\xb5\xe0\x90E\x7fhm\xbf,\x8bE\xc0\x8b;\x1f\xd4\x8d{7\xa0\xdd\xa1H\xf9-\x11|\xca\xedj\x19\xda\xef\xd3D\xe54\x8a\x82\xc1PWI\xde\xd5\x7f\x9b\x83\xf63\xae\xfd\xb9\xd1n\xd6\xfc\xa5\xfa|\x88e2v\xdc\xdc\xf1I\x1f\xb54;\x1f\x98\x91\x16"\xae\x9bYE]\x96\xcb\t\xf6s\xfcA:\xf5{\x1f\x8a\xd8\xf1\xf6\x8d\xd5\x81\xbdSf\x96{%5\xe40B\x1d\x1bn\x8a=\xa2\x86\xf0\x19\xb1x\xaao\xf4&gt;}\xc0\xdcY\x195\xb5\xad\xcc\xa2\'\x18\x8b\xf8eF\xc7\xc9\xeei3ebu\x8c\xa5\xe1e\xa6\'\x12\xe2\xf9\x8e\xf5\xb1\xec`\xfduG/\xffPo\x00\x85\xb8\xa2P6H\\X\x93x\xef\xf8\xa8jw\x9e*\x7f\xe0\xf5\xc2k]Y\xf4\xa7,\xeb;\x96\x86\xa8\xba9!\xc9\x9b\x07&amp;#\xf0\x9b\xf1\xa4\x0eb\xe5\xfd{\x1a\xe7\xe9#\xbb\xa6\xefW\x0e\x00P\x19c\xa1\xe4.\x95Q\x0b\xaaZ\x9c\xa3\x86/\x14|\xdc9\n\x8b)T\xb1\xeb\x05\xd2\x8b\xdb+B\xbf\xc1Bc&lt;\x12\xba\xa9!\n\x1e&gt;[\xc7\xf8WB\xdcrYd\x1b\xb9GwS\xa2\x97\xf4~\xe2M\x83\xf6g\x7f\x06S\x8c\x0b\x12\x14u\x97\x8f#$\xaa\xb3\x87Y\xf7\x0cb\x85\x88\xf2,\xef\xfa\x18Ll\xaf\xec\xee&gt;\xa9\x83N\xc4\x16j\xa31E\xfd\x01\xa0\x04\xd7\xaa\xda\xfc\x9c\x9e\xff\x82\xda\x0c\xb2L-\xe4F"\xe6#\x8fa\x16u}k\xbd\xc0\xd2\xc4:;\xb7\xb2\xe9\xba\xa6\xb5\xbf\xb7\r\xa6l.X\x96\xe5\x10\xb1\x8d\xcb\xbf"y\xa9z\xc9\xbeqr\xaaZ\x0f"\xda5\xee\xa5C\x13b?E1E\xb6_Rq\x06M\x93X\x96%})\x7f\x9c1\xc4\\k/\x83\xec\xab\xc1KQ\xe0\x94\x08xY\x1e\xd9[\x03/E[Z\x00\xa6g\x90\xa3w\xf7\xbc0S\x8a\xd2\x0b\xf9\xadI\xe2F\r\x9fN\xc9l\xe5{\xa2@\xbd\xb5\xd4-\xda\xe4\'\x88z\xf5.\x04\x89\xdb\x0c\xfb\xe9\x0b`#!Z\xce\xe3V\xf3\x9el\xfc]Z\xef}\xe4\xf3\x98\x08D1\xc6\xf2\xc2\xc1\xc8\xba1\x91\xf6p\xc5\x15\x18\xe4\x9a\xb0&gt;\x02d-\xecQ\x8f\t\xd5\xd44\xeb-\xd0\x9fp\xb8\xf4\x8e-]\x8d^\n4f\xfe\x91\x8e\xa0\x7f\xc2\xae\xb5\xd7\xde\xb2\x06f\xb2\xc4\x8f\xee\xda\x12\xad\n\xe7\xb1\xdei\x062)\xd1\xf6G\xce\x9e\x8e\x98\r\xc0\xcf\x0e\xb1\x01\x00g\xa6nl%\x88\x1d.\xb8+\xde\r\xe8\x93\xc9\x8f\xe2\x19\xd1 \x8b\xe9\xb4\xa0\xa5\x84\xdd\xc2\xe0H\x03\xdf\x87\x93\xf6\xa1\xe1\x11\xdc7/\x98\x86Ac\x9a\xd4.\x84tS\x82\xab\x7f\xd7e\xedU=\x01,\xbf\x03\xd0\x95Z\x8e\xd7\x1e\xe1\xe2\xeb%5X\x97e\xbcG\xcfk\xe9\xb3\x8d\x95\x84xb\xa5.,&lt;\xb9(\x88\xe4E\xe7\x08E(-Z\x961?\xeeX\x0e\xa5&gt;\x88\xb9d\xfd\xa0\x06\x00\xc5\x8cP6z\x93\xb5\x86k\xf2\xb14\x14\x85\xa6\x98\xf3\x91\xf5\x93Y/\xc0\x97\xf3\xb7A\xda]\rW\xa7\xdc\x9b?\x86\x83\x81J\xfb\xcbUZ\xc2\xd1\xc5I\x0eh\xd3h\xbb\xa1/\xf0\xef\t\xce!\xe8!S\xaa\xad\xa3\xde\x01\xc8\xcb\x9a3\xd8\xa1\x1fWY\xa9\x8a9\xdd\x17\x8a\xe7T\xc2\x99\xeb\'`&amp;\xfet_\xad\xf9 \x99\xd8\xaf&gt;\x14\xd1\'\x8bT\xe1\x8b\xf3&lt;}]\xfe0u\xbb\xbce~\xc7h\x96x\xbd\x0b\xe2\xf9\xee\xd4\x04\x1d\xc6\xbb\t\x90I|x44r&gt;fm\x1a_g\x1b3}k\x81\x8b\xd4J\x05\x9ap\x86\xd0\xaa\xcc\xa9L\x94\x97\x86W\x9b\xbc-\xd7K\x13\xa1M\xac\x8e\xa88\xdb\xea\xa8=\xe1G\x80Rm\xdb\xd2\x19\x9e\xbe\xd6\x87I\x8at\xf1\x08\x17\x8dv\x9c{\'_4\xd4\x87\xdc\xf7\x0br\xb4\xa2\xb8\x87ef\xfc\xb6\xc4I*\x91i\xd5)\xd4\xf6\xb3- \xeaw\x01\xa2\xc1\x91n\x0c\'\xc8\xbe\x83\xbc\x1a8f\xe5ls\xb4\x8c\x1c1\xd1\xe3a\xb5\xd1\x83\x8f\x7f\x13V\xff\xed\xb8\xce\x08\xa5\xb67\x98\xfe\xc2\xa3D\xfd\xde\x13\xc9\xb5I\xd6\xad\xde\xf1\x86\x7f0\xa4w\x02L\xa7p\x14\x1c\x8f\x00y\xf8CG\x1d8\xa71\xb9\x980;\x00X\xd9\x1e\xd6\x05}0\x9f\x05\xbaxd\xff\xa3\xb7\x82\x13\xe0\x7f\x9e\xear\x07\x80\x84 \xe1\xb8bT\x1a\xa8\xba8\xfe\xae\xc4-\xad\x0b\x97e\xc4\x0f\x01_T|zF\xc3\xac\xb1\x1c?\x8a6^p\x8e\xe8\x9d\x10\xee\x1f\xbf\x1b\xce\xbc\t\\Fu\xb9o\xb4\x0e\xe5G\x19\x87\xf3b!\x84x]&gt;y\xd7\xc1\x84\xd9\xd1\x85\x89\xf3.\x81\x19\xcb\x0b\xe2\xb7\x1f\x8b\r!\xfd\xd1[\xc1q\xf1,\xe6\xcd\x93,\xdf\x16aL\x9ai\xeb\xee\xa2\xdam\x81\xc0\xe1\xfa \x9fw\xe9\xa0\xc63K=&gt;\x82\xddrhs\xe01K\xee\xc7P\xa38\x9c\xc9&gt;\x00\xb4e\xbf5\x07\x00\xa8\xc1\x91_\xd6;\'\xb6[\x01r&gt;b\x03\x90\xd5\x7f\xfb\xae\xa7&lt;G\xe1\xc0\x11\xb8i28\x15j#|\xaa\xc4\x1c\x84\xb7Z\xcd\xf5\xf1\x8c2y\xbcpUN\xc4\x9a\xaf)\xf1\xa6n\xed\x97\xf9\xcb\xd7\xd4\xca\x83\xf3AB\xd0\x7f=\xbeO\x92\x88H\xdc\x82\x84\xb66~r`K\xd0u\x08e\xf4\x1cCW\x0b\x12\x91\x10\xcfl\xdfow\xc6\x0e\xdcjZ\xe5\x8c\x9a\xd1J3\xae\xe1\x1eYI\xedb\xab\x0e\x1b\xbdU\xb8\xaa\xc1\x02\x0f\x8f\xc0V\x10\x0c\xc5;\x17\x9e$v\x80\xb6\xe5\xbem\x1d\x1f\x1c\xce\xe96\x00\x1b\xd7v\x07\xe0z)\x8b\xdd\xda\xd9^\xaf\xa0$\x0f\xf9d\x19\x9e\xc4;\xec\x03\xaf5\xf6B\xb17\xe1\xd1b\x12\xae0\x02A!\x83\xc5\xccd\xcbD\x10\xc3\xben\xee\xadH,\xf6\xf5{\xe2\x14\xff\xe3\xb9m\xa71\xd3\x9c\x10\x11\x89\x8f\x84\x91\x03\x18\xb1\x9b`\xb1\x84p\xcf\x9c~\x06ZpW\xd9\x00\x10\t\xf1\xdc2\x01\x15\x8d\xb3\x87\xc45o~\x00\xe0\xa0\xc6\xc2(aC&gt;\xd2\xca\x0c\x95\xe4\x9cL\xe7V\xeb\xba?{\x14\xbb\x90+\xf8\x185\xd1\xf0\x9f\x16\xa7\x8co\xb4\xbd\xb4\xb9\xb6/\xd9\xd0\xc2=~\xf8)\xe6\xa2\x82\xaf~(i\xcb\xc9n(\xae\x08)\x8e7"\xaa\x1a\xae\x17\xf9\xca2c\xb2\xec\x98\xa0R\x01\x90\xcd(\xb51\x81W&amp;\xfaW!\xa6\xab$\xe0\\\x98\xab\xfc\xc2\x80\xdc\x05\xde\xa8D\xca\xf8\xac\xe3\x1c\xfd7e\x97eI\xdb\xc8}\xceT\x9b\xd7\x11H\t\x80\x92P\x19%\xcc\x96\xcbZ\x98/\xec\xb5\xb5u\x9e\x84\x9a\xac\x1e^\x04]\x9c\xf0\x88\xe9Rd\x94\xd8\x01\xa0\x06\x13\xc6\xf7+\xc6^8\x80+\xc0\xb6\xfa\xef\xa2\xc8\x84\xe4=.2&gt;=\x1er\x18\xc5\x80\xd9O\x01\x81bf\xb26\xc2\x03\x80\xde\\\xefw\xd6\x01\xc0\xc0\xe3\xf5\'\x7fn\xa6\'Tf~M\xf7\x10\x94\x17\xc7d\xbf[\xedi\xe7\x19\xea\x85\xd6\xcb\xdfq\xc2\xc5|\x12\x0e\x00\x83\xaf\xa5\xc9\x7f\xd7\x0c\x80\xf9\x91\')\xc2\x07j\xc1\x9c\xfcq\xc7\xb85\x16&lt;\xa4\xbdS"\xd6\xf2\xfa\xbfO8k:\x07\x83\xa3b&gt;\x86Ymc\x03\xd0\x8fy\x0cND\xe2\xeb\xa7\xd1\x16\x801\xe1+\xb3\xb8s\x0b@\x1a\xfa\xf9\xbf\x9a\x89\xd1\xb9i\xb6u,\x9f&amp;]WytF\xc59!\x17\x9f\x12\x8e\x94\x1a3\xd3\x99z\xd3\xac\x9f\xc7,\x00$\xc1\xbd\x1e\x98r\x81\x01\xfc\x9c\xd4\xa1]\x97\x8e\xe6\xda\x9fH\x88\x1f/\x91\xf47\x9b\x9b|\xeb\xfc\x19\xf3\xd3\xbb\xcaG\xc5\x01\x80\x81\xb9\xf6\xd2\x8d7\x00\xf7G\x85\x01 \n\xcc\xc8gc6oFi\xdbw\xbe\xb3\xad\xff\xf3\x94\xb1J:W\x0e\xfa\xc7\xc3\xed\xc8\xb3X-\x8a\xab\x1a,8\x13mC\xf74\xc5\xb4\x16\xb0O\'\xc6\x89L\xf5\x00\x12!\x01\x86\xe5\xaf:/\x91\xef\xc7\xb5^\x7f\xbeo\xfd\x7f\x9a\x04\x0c\r\x86q\xb4WS\xb9H\x88\xb7\xbd\x8e\x91\x02\x00\xc0Y\x19\xae\x86\x9fn\xfd\xd1\x91\xef\x18h\x83w"\xba\x87(\xd7z\xdd\xbb\xfeG\xe4\x00\x00\x00\xe0\xc4\xf8\xa2:\xcc4=\xa1_\xef\xbd\x8e\xb1\xbf\x8a%\x08\x18\x93_\xed\x1c\x9f\xee\xf5z\xb2&gt;\xfe\r\xc0\xc9\x7f\x08\x0c\x80\xf3r7!\x9e\xd5[\x871\xb9TI\xfc\\J\x07\xb6)S\xfe\xed\xc5E,X\xe7u\xa3\xfb\x1a{Y\xfe\xc5|I~\x1c\x08\xbf\xb6\x05\x9a\x11\x8c7y\xd1?Z`\x12\t\xb5\xb4\x962\xd8\xf8\x00\x00\xb1\x10\xf2\xd7\x84\x88\x16q1\x0c\x8c\xd3\x83m\xfeL\x9f\xa5\x10\xcf\xf5\x18\xce\xb6\xea2k,\xdd\xc0\x89!\xa2\xc5;;\\"\xd3\x7fMm\x82w\x1e\x96?\x10t{!\xd6\x89.\xa4\xa7[\xdc\r\xc9\xaa\x01\x00\x86\xc0\x99\xf6\xdf|\xdd\xf7\xd6i\x80S\xcf\xebe\x89\x9a\x92L\x88\xa6\xfb.\x91\x89\x18n\x85\xadF\x08\xfc\x0e\x1a\x11\xbd\xb2\xef\x982\xe1t\xb8\xac\xfe\xc5:\xd9\x85&gt;\xfe\xca\xa2TC2\x9fv\x02\x00\x08!\x84\xf8\x8c\t\xb3\x9e\x0b\xf9\x89\xc9\xfb\xf4V\x06\x08q\x99\xa2B\x01\x89\'\xc2\xcf\x8e\xcd\xb9\x9f\x89\xb9\x1e4&amp;\x10l\xcf\x96\x0bQ\x8f\xa2\xe4\x7fj?\xe9\xb3\x01\xbe&amp;#\xd7[L\x06\x00\x80\x9d\xa4\x82\xa0VF\x90\x05~\xfb\x89\x13\xacq\x03?\xd6\xd9X\x19\x00\xdcHK\xea\'u\xd8\xa0fm\x00\xd2\x84\xed\xef\xb5\x19\x118#\x97S\xbd\x1fC\x0c\xd5\x06\x16\xdeV\x0f\x7f\x11i\nl\x00\xcaa1\x1d\x16\xbe`\xc5\x97\x8f\xc8S0\x12j\xac\xf6\x08\xce\xb4\xd5\x7fP\xc3\xf5\x9a\xf5z\xa4\x1b\x10\xcf,\r\x02\xac\xb1Z\x91\xbd\x8a\x8a\xac\x0e\x13\x90^\xb9\x10\x99\x00\x8c\xc4Yj\xd1\xc6\xd0ciS\xfdf\xab\xb1\xd1\xda\xfe\x96\x12\xab]\x86\x99\xb2\x05 !~ ^p=\x9d\xc1,\xf0,\x8f\xb0\x9b\xac\x0f\x15n\x00f\xab\xd1vN3\x90\xab\xe1&lt;\x9bOpvrj\xcb\xe0\xe5\x08\x1b\x00\x8d\xf7u\x1c!\r;\x84\xb4\r\xc0\xa8\xa3\xe0\x02s\t/\x98\x9e\'"?\xbd\xb1n\x06]\x90\x8e\xa6\x86\xa7\x8a\x92\x17\x99\xdf\x8c\x1a\xab2bTd\xa94\xdc(T\x9a\xe96\xb2\x11t\xd2\x1d\xddwtI[\x80\x99\x1c\x91\xce\xab\x8d&lt;\xc2\tW\xd2W\x114\'\xe2C\xe0\xa9\x00\xd7p\n2\x11\xb3\x9cKU+\x83{\x81\x1d\xdd\x02-\xb9\xff\xa0\xf3N\x8eJ\xe3\x8d\xe2`d\xdd\xba\xa2V$"!&gt;\xbf\x9f2\x01~,~\xe9_Pi\x87\xfbz`74\xaa\xb6D\xc4\xffS&amp;\xb4\xfe\x1a\xc5k\x0b\xf1\xf7\xbc\x92\x85T \xf0\x0b,\xe0\x1cl\xf92`&lt;\x0f[\xb8\x0c\x88\x18\x7f\xfa\x92\x02\xbf\xb8I[o}\x8dS\xcb;\x03\x07dG\xd6\x99\x07f\x19\x99\xc4\xd0\x9d\xa7\xbeME\xfc.\xae$\x9b&amp;\xfa!\xb0\x06A\x96t`\xb3_\xb9\xd4(g\x9b\xcc\xbfc\x97\x0c\xc0\xf9\xb8\xa4K\xa7\xa3\xafo\xf0\xbe;\xcf\xec\xb8,\x8cg\xf6\x93,\xf2\xa6P\xf24,\x17z\xab1\x11f&gt;V\xbf\xb7\xb6,\xe2\x03\xa3/\xae\xa6\x08nb\x80\xf6|\xcc\xb5\x84\xdd\x90\xb7b\xc7\xe1.\xbd\x15\x00\xc9tz&amp;r\xfe\'=r\xcc5\xf3x\x01\x98\x95\xe1\xf2\x0e\xab\x88JD?\x01Td\x7f\xec\xc5#\xb9X\x19\xe6\xba\n\x88h;\xa5\x82\xc7\xe7\xc0Z\x07\xdb\x9c5\x9e\xe0a\x8f-\xe0\xa3\x86\xa0\x99z\xea\x81_\r\x9d\x9f\xd38A\x8eL\x02\xa3\xa3\xf1lOg"\x17\xf7\x7f%\xc4-\xad\x99\x15\xf1H\xe7D\x8f\x00\xf5\x05\x99pE,\xcb"\xc4\x02\xa7\x83\x18\x96eY~\xb9\xb7\x12el\x01\x1f5\xdfhs\n\x8e\x00\xdd\x0cc\x19\x82\x9b\xae\x04\xb6\xd5?!f&amp;\xe1\xf5\x84\xb0&gt;*\x96\x1b\x0bw\x9b\xfc\x8e6\x00g\x009\x98\x84yc\x14\x06L#\xe9\x86r\xa7\x07\xae\xe6b \xb3\xc0M\xd1\xb4\xb1\xd2\xe0\xbe8G\xb4\xcc=\x8a\xe8G\x80\xacc\xcc\x9c\x01\xe5\x82\x8e\xa9\xf4\xc4$\xbau\xe6D\x02\x06D3|Kc"X\x92\xe6\x93g7l\xb7f\x01y\x11G+\x13\x8d\xee\x88\xc1\xd5\x8b\xa4\xd0\x9b\xef\xc4\xa6H&gt;y\x1b\x80_\x0c\xca\xfd+\xa2\x17\xdb\x8d#\tEq?;I\xdfz\xf4%\x15\x15\x01m9kjc\xa1\x93G\xdeR\xfeJv\\_\xba\x8dn\xce\x91\x1eSy\x99\xf2\xd3\r&lt;\x8f\xaaUq\x8e\x92;a\x90\xbbx\xed\xdc\x86\xa3X \xbc\x03\xc8\xad\xdb\xc3\xefBu\xce\xb9d\x01\x80\x95\xa4\x049e6\x9drPu\xc9[ ^\xc9\x06`\x8f\xa8\xd4\x91\x8e\xb4\xcd\x8e\xd1&lt;cM0\xc2\xd0\xa6a\x9eL\x99B\xc9bf\xf0\xc5\x1d"w\x00\tk\xfa\xa2\xdf\x0e\xeb\xc7\x9c\xbb\x96\x13\x01\xcbG\xd2\xd5P\xe3&amp;\xc8\xb0\x8a\x81\xfc\xa5\xc9Hk\xdc\x16dl\x00\xb2\r\xbbY\xb5\x91mk,O\xf3N(\x01\x00;)[\x00{\nK\xaf\x93\x10\x81\xadZK\x00\x00 \x00IDAT\xef\xd7X\x7fFH\x88_\x9c\xb4\x94\xb8v/\x89e\xb7\xe5\xd8\x15\xc5jL\x0f\x80\x97\xb1w\xc8\xc3*\x06\xae\x8d\x92\xf5h\xc1\x06 e\x1d\xfc\x96\xcd\x17\xcd5\x96\xe9\xf2\xba\xe4\x96\xb8\xbd\x00@\x16\xe9{\x80\xe3\x7f\xca\x8b\xda\x978\x17j\xc5!\xe4J8f\x01\xe3\xeb\x90\x89(\xf6;\x92\xa9\xd9\x17*\xff:\xd1\x7fY\xff\xdc\xbaK\xd0\x13\xf4\x81._\xfe\xe5\xf7\x11\t2\xbe\xcdqn\x08U\xa83D\xab\x0ff\x88\xabvU\xd4\xe8Y\x081f\xacR\xf0\xb7 .\x13\x98\xfe\x03)\x81\xd4\xd3\xce\x8c\x92lND\x98n\x00\xb8Pr\xfc\xea\xaa\xcc\xa5\xbf\x030\xeeic&gt;\x95\xcePe\xeb\xdfC{k\xbc2w\xac\xfe%\x06\xd4\x13|\x87\xf2\xaf%\xfc\xf3\x05D\xeb\xa7\x02\xeb\xe9\xd4\x90\xd6\x8fI\x00\x0f\xb3\xc4U\xbf2\x16\xff\xeb"\xed\xcf\xfeE`)o\xd7)0\x1cm\xcaHZ\xc4\x0c5\xdd\xe0\xee\xf7\x891\x9d{\x82\xe7\x1d\x96\x15\xb1,\xb7\x9f\xe2\\f\x08V\xc7G~\x96"Ox\x11m\xe2R\xbbs\x04N\xc6I\x1e\xc9\x1d\xfb\x91\xa7\xa9I|.\x91\xa6+\x17#\xa7@\xb61sZ\xc5\xf5\xa5=]\x90\xc3l\x11\xd2\x12\x98\xa5\'\xb3m\x00\x02\xcf\xff\xbc\xcb\xb8\x9a\x8fNj\x99{jF\x0f\xe9Z\x15\x93\xb0\xabY\x1bTT\x06\x00\x1bc\xd7\xdc\xab\xa3\xce:\x92\x99\x92\xf5\xe8\xb0\xc8sy^\xc3\xa2\x0f*x\xaf\x12?\x99o\xed\xf2-\xc4.\xa8\xa8\xf9x(\x1e?\xdd\xe8@\x05|\x1b\x80\xde\xbaM\xcc=\xd8\x8a\xd4h\x9crPc\x82\x0c\xcc\x02\xc5kr\xfal\x00F\x8d\x99\xccb\xabN\xe4m7\x00^K\x1a\x17\xa4\x8f\x8ea\x81B\x1cB\xc6d\xff\x8c\xe6\xf9\x86\x06\x9a\xc1\x1f&lt;$\x1e}E\x11\x99\xb5\x8b\xba"\xfb\x80\x08~\xb0\xb7\x02Sr\xce\x8d\xf7\x89\x08\x16\xc6N+\xb3\x11\x03&amp;\xd7\x14\x85\'y\xd9\r\x7f7\xb5\xd3&lt;G\x17F\xc8I\x97\xfe2\xa7\x1f`\x16\x98\x17\xfaq\xcb\xeb\x8bHD\x1b\x00\x17\xda\xe5B\xcc1$\xe8\xc8\xcc\xcb/\x9b\xdaD\x05+\xe6\x98&gt;3?$V\xb0\x01xWA$\xc4\xeb\xa67&lt;z\xcfk\xdb\x86\xf15,\xa7\xc2\x00Y\x04\x92\x10O\xe1\x90\x03\xc0\x898}=\x02WM\xfa\xdd0\xef\xf5AQ\xc8&amp;\xd0\x88\xb2\xa5v\r~\xbb\xafJ\xb9\xf7\xdf\\\x9b\xab\x1a\xe0&amp;a*0\x17\x00\xd5\x18i\xfe\x00\xa0\x06\xc9\xcf\x13{\xdf\xc4\x84tZ^s\xac\xf5t\x14m\x15\xf6\xd9\xa7\xff\x86$\xbf\xdf\x86\n\x9f\xaa\x80T\x1f\xc8t\xf9\x08Z"\xff\x0e\xc0\x04Q2p4\x8f\xa9\x15\x00\xe5$|\x85\xf0\xb2&lt;\xdc\xf1\x8d\xc3\xb4\xa7\xc8\xa0\x19\x0c\x8a\xf9\x87\xfd\xafy|\xbc~Wv#\xfef\xfbc\xc8[a\xf9fX[Zfg\xf6\xf5z\xf8\x87\x0e\xaf\x0f\xf7\x93\x93\xcb\xb2,\x1f\xdcX\x9bi\x88XO\xcew\xa2\x91\xc6q\xe40\xc3 \x07t\x86qf3\x96z\x00\x8c@\xf1\xc3\xcd`\n\xe6\xba\xc9\xd3E\xc9\xcfu\xbdaO\x90\x99\xeci\x01\xf9^\x9d\t\x8a\xea\xa01\x1c\xa1\xd5\xd9\xe7\xac\xb9&amp;\xe6\x17\x8dU\r\xb1\xe8\x07\xb3\xd3\xf4\x03\xbeS\xad\x0e\x03\x8c_-\xbb0\xc5&lt;r\xa1\xce\xac\xc7&lt;\xf6\xe6)S\xfb(p\x8e\xd8h\x05\xc3\x97\rN\xb1x\x1b\xb5\xec\x87U\x1a\xea|\x9c\xdf\xcbd\xc0\xdc\x013\xcd\xc2(*2\x06\t\x0bnN9(P\x9b\xf0\x17D\x9e+eN3\x10v\xde\xb1~\x17\x0c\xc6\xe7\x88\xc9\xb7\xd24a\x8f\xf0U\xc3\x9f%\xe5\x9fu\x99+\xb0\xc7\\Y\xc6\x91\xe4\xca:~\x9fa\xd5\x07V\xb0\x01h\xa1!\x11\xdd6b\xc3z\xa6\xe3L\x953\xad\xd2\xc0\x08\xccR^\xc0\xf8\x10\xe3,p\x9b\xb2\xb0l5\x05\x1c\xf2\x91D\x1aWe\x10TQN`F1\xdb#@\x95\xf5\xa4\xc4o\x86ni\xb4\x9f\xaa\xdf\xc5o\n\xf19\xeb\x9f\xa7:\xa9\x05\x9d\x99\xa8\xc2\x00\x0e\xae\xc6\xcb\xcd\xa3\xba\xac;\x9a\xfb\xbc\xdc\xc6UU\x15o\x15\xbd\x16#\x18\x9c-\xa4\xdb2U\xf2\x14,#\xc2\xad\x94e\xca\x97Ev\xa1n\x9f\xf6\xffqS\xff\xa8\xc9\x94?S`\x80\xc1\xd8\xd2A\x90\x9e#\xdeV\x88\xbaaI\xa9\xba\xd7\xe4\xc4Y\xceJ\xce\xbb\t?\xdf\x88\\\xd4_\x06L\xc8\xd5x\xbf\x12S\x99\xef(a\x89j\x7f\xe6\xa5\xd5\x9fX\x85\xaa\xb2\xd3J\xe4K\xc9N\x9az!\x1ad\xfex\x95\xe5\x0e\xbd\x158=\xb5&lt;.e\x01\t\xf1E\xd2\xdf\xb7\n\xe8C\xd8\x82\x8e\x8a\xfd\x1b\x1e\xab\xf0\x9d9%\xf4\x9c\xab[&gt;\xce\xb0\x01x\x11Q\xfaO\x13\x9e\x89\xfa\x03\x7f\x18O\x17W\xec\xa3\xa9\x98\xcdOY%l?\x9ew\xbc\xbd\xbe\x95\xbb\xbbpl\x01\xf8\xf7\x00\xbc\x02\xcd\x1e*\xcb\x9f\x82+3B\xcd\x0f\x96I\xa9t\xcds\xf6)\xb9x\xf6\xedjIO\xaf\xc3\xf5\n\xefi\x98\xd3&gt;o\'\xff\xa3\xc1A\xd8\xb9\t\x05\xc0\x8c\x11\x02\xae\x88_\xcc\x08\xd0\xe8\xaa\x91\x1d\xfd\xcaO\xb8c*\x9a\x17"\xba/\xbc\xc6\xc0\xa7b\xd1\x0f\xb216\x90\tM\x10u\x06\xfa-\xee\xbe\xdaD\xe0\xd4p\x12\xfd\xc7\xc5\x9fV\x8f\xdc#\x04F\x06Cr\t\xcd\xff\x9e\xd6\xa6Q\xe1#"\xfa\x97\xed\x1e%J\x95\x1b\x12\xb7\x1f\xd62\xa8}\x00d\xc3V\xf42\x16"\xa8\xba~\xcea\x9f\xb3\xdc\x01\x18v\x08\xa7\xbc\xc7r\xb2\xe1\\+y\xf5\xab\xcf\xe1\xd0\t\xb3\x88\x8d\xd9\'!0\x0c\x08\xa4\xb3\xf2\xf1p./\xe7\xd8\x004\xa4\xe2\x0c\x0e/\x80\x11Xz+\x90\xc0\x9e3\xcb\x92\xa6\xb6\x9cl\x8b\x10"\xb1\xf9H\xd0\\.\x03SB\xc4\x9a#\x08\xda\xd1\x80G\xae\x91\xcb&lt;\xb8,\x02\xdewp\xc9\x0b\x12\xa4/\xfcS\x97\x1c\xf33\\\x89\xd8\xa2w\x04\xad\x863N67\xf4V \x9e\xfc\x1d\xb3\x1c3S\xef\xbb/\xbfR\xd0[\x8b\x1a\x9crP\xd3q\x17!\xc4\x16e\x85\x1e9\x0e\xcf\x88\x84\xb8S\xfb\xbba\x88(\x0f\'\x99\xbd\xc6"\xf1C\x0b\xedY\x16\xac\xfe5\xf4\x8f\xec\xad\xff\xb5]\xd7A\xbb\x9e\x0c\x17$\xcbR\xb4\xf8g\xf2 \x11\xd1\x17_[,\x8cA\xe1c&lt;\xe7x.\x7fv\xfd\xad\x0c=k^\x0f\xdb#\xd7\xe5\x9f\x03\xfb\xd5=\xd1\xb4\xd9\x95Q[\x00F\x83\x88\xc4\x17\xf9\x82\xfc\x8c\xd5{Z(\x8d\xde\xeaZ\x19S\xab\x11a\xf1\xe0\xd8\xc1\x90\xc1T\x03\xe1\xb1\xfe\xd8\x874\x11&lt;\xa4\xb7\x02lH\x07fS{df,\xf3\\q\x82H\xa2f\x98D\x01\xe0b\x84]nw\x05\xa6\xe0S\x12\xd7\xffrU\xe4+\x95`|\xb6\x8c\x9eo"\x9bE\xcf\x14j\x0c\xe9\x84f\xaa\x0c\t\xf1g\x0cB\xf4\xc2\nZ\xe3\x98\xe1\x18\x04[\xe4\x9f\xb1\x1e\x010\x1eI\x89\xf6G\xb5\xb4\x18\x97\xe0Z_\xbf\xc8\xdf\xb8\xc7\x10\xe2\x19\\\xbdy\x98\xc6\xe3\x1b\xef\x16\xa3\xe7}\xe6\x19O\x1d\xb04\x89\xe4\xbb\xf5\xc5\\\xa9\xd1\xea,=A*u\x8dODB\xdc\xbdj\x17\x00\x00\xe0E?\xbfw\xaf\xfe\x83\xf5\xd0\xb9g\x18\x90\x91u\x9b\x90\xe7\x9em\xad\xb8\x85\xef}z+\xd2\x93\x7f&gt;\x99Sy\xb0~\x14\x8am\xf5/f\xbc\xa7\x06F%&amp;\x8a\x10i\x93\x12Z\x96\xc1\xa7 \x12\xdf\xd2\xffO\xb2~`T=\x14\x1b\x97\xf15\xac\t\xbd\xeeDc\'z\xf3V\xda.\x84\xaf\x06\x03v\xf6\xef\xba\x92\xbf\xf4\xea\x12\x97\\\xa1\xa2\xac\xc7\x10\x84 \x0f9\x8c\xdc_\x15\xb1^5\xc6\x17\xc9\x81x\x88\xc8\xf7\xf5\xcdD\x84\xd2\x01b\xf0\xef\xff\xf3*C\\\xf19\x05\xcc_\x0f\xdd\x10"\n{g\x94/\xf7$\xa2f\x81\xb4\x7f\r\xe8\x10#\x07#\xb1\x18\x7f\\\xfef\x0c\x15E\xd4D[t0!\xda&amp;\x16\xcc\xc2\xb2,\xbe\x1fo\xc1\xea\x1f\x84\t\xdd\xfdcYr\xc5=A4\x1b\xfb\xc7\x9d\x171\xeb\xe8,\xdf!jz\xea\x1ak\xc8\rb\xea\xdf\xc5\x02\x16\xceX\x83\x00(f\x9b\x03P\xef\x06\xe6\xf7\xad\xb5\xcb\xef28\x14X\x88yH\x7fY.\x8b\xc3\xfc\x10\xd2\xdan?&amp;p\xa2)xy\xef\xed\xe0\x8f\xf7\xf8\xaf/\xe3\x8e\xa5X\xad\xc8\x8f\xb2\x08qy\x04\x08\'(\'\xe2\xa8&lt;\xb3\xdc\x8eTn\xa1\n\xecGg\x82\x88\xe02p\x1d\x8c\xf2\x84\x00\xd8\x08x$f\x15\xce7KZz\x1bi\nF\xf4^\x0b{ \xc6\x84\xdf\rB\xe0\xbcxRln\x9b\xd0\x95S\xfdN\xf3\xf0\nnD\x7f\xa3E\x940\xd7\x1b\xcb\xf6\xe3\xa2S1\x8d\x13\xd3\xd1&lt;~\xcd\x1f\xfb\x03\xa7\xa7\xb4\xf2\xb0V.\x8b\xb0\x91\x9e\x08\xf2\x8e\xf5\xc7\xcfu\xcb\x02D\x1c\xca\x9d\xed&gt;\xd5\x15q/\xd7\xd7\x0e\xc4\xdc\xf3\x1c\x92I\xbeHa"\x18c`\xb2X\n\xd3k8mV\x03G\x17\xf3\xd5\x81\x00\xcd\xea\xc38\xeb6\x90\x8f\xe7\x0b\x7fj\x04\x92\xb3/\x00\xc6\x03\xc19/\xa7,.X\xfd\x833\xd3&gt;a\x89\xe8)\'\xcb\xa96\xc3!\xea\xf9\xf3X\x7f]\xf7\xae\xdd\xb5\xf0\xaa\x9e\xf5\x7f\x15\xe3\xf8\xfak\x12\xb7D$\xc4o4\xe8\xe8\xc4\x9ckM\x15\xe4\xaa\x06;)\xd6\xe3\x8a\x13n\x00\x84x.\xf6\x00S\xf1\x998(M\xa3u\xc2"\x9b&amp;\x84)H\xfe\x8aC\xc8\xdc4^\x91\xfb\xbb\xab\x9d\xfbk\x17H\xf92V\x1b\xcel\xc6\xb3-\x0b\xaf\x1dw\xed8\xdd\x1e\xe0d\xc399D$^t\xf1\xd7\\^\xbb\x9e}\xcb)\x87\xd9xznmC\xd4@.Z.\xc7\x83\xab\xff\xfan\xc5\x06 \x86\xcf\xf1\xbe\xdb\xccY\x1b\xcf\xa8\x12\x87\x08\x030\'\x03}j\n\x048\n\xe5d\xe5\xe6\xcc\xf5Q\x9a\xbdN\x99J?u\xd2q\x01f\xda,</t>
        </is>
      </c>
      <c r="E560" t="inlineStr">
        <is>
          <t>&lt;class 'numpy.ndarray'&gt;</t>
        </is>
      </c>
    </row>
    <row r="561">
      <c r="A561" s="1" t="n">
        <v>559</v>
      </c>
      <c r="B561" t="inlineStr">
        <is>
          <t>steps_per_sec</t>
        </is>
      </c>
      <c r="C561" t="n">
        <v>6300</v>
      </c>
      <c r="D561" t="inlineStr">
        <is>
          <t>3.055871</t>
        </is>
      </c>
      <c r="E561" t="inlineStr">
        <is>
          <t>&lt;class 'numpy.ndarray'&gt;</t>
        </is>
      </c>
    </row>
    <row r="562">
      <c r="A562" s="1" t="n">
        <v>560</v>
      </c>
      <c r="B562" t="inlineStr">
        <is>
          <t>Loss/RPNLoss/localization_loss</t>
        </is>
      </c>
      <c r="C562" t="n">
        <v>6300</v>
      </c>
      <c r="D562" t="inlineStr">
        <is>
          <t>0.22424965</t>
        </is>
      </c>
      <c r="E562" t="inlineStr">
        <is>
          <t>&lt;class 'numpy.ndarray'&gt;</t>
        </is>
      </c>
    </row>
    <row r="563">
      <c r="A563" s="1" t="n">
        <v>561</v>
      </c>
      <c r="B563" t="inlineStr">
        <is>
          <t>Loss/RPNLoss/objectness_loss</t>
        </is>
      </c>
      <c r="C563" t="n">
        <v>6300</v>
      </c>
      <c r="D563" t="inlineStr">
        <is>
          <t>0.041027434</t>
        </is>
      </c>
      <c r="E563" t="inlineStr">
        <is>
          <t>&lt;class 'numpy.ndarray'&gt;</t>
        </is>
      </c>
    </row>
    <row r="564">
      <c r="A564" s="1" t="n">
        <v>562</v>
      </c>
      <c r="B564" t="inlineStr">
        <is>
          <t>Loss/BoxClassifierLoss/localization_loss</t>
        </is>
      </c>
      <c r="C564" t="n">
        <v>6300</v>
      </c>
      <c r="D564" t="inlineStr">
        <is>
          <t>0.23702961</t>
        </is>
      </c>
      <c r="E564" t="inlineStr">
        <is>
          <t>&lt;class 'numpy.ndarray'&gt;</t>
        </is>
      </c>
    </row>
    <row r="565">
      <c r="A565" s="1" t="n">
        <v>563</v>
      </c>
      <c r="B565" t="inlineStr">
        <is>
          <t>Loss/BoxClassifierLoss/classification_loss</t>
        </is>
      </c>
      <c r="C565" t="n">
        <v>6300</v>
      </c>
      <c r="D565" t="inlineStr">
        <is>
          <t>0.124658324</t>
        </is>
      </c>
      <c r="E565" t="inlineStr">
        <is>
          <t>&lt;class 'numpy.ndarray'&gt;</t>
        </is>
      </c>
    </row>
    <row r="566">
      <c r="A566" s="1" t="n">
        <v>564</v>
      </c>
      <c r="B566" t="inlineStr">
        <is>
          <t>Loss/regularization_loss</t>
        </is>
      </c>
      <c r="C566" t="n">
        <v>6300</v>
      </c>
      <c r="D566" t="inlineStr">
        <is>
          <t>0.0</t>
        </is>
      </c>
      <c r="E566" t="inlineStr">
        <is>
          <t>&lt;class 'numpy.ndarray'&gt;</t>
        </is>
      </c>
    </row>
    <row r="567">
      <c r="A567" s="1" t="n">
        <v>565</v>
      </c>
      <c r="B567" t="inlineStr">
        <is>
          <t>Loss/total_loss</t>
        </is>
      </c>
      <c r="C567" t="n">
        <v>6300</v>
      </c>
      <c r="D567" t="inlineStr">
        <is>
          <t>0.626965</t>
        </is>
      </c>
      <c r="E567" t="inlineStr">
        <is>
          <t>&lt;class 'numpy.ndarray'&gt;</t>
        </is>
      </c>
    </row>
    <row r="568">
      <c r="A568" s="1" t="n">
        <v>566</v>
      </c>
      <c r="B568" t="inlineStr">
        <is>
          <t>learning_rate</t>
        </is>
      </c>
      <c r="C568" t="n">
        <v>6300</v>
      </c>
      <c r="D568" t="inlineStr">
        <is>
          <t>0.039810285</t>
        </is>
      </c>
      <c r="E568" t="inlineStr">
        <is>
          <t>&lt;class 'numpy.ndarray'&gt;</t>
        </is>
      </c>
    </row>
    <row r="569">
      <c r="A569" s="1" t="n">
        <v>567</v>
      </c>
      <c r="B569" t="inlineStr">
        <is>
          <t>train_input_images</t>
        </is>
      </c>
      <c r="C569" t="n">
        <v>6300</v>
      </c>
      <c r="D569" t="inlineStr">
        <is>
          <t>[b'1024' b'1024'
 b'\x89PNG\r\n\x1a\n\x00\x00\x00\rIHDR\x00\x00\x04\x00\x00\x00\x04\x00\x08\x02\x00\x00\x00\xf0\x7f\xbc\xd4\x00\x00 \x00IDATx\x9c\xec\xfdw\xfc&gt;\xcfU\xd7\x8d\xcf~\x12AI\xd0\x1f!!\xb4\x1b!@P\x08E0\x02\x01\xe4\xa6\x85" ]0R$\x80x{\x83\x85\xdc\xd2!\x04$`\x08% \xbd\x07B\x93\x12\x04\rJ\xe8\x10\x9a\x80H34QZ(\t\x81Pb \xe7\xf7\xc7\xee\xceN9\xe7\xcc\x99\xb2{\xedu\xbd_\xcfG\xf2\xf9^\xef\xdd\x99s\xce\x9c\x99\x9d9S\xae\xbd\x9c\x03\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e0RL\xf9%"r\xceM\x13sk8Dt\x80\xa2c\xb4H\xaa\xddQ\xce\xb4@D\x93s\xee4\xf6\x98\x99\x1di\xf0$\xd1\xd0\xd2iz\xcd\xed\x8a\x9c\x9b\x16A2\xba\xa8DW.m\xbdKD\xb1\xa88\xe94\xb9\xed\xa9\'r\xd3\xb7\x10\xbdS\xa6=\x15\x9f\xd8\xb6\xb4\xea@\xe2|\x99\xedO\xf2[D4M\xee\x1e\xb9\xbf\x88%\xcf\x8d3w\x13\xab}\xbe\x9e?_\xb2g\x98[E\x84J\x89$\xf1\xceQM\xd2\x13\xe4N\x90\xdbFb\x89\xf3\x7fz\xe7\xb8\xa0\xd2\xf3+\xba\x91\xb9\rZ\x9b\'r\x91\xd2\x91\x9d\x8cR\xadU\x99\xcf\xd3\x15\x03\x00\xc0e\xb9wY\xf5\xc7\xcc2.\xd8\xe9O\xcf\x8f\xe3\x8f\xfa\x10d&lt;\xb7;\x04\xd2\xe0\xe8\xdf9r\xd34I\xed\xc7\xdc\xae\xca\xc9\xcc\x13\t\xf9\xde\xc2\xf29\x14\x1d\'s\xf1\xadwV\n(\xd8F\xdb\x7f\xa6%X\xf5\xaa\x15\xab\xe2?\xa6\x17fz\xa7)*a\xacu\xbd\xf3\x95Q|9M\x05\xd7\xad7\x7f$\xbf&gt;E\x7fN\xecg\xaeT\x14\x06\xd9S\x1e\xbe\xaf\x81\xf2\xfc\xbc/Sn\x8dLE\xec\x19\xb5\x80\xf1\xad\xaf\xe6\xac\\*\x9d\x92+D\xe4\xdes\xbb21,^\n\x9d\xac\xda\xb2\xa6\xf9\x7f8\x9b\x89\xb6\x16\x10\xa0\xb7\xea2\x96\x1e\x15Q?\x00\x00X\x08\x06\xe9\xdd\x155\xf7\xfeF\x0b\x8f)\xc89\xb5\xf3\x9c\xd0$\xe7\xdc0_=i\x84\x10\x9e\x1a\x0b\xf9\x94q\xdc\xb3]\xb1j\x8f\x028\rM\xb1A\x9d.\xadA\xaf\x9e]\xba\xeb\xfe\xa1^F\x9fQ\x93\xef\xaf%wR]r\xb9\xa4\xe2\xa7\x7f\x86)cu\xc1\x1ci\xbd\xf2\x87\x94\x8bt\xf6\xf6\x10\'\x0b\xb4H\x85\x10\xb9\xff\xaa\xd7\xbd\x87\x17\xf8re\x03*\xf1\x16.\x8e*9\x99\xcd\xcee\xa9\x1bAL\xbe\x05\x00\x80;\x8bu\x10\xba\x18\xf3X{\x05\x13\x80\xde\xc5\xad\xbb\x84\xa1\xa6\x0e\x9b\x94\xf2\xd7\x07\xb5\xa5\xee%\xcfH\xd4\xc2#\xe3\x106Oi\x8c\xb4\x92\xd4[\xc4\x16\xdfe#\xb2mg\xc0\x10\xdeIw\xd3\xebl\xe87\xdf}\xbdh[\xc1\xb9(\x0e.\x14\x8c\xc8\xb9G\'\x96\xf3Z\x041\x8bO\xde ML\x81\xbb\x049\xaa\x8a\xc0\x1e\x11\xc1obQ\x89\xdc\x0b\xf2\xd9\xc5{\x17\xdc+h\x9d?+\xa6\x15\xcd&amp;"\xf7|\x93\x9fe\x01\x9b\xb7\x8dy\xbd\x8c\x9a\xc4\x00\x00p\x97\xa8\xea\x91/Eh\xde\xc9M\x05f\xbe_\xbfm\xa9\xe8\xb6\xc6\x90\xc4g\r\x12\x0e\x80\x88\xdeU\x0e\x98\x88\xc8\xbd19"\xf7d-\xd64&gt;\xddK\x9a\x0f\xe7c,\nBs\xc7\xf5\x18F\x8d\xc1u&gt;o$\xfc\xb3\xc2\xeb\xec\x12rpWp\xc1\xa6T\xb2\xcd\xe6\xa8\xdc&lt;\x9f2\xff\x1c\x16S\x82qo\xa6Qp\xddv\x8d\xb7\xb2\xb4\xd7TpH*Lk9\xa5\x04\xe5\xb2\x17\xe9\x97\x00\x00\x00\x80\xe7\xeaz\xd5s\x9b:\xd6\x93\xffd\x9c\xa8\xeb\xa5\xcd\x9f?8\xd8\x8a\xc3!!\xe2\\\x1c\xc2]\xcc\xe3?\x1f\xed\xe9\x8a\xb2\x00\x8bY\x0f.\xd8\xbaf,\xc6\x94\xe1_\xabX&gt;RLD%WXEy\xc6\xc40?\x97\x08}\x92\xeb\x9a\xaf&amp;w\xc3\xf4\xd1g&amp;%\xbfg\xc2\xda\xecR\xc9\xeb&gt;\x8c\xe8:\x13\xb5\xe99\x01\xf4\x8e}B\xf2\x82?\xa8i\x02\xe0\xac\xcb\xffg\x1e\x1a\x00\x00\xe0dl#\x16h\xa7\xb0\xea\xc6\xe7!z\x93\xfaq\xfd\x14\x94b\xca\xa1\xaa\xe4S\x19\xea\xc9\x84+tl9\xb8yLv\xf0f\xbd\x19O\x0f\xb6\xfbe?\x14\xc2S\xa3\xe9kFEHx=L\xa6E\xca[\xfcWL%\xc6\xeb\xb2%\xcc\x1c`\xfe\xf3\xa7b\x81yv\xaePR\x83\xf4\x92\x0b\x1e\xf6w\xdf(\x9b\x9f8\xe7\xdco\x1f\xdaKS\xcd\xa0\xc0VD\x9e\xe0\x15vx$\x8b\xaa\x01\x00\x00\xdce\xf6\x1e\x18*\x82\x8f$\xe35\x8e[\xa5\xe0\xa0\x100\xa9b\xabl\xb8,o\xda\x94\xabp\xc8\xc4,\xc6\xd0r\xd24\xed\x91\xbd=\xbc.% \x96o(\x9d\x99\xb1\x10\xaa(\x166\xb70\xba\x92\x15aU\x91J\xe6\x0c\xe0\x0b\x1d\xcb\xe1\x13\xb1\xd7\xb3\xb2\\\xa4\xe5\xff\x83b\x01\x0bNP\xb3f\xd3\xdaas\x0f\x00\x00\x00C\xf9\xe2\xeb\xe8j\x8f\x19\x12(\x0b\x8f*\xf5\xf6\x1ay\xf8\xe0W\xb1\x11o7\xecB\xe3\xb7\xbcV]\ns\xff\xa6|\x96C\xcfXo$/\xca\x12\xe6\x92a\xedY\xcf\x1e\xe4\x8d&gt;+y,\x02\x93\xa8\x91j`\x0f\xf0\x84\x7f%\xab\xfb\x89\r\xc6\x82\xc7\xc1w&amp;\x995LnN\xbe\x98\xaaF\xe6\xba\xf1\xe2xj\xfc\x16\xd7B\x95\x92\xadBcOZ\xf3Jn\x07\x00\x00\x00\xf6\x85(\x896\x88\x88\xdck\x1e6&amp;5\x0e\xbdm\xc7x\x0c\xba\xf2\xbbFER\xacs\x81\xd1]/fs\xd8\xd1XS\xdd,z\xff&gt;\xb3\xec],&amp;K\xdb\x12\x00/*\xb0!\xbd\xb5^s\xf1\x0bxX\xa1\x8e\x8f\x08\xc9\xb9\xea\x13k\x9c\x19\x8e\x88\xdc7mr\x1ek\x9d\xf6o&amp;mi\x9e;\x7f\xf8\xe9\xcd\xb0\xd8\x0fa\xde\xdcx\xa5\xca\xc6\xa14\x0cq\xee\xd7\xa2\x83|\x19\xe9~\xa2\x0f\xcb\xd9\x0f\xf1\t\x00\x00\\1\xd6\x1fH\xa1\xcb\xfd\x98.\x0b\x11M\xf7s\xeeONdR\xc2\xec1"\xca\x7ft\xf3\x96(\x160o9\xc6\xb6t\xaa&amp;\xa7\x1b3G\x1b\xb5\xd6\xb6\xe5\x1a\x03\x11\xc9\xbf\xb0\xeb\xb8_\xcfM~\xf3*\xfc\xb5Z\xad\x08\x9c\xa2\\]Nb\x00\xdb\xc6\x04\x07\xd2j`h|\x90]6Ie\x116\x8bJ\x8cO\xcc\x93m\xf6B\xa6 \x19\xff\xeb\xb9\xe6\xe6ADi\xc6\xf9\'\x81G6\xad?!\xf7bc\x1b*U\x8d&gt;\xce\xe0\x8a\xacR\xce\xd2{\x00\x00\xc0\x15#/h\xdd\x00\xe4\x9e\xb4_\xd1\xbec7\xc9\xd7\x00\xd7l\xe2\x15Yw\x03\xfb\xf5W\xf8t\xc4\x06gGh\x92?\x83+\xd9jz\xab\xfa\xf0\xf0LrD\xc7\xe8Oi\x89\xdd\xfd\xe6"\xb0\xb4\x18/\x8a\xcd\x9a(\x9fF\x11nQ\xba\xa5)I\xb3[\xfb\xcfh\xfb\x92\xf4Z\xad\x16\x81\xbd\'\x8b,Nk\x13^\xe1\x99+{\x06\x01\x00\xe0\x92`\x8dd\xa6b9\xea\xae@\xe4F,\xa1\xe5k\xe7\xfaj\xfa\xd5q\xc1\x85\xfc=&lt;\x19\x16\x87[\x99\xee\x7fR\xb6\x15z\xaf1_\xc0\xae\xd5\xb2\x08\xb9G\xee\x85\xe9"\xfa\x8c\xddQ\xfc\xbeAp\x9f\xdb\x01`v\',+\xd6\xc2NK\x03\x89Wi}|\'o\xb3b\xc6\xaa\xda\xe5\xfb\x18F\x93\xaa\x9e\x82P2m;\xa5S\x92"w\x8e]\x05\x00\x00\x00p\x9b\\\xe1\xaa\xf3\xcc5\xda|Z\xf6uf\xed\xb2\xaeQ\xa0\xdct\xfd\x8f|\x7f\xe9\xb8\xe6M\x7f^\xb1\x10\x9eX\xc8\x7f\x15\xc1\xdf*\x19y\xe8\x13Z\xbb`\x9f]`\xac%\xb2\x14\xb3b\xd3&amp;L\xef?\xf2U\xf3Q\xdb\xc5\x1f\xb6o\x02\x04J\xcc)\x01\x00\x00\x80\x01\x1c1\xf0\xd8\x86\xc3\x13\x0e\x81#B\xa2\x13O{\x8c\xa5\x1b\x11U\x8f\x8c\xcb\xf7\x87\t7\xf5d\x97\x9a\xdf\xe6\x81~\xf4\xe7GhV%\xb7\xb6\\5\x911\x9f8\xf5\xc6\xef\x1b\x05*\xaa8\r\xe2Y&amp;\xb9\xd4\x9f]\x1f\x9a\xd7\x7fk\xb9e\x02\x00\x00\x00@\x03\xdb\xa9:\'=\x1aD{\x1f;\x19t\xfe\x87\x93Vt\xe9\xe5}\xde\xee^\x9b\xdfH=\xe5B\xb6\xd3#\x8d\x16\x1a\xf0a\xd6\x18\xf9\xa4|\xe9\x96\x06\x7fWu\x04I\x94\xb9Z\xd7h\xa4Z\x9bISO\xe3\xdb\xec\x9b\xd0;:*m\x93kK\xce\x1b\x03\x11M\xd9\x04\xa2\xcf\xb6?r\xee\xc5u\xdb\x06)\x02\x00\x00\xb0p\xef\xd2\x06\x9c\x9c;:\xd8\x0c^g\x8b\xc6\xec\xa2K\xaf\xd5\xe74"\xfa72M\xd3\xde\x91\xd00\xf1\x82\xa9\x7fD\xb3\xc3\xfe9\x97\xe7\x92k\xbd\xb3\xbdA\xbc\xebz*K\xaa&amp;n9\xfb}e!\xa2\x9c\x7f:h]|\x9a\xa6\xe8\x0b\x00\xd1\xf5\r\xf2\xaf1\x8a\xaf\xbfe\xd5.G\xda\xc1\xc8\xd1?\x96\xfc\x01\x00\x00\\\x16\xf3({\xdc\x11\xa0]5\xec)\xfc\xfc\xb4\x14?\xac\x11\xa5\x82\xc2[\xa7=\xd2pZ\xc3\x8ee\xf4\xc9\x93P\xda;X\x0eq\x95\xf5\xf2\x16\x12\xfd\xb2\xc9\xe6\xae&gt;\xad\xc99\x15\xe9\xbd\xfc\xef\xc3\xf9\x1f\x00\x00\x00{\x83a\xc69w\xd1\t\xc0iG\xfa\x0f\xb7\'\xd5\xe2\x15\x7f\xeb\xc21\x8d\xa2}\x0f\xc3\xaa#\xc5QZ\x9b\xb3\n\x9f\xbb\xd0\x1bF\xab&lt;V\xe6i\x9f#\xe7\x18?\x88s\x8c/\xf7o5\xedQ\xf4\x9c\xf3\xba\x02\x00\x00\xc0)(\x8e4g\x1eVo\x00\xaa\xf9\xd2\xe4i)4\x12\n\xe2\xb6\x0b\x15V]R\xddo\x02`\x93&lt;fj\xb4hl\xce\xdcm\x00/XVXm\xb0\x10\xfd\x9f\xfdU9\xb9\xd9Y\xc1\x9f\x1b\xa6|\x8f\xd6\xf6\x10(\xba\x85^\x05\x00\x00\xee\x04C"\x80\x01v$\x12KC\xd1\xe5\xb7\xaa\x89\xdc\x1f]\xfbPwm\xf6\xe75^|A\xd3\x1a\x9a\xdc\xe7r\x13\x80V?w\xad\xc5Z\x9e\x8e!O\x902\xbd\xe9\x17\xde\x8c\xe2v{\xd7\xe1\x93\xd9]\x9a\xcbo\x98o\xb0R5e\xea\x0c3\xb9\x1b\x1a\x13\xdc\xea2\xcf\xcb\xbc|\xb7\x0c\x00\x00\'\xe3\xb4_\x02\x1e\xd2\xef_\xeb\xd7I\xbb\x98&amp;\xf7\xe2WV\xf0+\x1f\x9e9\xcb\x0b_\xa1\xdd\xbe\xd4\xf9\xe7;\x18d!\xfc\xd2g\xa5\xf3\xbb[\xd7\xbf,\xa8\xeb\xfe~3\x91\xf0\xee\x1dKCc\xc3\xe2\x81\xedS\x92d\xfcb7-_"w\r\x9dd"\xff\x0f\x9c\xeb\xadM\xc9\x84R\xfb\xcf\x0b;M\x8e(\x7f\xdfQ"\'95\xf4\x166\xe3\xce\xfe\x95\x1b\x00\x00\xb8%.\xbd\xccv`_\x7f\xaeq\xe5\x1b\xcfd\x8c\x95K\x1e\x85o\xcd\xf83\xab\x80\xea\xd9\x0b\x05\xb4j\xef\xe1bz\x83\x7fw\x90n8\xeam\xeb\x19v\xf4O,\xb9w\r\xbe\xb3\x15\xed\xdd\x02?\xafn\xc3\xa1\\5%k\xd3\xa3Po\xb7\x9e:\xbb\xe8\xe3\x06\x00\x00\xe0 \xc8\xfd\xdbC;\xfaqC\x0b\xc6\xa7\xeb\xa3\xa1\xf6/\x1b\x8btN\x8f;\x8c\'\xe7&gt;\xbbYm9\xc5 \xaf\xeeq(+7\xac\xcd\xd4\xac\x8c]E&gt;\xac\x1dZBp\x8b1\x95\x13\x80\xf9\n&amp;\x00\x00\x00pW\xe8?\xd8Z\xafr\xf7\xa1\xe5\xb6\x87\xae\xd3\x8d\xcd\x86\x05K\xe7\xc3\x8b6\xf1G\xd6i\x95\x91\x8am\xaf\xbd\x05R\xd5\xc6\xefZ\xe4\x93Gx\xa3\x0ckv\xbe*\xed\x18\x0eP\xa4}\xb9\xe2\xb4m\x03\x00\x00\xc0\x18\xf6\xeb\xeb\xf5\xe5\xab\x81\xd2\xce\xc4c/m\xc0\r\xb2E$=m\xf5c\xf7j\xe4\xc5\x95Z\xe7&gt;\xa7Mr1\n\x94\xf4\xeay\xafz\x89\xb7vnvUe\x1c`j\x7fy\xaf\xb7m\x00\x00\x00\xa8\xe12}=F\x97\xeb\xe6\xc863d\x02`\xccX+\x7f\xcfP\xe9\xa9\x16\xedU\xd7\xfd\xdd\xd3FxE\xc3\x8e1\xfb\x9c\xce\xd1 \xfa^\xe6\xbd\xb1\x7fC\x9f\x07J\xd7O\xdb&lt;\x00\x00\x00\\=\xbb\x9ep\xc0\x04cw\x8e\xfe\xd68{\x10\xff\xb5\xf6\xd1u\xdb\x8cZ\xfe\xdfqGe\x0f\xc9\xb56\\\xc6\x8c\xf8\x1b\x0bM\x026\xcbKEh&gt;\x92\x07\x00\x00\x00T\xb2\x8eO\xd6\xe8\x1f\xe3\x13\xd8y\xae\x98*;H\xd1\x85\xd8/\xba\x1d$\xf6\xf2?A\x95\x17\xe4\xd0\x16\xd8Gl*cs\x98\xe0\x0c\xd3-\x00\x00\xb8\n\xee[J@D\xfd\xaf\xe5\xbeY(}kuz\xff\xac\xbfEpZ\xc3\xae\x00\x12\xde1_\xc9\x11\xfe_\xda\xe7\xc8\xea&gt;[\xcb\xa1i\xb7HvP\xbf7\x9d\xcba\x97\xa0\xd4Oj\xc9\xa6\xc99\xf7\x9bk\x027\xd7\xf6\x96&amp;\x0e\xf71T\x01\x00\x00\xd8\x9dm\xb5\xe9\x90\xf7\x06\xde.\xafyi\x03\xaa\x18\xb0\xc4x`\xe5^\xcdB\xef\xb9\xb9j\x1ff-v\xdb\xb4\xbc\x18D\xf4\xdclS\x82\xdd\xcc\xf1[\xac8\xca\x0f\x00\x00\xd7\xcd\xad\xf4\xe0\xe9h4\xb6\\\xff\xfbF\xbcd!-\xe9\xad\xb4\x10p+\\:\\N\xa8z@\xd8X\xff\xe2\x8f\x18\x17\xca\x87!\xfe\x89\xbc\r\x00\x00\x00l\xe4\x03\xd5\xc81\xf51\xb7\xba\xd0%\x1d\xe1]?\xddf\xa9\x19\x10\xe5\x80\xbb\r\xff\xd5\x08\xcb\x1a\xff6O\xb83\xdd\x05\x00\x00\x80S\x80\xcd\xe8&amp;\n\x1e\xbbS.]\x0b\xfb\xe7\x976D \xae\x88/\xbc3\xf5\x02\x0e\xa3\xedy\xa7\x98\xf0\x0e\x9b\xb8\xc3@\x00\x00\x00 &amp;\x1d{&gt;\xfd\xfc\xc3\xcc\xe5-\x94\x06\xe3;8H\x9f|\x02i3\xec\xa4\xc6\x83~\x8e\xd9\x9e*\x86\xefl\x96\xe4+\x01;\xd9\x06\x00\x00\xe0H\xae\xa67\xcf\xbf\xa6v)Kn\x02\xcb\xdb\xbb\xf7\xfa\xae\xc5E\xd0c\x97+\x89l\xceoa\x0bW\xe2\xfc\xbd9\xd4\x03\xc6\xf9p\xb2\xf0\x8fS@\x00\x00\xd0\xc3=K""r\x7f\xbf\xbd\x9f5\x0f\xa8\xedop;x\xcc\xce^T\x87w\xcf\xf5097M\xd3\xf4\xd7\xb5J\xdc&lt;|\x03\xde\x9e\xa6\xe9\xb4\xa5\xb0&lt;J\x08\x92g\x86\xae\x94\x9f\xca\xa1\xc75N\xdf\x92\xaa\x9e\x88\xad\xfd\x9d\xf59\x02\x00\x80\x9b\xa1k|\xda;^\xb8\xdc\xe1\xf2\xab\t\x85\xe6\xd5\xb2\x16k\x0f)\xa0\xad\x8en\xf1\x8b\xb3\x97o?\x81\x01\xcf3\xb5\x90ki\xf3\xbbr{{\x05\x17*N\xc5a\x1e\xca\xd8\xdb8\x00\x00\xb8\xdb\xa8\xc7\x15\xecR\x86\xd8r6\xaeg\x10\xea\xd81\x1f]F\xd6i\xb5\x9e&lt;\xcc\xf3;*B\x10s\xb5\xf4\x04\xa0m\x19/\xbb\x8cr\x14\xe5\xa5\x9c-\xfa\xaf\xfc\x16\xc19\n\x08\x00\x00\xa7\xc0v\x04H\xbeU\xb3\x01\x9b$Mz\xf0k\xed\x9aO{\x96#cr\xaeu\xc7\xfc\x902\xd6\x9e\x01\x98\xa6\xe9\x98\x11=7l\x84^\xc4\xfew\x97\xb6\xc7ii\x87U\xcb15M\xecz\xba\xb2\x95\xc8\xe0\xb2\xf1\xd7W@\x00\x008)\xd5\xbfGs\x9b\xec\xb0\x19}&amp;_=\xfb2\xc6Xv\xf9/\xd3\xa8\x06T7\x8e1\xa4\xac\xae\xb8"o\\\xd8\xd4_\xba\xab-\x07O\r\x00\x00\x0c\xa2\xb13E/\xbc\xf1\xa9\xe3\\\xb1\xdf\xf0vE\xf5U\x8c\x8f\xaf&lt;\x088\xd5\x04\xe0\xe2\x06\x80\xbbK\xf2\x08\x9c\xe0q\x00\x00\x00p\x02:\xc7\x833\r\'\xd6\xd5M\xeex\xeb\x01P\xf0\xef\xe5\xb1\xac\xfd\x9f\xa9r\xab9I\xf4\xdfj\xc3ku\xe4\xbd&amp;\x94\x02\xd6\x97\xfd\xc6}\x95\xe1[x\xd8\xa1\xa5/P&amp;"\xe7^1Low\xec]h\x81\x00\x00pJ\x8e\x19\x02?\xb6\xb3\x97?j\x84`\x8dT\xbf\xa6\xc6\x96k\x97\xb3\x10\xeaH\xb9\x8d\xa3\xa7\x19Mo~\x02\xf0\x86\xe7\xb0_\xb6\xc1\xf82\xd0\xcb\x17\xe1B\x14\x0b\xfe\x87GX1\x88\xdd\x0e_\xd5\x9d\x11\xad\x99\x00\xd4\xcd\x16\xeepC\x05\x00\x00\xb0\x1b\xcd\xab\xb9\x03\x86\xa5\xf57q\x94\x14\xae\x14\xab\x99\xcc8v\x04\xb5\x98t\xd7\x07\xf5]\x8boh\xcfU\xe1\xda\x10\xa3\x0e&amp;(\xda\xae\xf6_\xdc9;\xac8\xec\xc7_\xa3\xb0O\xbb\xeb\x9d\x00\x00\x00\\9\xe3:\xf1K\x9c\x9eW\x86"\x7f1Np\xdc\x99\xd7Q\xf2\x0f\x1bk\xef\xe2\xa0~\xd1\xf2\x06\xc73\x92\xcbQs\xcd\xeb\xe5\xca#0\xeb\x0csH1\x95\x08;\x94|\xdd.\x1dj6\xdb\xd8\x92\x9e\xf3Z\x1d\x05\x00\x00\'\xc0\xf4\x1a\xd0K\xd0\xda\xb3\xef\xf3\x9e7\xe5\xfdq\xf3 4\ti\xd2\x8b\xcb\x885\xc5\xd7\xd4\xc2\xfeTa\x9c\xd3\x83\x86\x81o\xbe;\xe4%z\xdb|INr\xdaQ\xbf\xf1\xcb\xf4n\xba\xf4n\x06W\xb1Auo\xb7C;\xaf\xfc\xa5\x8a\ro\x8d\xec\xac#^c\xeeF\xd5\xb1\xe7\xfdN\xfcSF\x0b\x8c\x1a\x9bs\xd33]\xf2\x8b\xe0W\xde\x02\x01\x00\x00\x04\x9cd\r\x8c\x88\x9c{\xac%\x99\xfd\x14\x04\xbb\nX\xccnLpq\x8f\ry\xaf}\xb9,WtVa\x1c\x97\xaf\\\xb7\xd5M~\xedR\x16\x9d\x84\x91N(\xcba\x13\x9c\xa3\x07\x18IK\x89\x94m\x16\x00\x00\x00\xa7\xe6D\xc3X]X_H\xa1*\xd1\x07-\xd3@h\x9c\x03\x0c\xf3\xedK1r\x9e7D\xb8P\x8a\xb3\xb4\x8a\xcbp\x96\x87"kfv\xabNa\xff\xd5\xf3p\xc3\xf7\xf8\xcfD\x8dI\xd1i\xab\xa6\xe2 \xfa\x07\x00\x80\xd3p\xc21\xc9J\xeb\x80Z\x95\xab\xbcde{9\xcf\xae\x9b\x00g\x88-.n\xc0E\x91\xfc\x1f]|\xc3\xd26\xd1P\x93\xc0%\xb8\xe9J\\\xfa\x99\x91e\xbcew\x01\x00\xc0\xa9\xe9\x0c;\xbe\xf5r\x03^\xf7P\xb4,h\x8d\xb2\xa7\xaco\xb7\x13\x1a\x07\x96B\x99\xc6|\xf2Q6\\\x07\xf9\xde\x11\xdfb\x0fz\x8f\r8\x82=\x9f\xc4\xcb\xcf\xf0\xb7\xd2\xfd\x0f\xb4U\x00\x008\x96\xddC\xbd\xeax\xf4\x9aF\x82\xa8h\xd6b\x0e\x8b\xce\xa5\t@\x96\xe3\xd3\xda\xf44\xe5\xaa\xd6r\x86\xdd\x86+\xc0~L\x02\xce\xbc~(x\x19\xd1\x9e*&gt;u\'\xe1\xa1\x16\xa5\x14\x7f\rm\x15\x00\x00.GG\x17\xfc\x8fLK\xe6L\xef/\xe7\xfa\xbck\x18\x12\x9aG\xe5\xf2\xf9\x1f\x83\xd2\x06!\xb5\x06\xe7\x8b\xcd\xfbq]\xd1\xff\x05\xad\x15c\xa9*\x93\xae\xca\xdb\x17\xe5\x0c\x8e"\xe7\xe8?\r&gt;$\xb3H&gt;\xa0%SLCVE\xe8 \x1b\x01\x00\xe0\x0eq\xc9\xd7\xa8\xcd\x1d\xf7\xa9^\xe5FD\xa7\xb2G\xc2\xbb\xae\xc9`\x9a\xeb\xdd\xe6\xffex\xb5k9a\xb5\xde\x1e&gt;\xe8\x19\xeag\xe2:\x04\xf6\xe2\x1d\x84\x88\xdc4\xb9Kz\x83\x88\xf8\x1a\'"\xb7\x9a\xd6b\xde\x01\xfd^\x12\xa6\x17\xd5\xe5a\xfd\x92%(\xaa\xbdq\xd2\xfa\xb2f\x87~\t\x00\x00\x9cs\'\xfe\x1d\x80\x90;\xb4\xc0c\\!\xf3?;\xd09l\x1b\xb2O\xb5\xef\xdb\xeey?\xb7V\xf0;\xba\xceG\xec\x02\xad\xf7\xaf\xad\xc1\x18]\xc7\xd6\x1a\x02&amp;\xe7\xe6\xb0s\xda\xa6\xcdM\x12\xd8j2\xbdj\xact\x00hrKC\xe1\xf5\x16\r3\xd8\xd0\xcb\xdc+\xd4\xf6\x0c&gt;\xfd\',\x17\xe6I\x18\xf3\x0b\x159\xf16\xe9\x9c\x19\x00\x00\x80\xc4z\xde\xd4\x9c\xbc\xfb\x1c\xc2)\xb9\xd4\xce\xf2\xd5\xedh\xff7C\x00::f\xba;\xcce\xa7/\x14\xde\x024\x1f\xcd\xea\xf0\xd2\x1e\xe7In\x9c\xf6\x06\xd9TM\xd6\x933[\x824\x99\xe5\xf1&lt;\xf2);L\xdd\xdd\xee:\x00\x00\xa0@\xef\xf2\x1e{\xde\xe3Z\x0e\xd2\xa8\x90_\xf3\x0b/\xee\xbd \xba\xfa\xd3q\xda\xcfH\xf1,J\xf7\x89 \x1cA)pKg\xae\x88\x08\xe74&lt;U\xc7f|\xd7\xc1\xfe\xd0\xb8rx\xe9\xf0\xf6\x83\'\x1a\x00\x00n\x81}WY.\xb7\x8a\xf3K\x17\xd1z\x85k\xde\xe4\x9eTZ\xfe\xaf\xfem\x84;HC\xa9\xef\xa6\xa3\xba\xb8\xae\xd6\xb5\xf6\x06o\xdeS\xd7\x96.\xe5\xba\xdc\x02\x00\x00\x00\xdc\x1a/s\xc8\x04\xe06\xc7\xfb\xeb*\xd4\x18k\xab[\xcb\xb5U\xfd(k/_\xea\x0b\x1e)\xb4L\x00\xae\xada\x00\x00\x00\xb8F0\xd8\x1c\x05;\xaec\xb0\xbf\t\xd6\xd8n\xfe\xf7?\x98^\xc2k\x8c\x08\x0f\xe1?\x1f\xa6\x89+\xef\xb1\x1e\xb8\x90\xcf\xfd\x17\x03\x94$\xeev\'\x007Y(\x00\x00\x00w\x84\x86w\xf0\xef\xf2\x95\\p*(\xa3!cxy\x0f#K&lt;\xe9\x185\x95.:\xe8W/v\xe1q-\x96\xdf\xe4\x04 \xa8\xf4\x1b,\x1d\x00\x00\x9c\x16\xff\xca&lt;\xf4\xbc\x16\xe0%\xd0BGds\x87^\x01T7\x01\xb8\xffy&amp;H\r\x9c&lt;\xd8m1\xafe\x1c\xf9\x93\xad\x06orz\x03\x00\x00Gc\xeeI\xdf}_;\xc0\xc9\xc8\x1b\x06\xc6\xdd\x10\xd6\x1b\x86\x13\x1a\xa0\x97\xa6SOQ\xf8x\xfa\xa8:\xe4\xd4v\n\r\x9e\xb2$\xe9\x9bL\xdd7\x91\xff\xc3\xacg\x95\xd3\xd2\x00\x00\x00\x00\xc44\x8d\xa6\xc7s\x87V7\xaf\x87k\xac\x91a6\xb3\x81\xfe\x95&lt;M\xd7\x0c\x7f\xde\t\\\x8a\xb4.\xf2X\x9f\xad\xa9\xdf\x0b~\xf2\xc2V\x9b&gt;\x99\x9f\xc5\x01\x00\x00\xd8\x85K\x7f\xcd.V\xdd\xd3\xe3\xdf\xd5\xd1b\xe7R\x1f\xeaU\xca&gt;\x9c\x96\xe1\x16^O\xb0{\xc8\x0b\xaf\x0e\x8e\xfe1\xd9Pa\'\x00\xd2Q+q\xc2lpr\x98\xec/\xb1\xd2\x00\x00\xe0.soO\xe1\x17\xfc\xb5\x97I\xf9]\x9b\xe2\xf0|\x1b\xbf\xa9TOX\xea\xfe\xc1\xf2~\x99\xf8\xe3\xbc\xeak\x98\xc89\xf76\x87\xe9mb\xb8[\x98\xc6_\x11\x92\x1e\x19\xbf\xde\xdcs\xc6\xb8\x0e\xf3\x81\x00"71?\x1c\xe9\x82\x0egZ\xae\x11\xcd/\xb8\n\x13V)\nxAv\x05\x00\x00\xc0\x81\x9cu &lt;\xa7U\x9e\xef\xb3&amp;\x1c\xe9\xdeNQ\x17&gt;\xd7\xce\x9e\xb7\xa9\xe6\x11W\x1d\xba\xfd\xcdK\x1bp\n.\xbe\x1e\x7fq\x03\xce\x0e\xef\x9c\x17H\xcb\xfc\xc6\x1d\x80,\xd9v\x1c\x08\x00\x00\xc0@\xac_\xcc\xda\xdd\x90\x16\xceiU5c\xdc\xdb/\xe4,\x03\xed\x19lX8\xb6\xe5\xe3\xd0\xf3F\xea\x87\xa3\xdd\x92vzD\xe4\xdc_&gt;\xd6\x86E\xf3%\x94z\xe5\xbcv%\x8e\x97\x02\xfd\xf8\xbaX(\x84\xfb\x00\x00P\xe0\xc8\x05*\x04%\x17\xe5H\xe7\xbf\xe0@]&lt;\xb6\x83\xc2\x07Q&lt;\xaf&lt;\\WG\xc1O\xe1\xb1ATF\x81\x17\xfa\xad.\xe5\xe6qv\x9c\x8c\xe2J\x7fp\xfd\xeez\t\x00\x00\xba\xc0b\xc9\xd5\xd1\x14\xde]\xe4;\xb8\x97\xe5$f\x14\xea\xeb&lt;\x13\x15\xe7\xdcy\x9cv\x01~\xbce\xb1yO\xeep]D`\xa5\x1f\x00\x00v\xe0L\xc1G\x08^\xe59\x92#k\xf9\xac-\xaa\xcc\xfc\xc5\xc3]\xc4f\x97\xb4\xbb\xbd\xba\xae\xd5\xff{\xf0C\x15?\x00\x9c]*O\x00\x06\xb8\xda\xb6\xce\r\x00\x00\x00\x1c\xc7:\xfe\xc9C\xe0\xd8\x80\xc3\x0fx\xdc\xa0\x88\xb1\x90\xe3\xcb\x0cn\xe9\r#\xee\x8a\xe7w\x98\x00\xb0\xc7\x18\x88\x88\x9e&lt;&gt;\xb6\xfb\xd9Y\xf8h\xb1\xd7K\xb5+\x84\x80{X\x17\xc7N\'\xb4- L\x00\x00\x00\x00\x1c\x0f\xc5(i\x8ar\xa4\xacBJn\xc4\xc5Xx\tNv@\xa5\x8e\xcb[\xbe&gt;;\xff&lt;Y\xf2\xf73\x8df\x0b\x99\xb9\xca\xa5\x0b{2\x88\xc8}\xb4\xec\x93\x8aE\x8d\xc2\t\xae\xed\x8f\xffd\x9c*\xa4\xcf\xd4U?e\xad\xdc\xc1"\x03\x00\xc0\xf5`\x0b\xee\xeb&amp;\x00\x14\xfc\xac\xa3\x9e\xcb6B`\x14\xd9\x93\xcaA\xfad\xa1\xcc\xe5-\xe1\xe6\xcf\xa3\xce\xff\\\xbet\xa7E_\xb6(\xe6\xacJ\x9eil\xf9\x8a\xce\xa0\xce\xf0\x8a\xc0!O\x00\x00\xb8\x18\xe5\x1f\x02\xcb~\xb4%\xed\xb2\xa7i\xaa\xfdE\x9fi\x9a\xc2\xf5P6\x8du\xb4{/\xba\xc1\xdf\x13\x1aI\xf7\x10{\xd4\x0fx\xbd\xf2.\xd1\xc0\xe5\xdb\xc6\xec\xbf\xf89\x12\xac"r\xee\xdd\x8cU\xb6\x06\x84\xe2\xd1\x91\xe3\xe3\xc5\xb1\xa7\x01\x87\xd0\xd2x\'\xedg\x04\xd9\xe4\xc9\x95&amp;\xc7\x17\x94N\xd3\xed\xfd@\xe1\xb4VO\xebT\r\x00\x00\xc05\xb2t\xfa\x95\xef\x81\x06\xbb"\x1d\xd6\xba\x90\xde\xab\xa7\xaa\rS\xcd\x1b&lt;\xf5\xf5f\xfd\xe1\x1a\xcd\xe9\xe2\xfe\x99a\x8d\xaavC\xe0F\x1b\xf3N\xe8[d\xb5\xc2\x06\x18\x04\x00\x00\xc0F\xfb!f}\xb0\\\x82\x1b\x8c\xa6G\x00\'\x9f\x86{\xb5\x13\x00w\xe9\xea;\xe7\x04@\x9aw\xb5|3\x18a\xfd~\xf8I\xac\xf7s\xf3\xba\x0f\x16\x8c\x00\x00\xe0Zh\xef\xac\xb1?P\x04\xce9-\x1d\x87\xc5\x9ds\xce}V\xb8?v\xe1Z&gt;g3c;\x87t\xd6Ta\xb9O\xf9\x92C\xcc\x1b\xc1\x1b_\xda\x80\x06L_\xa7\xae\xef\xd8\xc9\xb9_\xc1\x88\x00\x00\x00v\xcex\xa8t\xee\xc1\x8b\x07^\x89\xe8\xc5\x9c\xfb\xd3[;\x17k\xc1\xfa\xb5\x07"\x9a\xdcq\x87\xf8w\x83\x88n\xeb\x004\x11\x19Z\xb8\x9a;B\x11e|\x9a\xee\x08\x917\x88\xdc\xe4\xcc}`\xfa\xd0\x85\xb5\x00\xf7^\x9a\xe8\x99@u\x00\x00\xc0UR\xbb\xe1~\xd7\x96|F\x97\xb7u\t\xf9k\xd6\\7\xb9\xf0v\x82\x95u\x89\xf3\xac\xfd\xf7\xc34\x9b\x01\ri\xbc\x7f\x12;)f\x94\x16\xd0\xccV\x17\xa8\x0e\x00\x00\xe8\xe7*\xc6\xb6\xab0r(\xa7(\xefU\xb9\xfd\x8aL\xbdI\x0e\x9d\xab\x1c\x10\x9a\x9f5\xf4\xbf\xea9a\xa5?\xcf\xe8\x7f\x00\x00\xb8\x1a\n\xaf\x01\xbd\x8a\xad\xd4\xbb\xb3\xe1\xcbG\x1d\x17Z\t\xbe*\xb7_\x91\xa9\xc3\xb9|\x90\xb4\xb5\xd0c#\xb6\xe2+\x8c3\x8c\xe6\xd1\xfcRN\xf6\x11\xb8`Tz\xdd\xcb\xdf\x7f\xad.\xf9\xf5\x16\x14\x00\x00\xee\x02\xe5^\xfa\x94\x0bi\'\xe5T\xeb\x8e\'1\xe3\x96\xe8q\xa9\x92\xf76\x0e\x0b\xd9\x91\xca\xbb\xba\xe8s:\x85\x9f\xf8\x9c\xc9u\x1f\x0c\xabj\xff\xe5\x9e\xf0\x9a]\x01\x00\x00gA\xe8j\x07t\xaf\xe7\x89h\xcfO\xf7\x04`\xe4\x91\xe8\xab\xae\xb5&lt;\x86\xbb\xea\xe2\xb8\xf2\x04\xe0\xae =#\xc1\xc5\xae\xd7\x16\x1b[\xfeE|~\xedOe\x15\xc5\xc2\x9ej\xb9\x04\x00\x00n\x8a\xce\xbe\x15]s-\'\x1a\xcfNb\xc68\xce\xe2\xd8V.z\xf2\x84\xdc/\x9d\xa6e\nG\xc95\xf3LK\xc5C\xa3\xc9\xb3\xf8\xea\xe4\xf4z\xe9D\x1d&amp;\x00\x00\xdc\x14\xdc2\x1b\xde\xde\x03\xfaA\xdbh\xc0\xee\xb4\xc1\xee}\xf7\x13-\xb56\x98!\x1b\x1f\xf7f\xe7(\xe0\xddAX\xc2\xcf7\xeeP/\x00\x00py\xb8)\x81\xd0A\x9f$b\x00g\xe3&lt;\xd1\xe4Uq\xa2(\xfc\x12t~}"\xcf~\xf9\x83vWO\xf7\x16q\xb6\xa2\x94\xb4pc\x83G\x8d\x00\x00\x80\x99\xdd#\x89a\xc1\n:\xf7\x1b\x04\x0b{=$3\x81\xff\xdc\xf1\xac\xed\xdd\x0f\x0c\x9a\xb4&lt;\xd7\x8bk\xb3\xa2\xdb\x80@\xd6\xf8\xa6\xbb\xb9\x08\xcfE\xc8\xdd\x9e\xf1\x02\x00\xc0\xe90\xf5\xc8L\xdf\xfd\x8f[\xbar\x0c\x00\x00$X\x03#C\xb2\xbdc\xac\x81\xc2O\x12\x0e\xeea\xc3v\x18f\xb4\xf0\xbb5\xa38A\xf3\x00\x00\x00\x10q\x92\xc1\xfb&lt;$\x0e\x81\x7f\x80\x1dcky\xed\xdd\xb6\xe0r\xedG4\xe0=Tt\xbe8h\x1c;9\xf0jz\x95\xac?D4\x0f\x00\x00WI2\xf0 \xc0\xd5!\xa2\x1f\x80\x7f\xae\x8a\xd2\xda\xea\x9e\xb5\xb9&lt;M\xc5\xb7\xa4G9\x82\xacF\xdb\xea^&lt;JD\xee\xc7\xd0\x86\x9b\xf0;\x00\x83\x84\r\x91\xd3\xac\x7f\x80\x88\xa1\x0e\x01\x00\x00\xb0\x1f\xa5\x9f\x11@W\x1e\x81\xb1\xed\xea)\x05(\xbb\x1f\xad\xd1\r\x90f\x08\xea\xf5\x01\xf6\xe8r\x9a\xb5\\4\x1c\xdc]\xf5\xd8\xd2]\xcaQ\xc66\xe0\x0c\xe5\xc5\x04\x00\x00\x00:\xb9w\x88\x16rn\xe2\xae\x07\x17\'6\xc1]d\x1e\xd7&amp;8\xe4\xd6\xd9\xb3\x8a\xa9\xa8B\xd5\x9e\xde\x1a\x12i\x05\n\xf7z-\xd8E"\xc2\xbd\x9f\xd6\xb9P\x03U\\\xa4o\t\xabF6\x80\x8c\xb3\xa9if\x90m\x00\x00\x00v\x07k6\x16N\xee\xa5\x93\x9bw\xfb\xa8\xeb\xfa=\x8b\xa3j^q[\xc0\xae\xcb\xb6/Q\xc1\x96\xfer_f%\xa2\'\xed\xfe=\xe9[x\xe2\x8c\x0b\xffm\xad\x17\x9d\x12\x00\x00\x9c\x17\xec\xdb\x02\x8d\xbb\xdd0\xd6G\x83\\)\x12\xd2\xaf/w\x9fj=\xc7\x1f\x8a2&lt;\x9e]\xa7\x83l=\xc0C\x8c\xd2\xaaT\xef\x07\xfa\xb4q\xb4Ou\xe6Z\xf8i"\xf7\x11u\x93X\x00\x00\x00\x070\xf7\xcb\xff\xf1\xd2f\\17\x1fj\xb4\x16\xf0\xea\xdd\xb2F-\x9f\xef\xcaK\xa1\xe21}6\xcb\xd7\x8cl3\x8d!Z\\"\xfb\x97\x8c\xaf\xe0\xeb\xaa\x98\x00\x1c\x886\x81\\n\x11\xc5\x8d-\xba\x7f\x8c\x95\x00\x00\x006,\xc3\xe4\xe1\x1d\xf4\x1b\x1d\xabn\x00W7\x86\x1de\xf0\x95\xb9\xc5\x84&lt;\x01\xb0-\xa5o\x89\x07\x1bVI\x1c\x92\r5\xe6!\xe4\xdc\xa7\x8f\x14x8\xff\xe3\xd2\xb5\xe3\xb9x;)blBRc;\x7f\x01\x01\x00\xe0\xd6\xd8e\xec\x07\xe02\xfc\xe0\xa5\r\x88\xce\x0b]\x03\xdb\xba\xec\x1d?\xe8uZ\xae\xa5\x7f\xb6\x1b\x89\t\x00\x00\x00\\\x9a,\xfa?\xe7`sB\x93\xdc\x95}\x05\xf0\xba\xa2\xd2F\x82vr\xaa\xc2Z\xdf\xa0r&lt;a\xdc\x7fN\x0bOO\xef;XG\xd9a\xd36\xa6)vJ\xc8\xb3\xa3\xed\x01\x00\xc0E9\xebn@\xb7I\xbb\x84\x83\xe7\xf4\x95\xc4uY{\x8b\x90\xff\xf7\xa4\x15qN\xab\xaay\xfca\x9a:wNv{$w\xab\xc7y\x11\xc1\xefq\xddH\x83\x01\x00\x00p.\x86\x8d.\xc3\x07\xdaC\xcfM\x99\xde\xe7x\xaa\x05\xef\x93\xd3\xe9\xa8\xe7\x86\x07\x99\xeb\xf4\xee\x7f\xcc\xe6\xc6\xf6y\xf6xr\x87w,\xed\x16\x0e*\xdaa\xdb8\xbe\xb0\x14&gt;\x02e\x0f`\xe9\x01\x00\x00*\x18\xffC`\xe1Xu\xc9\x1e\xb9K\xf53\x1b\xf2\x0c\xffi\x9aY\xda1?w3\x8f\xb7\xba\xaa\xf9\xf7\x880\xca\xda\xe8\xac\xb5\xbf\xea\x05\xd8\x04\xf9\x87nr\xd34\xf6g\xf5\x88\xc8=3?M\xe1Zb\xdc\xb36\x9e\x1e\x87\xe5\x01\xfa4M\xdd\r`\x13\x1e\xc8lb\x9a\\\x1c\xbe\xb7\x8bYm8\xa4S\xfa\xb5\xf0\x0fJ\xfe\x1b\x83}G\x00\x00\x18Fs\x87j\xc8H\xeey\xd7\xd4[\'%"\xa2\xef\xf2\xdb\xd3\xfb+\xdf_\xc5\xaa\xc9V\xe3\x18i3\xf6p\xc8\xd3\\\xed\xc1\x0f\xda\x0e\xff\x84W\x9ds\xee\x81\xa9\x9c\x8bT\xe2-\x1e\x0f\x0b\x17\xa9\xf7:f3Hr\xda_\x9d\xb6:V\xc3(G\xcfr\xce\xe2\x00\x00\xc0\x95\xd1\xd9\x99\xdeR_,\xc4\xfa\'\xf0\xcf\x85\xc2\xb8\xe3\x95\xdeM\xea]m\x9c0\x94C\xa5K\x87S[\xe0{\xe6\xd8\xce\x18\x9e\x9e\x11qz9\xae\x14-{\x0e[\xdc\xdf\x96\xb12\x17\x00\x00\x80\xe1\\\xb4/&gt;\xfdx&lt;\xeeT\xeeQ\xb9\xe6\xac\xce\xbd\xbb=\xfb\xb9\xab\xa0\x96\xcb\x97\xa5\xca\x9f\xc5\xe5R\x9b\x84/\xb1k\xdc\x8f\xd3?\xce\xee6\xa2\xcf\xd1~~\\\xc36\xa9_\xfeoSy\x03\xb5\x00\x00\x00g\xa0\xa73\xbdlG|\x81\xf1\xf8Z\xc6\x1e"r\xee5\xf5$R\xc64DP\x8b|-\x0e\xb9\x12j\xa2\xa2\xb0\x9a\xb2\xa8\xceX/\\88\xbeB\x85\x80\x8f\x9c\xfb\x99\xe1\xba\xf6\xa3"t\xeez(v\xfcnU\xc3&gt;\x86q\x1aY+\xb3\xaft?z\x1b\x931\x00\x00\xb8\x00Cz\xcf\x9eU\x1c0\x90d@%q\xeb?\xca\xe2&gt;\x95K\x10\x87\x08\x86\xa1\xfa\xe5\xeb\xed\xbd\x0e\xae(\xc2h\x8e\xa8\xf2\x8c\x8d\x0f\xb5\xae\x9d6\xaa%\x9f\x87\xab6\xde9W\xddN|\x95\x9d\xb1\xe0\xd7\xdd\x96\x00\x00\xe0r\xf8\x03\xb8\'8\xe6\x0ezIC\xf6b\xbd\xac3\x04C\xb2\xae\x04W\xdc&lt;vZ\x82\x1d.s,A\xfb\x19i\xea\x0b\xc9w8\xe0j0\xb4\x84}+T\xed\xca\xae\x7fJ\t\x00\x00;\xc3\xbe\x06\xf4\x88\xf7N\xee\xc7Na\xcaE\x181\x86M\x89(\xd3+\xfc&amp;\xc74\x83*c^\x93\xdfCp\xbf\xe4g#\x15\xc2.K^\x0b\xc7\xbc\x9bu\'\x92m\x9c\xda\xec\x03\xdfq9so{\xdd\xed\xbe%V\x0f\x00\x00 \x00IDAT\x19\x83\xb6?\x1em\xd2\t\xcb\x18c2o}\xeb1\xdf\x12.\x1a~S`\xd5\xc9]\r\x00\x00\x17\xe5\x90\xae\xfa\xf8\x8exO\x8dW8\xc1\xa8X\x12\xcbO~s[\x07\xba\xb4\xa2:\xed\xee\xe9"\xa4C\xed90tjx\xd7J1\xc9\xa8\xc5\xd7*\tG&lt;\x8c\xa3\xeae\xe7\xfa\xed\x14\xce\xbe1\x96\x94\x04\xbc\x94K/\xc0/\x06\x9c\xae\'\x01\x00\x80\xbb\xc4\xcd\xac\xc7\xef\xc2\xa5GJ\x81\xe8\x9b\xbe\xec\xd9\xa1\x9e\t\x80\xd2\x1e\xe4\x8cw\xa6\t\xbd\xf8\xf5M\xc8\x95\xb6Qh\xde/:f\xb6\xd0,\xc4x..\xc9RJ\xf2\x17}\xd9\x1b\x13\xf7\xc2\xfa!~T+\xec\x19h\xf9\xb7\x8a\x15$\xf5$\x17\x9f\x81\x00\x00\x00\xe8\xe7\xc2+I\xaeq8\x89\xd3\x07oe\x19a\xd7q\x04\xf1\x7f]\xe0\xa2d\xd1\x87m%\x17f\x92\x07r\xd0\x1aj\x7f\xa0\xd6\x17\xed\xb5LS\xb3d\xed\x9c)N\xe5\x9f\xaf\xc8\xc2\xc7\xeb\xee\xf2b\xe2M\x03\x00\x00\x00\xb7\xcbS/m\xc0\xbe\xdc\xd2\x92RUY\x1a\xa2\x7f\xd7=m\xc8s\x85\xd7o\xa6"F3\xa8\x89\x06\x93\xde=\x9a\xfdifq\xe5-,\xae\xec#-?U\xafb\xae\xee\xc2\x8a{*\xe4\x88\xc9\xc0Y|\x08\x00\x00w\x8a[\xe8|\x8b\xc3^\xf3P}\x9e\x01&gt;D\xb3\x8a\xfb\x0e\x80"\x87\x155z\xda@\tUbo\x95,\x92\xb6{f\xdf\xe9\xdf\x912Kr.\xd6T,\xc54:\xe1\xb0)\x13\x95\xf6|\xf4\xe7}7\xbb4\x8a6\x03\x00\x00\xc8\xd9\xde\x02\xd4\xd1}\'/\x82\xb8\xca\xbeX{\xad\t\x91s\xeeY\x83\x14\x9d$x\xd5\xdec\x93\xde\x9a\xb2+eQ\xd3\xf4\x1f\xdb\x0cc\t}6M\xef4\xbf1\xc6\x90\xe7\x14\xae\xde\x89\xa5!EE\x9c\xcc\xaf\'\xaa{\x8d\xcf4=\xa5*}IZ\xc3K\x94\xc4\xf8\xb2$\xec\xd4\xefk\xb2y\xe2\xef\xb9#O\x0e\x96\x1ev\xe1yo\xaa\xd5\x11L\xd3\xdaA\x119\xf7\xef.b\x03\x00\x00\\1G-\xc8\xddu\x86/\xa6\x0e\x94vq,;\x00\x97\xb1\xec\x8c\x0c\x98\xe1\x94\xfdy\x8b&gt;\x8fJ\xf4\x9a{\x17\xf0\xba\xbc7\xec)Sw-(\xf87L\xaf$\x06\x00\x00pY\xae6\x1a\xa8\xd9m\xbf\x1a\xc6\xc6\xc45\xa2v\xf1\x92R\x9c`\x020^\xf5s\xae\xaa\xd2=\x03j\xdf\x94}d\x03\xbb\xec\x81\x8d|\x1a)8\xf0*\xdb\xc3\x08\xa4\t@\xb5C6W\x7fZ{\xc7\x1b\xd6\xd7\xcfb\t\x00\x00\x00\xce\xc05t\xc4\xf9\nS\xc1\xe6\xb7:h\x80\x19\xa6e`@|\xee\xc1u\xc7\x1d\x80K\x17\xbc\xa7\x06/}\xfay\xd07\xbc\xaf\x15f.\xd1V\xb4\xfd\x8f\xabu\xf8\xbc\xad\xca\x94\xea\xae\x92\xb6Ix\xb1U\xda\x0eo|\x02\x00\x000\x9a\x0b~3L\x98\x00({\xcd\x87E\'\'\x8c\x81:\xcb^\x99w\xd4\x97\x83\x07p\xf1\xba \xa2\xbf\xb2\x8b\r\xbb\x97Kw]r\xf7\xe2~\xde\x07r\xc2/\xe5\xed\xa6\x8e\xbb:^\xf5\x8e\xcb\n\xf5\xd6RBm\xeeV\xbd\x00\x00\x00\x9a\x19\xd3\xe7&gt;\xdd\x8b3\xabm_\xb5*\xa6\xaa\x15\x9bk\xe9\x94\xb0\x07GD0M/\x05rv\xdb\x1a\xed/\xe7\xda\xc53\x9b\xccR\x18\xdd\xf1\xfa\xa9\xd5\xf2\xbd\x8el\xed!\xf6$\xeaj\xb8\xfc\x1c\xf2\xb2\x06\x84|\xc6\xbaN\xdf\xb1%\x12\x91\x86\xff\xad\x85=\x95\x97\x00\x00\xe0\xae\xb2s_\xdc\x166\x11\x91s\x0f(%9r\xc1\xefP:J\xb4\x87+\xfee\xb5\x11\xd7Y#z\x9c\xd4\xdc\xd2\xc2\\\xd7\xe5\x99\xd6\xc0\xf1\x06\x1fI#\xa3\n\xfe\xed\x83\xbe\xfe;v\xbf.\x8b\xfe\xefh-\x03\x00\x00(\xd36N\xd8G\xac\x9b\x9c\x004s\x1eW\xc4\xcb\xde#\x05\x8f\x16hVL\xe4\xdc\x9373N\xe3\xea\x1d\xb9\xf4\xb7\x84;\x04\xdcg\x98)\x97 /\xbb\xec\x8d\xc6)+\x119\xf7I\xd5fE\xbb\nu\x191a\x00\x00\x80\x933\xb6\x9b\xae8\x9d|"\xae\xf0L\x85=f:\x9b\xdb\xeb\xa3\xbd\x0b\x04\x13gs\x1aK\xe7\xc1\x8c\xfd\xcbX1\xb1o\xc8\x15f\xbf\xde\x88\x93\xad\x08\xa9v\xda\xab\xac\xfd[\xbc\xfa\xae\x02w\xfd\x9a\xab\x03\x00\x00\xae\x9d\xcf\xb6\x0c!\x87/\xa8\x9fbH\xe0\x8a|\x98a\xc3\xf6\xe8\xc7n\xf7\x1f\xc9\x95\x9a\xbd\x13fW\xccN\xfbu\xe6\xaa\x14\xdb\xa9q\xd8U\x07\xcd\x19A)\xfe\xf1\x90/\x0b}C\xa7\x90J\x85\xe4\xdc\xe7f6\x1cg\x80v\xaf\xd4\xcf\x94L\xc5\xc3\x0e\x00\x00c\xe8=-\xd3\xd7\x9b\x83v\x8c\x81\xaf}]\x7f\xffHz\xaf\xef\xb0\x0e4\xfb\x9d\x86\x89\xba@\xcb\xafrE\xb5\xd3\xca/\x0b\xc2\xc3\xcep\xd4\x04\x95BN]\x17\xb2C\xbe!\xbe\xc5\x17\x04c\n\x00\x00\xf4\x93\xf7\xb0\'\n\xd9/&lt;\x8c=\xe9r\xaa-\\\xeb\x82\xfdP\xc2\x88g\x98\xc4\xf9\xbf#$]\xdfl*R\x80\x066\x82\xc3\xc2q\xeax\xb1\xc1\xe1\x15mZ3\x92\x96\x9cv\xb1\x08\x00\x00\xee\x18Kg\xea{\xd5\x93t\xaf\xcdf\x9c}\xf5k\x1c\'\xa9\xa9K1WtC\xb8\xf3n\xa6\x95\xec\xf3O\x00\xda\xa9\xda\x14\xba#O\xd3\x1dA\xaa\xd0\xd1\x93=\xfeK\x08D\xe4\x9e^\xd0b\x18\x89\xd0 \x01\x00\xa0\x1e}\x008S\xc8r\x1eK\xba8\x99Wo\x8d&gt;\xf7\x92\xfb/L\xa4\xe2Fl\x02\xa8\x86\x9d%\xaa\xb6\xb9\xee\x14\xa6\x82!p\xcd\x92\xfc\x8d\x81zr\xa5\xb6!\xe6\xdb\x8bO\x1f\xbaS\x00\x00hA\xe9=o7T=K\xbc\x05N\x05\xdb\xe0\x0f|\x04\x0c\x8av6\xc68\x01 \xa2w\xbcT\xcfp\x9b=\xd2\x05\x19\xdb\xe0MCF6\x01P\xb3\xcc\t\xf0\xbd2\x00\x008\x94\xf6\x97\xbb]\x16\xd9f\xd3\xb2\xd35\x16Y\xe3v\xe7r\xc3\xb8\xc4\x96W\xa8\xeb\x8a*\xe8Wo\xb19\x91s/\xb5,{_\xb8h\xa3\x8e\x9c]\x00c\xc3\xa0\x0cK\x8e\x1e\x8d\x00\x00\x00NM\xb1+\x1f\xd2\xd7Kc\x06\xd1\xc8\x1f\xba?\x14\x83\xdfz]w\xd3\x03\xed%\xa2\xffH{U\xccw\xe9\x8a "z\x91k|LJ\x18\xa2\xff\xae\xd5\xf1\x8e\xbc7E\xc5\xf2\x7f\x90I\x115\xd06\x00\x00\xb8\x11\xde\xf5\x12\xdf\xe5\x1d\xafk\xe9\xe5_\x7f\xb0\xd8\x9b\xc14\x8e\xf6\xee\xec\xdf\xf6@{\xd1\x02\x86\x0f\xe9j\xc3\xa9\x8f\xe3\xd3UmY\xec\xc3\x8f\\n\xaf\xe0`\xbd\xe3\x1f\x8d\xb1\xd2\x1e4T\x1a\x00\x00\x80V\x86G\x06\x95\xcbE?8V;\xb8U\x0e\x0ca\x7f\xd1\x92(\x9c\x84\x9cl\xc6\x95[\xa2\x9aGwr\x86\xa0U\xd9PW\x1c\xb2SZTq\xb2&amp;\n\x00\x00\xc0\xb9\xcbn7\xef1*\x04\xe7s\xcaI\x87k\x07\xa0\x8f\xf4-(b\xbau\x96{\xee\xe8\x8a\x94M\xa7\x9a\xb3\xdd&amp;]\x169\xc1\xea\xc0\xc5\x9c\xa6\x14\xb9\xc3\x1b\xd6\x8cU\xf2{k\'\xac\xe2K\xb4\xd2\xd0\xf8\x13?&amp;\x00\x00p&gt;\xf6\x0b/.\xde\x1d\x9f;r\xba8Gy\x06U\xd0A\xa9\r\x93Ot\x94E5\xbc\xf0rVU\x9f,\xdf\x15Jh\x16Q\x99\xb2}\xa6\xd10\x8b(e\x11gDE;K\xf3\xe4\xcd\x06]\x0e\x00\x00\x80\x8d\x83\xfbMt\xd3\xd7\x0e\xaa\xaf\x93\xa1\x0ed\xbf\xd8\x835\xd1\x99\xd6 x\x9f}\xcb\xd1\xfb!*\x0f\xeeRQo\xe4\xbe\xe5\x92\x85\'z\xefrk\x07\x00\x80\x0c\xbd_\x1e\xd1kWJ\xd8y\x01\xec\xb2\xd0z\xe8\xf9*\xacm\xe2~}\xd9o\xd5-\x17\xe07\xb8o\xf6\xcf\x9fi=)w\xbb\xedpax\x01\xbd\xeb\xf2\xf3Z\xcd\xba\xa2\xe8\xff\xec5B\xafZ\xbfs\xd2\xbc\xadaL\xc6\xa6&lt;nB\x05\x00\x00W\xc9\xe9\xc6\x1e\x92\xff,\x1c&amp;\x1e\xa1\xee\x08:\x87\xa5qCZ\xd7\x0b\x7f:\xb2\x9e\xa1\x99\xdd\x05\xd2\xb5\xcf\xb5\xe1\x11\x11\xbd\x92\xed\xa99"~\xda7J\xdb\xebM\x03D\xe4\xdc\x87$\xd7[\x8d\teFW\x9d{dA\xce\x8d&gt;M5M\xc2\x7f\x95|\xd8\x94\x0c\x00\x00\xee\x14\xc7\xf4\x95uc$\xc50\xa9\xb5\xbb\xa7\xed\xfd\x07\x8eL\x9c\x9c\xe3\x87\xbd\x9a\xb1\x16\x03\xf3(\x14O\xb2\xb7\x8aO\x93 d\xdf\x00}X{8\xa4]I&gt;\xecT\xcd\n\xdc\xdf\xf9-\x9c\xcd\x9e\x19\xae\x15=\xe62\xa6\x00\x00\xc0M\xf3\xc1n\xc4H \xc5\xf4\xc9\x9fR\xc8\xa2\x044\xf6(\xa7\x05\x84\xb0\xf5x\x8f\x91z\x84\x80\x88\x9c{\xea\x1e\xfaw\x10\xb9g\x1b+\xe9v\xebq\x14\xfe\xfe\xcb\xf0\x86\x15\'\x00&gt;\xeet\xce}\x1dw\x88\xa8\xc2DS.\x93\x0f\xd7\x04\xda\n:\x97`\xcf\xaa\xc9\x9b\xb1\xad\xbc\x820\xbe\x07s\xa3\x03\xee\x9d:\xedc\xf9\xee\xdc]\x9f\x1aU\x079\xf71\xc7\x9b\x05\x00\x00\xc0\x8a0\x96\x8c\x19`\xc2P\xe6$\x1c\x15/\x1e\xa2\xe2\xf2q\xc0\xe5\xb9\xdc\x04\xa0\x8f\xbf*\xce\x96\x07\xce\x9c\x8d\xa2F&lt;\xa4\x92\x96\xfeR\x98C\xf0\x8a\x1d\x15\x9b\xe2-qm)\x0en\x90\xad\xd3\x9ey\xfa\xda\xd0\xd2\xee\x7f\xc1\x897\x00\x00\xdc\x02\x93-\x19\t)\xa5\xeb\xdd\x10\xb9i\x1f\xc9\x8a\xc6\xb9&lt;;\xeb\x9d\x07\xad\xbd\xb5\xec\xad\xda\x0f\xbd\x17)\xc8\xa9 \xa2\x1bp\x02\x1bK\xf5\x97kir\xce\xed\xf78\xcf\xfe\x97\xdav_\xedD^Q\xe4\xac\xda\x9d\xa1?\xac\xe83C\xf5U\xa58a\x9b\x1cn\x92oZ\x9460ZG\x8fsy\x00\x00\x00N\xc5=[\xb2\xbc\'\xa5dt\xd4\x8e"4p\xfc\xe85M\xb3\xd2\xa3V\x95\x0e[\xbb\xea:\xc2!1M\xd3\xd4\xed\xaekX\xc3;\xb9y\xbb0\xd7\xed\xc0p\xed\x89\xa3\x04\x89\xec4\xa9\xf6\xcd\\\xd5\xbd\xb5a\x8b\x01\x15F\x96\xb4_\xbaq~\x00\x7f\xc0\xec\xa5\xf9\xc9\xe4\x96d\xa0\t~\x7f$\xebI\x10\xfd\x03\x00\xc0n\x9c&gt;zk\x82+\xd4\x1b\x8c\x0cU/\xe8\xb4\xc1\xaa\x93\x08\xbe\xd6E\x03\x8f\x9a\xec\xc5\x99m\xb3\xe1O\xd7\xe8\xc7l\x82\xba\xe0\xbff\x13_{\x86\xa5-Q\x80\x9en\xfe\x8f"C\xca\xe9z\x8f\x0f\r8\r\x7f\xa9s\x86\x9f\xc2}!\x8a\xfd&lt;\x06"\xe7~#\x94\x9f\xabP\xab\x9b_\x89\xe8\xea\x01("\xb9\xd3(\x13\x00\x00@+\'?\xae\xca\xf3\xc4y\xc00|#\xf9\xd2\x8c\xfdv\xc4H\x1a\x04^$r:\x86\xe3\x8b&amp;\xf9\xbfs\xa2%\x85z\x96\\\x16\xd5\xb3\xa3&gt;Cz\xf4\xe4B\xcd\xff\xbd\xec$M+\xa0b\x98~\xf6]\xf5\x1bI\xdf\xd3\x88\xaf\xec\xd9k\x89\xe6U\xb7\xb49\xf1\x96\xbeq\x05\x81\x88\x9c\xfb\xbd\xe4f\x95(\x00\x00\xb8s\x8c\x1a\'\x8c\x83\xfd~\x06\xc8\xe2\x8d\xf2\xc9\xb9/b\xf3\x8f1\xe2\\\xb3\x08\xc7\xbc\xc0d\x17%\xbe\xe0\x15\xba\xce\xe8\xaez:\xc3nI`\xc3\xddnK\xaa\x9bJ\x16\xfd\x9b\xb6\x0bZ\xcd\xbb$z\xa4\xae\\\xd7\xcb\xfb\xe5\xa5\x13\x95\xac\x90\xc8\xdbov\x01\x7fR\x1a\xd0\x97s\xf4\xf4B\xb5\r\xfbJ\xdb\x18\x00\x00\xec\xc2\xd8\t\xc0\xfc\x9f\xcf9S?;,\x08\xeb\x88\x98\x9bgG\x07R\xbb\x92j+\xce\xfd\xcaqL\x8d\xd26.\xe3\xf3\xfa`\xc8&amp;P\xb8\xb5\xccu\xb9\x88\xb0\xa7\xed5\xe7\xeaPz\xe6\xc7$E,\xe3\xeb]\xe6y\xbf\x88\xeb\x929\xdea6T{\xf8z\xda\x15\x00\x00\xec\xce\xae\x9d\xf5\x1eC`\x83\xc0q6\\\xfb\x04@\xd1^k\x9bP\x1cFH\xcb\xa2\xf5e\xf8\xa7\x87\x1e\xda\t\xc</t>
        </is>
      </c>
      <c r="E569" t="inlineStr">
        <is>
          <t>&lt;class 'numpy.ndarray'&gt;</t>
        </is>
      </c>
    </row>
    <row r="570">
      <c r="A570" s="1" t="n">
        <v>568</v>
      </c>
      <c r="B570" t="inlineStr">
        <is>
          <t>steps_per_sec</t>
        </is>
      </c>
      <c r="C570" t="n">
        <v>6400</v>
      </c>
      <c r="D570" t="inlineStr">
        <is>
          <t>3.0232131</t>
        </is>
      </c>
      <c r="E570" t="inlineStr">
        <is>
          <t>&lt;class 'numpy.ndarray'&gt;</t>
        </is>
      </c>
    </row>
    <row r="571">
      <c r="A571" s="1" t="n">
        <v>569</v>
      </c>
      <c r="B571" t="inlineStr">
        <is>
          <t>Loss/RPNLoss/localization_loss</t>
        </is>
      </c>
      <c r="C571" t="n">
        <v>6400</v>
      </c>
      <c r="D571" t="inlineStr">
        <is>
          <t>0.35857937</t>
        </is>
      </c>
      <c r="E571" t="inlineStr">
        <is>
          <t>&lt;class 'numpy.ndarray'&gt;</t>
        </is>
      </c>
    </row>
    <row r="572">
      <c r="A572" s="1" t="n">
        <v>570</v>
      </c>
      <c r="B572" t="inlineStr">
        <is>
          <t>Loss/RPNLoss/objectness_loss</t>
        </is>
      </c>
      <c r="C572" t="n">
        <v>6400</v>
      </c>
      <c r="D572" t="inlineStr">
        <is>
          <t>0.029317297</t>
        </is>
      </c>
      <c r="E572" t="inlineStr">
        <is>
          <t>&lt;class 'numpy.ndarray'&gt;</t>
        </is>
      </c>
    </row>
    <row r="573">
      <c r="A573" s="1" t="n">
        <v>571</v>
      </c>
      <c r="B573" t="inlineStr">
        <is>
          <t>Loss/BoxClassifierLoss/localization_loss</t>
        </is>
      </c>
      <c r="C573" t="n">
        <v>6400</v>
      </c>
      <c r="D573" t="inlineStr">
        <is>
          <t>0.2246502</t>
        </is>
      </c>
      <c r="E573" t="inlineStr">
        <is>
          <t>&lt;class 'numpy.ndarray'&gt;</t>
        </is>
      </c>
    </row>
    <row r="574">
      <c r="A574" s="1" t="n">
        <v>572</v>
      </c>
      <c r="B574" t="inlineStr">
        <is>
          <t>Loss/BoxClassifierLoss/classification_loss</t>
        </is>
      </c>
      <c r="C574" t="n">
        <v>6400</v>
      </c>
      <c r="D574" t="inlineStr">
        <is>
          <t>0.041158885</t>
        </is>
      </c>
      <c r="E574" t="inlineStr">
        <is>
          <t>&lt;class 'numpy.ndarray'&gt;</t>
        </is>
      </c>
    </row>
    <row r="575">
      <c r="A575" s="1" t="n">
        <v>573</v>
      </c>
      <c r="B575" t="inlineStr">
        <is>
          <t>Loss/regularization_loss</t>
        </is>
      </c>
      <c r="C575" t="n">
        <v>6400</v>
      </c>
      <c r="D575" t="inlineStr">
        <is>
          <t>0.0</t>
        </is>
      </c>
      <c r="E575" t="inlineStr">
        <is>
          <t>&lt;class 'numpy.ndarray'&gt;</t>
        </is>
      </c>
    </row>
    <row r="576">
      <c r="A576" s="1" t="n">
        <v>574</v>
      </c>
      <c r="B576" t="inlineStr">
        <is>
          <t>Loss/total_loss</t>
        </is>
      </c>
      <c r="C576" t="n">
        <v>6400</v>
      </c>
      <c r="D576" t="inlineStr">
        <is>
          <t>0.6537057</t>
        </is>
      </c>
      <c r="E576" t="inlineStr">
        <is>
          <t>&lt;class 'numpy.ndarray'&gt;</t>
        </is>
      </c>
    </row>
    <row r="577">
      <c r="A577" s="1" t="n">
        <v>575</v>
      </c>
      <c r="B577" t="inlineStr">
        <is>
          <t>learning_rate</t>
        </is>
      </c>
      <c r="C577" t="n">
        <v>6400</v>
      </c>
      <c r="D577" t="inlineStr">
        <is>
          <t>0.039801374</t>
        </is>
      </c>
      <c r="E577" t="inlineStr">
        <is>
          <t>&lt;class 'numpy.ndarray'&gt;</t>
        </is>
      </c>
    </row>
    <row r="578">
      <c r="A578" s="1" t="n">
        <v>576</v>
      </c>
      <c r="B578" t="inlineStr">
        <is>
          <t>train_input_images</t>
        </is>
      </c>
      <c r="C578" t="n">
        <v>6400</v>
      </c>
      <c r="D578" t="inlineStr">
        <is>
          <t>[b'1024' b'1024'
 b'\x89PNG\r\n\x1a\n\x00\x00\x00\rIHDR\x00\x00\x04\x00\x00\x00\x04\x00\x08\x02\x00\x00\x00\xf0\x7f\xbc\xd4\x00\x00 \x00IDATx\x9c\xec\xbdy\xfc\x7f_5\xe8\xbf^)\x92\x90n\x99*\x92\xe2\xa6\x90!\x84&amp;RH\xba\xa9\xc8p\x11\x99"r\xcd\x84\x8cQ\xe9V(\xae\xb1$SH\xbaRDR\xa6n.\xbfd\xca\x90\xe1\x96!\x19R!\xb5~\x7f\xbc^\xe7\x9c=\xac\xb5\xf6Z{8\xe7\xbc^\xef\xf5||\xfb\xf4~\x9f\xb3\xf7Zk\xaf\xbd\xf7\xdak\xefs^\xaf7\x80\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b3\x1d\x07\xe6:"fE\x0f@]\\$\x10u\x88bK\xa9\xb0.\xa3\xf1X\x00\x13;\x05E\x1af\xbd\x9c\x9c\xc8\xb0\xa9P\xd8\xfc\xc3\x01L&amp;\xe5^:\x1c\x00\x100\x13\x85\x88\x87@\xc7|\xf9T\x06\x11N\xe5q*\xcf\x98\xcdX\x95\x96\xb9\x03\xe2\xaf,\xad#\x1b\x1e\xd4\x8dL\r&lt;s u\x9dJ\x07\xb5\xa6\xb6s\xa3\x8e\xb7\x9b\xe2\xb0\xfc_I` \x96\xd3&gt;\xeb\xcc;\xb7\x1f\x7f\x0cx\x0b(6?\xb0\xe7\x00P*\x9f\xce\x8e\xfd\xa3nZY\xd2\x98\xb6\x9f\xc4\x06CbG\x1eF\xc4\x91CT\xd4\x0b\xed]V\xaf\x1d\xc6\xce\xcd\xcd@\xc4\xb1\x03\x0cq\xab^\xcb\xcc\x80\xcb\xeb&gt;\xc79_\xae\xc1\\O\x03\xc6\xe1p(&amp;e\xc2\xccFD\xc0#\x8b\xc0\xb8\x04\xa1u\xce0%\xa5o\x9a\xda\xa9\xb0\xea\xab\x00\x10\x80\x0e\xbby\xcb\'\xb1K\xf1\xc8\x15\x88s:NH\x9b2\xf7@\xde{\x9c\x04\xfd\xe2\xa9\xf6\xc9/\x93PJ\xdca\xb9\x85pJPr\x9dy\xba\xcf\x995\xf3\xdc\xc3\xe1071\xde\xd2\xd0\xad!\x94E\xfd\x9aX\x14\xd5Ro\xdb\x94\xcb\xd5\xe1X2)\xcck9\xa4m\xccn\x1e\x0e\x7fF\xecr\xfb\xf1.\x08D7Qh\x8d0Z\x8bY\x05i\xf4\x9a,\xd1s\xea\x84\x0e\x99@\xffd"\x89Q\xea\xccl\xe0\xa0I8\xc6"\xf8\xf1\xf54\x86\xba7P\n\x10\xb8\xf7\x02\xd3\xc7\xc1\xdbK\xc4\xe6#\xb3&gt;\x10\xb1\xdaq\x9c\x8d\x11BC\x94\xb3#\xce\xbfb\xf0s\xc8\xcfcFX8\xb9\x9eh\t.\x86W\x1e\xc8\x9aE\x8b\x8dn\x1f\xa3\xdf\x8d\x922\x91\xf1\x82aG\xbe28n\x8fK&gt;A0d\x96\xf6\x91\x00/Z\x84=\x88*\x13(M\xdb\xa2n\xf8\xa9\xca\x0f$\xb5\x9eH\x99\xa4\x81l\x8b\xcd\x98\xb4\xd6#\x8f\xbf\xeaS\xdbH\x88\xb2\x15\xc1-\xfd\x9a7\xa2$/B\xdd\x05\x00\x00\xf0\xa5\ni&amp;\xfb\xad\x1b\x80\x11\xe8\xc7\xe1\xfa`&gt;\x84\x14\xd6n\xd2\x1c\x83\xd2\x1e\x0e\xb7\xcd\xdf\x8e\x88\xb3~\x97\x03i7\xc3\xdb\x18\xf6\x1d\xc7\xb9J\xe8\xa3C\x12J\x10\x11\xe0\xd3\xe3;\x88K:{Z*\xb2\xbc\r\x01\x00\xee\xb3\xfcL&amp;vr\xd8\xa23\xcd\xa5|\xaa\x91\xb0\x01\xa3\xa3\xd0\xc4\xfe\xdc\xb6c\xb1\xbf\x11\x14\x07\x92\xf3\xe6\x08\x96\xe7\x0b\x18i\xbc\xa2\xe9\'\xe3\x8b\xae\xd2\xf4uR\xf7\xfa\xf4\xc2\x1f\xe9\x8d\xe53\xba\x10\x01\x9e\xc9k\xbc\x01\xa9 \xd7(\x9b-\xde\xa5*\x14ev^&gt;\xf5\x1b\x80r\xbeE\x0e\xa1~TK\xfeo\x85\xba\xe7\x91\x91\xe87\x00\xabc\x9f\xcb}6{[\xb8\xc2\x1e\xbb\x0c\x92\xbb\xcb\x1c\'v\x16\xce\xad\x1db\xe1&gt;\xca;\xc9q\x1cg\x07\x88\xa1\xe4\xf6\xc5\x92R2\xca\xe7\xf7\xe1\x19&lt;UQ\xb6\x8a\xd5J\x9f\xa3\x13\x06\x1cK\xde\xb5\x90\xd4\xc6?\xdf\x8cW*49y\xd0\x01\xf4\xadr\xdb\x96\xc2\x8f\x94lH\x96\xe7\xdcB\xd4\xad\x04L[\xb3\r\x06""\xbe }\xa8\x02\x93\x93#a\xf0\x91\xf9\xfed.\x89pP&amp;(#\xceb9\xc3\xa6\xdb\xf1\xd0j\\\x05\x95]\x10nD\xe5b\xfdVe_\xdd\xcf\x0b[\x7f\x11\xf3\xf7L\x98\xe3\xcf\xc7w\xb7\xff\x0c\x1d\x92\x05\xffr\xe1\xad\xa7\xb6v\xddq\x1cgM\x0e\xc7\x99I}J\x95\xfeDi\xf81\xac\x8aY}\x12{=\xc4\x7f\x0c~\r$\x1d\xe5\x9ft\x01\xfd\xd6)\xa97\xfa|\x18c\xd9\xb1Hr/n\xe9\x8d\x11\xff*\x94\x99\x14\xfe~\x80O?\x1c\xf4\rO&gt;\xe8|\xfc\x07\x89[\xb2\xe1\xb4\xdb\x83\x0fI/\x05Ii\xd1\'\x98\xa1\xfc.\xaf\xdc@\xc1\xd5\xe9\x07\t29\xe7\xf91&gt;\x8c&gt;\xc9\x80M/C\xa3\xe13\x7f\xa8\xf0\x95\xa6\x8cs\x15I"\xb9e\xe0\xed\x8b0\x8c\x9ci\x132Z\xc3\xc8&amp;\xd4\x0e!\x8fQ\x8e\xb3G\xe6\x0f\x01\x87\x11\xf6Y\xc7+\xc9\xe1A\xfe\x81\xb8\x7f,Igc\xc5?\xa5\x9f\xb4\x85\xd3G:\x0f\xd1W\xdc\x04\xa1_8\xc6\x08*.F\x87\xaa\x97\x9f\xa5\xcf!\x1d\xe5\xffUx\xe9\xa72\x85\x9f~\x00\x80?`$D\xdc\xf9dUxTs\x008(\xb7\x0e\x87\xc7\x04?\xcf\xff\x1c\x7f=\x1c\xff;D\xf7\xe32s\xc9#a\x1e^q\x143i\\.,\xa7\x89\x99\x9f\x83s)\x8c\x85\x9c\xef\xda}\x88~\x16\x9bq\xa3\xd2\xb1\\\xd1\x07\x7f\xb1T\xd7\xf8\xeb\\}J\xf1S[\x1b@\x10\x9f\xb3\x9e\xf1A\xe6\x19O\xbf\xc3\x17\xae\xa9n\xe9n\xf5#S\x05\xefv\\\xc2\xde\x0e\xc3c\xa0\xb1\xc3\xe9\xf1\xbd\xcf\xddk\x87\xd0\xb9\x0e&lt;\xc7\xb9x\x88\x977\x10\xf1C\xd9\x87\x8cQ"\x1e\xbe\x1c\x12\x94\'^\xad9\x96\x86 \xa1\x8f$G\x8f\xa7q.\x8fi\xf9\xf4%\x9f\xef\x0c\x84&lt;\x95\xb0\xb9\xfc\x9a\rq\x89G[\x0e\x11\xe3wcf\xe33\x0bi\xcb\xa6\xed\x0f[2n\x1a\xff\xfe\x0c\xd9\x8a\x824\xdaE\x81"\x98\x9e\xea\x12-\n~~G\xcd\x1b;|\x03\xcf\x12\xb1\xcb\x922L\xb1&amp;\x87 \xf3\xb3\xba\xbe\xc2\xfef\xba\xcb/\xbe\xe4\x90NC\xad\xdcll7\x18\xd9\xceE\xcd\x14\x13u\xddW\xadk\x84L9\xf2\x0f\xd2x\x8e\xef89\x8e\xb3*S\xa4x.$\x1f\x90-\xc5\xac&lt;\xb5\x95\x17\xe3\xbf\x132\xd1c\xdd/#5\xa6\xd1\x9f[\x0c\xb4\x8bD\xba\x9c`/\x00\x10\xe0\xe3\x15\xc5d\xbb\x84&amp;`h\xed\xb1\xa72\x03\x08\xa9\x05\x87\x04\xc2\x13\x87\x00 \xc0\xef\x90\xb6\x02\xdc;\xb6\xb9\x82\xdc\xe6\xa8\x97\xc5\xae\xd4h\\#c\xb0S\xe7\xaeb\xad\xa8\x00"\xc2#\x99\xad\xb8,Be[\xb5W\xcd&amp;5\xa3\x9azr\xcd\xf9\xf7\xfe\xd6)\xac\xc8~\xb8\x9aT\x07\x99\x8dQ\x06\xff\x11j}\x03\xe08N\t60\x15\xf2\xd1\xf9n1sE\xe6\xf8&lt;\\\xde\xd8(Y\x12\x9e\x1b\x15\x07&gt;V f\t\xf4\xe9"e\xaa\x9e\xb4-\xff\x85o\x1a\xebR\xf9&gt;\xab\x0bk\x0f\xc9H\x81p\x9d\xb2(e\xbb\xc8\xaa f\xf96\xb1yI\xa5C\xea\xed\x1f\x04c\xc9_Y\x8d\xfc0\xa2\xfc\xcb\xbb$\xf7\xf7\xee\x99\x8c\xb2\xbb\xfd\x8e\x1a*&amp;\x05\x19\xd6\xb6\xdaO\xees\x1fkfO\xb3lEn\x97\x0c\xa4\x01N\xa0\x1c{V\xde\xae\x98\x9e\x8e\xe3t\x80\xcdM\xa9\xb4u\xfe\xe1\xf1Y\x11)\xd9J\xcb\x05\x89f^,9\xe9\xa7\x96\xe1r{\x92\x0bQ\x88|D,\x96h&amp;kvb\xfc\x91\xc7L?|\x11W\x81h\x05k\xbexl\xa3\x90/\xc6}D\x84\xf7\xa3\nd\x0e\xd9:\xc8\xd2=\x92\x94a~\x0e\xea\x97\x1aR(\xb6\xb6\x1f\xa4&amp;\x97\xbc\x91p3\xf85"\xb7\xd6XP\x1e\xa2e\t\xd5(\xa7\xc9X\xb29\xbb\\\x06\xf8\xfd\xf5\xcd\xd9z2:M\xa4\xa1\xac\x7fj~\xc5\x86Gyip\x1cGI\xba\xceEW\xa9\x82\xcb\n\x1d\xfc\xfc1r\x0e\x1aV\x9c\xc4N\'"i\x16\xcem\x00\xb4\xedI\x1e,\xc0\x92\xd4\x12r\xc3\xd3&gt;\xde\xea`\x0bD\xc9\x01\xde\xec\x1c\xc1\xf4o+\xb7\x14?\xb2 &lt;\xe9\x17\xaa1\x85\x0e\xda\x05a\xef\xd4\xd4\x7f\xb3\xb0kJZ\xf6\xd4j\xee\x8e\xc5H\xa2\xf7\xf5\x1b\x80\xe6a\xd0\x94\xb0\x92Cwe0\x88HAs\xf62Hl\xecfl;)\xde5)\x08\xf0\x88r\xa1=\xadS\x8es\xa9\x84\xd3\x0c\xe7+a\x8a\x90\'\x9d\x888=\x1f`saB\rU \xf8\xb5a\xb6\x13yd\xa2k\xd9\x03\x90\x8a\xc4p\xb3\x08AD\x80\xf7|E,6\xe4#x\x0f\xe8t\xe5j\xf1nx\xdaA%\x8e\xa2\x14\x9d\xae\xdc$mxT\xa0\xc2\xd5*\x83\xebPzC\xa8\xac\x90\xa0\xf5\xf9\xd6\x88\xbd\x83iQjW\xa3ki\xf3\x8c;\xd3D9#\x9e\xdakh\x1b%\xf7\x1c\x867\xec\xda\xd4;T\xd5*\x1c\xe5\xec\xb5\xb1Z\xa6\xfe\xba\xf6Fz\x1d\xc7\x19\xcb2\xcd0&amp;\xbc\x98\xd7\xd2\x00\x98f\xab\x81pU\xd2V\x17\x05\xa8\x86 "\xc2\xab\xa3\x83\xfc\xa4N\x85\xec\xe4*\xf7k.D\xaf+\xdc\xd5@\xa6"R\xf4\xba\xccc\xd7BxU\xbe\x01hg/\xa19\x19f\x17\r\xe6S\x15~\xafn\x03\x00\xe6\x1e\xcc\x1e\x1e\xda\xaa\x9f5\xbdFWm4;V\xeec\xc3\x1a\x14\x1e\xc7\x01\xfc\xd6j\xa6X\xa8\xf3\xf0\xda\xfdR\xbd&amp;6\xa9[=\xc0\xae\xd9F\xc7\xb9\x92\x04G\xe3\xd3\x05"\xb5\x05b6\xe6\xf9|X\xf1=\xb8\xfc;\xbe(\xbc\xfb\xa1\xf9\x93\xbar\xcbr\x03&amp;\xc9SV]\'9\x14O\x1d\xae\xa7\xadH\xb2\xf6\n]\xd9\xaf\xc4\x1e \xe9\xc1\xb8\xcaM\x1a\xb4\xd3&amp;\xed,:\xb7t\xe5&gt;\xf9DE\x19\xba\xd5\xea\xfc\xc0\xe6\xae\x9d\xf5\xf8\xca\xf4i{\x9b\x0f\x1f_.\xe2l\xc1\xba\xc1\x87X\x9dw\xcc\xb9\xd8\xe98W\x02\xe2 ?\xf9\xfd\xa3\xa7\xf7\xe9Y\x11D\xc6\xff$\xb9d\xfa\xeb\x94\xb3R\xa2&amp;\xab\xd8\x0c^\xd1\xc6\xb7C\xa0s\xf4\xa4\xd5\x95\xfb\x8a \xad\x97l\x8b\xed\x1f\xf8\xe8\x1f\xa3\xfeZ\xe5\xb4\xe6lV\xa03E\xfb\x80\x88\xe8\x88a/\x99\x8c\x10\xcb*;\x9b\xa7:ga\xa4S\x87j\xe9Y\xf9\xf4\x01\x11\x01\xbet5um4&lt;f&lt;\x8f\xe9\xef8{\'=\xcb/\x05\xb5\xf2K\x8dL\xd6\xceV\x08\x7f\x11\xde8Zr\xe5\xcf6k\x89\xec\xbf\xde\xf8\x84;\xb8B\xea\xaa\xdd\xbd\xd4\x185X&gt;\xc9\r\xf9\xa77\x1c\xc23\n0&amp;|\xfc{\\j3\xb6Cc\xb9\xd6\xc8U\x06\xd8I\xd5j\xa2\xd6\x9a8\x8eS\xe0\x92\x06a\xb6\x10\x8f\xd2\xd3\xa3\xaeG\x00\xc7\xe9C\xfa\x9aJ\x96\xb3\x9e\xaeD)8/-\xcb\xcb\x9f^\xb4\xe0s\x14\x9fJ\\l\xe3v\x05\xbb\x00\xd5\xa9*a\xf6\xd0\xe6\xcc\xde\xeb"L\xab\xce.\x90L\xef*\xb6y\x8d\xcb\x03"\xfe\xd5~\x17\x98\xbcu\xb4\xa9\xb1\xd3\x06\x9e\x9a#"\xc0\x1b\xf7\x12V\xd4\xd5u0\x9bi\x1bZ\x15uw;\x0e\xaf&lt;\xff\x98\x86\xa9\xad\x0c\xb9R\xf8\x11\x80\xe3\x0c!O@\xa9|\x9b:\xa0e\n\x1b\xf5*\x0b\xd6\xa8X\x8f\xd2k?r\x01\xf8\xa1\x11-:\xf9\xea\x8d\xd7s\x17\xc2O\xd5\xf4~\xde\xadq_k\xdf~iL\x10\xb7M1\x15\xbc\xc8\\\xe3u\xa37\x00\x15\xc2?\xac^\xdf&gt;\xe7~\x91s\xb4\xd9\xd1P\x08P\xde\xef\xdd\xd8\xef\xd2\xef8gN\x9c%\xfc\x0c\x99p\x13\x1b\x00d\xcf\xe6\xdf\x88\xd6B\t\x91\xa3\xe4C\x11\x9fR\x93\x0b\xae\x8d\x1c\x9b\xb6\xca,\xf7\xec4y\x030_\xbcf9\xe8GO\xb1\x83\xc2\xe6V\xfb\x1a\x13\xa0z\xe0\xb3\xf2\x8b\xce\xbb\x1d\xcc\x14\xe7b\xa7S\x0f\x15.\xc4!z\x0b\x1f\x15u\x9c"\xf3\xbf{pv\x9c\xb1\x9c\xe6X\xf9\x15\x1d\x0e\x80\xbb\x93\xe5I\x11rZ\x1c\x89E\x04x\x8a\xae\r\xeb\xb3\xcf\xb7\xcf\x93\xf5)S\xb7\x8fxJ\xa6\xdd\xf3\xf6\xb2\xfct%\xa9\xa5\xf2\xea\xc3\xc8\xab\xcf\xd9\x87C\xb6G\xfbI\xc7\xf5\xd8zo\xd6\xefU4\x1fc\x97\x03\x13\xb8\x9c\xfe\x9c\xd1\xe6\xdfq.\x8dl\xee=\x8e\xdd\x00\xf0\x110\xbeUJ\xef\x8ee&amp;\xed7\x9a~m}\xcf{L\x80\xaey\xcd\xd7r\xa2Ycs\xf1\xd0t\xeb\xa4J\xe0\xd4\xefc\xec\x17F\xdd&gt;\xbd\xb1~O\x95u]\x8f\xed\x9a\x9d\xfap\x1d\xd6\x9aq\x7f\xddC\x88\xd3\x08u\xbc\xb2\xd3\x88\xea8\x8ecFH\xebm\x1b\x80\xe4ni\xb7@Kh\x0e\xaf\x8a]G\x95P}\xde3\x9fm#"\xc0\xbf*+\xd5Y\xa5KGv\xb4b\xa97\x93K\xf1\x01\xf6\xffto\x81\xad\xecx\xab\xd6\x91\xf2S\xc75\xac\x18J\xb7~\xdc\xd7\xb4\xbd\xaax\x178\x8es~\x18\xb2U!\x15k\xd9\x00T}\xaa\xafO\xe1\xee\xe9\x94I\xa0:\xbbU\t+\xea*\xfbaO\x99e:\x90\xeeR\xb2\x8d\xb4\x7fO-\xea\xc3\x15\xd8\x00\xecm/:\xa1\xdadZ\xa6R[\x1b/}\x18l\x81\xbb\xd4q\x9c\xab\x82\xe9\xdc\x14\x83\xff(A\x037\x00M\xefi\xc8\xc2\xbb\xef\x01\xb4\xfeT8\xca\xa2\xb3U\xc2n7\x00\xd3\xeb^5\x19\xd5-v\x9aJ\xb6pa\xcd!(M\x87m&lt;\xa0\x9c\xaa\x96\x19\xdd\xfa\x0cS|\x87\xcd\xc2\xf3.\x7fW9\x92/\xd9\xda\x80+\x88\x0fW\xc7i\xe4n\x08\xdf\xdd\x92!-\x15+6\x00\xc9\xef\x0f\x14stN\x88f\xdd\x9a\x8aI\x1b\x0c\xcbF\xa8\x17\xa1\x976\xcbi\x92\x0b\xfb\t\xac\xd1\x06\xa0\xd6E\x03vw\x8d\x0c\x7f\xd4C\xd5\xd8\x9b\x13\x8a\xec\xd4ZD\x04\xf8\r]\xb15\xe88\xbc\xf7\xb6\xff\xdf\x1aw\xc5\xae9\xb7\x80\xe68{\xa4i\x16\x85\xc9\xabi\x03\x90\xe8U,c\xec\x06\xc0hj\xa1\x94Ul3\xd2C\x15\xbb\xa8v\x19[\xeeF2\x92\x81\xd4e\x03\x80\xf0c\xad\xad\xfb\xb7\xe6\x0f\x9f4\x1a`SV\x9e\x8c;\xe4\\\x92\xd1\x8d\xbd\xba\xd7n\xddO\x0cq.\x95\xaf\xdd\xda\x00\xc7\xb9\x04\xba%\x07\x86\r@|\xdaTk\xc0\x88\xc5\xcf\xe6\x8d\x1e\xe9r\xfb\x06\xa0)E&amp;e\xb5\xcbif\xd9\x1a\x9dL\xaa\xb2*\x1e\x87\xa6\xb7\xdd\xc6\xb1\xae{\xcfr\x03PA\xe9\x04\xa1{\xf3w\xb1[\xde\x83\rW\x81\xff\xb5\xb5\x01\x8e\xe38\xbd\xe9\x98\x1c\x10\xd9\xbf\xb0\x01\x88\x7fo\xd7\xde\x07s\xb6\xd4\xe9\xcb\x88\xeeQ/Dy\xc4[\xd7\xcb;H/\xf0\xabj,\xff\xf8\xa5\xfe\x9c\xa8\x95\xdb\x12~)\xd3\xde\xd1\xef\x8bT{\xf23\xa74P\xff.hx\xb7wf\xf6\xe0L\\\xde\x91sz\x12\x8f\xa8sq\xef\xe6\xe1\xdaq\x9c\xf3\xa1--\xc8k\x11\x7f\x12\xb8\xd5\xc4\x11\xf0\xef&amp;Y,\x97\xcb(cq\xab\x97L\x1b\x00\xbb\xa2\xba\xf7\xef\xfb\xec\'\xe1^]F\x91\xb1:"|\xd6.\x07\xed\x8cyr\r\x9a\x92\xfbxo\xadI\x7f\xd3\xb8\x92\xedGDx\xdb\xe1\r\xdco\x8c=g\xf4\xbbk\xc7q\x9c\xb3\xa6\xcb\xdb\xd5\x91\xa8,\xe1\xc0\xac\xcc\xd7\x94\x0e\xed\xb6A\x9f\'\xc9e\xf4\x0b\xf3:K8\xd3\xa8\x1f\xd4\xd75\xe9\x82okm\xd1\x98\x9c\xb5\xde\x98m\r\x08Q\xbb%}\xcb\xae\xaf3395o\xf1u\xb1\xa4\x96\xb1\x1b\xcbu\xe2\xdb\x1ef\xc7\xe5\x11x\xd5}\xeb8\x8e\x93RN\x7f\xb3\x9ccz\x13\xa3{V\xd7U\x94&gt;\xc1\x12\n&lt;x\x7f\xab2\xd3"\xed;$&amp;=&amp;\xc3&amp;\x1e\x1b\x9f\xaab\xd8\x19U\x02\xbb\xb1\xb9\x01!J\x9fLe\xf2\xb98\xc8\x9f;r\xd1x\xf2\x13\x8dv95\xfc\xd6\x0ef\xc7E\xe3\xbe]\x9f\xd4\xe7s(\xdb\xc4\x1a\xc7q\xccd\tG\x94\x8e\xb4\x88\xa5_=\xea\xc7\xe0&lt;\xe9\x1cY\xc7\x15\xf4\x1be\xc7\xfe\xb8\xc1\xb6}\xb1\xa7\x91\xa0\\\x0e\xe9\xc4\xffr\x076\xdd\xa8\x01-\xf5t\xe4*\xf1\xb9\xec\x1d\x1f\x03c\xf0\xc9\xe58\x97\x015\x93\xdb\x96\xe4\x15\xd2\x978O\xba\xffP]\xe7\xc2FA\x19\'\xe5\xfe&gt;n\x80:\x89\xdf\xdf\x06`\xbf\x9dh\xf0\xc9i4n\xeeLg3&lt;"9\x8e\xe3lB\x97O\x1f\xaa&gt;2{V\xab\xfb0S\xb7vE\xdf\xed\xc7\x99\x9f0\x85#\x13\xa1\xb4%\xde\xd5\x06\xe0q{\x9dM\xa2O\xc8\xeb\xb8\xabW\xd4.\x8c}\xbbt\x99zN;;\xeeh\xc7q\xae.\x1e\x98f\xb6\xcdr\xbe\xb9\xaf\xea0{&gt;;*\x12\xfa\x9dd\xff+\xb3V3;\xbc\xd6X\xa5\xf4\x92\xd9\xfc|\xbd\xb8\xa3^\xd3\x98K\xc7\x9d\xe98[\xb0y\x9c\r\xf8\x00)\x10\\\xa5\xc4\xc5Y\x81\xf3\x1dK\xdc\x06@\x98 x%\xdfWYs\x8f\x17;\xf6\nx\xf8l\xf7\xcf\xad\\\xb1I\xb4\nWu,9\xce\xa6\x1c\xa6\x89w\xd8\xd8\x90\x13(Z\xb2+S\x1dg\x13\xa4\xdc\xe3p\x00\x9f \x01\x88\x08\x87\xc3\x00\x87 \x9eB\xd5$|\xee\x95+\xd3\x05r\xac&gt;s\x10\x81\x1e6\xcb\xec\x1b2\xae\xae\x18\x88\xe8nt\x9c\xad\xb8\x06\xc0\x81\x8a\xe3]\xb6\xe3\xefe\xaf"\xc7\x02\xd2\xd4F.\xf3\xe0\xe1|\xdfo\xc9\xf0\xf3\xb6\x84\xe2\x1cqN\x0c\x1c5\x7f\t\x00@\xe6\x88Wf\xa8^\xf0H\xe3?\x0b\xb2d\xffk\xd9r\xc9\xf4\xfa"]\xc7qj\xe0\xc2\xd8\x7f\x02\\sUC\x9c\xce `\xb2L\r;\r\x1d\xca\x94\xfb_\x99\x83U\x15\xe4\x8e\xe8\xfc:\xf7\xa2\xf0\xb3\xe1\xcb\x81;\x99&gt;\xf6\xf1\xe1p\xe0\x1f\x118v\x8e\xcf\xd3\xdc\x9f\x8e\xb3.\xd7`\xaek\xb2\xff\x8b\xdf\xb2\xff\xd1\x99\xb4\x91&lt;\xec?d\xeb\xd3\x01v\xfb\xe2\xfb\xa1\xf0R\x0b\x0c?X\xdd\x8f[T\x96\xe4\x8be\xf0{\xe7\x0f/V\x8d\x19C\x95\x9d\x8eI\x1d\x81\xf1\x87\xa0S\xce\xb8E\x8e\x06&lt;\xf3q\xbb/N\x13\xc7\xfd\xe98\x8e\r\x1c\xf9q4\x14\x7f\xdd\t\xe7\xfe\x86\x8c\xf6Kl\xf6\xea\xff\x9e\xa4\xcd\xe4[m\xfdb\x9f\xdd~\x02\xf8\x07\xf7g\x92\x9e\xdc\xa5\xfbtr%QC\xfc;\x8e\xd2?\xad\xbd\xb59W\x16\xf7\xbc\xe3l\x08\x8eH\xbb\xb1"\x97]=\xad\xd9_\xe8\x99\xfeP\xae\xb6\xf4\xde\xd6-E\x0f^\xb1\xe5V\xdbRj\x0f@\xd5Uo\x12\xd6g\x87&amp;\x99\xd8\xe7\xbet\x0b\xafv\x1b]\x88\x08\xaf\xdc\xd0\xa5\x08\xf01\xd9\x95\xe0\x97\xa9\x99\xe7&gt;t\xcf\x94}\xce8\xc7q\x1a\x99\x12Y)\xb0\x12\xb7&lt;"Xr;"\x11|\xec\xc6+\xd9\x1e\x13\xd3\xad\xd1\r\xe9|\x07\x10wntq_N&gt;\x1a\x83\x1f\xb1/\xab\x12T\xb6\xad\xb9\xb3R\xeaZ\x7fB\xfda?\'l\x1b\xcf3\x0f\xe7\xed\xda\xdbT\xea\xcb\xde\x9b\xe6\x8b\x85\xe3\x8c\xa10\xb5V\x98x;=\xa7\xdc;\xff\x8b?\xfd\xcd\xa0&lt;\xbc\xedy\x1b{k\xdd\x91\xb0\x9fm\xe4\xef\x98r f\x17\xc0\xee\n\xba\xd0(3\xb0j\'&gt;\'P6p\xad\x90\xf5@\xbd\xae\xf5ChW\x8d\x08\xf0\xe0~\xd2\xcc\xda\xe7\xb6p\xdbf_\xa16\xe5V[\x1b\xe08\x17\x05\xce\xaf\xdf|y\xf3\xa2\x1e_\xfbm\xeb\xc7\x01}\x03\xe0L\xac&lt;\x18\xb6\x1cxY*l\xb4$K\xf7\xff\'"\x8c\x9cP\xcd2\xcfb\xa6\xdfCS\xe8\x1c\x1a\xd2\x91\xbc\xa55\x1f+\x17=\xb6\x1f\x7f\xeez\x83z\xb5\xf9\xf4\xad\rp\x9cK\xa1S\xc0\xe5\x9e\x8d\xaa\x85\xfb\x06\xc0\t\x18t\x80\xcd\x1d\xecm\xc2|\x10\xde\xa5\x8dg4w|\xa6\x9f\x03A\x06\xbc\x8c\xd2\xf6^C\xf8\xd9\xc2g~Z\xe5\x8f\xe4j\x8e\xdb\xab\xd9j\xc7\xb9\xb2lr\xfe\xf1?.)\xd0\x9c\xb2\x9c\x0bj\xd1\x9a$\xa7\xda}\xc5\xf6\x92\xd6\x8a\xc2\x98\xc0\x03\xbb1\xbbGB0\xbe\x17\xc6v\xf4\xbe\x06R\x1f\xaa\xc6X\xe5\x17\xc5\n\xba\xb4\x9fh\xb2\x1b|a\xfd\xb5&amp;\r\x8f(\x1d\xc79C|\x9e726i\xbb\xb8\xfc#b\xd0\x06\x00\xf6\xe77D\x04\xf8?\xc2\xdd\x99\xcf\xdd\x99\xe5\r\x8c\xcf\x9e\xebG\xce\xae\xde\xfe\xdf?\xdd\xdf\x02\xd2\xf04\xb8q_\xe7{W\xf6\xe0\x8f\x11\xe0\xad\xc3\x0b&gt;M\x1c\xe7\nR5\xe7\xcb\'\x9d\x1eM\x16\xba\xbd7\xb2K\x97\x8e\xdb\x00\xec\x0cU\x03/\xce\x0f+&lt;\xd0\xc0\xda=\xc0\xde\x9dL6\xaanll3\xa8\x0c\x8f\xb3\xd6\xb0\x8dq\x02\xa3\xfar\xe6\xa0\x95\xd3\'\x8b\xa4\x12-\xce\xb9\xba\x8eu\x9c\r\xe0\xfe\x12p\x17\x0e5_\xe7|\xfc\xa3\x80\x1e\x07t\x18\xfe|\xfa;J+.\x02\xbc\xe5\xfe\x82o\xf8\xb7U\x0f\xbf\xb4\xa5%C\xb1;~G\x99\x13\xa1u\xfa#!\xa5\x9d\xfc\xe1\x98N\x8c\xb4\xa4\xae\x16*\x8c\xda\xd7\xebXG\x0c\xd1\xe0\xc4i\xe7o\xaf\xd8\n\x02D\x7f\xbdZb\r\xdb\x0e\x90\xfd\xe5\xf4\x13D/\xef\xae\xe3W\x03\x01\x00\x0f\xe2\x1f\xeem\x1aK\xab\x8fC\xc7q\xd6D\xb7pn\xff\x85\xa4\x97\x86\xe2\r\xf2\xddzu\x8f\xc9VG\xf4G\xfb\x8aO\x02\xac\xe3\xa8\xe2@B\xcdc\x8dS\x01e\x9e^\xfb\xa29\xef1\xc6\xbc\xafO.\xd2z\xb7~\x1a\xd3\xe7\xd1_s\x13*\xab\x9f\xcb\x83\xacs\xb1s\x05\x92\xd1\xe2\x9eq\x9c+D\xbe\x8e\x96s\xca\xbe1\x02\x11\xfe\x16\'\xcdz\xc9g\x15\xa7\xc6DUE\xe2\xd8_\xe3j\xba.\x01\xad\xbb\xd6\xeeG\xd2\x04}\xca.\x0e\x83\xf0\xe5.\xd5\x1bP\xd0u\\\xbd\x9c}\xebC\xe5\xe1\xc0\xf8\xb7)\x96=\xb3(\xe48\xdbsI\xaf;:\xceyC\xbc\x8a]:@\xea\x98\xacD\xb9\x02\x98\xf2\x00\x95\r\xfbY\xa1{\x99\x11\xe51BOm}\x90\xc9\xf1O\xbb\xb4j\x0fD\x13am&gt;\xdfrf\xaf\x99V\x86\x19\xfd7:\xa5*\xb2a\x8f\xf1\x9d\xa5\x8d\xf2\xc4\xd1L\x1f\x8b\xc7\x1a\x18\xa7b\x94\xe4s\x99\xe0\xe7b\xe7\xaeh}\xb2T\xcc.\xda\xe4;\x8e3\xf3\x8d\xe5\xa5Z\xb9\xda\xe5U\xda,\x03\x00x&amp;b\xb6\xdc\xfa\xfc\xd7\x90\xa48\xd4\xfb\xac\\6\xb9]\xfe\xbdtt\xa3\rg\xb9\x85(\xccD}\xde\xd9\x99 !^}o\xa6\xdf\xf3\x18\x8a\x91\x1b\x00\x93{7\xeb\x0b\xc6\x9a.R(\xc1;h\xdd\xa6\x84\x1e\xd8r\xfb}\xb5\x10\xa7\xd5N&amp;\x9d\xe3\\\x04\x86\x05\xcf$V\xff0].1\xbdx\xe0s\xfe\xbcQ\r\xa1\xab\x1c\xdc\x9f[l\xfb\xa8\xa4\xd3"p\xd5\xde\xd1\xe7\xd9\xed\xc5\x82[\xaf1\x99g\xf1\xc9~\x87\xf7\xbe\xb64;"\xf0Ft0qy^\xba\xc7\xc0\x1dNG\xb1&gt;D\x1d\xa7+\xd6\x03\xd7n\xd3\xef\x91g\xb3\xe4\x8c\xb6\xf0\xf2w8[t\xf4\xd9\xb94:n\xa4Kl\xbc\x01\xe8\xa2M\x19p\x0c)iP\xf2\xf9\xaab\xcc\x1e \xf9A\xa3TS23r\x8f\xec\xdc&lt;;\xc7\xa0\xfa\xd9[\x9bq\x1e\\\\\xef;\x8e\xa3\xc4\x8f\xd87f\x97\xce\xff\x87\x9e\xa3"H\xbcv\xd9\xd8\x9d\xc1/\xc6\xc7\xeb/\xef\xae\x0e\x00r\xb1\x99\r\xd8~\x8c\xad&lt;e4\x9dI?N\xcc\xecI\xc9r\t\xdd(\xb5\xb8Bm\xde\xa64v\xae\xbd\xee0\x87x.k\xe4C\xc4y\xe1\xcet\x9c\xcb\xe43F=\xf8s\x94\xecr\xadR\xe4^IN\x830\xfd\x01&amp;\xb6\xf0\x15x\xd6\xd1\x05fJ\xe2\xf4\xbc\xae\xd1\x87\x0f\xce\xae\xfc\x8a\xd2\xaa\xb5N\nCE\xfa\\\xdc\xf0\xb8@iBV\xab\xba\xe1[\x9d\xb0v\xd4X\xf8\x8c\xcan\xa6\xf6\xbf\xef\xc6\x12\xc7q\x9c=\xe3\xcf\xfe\xf6B\xf1[\x05\xd7G|)\xe28l\xde\x12\xd3K&gt;\x9c\xda\xb9\x83\xf4\n\xd0\xa6\xc9Vg\xed\xe4\x80Y.\x1a\xbew\x08\xf4\x1f=R\xda\x7f\xb2\x8ax\x0cR\xc3.\xe7E7\x93\xf6\xb4\x01\xe8\x00\xdf\x9c\xe4\xfaE\xb5ZA&gt;[\xafT\xf3\x1d\xe7\xa2\xc0`J\xefmbon\x80s\xe2GT\x9f~\x0b\x0f\x88w\xb8.\xee\xcd\x9e\x1a\xb6vo\xb3\xdeG#&lt;3\xcd\xa7\xf3D?{\xd4\xd0\xb5\xc9\'Q_h\xdb\x06D\xbf\xd6Y\xd2\xc5\xfe\xbe\xfd^l\x0b\xfda\tj\xdb0vL\xae\xbc}\xe2z\x99\xd8\xaf\xfe\xc5%\x04\x16\x0b~\xc4\xe38\x17\xc1)\xcc\xcd)\xc5\xb5\xc2\xa8\xb7\xf9\x0c\x9f\x0c\xf8\xd2\x1df\x93+3ve-\x9f\xb3\xe6\x05\xc4\xafR\xd9\xdb\xf2\xb0\xcb\rI%\x1b\xba\xb7\xads\xbf\xd1\xfee\x03\xcb\x03\xa8\xa0\x07;\xb4\xbdm\x13\xb5D\xc8\xbd\x8ds;\xa5&amp;\x10^\xb2\x8d\x81\x9bGOQ\xea\xdd\xb5\xd1\x06\x80\xd8\xe7\xacb\xc9\xc3v=\xb4\x10\xff}\xcf\xe69\x8e\xa3\xe1\x14\xcb6\xf8tZQ\x9d\xf6\x8d^\x87\xe6\xbb9\xd7u9\xbac\xbfGe\x87\xd9?\x00\\L\xf6\x0f\x00\x00\x08\xf0i\xedB*z\xca\xba\xc1KJ\xd6\x0f\x8c _\xef6\xc06\x8dx\xbb\x99&amp;e3\xda6Ks\xa7\x9f\xd3\x0e\x1c\x11\xe1\xbe\xdc\x06`%\x13\xce\xc8]\x8e\xe3\x9c)X\x1b\xdf\x95\xafH\xd6[\x05\x88\xaf\xde\xcb29\x82\xd1\xed\xe2:\xe2u|\xf9\xe4\x07\x83\xaec\x7f\x89\xd9\xe1\xfay\xc0\xc5\x8e\x9c\xf6I1=\xf6\xa9\x92\xa3&gt;/\xe8\xbf!4\t\xdc\xf1\xb7N\xedf\x03P&amp;\xe8\xc4\x1e{9Q\xd5\x00\x99\x91|\x9d\xd9g\xd35W\t\xef\x11\xc7\x19\x00f\xa8\'[Z\xac\xd7z\x1f\x9914\x16\xef5?X\x11\x04\xf8\xc5\xe9\x07\xae\x80X\x9f\x82+\x06\x88\xdf\xeb&gt;/\x81Q\x86\xfd\x9f\xa9\xbb\xce\xca\x81Q[\xfa\xcc\xe5{j\xd4\x86\x03\xb3\x87\xd2.\x84\x1dw6\x9d\xc8,\nk\x19\xdf\xaf\xfbZ\x9ec8\x8e\xe3\\$d\x02W\xff\xc0\xb7\xc3\x8a\xdbA\xc8g\xb6\xdaP\xcf\xb3\xcej\x99I\\m\xb6|\x193\x1f$\xe4[_3)zx\x9d\x96+\xc6\xc9?\x1dw\xd4\xfa\x8d\\\x85\xf8:\xabF\xb2\xbc,\xb4\xf5\x06`\xd9\xfc\xec\xc0\x98j\xcc\xaf\x8a\x91\x17+\x9a?U\x91+\xa6\xafWY\xb5\xec\x9b\xa7\xac\xaam7\xde\xbb\xb8~t\x9c\x9d\xa2:\xc4\x9d\x0b\xafc\xd2*ZF\x80\xf1\t\xee\xfe\x116\x00\xe5V\xccG\xfb\xca\xf2\x8c\x01_\r\x00\xfeg;3\xc8\x97X\xcco\xebiv\xf5\xfbH\x97\xfb\x80\xd3w\x9am\xd6"\xe2\xa1\xc7\xe5\xb8\xb7@\x14\x10\xe2\xabW\xc4\x03\xe7\xcd^:\xc8\x87\x8a\xe3\xac\x88v\x03pfl\xd0\x1cD\x80\xfb\xac\xaaq\x08oWS\xa9\xd2\xd5-\xfb\x87\xcb&amp;}\xff\xa7\xee\x18U3\x0b.h\xe2\xef\xe7\t@@\x1fc\xee\xd8\xc1\x12\x00\xd8\xe0\x95\x98\x9duG@l\xd5e&lt;\x04\xcb9\x0b#\x1d\xc79cvy\xf8\xfd\x0b\xfeA\x02%\r+t\x07?\xe4\xd5?\x06\xe0\xcem2wD\x8f\xec\xa7J\xc2\x8b6\x1f\xa2\x1bh\xdf\xdd\x06`g0\x9e\x19\xeb\xaeY\xe9\n\xdb\x8fU\xba\xfe\\FW\xf9\x19\xe0\x9a\xec\xca\x18\xc7q\xba\xb1\x97E\x97y\x0fuL\xdcQ\xca\xdc\xc997m@\xdd\xf3\x9f\xe9q\xffT\xb1o\xd7_\xda:q1my\xbe\xa9\xb40\xa8\xee8.V\xec$\x10]\x02\x98\xfdp\x06\x04\xbd_2\xfb\xba\xf5\x0f\xd6\xccfu\x83S\xcd~\x00c7\xd3a?\x968\x8e\xd3J\x87\xb7\x14\x06\xf0\xd8\xf0\x17D\xdc\xda\xb0\x15\xbe\x94P\xf7\xc9\x8d\xe7\xa7\x9f\x99\xcb\xd1\xeac\xeb^X\xe2\xee\xb4\xc2\xec\xbd\xf3\xc1V9l\xa8A\xdb\xfdy\xd4\x95g\x17\x81}\x04\xfa\xa0w*\xb9uJ\xcd\xaa\xce\'Z\xdd\xc9\xce\x0067\xc0q\x9c\xb3\xe6\xfa\xa7&lt;\xfeCl\xc9\xf4)\xfc\xfd\xc7\x1e\x0fl:j\x90U \xfc\x1c\xe6\xc5\xa2\xe5\xc1\xec\x1f\x9cwV\xc1\x1a\xe3\xd9\xff\x15\xa0n\xa8(\x8a\xd5\x18\xa3z\xb8\xe7cr$t\xe7\xfe\xd8\xdaf\xd4\xa3\x7f\x8a\xbb\xfd\x06\xe0K\xec\xc74\xfb\x18\xff\xf5\xb3\xdb7\x0f\x8es\xf5@\x04\xf8\x97\xe5\x974\xd1\xd4\x8b\xd9\xfc\x08d\x0f\xf1\xeb+\xa8\x8b}\xfe\x14\xf4\xf85\xe6)\xfb\xf0\xe19\xf3\x84\x8e\x0e&lt;\xc7\xbe8G\x9b\xcf\x83Sh\xfdh\x84\x87\xed$\xd74\xf2\xcd5\xaf\x00\xcd?\x06\xff\xd6a\xad\xfby\xfa*[/|\x1d\x88\x9f-;\x8es5\x98\x0f\x98\xc3\x17\xcd+rMj\xe7py\xa1\xe4\x12Z\xc4o\xd5\xe6\xeb\xef\xb4\x81Y\x17\x00\xe3\xd8\xed\xf2\x83\xbeJo\xd2U\x9aSC\xc5\xb9L\xa3\xbe\xa6\xea\x81\x19\xac%\xad\x8f\xad\xcag+\xa3\'\xe0\xee7\x00\xe1\xd2\xec8\xce%S1\xc9\xc3\xb7\xe7\x11\xe0\x99\x95\x8a\xb1W\xa0\xd9\xf8MJ\xfe\xce\x9a\x86=x\x8cX\xa9\x8f\x06?\xcb\xde\xe1\xf2\xd3lR\xfc\xfd\x86\x8c\xf7\xf05\x97\xb9\xf4\x0e|\xe3H\xa7\x7f\xb4W\xcf\xb7\xd7\xe4\xa3\x9c-\xdb\x95\x1c\x12\xad\x90\x95V\xc54S\xf9\xf3\x1d\'\x8e\xe3\\\x08\xf3A\xfev\xea\xb7&lt;i\xe8\x92\xb9n\xfcx\x1d\xe7\xa71\xd7\xb5v\xa5\xed\x815\xd7GgrJ\xb4\x17#Ww\xd7^\x1a\xbec\xc6\x1fZ\x9f\x01\xfb\xfd\xa4\xd0\xfa^\xb5jd\xbb\xfe\x8c\xc7\x83\xe38\x97\x06\xfda\xd3\xad\xac\x89l\xd8&amp;\xcao\xd4\xf6\xca&amp;\xd3g\xf0?T\xe3:\xebVA|\xa4\xbe\xcb\xbca&amp;\x1c\xe4;H\xd1V\xfd\\\xec\x0e\xda\xbb{\x8a\x9f\xd4O\x7f\xe0\xc4l\xeej\xe2]2\xaa\xd4YoT\xd6\xa7\xe4\xab\xff\xafp&gt;B.p\xc1\xe2\xfbX\xb2\xe2F\xf8\xc0p\x9c\x0b$\x7f\xbc\xbb\xed\xe9{j\xc5\xd5\n=\xe5\r\x80\xf0\xbe\xcd&amp;Hz\x07Y\xd5mT\\\xeb\xe4\xb7\xedG;C\xc7\xf1?\xa6\x8d\xda\x9e\xe66\xc5\x00\x00 \x00IDAT$\xf8&lt;\xa8\xf4\xcfN\x07\xcf\x8c\xc5\xbc\xee\xf1v\x1d\xcf$\xe3p7\xab\x06\xefy\xee)\xf7V\xc7^2;\x1f\xe1\x8es5\xa9\\\xb1\xc2\x8a\xbbH\xf7)\xae\xe2\x06\x80\xc5\xea\x84_\x9d\x96\x90\xbd~\n\xa2Eh\xefQ\xb1\xcf\xf1\x0f\x00=\xff\x1e\xc5\x90\xa9\x84\x00\x00\xb7\xd5{O\xf9\xbc\xe5\x83\x9a\x8c\x1a\xce.\x87\n\x83ml\xefs\x16\xa8\xd9\xdfZ&amp;X\xf2#Q\xb9\xc5\xec\x9f\xd8\xc7\x00\xa3\xb6%D\xa9\xbd9\xdcq\xae\x105\x07\x1e\xec\xa9\xc3\xd6d6xp\xa9d\xd9;m\xfd\x1eWw\x91#\x04\xfe\xf6\xfe\x8e\xdc&amp;\xfaO\x81\x11\x9db\xdd\x00\x18o\xed\x8d32\xd5\x16\xdb\xbf\xac\xff.1\xf9\x08A\xc7\xdd\xecGR\x97;\xcf\x97\x96\xb3\x86\x92%\xe1\xad\xfd\xadt\xcfI3\x042\xcd\xd8\xdf\x8e\xcbq\xae\x0e\xf7.\x85\'6\xb31=\x14\x86\x0e\x11\xaa2\x92^\xcd\x87\x00\xadM\x9e7\x00\xdb\x86fE\xdfm\xdc\xb3\xc1\x02\xf6~\xdbZ\xc2\xd0\xe7/?\xa42G\x15n\xa1E\xd1U\x8b\x0f\x16\xb6\xcb\xcf\x82\xc95\x87\xf1\xc2\x1b\x83\xff\x83\xb6\x96\xc8;E\x85#\xf60\xc6:G3l/_\xed\x1c\xa29\xbe\x01p\x9c\r)\x85\x18\xe3\xe4\x9c\'\xf3\x1c\xbfr\xf8\x8c\xe4o!\xaeEJ\xb6s\xe5\x82K\x8f=\xcf\xf0\xa0\xac\xe9\xd0\xfd/\x0c\xc6E\xba\x85\xdf\xa8\xadx\xd6/q\xadc\xfcw\xae\xa2\xc5\xb1\x11g\x87\x9a\x98vZz\xea\x12n0\xae2i\xe1\xce\xcb\xd3\xdeC\x9f\x19\xca\xb7QV\xe08\xce\x8a "\xc2\xfb\xb3\x13\xcf:-\xa3,?\xbb\x99o\x06\xa4\xfa\x9c\x90\x85\xa7j,\xd2\x1b\xdf\xc0\xe5F\xae\xd6\x87?\xb2\xec\xa4\x8b\t\xb1\r\xbb&gt;\x9b)\x97\xdb\x89G\x07\xae\xe2FF}\x8bo\xf7\xbf\x03&lt;\x13\xc6\x8d\xf0\xf4\xad\xcb\x9e\xa2u\x0bP\x12%V\n\x1a\x00\x00\xdf2H\xee\x8aM\x18I\xf9Q\x8c\xbc\xdc;\x8e3\x8co\x17g\x9d\x90\x85\xe7\x8b\xbaz\x0e\'\x13&gt;\xca\xff~\xae\xb4\x7f8\n\xd0\xbf\x0fz\x1b\x8f)m\x0c\x8e\xcb\xc1\xea\xfe{\xc4\xa0\x1ao@\xa8\xe4R\x87\xca\xdc\xb4-\xdf\xe2P\x96\x04\xcf\xf8\x87Q\n\xd1\xbd\xdc\xae\xddi(\xd7\x0b\xe5\x06 \xb3a4\x03U\x98\x13\xe2\x07s%?\xa4\x93E:\x14o^Q\x95.;\xfc:\xce~\x11\xc2\xeb4-\xa3\x02\xb7]^\xce\x89\xcfn\xf5\xe7|\x18\x93\xdc\x13\xce\x93\x88(\xafx+tV\xa9\xb1m0{\xb0ACh\xe7?\x1c=L\xf5o\x97\x87\xb6\'\tH\x8f\xab\x95\x1e\x107\xac@\x08\xf0\x85\x9d\xad\xa9b\xc4\x08\xef\'\xd3\x90\xc6\xd1\x9b\xffsa\x17q\x06\x00\x80z\xcd2&lt;v\xc9\xc3os\x90\x9c4\x16g\x93\xb4\x04\xacA\xa5\xc6\xc0\xe0\x1b\x91G\x15\xcd\x86\xe5\x8a\xb4\x85\xb9{\xbdL\x1a\xc8\x96#\xc1q\x1c\x8a`\xa9\x90.\xaa\xe3\xf8|x_\xac\x95n\tN\x1a\xc9\r\x8665\xf4\xf7\x0b[\x98\xcf\x8f\xc9\xaei\x15\x8eA\xd2\x90\x0e\x89\xbb\x87\x17\xf7\xd8\x83{Z\xb7\x86l\x00v\xd3\xba\xf3`?\xee\xa2\xa6\xcc\xe9%L\xf8\x1e!M\x17z\xbcGJ:\xdb\xb6Q\xda\xd7\xa2n5\x83G*\xea-\xd3\xf8\x860Y\xde7\x00\x8e\xb3\x12\xca\x99F\x15c\xdf\xd0\x90e\xe6e0\x06\xe0\xbd\x8a\x96\xc4\xf2\x15\x91"\x92\xef\x91\xc5\xca\x0b\xcaE\x9e\x82\xf0&amp;V\xc72[\xb8\xf9z\xf6Dh\xe7k\x03"\xbeK\xabm+\xe5\x13\xd5U}\xfa\xec\x18m\xd7d\xf3\x88\xeb\xd6%f\xe6\xf1_9\x8a\xd4\xe3m\xe8\xe8\x1a\xb7\x1f~iw\xc9\xb3\xfc\xfb\x86\x8fPj\xde}\xda5\xc5\x81\xb1\xe7P\xef8\x97A\xcf9\xa6I\xb2\xc9\xbdD\xb6\x07\x10L\xaa\xf9\x1e\xc3T\x01\xc5\xfe2\x9b\x9d\x84\xbf\xebM\xfe\xf9\x0f\xb6\xc8k\xea\xf2rz\x0f)UP\xaf\x85\x97L[\xf3\xdb\x96\xd5\xae\x9e\xaf\x9ctW\xbb\xf7\x0b\x18\x92\xf2 \xe8}l\xb1X&gt;f\xd4\xa3\x88\x9c\xb0?\xb6zp3G\x9bsc\'\xebE\'\x96\xb1\xe78\xce9\x80\x8aI\x1b\xdeEDx-\x97\x8e\x9f\x8a\xf42I\xb7\x07\xd8\x17\x81U8\xee+&amp;d\xde{r\xce+\x19\xffD\x0eT\xfb\xb0\xce\xed\x81\x96\xddu\xd6\n\xe0\xf2Z|\xf3\xc3\x96\n\xbe\x8e\x11\xb2\x93\xed\x84\xa3\xceh\xe3\xd9\'\xbd\xe43.0\xae\x13o\xe7\x88A6\xa4\x87\r\xdb\x8c\xe1\xf6\xae\xd9\xcdz\xf7\x81[\x1b\xe08N;q2\xfd\xd5\xfc\xcb\xa3T\xf1&lt;\x17/\xaeO6{4\xec\xf6h\xb9\xc9\x0f\xed\xbay\xcf\x84\x8b\xabzA\x8a\xde9\xb6\xaeC\xad\xa3\xe2\x9c\t|\xb5~\xf3\xd9\x17v\xe3W\xb6\xaeb\xbf\x9c\x1b\xaa\t\xbb\x14\xb8\xce\xf6Y\xf2#j#3\x19\xde\x83\x18\xd2\xe7\x80\xa9QH\xad\xda\xfd.X&lt;\xbc\xc1\xe7\xd7\x16\xc7q\x00\x84\\\xbb\xa6\xce\x12\xda\xaac\xab,\xbb\xacw\x96\xd3;\xa1\xa9_\xc6\xa6\xba;\x8b\x92\xafEe&gt;AA\xbfv\x1c\xe7\x9a\x9f\xd4j\xa1\xb3\x16X\xb3\x01\xd8\xd9x\xbe\x04\x10\xe0e\xa5"G\xb7\xffr\xa9Tu\x04&amp;\xd55\x89h\xd1~j\xc8\xbf\xe4\x1b\x80f\xb36J[\xb7\xd2\xdb\x9b\xa5G\xb6\xb5\xc3q\x9cjJY\xf5TH_\xe7X\x84\x8a\xd1_-\x98\xd1\x90\xf9\x0b\x96l\x1f\x9bB7\xae\xa9VS\xe6\xd1T_\xdb\xe5\x04\xa5\xf7\xe4y;\xdb\x1f\x97\xeeO\x11\xa7\x7f\x93Q}\xc9\x94f"]I\x18\t/\xbe\x88\x0eJ\x1c\xd2+\x9c^\xbd\xd1\x1b\xb7\xb7\xb9\xf9s\x9c\xc7\xb3|\x9a\xe18\xe7\xc7\xa1\xaa\x16\xca\x15\xe5Px8\xa4u\x8b\xa1s\xaaR\xd0\xab\x96\x17J\x86P\xa6\xa6fn\xffv(\x1d\xd2C\x13"\x94\xdbN\xf8\xef\x00\'/7*\xffP\x80g\x9f\x0c\x98u\xec\xa7#F\xa1s\xfb%0\xb5\x14\xa8n\xe5\xc69\x02\xbc\x0b\xc0K\x06\x9bv\xce \xa2a\x0e\x9e\xe6\xefU\x18o!\x88\xb8R\x93\x11\x9b\x83\xe1\x0e\xe9\xb9\x0c]\x9d\x88\xe78\xe7\xca\x8d[\xde\xe7\xb1\x146\x1f\x00kD\xd9?\x1bWcL\xf1%\xe93\xa3\xbe\x0b\n\xe5\xbfY\xf9Q\x81\xa2\xa8n\x8eU\x99}\xf6d\r\xbc\xc64;\xba}\xba\xc0\xfa\x11m\xfe50\xa6\xfc\x15\xe8\xa6j\xcc/Th\'\xec\xc5q\xabso\xf2\xc6\xf6\xef\xe5\xe5X\xc7qL\x0c\xd9g\xcbK\x08\xb1\xb9G\x84\xc3\xe9p\x84\xac\xaa&gt;\x0f(,^\xcc\xf9b\x8d8\x85I\xc7\xba\x87\xec\xa2Pq\xbd\x13}\x1bu\x07W\xa7\xe3D\x18\xd0\xa8\xd1\x8eB\xc0\x96\x07\x17{\xed\xc72\xd1\xd3\x15l=\x8d\xc3\xf1\'\xca\xe7\xeb\xea\xb1T\xf5\x1d\xc2\x1c\x88w@\xf3\xf0\xbb`\xc8a\xefs\xc1q\x1c\x03\xd7\x18!\xd4\x1c\xb2\x0f\x87)\xd3&gt;\x1c\xa9\x92V\xc8\xfe\xbf\x06\xc0\x1a\x1f\x05\xd5\x8as\xb2\x03\xa5\x8e\x10x\x14\xf5\xb0\xd3\xf1k\xcd\xe1\xc7\x97\x8e&gt;\x01:\xbdxc\xd4r8\xc0\x81t\xc2\xfe9\xec$\x07Z\x9d\x033n+\xa5\xe5\xd3\xb9\x1azj \x0c8\x80\xbc\x04\x0e\x87\x8a\xd4\xf9p\xaa\x99\xd2\xfe\x18\xa7\x86\x8b\x98\x81\xac7\xaa\x9e\x06/\xfb\xf3y:L\xcf\xb4Gd\xff\x95]I=G\xbaU\x9d\x1c\x9f\xda\x8esv\xf0/\xcf|l2\x9f\xa5\xef\x94DD\x80\xc7\x03\xbd\xf6gW\x84Wv\xf4\xef\xed\x98\xda\xd2\x01\x0c\xfe\x85\x86W\x1a~\xa2\x871,\x88\xf8\xd8U&gt;\x98u\x05_?\xd8\x0e\x04\xb8\xed\xd66\x98 \xa6\xf0\x95}keu6\xf2\xf0\x99\xf7\xec&lt;8\xf3!\xda6h\x97Em\x87Y2"\xc2\xddC\x93\xe4\xb5\x03\x01\x00~(\x9d\xc5&gt;\xb5\x1d\xe7\\H\xd3z!iFD\xb8SaV\'A-\xf8\x95};\xb9\x94\xff\xb7D\xc9q{\x80\xb3\x88n\xe5\xc6\xf6\x8a\xd4\xefsf\xe1\xfe\xbc\xac\xb5\xb3\xfb\x05\xd8\xb3\x84\x15\xb0\xc5O\xba\xa4\xba\x83Fue\xc1\xfe\xc6\x05"\xf8w5\xf6?\xe6\x11\xb1\xfc\x15\xde\xdcz\xdau\x9du\x1cg]\xb8t\xb98\x9f\xa99\xff\xe6\xa5xW\xcc\xff\xdb\x82\x08+s\xab\xd8\xb4\xb2\xea\x956\x00{&amp;o\xe0\x15h\xf5\xd0A\xdeAr0\x13\x7fl\x92y\xa9l\xd6\xb4\x93\x87;\x0fu\xa1\xf7\xfb\xben\x14\xae;\\\xf9Gl\x1d\xcf/\x8e|\xad4\xae \xdd\xd6n\xc7qV!\x9a\xe4|\nN\x9c\x0f\xc9\xc1B\x19&gt;dZ\xdbF\xcb\\56m\xa8\x1a\xe0\xdd\x84{Wa\xedd\x86\xd0\xfa\xad^{\xc8\x01\xdc\xb7]L\xf0C\xe7&lt;2\x9e\xe0\x17&gt;\x087\xa5p\x94k\x12\xb5Zb7\x87&amp;Y\xe3\xf9d\x99\xbfG]\xdcC\x96\x8c\xbd\x8f\xe16o\x91\xe38\x95\x14\x03\x81\xf4\x87\xbaHY\xe1\xefqtP\xc4\x9d\x1e\xaf\xeb4G\xb4\x9e\x16\x8cS\xc2\xf8\xea\xb7\x05\xb3&lt;X\xaf\xc4\xb3\xd6\x1er\xbd\x18:b\xcf\xd4\'gGU\xe49U\xc1\xfcL\xa71h\xfc\x9b\xaaz\xa0\xf7\xfc\xc7\t\xe3\xb4\xf5W"\xc6\x04\xc5B\x0c\x08\xf09&amp;\xb9\xe3\x8cv\x9c+\x8e\xfc\x95\x94r\x01\x19\xd5\xcc=~\xe1DRR\xfc\xf2\n\x04\xf8=\xc4[C\xf8\xd7m\x14\xaa\x0e\xcf\x03\xb8}\x87?GEH\x06\xf2{3\x861}\xb1\xe2X\x15\xf47\x81\xb0_a\x04\xad\xdf\xd6G\x0bwr\xd0\xbf\x1b\xd1\xd9\nD\xf1[}\x111\x1b\x99\x88\xe8\xc3\xf5\xc21g\xe9\xf3_s\x94\xbf\x98{\x8auR\x19\xc7q\xaa9~\rh\xb8;?\xfd\xde\xfcm\x80\xa7\xc4X\xfe"@\xe6h^\x0e\'\xef~\x12yP\x95&gt;\x95\xf9`E\xa1\x82\x19t+,\xa1\xaf\xc7I\xf9\xc1\xfa\r\x95v\x8d\xd1_\xdb\x05\xea\xe4l\x19-\xa2-\xfa\x07/\x1e\xdfU\x0c&gt;\x0f\xf3\xc36G\x02\xb3\xc3\x9a2=\xbe\x07v\x9dc`?l\xb6\xf0\x19\xa7\xe5\xac\xea\xd9C\xf0P\x06\x84\xb03\xe5\x0e\xbe:8\xce\x10\xae\t\x00\xc1\x86\x1c:\x86\xc1\xc3\xe1\x80\x88\xa7\xe0\xcf\xfd\x89/\xa6\xaa\xee\x965.\x18\x8e\x99\'/\xc4\x7f"\xfe@\x04+\xfd\xeav:\xbb\x875\xff\xce\x0e\xd2\xa7\xf9TI\xde\xb7i\xb3\x8f\r\x99$\x8b\xeb\xbb\x9f\xfcu\xe5p\xfa3M\xb2W\x1b\x9f\xdd9\x17\xc2\x14~\xbb\x8d\x84\xc3\xf46=3\xaf\x0f\x87\x03\xfd9\x19\xc5\xa0-\xe8\x1dN\x1c\xd4\x1c\x81\xbe;\xa5\xe3\x1e\x80\x19\x1e\xfed\xd8q\x06r\xfaC`\xc7\x8d\xf6|\x1e\xdf+\x06\x86\xb3Z\x90I=4\xfe\xfc\xbc\xd8\r\xda^\x1b\xd5G\xad(\xc0E\x1fk&amp;\x8bk\x9du\xf2\x06\xff\xc0S)G_\xde\xd2d)\xac\x93\xc70\x8aA\xe2\xb1\xbb;\xc5\xf3\xd4\x96gw\x97\xd7_W\xfeL\xb7\xda\x01\xe4g\x8d\x0e\x87\x92H\xea\xaf\xbc\xb7\xbf\x024&gt;)\x7f+\x80\xc3\xed7;\xb0\xd8\xc1K\xfcZ\x06\xd9y\xf2@8\xeaN\x8f\x99\xfd\x03f\x8e\xb3\n#?`J~\x1eh\xb9\x0b\x00\x00_\x1d\xfcL\xcb\x80/:\xc5\x88\x82h\xe9\x13Hf[e=z\x17\x14U\xe6\xe6I*\xb4\xaa\xe5b\xb3RDD\xf8\x01\xad\xcc\xc00\xbd\x07\x04\xff{\x88wZ\xc0|\x06UN\xcf3\xc9\xc3t\xb4\xb4\x05\xe3i\xdeE\xe66\x1c[q\xf7\rz\xf6\xfc|UB\xbf\xd861+\xdb\xb6\xb5\x8es\x85H\xa6\xdf\x08\xd9}b\xe2WTn\x00\x94\x06\xa4U&gt;\x19e-\xad\xcd\x91l+\xca\xb7\xb8tV\xf4\xedA\xd2\x1f\x17P$@\xf19M\ra\xc5k\xda\xab\xd0\x05.n\xb5\xb8\xdf\xd6\x06L\xd8\xbf\xf8e\x88\x19%\xa5\xc4\x0c\xba\xb4!\xb12\xc44\x1f\xb6@\x0cc\xe0\xa2\xb6\x7f:\xb6\xda\xb4\xcc\xb6\xd2\xcfl\xc7qX\xd2\'\x9e8\xf0s\xf7\xfc\xfb|x\xfc\xa6\x08\xb3RD\xb4}\xb8@\xa7%\x0f@\x87\x7f\x05\xbcn\x85L\xc5+\x8c\x812\xfaA\xb9\xfd\xb5\xd4\xa9\x13\xd9/\xed\x89\xed=\x847\x0b_j4Y\xdb\xe9\xbb\x8fT\xafxj\xc6\xa4\xd0\xe4\xb3\xe56\x00\xbf\xb3\xb5\r\xe7\x04b\xfa&amp;1\xf6~\t\xfe\xaa\x11\x84\x8b\xc3|\x85ti\xe0\xfc\xbd\xbd\xb7}\x0b\x80\x97lm\xc3y\xb3~F.|o\xc8\xceF\x97\xe3\x9c1\xd7H~?\x1c\xde\x1aF\x1d\x9c\t\x1f\x</t>
        </is>
      </c>
      <c r="E578" t="inlineStr">
        <is>
          <t>&lt;class 'numpy.ndarray'&gt;</t>
        </is>
      </c>
    </row>
    <row r="579">
      <c r="A579" s="1" t="n">
        <v>577</v>
      </c>
      <c r="B579" t="inlineStr">
        <is>
          <t>steps_per_sec</t>
        </is>
      </c>
      <c r="C579" t="n">
        <v>6500</v>
      </c>
      <c r="D579" t="inlineStr">
        <is>
          <t>3.0739942</t>
        </is>
      </c>
      <c r="E579" t="inlineStr">
        <is>
          <t>&lt;class 'numpy.ndarray'&gt;</t>
        </is>
      </c>
    </row>
    <row r="580">
      <c r="A580" s="1" t="n">
        <v>578</v>
      </c>
      <c r="B580" t="inlineStr">
        <is>
          <t>Loss/RPNLoss/localization_loss</t>
        </is>
      </c>
      <c r="C580" t="n">
        <v>6500</v>
      </c>
      <c r="D580" t="inlineStr">
        <is>
          <t>0.055036724</t>
        </is>
      </c>
      <c r="E580" t="inlineStr">
        <is>
          <t>&lt;class 'numpy.ndarray'&gt;</t>
        </is>
      </c>
    </row>
    <row r="581">
      <c r="A581" s="1" t="n">
        <v>579</v>
      </c>
      <c r="B581" t="inlineStr">
        <is>
          <t>Loss/RPNLoss/objectness_loss</t>
        </is>
      </c>
      <c r="C581" t="n">
        <v>6500</v>
      </c>
      <c r="D581" t="inlineStr">
        <is>
          <t>0.010262627</t>
        </is>
      </c>
      <c r="E581" t="inlineStr">
        <is>
          <t>&lt;class 'numpy.ndarray'&gt;</t>
        </is>
      </c>
    </row>
    <row r="582">
      <c r="A582" s="1" t="n">
        <v>580</v>
      </c>
      <c r="B582" t="inlineStr">
        <is>
          <t>Loss/BoxClassifierLoss/localization_loss</t>
        </is>
      </c>
      <c r="C582" t="n">
        <v>6500</v>
      </c>
      <c r="D582" t="inlineStr">
        <is>
          <t>0.10085037</t>
        </is>
      </c>
      <c r="E582" t="inlineStr">
        <is>
          <t>&lt;class 'numpy.ndarray'&gt;</t>
        </is>
      </c>
    </row>
    <row r="583">
      <c r="A583" s="1" t="n">
        <v>581</v>
      </c>
      <c r="B583" t="inlineStr">
        <is>
          <t>Loss/BoxClassifierLoss/classification_loss</t>
        </is>
      </c>
      <c r="C583" t="n">
        <v>6500</v>
      </c>
      <c r="D583" t="inlineStr">
        <is>
          <t>0.073797874</t>
        </is>
      </c>
      <c r="E583" t="inlineStr">
        <is>
          <t>&lt;class 'numpy.ndarray'&gt;</t>
        </is>
      </c>
    </row>
    <row r="584">
      <c r="A584" s="1" t="n">
        <v>582</v>
      </c>
      <c r="B584" t="inlineStr">
        <is>
          <t>Loss/regularization_loss</t>
        </is>
      </c>
      <c r="C584" t="n">
        <v>6500</v>
      </c>
      <c r="D584" t="inlineStr">
        <is>
          <t>0.0</t>
        </is>
      </c>
      <c r="E584" t="inlineStr">
        <is>
          <t>&lt;class 'numpy.ndarray'&gt;</t>
        </is>
      </c>
    </row>
    <row r="585">
      <c r="A585" s="1" t="n">
        <v>583</v>
      </c>
      <c r="B585" t="inlineStr">
        <is>
          <t>Loss/total_loss</t>
        </is>
      </c>
      <c r="C585" t="n">
        <v>6500</v>
      </c>
      <c r="D585" t="inlineStr">
        <is>
          <t>0.2399476</t>
        </is>
      </c>
      <c r="E585" t="inlineStr">
        <is>
          <t>&lt;class 'numpy.ndarray'&gt;</t>
        </is>
      </c>
    </row>
    <row r="586">
      <c r="A586" s="1" t="n">
        <v>584</v>
      </c>
      <c r="B586" t="inlineStr">
        <is>
          <t>learning_rate</t>
        </is>
      </c>
      <c r="C586" t="n">
        <v>6500</v>
      </c>
      <c r="D586" t="inlineStr">
        <is>
          <t>0.039792262</t>
        </is>
      </c>
      <c r="E586" t="inlineStr">
        <is>
          <t>&lt;class 'numpy.ndarray'&gt;</t>
        </is>
      </c>
    </row>
    <row r="587">
      <c r="A587" s="1" t="n">
        <v>585</v>
      </c>
      <c r="B587" t="inlineStr">
        <is>
          <t>train_input_images</t>
        </is>
      </c>
      <c r="C587" t="n">
        <v>6500</v>
      </c>
      <c r="D587" t="inlineStr">
        <is>
          <t>[b'1024' b'1024'
 b'\x89PNG\r\n\x1a\n\x00\x00\x00\rIHDR\x00\x00\x04\x00\x00\x00\x04\x00\x08\x02\x00\x00\x00\xf0\x7f\xbc\xd4\x00\x00 \x00IDATx\x9c\xec\xbdw\xfc&lt;O]\xd8?\x87`A\xec\x15\xb0a7"(\xd6\x88\x15\x11\xb1b\x07\x89\xb1!\xa8\xd8K,\xc1\x02\x16\x02\xd8QcA\x7f\xf6\xa8Q\xc1`o\x18[\xec5V\xec]\xc1X\x88\x1d\xe3\xeb\xf7\xc7\xdd\xee\xce\xccN/\xbb\xb3w\xcf\xe7\xe3\xcb\x87{\xdf\xcd\xbc^\xafi\xaf\xd7kfw\xef\x94\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E\xf66\xe0\n\x11\x11\x11\xa1o\x8f\xc3\x81\x07\xeb\xd6f\xda\xf0\x8b\xab\xabmri\x7f\x90&lt;\x81\xeb\xb7\xceB|2E\xdeND\xa9\xdf\xf2U\\\xaa\xf8-\xf1\x19\x99\xde\x96\xfc\x96\xce\xbc\xa1Ro\xb1\x96\x974j\x86a\x97\xff\xa2m)2\x12\x00\xa0\'\xb8\xa7~\x8c\x9d\xa3@\x84C\r\xdf\x98v\xfe}7\xc9\x92\x99d\x8f\xd9?\xc5\xacS\xe4\xcb\x8b\xf7\x0e\xe6\xdc&gt;a\xab\xfeqo*\xbeJS\xe4K\xee\xd3\xd3\xf7h\xdb\\\x86\xd9\x05\x95\xc3\x8cHE\x87a\xcf\'\xe93j\xddv_3\xd7\x8aNQ\xe9\x00\x00\x9b1\xbb\xa7\xd3\t\xef\xd4\x96K\xd7\xd2\xb1\x00\xc9\x08i\x92R*\xda\x0fFZ\xb9x\x98\xf3\x9b\xb9\x1d(J\x942\xdd\xd4Y\xfe\xf9==\xb9=\x9d\x96?O\'\x9f.1\xabd\xd8\xb3j\x97\xaf\x1fd*o\xbc;\x9bwRv\x8b,\xf9\x0e\xabD\xd4\xd2"oO.\x12\xa6\xffM}u\x9a$,o\xceV\x9d\x8b\xde\xc1\xd5\x12\x00\x80\x83 \xf2\x98\xedNF\x0ft\x04k\xc3e\x953\\b\x82\x9b\xa5b\xe6G\x92\xe6s\xfez:\xad\x13\xd9\x82\xed\xd3i\x9d+\x9fN\xa7)m=\xe9\x98\x99\xb3O\x97V\xe2\xf4&lt;\xf9\xf6\xccx\xfbOO\xc2]\xef\xeb\xd9\xff\xebiA$8\x1c\x97*\xfa\x11\x7f\xa8\xbc\xbe\xd18\x9d&amp;[\xe5r\x8bVH\x11\x00\xc0\x08\xe4_\xa8\x8d^\x99\x05\xa5\xae\xf6\xee\xcf+k\x0e\x8c\xc6o\xf7\x11{\xefFr\xc4\xf3:\xa5\xfc\xd1\xb1\xda\xfe\n\xdebM\xee\xff\xb9\xa8s\xdfh\xf4\rS\x81\xb9\xb0\xef\xa6#\xedV\xa2T\xc3\x82\x05t\tS\x99\xc7\xe92\xc5B\x9d\x08\x97\x00\x007Dy\x08\x1c\x9b?\xd1^__\xeb\xe0Za\xa2\x06X\x9ed\x959Wv\x17SJ\xbd\xb5G\x86Xr|\x19y\x98\xdf0s\xeb{fUw?\x96p1\xe9\xe1b\xec\x01\xa2\x0f\t\x04\xb4\\\nLe\xccfj\xad^\x84\xe4?\x98\x01\x00p+t\xf1\x8f\xfb\xf9\xdc\xa2\xe0w,\xae\xbbu\x00\xb7\xc6\x9c\xb6\x06\xce\xbf}\x97\x7f\xad\x94\xbal\x03p\xff%o\xfe\xbb\x86g(\x96\x9c\x04\xb1\x8e\xa7\xa2\xad\x0b &gt;L\xcf\xff\xd3z\xf9\xcaV\x00\x00\xf4"|(\xd2W\xef\x06\xa9\xe4\xb6\xfe\xf7\xea\xb3\xff\xeb\xa3b\xbc\x18\xe5\x91I\x1a\x9d7\xe1\xb6F\x83\xf7\xd7^\x1b\x89\xef\xdd\xbd\x1deg\xcc\x97\x05\xf5\xf0\x8c\x8e\xbdTy\xa44\xcc\xfeg\xb9\xdas\xc3\t\x1b\x00gy\xf3D_\x8b\\\x8b\xb5\xf7Y\x84\xdb\x1b\x06&amp;\x18\x00\x0c\xca\x8e\x1b\x80\x95{=&lt;d\xff\x07\xc1&gt;\xb3,\x11\xa1e\x00J\xdd\xa3\x9dm\xe3R7\xb7\xff\xb6\x99\x1dq\xd2\xc7\xf46Vk\x9dS\xca\\#U^\xbd\x9f\x0bM\xdaZ\xac\xbe\xe5s\x8a\x8f\xde\xfc\xde\xc2\xbah\xc0\x06\x00\x00\xc6e\xcf\x84\xd5}j\x02\xb0\x19\xb5\'\x8e\x9fTW\xfd\x96(\xe8\xa2\x9a^=\xc4\x88442t\xb0]9?sg\xb8\x88\xbc\x95\xe1\xd5\x9bxxQ\x8f]\x8e\xde\r\xc9i\x11$\xb5\x15_2o`.b\xcd\xfc^\xe3\xe9""\xea\x1fV\x1b\x00\xf3\xb9\x88\x83LE\x80\xdb\x86(\xbe\x07$O\xb01\xee3\xbcFiJCX\x1aGl\xbe\xbczr\xba\xec?)\xff\xdd&lt;\x95\xbd\xb7\xa0\xd9\xc2?CK\xca\x9b\xec\x90\xcd$\xfb9d~[=XD\xcew(\xc5Edi\xb2\xec\xd7\xaa_\xde\x9f\xdbh\xed\x10\x96m\x00G\x03\x00G\x81\x93&lt;\x80\x1b\xc0X\xe3z\xd8\x1ej\xf9?}0{\x86K\xc7\xef6\x98=3\xa9\x03\xd7$3^\x04\xd5\xcb\xe9\x82\xf3\xec\xdc\xe0K\x12\xa6\x96X\xe8\xe7\xebmO\xd9E\xe4\xf3eI\xdf\xad\xe4\xde:&gt;\xd0MS\xdf`\xed\x10.\x1f\xb62\x0c\x00z\xf2F\xcd&lt;2\x00\x1c\x84a\x9fB\xf9\xa1\xbd\rXh\xe1\x18\x1f\xdd\xc4\x92\xf1I\xec\xab\xf7\x8bg\xc6\x8d5\xeeD\xd8\xb6\xd8\xb7\x0f\x99r.-\x9d\x8e\xd83S\xff\x84\x92\xe2\xfe\xf5\x00W\xf6\xbfX\x15r \xe3\x8e\x0b\x00\x98\x0c\xe1I\xb9k\xf0z\xd9\x7fv\x95\xd3?Q\xde\xa7sXn)\xa4\xf7\x92(\xf5\xc8:\tz\x95#\x92{\xab\xc9\x16\xeav\xc5g\xe1{\x99\xcf\xd7ZU\xec7W\xc5r\x7f\x9b2V\xd2q\x1f\xe0/Y\xfa\x8f\xd0\xdb\x00P\xcc\xfe)\xda\x8e^f\xf7\xb6_9G\xde\x00\x00\xa4 J\xdd\xd7\xf3&gt;\x93_\'vx|=\x84\xdb\xf8\xd1\xeb\r@\xbb\xddQ:\x8e\xd3}\xebO\xed\xfa\x03\x00\xc0u\xb1\xe7\x05\x10\xbc*\xc0Ft]k)\xb7s\x80\x1a\xbeC\xb63\xcf\xce\xaa\x97\xec\x7f\xc7.r\xaa.\xb4\xe7\x0e5\x86\x00\x00\\7\x83\x07C\x80+\xe2\xb4\x87\xf0\xaeJ\x8f\xc8\xe0\x1d\xb2\x9dy\xa7\xd3\xf9\x7f\x17\xb4X\xd0\xdb\x86\xc03\xc4N\xd5\xfa\x9b\x84,\x80k\x83\xeb\xd4\x83#\xaf\xcc\xb5\x028:\xd3\xd7\x8c\xecm\xc7V\xdcNK\xe1h,O\x15\xfb\x8b\xd8\x7f\xf20\x00\xc0\xf51\xc4C\xc0\x00\xd0\x8b!V\xf7\xe5\xd0\xf1\x01C\x18\xd3\x1b\x9cj\x02\x05\xfd\xd3i\x039\xda]7\xdb\xf0\x839\x9d\xb9~V\x18\x00\xae\x00b\xd5`0\x1cpu\xdc\xd2\xd9\xff\x85\xebl\xef\x8e\x8f\x84v\xdbV\x89Ro\xddAl\\\xef6\x1b\xc5\x04\x15\xd79W\x01 \xc6\xfe\xcf\x1e\x81\x01\xc7\x87p\x8d\x88R\xaf\xb8\xb7\rPG\xb3\xef\x84)\x93\x90\xfae\xa3\x07\tg\xdb\x7f\xed\x8f\xd7\x8ch\x99-\x0c\x01\x80=\x10\xf5-\xac\xf0a\xf8\x03\xc6\x02\xae\r\xbeL\xf0*h\x94[\x97\xcc\x84\xa6\xbf~5\x06\x03d\xff\x00\x00\x00p\x0c\x0e\x9a4\x1c\xd4l\xe8O\xcaA\xb8\xb9\x81\xbc\x96\xd4\xf9:Z\xe1\x80\xaf\x01\x05\x00\x00\xc8"\x9a\x13\x0c\xfe]\x8a&gt;\x0ej\xf66\\m"\x98D\xca\xd48)uz\x97\xe9\x8fCtW\xfcj\xc9\x95\xecb\x00\x00\x00\xa0\x1a\x92\x82\xdb\xe3\xd63\xc1\xef\xc9*=\xc0of\xa5\x107o\xf3\xdf\xfd-V7xW\x03\x00\x00\xdc\x069\x8f\x0f\xbe\xdbq\xee\x978\x8a\x9d\xcd\xb9\xd9\x86\xe7"j\x9e\xfc\xa3\xcf\xea\x14\xf36l\xc2\xf4\xdd\xff\xf9{\xa7\xc1\xfb\x19\x00\x00 \x95\xc3\x87\xb4\xf4\r\xc0\x18\xdf4\x02\x16\x8cH\x05\xc7\xd8\x00\x8c\x86L_;$\xea\xaet\x1d\x00(E(\x82\xdb\xa3\xed\x9c\xdf\xe5n\x84\x0c\xa5l\x00F\x83\x11\xa9\x83\r@\x19r\xf9E\x0e\xba\x0e\x00\x00\xa0\x96\x03\xdc\x8e\x0c0\x02\x95\xcbD\xa6\xb56\xf8E\xad\x91m\x03\x00\x00\x80\xeb\x84\xfc\x03\x06\xa46k?\xc4\xb3\xbf\x1d,\x1c\xba\xbd\x00\x00\x000\x0c\xffH\xd206C\x1f`w\xa1\xc5\xb3(\xa3g\xff\x1d\x18\xe4\xd7\x82\xb3\xe1w\x00\x00\x006\x81\xdb:A\xe7y\xf66\x00\x82\x1cz\xad\x16\xdd\x7f\xff\xc9J\xa9\xd3\xa9\xf2\xb7 \xce\xd5\xefZ\'\xa49e\x83\x99\xf4\x18\x83\xfe\xd3gEZly-\x84\x00\x00\xc0@\x1c\xf2\x94\xe8*\xd8\xfcT\x92\x81\x86[\xe5\xb9\x8c\xbb\x80\x0e\xbc\x10\xa6\xef\xe3IhB\xb3\xf5\xfe\x83\x8d]\x07\x8e\x08\x00\x00n\x97O\x1as\xeb5\xa0I\x00\xb5\xfc\xab\xcc\xcf\x01\xbf\xc6\xffl\xb9\xee\xf2E]\xff\xf3\x0c\xd1\xab\x13#\x1b\x0f\x00E\xb0\xb0\x01\x00`\xbc\x0cu\x94\xb3\xff\x16\xcf3\x00\x00\x1c\x83\xe7\xdd\xdb\x00\x00\xc8\x82$\x03\xae\x89\xa1\x8e\xcc\x7ffo\x03\x00\x00\xe0\xfa\x19\'\xec\xc1\xc8H]\x92\xc44\x83\x91\x19j\x03\x00!\xf8\x16 \x00\x80&amp;\x9c\xbf\xfe\x82\xe0\x07!\xa6\xbb\x12\n\xbfkE\x84\xdb\xff\xa0\x15\x1d&amp;\x92\xa8\xe2\xb9\xdd\x1a\x96\t\x00\x00lE\xd1\xb7\xef\xed\x05gu[3\xfc3\x85p;t\x9a\x8a\xe3\xcc\xf0q,\x19\x94;\xeem\x00\x00\xc0U!\xc3\x9c\x80\xc58\x88\x99\xd7\xc2trO\xb7\xc3 \xf4\x98\x8a\xe3L\xefq,\x19\x14n\x01\x02\x00\x00\xd8\x05QO\xe1\x90\x12v\x81\xfc\x18\x00\xe0&amp; \xcf\xd8\x06\x89\xff|\xcca\xee\x11\x82V\x88\xe7;\xc5\xdfo\x83\x1b\xfayf \x1f\xbd\xc7\xc6\xfc\x11\t\x00\x00\x00\x18\x0c6\x00\xa0\x93\xf1\x93\xa2]\xf8\xb2\x9d\xf4\x8eL\xeaX\xec:p\xc7\xe5\xea\xef\xbf\xbf\xee\xd6\x01\xc0\xe1\xb9z/&lt;,$\r\xb0 \xcbo\xa3\xc2\x10\xb0&lt;{r]\xb3\xfd?\\KC\x00\x00\xa0\x17KVqE\xf1\x0f\x1a\xb0\x9e\x0cL\x8f=\tn\x00\xd8\xbd\x97\x93s\xb1\x8bN\xde\x19\x1e\x02\x06\x00h\xc4\xfcX\xdd@_\x86\r\xbb\xe3\xf8^(\x11E\x02\xb4#\xa7S`y\x9e\xa6O\x8b\x07\xe8A\xa5\x15o\x05\xee\xab\x02\x00\xc8\x05\xaf9,\xe2y=&gt;\x8d\xad%\xb6\'@\x17\xc1\xb5\x12\x9f\xdb\x87x\xb2b|\x0b\x01\xe0\xa6\xc0%\x1d\x14s\xe0\x86\xbaG\xb6u\x9c\xdb;p\xa6\xf6\xed~v\x0e3\xf4\x10\x84\x1fn\xeb\xc9\xd0\x1d\x9b\xbfE9\xdeT\xe1\x16 \x80c\xc1\x8d%\xe3\xe3\x0c\x03\'\xfd}\xb9\xbc3\x06\xa1\xdb!\xca\xe4\xed\xda\xb4\xb1\xa3\xf0\x11\x8e&gt;k\x90v\x99\xd0\x10\xddt\xd5\x83\xb5\x01\x81\xee\x1b\xc6\x01\xba8\x95\xf8\xb1\xa1[\x04\x00\x00\x90\xc5\xf1N\xb6F\xe6\x107?T \xedR\xe6wj$\'J\xe8\x81`\xa5\xdev+3\xba\xb2\xcf\x94\xbb\xea\xa9\x0e\x00\x00p\\\xb6\xfe\xbe\x0e\xb6\x13\xd7\xce\xf1r\xbeNs\xf2p\xfd\xd0\x98\xe9\xdbo\x01\x00\x00`8\x88\xd0;Antt\x127\xcf\xa3\x0et\xaf\x8bQ\xcb\x8f\xa1\xb3\xdb\x1f\x1a\x9e\x01\x00\xb8u\xb8J{\xdb\x84\xef[\xad\t\xe1\xcc+?\xdb\xad:F\xa11zz\x9b\xc0\xa9\xf936\r\xe9a\x9a\xf1mh\xcc\xbe\x8e\xd4v.\x1b\x00\x80[\xc7\x13\x03\xf0\xdc\x9b1pWW\x996n\xde\xb3?\xa7\xd3\x06\x8fJ\x8b\xc8\xaf\x0f&lt;\xb9\x8e\x88\x9e\xf6GGp\xf0\xb3\x95\xd3\xe9\xd4c\x91\x0e\xbc\xdf\xd9\x86\xe7\xdeJ\xd1\xadw4\x00\xec\xc8\xbb\xecm\xc0\x98\xfcH^\xf1\xb1\xb3\x84\x01h\xdd?w\xbd\x95\x0e\xbf\xf6\x07\x8ew \xfd\xce\x96K\xc9[\xec\x7f9Z\xdb\x0fd*\x00\xc0(\xe07\xaf\x9eA\x86\xb8\x95\x19\x834g\x0b\xc6\xdc\x00h&amp;\rg[\x84g\xe4\xdc\xfb\x93u\xa3\xd0\x95q\xa4\xbb\xff\xc9\xfe\x01\x00\n\xc1{\x02\x14\xd1$O\x1a%}I=\xf4=rN\x9c\x97\xd3\xdf\xee\x06\xe0\xdax\xd2\xde\x06\x00\x00\xf8 \xcc\x00\x1c\x08\xe3\x9bRj%5\xb1\xc8);g\x7fr#\xdf\xfar\xf5\r\x1c\x96\xcf\xd9O\xf5-Ll\x008&amp;\x9c3\x01\x8cA\xd2J\x94\x92\r@\xf8\xf7\xaa\xf6\xe2\xae\x9d\xe5\x0f\x93{\xdd\xc4\xf6\xe6f\x11\xa5\xfe&lt;\xf8)\x00\xc0\x1e\xc4\xb3\x046\x00\xc3`\x9f\x8324!\xdefo\x03v\xe0is\xea\xff\xb4\xc4\xb9!J\xc9]\xfd\x13\xa9\xdb\xad&amp;\xa2\xfd\xbb\x17C,\x9f\'\xf1\xad\xf6U\x8c\xdeo\x7f\xcc\xe0\x02\xc0\x98\xf4\x8c\xee\x1d\xb9\xd5\xeb\x12\xb7\xd9\xea&amp;\x88\xba\xf6isI\xd6\xff9\xb3\x8d\xc1\x044\xe7G\x97\x9e\x9c\xfe\xf5,\x93\xcck\x1e\x8eD\xa6\x1e\xbe_J\xd1\xfe\xe6\x1c\x0ef\x11\x00\xc0\xcd\xd0\xea\x16g\xb8%\xe4H_\xcaQtjX\xbc(\x02\xb5r6\x009\xdf\xcf\xb8,\xe1c\x8cH7o\x83+\xdb\x06:yS\xf8!0\x00\xe8\xc2\xcd\xff\x1c\x0cdr\x89\xfdC\xffr\xaa\xc1\xe9\xa4\xd4\xe9\xcd\xf2S\x96\x9c\xf6\xc5\x7fvJDN\xa7\xf4\x1fu:\xcd\xff$\x94=M*\xd2\xcaO\xf6d\x94nJ\xb7\xdfV;\x05\x84\x93\xb36\x83\x8e\x04\x00\xb8\x16\xf0\xe8\x90\xce\x11g\xcb\xfe\xd7+\xba&amp;\xa0\xcbu\xbcm\x9by\xa0\xbb\x8f\xd8\x00\xb4\xa3\xdf4c\x8c\x00\x00\x00:\xf1\xde7\x18e\xbb~\x05g\x1a\xf7\xee\xdd\xed\xe1\x1b`\xbah\x9f\xb6\x1c\x83\xcc(Q\xea\xa1{\xdbp\xdb\x88(\xf5\xe6\xebw\xef\x9c\xb2a\x18h"\x01\x00\x1c\x17\x9c\xa9\x97\xd0\r\xac\xb7qL\xd8\xbc\x8d\xb7\xd0i\x16\xc359p\x11\xe06\xee\x8c\xe7\x01\x80\x9d\t&gt;\x88\xc2\xb8\x94\xc33\x00\x00\x90\x8e\x9c\xef\x86\xdd\xdb\x8c\x11\tg\x08\xfb\xdd\xd6\xbe\xe5\xcd\x1b\x8eF\xd6%OW?\xd3\xd6i\xcd\x18Mv\xe6[+\xd3N\xa7S\xb7\xdb\xee\xc7\x01\x977\x06\xa2\\\xe9&gt;#\x03\x00\x006\xdb\x1e\x0em~\x9f\xf4A\xf0m\x00\xe8\xab&amp;\xf4\xba\x03g\xef3\xef\x91\xce\xdd\x071\xa3#\xa37\xf0&lt;\x19\xbe\xf2\xfa\x07\x02\x00\x00`\\*\xc3\xf0\xb1wJ\xa3d\xa5\xcd\xd1\x12\xee\x16_\xfd\xf98Kz\x911\xc56\\\xe9\x18\xdd,{&lt;\x89\x0e\x00\x00\xb0=W\x1b\xea\x06:\xd9-\xe2\xd0\xc6\x07\xe88.\x07\x1fq\x18\x00\xa9\xde\x13\x82\r\xcf\x00\x00\x00\x0c\x08\xf7\xb6\x0e\xcaQnz\xcf\xfd\r\xaf\x8e7\xf4\x9f\xfa}C\xff6\xdc=\xfc1\xdb\x9bvDzr\xbeF\xc5N\x00\x00\x00 \xca\x97N/\xb8\xa7\xa2)\x03\x1fI\x1e\xfdJK"y\xcdl\xd6!\xd7\xdf\xb1\x032oh\x9f\xbf\xe5\xd5\x00\x86\x12\x00\x8e\n\xfe\x0b\xfa\x12\xc8\xb1n!\xc5\x0c"\x1f6j\x0f\xdc\xc2\x06`\xf9\x8a\xd2\xe4\xc2\xbdM\x82\r`(5\xe8\x07\x00\x00\xe8C\xe8\xb0\xed\xc6\xc3\xf0\xe7\x8d\xdb\xfc[H\x92r6\x00\x95\xbf,v\xe5=\t\xc7\x84i\t\x00\x00W\x0bA\xae\x84[\xd8\x00\x00@1&lt;\x04\x0c\x00{B\x9a\x92\xcc\xb8\xb7\x9bw\xe6\xd0\xcf\x8f\xee\xc6I\xa97\xdf\xdb\x86[\x9d\xb1\xd0\x8f\xaf\xae\xab\xce\x84\x04\x00\x18\x83\xe0\x06 \xe0\xac\x9f\xdd\xc5\x9a|\xf8v\xead\xe8\xa5k\xc5\xff|\x08K\x03Z"\xda\xef-\x16\x1c\x88\xe8u\x81+\x00\x007\xc7p\xbe\xef\xa4\x94\xc7\x9b\x07\x8e~\xef\xd8\xcd\x9c\x0c\xce[\x17\xcd\xee\xe1\xfav$8\xc8\xbfV\xdc#{:\x1d\xe7;S\xe1\x00\x88\xc8\x1c\'\xa4\xe8\x82\xe8I\x9d\x9e4K\xbb\xe1k\xaa\x00pL\xae\xf4\x86\x99c\xfa\xe2\xd7\xc8\xf8\x12\x12\x00\x00(E\xe6\xa7\xbe[I{\xf0\xc0_\xe3\x0b\x00\xb0\xe6*\x1d\x16\x8e\x18\x00\x00\x00\x00\xa0\x88\xe9K\x1b\x8f\x94Oox\x88&gt;N\xcf\x8cc\t\xc0\xf1y\xbf\xc0OUD~\xca\x17\x8a\t\xffH\x08\xcf\x81\x00\x00\xc08l\x19\x90$\xf8\xe7\x80\x08w\xc7\xc21)\xf8.\x01\xa8%\xba\x01\xe0\x0eI\x00\x00h\x0c\xa1\x05\x92!\x11\x81\x19fBC\xbc\x9d\xc9\x15\x00\x00\x00\xf0\xf3\x9b\xee\xcc,\xe5\xe8\x88\xe3\xa5\x91\x18} ZO\x95\xd1\xdb;&lt;t \xb4\x86p\x00\x00p\x14\xa6$\xdev\xdc)\x97\x8f\xc9\xfe7\xe7\xea;\xfc\xea\x1b\x08\xa3\xa1{\xbf_\xdc\xd1\x8e\xeb\xa5xQs\xf9\x02\x00\x86&amp;|\xbb\xf6\x11\xfc\xd7\xecdW\xde\xf6\xe0)\xfe\xa1\x8do\x02=p\x1d&lt;\xaa\xbf\x8a\x1eS\xe5\x10\xd3O\xd4[v\xb3\xf3\xd8\xfe\x13\x00\x00\xfcD\x8e\xc9\x0f\xf5=\xc7\x05\xb7\xf4\x8c\xbaC\xf8\tN\x8f\xd4\xf2\x85TplF]eW\x03\xdd\xdb\x90g\xecm\x00\x00\xc0&amp;\\\xd77-d\xe7\x8b\xa3\xb6}\xdfA\x19\xa5C\x86\x1c\x1a(\xe0\x88\xe3x \x9b\x0fd\xaa\xc5h\x96s\xec\x92\xc1\x1d\xf66\x00\x00j\xb88\xbb\xd3\xf78?\xfd\xb1\r-i\xc2I\xa9S\xdf\n\xc7\xe2#\xce\xe3\xfb\xc0\xbcZ\xa2\x06\t\xcc\xa7\xd35\x0f\xce-q\xc4q&lt;\x98\xcd|a\x0e\x00\x00\xa4\xa2\x1d\xff\x139\xfa\xb2\xd3av\xc5\xe3k\x00p\x1c\xae\xf7r\x19\xe1iP\xb8\x02\x00\x00W@\xf7\x00\xb3\xcfa\xf6W\x1a\x7f\xe5\xdcVt"\xe8\xc2\xf6\x0c\x96\xc5&gt;bo\x0328\xde\xe5\xb2Twt\xc2\x15\x01\x00\xb4g\xd4\x9b\xe07\x85N(d\xe8~\xe3\x8e\x88\xa3\xc1x\xed\xca\xc6n0\xa8\xeeM73C\x83\xe9\x07\x007\x85\xc8\x9f]a\xdc\xcdK\xfe\xb6\xdf\x00\\\xc3\x9dW\xda\xe3\xe3i\xbd\xd7\xbc\xb1/\xbc6\xc9Pw\x85\x13\x1b\xa0\x17[z\xa4\xe0\x97O\x1c\xdc1\x02\x00\x1c\x81p\x92t+^x\xaf\r@\x0b\xa5\xbb\x8d\xd1\xc5\xfe\xb4\r@~c\xc3\x85}\x9f\xee\xb2\x0fi\xc5\xb0\x86\x1d\x94\xdb\xeb\xcf\xe3\xecx\xbd\x0e\xf0\xb2\t\xe9\xd4\x90\xc3\xf4\xcf!\xe0\x19\x00\x80\x83rv\x85\'\x15\xb8st\x98o\x83)d\xe0p\xd8\xee\x86\xdd\xddn\xfc\xbd\xb4\xe0t\x07\xd5\xe3\xfe\xe3\xd0OS\x04\xb6\x12\xa6\x19?\xeb\xcc$\x86\xbdUzX\xc3\x8e\x88\xdcb\x7f^A\x8bO\'\xe3\xbb\xd9\x1a\xfb\xf0+\xe8\xa0\x81\xa07\x01\x0e\xc99\x87:\xdesc9\xdcB\x1b\x0fE\x83\x9cl\xce\xfdS\x86\xf52\x01\x94\n\xedr\x01\xd6\x88\x08\xae\xa3/\x97\xa5\x1c\xeed\x11a\x14\x86\x85+\x00\x00G\xe5\xea\xdd\xea\xe9tr\x05\x8fq/\x0b\x141`s|&amp;\xb5\x9dq\xd1\x86Kb\xb9\x1c\x99p\x1b\x9cN\xa7\xd3\xaf\xb6\x10\xc4\x8c\xf2q\xbao\x82Gh\xe8\xc0\x93\x1f\xbbzN5\xe4\xd3Y\x03\x7f\xdd\x02\x00\xc0\xf8\xdco\x90\x9f=n\x18`&lt;rD\xf6\xfe9\xe1^\xe8\xcf\x1e\xc4J]g\x0f\x80\xc6\xd8\x83\xcb\xdc\xf3R\xb40\x97\xe5\x9c]w\xf1\x06Q\xbdCn\x00\x00\x00\xa0\x8a!2\xc2\xf66\xd8\x02\x97\xe3\xae\xdd\x1b\xdb\x9e\xb4(\xbe\xfc6\xea\xf5\xf5\x00\xc0\x8d\xf3\xee\xb9\x15\xb4\xe3\x00\x1c\x02\x00\x80\x03\x9c\xe3\x01Y\xef(F\xd8\xe7t\xe4\x8a\x9b\x06\x00\xaa\xf9\x1a\xe7z`sx\x06\x00\xe0\xaa8\xdf9r~\xb9\xb3)\x90\xceiu7\xad\xf3\xf1\x87\xeb!\xdc\xb6\xdc\xa9+J\x89\xfa\x19\x8e\x06\xb7\x86\x84\x0c\x9ct\x98\x17\xd3\x97\x07h\xaf\x01\x00`\x81\x90|L\x18\xb2\x0b\\\xe5?\x10x\x1b\xa5\x14s\xd5E\xe3;$\xbfR{\x00\xe0\xd5\xd2\xa7\xdcw\xe1IB\\\xf3\x11\x13\x00\x00\x1c\x8b\xe9\xbb_\x15\xe1\tr\x98~\x17\x05\xae\x0cm\x8by\xf3n\xe1&amp;\x7f\x1c\x03\x00\x00\x9ar\xa5\x07c\x1cH\x0f\xcd\xcf\xb6\x12\xc4\x95\x07\x00\x00\x00\xa5\xd43\x9bI\xe2\xb2\xfeM\xc0\x10\xc3q\xc1G\xc1\xf5\xc1\x94\x06\x80L\xfcw\xe2\x96\xff\xe4J\x8d=\x1b0[\x98\xf8\x85\x92\t\xbc\xab\xef\x83/\x1e\xbe7\x8ax\xcc\xde\x06\xc00x\x1f\xba\xb8\xca\x99\x0f0 \xac5\x00\xc8\xc4\xff\xe5hsP\x8f=\x08\xe5\xa8\xfb\xa8F\xd6\xf5\xe7:\xb3\xf3\x1b\x81\xb1\xdb\x1f\xbe]\x116\xa4\xf54\x8b\xcf[&amp;6\x00\\#\xcfg\xfcZ\xea=\xacO\xf96\x95# \x1f9D\xee\xb5\x83\r\xe4\x9d#p\xc4\r\xc0\r{\xb6\xdbl\xb5\x9b\xb4yK\x8f\x01\xc0\xd5\x12pp\xf8\xbe\x03\x90\x90\xcd\xc8\xeaE\\j\xb9A\x1dE\xad%3E\xf7\xe5x\xd9\xbf:\xc2=\x8a[r\xb3\xdb\xa1#N]\x00\x00(\xe4\xf6&lt;\xbe\x98\x1b\x80\xad\x9b\xdf\xb6\xc3\x89\xd9\x83\xc1\xaf.\x1c\x1e\x16\xd4\xc0\x88\xc2\xe9\x01@Op.\xb0=\xc5\xb3\x8e\xe9\n\xc7\x85\xd9{\x1dl3\x8e/r\xd0\x8bl\x00p\x0cp.\xb0\x03\xde/\x9eb6\xc2\xb5\xc2\xf4\x1e\x8b\xe9[\xe0\x18\x14\x00\x00\x80\x9d\x89&lt;\xcf\xc0~\x15\x0eK\xab/\x1d\x86F\xd8\xc3\xe1\xdc\x0c0dn\xee\xb0\xb7\x01\x00\x00\xb7\xcc\xf5\x05\xa7\xd0\x8f\xd5wN\x9f\xae\xaf3a(N\xea\xf4\xcd{\xdb\x00\x1a\'\xc3\xdbx~\x15&amp;\xe4\x912\xb9_;Q\xd9p+\x11\x00\xac\xf8S\xcb/\xe0#\xa2|\xc1\xde\x06\xe8\xec\x19T6\xa6k\x0c#:\x02\xdc2%\xee\xe5\xdf\x8bR\x1f\x9b\xaea\xc7\xf0\x8a\x7f\x03\x00\x07\x9ak\xe0k=\xae\x90v?x\xbc7\xae_\xac#\xb0\xf5FD\x94z\xcb\xbd\xad\x00\xe8KQ\xec\xdb\xc5\xf9\xf8\x94\xe2\t\x01\xa0\x1c\xd2\xa9\xab\xe4j\x87\x95\xeb\xda\x9b\x10\xf8\xa5p\x80\xab\xa1rJ\xaf\x9e(x\xb5Nk$\xb0\x01`U\x02@!\xfe\xa3\xe2\xd7\xc2\xb3\xc0\xde\xac\'\'\x1b\x80}\xa0\xcf!\x97C,\xd5f9\xf4\x1eg\x13\xd7r\xa5\x17\x00\xf6\x80\x1f\x06\x86\xdda\xa6\r\x05\xc3\x01-\x90\xf4\xfbK\xf7\xbcQ^D\xd4\x7fO4 \xf1\'\xd8\xdd\x8a\xd2\xadJ\xe4%/\xdd\x9b\xbe\x87ai\x03\x00\xc0@\x10\x96\x06\x81\'\x82\xa0%\xe3_\x01\x10\x91\x8fjcdx\xe1\xf4\xb880\x1f\xff\xa7.\xdb\xf1\x87\x03\x00Z\xb2v\r2\xd14\xd2\xe3Y\x9aC\x97\xc2\xc6\x1c\xe2\x9e\r\x80jD~\xe5\x12\x01\x7f\xa5\x91\xbchH\xedu%D\x0b\xe8]\xe4\x03\xc0\xf5 \x1ay\x1e\xa1"9\x98\xbe\x97\xe6\x13\x1d\xef\x8f\xe7\x95\xb6\xfc\x16\x9d\xa8\xe3\x1e\xb3\x8b:\xd1ak\n\x00\x07\xe5\xee\x9e\xf7\x03\xfe\xe1{\x13\xbc\x87\x1e\xfe\xda\x1c\xff\xb7p\\\x85\xdb\xef\x9c\r@\x15\r\x7f\x1f\x01\x006@\xd6\xcbV\xf7\x14\xa7S\xfa\xa2\xbe\xd4\xcb\xa9bW?\x9d\x94fO\xa5\xc0\x8e\x9c-\x1b\xc40\xcb\xb3\x0fbU\'\xe6\xc6^w3\x01 \x8a\x88\xe8!\xe3\xf2\xa7LQ\xcd\xed"\xce\x1f\xfb\xbd\x87\xe6O\xcdx\x94g\x9aU\xb1E\xc88\xdb\x95+aiOo\x9f\xc9/\x01\x03\x1c\x8b\xd3\xfa\x90c\xf6\x12\x99\xee"\xfc\x8b\xad\xa2\xd4\xe3\xa3\xd5W\xa9\xec\xe9t:\xa9\xf1N|/\x86u#\xeb\xb4&amp;h\xc9p]\xd7\x04\xb2\x7f88W\xb8*\xb7\xe6\xe2$\xbf\xd1~\xfb\xfc\x7f^\x0fq\x8a\xa4\xd0F\xf8+\xf63v\xc5\x16!\xe3\x94i\xcf\xa3\xf5s\xff\xd3]\xea\x94\x03\xc0\x95\xf2\xe7M\xa4T^g\x14\x11\xa5~\xde\xff\xd1\x8d\xf0\xfde\xd5\xcc\x1b\xb7f\xfe\xdfu}\r\\j[\xb8M\x08:3\xc8\xec\x1a\xc4\x8c\xa1\x88\x86\xa1\xb3s\xb8\x87R_V \xbb\xd4\xaa\xad\x11\x13\xa6\n\x004gv+\xb57\x1a\xdeR\x96\xef\xc0\x93\xc1o*ad\xae\xb5]\x00\xb0-\xa2\x9e""\xa2\xde\xab\xc0\x9f\x1c\xc8\x05\xc9\xe5\xe29\xd9?\x00\xf4aq.[&gt;\x1a{}\xb0\x01\xf0r\xad\xed\x02\xb8*\x9e{o\x03\x12\xf9\xe6\xc7\xe2L\x00\xe0\x06\xf1$R\x1c\x12\xec\x87\xd8\xe8\x9f\x94\xc9\xe8c\xe8&gt;x\x1aum\xcd&lt;,\x8c\x02(\xa5&gt;\xcc\x9c\to\xb3\x9b!\r`J\x97\xc0\x83Y\x00\xa3##}\x83M;\x1c_gt\x14\xc2\x89\xac\xff\xeb,"\x12\xaen\x88-D\xe4\xea\xdb8:W\xeaLt\x96\xaf\x84\xd9\xd3\n\xd8\x93\x03\x07\x97-\xe1[\x80\x00Fg\x8a\xd6Ws\xc8\xf1bJ\xa9+v\xd0\t\xe3t5C\x99E\xdf/b:*\xdc\xef\xdb\x98S\xfe\xb7\xaf\xc0\xde\xb4\xb9\x19\x95\xbd_\x1el\x00\x00\x0e\xc8\xb1o\x1ay\xe6\xde\x06\xf4%\xfc\x8d\xd5\xc7\x1e:\x1b\xfb&amp;\x9f}\xac84\xa7m\xb2\xd5\xe57\x92\x06\xd8\x86\xc9\xeaE\xb4\xbc\xe4\x94\x87\xa3 J]\xcdW\x80}\x08\x0f\xd4\x01@\x0f\x0c\xcfr\xa8,\xf2(vf\xb0z\x04\xc0\xfbH@J\xe1\xe3&gt;\x06`\x9b\xfd\xa9\xc7k\x02\xecAi6\x7f\xc05\x02A.3\xa1\xd4\x01\xee5\x1f|z\x99\x9f\x000"\xfb\x1c\xb2\x1c1\xaf\x8d\x92\x90\xcaKz\xe1m7\x00-\xbf\xf7)\xd3\xe6+\x9c\t\xc9\xdcr\xdb}d\xf6\xc917\xc9\x10D\x94R\xea\xbb\xae\xe2\x02@3\xa4\xf8\xb7e\x00\x00l\xd6Y\xe9\x06\x1a\x95z\x97\xcd\xd4mLV*?\xbfS\xb7\x01h8v\xcd\xa7\x01\xc1\xfbBp\x10\xc9r\xea`\x03p\xad\x88(\xf5g\x95"\xb2U^\xed\\z\xc9\xe9\xc5\xd6A\x1f\x00\xc6\x83/\xfbo\xcd\x8f\x15\xfap],\x00\x00 \x00IDAT\xa5\xf2\xc5\x1b\x80\x84\xed\xc1R\x14\x8f\xbf+[v\xfe\xad\r4~\x0c\xda\x90\xe1Q\xa7\x1aG[nsL\t\x99\xcdC\xc0\x007\xc0\xeeO\xfd\r\x86\x88(\xf5\x8b\xc5\xd5\xdf\xc8\xf5\xe6\xe9\x14\xf8\x96\x9b\xad\xe2\xc7FO\x94\x1e\x91m\xce\xfc\xb6\xec\xfc\xc1\x07\xba}o\xff\xa7\xc2z\xc7J\xdd\xa0\xeaa\x8f\x84e\xfe1\xf9R\x07_kkN\xa7\xd3\xf9\xeb(\x0eg9\x00\x94\xf3\xe5M\xa4\x88\xc8\x83\xaf\xf8\xbc\xad\xbai9w\xefxk\x99\x128&lt;\xee\xcb\xf5^\xf4\x1f\x11ix\xe1\xf1k\xa4\xe29Q\xa5\xbe\x84q?\x1c\r7\x00NQ\x8f/\x90;\xc0\x05\xa8\xc3]\x88\x00\x80#!J\xfd\xd5\xf4\xa2\xd0\xd7\x84\xe3\xf4\xb5\xdc\x98X\xb2\x01p\xd4,\x92`\xc9kZ\xac@\xbf\x90c\xdd2\xce\xd9\x9b9\xabS~&lt;\xc3\xf2\x1b\xd7\xe1Fv\xe7\x8a\xfbP\x1a&gt;7R\xed\xa5\xdbXq\xd5O/\x00\xc05\x10\x8e\xcdW\x13\xb9\x07\xd9\x00\xe4\xd2\xa3\xff\xafc@\xa1\x84\xd5\x04\x9e\x13\xaf\xff\x96.#W\xe9\xeb\x93\x06\xb5\x81nL\xc2\xe3\xa2e\xda\x97&gt;\xa2R|\x8e!rE1\x14\x00:\xb3\xfd\x99\xc1\x18\xe7%[P\x90\xc4\xef\x9a\xfdw\xba\x023\xf8X\xcb\xea\x05t\xa2\xec\x96\xb6s\xe1\xe7\xcf\xaf\x92dQc\x81P\x88\xa8\'\\Y\'\x17L\xf5\x81\xe0!`\x00\x806\x94\xa5\xf2\x1b\xff2\xeb\xe9\xd4)`\r\x1c\x05\x076mS\xfam5\xdfYV\x1a\xb2f\xf5\x03\x94RJ=+\xa3\xc6\xeb$\x96\x93G\xa5\x16\xccP~@\xf6o\x9e\x88Rw\xde\xdb\x087\xc5\x9ds\xd2\xfe\xdd\x81\x1b9e\x03\xb8y\xfa~1Ba\xe1d^\xbb\x83\xcc!(8\xce\xdf\xe4\xec\x9f\xc00\x14\x1fz##\xd2|V\xbb\x05\xa6&gt;\x91\x99u@{\x13\x034\x0cw\xdb\xdb\x00\x00\x80Cp\x8e\x82\xee`\x16\x8b[Y!\xb9GVz\xed\xb7\x039\xef\xe9\xb7\x9a\xbc\xd7\r?\xbbp\xe8\xcb\xe2\xdd\xe8\xdd!\x83tx;3\xfcKF\xd26\x00E7#\xc1&amp;\xdc\xfb\x96\x07%?\x88\xf7\x81\xaf\x08\x058\x08"\xaa\xf4^\x11\x11\xe9}\x9f\xc99Ho|7\xcbHd$\xf6W\xdfK"rR\xaax\xba\x02(sE\x95-\x99\xc9)\xa9X\xaa#"\xd7\xbf*a\'\xa4e\xa6]\x91\x06\xaca\xc6\x03@-7\x9f\xfd/\xac\xf7\x01s\xb7$\xa7#phd\x8a\xd1mG\xb9i\x1aq\x00\x8c\x95T\xb3\x01P\xb1E\x87\xfb\x82\x04dZ\x82\xd73Ox\x08\x18\xe0\x16p\x7fQ\xf7\xf9\xfd\xe4\xfbR\xa2en\xf9\xaa\xee\x85\xd3\xe9tzg\xe3O\xe3#~\xa9\xf7\xfa9)\xd5c)\x1ct\xda\xdcQ\xdd\xa3\xac/\x8c\x85Si\x84\x88RJ\x94z\x13\xb7\xa6\xd0ox\x97\xebl-\x10\x02t\xefm\x91I\xc7v\xf7p\xde\xc4\xfd\xa2\x00\xd0\x13O~??TP\x7f\xa7l\xa6\x84\x8c\xef&lt;.4\xa8\x16\xa3\xc7\xf0\xc2\xa0J\x9e\xa4o2m\x8e&gt;\xf7\x12=\xc3\xbb:\xde{\xc3\xa4&gt;\xfcP\xff\xb8\x18\x0f\xde\xb4_\xc5A\x818\x8d.\xf8\x9e\x82\xdb\xa0\xb7\xcf*:\xcd%\xa7\xc2\xcb\xda!\x00\x01@\x0f.W\x00\xd4\'W\xb9\x98\x9c\x10\xbb8\xb5\x1by"\x16\xae\x83\x84\xb9jm\x1a\x1b\xccm\x9ea\x8d\x10\xf1!\xfd\xfcLt\\\\[\x1a\xa8c\x80\x90\xb1y\xd8j\xa0\xee\xb9\xdbX\x02\x00;\xe1s\x01\x03$\x07K\x88\x15\xa5~+\xa5x\x93\xcb\x0e\x90@\xef\x1ef\xf8|\xb4\xe9\x99\xbd\xd3\x9d\xeb\xa0\xc7*\x18_\xe0\xf5\xb1\xe1\xe9\xfbX607\x00n\x9a\xb0\x0b\xd8\xcfA\xec\xef\x91s8\x90\xa9\xcd\xf8\xd7\xbd\r\x00\x00\x18\x99\x9c\xb8p\x8bA\x04\x00\x8eM\x82\xdb\xc2\xb5\xc1-\x9e6\xdd`\x93\xa3pu\x0e\xc6\xe4\x16\xa6\xe5Fm\xe4[\x80\x00\x0e\xc1\x16\x1eA\x94R\x7f\xbd\x8f{\xcd\xbf\x1dH&lt;\xafw\xe2\x8b\x07\xb0\xa1\r\x07\xfd\xb6\x99r\xa6\xaf\x88\xc9\xab\xd4\xc3\x92\x91\xd8b\x1ap\x83S5\x87\xba\x00\xdb\x82\x01\x9a\xfb\xf1\te^\xb8F\xc1\xf9&amp;\xd9\x83]]\x07\x80C\xb3\xe3M\xf9\xb9OV\x8d\x96:\x0c\xf0t\x1a\x14\x92;\xed\x07\x19\xeb\x11l\xa8\xe1\x89G\xfe\x1a\x80a\x9e_\x1a\xc1\x86(\x870r\x1c\xa6\xa9u\xcc\xa5\x01\x00pc\x1c6\x95\xb9%B_\x17\x93!\x85\xb1nA\x87o\xe7\xdcnPF\x99\x00\x83\x98\x11f\x94\xcd\xd2\x86\x94\x8f\xcb\xcb\xb44\x03\x00 \xca\xde\x07Z\x07&gt;\x0b\x04\x93\x17\xd9\xdb\x80\x00m\xbexj\xef\xc5r-|\n\xdf\x03V\xcf\x95\xf5^\xab\xe6\xc8\xea\xc5\xb6\xbc\xd0\x95\x8d\x0b\x00\\7O\xd9\xf7\xab9I\x05\xa0/\xd3ys\xfd4\xe3;C\x1aq%\x9dSp~\xb1\x97\x8f\xdd\x89\x87$\xfdD\xcc-^+\x00\x00\xd8\x10\xaf\x87\xdd\xf9\xc7\xb9\xae$\x1b\x80A\xf9\xb56\x13\xac0G\xe1\x1aWgv\xe8[Y\xb1\xbd\r\x87 \xb1gD\xa4\xf2\xf1\xd9\xdb\x85\xb9\x07\x005\xec\x1b\xc6\x06\xf8\x91\x17\xb8nZ\x1d\xff\x17\x0baz\xf7c\xa3\xbe]\'\xfdl\x03\x12\xf8\x9a\xb4b\xeb\xae\xfb\xae\xc6\x86\xec\x03S\x02\x00\x0e@y~\xe3z\xaaO\xd2\xaf\x8f?\x99\xc0\tC\xc0O\xa7ub\xa8\x1f\xa5\xfe\x9a\xdc*)\xa9\xffv\xdb\x80\xab\xf4\x96W\xd9\xa8\xfb\xc9\xbf5n\xd75\xf6\x12\x00\xf8y\x0e\xcf\xfb\x9dn\x9a\xac9\xe3\xb4\x0f\xf2o\xf2T\xec\x06\x9b\xac\x13n\xbb\xfd\xe9m\xf7U=\xbe\xde\x1b\xa7W\xd7G\x03\x8d\xc5\xbf[\xff)\x94\xbb\x01\xe88\xabo\xd1\xa3nIY\xdf\x86\xbfd\xacM\xa4\xe6*\x13\x00,L\xee\xa0\x8dG\xd8\xee\x04\xeb\xaa\xb9\xf1&gt;\x14\x11\xf5K\xa1GMF\xcaM\x8f\xce\x9b\x0e\xdf\x99-\x1d\x94WA\xe7\x1b\x08\x0b\xb2\xff~\xbe\xf4\x96}\xcb\x06\x94\xf6md\x92\'\xecQ\xef\x15\xd7\xd14\xdc\x03\xc05\xa0\xf9\xacr\xd7\xb0\xd1\xf1\xd5\x95sM}Xj\x7f$D}`_\xed0\x10\x99\xab\xa0d\xc9\x88\x88\xa8\xaf\xdf:\xfb\x0f\x7f\xdas\x0fp\x1d\xbeeXvI\xaf\x19M\x00\xd8\ry\x98\x88j\x10\xae8\x9cP\xeaz\xae\x00\xf8FS\x94z\xe8\xd6\xb6\xc0\xd1\x90f\xdf\xbb\xba\'\xaeT&gt;\xd0\xa2\'\xae\xcb\xb7\xf5\x06?\xbf\x9do9\xf6\xc0\r\xcd\xdb\x1c~]\x00\xc0\xd5\xd0\xea\x02\xfa\xec\xd7r\x1d\\\'o(i_A\xdd^\xef\xf1\xb3\xff\x00\x07k\xdaU\x8f\xc5\xb8H\xe7\xdbr\x02z\x1b\x8exv\x06\xdfk\x03\xf0^\xba\xf4M:\xb6\xb7\x8a\x9b]\x95\xd1m\xe4F\x9c\xf66\x00\x00\xae\x12\x99\xdd\xcb9\xf2\x9d\xb4\xffu\xe5OD\xee\xb6z\xf3\xa4\x94:U\xab\x16\xd9\xa6\tN\xddJ\xed\xa5\xfa\xac\x7f\xc7\xb6C\x13\xe4\xca\x86\xef\xe2XV\xebzN\xb5\xd7\x1f\x95\xa9\x98\xa4)\x91\xb3\x17\x89\x88\xf5\xe5\xfa\xf5\xf6(\x7f\xab\x9b#")\x8d\xad\x10\xbfE+ \xc0\x1d\xf66\x00\x00R\xa8&lt;-8\x9f7|v\x1b[\x92XE\xe5\xce_\xf26\x1f\xb3\xad\xb3\xffI{\xca\x15\xfc \xa7\xd3\x95\xa5P\x0b\xd1\x13\xca\xd3y\xf8\xae\xfb\xca\xc6Us\xa5\xe36O\xc8y\x81\x9fN\x97\xcd~\xebK\x01\xcb\xbf\xc52\xea\xcd8\x9d\xda\xe6\xcda\x7f\xf8Z\xd3\x8b\x97l\xa7Q)\xa5\xd4\x9b6\x967\x0cGZfW\x1a\xcc\x00\xae\x8c\x83\x9f\xbf6&lt;\x93\x8biHe2\xe4\xa8]\xda\x1aQ\x12\xbfH\xb2\xd9\xe9#@\x80\x90?qy\x82\xb2\x19\xbb\x96tz\xb6RwJ]&amp;kz\x1e\xa8\x97q\xb1\x94\x15\xbd\x1f{^\xda\xe5\n\x00\xc0\x01\xe8}|^LV\xde\xdd\'\xca\x14\x1e\xf3\x9do\xa3\xe5&lt;{\xe2\x942&lt;\xa7\x13\xa9B\x00\xe6R&gt;/Zu\x7f\xbc\xe3\xf6\xfa\xae\x13\xf4N\x97k\x89a\x93\xfc\x1fu0\xa9\x82\x97\x1a\xcc\x1e\xa5\x94\xff[\x07\xae\x9b}\x1a\xc8\x06\x00\xe0\xb8\x0c\xf1 QJX;]2\xc7\xe6\xb1\xd9\x8e\xb6\xa7\x85\xaf+\x14\x01\x11\x0e\xbd\x03\xe83\xd6\</t>
        </is>
      </c>
      <c r="E587" t="inlineStr">
        <is>
          <t>&lt;class 'numpy.ndarray'&gt;</t>
        </is>
      </c>
    </row>
    <row r="588">
      <c r="A588" s="1" t="n">
        <v>586</v>
      </c>
      <c r="B588" t="inlineStr">
        <is>
          <t>steps_per_sec</t>
        </is>
      </c>
      <c r="C588" t="n">
        <v>6600</v>
      </c>
      <c r="D588" t="inlineStr">
        <is>
          <t>3.0485287</t>
        </is>
      </c>
      <c r="E588" t="inlineStr">
        <is>
          <t>&lt;class 'numpy.ndarray'&gt;</t>
        </is>
      </c>
    </row>
    <row r="589">
      <c r="A589" s="1" t="n">
        <v>587</v>
      </c>
      <c r="B589" t="inlineStr">
        <is>
          <t>Loss/RPNLoss/localization_loss</t>
        </is>
      </c>
      <c r="C589" t="n">
        <v>6600</v>
      </c>
      <c r="D589" t="inlineStr">
        <is>
          <t>0.053575695</t>
        </is>
      </c>
      <c r="E589" t="inlineStr">
        <is>
          <t>&lt;class 'numpy.ndarray'&gt;</t>
        </is>
      </c>
    </row>
    <row r="590">
      <c r="A590" s="1" t="n">
        <v>588</v>
      </c>
      <c r="B590" t="inlineStr">
        <is>
          <t>Loss/RPNLoss/objectness_loss</t>
        </is>
      </c>
      <c r="C590" t="n">
        <v>6600</v>
      </c>
      <c r="D590" t="inlineStr">
        <is>
          <t>0.016104778</t>
        </is>
      </c>
      <c r="E590" t="inlineStr">
        <is>
          <t>&lt;class 'numpy.ndarray'&gt;</t>
        </is>
      </c>
    </row>
    <row r="591">
      <c r="A591" s="1" t="n">
        <v>589</v>
      </c>
      <c r="B591" t="inlineStr">
        <is>
          <t>Loss/BoxClassifierLoss/localization_loss</t>
        </is>
      </c>
      <c r="C591" t="n">
        <v>6600</v>
      </c>
      <c r="D591" t="inlineStr">
        <is>
          <t>0.19948423</t>
        </is>
      </c>
      <c r="E591" t="inlineStr">
        <is>
          <t>&lt;class 'numpy.ndarray'&gt;</t>
        </is>
      </c>
    </row>
    <row r="592">
      <c r="A592" s="1" t="n">
        <v>590</v>
      </c>
      <c r="B592" t="inlineStr">
        <is>
          <t>Loss/BoxClassifierLoss/classification_loss</t>
        </is>
      </c>
      <c r="C592" t="n">
        <v>6600</v>
      </c>
      <c r="D592" t="inlineStr">
        <is>
          <t>0.12907077</t>
        </is>
      </c>
      <c r="E592" t="inlineStr">
        <is>
          <t>&lt;class 'numpy.ndarray'&gt;</t>
        </is>
      </c>
    </row>
    <row r="593">
      <c r="A593" s="1" t="n">
        <v>591</v>
      </c>
      <c r="B593" t="inlineStr">
        <is>
          <t>Loss/regularization_loss</t>
        </is>
      </c>
      <c r="C593" t="n">
        <v>6600</v>
      </c>
      <c r="D593" t="inlineStr">
        <is>
          <t>0.0</t>
        </is>
      </c>
      <c r="E593" t="inlineStr">
        <is>
          <t>&lt;class 'numpy.ndarray'&gt;</t>
        </is>
      </c>
    </row>
    <row r="594">
      <c r="A594" s="1" t="n">
        <v>592</v>
      </c>
      <c r="B594" t="inlineStr">
        <is>
          <t>Loss/total_loss</t>
        </is>
      </c>
      <c r="C594" t="n">
        <v>6600</v>
      </c>
      <c r="D594" t="inlineStr">
        <is>
          <t>0.39823547</t>
        </is>
      </c>
      <c r="E594" t="inlineStr">
        <is>
          <t>&lt;class 'numpy.ndarray'&gt;</t>
        </is>
      </c>
    </row>
    <row r="595">
      <c r="A595" s="1" t="n">
        <v>593</v>
      </c>
      <c r="B595" t="inlineStr">
        <is>
          <t>learning_rate</t>
        </is>
      </c>
      <c r="C595" t="n">
        <v>6600</v>
      </c>
      <c r="D595" t="inlineStr">
        <is>
          <t>0.03978294</t>
        </is>
      </c>
      <c r="E595" t="inlineStr">
        <is>
          <t>&lt;class 'numpy.ndarray'&gt;</t>
        </is>
      </c>
    </row>
    <row r="596">
      <c r="A596" s="1" t="n">
        <v>594</v>
      </c>
      <c r="B596" t="inlineStr">
        <is>
          <t>train_input_images</t>
        </is>
      </c>
      <c r="C596" t="n">
        <v>6600</v>
      </c>
      <c r="D596" t="inlineStr">
        <is>
          <t>[b'1024' b'1024'
 b'\x89PNG\r\n\x1a\n\x00\x00\x00\rIHDR\x00\x00\x04\x00\x00\x00\x04\x00\x08\x02\x00\x00\x00\xf0\x7f\xbc\xd4\x00\x00 \x00IDATx\x9c\xec\xbdw\xfc}OQ\xdf\xbf\xe7+\t\x82\x01%\x164\x88\x8a\r\x1b\x8a\x8ab4Vb\x89\xa8?[DD\x8cb\x89\xd80\x8a\xc6\x82\xc6h\xc4\x8a\xd1(`\x8bXB\x0c\x96\xd8\xb07P\xec\x180\x1a{\xc1\xdecl(*\xcc\xef\x8f\xd3\xb6\xef\xec\xee\xec\x9e=\xe7\xbe\x9e\x0f\xf8|\xef\xfb\xde\xdd\x99\xd9\xd9\xd9\xd9r\xce=W)\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9c\x0b"R\x8a\x8e\xb6\x028\xd0\xa8\x9dr\xdd\x80!""R\xeas\x8f6\xa4=\x14\x83/\x85#U\xff\x94cK\xa8\x0c\xa7\x11\x11\xf9\xac\x06U\xa3YBJ}\x92JY\xce\x11\xb5\x176\xcb\x9b\xba\xfc\x92\xdd.\x88\xebe\x87\x81\xfb\xe9\xeb\xc7{\xdf\xdb\xa8\xfd\x83G3\xf5\xda\xa26K\xbc.RDJ\xfdwW7S\xc5VOUEQ\xf9\x80\xca\xd0\xc1p~\xae\xa8bc\x00\x00\xe7\x80\xae\xbb\x9e;5\xc8\xbf\xa0\x1d\xe6*aY\xdf(\x95\x9b\n\xec\xf2\xba\xcc\xfd\xb5\xbe~b\xac\xe3\xcb\xda\xc1)\xe6\xbe\xc5/\xaf\x94R\xea&gt;L\x83\x92Z\xac\xc5k\xd4\x8aP\x1b\xbf\xdf\xebR\xabp\xfc\xcf\x88N\xfd=oA\xe3\x85#?\xd5p\xfb\xb5\xfbg\x1cM\x85\xdb4\x8f\xdf\x1c_2\xfc\xdf\x0fR\xea\t\xeb\xc1J\xcc{\xc1\xfa\rZ\x97e\x00\x00`\xe3L#\'7\xd7\x9c\x9e\x9bj,\xd89q\xbf7\x18\xa1\xdeE\xc6g\x8b\xc85_\xfbW{A\x83\x8a\xd6=\xf3_\x81R/\xac\x02+\xa4\x90\xae\xf0\xfa\x89\xf4"q\x93H[\xe6.\xff:+\xbcdc\xe3%\xbdK=W\xbb^&amp;\xa9\xd7\xfaT+\xffB\xde\xe2\xab+\xb2\x0e\xb9\xb9!\xe1\x1a\x17\x12\xb5\xfcI\xa4^3\xd6\xcb\x9c\xde\xefF\xbcO\xb3,\xf4\xb4\xf9\xe8\xd6\x010(\x99\t\xeb\xda\xdc^\xb2\xb8\xa9\xc6\x82\x9d\x13\xf7\xfbEFh\xac\x15%\x89\xc8X\xeb\xf8\xeb\x1a\xd7\x1f"+\xa4\xfd\xcf\x97\xdf&gt;\xe5\xae\x92\x83&amp;\xd9\x85\x13\x06\x10e\xaf\x8c\x1dS7\xc9\x8f\xf7\x96\xc9\\\x1d2\x16\x94\xe1\x02f]\x7f\xef\xf0{&lt;\xd9)\x01\xabi{\x93]#\xe1"\xbe\xcdLk\xd5/\xc8mQ&lt;u\x9fv\xea\xd4\x07\x00hEy\xa2\x01\x00\x00\xa5\x94\xc0\xfe\xc4X\xb5\xe4/\n\x99f\xc4\x97\xd7\xb4\x9d(\xd7,\x01\x9d\xba\xc6\x9f\x11\xc9\xda\xfb\x11\xed\x0f\x89\xb7%$\x9f\x88\x94\xfa!\xedub5\xbckqo\x0c\x0b\xdcqd*\xb5/tD\rc\x91;OY\xf6\xf0b\xc30;nJ\xbe\r\x11aDD\xfe}K&gt;\x96\x84Ji\x00\x9c\x94\xe9h\x03N\xc0\x96\x1a\xa6\xe9\n\xee"\xa2k4\x04\x80\x13AD\x93R\x14K#\xe4&amp;ds\xb4\x1a\xab\x14\xde(\xa6Y\xa5^\xbdf\xf8\xcf"f\t\xfak\xbf\xea\xf0\xfc\xe2]oM/\xae\xd4\xff\xdd\x17\xcf\x9b\xe4U\x91\xda\x04Fr\xb2.\xd9\xb5s\xee\x05\x95\xf4\x00Q\xac\xa7\xe2\x9f*\xa5\x88t\x15\x1ek\x97\x9e\xf0\x9f\xb9_ ?\xa7b\xa3L\x9e\x9a&amp;Ox\x14\x8b[$${\x13\x00PF\xfdf\xfdp\xcen\xffe@G\\\x0c\xf4\xa6A\xe8\xfe\x1c\xa3\x08%\x0f\xa7}\xe5\xed\xd7\xa5\x18\xda\xd3\x02\xff\xda\xb9\xc9\xe7\xe7\xbd\'\xf1\xda\x99\xaeo\xbe\xb0\x0e}\x9d9\xc5&gt;\xc6fO:?\x13,\xe3\xb9\x93\xde\xfb:\x84S=zw\x902\x1a\x1e\x95\x7f\xe5\x1c\xc8rl\xee\x10\xa8At\xec\x00p{\x9c~\x03pj\xe3\xafEQ \x916g\\\x8d\x91\x1b5\xb2m\x03\xc2_\xd3\x14\xaf~\xc4{\x841\xac\xbcw\xf5\xfcZ|\x89\x9f\xd8\x00\xb8E+F\xf7W\x05+\xd6\xee\x94ZU\xbc\xf0\xb0\xe2\xef\x82:\x99#\x13c\x00\xdc6\xffgI\xdcG\xdb\x01\xceMM\x16F\x06\xaf\x00~\xe3QwS2\xbf\xecK\xcbF\xf2\x93\xad%\xd7\xaf\xcd\x06\xa5\xed`\x8c)k1\x17Y\xe2;\x87\xf7\xf6\xa5\x06\x9dw!R\x9f\x16\xbe#\xfc\xe8\x91\xfe^\xbb=,7z_{\xcb\xd6\xd95&lt;?.\xb0\xd4vC\xabL\xa67\x14\x01\x00\xd9\xfc\xec\x18{zpj\xf6&lt;&gt;@8\rrL\xd5\x8534\x937\xc7\xd7\xf7\xdah\xdb\xc8\xba\x05\x93\xb6z\xbe\xb3~G\r\xf1\x1c\x95\xbdI\x08\xac\xc6\x16]\xf6\xa7\xe6\xf7}\x97\x8f^\xc2Vj\xd5\xaa_Az[\xc1~\xdf2\x83\x17\x93\x1c\x83KW\xb1\xb9U\x0eE`\xf5oJ\xf0\xed\x0f\x0bE\x01\x00\x008\x8c%#\x0f\xb1\xf8&gt;~n8\xdc\x80\xa1\xf8\xb2\x8e\x1b\x80q&lt;OD\xa4\xfe\xbe\xea\xca\x83y\xd2\xb9-\x19E\xda\x18z\xae\xffKDl\x89\x9b\x19\xfa\xcc*\'a|H\x11\xffN\xad\xbch1\xcc\xce\xbb7)\xa2e\x9cX\xed\x81h\xef\xbf\xbb\xe6\xbd\xdbr#\x00\xe0R\xfc\x8f\xe3\x17\xac"\\\xa3\x15\xd5\xe0t\xca&amp;\xed\x10\xa1\xd5\xe1hn\x0f\xd9\xf3\xbc\xb0O&lt;\xf7H\xe8\x7fV\xab^?}\x17\xef\xd9\x7f`\x83\xf1C1i\xccc\xf2h\x17\xd7v\x9c{\xba\xec\xfd\xca\xb2U\xa5`\x03 \xd8\nd\x89\x8d"W\xe8[b\x00\x00\xd08Uj8\x91\xa9\x00\xb4 \xe3\x04\xf7\x1a\xb8\xebH\xdf\xca\xb2\xbbCJvb\xdcs\xf7\xa6\x17\x01B\xbaB\xea\xb2,q\xb6a\xd5M\x88\x1aV+\\\x82\x8eft\x8a\n\x00N\xc4\x1dG\x1bpnN\xf5\xf0\xe0\x13\x99\n\xa4\xc0\x84\xa73M\xd3tk\x03AOQ\x81\x05Pw\x87L\xd34\xe5j\xedd${\x99\xd8vdM\xd3\xb4=\x14\xa7J\x8a\xf0\x0c%\xb0\xcf\xd1kEdF\xebU\xdd\xf3V\\\x17\x80\x8bqG\xcf\xf1\x80\xb1\x07@_nk\xb1\x0b,\xf4\x1f\xcf\xdaVZ\x8d\x8f-\x98I~J\xff\x1aW&gt;\xdb\x82w\x9a\x9e#.\xdcRe\xe9\r\xda\xc3n\xa6\xb7\xe44\xdd?\xd3\xb0r]I\xe6\xef5x\xbbx\x9ar\xe7\xf7\xadp\x8e%\xdb\xe2?\xbdy\xb0\xf6\t\xc8\x84\x00\x9c\x02\xec\x13\xc0\xf1\xdc\xd6\xbd"\x00\x88\x90}\xef\xcap\xd9&gt;p\xd3\x94\xf6mf\xeb\xd3\xbe\xe6\x1dO\xb4\xc9\xdc\xbb\xec\x8a/\x1a\xd4\\\x15\xc1]@\x00\x00\x00\xe2\\\xf6fq\xcc\x7f\xa0\x0bR\xdf$\xee\xc9\xf2\x8dO\xc6\xb7&amp;\xca\xe5\xcb\xd6\xea?\x9c\xe3\xdeX?M\xd8|Hv\xd56\x0f\xe3\x84\x1c\x00Gr\xfcw\x00\xb0)\x07\xc3\xf1}\xea\xaa7\x8b\x9f\xea[+A:g\x8cS/\x1aZ\'\xd8\xea\xef\x15\x8c\x13\x90\x02\xb7\xf1D(\xe8\x84\xf5\xda\x83\xff\xd1I\x87\xcc\x9b\x13+\x87\x04\x0bh6\x1f\xd8\xef\xe3\x84\x1c\x007\x0e6\x00\x00\x006?9d\xc6\x18\xd0\xa4\x99COX\xce\xb8q:\xd0W\xce[\xc6\x1d/#\x86\xbdR\xf6\xce&amp;~\x8b\x14i\xf4\xb0\xcd\xa7\xba\xb3^\x00@\x1c\x8cI0\x16\x98\'\xc0\x85@0\x8f\t\x05^\x0bI\x1fo\xbd[\xb3\n/\xbc\x10\xb7\xaa\xd3\xbe\xcb\x01\x00\x00\x00\x80\x9b\x87\xb1\x1c\xb1\x1e\xd0\x0e\x80\x00\x8d\x17\xe8\x84%\xafR\xea{\x0c\'\xdf\xb4+\x00\x00 \x04\x92#\xd0\xb9\x99x\xc8\xf9\xa9\xa63n\x00\xcehs1\x1f\x7f\x9e\xc6\xb6\xfen\xc6I\xc35\xc9\x81\xed\xba\xaaK\x01\x00\xa0\x1fH\xa3\xc3\x83\x0e\xb29\xe9\xf4\xdf\xc1\xe6EE\x8e\xa23z\xb2+u\xfe\xb9\xea\x06\xa0\xa8]2W\x00V\xbdWs)\xb8Y\x8e\x7f\n\x10\xb8A\x98\xe9{\xdc\tlL\xab\x84\xc1\xb32.B\x87G?\xdd_\xa9\xdcQq\x8d\x07R\xd5\x11u\x98\x84\x7f\xf2EX&amp;\x1d\xf3m\xddd\x99\xd2\x9f\x91\xaer\xe9\xfa&lt;\xa8I\x8d&lt;7\x01\x00\xc0\xc80\xb3\'\x92lW\xde\x0f\xaeN\x80\x80\x8c3\xec\xf9\xe8\x98\xbd\xd6\xd4]"\xb1zD\xc0\x7f\xc5\x98\x9d\xa5s\xd5\xab+\x00\x80\xdb\x05\x19\r\x80\x08\x98\xf5\xcf\xc8\xb0\xbd\xd6\xe1;\x00\xed\xe4\x03x\x18\x00\x00\x008\x05\xa5\xb3\xf5\x983\xfd;\x8fgRGF\xec\x91\x91\x90[\x9e\x1e\x19\xfc#\x9f\xb5\x0fk\x18\x00\x00\x9c\x14\xa4T \x0f\xd5&gt;\x0f\xf1\xb2ay\xcau\xcc\xe7\x9e\xd0\xe6\x96\xb4\xeb\xc4c\xbf\xf9:\xf2\xf7n\x11\x81\x00\xf4g\xd0t\x00\xc0\xa99\xd7|\x96k\xed\xb9Z\'\x05g]x\xc6\r\xc0\xc8\xeb\xc2#h}L\xfej\xcd$\x03\x00@\x06\xefq\x1b\xcf`\xe9\xcd#:y\x15}\x07\xce\xc7\x19W\xc9\xaa\xa3\xd9RZ\xf8\xcf\x068cw\xf0\xb8j\xbb\xae\xc3\x0f\xcc\xe1w\xd9\x08\x04\x00\xdc\x1aHg\x00\x04!\xa5&gt;\xf20\xdd\xa5c\xf3t\x0b\xe5Ko\x00&gt;\x85S\xe8\x84\xed\x1a\x9d\x06\x17\x8b~\x0c\xfb4\x00\x00\x00\x00\x80N\x9cv\xf5\xaf\x88\xe8\xedG5\x1b\xb7T\x01p\x83\xdc\xe9h\x03\x00\x00\x00\x80\x0c\xba\xfc\x86\x18\xc9\xfe\x16\xde4M\xb8\xcaz\x14D\x94\xff\xc3sD\x84\x9f\xab\x03\x00\x80\xc6\x94\xdfRy\xce\xe3@p*\x10`\xa3\x80{\xaf[\x10\xb8\xa82\x82\x9f\xfb\xd9@DJ\xfd\xdd!\xaa\x01\x00\x06#\xaf\xeaF\xb6\xed\xa4\xd4\xb9\x94\x9c\x17\x00\x00\x00Xx\xd3\xef\x08\xd3\\\x96\r\xd1{\xc3(\xf0\x1a\x80\xdb\xe5\x8e\xa3\r\x882@\x02\xf2\x82\xcb\x82\xb2\x10Q\x9dG\'\x95w%`\xbd\x8d\xf8\xcf\x06\r0\x00\x00\xe8\x84?o\x0e\x91\x1b\x03S\xad\xc7\xb6_X[\xe1N\x03\xce\xd4\x80\xe9\x1b\x00\xa5F\x1e\t\xf3\x90\xc5R\xfb\x06\xe8\x7f\xab\xe5&gt;\x1fL\xaa\xd3\r\xc5\x00\x00p*\x84\xbf\x05!\xc5z`\xe4\xd8\xa6\xad\xf3\xb1r\x00 \xc9\xd8W\x00\xc6\xb8\n\t\xda1\x9f\xcd\xb8\xc9:\xa7\xdf\xdf&lt;?Hvu\xb4\xfd\x03V0\xe8\x00\x00c\xae\xfe\xd5\xb2\xb8\xf7\xd9\xb6\xce#\xcc\xd5?\x9e}\x04n\x9cAG\xf8Fp\xaf\x0f.A\xfdu\x9eb\t\xf6Ua\x9c\x18\xcd\x10\x11\xbc\x01\x00\x18\x18"\xaa\xbcx\xab\xe7\x7f\xa4;p\x9b\x8c~\x05`\xda\xfe\x01\x17\xa58\xf9n_\xf9\xaa_\xfd\xdf\x06\xbc&amp;O\x13\xa6C\x1f\xf4\xd4\xb3\xc6\xccI\xcd\x06 JE\x96\xfa1\xa2iZR\xdd4)\xf5\t\x18#\x00\x8c\xc3&gt;\xd7bd\xde\x14\x05\xcf|\xc8\x89\x10\xed\x8bb\x16YV^\x0c"R\xea\x9f\x1dm\xc5\xb8,\x11r\xdbA\x02\x80\xcb\x18\x99\xf3\xe9\x05\x0f\x0b\xd2\xab\x8c\xd1\n\x00z3\xea\x0f\x81\xe1\x0c\xf2&amp;!\xca\xee\xf9\xbc*\xe1\xa2E\xbf\x14s\x11n\xb6\xe1yD\xbd\x84\x87\x16\\\x82A\xbf\xf6:,\x87\x07|\xee\xda\xdd\xfb\x8c 9s\x008\x13\xa3\xdf\x02\xe4\xa4\xe3\x1f5\xff&lt;r\xe8\n&amp;\x0e\xe4\xa0\x19\xfet\xe2=\xbf1\x8fi\xe1R \xc3\xc4\xb8-j\x1a\xef\xd4\x02\x97\xb62!\xf5\xec\xa3M\x00E\xf0\'\x8e\xe5\xb6\x1f\xa5\xa6i\xc2\x00\x017\xce`SV&amp;\xb7|j+A\xfa\xb8\xab\xa7\x87\xb3t\xc5\x13\xf7\x9c\xdc\xbd\xdf\x12\x8bTD,\xe1\x18\xfbJ =\xb6\x07W\x0c\x06\xa0\xe0\xc21\x1e\x02\x01\xc0\x19\xae\x00\xc4\xc0\xa0\xad#\xed\xbd\xd3:\x98\xd6\xafw\x1d\xa3}\x00\t%L\xd3\xa8\xf7\x04\x8e\xc59N\r\x91\x1e[s\xab\xc7\xc7\x835\xbb$\xce\xb1\xfa\x07\xe0\xe4\x1b\x80\xb1\x19,K\x16\xd2/3\x8af\xe1\xa0\xa8\x93d\xfa\xa3\xcc|&gt;\xe6\xc28\xf3SR\x8f\xb6\x02\x8cCm\x9e\x7f\xe0\xf9\xb6\x11g\x8f\x7f\xe3\xf4\x1f\t\x0f\xdc,\x88}pJ\x92\xb7\x00\x15\xd4\xc5\xda\xb7\x92\xa1\xee9\x916f\x89\x1a\xfct4\xd8\x18*\xe0A\x0e\xda\x8f\xc1\xa3\x07\xc1\xad\x82+\x00m8\xdf\xa1\xce(\x88|+\xcb+d{\x13\x19?\x0b\xfe\x93R/\xec\xd8\xad\xf5\xa4\x94R\x7f~\xa0%`\x1c.\x1c\xf0Wg\xda8\xda\x12\x00\x0e\x03\x1b\x80&amp;`\xf9_\x0c3#\x87\x8a\x85\xd2\xfa\x8b\x9agun\x01\xcc\x04^\xb4]\x13\xab\xd88\xc8v\xa8)\xedE\x05%\x03\x00\xcap\x0f&amp;\x06LD\x00\x0c\x0b6\x00M8\xffj\xf2\x94i4\xe2\xf6\xff\x97\xa8(m\xca\xb5\x98\xa6\x89\xf3\xc0\xa8&gt;\xc6\x1c\xcb\xb8C\xfb6\xfc_\x83\xf6\xbb\x81\xee/\x01\xc2{#A{7\xe5T"U\x94\x88\x10\x00\xe06\xc1\x06\xe0z\x88$\xb2QW9\xa5\x98\xeb6\xf7W]\xe5\xda\x9b\x9aH\x88\xe8Q\'\x99l0)\xea\x8c~\xc3\xc0\xc8\xb6\r\xc0\xba:T\xd6bo\xebSD\xfb@,\x9d\x92\x18q\xe6\x90,\xee&gt;\xf4;\xb8Q0g\x80\xc1\x98\x1f\xb3\xc2[\xcd\x94&gt;\xcb\xd9\xbf\x02\x88\xf2\xc2J\xfd-S\xee\xd0\xcb\xc4L\xf8_s\xc4\x17"\xc1\xc8$\xc7&amp;\xbe#t\x9b\xa0\xdf\xc1\xcd\x82+\x00` r/\xc4\xc6o\xeb\x0fk\xc9\xd1\xb1\x90^\xfd+\xa5\xe6\xdf\x98\xbc\x12Y?\xb1\xd9\xd4\x12P\xc7\xad\x1fs&amp;/\xe0\xec\x9f\x1a?(\xde\xfd\xca\x80\xa3\xee\xcbpi\xa2%\xaf\xa2\x94B\xfa\x02`&lt;\x90\xf8n\x8b\xe2\xfbq\xb3\xee\xe5=\xcf\xbd\xbf\x07\xda6\xb8g\x80\x8f\xefG\x97\xd9\xe4\x87\xf1+\xed\x99\xe1C\x96{\xcaE\xc7\x02e\x8d\xebU\xfb\x03\xe5\x0c\xb8\x1d0\x1c\x00\x881\xf4\xae\x177\x15\xa4)\xfa\x15\xf41\xc9\xbd\x7f\xc6*\xafO\xd2^!\xee,&gt;i\xff\x8f+\xba\xb58d\xf7\xc5-\xff*\xd6-\xb7\xfd\x1c\x94\xdd\xdd\x91\xcc$=!\xa2\xea\x9f\x9e \xa2\xe3\x1b\xd2\x1f"\x9a\xee\xa6\xd4_\xdd\\\xc3\x01`2\xf4-@7\x98\xb3r 5\xf4\x11G\xa6i\xcb\x8aSH\xf7v\x86G\xb4\xfd\xb5}:M\xfb\xfd\x00\x9c\xa3\xbd\x87\xe31\x11Any\x84\xa6\xdb\x8e\x989\x0e\xf2\xae\xfes{$\xa7|\x93\xbe\x9e\xa6\xa92-\xder\x0c\xd2_\x1em\x01\x00\x03s\xcb\xf37\xe8@\xc6))\xfb\xa0=!34gO\x9e\xc3\xfe\xb9d\xc6J\x8ec!\x11\xf9t\x9d\x89P_\xdc\xe0\xc5\x90\x1a\xe0\xae\xa3\xa8\xfefg\xc1s\x02\x06\xe5zO&amp;`\x83kt\x00\x00p\x18\xc7\x9d&gt;\x89\x1e|\xf5\xfc\xc2\xc0G\r|d\x87#\xed&lt;\xbeA\xd6]\xef+*\xed\xcax\x07lV\xf4\x9e\xe7\x9bB\x00\x00\x00\x00P\xaa\xd9\xae\xe3\x1fh\xff!\xa1\x86\x1a\xd7;\x97\xc0U\t\x85P\xa2\xd3\xdf\x13Q\xc1\x80\x1c\xf4\xf7\x8b\xe5\xb41\x16\x08\x82&gt;\x02\xe0\xfcD\x16@H\xc4\xe0(BK\x81\xeb\xad\x0f\xae\xd7\xa2\xa1\xc0\x06\xaf)\xbe\r\xc0K\xe7\xaf\xe3]1\x83v\x19\x11\xa9\xbbw\xb3\xedk{)\x02\x004g\xc4;\xe4\xc6\xb9g\xf1\x90[x\x0fQ\nBl\xdd\xb1\x86\xa5\x1as\xd4\x08B\xe7\xff\x0e\xc3\xc8,\x81\xa4\xf0\xdb\xbdM\x88\xaf\xd4\xc3\xa9\x95\xd6\x07\xaa\xed\x83\xdd\xa8\xa8\x06\xed\xaf\x9e\xf3\xc5\x91s\x13e\xfc@$\x00\x80C\xf6S\x80:\x1c\x84$\x7f\xb1\xa5\x1b\x87\x981H\xdb\x81R\xc6\x17\t\xd6\xb0\xcc\xea\x9d\xc2\xc1r\xec\x89c~3A\x06\xcb~\xf2h3.J\x99_\x97\xd1\xb6\xfe\xeb\x112l\x7f\xad\xf3\xc5\x8fv\xd4\xd5\x99=\x1b6\xcc\x8a\x8f\xc2u9ps`\x9a\x1f\x9dq\xae\x87p\xb8\xc6\xe5\x8b6G\xe0x$\x05X \x81\x87\xbb\x03?\x915b\xfc\xf8\x7f)\x13^\xeb\x0f\x9c\xd9\xb8O3;\'F\x97\x96\xfeP\x8c\xb8\x8b\xe86\x7f]\x01\\\x89\xa1\x7f\x07\x00\x00)\xb2\x8e\x8e\xc4\x8f\xc0\xe7\xcb\xd7\x82\x02\xc1\xd9!|\xa3\xa9/\xd1\xb5\x9a\xf6C\x01\x1dL\x99y]YU\x9c\xdf\xec\xab\xe2\xb8\xcb\x92\xd3NV5\xa3\xd3\xc5S\xba\xa00\x00\x8e\xe1NG\x1b\x00\x12\x9c\xeb\x8cadk\x0f\xbc:\xd1L/\xf6\x15\xa7d\x9a&amp;m-\x85\xa3\xc4\xe6$\xddk\xf6Hs\xb4/\x14\x95W\xdfH\x07\xcfr\x03}\xf0cf\x1a\xf9tN\xa1q\x10\x1eS\x86\x970`\x01\x00a\x02\xe7%#?PB\x9cqZz9\xb7s\x9fLr\xb9\x86_\rt\x908%\x0f\xf01\x7f5\xdc#a\x98&gt;r\x9a\xc61\xec\xbb\xeb\xedg\xebj\x08F\n\x00\xe0\x14\x90\xfa\x9e\x1b\xcfV\x035\xffr\xcb,\xee\xca\xe6\x7f^\xaa\xd5\x00$(Y\xfd\xef\xf9!\xbc\x01\x18\x85O\xd7M\x15\x918X\x03\x01\x00\x9d\xc0e\xac\x0b\xb1&gt;\xc7\x0e\xb8\xd0\xa9\xbeK\r\x00(F_\xcef\r\xf9\xc8:\xf8\xaa\xa9ck\xf2U\x1b\x08\x00\x081\xd4\x97\x80q\x08Q\x072x\x98i\x82{\x00\xb8\t0\xd2sa:\x0c\xd7\n\x00\xb8\x12\x03m\x00\x88\xca\xef\xf0Cb\x02)\x0ey\xb6\xfd@\xb7\x0e\x83\xf1\xd8\xb2Vn\x90 \xa8\xe2\xe8#\xfds\x04\xc4\xc9\x7f\x9dt \xa6\t{&amp;\x00n\x91\x81\x86}\xfa&amp;\r"\x15x:;\xaec\x02\x00N\x84\x99\xb2j\x1eR~\xedg\xc0\xd7\xb0\xf88gR\xf0\x9f#aZ\x99\xb9\xe9\x1b)\t?E\x0c\xae\xc6@W\x00\x92\x10\x1e\xbe\x0b\x00\xb8\x04\xe6c\xcdk.OaE\x12bqp\xce\x17y=\xce\xc4\x9ao#\xffY\xfc\xd7\x81"\x7f\x01pN\x06\xda\x000\x93\x8b\x9b\xc7q\xf3\x0f\x00\x0e\x0f8\xda\x00\x90Fh9u\xa3k2\x06\xc6\x9c\x925SL\xffO)xv$\x0e\x9c\xe8-\xd55\xb7+\x03\x00J\x08\x1d\xe4\x0c\xf9\xb06\x00:\x11\x08{\x8c\x85\x1a\x82\xc9\x04y\xe6tx\x1f\xe8i\xbe\x83\xe9\xe3\x0c\xf0~\x88\xe0\x9e\xbc\xae\xcc\xeano\xf0\xf0\xab\x030&amp;g:\xe0\x08\xdd\xe8_\xfc\xd07`\x83\x07\x89\x02\xb0\xe0\xffy\xd4\xf56hu\xae\xe4ySX\xb7\xaa\xf3\xd7j\x98&gt;\x06\x87\x88\xd2C\x8f1\x8b\x15\xad\x19\x08\xbf\xd8\r.\xc6\x9d\xdc\xb7\x86\xfd\xa2\xcf\xfc]9\xd7\xb0\xce\xbf\xe2~a\xb8\xbf\x08\x0f\xc0\xf5\xf1\x0f\x85\x01\x13#\xf0\xb3.\x04\xb5.\xeb\xf7\x1d_\xd6R\x15\x94\x90ri\x9b\x11\xba&gt;\xaf\x0bgd\xe0:x\xbe\x030M\xa3Nr\x81/\thW\x06\xfa\xdas9\xd2\xfd\xfe?\xb1\xd1\x02\xe0D\xb0\xee\x9a\xb8\x16k{=\xd9l\xea\xf45\xd6\xaf!\x85GV4 \xb3\xef\x98Oa\xfe~\x96(\xfd?\x00\\\x82s/\x99\x8d\x0by\n;\x00\x00FF\xfa\n\x13N\xe3@\x05D\xd4\xf3\xa8k\xd8K\xebW%\xf2p\xf0\xdc[\x80p\x9b1\xb8$\xfe\xa7\x00\x8duG\xcd\xc7\x86\x7f\x9e};\xd2\xb9\xca\x0f\xbd\x8e\xe5y`\x81\xde\xa9Bz\x84^b\xc8\x83\xa3\xe8\xbf\x92s\x17\xa2\x9d\r\xb8\x1c\x85\x0e,\xeey\xac\xfe\xc1\xf5\x19\xe7K\xee\xab%\xbfw\xb4!\xdd\x18\xc2\xed\xe0\xb4 ~.\xc2 \x19\x18\x80a\x89\x8f\x91\xd4\xe3\x01\x97\xbb\xe30\xd0\x00\x18\x96\xe51m=5v\xd4\x05\xc0m\x81\xe9\x96\r\x1c\x05@9x88\x00Cr\xd0\x98D.\x00\x00\xd4\x83Lr\x03,\xc7\xc3_\x85\xbe\x06\x00\xdc\x1a\xdd\x8f\xde\x9b\x83i\x1b\xb4\x061\xd6\x92\x1e\xbe\x1d\xa0\x07\x0f7\x00\xcc\x1cs\x84LD\xff\xee\xf8 \x04\x00\xdc0\x1ds\xdf\xd9\x92\xdd`\x17\x16\x89\x98\xcf;\x03\xe0\xc4t9\x92\x18kh\x83\x0b\x13\x8ag\xdc\xb8\x02\x008\x98ni\xa8R\xd1!\'4\xb3\xd2\xe4\x8a\xa4\xa5m\x98!\x00\x10&amp;\x90\x8b0\xd6\x00\x00\x00\\\n\xffc@\x8f\xa1t\xad|\xc0\xd3\xdc\x0c\xd5m\xb5\x87wGx\x1e\x198)\xa3\xaf\xa7\x9d\x11\x87\xb1v\n\xee2\xc4\x85\xd0\xf57c\xab\xc5\x0c\xd0\x16\x00\x00h\x0f\x92\x9d\x87\xdf\'\xeeC\x90p\xd5\x18\xa8+~o\xa7;\x8c\xdb\xbe1\xd0\x86d\x90\x1c\xd8\xfd\xe13\xc77\x19\x00\x00\x800\xec\xb9\xe4+\x07\x99\xfc\xc0\xc1 \x06\xaa\xe9v\xdf#\xa7Ts;X\xbc\xdb\xd1\x06\xb0\x18$\x07n6\x8c`\xcc\xad\xf0r\xf8\x16\x1c\x00\xa5\x1c\xf9\xc4\xdc\xc6w\xc9\x9f=\x0bs\xfaE\xeb\xbes7\x16\x1c\xcc\x93\x10?\xd9\x83\xe8\xde\xf9\x19\x86=`\xd1\x1dy\x0c\x94\xed\xc7\xb1\xe4\xea\x0c\xb2\xf1\x03\xe0\xc4\x10\xd1\xc7\x1d1\x8a\x04\x87\xae%\xea2\x0b\xe2\xef`\xb8\x08\x19\x10\x80\xb3p\xe4\x81\x0b\x00W\xc3\xff$\xa5Z\xa1\x18\xa1\x00\x9c\x08{\xb8\xbe,)\xf5\xc9\x07\xd9\x02\x00\xb8\x1e2\x0b\x02l\x00\x9a\x10\xf6\'\\}\x1bh\xbd\\\xd9\xe3\x18\xa1\x00\x9c\x8d\x9b\x1b\xae\xc8P\x03\x80y\xe2&amp;\x90\xbdVI\xcbow r\x9a\x83\x95\x1c\xc8\x05[tp\x0b\xdc\xe9h\x03d\xb9\xb1\xa7\xf5!=\r\xc14M\xe8\x88\xeb#\xf3\xb8a"\xf5\x99\xbbD\x01\x81 E\xbb\xe7D\x13\xd14-i\xb8\xff\xd3\xa8A#\xb0\xee\x07\x00\x9c\x82\x92T\x85\x04wf\xfe\xeah\x03@9\xeb\xd0\xc3\x00\x94\xe5\x80\xf3Z\xd2@\x87^\n\x1c\xff\x03\x00\x02 /\x80\xc3\xc0\xb4\x04\x80\xc5A7l\x9cn$\x9e\xce`\x00@C\x8c_\x02\xd6rh\xab#\x8dK,_p\xa9\x17\x1c\x06\xee4\x00\x831JJ\xef&gt;0\xa2\nG\x9b\xe9n\xe2D\xbb\xf0z\xf8-\xb8\x06\x006\x18\x0f\xe0\xf6Xg\x82{\x1dm\x08\x00@\n\xf9\xb9\x0c\xeb\xc5+\x81\r\x00\x00g\xe7\x0f\x8f6\xa09HR\xad9\xc3L0\xbe\x85\xa0\x843\xc4\xde\xa0\xf4\xf5\xdb\xe7\x9c\xb7\xa7Njvk\xd8_\xe1\xf8\xf7\xcdM\x01\x00\x141\xda\xd7\xb0Z\x183T\x03/\xc8\xf8S\xfb\xfa\xec\xc8[c\xf4~\xa9\xe7\xf2\rlI\xaf\xc7\xff\x9f\xfe+\xbf\'5{\x1c\xae\x9f\x88\xc0\x8dr\xe9\xc8\xee\xdd4)g\x8e\xbf$\xbd\x12p5\x00\x16g\x18\x14\xc5\x16\xe6d\xd7\x13\xaf\xfb\x81\x14\x08\x00\x00\x00\x00\x00\x083\xe2\xf2b\xf4\r@\x85y8^\xb9&lt;9\x97k\x10\t\x00\x80\x03\x88\xa6\x1eLQ\xe0(\x10{\x1d\xc1b\xb43g\xbe\x99\x07\x08\x83\xd1\x07\x00\x88s@\x8e@b\x02\x87\x82\xf0;\x80+\x1dN?\xe7*\r\xc9\xe22\xddw#\xa0\xbf\x00\x00c\xd1l\x1d\x80d\x07\xc0\xb8\xfc\xecU6\x00-w2C\xfb\xe7\x1a\xdd\x07\x00\x00\xe0\x18&lt;\xb3\x08\xe6\x15\x01\xe0C0:XA\x82$\xbd\xae\x14\xe1^)\x00\xc0\x99\xb9\xc6\x84z\xa5{\x03\x00\x00\x01N7\xc6Og\xf0\x15\xc0tP\xcb{\xc3{\x00\x80A\xb1\xd3\x13\x11)\xf5\x85\x87\x98\x02\xc0U\xb9\xea*\xaa\xdf\x02\xf1\xa2\x0e\x1c\x1c|\x8f\xb9\x92\xd5\x81\xf0!\x00\x00\x00ps\x8cy\x8c:[\xf5\xb2\xed\xa4\xcb\xca\x13\x95\x96R6b\x7f\xf5\xe6\x96\xbe_A\xdb\xcf\xb0q+dx\x06\x1b\x00\x00\x00\xb8:X7\x00?\x03\x06F\xe3\xc3]\xd1\xb1@|\x99\x12z\xf3\xd6\x82\x97\xe4\xa6&lt;@\x1a\xfc\xf2\xad\xad\x02\x00\x00p"0+\x80\xd1\x91\xba\xaf\xa3\xf72(g\x89V\xaf\xebwn{\x85wS7\xff\xb0\x83\x8a\x88H\x11\xa9\xe9\x86\x9c\x03\xc0\x01,#\r\x08\x83\xc3-\x00\xceNd\xfc\xc6\x87\xb6\xe4\xf0\xaf\x13\x95]7\xeb\x8c\xb6\x88\x91\xb3"V\x9c\x83 \xd2\x0b\xe8Jp\x13\xdcQS\x19\xa3D\x1c\xac\xfc\x018\x11\xd6A\xec\xbc\xfc%\x8a\x9cYNQi\x92\xb6MJMSL]\xbcvE\xddF\x8cf\x0f\x18\x10\x91 \xd9\x85\xac{ZL\xcc\x00\x9c\x83\x1f;\xf9p=\xb5\xf1\x00\xdc\x12\xbe5\xfb\xad]\xc4\xcb\xbdE\x1b\x80c\xc9\x88U#\xb6\x9d*\x8fA\xc0\x03\x00$h\xf3\x88\x03\x00@W\x18\xc3\xf3Bg\x8aDD\xf4\x15\xd8\x00\x80\xf3\x90\x17\xab\xf3\x15=\xdf\x06\x00\x01\x0f\x00\x10\x00\xd3\'\x007\x02F:8/\xb7\x19\xbd\xdeV\xdf\xa6+\x00\x00\x92x/\xa0#\xb9\x00P\n\xc6\x0e\x00\xa01\x98\xa3\x01\x00-\xc0\x06\xa05\xf8v\x17\x00\xe0\x9c\xe0\x8a1\x00\xa0\x8a\xaa\xa7\x00\x81\xa6\x8c\xf7\x14\x8e\x8e\xf4\x98\xdbf\x157\xecd\xd0\nl,O\xc1\x89\xd7\xd0\xa2\x86\x9f\xd5\t&lt;N\xdc\xcb\x004\x05\x1b\x80\xee \x19qh\xbb\xf9\xa1\xf9\x9f\xa3\xb7X\x88\x84kr\xca\x9fH\xf9\xec\xd3Y\\K\xfb&gt;j\xab`zQ1IR\x82\x86a\xf3\xfc\xb2\xf8\x9f\x7f\xb6\xe8Y\xbc/\xda\xe17\x8e\xc0\x8dp\xd8\xc8\x9f\xc7\xe14\xed6\xe8#\xf3\xe8\x95Y;\x88\x8e_w\x02\x00ZBDWNb\xc0\x85\x88\xd4\xa4Z\x9f\\\x18\xfa\x10`!6\xe7x\x97\xfbq\xbf\xad+\x13\xf8\x16\\\x9f\xaeW\x00\xf4\xc7EO\xd34\xbd\x90\xf1\xa6Ur\xc8\xf3\xd1z\x93\x06\xfcy\x9d\xc3\xf9\xe8\xa3\r\x18\x1d\\\xc2&gt;\x17X\xfd\xdf\x14\xdb\xf4\xd5s\x94\xf6\x0b\xb0\x13&amp;\x9f\xcd7\xd34M\xd3\xfc\x8bx\x8b\xc7\xee\x99\xa8J\xce\x0b\x00@\x05\xe4c\x1f`\xde\x8f\xf72\xa4\xd4\x0f\x8a\xd8P/D\x94\xd1\xeci\xcb\xbd\x86\xf3\xff\xb9\x80\xf7\xceE\x9f\xfe\xba\xd4\xcd\xcd\xa7}\x0e2a\xd58\x1a\xe7\x0c$\x00z\xd3\xe3\x14\xa1x4\xea7\x08\xd5\x9b\xc082\xa1+\xde\r\t\x00\xb8 \x99\xf7*\x8c\x9e\xdcp\xeb\x05\x90c\xf4h\x07`\x04\xc4n\x01\n\xad\xf2\xeb\xf6\xe2\x93\xd0\x99\n\xf3\xc6\x9b[O\x19881\xa9\xf4\x86\xc8ml\xa4\xca\x0eG\x1f\x89\xae&lt;7\x9c\x1e\xcfY.\x8f\x9e\xdc\xa6\xe9\xec\xb7G\x9e\xf4\nF6\x83_\xab\xb9;a\xf5\x0f\xc0\x00\x84\xef\xee\xc9\xe3\x8a\x97V\xaf\xd7"` 8M\x8e&lt;\xdd\x82\x0eH\xc4\xd2\xa1\x8b\xb6\x1b\x08\xe0\x8b\xceS\x1e\xca\x02\xe9\xdb\xc7\xde6\x00\x00\xc4\x90Z\xfa\xef{\x80\xc7\\*w \x15^\x0c\xb7C[.\x08\x10&lt; \x17\xdf\xf2\xabW\x16B\xba\xbb\x16%\xbd)x \x02\x00\x18\x17\xd6\x82^\xcd\xd3\xcf\x0f3\xcb\x8f\x90&gt;\x0e7\x00\x9c\x83%V\x11-\xb7\xc0\xa9{\x19\xcf;\x07\xbd\xb8c\xd8Hc\x18\x86a\x02\xae\xc8\x9d\xc4%&amp;W\xc9\x93\xf6\x8c\xae\x02\xe1r\xdf\x0c&gt;\x9c\xb1nU\xa4\xe5\xd9\xc9cYu*f\xd7m\x03\xe0P7\x12\xa5\xc7\x17\xa7\x0c\x88A\'w\xa1\xd4\x97\xac2 &lt;\xc0\xfe6y\x01\xa3\xd3\xe9\x90\x1f\xd0x\xf9t\x91\t\xd9\x12\x00\x06e\xc7\xf6_\xc7\xbf\n\x80_\xe9\x03##w\xa9\xca;|8\xc2q\xfd\x01\x80\x93\x80qz\n\x8e\xbf\x01\x01\x00q\xe4w\xb4\xd68\xc9\xf9q\xc4OW\xea\x9eJ}\x80G\x8a\xc3\xc5\xce\x90p*\x06L\xf6\x01`\x05\x06\'T\x10N\x00\xf0\xc0\x05O\xc0\x81xO\x12\x07\xe0\xb61\xcf\xfe\x8b7\xcd\xc9/\x03\\j;\x8e\xd3\x05`\x90y\x01\xcd\xad\xad&gt;&amp;^\x11\x07Z\xa0\x1b\xe2\x91&amp;(\x10\xa3\xa0\x8c\x88\xdf\xe0R\x00n\x92?\x13[\xa3\xe3.\xa0\x0br\xbd\x9d[#\xaa\x06\xd1\x8f\xb3\xc6\x086\x00\xb7\x06F_K\xee.&amp;\xe9\x0c\x03S*\x96\xcc,t\x82\x86\x03\x00\x82\xc8\x9d\xd0\'6\x00X\xbe\x9c\x95[\xeb\xb8\xb2X\xad\x1bD}/\x94\xddX\x87\x9e\x969\x0e\x9bg\xce?\xbcFr&gt;\xa8\t\xa7\x99\xdadV\xff\'i,\x00\xd7D\xec\x97\x80\x93&lt;.k9\x82\xb4p:x\xa9\\\xe0\xa7q\xcf5g\x94\xdd6\xba\xfc*j\xac.\xcf\x0f\x1dnZ\xc5}\xb1%\xf4_\xfdlw0\xb7\xd5{\xcfi\x9a\xa6\xf3_\xa4=(\xaaO\xf3s\xc8\\##\xc1v\xfe\xdf~\x06\xe0\xdcH\x0e?}\xa8\xdb\x0f\xeb\\?c\x0ex\xe6\x14\x85\xf4qBj\xbfuG\xf8\x86+\x03Q/\xe1\x8b\x92\xf2\xcc)\xae\x7f$\xf7\xd2\x8b\x98\xb1X&amp;\xc0\x06b\xe1g\x00@\t\xd5\xbf\x03\x10z8.)5\xed\xb9\xe9\xd4gA@\x94\xda\xe9\n\xab\x7f\x0e\xa2^\x82\xc3\xe590\x8c\xbb\xa8F\xccX\xb4q\xc8&lt;\xcf\x92\x7f\x86\xbd\xd0o\xe6\x00\x00\xe4\xa9\xbe\x05(4\x97\x18\xbf0\x93\xbb\xfe\xc7~\x01\x00\x00\xe4\xb9\xd1\xfd\xf3\x95n7\'R\x0f\xa3\xfd{B\x81\xd5\xff\\\xb0\xe9\x9df-$\xb71\x98\xa2\x7f\x02p\xa3\xf4\xb8\x05(vk\x90\x87W\'\xfay\xa6\xc6\x1b\x9d\xcc\xba\x93y?\t\xaeJ\xb3\xc0\xbdL\x1c.\xec\xa5\x8b5\x8d\x88\xb4\xec&gt;V\xbb\xae\xe1\xea\xfa\x95\xf1\xf8NXoQ\x9b\'\x11Ak\xc9Z\x90\x8c\xef\n\x00Z\xd3\xeaK\xc0\xc1L\x15\xcb`/\xa9\x14\xf1W\xff`D^\xeb\xb0\x83\xb63\x9e\xf0\x9d\xc5\xe6\x03\xed\xbc\xf04}\xb1%\xc84Mko\r\xd7\xae\xbe\xae\xfe?\rd^\xe8\nF\x94\xe5\x9b\xc1o4I7\xd7\t\x80G\xdf\x84?\x01\x88\xd0\xe4\n\xc0\xa4\xfd_YW\x00ThJ/\xc9o\x17\x9bA\xaf\x00\x11\xa1_8\xcc\x8eRgY\xe1\xe2\xaa\x8e\xc15N\x94\x03\xa0\xaf\x8bi\xe4:\x99\xc5\xff\xc3\x94\xfa\xefg\n\xda\x16\xce\xdc=\x89/H\x00 y\x89m\x1fZ\xcb\x7f2n\x01*\xcbp\x18\xc3\xe2\x10\xd1\xf43J\xdd\xbf\xd4\xab\xa1/\x85\x03\x87K/"\x01\x00\x12\x88\x9e\xfc\x8f=c\xb6\xddyZ\x8eD\xee\x05@\xf0\x16 \xe6p\x12\x1bu\xa5\xaad\xeb\x00\x00 \x00IDATc\xe7\xb2\xb32\xa9\x8a\xd5\xbf:\xcby\xf6\x10L\xd3\xf7\x1cm\x02h\n~y\x17\xd4\xf0\xed\x1f*}\xdf\xcf\xd8\xb7\x11}\xf4\xf6\x1b\x86\xad5a\xf5\x0f\x80\x92^@\x1b#\xd7\x1ac\xcb7oTp\x8d\x985\xec\xcfs\xef\xc4\xe9\xa8;\x86\xc9\xbf\x02\x80\x83p\x00\x00\xd0i\xba\x08\x9e\xa6\x97Q\xea\x0f\xda\xc9/\x85\xbe\x99\xd4;7\x9b\x0b\xd6\xef\xfe\xaa\xf5\x19\x85\x98t\xc0\xad#&lt;\x06\xcc\xbb}\x0c\xe1\xff\x8b\xe8\xf5\xa2c\x9b\x88\xe6\xcf9\xa9\x0fK\xc6F`9\x0e\x80\x10\x17Xd\\\xa0\t\xe7\xa3\xc7\x11\xb8\xb2N\xd0r;:T\xfe,\x01Sl\xe7Y\x1a\x08@\x9aV\x1b\x00\xe7\xfe\x1c"\x8a\xae\xda\x97/\x8f*\xa5&amp;N\xfa\xbb\xd9E*\x16\xe8\xa5\x1c\x9c\xb8\x9bu\xdc\x0b)\xf5\xfc\x06b\x0f\x06q&gt;\x062\xa3f}B\xe8\xedth\xb9\xdfz&gt;\xedg\x9b\xa6\xa5\x9e\x8cy\x92a\xdb\xe8W\x99\x018\x19\xdd\x1e\x03:\xc5\xf3\xc2\xd0\xb7&amp;\xb6\'\x92\xf4\xf1\xd5%!\x8e^\xfd?\xb2\x89X\xa2\x7fP\xea\xb5\xe5E\x0f\xc0\x8d&lt;\xf7\xb0\x05%\xae\xf3W\x91Y\xfd\xab\x9b\xcb\xf0\x15\x0fQ\x08K\x9c\x9f\xb3j\xfe\xafjB\x98\x7f)L\xed\xf7\xc6\xd4r\x92\xe9I\xf6\x17\x06\x008+\xfdn\x01\xb2\nZ\xda\xf5\xfb\xf3n\xf0\n\xc0I\x0eN@\t\xed:\xf7\xba\xbfh\xb3\xe4\x80+6\xad\x0f\xb8Q\xe1\x8c\x04\xa7\xbe\xd4\xf5\x13\x81\xcd2\xef\xa1\x1a\xf7R\xeaw\xcd\x9b\xe9\xaf\nF\x10\xb8&gt;M7\x00\x19\xf2\xb5\x9cr\x81\xef\x00 w\x80\x15&lt;\x175\x9f\xebnl\x00\x08\x11^\xfd\xa7gRR$p\x8d\x85?e\xe3\xc4\n\x80\x0b |\x0b\x90\x9e\x14\xb2.\xfc\xce\x15\xafr\xcd\xff|\x99\x91\x08\x8f,\x04\x00$\xc0}Y\x8d\xf0\xfauZf\xc6\xf8\x84\xf2_\x94\x93\xbb\xd7\xbb\x83\xa6\xac{\x84\x88\x94RO\xe7\x94\xc4\xea\x1f\x00\x10\x844\xf8U\xd4\xbc\x0c\xa5\x04M-\x17\x85.\xb3\xa7\xb9\x1a\xe8\x97\x81i\xbd\x1dm\x92CN\x96\x9a\xc0@\xf8\xa7\xb9_g\x85\x93Qe\xfb\x1fC~\xd3\xe951\x84{\x8f\x94v\x8b\x87\xef\x93\x16\x08@?\xda&gt;sw\xd1\xc1\xbc\xb0H4?\x9f7&gt;FG\xbb\xf5\x90\x12\x17CI-\xb7\x81\x0cd3\x007A\xf0\xfe+\xdc\xa4\x07\xc6\xc1\xb3.eOsv\xdd5\xde\xa7x\xb1\x08B3l\xfcI;]\x07\xe0K\x11\xfd\xe1\xfaZv"N\xcd\xfe\x00\x0cM\xab\xa7\x00\xcdW\x1e\xe7\x0b\x91\xcb\xa3\x06\x18u\x94\x9a8\xe5\xea\xcd\x13$5\xfe\xf1\xc0\x01\x10\x05\xc7\xc6m\x88\x1e\xf7aH\x82Ax`\xc5\xea\xdf{\xc8\xee\x9dq&amp;\xfe\x93\xc2\x84\x1e\xda\xe45\x83\xb4O+\xc9\xb0\xf0\x0f\xf5?\x90o\x01Xi\xb5\x01PJm)`\xde\tll\xf3\xb23A\xbfvh\xca\x9e\xf6\x87\xa0\x9dr\xe6&gt;\xa9\xd9\xa05\xeb"\x15s\x12\x007\t\xfd\xb8\xfe\xd7\xeb,Kc\xf6|1E\xfe2\xf8\xd9&lt;\xab\xb2J\xf3\x11\x9c\x07KE\xe5\xd5\x8b9\x02\xb7\xfc\x81\xdbB&amp;\xe2\x89\xd4\x97h7\xe4\xa5oIL*\xc58\x14\x04\xce\xec\n/\xc23\xe4\xc9\x89:1\xec\xd4\x01\xc0\xa1X\x93]a\xd0\xce\xb5\xde\x83\xab\x86\xf5M\x80\x0b\x8d\x9d6_\x00h\xf3\xa5\x02\x00n\x00=\xc5\xdcD\x0e\x1a\x1b$\xb2\xe3\x90\xf4&lt;\xfaq\x01s38\x05\xfa\xd2?c\x03@J=\x9e\xa7\xe0g\xf2\x17\xff\xab=\xfd\xc0P\x05\xe0\x00\x9a\xde\x02\x14C\x7f\xba\xd9\xf6\xa8\xb2i\xfb\xf2\x00\xeb\xf1g7C\xa7\\\x8c,|\x08\x92A\x8e\x9b\xcd\x16*\x7f"\xb5\'\x8f\xc6\xb8\xbbY\xc8\xfe\xaa\xac\xff\xee\x7f}c\xf0\'\xea3\xe6\x17\x7f\xcc\x92O\xaf]\x16^}\x83\xf2$C\x15\x00\x00\xba\xd3&lt;\x1b\xefW3qn\n@G.~#\xc1\x85\x9b&amp;\x00)\xa2\xe7%\xce\xfe\xf5OI)R\x9f\xc5t)\xfd\x87\xa2\xb3\xff\xfd"@\xe1\xcdH\x92\\|t\x00p(\xd8y\x03\x00\xc0a\xd0u\x7f\xf6\x98\x88F{j\xf3H\xec+[\xed\xd1\x9dS\xa0\x88R\xe9\xa7\x03\xcd\xcf\xd6\xfc.\xa5\xde\xceS\xb9\x88\xec\xb0\x94\xfe\xe1\xf3\xe1G\x07\x1e(\x0cN\xcca\xb7\x00\x9d\x1d\x1cK$\x1e\xb4\x08\x00`\xc0\xff\xb1\xd6\xd3\r\xb71o\xe3,=\xdb\x16\xb7\xc3\xfbR/\xe0y@(C\xe8\xdb\xb1\x0b\xa7\xc9\x0e\xb9P$\x7f\xfd\x00\x0e\x97\x06\x17\'\xc0\xd9\x19.;\x9f\x85\xbb\x10\xfd\xcd\xb8\xc7\x12\x00\x80\xce4?\x0b\xa4\xd8\xaf\x0e\xc5\x7fw\t\x8c\x86ouo\x1c\xf0{\x0b\xe4\xf6\xef\x11\x17\x01\x02\x96\x14\x07g4\xec\x1b\x10\xbd\x88AD\xcb\xa3\xcd\x018?C]\x018\xd3n\xfao.\x92\x01\xce\xe4\xf30\xd7h\x0585Gf\x84\xdeOm\x01a8W\x18\xfc\x9d\x95\xfa\x05\xae\xfc\xe5\xfc8\xf7\xce\x94\xdb\xd1\xbb\r1m\xffU)\xa5~\xba\x93!\x00\xdc\x08#\xcf]\x1f|\xb4\x01\xad\xd0\xbe\xecu\t\xe6\xb6&lt;\xe4*\xcd\x01\xc0f\x8fmm\xd8\x86~W\x114%\xf4\xacL\xee\xd7gS\xdf\xbb\x95\xf9b\xee\x87g~\xf1\xd7\xa7\x11\xec\xc0!\xe0J\x8cr&gt;p\x1c\xfeK\x93\xfbeG\xe9o5\xb5gk\x11\x11\xc5\x8eO\xb6\\6\xce1Q%4\xfa7\xc6\x86\x02__\x1b\x81d/\x84\x13\x94Rj\x9arc\x1e\xf70\x88\xb0\xba}\xfe\xcb\xfe\xa1{Nwx\x97\x92\xda]@\xfe\xa5fn\xdf\xd5/Xo\xf3k\xdc\xd4\xf9\xbe#\x00\x8e@\xec\x16 \xfd\xb4\xe0\x02\xbb\xe4}\xf0\x9f-\x0b\x10-7\x04D:!y\xb4s\xde\xb3\x1fdm&amp;\xe7\xec\xdeK\xb1\x1e\xe9\xc6Gb\xf8\xa3\xe2L{\xc4\x18\xb9\xcb\xb5\x02n\xfd\xea\xf6\xa4\x1e\xed\xf9\xa0L\xe6\xe7.\xff%\xa5(t\xd0\xff\'y"_\xb2\xcc\x12\x83K\xf5\x1b\x17\xcc#\xe0\x16\x88|\xa5,o\x00\xec\'"\xa4\x98G  \x87\xdc\x1eY\xd6\x06\xf1\x8e\xf0\x9es\\\xef\xca\x00\x00W\xbd:\xc4i\xd7\x08\xc7\x99\rl8\xf9%,\xdf\xeem9m\x7f\xa6\xa2\xd7\x0f\xd6\xcbq\xa3\xcc1\xce\xe1\xc1\xd3\x94\xabf\x06\x00\x92\x08?\xb2\x17\xa3\xe8\x1a\x9c-\'&amp;nv\x02@\xddR\x82\xb2\xc6o\x8b\x86\x9f-E\x0c\xc8r\xcco-\xd1\xb7C\xb4\x109\xf7\xe4\xfc&gt;\xd1K\x17Zgh\xbcp/c\xee\x00\xb7\x8b\xe4S\x800\x8a.\x03\xff\xd9\xe4\x0e\x07\\0\x1e\xed\xe6\x82v7P-\xdf\x02\x1c\xad\xc1\'\xe1f\x12\x94\x1e\x1e\xf7n\xa4c:\xd4\x9f\xfdnP$\xcaQ\x97\xfb\xd4\xfc\xe5\xbfOV\xea\xc5\x95RJ\xbd\x8fJ\xac\xfe7\x8bx\n^&amp;\xcf\x9e[D\x9b\xe9\xc2\xcff\x02\x00\\\x1e\x0c\xf5Z\x88H=\xad\xb7\x1bG\xfb\xc6Bk{\x88H=p\xa0\xf6\x82\xa1\xb8\xf1\xe7\xb74h\xf8c\x92[\xee"\x9f\x93R\xa4\xde\x83\xeeO\xf4\xcaD\x0f\x9b\x9f)D\xa4\xeeMwc=\x9c\x87lQ\xea\x1f\xc7m+&amp;\xa7Q\xe7\x83\x96\xaf\xcc\x85\xda\xfb\xf8c\xcc\x02\xe0h.&gt;\xf2[r\xb3\xae\x1b\xe3W6\x0f\xa6\xb5\x07\xc4\x9c|#s\xfcM\x11X#6Q"+S\xb4XWJ\x1dN\xea\xb9\xeb\xba\x7fy\xa8\xe8\xfc\xbf\x7f\x9b\\\xb6\xfb6\x00~\xed\xb5\xcb\xff\xf6\xc9a\x84\x14d\xb4\xf7hc\x00\xe8\xc3X\xd7\xc4\t\x8f\xa8\x03\xa0\x84\xf2/Db\xd0]\x0f"\x8a\xdc)N\xd5_\t\xd8\x96kRw\x01\xfd\x00\xd1[\x9d8\x02\xefL\xf4\xb7\xaa\xe8\x97z\xb7\x7f\x16R\x8f\x01]J\xd9\x9d\x1b\x19\xfe\xb5Kk\xb1\x1b\xbd(\xf8\x80T*\xff&gt;\xc9\xf2\xc8\x91j\xe3\x0c7Y\x96\xd4\x8f\x17\x00\xc6d\xa8_\x02Vj\xcd\x88\x87\x9f\x07\x00Qn\xbcC\xef\xdf\xbe\xf9u?\xb4\x89\xe9m\x88se\xd6}&amp;\x1cA\xcb\x13*\xdb\xa0\xad\xfe\xc5dFV\xff\xdf~\x82\xd4\xf1\xbc\xf8\x97\xa6b\xbdF\x8a\x94\xfa\x16\xa5~\xc4\xfe\xe01\xa1\x1a\xbe\xce\xf5\xaaN&lt;\x0c\xba7\x15\x0fH\x8d\x8b\xad\x97\x11Y\xfd{\xdf\x01\x00\xb4`\x1d\x87\x07\xe4\xad\xe5\xcb^MR\xe6~Uq\x9c|\x9c`\xa4\xa9\xc3e\xa8\x99\r\\\x80\x86\xdf\xaevn\xd8\x08\x95J}\xf9s\xb4;%\x00\x8b\xff\x13\xf4\x15\xd1\xf7\xe9\xb7\x9d87\xf6\xf8\xee\xc6\xe1\xde(%B\x9f\t\xeb\xf0XBH\x03 \xcc\x19\x87S\xb3,\xb0\x89=\xcd-\xf2\xc3\'\xc4\xac\xa7s\\\n\xe9V\xdf\xa2\x0f}t\xf8\xe6F\xe0\x83t\x87\xd2\x92C\x8e\x0ex\xb9\r\xc0\xc3e\x0c\x1a\x81/Ix#\xf8\xe9[.}\x1a^p\x17\xae\xfe\x85\xd6\xffm\xbfF\xd2L2\x00\xa0;\x8d\xf3E\x0f\xfaO\xb1\xad\x97\xb0W^"7\x9f\xa2\x9aRn\xb6l\x9f^9B\x86\x81\xefd\xa7$9\xab\xc0\xa3!"\xa2O\xac\xb4d\x84\x86\x08\x11\xe9\x97\xe5\xa3`c\x93\x1b\x80\xa5\x98\xca\x9b\x98\x84\x96\xff}\xe3m\x88\xd8\x06\xe0\x96\x10\xbc\xb9\x8d\xae\xf0\x83\x1aD\x9d\xef\x87\xa6\xde_0\x9a\x93,K#\x8d\xfd[?\xdb\x841\xac\x85\x8d\xe8\x1e3\xa0\x92\xf2\xdc\xf8\nD\xcfQ\xc3\xfd\xb6z}\x04\xae\x12\xe4f\r\n~\xc7tl\xcc\xc7\xfe\xc7~\xe4+\xf4M_7\xa5\x8b\xad\xa5;\xfaS\xe0\xeb\xbc\x83OX\x00\x8c\x86\xe0\x97\x80\xdb|\xc5\xa73\xdd\x9b\xd0\xd9i\x05W8F9w\xb4YW\xff\xc7Z\x01\x94R\xea\xb7\x8f6`p\xcaG\xf9s\xa6\xa9\xd5\xb7\'\xbb\x11&gt;\x1dW\xdfP\xfa\xec\x17\x97\xb3zi\xb2\x1f\xe7\xa3\xee\x17,\xe9\x85\x8c\xff\x8cD\xe4\x9a\x86[\x94+\xd3\x90\xae\xc9_W\xffa\x05\xffg@\x17\x01\x00\xc0\xa8D\xaf\x05\x1f\x98O\x93\x17\xcd\x01\xc8\xe5\xfd\x8f6\xe0&lt;\xd4\x9f\x08|/\x95\xc9\xd9s\xd1^\xb7\xfd\tEk\xf9\xf7\xd7\x12Z^N[\xab\x18\xb5Nv\xf3\x8f\xca\xb9\x7fx\xb3\r\xf9\x1f\x80\xc3\x18\xf2T\x18\xc8s\xd4\x94\x10e\xbfq\xf6z\x13@\x8d\x9f\x07\xeb\xa6s \xe54x&gt;\x8fR\xb7w\xceHD\xf43\x99\x8a\xb2\rs\x17\xdf\\\t\xfa\x8f\x88E\xe4\x95\x10S*\x9duK\xbbR\xf8\xdbP3\x9f\x8f\x81\x0cn\x83\xe2k\xa</t>
        </is>
      </c>
      <c r="E596" t="inlineStr">
        <is>
          <t>&lt;class 'numpy.ndarray'&gt;</t>
        </is>
      </c>
    </row>
    <row r="597">
      <c r="A597" s="1" t="n">
        <v>595</v>
      </c>
      <c r="B597" t="inlineStr">
        <is>
          <t>steps_per_sec</t>
        </is>
      </c>
      <c r="C597" t="n">
        <v>6700</v>
      </c>
      <c r="D597" t="inlineStr">
        <is>
          <t>3.00364</t>
        </is>
      </c>
      <c r="E597" t="inlineStr">
        <is>
          <t>&lt;class 'numpy.ndarray'&gt;</t>
        </is>
      </c>
    </row>
    <row r="598">
      <c r="A598" s="1" t="n">
        <v>596</v>
      </c>
      <c r="B598" t="inlineStr">
        <is>
          <t>Loss/RPNLoss/localization_loss</t>
        </is>
      </c>
      <c r="C598" t="n">
        <v>6700</v>
      </c>
      <c r="D598" t="inlineStr">
        <is>
          <t>0.065208845</t>
        </is>
      </c>
      <c r="E598" t="inlineStr">
        <is>
          <t>&lt;class 'numpy.ndarray'&gt;</t>
        </is>
      </c>
    </row>
    <row r="599">
      <c r="A599" s="1" t="n">
        <v>597</v>
      </c>
      <c r="B599" t="inlineStr">
        <is>
          <t>Loss/RPNLoss/objectness_loss</t>
        </is>
      </c>
      <c r="C599" t="n">
        <v>6700</v>
      </c>
      <c r="D599" t="inlineStr">
        <is>
          <t>0.023605779</t>
        </is>
      </c>
      <c r="E599" t="inlineStr">
        <is>
          <t>&lt;class 'numpy.ndarray'&gt;</t>
        </is>
      </c>
    </row>
    <row r="600">
      <c r="A600" s="1" t="n">
        <v>598</v>
      </c>
      <c r="B600" t="inlineStr">
        <is>
          <t>Loss/BoxClassifierLoss/localization_loss</t>
        </is>
      </c>
      <c r="C600" t="n">
        <v>6700</v>
      </c>
      <c r="D600" t="inlineStr">
        <is>
          <t>0.14009206</t>
        </is>
      </c>
      <c r="E600" t="inlineStr">
        <is>
          <t>&lt;class 'numpy.ndarray'&gt;</t>
        </is>
      </c>
    </row>
    <row r="601">
      <c r="A601" s="1" t="n">
        <v>599</v>
      </c>
      <c r="B601" t="inlineStr">
        <is>
          <t>Loss/BoxClassifierLoss/classification_loss</t>
        </is>
      </c>
      <c r="C601" t="n">
        <v>6700</v>
      </c>
      <c r="D601" t="inlineStr">
        <is>
          <t>0.12807673</t>
        </is>
      </c>
      <c r="E601" t="inlineStr">
        <is>
          <t>&lt;class 'numpy.ndarray'&gt;</t>
        </is>
      </c>
    </row>
    <row r="602">
      <c r="A602" s="1" t="n">
        <v>600</v>
      </c>
      <c r="B602" t="inlineStr">
        <is>
          <t>Loss/regularization_loss</t>
        </is>
      </c>
      <c r="C602" t="n">
        <v>6700</v>
      </c>
      <c r="D602" t="inlineStr">
        <is>
          <t>0.0</t>
        </is>
      </c>
      <c r="E602" t="inlineStr">
        <is>
          <t>&lt;class 'numpy.ndarray'&gt;</t>
        </is>
      </c>
    </row>
    <row r="603">
      <c r="A603" s="1" t="n">
        <v>601</v>
      </c>
      <c r="B603" t="inlineStr">
        <is>
          <t>Loss/total_loss</t>
        </is>
      </c>
      <c r="C603" t="n">
        <v>6700</v>
      </c>
      <c r="D603" t="inlineStr">
        <is>
          <t>0.35698342</t>
        </is>
      </c>
      <c r="E603" t="inlineStr">
        <is>
          <t>&lt;class 'numpy.ndarray'&gt;</t>
        </is>
      </c>
    </row>
    <row r="604">
      <c r="A604" s="1" t="n">
        <v>602</v>
      </c>
      <c r="B604" t="inlineStr">
        <is>
          <t>learning_rate</t>
        </is>
      </c>
      <c r="C604" t="n">
        <v>6700</v>
      </c>
      <c r="D604" t="inlineStr">
        <is>
          <t>0.03977342</t>
        </is>
      </c>
      <c r="E604" t="inlineStr">
        <is>
          <t>&lt;class 'numpy.ndarray'&gt;</t>
        </is>
      </c>
    </row>
    <row r="605">
      <c r="A605" s="1" t="n">
        <v>603</v>
      </c>
      <c r="B605" t="inlineStr">
        <is>
          <t>train_input_images</t>
        </is>
      </c>
      <c r="C605" t="n">
        <v>6700</v>
      </c>
      <c r="D605" t="inlineStr">
        <is>
          <t>[b'1024' b'1024'
 b'\x89PNG\r\n\x1a\n\x00\x00\x00\rIHDR\x00\x00\x04\x00\x00\x00\x04\x00\x08\x02\x00\x00\x00\xf0\x7f\xbc\xd4\x00\x00 \x00IDATx\x9c\xec\xbdy\xfc\xbd_5\xf7\xbfN*\r*\xa9\xa4\x84T\x94!\xa5_\xb7\xean2\x954I\xdd\x92\xa1\xb9(D\x92\xc8\x10\x1a\x08\x11\x15J\x94\x12Q\x1aI\x11!\r\x1ad\xaa\xd0@\x9214\'\x8a\xf5\xfb\xe3\x9c\xeb\xba\xf6\xbc\xd7\x1e\xaf}]\xe7\xf5|\xe4\xeb\xfd9g_k\xaf\xbd\xf6\xdek\xad=\x9cs\x0e\x04\x00\x00\xc4D\x87\xb5u\x00\x0b\xcc|\xfc\xe3p\xa0`\xd7\xec\xb0\xe3\xe6\xb6\x1b\x1c\x0e{kiO\x8eVu\x0e\'f\x8e\r\xb3\x9a\xfc\x17\xf3G\xa3+\xdb\xc2\xcc\x98/\x00\x00\x00\xc0&amp;\xf9yf\xf6e\xc3DD\xc4D\x81ww\xc0\xbe[\xd7\x95i,\x8d`\xd2\x11t\xd831\xbf\x01\xf2x\x05\xd1\xd3\xd7\xd6\x01\x00\x00*\xf0\x81\xb5\x15\x00\x11\x10\xc8A%\xe6\xec\xff\x8f\xd6\xd6\x04d\x90\xbcr\x83\xdfh\xc0 \xebg\x00\x00\x00{e\t\xde\x887\xa0\n\xc8]6\x8c \x9bG\xff\xb6e\xa4\x03\xb4j\\`m\x05\x00\x00\x00\xa8\xf0r\x19\xfbEk\xea\x01\xf6\x85u#|w\t\xcd^\x89\xdf\xe6G76eY\x80\t&gt;V\xc1L8~\x01\x00\x00\x90\xce\'(\x7f#\x90\x80f`\x01\x00\x80\x0c\xf9mL\xdc\xdb\x04\x00t\x06\x1e\xe7\x9c\xf9\xa8\xb5\x15\xf0\xd0,\x10"\xc4\x02\x00\x06\x84q\x02\x00\x00\x00\xa0\x07C\xef\xe3\x0e\xabX]\x92\xba\xe0\xff\x0e\xb0zA\x8e\xb2[\x90\x80\x02\x00\x00\x00g\xc07\x9cm\xb0\x1f\xa7\xe1I\x9a\xac\x7fC\xe0\x8co)0\xd1g\xd4\x168\x16g\xdc\xb9=\x81\x85\x01\x00\x00\x80"\x10J{s\xbe9\xe2\xd0\xc7er\xc2M\xd8A\x03\x07\x07g,\x00\x00\x00\x80\x17a\x8cl\x14J\x11\xa1\x81\xc5\x95\xf61*\xf6\xb1\x8c\xd9*\xfb\xfb&gt;P\x00\x00h\r\x9c\xe6Y\x81\xee\x06`\xcblj\x9f\xbb\xf9\xa1\x16\xf3\xf1\xecl[f\t \xf8NS\x00\x00\x00\x00\xec\x0ef&gt;\x1c\x08\x99\xc0Y\xc0L\xd3\xa2&lt;\xfe\xc3\x02[\xe3\x98\xfd\xb7l\x97\xb6\xbe8\x10\xd1\xf6m\x88\x1f\x02\x03\x00\xc4\xc0\x89\'h\x02\xff\xfb^\xf6\xd2\xb6L\xe7&lt;\x06=\xbe\x02\xe9?c\xbb\xb1n:\x1c\x0e\xadW5\xaa\xf4\x8dY\xc7\xc3\xe6W0\x00\x00\x00&amp;\x18^}T\xd05\x1d\xb6i\x81\x93\xd3\xee\xb5\xf8\xb4\x87\x99\xe5\x85\xcf\x87\xe5\x10`\xcbcxqD8\x01\x00\x00\xb4f\x1f\xdb%\x9b`\xbba\t\xec\x9e\xad\xf8\x81\xbd\x1dx*\xc7l2\xff\xc0\xc6S\xe0\xc4\x81\xe8p\xd8z\xf6\xbf\x80\x05\x00\x00\xa05\xdbu\x97\xe0&lt;i\x91\xfb`\x16\xac{qZ\x9a\xd6\xef\xe8C\x9e\xb9`\xa8\xba9\xd0\xe1\xb0q\xebh\xfac\x01\x00\x00\x00\x00\xa8l:\xc6\xa7Q\xf9[M\x82\xa2\x0e\xd5\xf2\xa7T\x85\x13Zy\xd8\xf6\x05\x0f/)\x8d\xdaa\xf3\x81\xcd\x05\xd7V\x00\x00\xd0\x98\xe9:\'\x00\x00(\x9c\xee4\x9f\xc9\xa7\x13\xa4^pw\xde2c=\xb3\xcb%\x100\xc0\t\x00\x00;\xe7\xccO\xb3\x0183\xa43\xbe`\xdf\xdf\xff\xe4\xe1\xd0\xc5\xe5\xa4\xa6\xa7\x87z\x87\x0fN\x86\xfd\xd8\xc0\xb0\x8a\x81\xf5\xc1\x02\x00\x80M\x13w\xee\xd8\xc9\xd9&amp;l\xfd\xae\rb9\x90 \x9c\xf1\xca\'C\x13\xb6{o\x18\x97\xcb\xed\x7f\x92iD\x06t\xb4g\xd9\x0f \x02\xe2\x08\x00\xdb\x87\xd9\xce\x11\xc1\x9e\xb0\x17\x00\xa0.L\xbfu\x8eV\xe5\x92\x1f4=&gt;\xfbd\xef\xb3\xe9\xc2\xd3\xfc\xd8\xe4\xf7\xce\xb1\xe3\xd2H5\x14\xa2I\x0e0\x1a\x00\x00\xe4\xc3X\xcc\x80\xbe\xcc\xdft\xb8\xddQWp\x83\xa7(\x87\x8e=\xcb\x89\xd3\xf9T\xf8\xbeI\nl\xdfc4W&gt;\xddD?\xd0J\x15@[\xf76\x00\x00\xd0\x86\xed\x87s\xb0-v0\xd8X\xf9o\x1a\xd7\xc8\x99n\xb2\xf2\xa7,\'Ix\xb22\xca\x02 \xf9\xc1\xa4\xf2\xcd\xb8_\x87:b\xf6\x19\xc4\x14\xe7B\xe5\xaf\xdb\x02\x00\x80}\x80\x05\x00\xe8\xc8\x8e\xb6\xe2\xc6\x9a5\xd9\xb38s\x01\x90\xb1rH*_\xc0{zU\x94\t\xaeQu\x06\x06\x07\x00\x00\x00@\x15\xaa\xa7\x14\xc5\xd2ze\xd8\xd9\x87\x00u\x15 fz,\xb2: \xa1\xf18\xc1\x02\x03\x00\x00\xc0~A\x84S\x19\xd0\x1a\xff\xd5\xad\xa6\xf0!@\xfbC\xc5\xc1\x0f-\x91\x0en\x86\xd0\xed\xa0\x94\x0f\xd3\xa7\xd6\x8b\xaf\x01\x05\x004`\xe8\xd082\xf1\xacb\xec\xb4c-\xce\xd3&amp;\x95\xbez\xd21\xa2\xb2\xed\xf9\xd1E\x9adbi\xdbc\x8e\x1cF\xfe\xb5,\\8\xdf\x0eL\x81\xf9\xd6\xf2\xf7\x9b\xb1\x00\x00\x00\xd4\x06\xbf=\x9c\xcb\x14\xb3C\xa1{\x0c\xd3\xae\x95_\xb8\x1b\x7f\xae\xdf=_\x07\x97\xe1\x86\x18d&amp;wr\x8c\xba\xc3\xfc\x1f\xed\xd5\x13]\xd4\x1a\x94\xb3n\xfc&amp;\x81\x07\x03\x00\x80\xf5Y\xcd\x17#\x91\xcd\x01\x1f"?\x03\xaa\xde\xea\xa9"\x87\x07\xdei\x1fS\xab&gt;\\hm\x05RY\xf9\x03-\x00\x00\x00\xc0\xea&lt;\xa8\x9e\xa8\xfdES\xaej\x9f\r\xa0fEU3$C\xce\xd7g\n\xa9\xa0\xd2\xfeF)H\x86\x99\xe9\xaf\xb1\x00\x00\x00\x00\x00\xca\xd8\xc5oE\x99\xec\xafEQ\xbal\x8b\x0e\xbb\x8b\x0f\xce\x06f\xba!\xc6!\x00\x00\x80\xfa\x9c[h\xd9\xe7\x02`m\x15\n\x18\xf6\x86\xc3\xb0\x8a\x15\xb1\xbf\x16\xed\x9a\xe3\xc7\x98\xf69\x14\x01\x00\x00\xec\x961\x83\xd6\x98ZUdK\r\xdc\xdfz,\x953o\xfe\xd9\xf3\x91X\x01u\x01P\xe5vY\x04|\x0b\x10\x00{\xe5-k+\x00\xce\x87\x92o\x1c\t\xed{\x95e\x8d\xe7\xf0=([\xca)\xcf\xa1?|\x1c\x87q\xc2`&gt;\xfb\xf5\xd2\xee\xb8`\xac\xc0\xf1k\xab\x0eDD\xdccb\x9f\xf3|\x04\x00\x00\xb02\xc7,g\x89|\xeew\x11\xaa\x9c\x1c\x93\x84m\x18\xe7\x9c\xbbRM\xe5e\x168=q\x9e\xe6\x02\x00\x00\x00\x80\x10l\x16\x9e!\x1b\xea\xf4\x1d~$#\x8d\xb4\x1b\x1dU\xae\x7f\x9c\xb1\xb5\x01\x00\x00\xec\x0eD5\xd0\x8e\x1b\xac\xad\xc0n9\xf7\x05\x00\x00\x00\x00\x00\xb2A\x1aQ\x0f&amp;z\xdb\xda:\x80\xb3a\xb8o8\x19J\x19\x00\x8e`X\x02\x00\x80\x8b\xd8\x02`\x93\xde\x93+\xfc\x9e\xe8&amp;\x1b\x0e@K^\x16x\x0f\xfb\x08`D&gt;Y]\'\xe7\r\xd1\xa3\x84o)\x90\x00\x008S\x86v\x19\xd37\xc60\xd1U\xd2\x9f\xbeb}\x85\x8a\xd9\xe5OV\x010&lt;\x98q`$^\xc8\xa4\xc5\x82*\xbf\x0b6K\xb8\x8f\xfd\x1e&gt;`\x0e\xc0^`\xa63\xfa\xca\x88-}\xffI\x989\xf5\xc77~\x00\x00\xc0\xb9r\xfc\xa2X\xa2%\x16p\x8d\x18\xc7\x93$\xc4\x17\x00v\xcbYmh1\xd1\x8b\xd7\xd6\xa1\x1e\xd8\xfe\x972\xda=r\x00\x00\xa8H?\x17\x87\x1f\x02\x03`7\x88\xbe^Z\xf9\xef\x96a"z\xfd*\xb56\xa1\xc2\xde\xcc\xf6\xfbT\xc4a\x1f\xc7&gt;\x00x8\x93\x89&lt;4\x81\x9f&amp;\x9c\xdeo\xd7Mpq\x00\x80\x16\xecf\xa7\xf9\xd3\xd6j\xc8^\x0c\x08\x00X\x8b\xdd}\x8d\xc1\xce\x08\x7f(\xeb\xf4\xeen\x82)\x00\x00\x00\x00\x00\x00gNx\x83\x1f_\xdb\x00\x00\x00\x9b$v\xbc\x0b@\x1d\x90%\x00\xb0G\xd6\x9d\xd4\xef\xa9%\x087\x8d\x00\x00[\xe2\x98Q9\xbf0G\xf8u:\x01\t\x00\x00\x00\xc0\xc0T\xf9j "|\x08\x18\x00\xb0M\xac=\x18\xf1V\xeb\xe1\x80\xec\x1f\x8c\x06\x0e\n\xc0F\xc1\xd0\xed\x8c/x\xa1#\x00\x00\x0bQ\x8f\xb0M\x97\xf1\x8d\xea\x0f%\xe6\xaf\x04\xb6\xc3g\xac\xad\x00\x00\x80\xb6\xea0\x9b\xd2\xc9\xdf\xc2\xf2\x00\x00 &amp;z\x05\xf9\x89\x1b\xcf\x95\x7f*\xfb\x8e\xf5\x96\x1a\xfeF\x04\xbf \xf8:\x8es\x06]\xbf:\xe8\x02\x00\x00\x18\x8cs\xf8\x0cb^\x03\xb7c\x99\xd3\x8f\xc3\xaf\xad\xc6\xc8`\x01\x00\xb6\x0e\x060H\xa2\xce\x80\xc1g\x00\x00\xd8)KV\xf4\x87k\xaa\xd1\x98\x9d\xdf\xe6\xe7\xea\xa9A\xb6&lt;\x1e\xf5Wx\x0f\xf82\x0b\xb0q\xf60\x82\xf7\xf2\xedj\xe37\xe1\xed\x1b\xd0\x11\x00\xb0"\xf8\xae\xe2\xd1\xf8`f_\x0c\x12V\x07Q\x03\x000"\xe7\x17k&gt;w\xbd\xaa\xcf\xcd\xd4\x00\x80\x14\xb0\x00\x18\x8f\xd5\xfb\xc2T }x\xac\xde\x04\x00\xb2\xc1\xe8\x05Q\xe4\x83d\xf3{"\xb8\x02\x04\x008[:/\x90V?\xe8w)\x90f\x81\xd5\x9b\x00\xc0.\xd9v*Y\x9b\xd5\xac\xc1,\xaf\xfd\xb0u\x7f\x88\x05\x00\x00\xfb\xe4x9~\xdf7\xe45\xd2S\xf9\xe3\x13\xe7|Hr8\x1c\x1a\r\x91\x8d\x9d&gt;1\x7f\xed\x86\xb4\x05D\xe99b\xb5\x9fOj\xc3\xc8\xbaueE\xcf\xb1%\x97\x05\x00\x00~\x8e\xdf\x8er6\x1e-\xc7w\xaf|K\xeaT\xfb\xcdw\xd7G\xea\xf53\x96}K\xcfGw6\x02\x13\xbdH\xff\'\x00`\x00.\xbf\x96O\x9e\xbd\x96\xb3\xf6s\n\xa6\x00\x80\x8d\x13uXpg\x01w\xdf\xab\xfa\x9a+\x90a:Ti\x97\xb0\x81,\\\'\xe8\x0f\xc5ez\xb9Wb]\x008\x19f\xd2\r\xc1\x96\xad1{-\x87\xdf@\xf6\x0f\x00\xd8\x13\xfb&lt;\xeeLj\xd4\xce\x16\x00\x03\x91j\xd8\xac\x8e\x08\x96O6,b&lt;\x00\x85lz\x06q\x8aC\xdetK\x01\x00{d\xaf\t\xa5\x90\r6\x7f[\xda\xb6\xa3\xae\x1d\x92WV\xc1\xd3\x7f\x00\x1a\x82\x817\x0cR\xbf\xb1\xb5(\xe3\x06\x1f\x02\x06\x00\xec\x87\xc3\xe1\xb0\xb5\x9f\x06\xdb\x96\xb6\x85\\\xd9\x9f\xe8\xd4\xb4\xc3\x12\x9d\xa5q\xfa9i\xc5\x01\xa8\xccY\xf9\x81a\x91~sF\x8b(\x93x\r\x12\x8bF\x00\x00\x88\xb1\xe3\x9b6:\x81\x06\x9e\xde:\x03#\x9cH;\xcd_\x0e\xff\xcf\xc5&gt;`\xbf`\x0cg\x93\x9fU+\xae#\xf3\x07\x1fO\xfe\xe7\xb6B\x1d\xb0\x00\x00\x00\x80(C\xe6v-\xcf\xfd\x1d?\xf8u\xac\xee\xac.\x1b\xa4\xdc\xea\t|\xfe\x0f\x00p&amp;\x14L\xff\xc2\x05\xc0\xf7\xa9{\x10B\tpV\x00\x00)\x9f\xb3\xb6\x02\xeb2\x9a\xbbl\xa5\x8f+\x91=\xaf\xd4_\xe1\x0c\x9b\x0c\x00\xd8\x1c8\x84\x04\x00\xb4C\xdb\xa2\x80\x97\xd9-\xae\\\x1f{\xdb-\x80IG\x06\xbd\x03j\xf3\x15\xcdB\'n!\x02\x00\xda\x01\xe7r.\xa0\x97\xa5d\x87s\xc6*zpp\xa1\x0b\xd4\xa6\xe5\x88\xd2\xee\xff\xa4\xd6\xf2\xa4&amp;*\x01\x00v\x03\x16\x00g\x03zY\x04f\xc4\x8e9\xd7;or`\x9cT\xda}dK\xfd\x0c\x12\xd3!\xb1\xa2\x8b\xa1+\x01\x00\x00\x001X\x00\x805\xc0\xca\x04,,_\xcf\x00_\x04\x00\x00\x00l\x07\x84m\xe0\x05+L0,\xf8!0\x00@2\xd8:\x05~\xcem`\xe0\'\x9c\x80\x8fs\x9b\x0b`K`\x01\x00\xc0\x9ei\x94\xa9o2\xe5QMQ\xd9,QQ\xc8\x03\x00He\x07\xb3fs?L\x0e\xce\x88\x0b\xae\xad\x00\x00\xa0\x1d\xe1\x9f\x86\x95G&amp;\xab\xf0\x16\xc3\x9a\xa2s\xed\xcc"j\x8c\xedY\xab\x80\xb3j,h\xc1iy\xbeA/\x03\xc0*$\x05\xf4\x138\x01\x00`\x9f\xc4\xf7\xb8\xcf\xf8\x0e\xcf\xe1\x80\x9d\xb9\xf3\xe1l\x7f\x04m\xab\xec\xc73\xed\xa7%`\x1d\x9a\xfa.,\x00\x00\xd83\x81L7\xc5\xa9 W\xde\x04L\xcco\x14\xe5\x1c\xc8K\x00h\r\xd2\x7f\'&gt;\xab\xc0Z6G\x9bH\xe2/b4\x00\x00\x9c;\x92\x0f$\xbcQ\\\xb81\xcdr\xa4\xafB\xf6\xb5U\x1e\xb5\x93\xef\x18\xd8G+z\x81c:7\x18B\x00\x00P\x02"\xb1\x02\xeb\x7f\xafi\x99\x97\xb5\xea\x17\xe4^[\xe6\xa5\xc8\x05\xcf\x10\xf48\x00\x00T\x03\xbf-\x02\xb6\x0b\x86.\x00U\xc0T\xda4\xf8\x0c\x00\x00 \x99k\xe2f \xd8\x1d\xd8\x1e\x06\x00\x9c\t\xc7\xb3Lx&lt;\x00\x00\x00@\x10\x0eq\xa5\x18\x80\x13\xdf\x87\xb9\xb0i\xd8\xfa\xa7\xb37\xd1\xc5\x00\x00p\xa6 \x00L\xe0\xf3\x97\x00\x80=R\xf1#\xf2\xb8\x02\x04\xc0\xaeA&amp;tF\xe0\xbe\xd7\x89\x8e#\x1e\x93\x0b\x00\xb0\tLg\x85\x05\x00\x00{\xc6\x9c\xf1\xb8\x17\x01N\xecy\x18\x1c|\x8b\xa1_\xa8\xde\xea\xf8\xa2\x0b+p\x17\xb0\t\x009\x1c\xeeO\x87\x7f_[\t\x00\xc0\xe6\xc0\xc5hpd\'_\xb5\x9e\xc4\x1aM~.\x9f\xc0\xf7q\xe9\xf8.1\xc3J\x00\x04\x81\'\x01\x00\xe4\x00\xdf\x01\x16\xfelm\x05\xda\xe1\x1a\xe7m\x16\x00\xe1\xa5\x14+T\xafzw`\x01\x00\xfas\xb6C\xeegqg\x14\x80\xb3\x82\xfd\x97\x16\xe4\xbf:\x0e\xc0\x16\t\x0c\xfe\\\x89JZ\x7f8\x90S\xbe^\x06\xf3\x0b\x80a`\xe6M\xce\xca\xd9\xa5\x14i\x8e\xcf\x00\x00pV\x04\xfc\x85\xf7\xe24\x00\xbb\xa0\xfa\xf0\xd6\xf6\x0e\x99\x1d\xd7\xfd\xb1\xf1o\x81m~0\x0c\'\x97\xb0\xb1\x01Y\xebF\xe1\x05+\xc8\x00\x00\x00\x00\xce\x0cA\x0c\xdeXb\xd1\x1ef\xa6\xed\xed\xb7\x82\xddr8\x1c\xea\x1f\x0c\xb6\xe6\xf0\x9bDW\xa1r\xb57\xd6l\x00\x80\x1f&amp;&amp;#\xba\xce\x1b\x90\xbe\xfb\t\xa55\xc2\x87\x803\xc6\xde\xe0\x9f\xaf\x138\xf7\xfe7x\xd9\xa0.\xc7\x05\xc0\x99\x1b\x01\x80,\x8e.\xa5^(\xc7\x15 \x00v\xc3!\xb0\xb7\x96\xf9s\xe2\x91MN\x81\x1b:}\xef\x90C\xce\xefm\xe4+\x89p\x8bc|F\xf8\x94\xed\xe1pPS[\xe3\x9f\x80\x88\x8eVY[\x07\x00z\x12\xf5K\x12\xc7u\x7f\xba\xc4\x1c/\x0f\x9b\x88\x9b\x00\x80\x95\xd1\xbf\x84\xe4\x85y\xcf\x96*\xf1\x99\xf6\x8d\xc5-}/\xca\x86T=O\x96\x81\xda\xbd\x9b\x04_\xf2\xc3\x822\x00\x80-c;\x9f)]\x17L|\xc1U\xc2\x9a&gt;\x04^\x08\x80\xf3\xa0$7\x12x\x1c\x91\xccpz\x94\xaa\xd5\n o\x1b\x9e\x15\xd3\xeb\xa9j\xc7\x12Wy\x1f\x0b\x00\x00v\x8b\x1da\'\x9f\xf0\xe4*\x13\xff\xcd\x8b\x03\x81\x0f\x01\x008\xa9\x9da\xf8\x9d\x17+\xff\x8dKyc\xf0\x8b\xd2s4\x03"\xf0\xfbS6\xcd\x83({hZ\xe9\xee\x80\xb9\x06\xe4\x9dk+0,\xf6p=\xbd\xd2e\xeeca\x00\x00\xa8L\x9d\xc4\x85\x99\x89&gt;)\xf0~\xa1|p\xce\xa4\xef\x8a\xb5\x8e\xc7\xaa\xf0\xcc\xc37p\xf6\xfc\xe6\xda\n\x80J\x88\xa6?+\xff\xcb\xa9\x03a\x14\x00P\x93Z;\x97\xd8\xfb\x04m\xb8\x03\x8e\xc5\x01\x00\xdb\x07;\x05\x00\x804\x1a]\xac\x87\x1b\x02\xc3\x13\xbaZ\x83\x01\x0c\xc0\xb9\xb1\xf1Y\x8f\xec\x1f\x00 \'vA\x1f\x80\x1d\xe3\xdb\xfb\xc7m\xfb\x8d\x813\x9c]\x128=\xc6\xa7b\x06\x01\xbf\x03\x00\xc0\xfe\xc07m\x83\xdds\xfcFy\x0c\xf5=p\xc6\xa9\xe0\x87\xd7V\xa0-\xc7\x9b-\xccL\x9f\xb4\xf4\xf1\xfc\x13\x19X\x03\x00\x00@\x0e\xd8D\x01\x00\xd4`\x95=\xf8\xe5kRq\x02\xb03\x04_\x84u&gt;\xdf\x8eU\xf7r\xff\r\xeb\x89\x02\x00l\x16\x97\xf7&lt;\x07\x7f\n\xce\nc&lt;\xdfg\x1d-@u\x8e\x9e\xea\xb5cf\xffl\xfd\x91\xf4\xd4\xb9\x13\xfd\x1a\xdc\xc0[\xfb\xe2\x1c\xda\x08\x00X\x01\xf7\x05h\xf8\x1a\xb0\x0f\x9cK\xdcuT\x01\xe7E\xf6\xb71\x1e\xff{\xdf\x9a\xbal\x10W\xf6\xef\xde\xfe\xdf\xfd\xf9OY\x1b\xf7l\x19\x00\x00\x98\xd9y$\xd89\r\x96\x9dX\xcd\x82\xf5\xf8\xb2\xcc\xe70b\xdd\x0b\x00\xef\xbb;u\xfbS\xa30\x1e\x00\x00\xe3\xc2L\xff\xb0\x9e\x17\xfe\x03\xf8\xc7}\xd0t\x08a\x90\x08\x88\xa4\x1a\xf8\xa2\xf1\x1e03\xd1\xf5\xd7\xd6b}\xfc7|Bk\x83\xdd\xb1\xfa\xa4[]\x01\x00\xc0\xb8\x1c\x1d\xc4\x8a\xdb0L\xd7\x80\x87\xeaJ\x9b\xb8\xdb\xed\xe7u\x81\x8f\xe3J\x1e\xac\x0b\xba \xc4yl\xff\x8f\xc2\x19,\xb1\x00\x00\xb9\xfc\x0e\\p2\x9b7WbT\xc0\x08\x01@\x0e\x13\xddkm\x1d\xc6\x05\x0b\x80\x1aM\x96I8_\x0b\x03\x00Zs\x96[\x0b;p\xa9\xd8\x13\xea\x03\xb6\xdf\xeaQ\xdb\x8cM\xfa\x85\xa9\xd4?\xec\x7f\xb4\x9c\xd3\xfd\x1f\x1f\xa5\xad\x16\xda\x8d\x19\xf7\x7f\x00\x00\'j\xf9\x82\x93\x1c\xf8\x17\x00b`\x82\x0cH\xa3\x9d\xd1\x8f\x94\xeej?\xe5,F\xcb\xd9/\x00\xca\xb1\xbf\x1b\r\x96\x04\x00\xf4 \xefK\xb2\x9d\x92\xa2\x12\x10$\x00}2\xc6\x00\xc8\xc2\xed=~;#M\x17\x16\xb6\xc5"9\xeb\xc6y\xda\x99\x99\xf9&amp;\xf0\x90\x00\x80\xad\xf1\xcex\x11\xb8\xb6\xcd\x80\xcf\x01\x83\xb1`f\xa2\xaf4^\xa3\x9cMz\xdc\xea\x19\x1f\x98\x1a\x00\x00RX{\x8b\x1d\x1fT\xda\t\x8d\x07\xd2\xe6FH\xbd\x832P\x89\xd3\xb5\x93\x1bd\xf4\x08+\xff\xcdxP\xc8\x97\xa6\xcb\x07\x03\x80]*\x00\xc0\x16Y7\xff\xc6M\xd0\xdd\x80\x05\x80\x82:\xaa\xb7\xa5yO\xfax\x9e\xe53Kkx\x9b\x94\xea"\xba\xfdr\xbed\xd0\x90\r\x85\xb0\x07\xac\xad\x00\x00\xa0&amp;\x9d\xbeR@\xaf\xb1\xa2\xbfc\xa2g\xd5\x93\x06\xda\xb1\x95 \x07\x80\x83v\xdf;\xe9\x97\x9cR\xdd\xa3R\xf3H\xccG\x00\x008W\x94\xc0\xe3\x8c=R\x19D\x8fN\xaa\xf4\x9a\xcd6&lt;\x98\x99&gt;\x82\xc0\x06$`\x9c\xa4r\xe6\x16k\x91\xfd\xb3\xfa\xa56\xd6\x9b\t\xdf\x93\x86/U\xdb\x0b\xe8D\x00@{\xca\xf7\xb4\xfe\xb2\xfbo\x85\xc4\xe2\x1c&gt;\x0f\x00\xe2L#\xff\xcf\xd7V\x048\xd9\xeb\x14v\xa4\xf83\xefv\xb8\xb5\x04;$\xfa\xe1\xbdZ\x18\x00\x00\xc0.\xb9&amp;c\xa3\x0bT\x02\xa3h\x15&gt;nm\x05\xc6\xe1\xbe\xa1\xed\xffD\xe4\xbb9\xf8\xdc\x14\x00\x00\x80m\xf1J|\xe1\x0f\x00\x8d\xc1\xd7juC\xfdI\xabB\x83\xabr"\xa2\xb0\x00\x00U8\xac\xad\x00\x00`u\xd8\xe1\n\x98\x99\xe8p \xa2\xc31\xd8\x1c\xe8\xf4\xef\x92\x8a\x98g\x19\xfbv&gt;.\x93\x02\xd0\x89cv\x88\x11\x18\xe5\xe8\x91\xf2\r\xc5\xcc\x87\xe3l/\xf5\x8d\xda\x971\x1c\x1do\xa1\xc0lE0r\xce\x84\x0b\xac\xad\x00\x00`M^\xc0L\xdf\xebz\xc3\nh\xb5v\x9c\x98\x89\xe8\xa3\xe4\xc5\x13U\x18cc\x8cI\xd3\xe4!ch\x05\xb6I\xfa\x8e\xfe\x81\x8d\x11XC\x89\x9a\xd2\x06\xa1\xb8M\x87\x03\xd1\xe1 \xc9\xfe\xb1g\x0f\xa2t&gt;\xbb\xc3:\x0f\x00\x10\xa5\xce\x86\xe2\x1c\x02\xe5\xbbe\xcc|8\x10\xb1\xa2A\xf1N\x1b\x00\x1bC98\x0b\x97\x9b\')3\x97\xefIk\x1a\x94\xed\x94\x83h\x8f(\xee\x91\x9a\xe5f\xd8\xdd\x1f\x97\x8c\xf8X\x08N\x00\x00\xd8.\xe1\xad\x82\x8a\x1b\t\x87\x1aa\xa3@\x9f\xb9r\xa4 C\xd0s/\xf3\xf9\x1d\xeb\x1a\x15\xe9\xb0_\x8a\xd5\x9e(\x98w\xa5D\xb3\xba\xc3\tB\xf6\x7f\xce \xc4\x01\x00\x04\x88\xce\x94o\xd7Z\x0b\x01\x9f\xa9\xfcV\xe2f\xcf\xc1q\x82\x0f\x00\x00`\xc3 \x8a\x01\x002\xb9\xfc\xda\n\xac\x08\\\'\xa8\x0bFT*_\x01\xa3\x01\x00\x00\x00\x15\x11\x85\xd5q\xbe~n\x105\x00\xc8&amp;w\x0c\x9f\xf9\xc8\xff\xc1\xbe\xd5\x9d\xb9\xb5\xbb\x01;O \xb4\x01\x00\x06d\xa8\x05@\x86&amp;\xd7\x1eCy/\xc3\x98\x17t \xaf\xaf\x99\x99ns\xce\x83\xa4\xebo\x96\xef\xee\x17\x15\xc6l\xcb\xce\x8c\\\x08L\x01\x00\x00g\x07\x16\x00gEF_\xd7\xf9\xd1\xd9\xba\xec.K&gt;q2\xf5`\xd6.a\xb4\x9131\xa6VQ\xf69\xec\x01\x00\xc0`4O\xf7_\xe3\xa9T\x83g\xef\xb1QgM\xe5,a\xd4\x1cn\x7f\xdc\x12\'\x00\xbd\x18S\xab(\x1bU\x1b\x00\x00\x92\x19\'\x16\x8e\xb8\x0f\n\x80\x8b\xbaI$\xbf\x12\xc3\xbe\x1fp2\xa0\x16\x1f^[\x01\x00\x00(\x80\x19\x997\x00)\xac\xbe\x85|5\xccV\x1fO\x11\x94\xd9\x93\xf5v\xd3\x96q\x1a"\xd7\x04q\x13\x00\xb0e\x94\x05\xc0\x00\xbel\x105\x00\x08\xf0\x8e\xbaC\xb4D\xda03\x17\x80}\x90\x90\xd3\xef\xea\xc3$\x00\x80s\xe4\xb8\x00\xb8\xc6\x00\xbe\x0cg\x11`\x0b\xd4\xcd\xb9\x0bEa\xbe\x00\xb0\x16\x98}\x00\x80\x8dS\x9ev{\x8f\x11n\x93p\xc5\x08\xdb\x99\x00\x80\xb3\x01\xben\xd3 Z\x01\x00*\x13\xf0)#\xbb\x9bWO\x17x4%\xf1\x19\x03\x0b\x84\x8d\x9a`h\xb5\xc7g\xe1_\xeb\xaaE2}nh8\x9c\xde\xd9\x82\x1d\x1c\x00\x00h\x83+\xc3\xae%\xb9]\x9a\x8e\x05\x80\nVD^\xe2_\xd0\xee\x1c\xfc\xb0dS\xb6\x99\xd2\x9d\xc6\xd2\xf3Z\xd7s\x85\xe5\x87\x056h\xa5\xca\xc0\xb3\x01\x00@Kj\xff\x90\xcd\xc7\xb2N=\xc9\xc0\x80\x95\xfc\x1fv\xb6\x88\x9b\x05F\x03Q\xba~4s\x7f\xbf,\x96\r&lt;\xdb\x08\\`m\x05\x00\x00\r9\x1c\x0et\x98\xffU\xeem\xdf\xa5\x0b/\x96\x07&lt;|\xed\xfew\t\xc3-\x8c5\xfep8D\xc6_\xd2\xe8\xdc\xb9\xad\x81\x97\xbeN\xecp\x80\xdf\\\xe8k\t\xccq\x00\x00\xc8\x81i9\xbc\xae\xe2I\xf7\x9f\xe1\x963\xd0\x97\xae6\xc1\xd7\xae}\xb4w\x1f\xad\xd8-\xbb\x9eYc\xf3\r\xab\x9c\x84\xa0\xaf\x01\x00`\x14x\xfa\xef\xe2\x9aq(\xacs\x9e\x17\x066\xdfd$\x97\x1b\xe0\x1cg\xd6\xba\xdc\xfe\xf8\xffV\xba\n\xc5DO\xe8X\x17\x00\x00\x80\x14\xc6\xfa\xad\xb1\xfa\x8c\xd3\xaeq4!"\xfc\xac\xdby\x82\x1e?KV\xf9 D7\x0f\xb3\x9d\xcf6\xe03\x00\x00l\x9a\xdd\xde\xc6\xd9\x88\x0bM\xe5\xd0\xfb\xd2\xb1\x97\x7f\xe9\xa6\t3\x7fJ\xb4;O\xba\x9c\xe7\x89\xc7y\x82\x8e&gt;W\x0e\x876\xd7\xff\xc7\x08d\x8d\x1a\xd7\x80\x8d\xa8\t\x00p\xc3\xbb\x9b\xc5\xcb\xeeI\xecS\x9e\xf9U\xec\xcehc\xc3L\x07\x92\xd8\xfc\xd8\xf7\xcd\xfa\x1d\x00\xb0[\xe0=R\xc1\t\x00\x00\x1b\x86\x99\x86\xd8\xf3\x10\xf1*Y\xb1\x83\xf6\xff\x9a\x80\x08\xd1\x97\x83\xf4\xdc#\xfe\xd5&gt;\x00\xf4\x06_X\xb9\t\xd0A\xc9\\pm\x05\x00\x00\x99&lt;\xec\x98\xfe\xb3\xf3\xc0q\xb0Mnf\x16\x7f\xe9\xdb\xfa9\xa0\xc7\xa6\xa0\x0b\xb0|*\xc7\xd4Gn\xb7\xc1\x9c\xc3\xd8 \xf3\xdf\x02X\xa0\x01\x00\xce\x89\xe0o\xa9\xfc\x9f\xde\xda8\xb8\xbf\xf6\xaf\xedx\xe8K\x17\xa9\xbab37c\xe1-3\xa6\x91\xc7\xd4j\x1f\xb4?\x01\xb8$\xba\xaf\x10\x9c\xd2\x00\x00\xce\x89\xad}[N\xb6\x9e\xf8A\xdc\x91A\xa78\xd8\xd4\xc4\x04\x11\x1a\xf7&amp;&lt;[\x05\xf0\x13\xcb\x00\x00P\xccC\xea\xfe\xe0W1\xac\xb1\xb66`[\xac0`0V\x01\xe8\xce\xd6\xa7\xdb/\xeb\xff\xdczs\x00\x00\x9bdN\xfd\xbb\xfePk,a\xfa\xe6\xad\x9dx\x80\xd5Yg\xb4|\x1c\x16\x00\x00\xb4e\x7f\x93Ko\x11\x0e4\x00\x00\xe3\xd08\xa7A\xc2\x04\xaa\xb3\xda\x88Z&amp;\x0bF5\x00@\xc4\xe2+\xb0\x83\x00\x00X\x9d\xe3\x1e\xea\xb5\xd5{8k\xab\x04\x80\x90\xed\x8eU\x9ct\x01p\xbe \xd4\x02\x00V\x86\x99\xe99\xfa\x15\xfc_\x81W\x02\x12\xf8:\xeb\x07\xb0\xd5\x15\xc8\x06\x17\x00\x008[r\xe6~\xc6\xfdX|\x190\x00\xc0\x0b3\x1f\x14\xa7r\x90\xfd\x9e+\x00\xe9_N\xdf\x1f|\x1d&gt;\x00\xa0.\xab\xf9=f\x16\x04h\xcd\xe9\xe1\x97\x80\x01\x00!\xdad\xff\xb8\xe1`\xb0Kk \xbd\xde=\xbb\x1c\xb7\x00d#\xfd\xd5\xf358\xde*\xc2\x9c\x05\x00\xe4\x00\xdfQ\x0bc\t\xb4\x15\xc3~xm\x05\x06\xe5\x9b\xce\xfc\x132\xcc\xd7?\xdb\xb6\x030\x00\xae+@l\xfc\x81_K\x00\x00d\x83\x9d\xfb\xbal\xd1\x98\xa7\x10\x82\xafdUQ&gt;"\x7f\x8e6i\xf9\r\x01\xe7hO\x010\x0b\x08rW5\xd7W\xbf\xda\x1b#\x07\x00\xb0&gt;g\xbcc:0\xb1NaY\xb1\xcd\xa2\'\xf1\xb2\xbc\xf6\xdc\x7f\xab\xee\x9c\xdb\xbe\x120\xf5n\x11\xef#\x84f\xdc&lt;\x1f\xef\x8a\xb9\t\x00\x18\x0eff~\xcc\x167M5\x9d\xb7\xa6|\x8c3\x0b\x15\xffj\xbd\xb2\xec\xe5\x0b\xf2Z&gt;\x9e\xaaG\x17\x00\xbb\x8f\xc1\xfbn\xddh\\\x06\xd6\xde)\tk\xe9`1\x97\x133}\xdd\xb0\x1fV\x00\x00\xec\x80\x0f2_\xf4pp\xfb\x99\xa3\xf3\x9a\xde\xec\xec\x8b\xb2\xbf\xabaq\xb9\xc7OE\xcb\xbe{a[t\xfez\x9c\xd6\xd5\x85\xe5;\xdf\xe5\xe3\x00Q&gt;\x01\xef\x930\x9f\x87\x84J\xaaq\xda/\xaa\x03\xf8\xe2\xa3\xedb\xf4\x1d\xba2\n3\xd3\x81\x96\x18\xb3\x11\x98\xb9\xaa\x97\x98\xbc\x8f-s[v\x01\x00l\n\xe6S\x98\x1a\xce\x05\x97|Y\xdb\xc9\xa1N\xed\xaa\x15\x89\x11\xd1\x1b1\x82a9\xbcB\xd82#\x98\x17\x00\x07\xd3\x1e\x13\xc6\xe7\xf8_\xca\x0c\x00\x18\x8b\xe7\x95\x8bh\xff\xb1\xc8u\x8e\xc2\x95vm\xf0\n\x13\xd0@\xf7er\xbaZ\x80\xeb(^X\xf9/X\x85\xffY[\x01\x00\x008S\x10\xfc\x00\xa8\xc3h\xf7\xec7\xb7\x00\xe8\xfdI\x8cc][\xfc\x98\xd3N\xf8\xe8\xb5\x15\x18\x19\xc6\x0f\x81\x01\x00\xea\xa3D\xd9a\x8f\x1d\x8f\x1a\xfe\xe7\xcaZl\x80v\xb9\x8b-\x19\xa9R\x84\xa1\xd6\x00\x87A/\xf8\xf9\xe8n\xba\xd92\x8fkZ\xcd@Cb0&gt;\xb4\xb6\x02\x03\x83Q\x03\x00h\xc1Pi\x8a\x9fM\xa7\x9b\xdb\xd5|f\x07M\xe8\xcch_%4\x942QV\xb2^\xc3\x13\x80\xe5\x1b\xab\xda\xc8\x1f\x87\xdd7\xb07\x83y\x12\x00\xc0~\x18\xd0\xb9\xac\xa2\x92\xbc\xd2\x01-\x06\x00hD\xa5\xf9\xfe\x99g\xb2\x00\x00&gt;|\xbf\xfe\x1b\xe3\xa30f\x00\x00\xe7\xc2\xb5\xbb\xd7x7\xb1;V\xbf\xfb\x19~\x19\xe4\x81\x91\x93\xc7\xd6\xed\xc6D\x9f\xb4\xb6\x0e\xdbe\xfc\xde\xbf\xb0\xac\x18\xd6\x81\x00\x00\xb0A\xd4\xdfmY[\x17\x07}\xb5\xaa[\xd7\x88\xf6\xac\xceW\xf4\xf80\xee\r\xf7h\xccAg\x1c\xd1\xa5\xd6V\xe0L\xe8\xdf\xfbI\x99\xbat^\x9f\xcde0\x00\x00\xd8\x19\x93\x97\x1f,\x1dY\xb4\xea\xa4\xd8)\x91ey\xe4\xdb\x0c\x9b\x0f\xcf\xc3\xe6\xca\x00d\xd3{\xdbE\x9e\xa6\x9fJ\x8at\xcb\xf94\x08\xbe\x05\x08\x00\x00\xaaP\x16B\x0e\'\t\x83\xfdl\xcdQ\x99\x8ei\xdfa&gt;\xf0\xee^uk\x0e[_\xd1\xccCs\xeb+\x99\x9e\xb4\xb6\xd5\xeb[\n?\x17zz\xdd\xe9\x97\xe3#\xa3b\xfe\x01\xdf\xe0\xb7l\xdd\x8f\xe8\x1e\xb3\xa8\xa1"\x07\x00\xa0)\xf9\xfb\x16\xccL\xf4\x80\xba\xda\x9c\x19\xf6\xde\xcc\x8eS\xa2\xa1\xb6~W\xd0d\xa4\xe6\x0bi\xa9\xf0rJ\xb3_\xaa5\xb0\xf1A\xd6\xa6~\x87\x01L\xc4G\x97\xe9s\xdc\x03\x92\xe7\xbd\x7f\\\x01\x02\xe0\x8c\x18f\xc2\xaf\xae@\x7f6\xf6\xfbG\xc5\x0c\xb3\x00\xe8\xfcCNJ\xb5\xf4\xaa:\xf5\x8e1g\xf3`R\xd2\x8dm\xb6b\xf0\x0b\xdfy\xf2A7\xea\xac\ts\x9c\x98\xfd\x08#\xfb\x07\xe0\\Q\xe6\xfcj\xd3~s?\x05z\xf6&lt;-\xf7\xc1q\xbax-M\xcc\xaf\xdb\xcb\x8a\xb8\xbc\xf5)\xb3d\x1b\x9bmB_\xee8\xca\xe2\x19\x8cB\xde.\x86s\xfb\xbf\xe8\xd3Y\xb82\x04\xc0V9N\xfb\xc3\xe1@\xcc\xeb\xfd\x18\'\x13\x9f~\x0et%\x05\x00X\x05\x9e\xa6]\xd2\xc8\xd7\x82u\xfa\xe3\xebrL8\x88\x96\x19\xbf!\xe5\xd7\xe2\xe8!\x03\x86\xe2\xb1\xcc\xb8f49\x1f\x86\xe8t|\x08\x18\x80\rs8\xd0\x14\x91\xff\xb6}m\xcem\x86\xe3G\x94\xd6\xf7e`%\xae\xbc\xb6\x02kq\xc8J\xdf\xb5\xf2\xcc\xbeO\x17\xd4=\xd6\xab$\xea)\'I\xf1\x0f0\x82\x85\xf0\x878i8\xe7y\x8e\xd9\x7f\xffS\xf4342\x00\xa0&amp;\x9f3y\xae&gt;\xce\xebL\x83~\xaf\x13\xfc]\x9a\xd7\xd9\xa8;\xf4\xd6b&lt;6us\x97\x97?4\xb5\xcf\x9a+\xd43\x02\xec\xb9\x1a5?\xce\xbe\x08\xb1z\x13\x9d\x0b\x00\xd86Lt\xe3\xb5u\xe8\x0c\xff)b3HC&lt;Z\x98i\x1b\x0b\x80\x19\xedC\x87k+\xb36\xceOAd\xf5&amp;\xec\xb9\x16mV\xe0\xe8M\x00\xc0\xdex\xdb\xf0\x99J\x81z\x9e/Y\x13\xc4\xe6\xc1m\x02\xfa\xb2\xa5\x84&gt;\x03,\x00\xc2\xe4\x99e\x1a3;\x1f&lt;\x03\xa2\xfc\xec`e\x99\xb5\xc9\xfb\xe2 \xccS\x00\xc0\x06h\xe5\xaa\x98\xd2/J\xfd\xc5\xf4=\'\x82D\x07\x1ev\xbb\x9cC\xdf\xfdKUiX\x00\xa4R\xdbP\xff\x88EB-V\xfe\x0e\xbdD\x12\xf5\xc4&lt;\x05\x00\xc4\x18\xc6A\x8c\xe4\xaa\xb6s?\x1bTg\x84\x1e\x1fv?\x12\xf3"\x8d\x96\xb6zU\x03\x99\xe7\xd6\xad\xbbm/\x16\xea\x00\x00\x90\x01\xaf\xf1[\xa7\xf8\xdc\xd8\x10l(d\xb2h\x94V\x19\xc9\xcb\xe7\x80\xcfl\x01\x10k&amp;\xf3\r\x83\xbf\x8a0\r\xa7v\x16\xab*v;\x83\x1fP\xf8\xf7(\x91\xfd\x03p\xae`\xe6w@\xf9v\x14\x18|/\\\xbaw\xd4\xcc\xbf\x87\x90\xb2\xc9W\xd6(\xa5\nl+Z\x04VD\xc7\xd7\x1f\xd0[#p\x06`\x8f\x1f\x00\xe0\xe2\x8c\xb6\xe8Va\xf6\xbc_\xb6\xb6&amp;\x1b\xa2\xd6\x80\xdc\xd1\xc0^n\xd4\xab\x8b\xc9\xb4\xe7e\x8fT3\xda9m\xff\x17\xb3\xc2A"0\xd8\xab\xf1\xf1i\x1c\x00\x80\x0b\xf8\x85v\xb0\x96\xb4\xc1\xc8Rn\x81\x01i\xa1\x8f\xa5L\x19\xd2b\xcc\x9f\x91V\x8b\xaf\xf0\x9bR\x84l\x9d\xe5\xa7\x0f2\x1f\xdf\x9b\x8b\xd8\\s~rm\x05\xda0]&lt;\xbb3\xfc*\x00g\xc8|\x03\xd8\x0eN\xc8M\x9b\xc1Z\xd2\x06\xe7\xdb\x9d]\x99\x9d\x99\xe8\x8d\xc7\xbfrE\xbcNVO^\x16\xbb\x17;\x17\xd1g\x85\xb6\x01\xce\xcc\xe9\r\xdd\xcce\x07\xaa`d\xe2\xe7\x88\x01\xd84LD\xcc\xc7\x9fo?\xe8\xafcv\xd7\xc7\xce\x03\x0e\x07\xd8\xb9\x01\xccd\x0e\xe9\xf9\x1d&amp;\xb2\x07&lt;\x08r\xb2\'\xc1h\x19\xe4\x0e9\xcd\to}\xdc\xce\xae\xef@\xa7f\x80\xd5\x98:\xe3\xa0\xfc_\x06\x17\xa8\xa6\x10\x00`\x05\x0eD\x87\xc3\xe1`\xb9\x008\xe8&amp;\x1c\xee\xa1\xff\x13fn\x03\xc7\xbe\x8f\xe4\xf8#\r\xbd\xd4\x910\xf6\xa5\xbb\x93\x8b\xc0x\xcd\xe1pp\xfa\xd8\xf8s\xf3_\xcb\xd8\x18x\x8c\x849&lt;|\xfe\xebW[\xc8\x1fz\xfa\x0cF\xde\x07\x86l\xe0\x0e\x00\x00\xed\xd8\xe5A\xc4)T\x8d\xb4\x99\'\xb4\xf3\xc5\x89&gt;\xd0\\\x97\n,\xc9\x80}\xc0\xa2&amp;\n\xbd\x8f_\xa6\xb36\xe7{\xc4\xfdW\x84\xbb\x9c_;d\xd9&gt;\x1f\xc8i\x84`f}r\xf1\xf1?\xdcj\xd2-;\xda \x8a\xe6\x03)\xdf\xed\xe0\x04\x00\x00\xd0\x84\xe9\xbeh\xecK\xca\xb7\xf7\x91\xe5C\xee\x8e`;\x84\x9al"\xfb\xd7\xf6\xfe\x8d;\xc7\xc68\xe9=l\xcc@\xab\x8e\xdb\xc3\xce\xcf\x83.\xbd\xa1\x19\xda\x88\xfc\x0fV\xcd.c$\xa7\x11\x80\x95\xff\x1e9\xb4[\xe1N\xee\x7f\x13\x96\x91\xd05\x9c\x95\xd4\x84\x05\x00\x00\xa0\t\xf2Pq8\x8cy\x93\x1e\x1f\xa4\x1e\x82\x81\xfb\xe0\xb0\xf6\xb8\xedU\xfb5\x98\xff\x83\x86\xee\x8a\xc6(\x1f\x7f-0\xc2\x88^\xce\x8f~\x0fo&gt;\x93\xab\'\x9f\xe9\xf3v6\xa2x\xf0\x9b\x80\x00\x00\x10\xa6^\xe2\x8b/*&gt;\x0b\xfe\xa0\xb2&lt;6\x99\xdf\xf9T\xff[[f\x13\xad\xd8\x84\x92-8\xc7/\xfe\x9a\xbfbnz\xe1\xf3\xab\x0f\x80=\x1a\xf37\x8e\x83\xe5e\xcd\xdbuv\x03\x12\x000&amp;\x91K&gt;\xcc|\xbd"\'5\x9fG\xef\xcf\xd31\xd1\xcd\xd6\xd6\xa1\x90&amp;A(\x90\xe2\xefq\x01\x90\xc1OM7\'\xce\xd6\x02}\xb0\x16\x9c\xbf=\x88\xc1\xefH\x9f\xd8\xb2\xf7\x99\x89\xbev\xfeG\x9b\x8a\x06\xb1d]\xba\xcd\xca\xd9\x01\xee\xd2\x8c\x00\x80j\x9cs\xaa\x04\x9a\xd2*\x02\xf9\xf2\xfb\xc2\xec\xdf\xf3\x94}\xe9\x19\x00"\xc7\x82\xb3]6\x9c(\xb6\xc7\xee\xef|\x0ep\xb6S#\xed\x1bw:\xeeJ\xf0E\x8b\xeb\xda\xd4\x8d4\x00@\x0e&lt;}\xa9\xfa\xa6\xe7;\xbe\xf0\xa4)\x9b1\xaf\x1a\xf3\x92\xae\xe0\xcf\x0f\xae}q\xbf\x1b\x9b\xe9\xd3\xf1Q\x06\x0f\x15Z\x95\x99=B\x92\xfa\x0b\x9d\xdb\x13f\x1e\xc8o\xd4\x1a\x8d\xf8\x100\x00\xbb\xe7p\xb8\xd5\xd6\xb3\xff\xads\xb6\xfbg\xad8\xe4f\xffg\xc6y\xb6\xba\x15\xb5\xbe\xc4\xd33\x18\x93$\xc3\x9f\xf7d\xf5\x8f\xfb/\xe8\xae,\xac\x15\xa6?\x00`W\xc0\xa9\x81t\xce\xf1\x03s\xe7|s\xa3:\xd5-\xf9\xe6\xda\x02\xd7\xa2\x86e\x8e\x17\x8d\xcekz\xde:\xf7A\x96\x9a\xeb\xbc\xec\t\x00\x00\x99\xe0c\x12;\xc3\xf8\x1a\x130\x01\xb3\x80\x9aT\x19K\xa9\x1f\xc29\xcf1l\xec\xfd\x07,p\x86\x0b*\x00\xc0Z\x9c\xdd\xf6*\x18\x1a|G\x1e\x00\xbb\x00\x9f\xda\xcf\x80\x89^\x99\xfa\tf\x00\xc0&gt;\x90l\x90\xc0)\x9c%/\xecs\xd6\xb1\xee\xe8\xea\xf3%\xa1\x91/\xc0m\\;\x00\xe7\xc0n\xe6Q\xdd\x86H\xa4\xed\xf8\x1b\xb4\x01\x00!\x82s\xfeR\xbdo\xbcl\xf7[\xdb\xb34\xdfdK\xebQ%\xe4\x14\xfdvD\x97\xed\xff\x0fD\x15\xd8\xee\xb0\x07[\xe5W\xcf\xe1\xeb\xe1\xc3\r\xdce\xdb\xf9\xfa\xcb\xa9\xe6.\x1b\x08\x00\xd8)\x9b\xcd\x84\x06\xf9\xcd\xa9\xfb\xacZ{\x90&amp;\x96)\tr+v\xd9\xac\xb6\xfd\xe5\xf1\xe7\xc1Y5vH\xc6\xf0W\xad\xb9\xae\xcfE\xe4\xcc\xb8\xff\xd8\x82\xad\xce\xd3\x9f\x00\x00\xc0\x8a\xb4\xfc\xf5\x9fS\r\xcd$\xf7 %\xd5hQ\xd2\xf1\xec\xaa\x1f\x00\xd0\x16\x00DW[C\x07p\xe6\xec~\x01\xe0\xe1%;^\xfc`\x01\x00\x0009\x13_\xb0o\xaf\xb7\xe9\xd6UO\xeb\x0bM1B\x12\xb0\xf6I}\xda\xaa\xccTH\x06\xa0*\x00\x00 \x00IDAT\xd5\x95d0\x11\xd3C\xb6;J\xc1F\xc1\x90[\xa8\xe4\xd96\x1dn\x00\x00&amp;;\x9f\xcf\xcc\xfcU\x11\xc7\x87\xaf|\xd9\x0b?X\xda\x8f\x03,\x00\xd6\xe5G\x1eS\x7f\x01\xa0\x96\xc4\\\x03\xbd\xc0H\xab\xcc\x08\xfb#\x00\x00 Ft\xa3\xe3\x1c\x9d\xda\x16\xf7r\xd2\x15\xbe\xc9\x16\x9b\xb9i|\xd6\xc6\x02\xa0\n\xb0\x9e\x1c\xd8\xaa2\x1f\xbf\xe6\rI\x00\x00HF\xfe\xadg\xfd\xeb]\x91\xa7\xac\xadar\xed\xb9\xfbO\x7f\xe4\xa9\x1dk\x03\x00\x00H\x00\x0b\x00\x00\x00\xd8\xba\x13\\]\xff\x8c/HMzDp\xef\xebc\xb6\xbb\x06\xf8\xd3\xcdj\x0e\x08}\xb7S\x9e\xb5\xb6\x02=\xf8o,\x00\x00\x00\x02\x18?\xf4;$Cu\xcaZ\x9a03\xff\xe00\xdf\x8c\x91t\xb8\x91{\x18r\x86_\x82\x0e@\x07V\x8dt\xb8\x9a\x0f\x00\x18\x8e\xcco\x1f\x83/sr2\xe6\xbf\xed\xca\xd7\xaf\x165\xf5\xaf\xdbW\xf9\x9a\xb5\xf4I\x18\xf9y!\x7f\x98\xd5Nw\xce\xb6\xe1\xa0\x16\x01O\xa5|\xc6}\x15\x1e;\xd4\x86\x0e\x00\x00\x80\x9a0\xbd]IX\xe1\xee\xeb0P^x\x06\xdf\xd2\xbd\xef\xd6\x9d3{\xeeY\xd6Y[\x9dZ\xec\xde\xdb\x00\x00\xf6\x00\xfc\xd4\x91]\xc6!p\xe2\x0c\xd6u\xc89\xf6\xc9\xbe\xdd\xd1N\x17\x00Gn\xb1\xb6\x02\x00\x00\x00\x04\xec7\x0e\xed\x81\xe2NY\xbdOk\x8f\xabdi\xf3\x8f\xa0YK\x05\x0cx\xb0*\xca]V\x0cE\xba\xc0\xda\n\x00\x00\xb2\x81\x0b\xcbb\x98,\xe4p\xf8\xc8\xda*\x00\rG\xea\x9c\xfc\x8bZ\xab\xef\xa4\x1e\x0e\t\x85\xe7/\xf5?&amp;F\xd7\xb7K\xbc0]\x01:\x9c\x9c\xd3=\x8c\xfc\x7f\xfe\x0f\x00kp8\x1c\x0eI\xf3c\xd7\xc0\x10\x00l\x17\xc6\x14n\xcb1\x93k\x100\x8e9"BQo\x98[\xf4\xe6,}\xcep7\xd2\xb3\xcc&lt;\xe7\xea\'6\xa29\xe8\x0f\xc2M\t\xcb\xb6\xc08S\x0c\'\x00\x00l\x97Q\xfc\x88\x80\x07\xaeQ)\xd3\x15\xcb\xb6\x1b\x0fj\xf6_s\xe7\xf2ph\x99\x88\x02Og5\xd8\x81V\xef\xdb\x1c\x8e\xfd\xda6\xc0\xd7\xbc9v8\x1cN^\xe4\xc1\x95$\xf6`\x98\x13\xbc\xf3\x82\t\xa77\x12\xa2\xd7;\xd7&gt;!\x04\x00\x80}\xf2\x07\xcb\x9f9_]j\xd0\xe4\xaa\xe8\x19|Nt]\x02\xbd\xd6\xc0\xf2}\xbf\xf6G\xb9\xc4|\xb5\xe3\x0bv\x91d}\x98\xe9\xab\x1b}(\x85kLCK&amp;H\x06\xb7\xdeK\x10\x99N\xf29c\xf5C\x08-?\x06\x86\xcf\x98\x01\x00@\x11W\xa8\x1f5\x13&gt;\xfe\x1b(s\x16\x87\xb7\xb9\x89c\xf8\xfb\xbc\xb7\x98\t-:\xeb\x9fbdf\xa6\xd7j\xcd\xb1\xf2\x0fic\x99\x99~\xb9\xb2e\xf0a\xf7a\xa88\xec\xbb\xf5&amp;\xd3W\xd6]7\xb6\x9d\xfbIC\xbd\xfe\xd4PDa\xde\x01\x00:\xb3KwS\xff\xc6\xc8~]s\x93\xf41\xf3)f\xfa9\xdf\x02\xe0\x8f\xcbu\xcb\xc5\xa1\xd2\xb3\xe3m\\r\x17\xe3\xf8h\xfa\xe7\xb7)/L\x03\xecF\xf3H[u\xb0\xeds\xa8o\x8c\x8e\xa7\x8e\xd5ji\xa0\xf3q.\xbc\xa9\xee\x8c(t\xe9\xd5&amp;)/\x1f\xe8?\xfe\xbbT \x00`\xd7\x94\xfb\x08\xc3Gw\x8e1\x7f\xa3o\xea\x8c\xed\xf2b\xa7\xc3\xed*\xde\xa8\xf0@\x06 ;dw\xbf\xbf\xe68q\xe8\xcc\xf4\x00\xe1q\x10\x13=\xdch\x9am\x04u\x8c-k\xa1^4Xo\x8c=\xa9\xb7\xc0\xa0\x9b\x0e\xeb\xe8S\xd9\x14\x8aS/Z\x00\xd4\xd0j\xb0\xfe\x05\x00\xec\x11\xdd\xd1\xac\x14W\xba\x844uC\xa5\x82\xb46:\xc7\x04\x1eS\xc0\xa75J|\xab\xc8\xfc\xc2\xb4*\x83\xf12b\xe4\xd7\xae\xbd#\x9e\x89\xba\xcaU\x9a\xf0)v[\xee\xa2?\xd7\xa0\xbd]\xd7W[\xec\xac\xb1\xa8\x97bVd5}\xea\x1d\x8bq-\xc3\x8e\xd7;\x00\x00\xe0\xe6\x06+\xd7\xaf\xeen6\xad\xa64T4\xf7\xe9\xa2-\xde\xee\xdb\xc0\x89\xb0\x99\xd4J\x9f\xca{7\xa7CW\n\xcf\xcfUN\xf3\xa5j\xdb#\xb6\xc9\xae|hDa\x01\xe0d\xc5\x86p \xe1N\xf6r\xf7\xac\xd2\x10f\xe6g\xae\xb9\x00(\x16\xb1d\xed\xa5\xadH\x11\xb5\x9b\xe9\x00\x00\xd8?\x15\xb3\xba&lt;\x99\x99\x94;\xf7\x1eY\xa3t\xebh\xe4\x05@g\xf2\xfat3\xd6\xb3\xc7C\x83\x05\xc0\xa5\xae\xe0\x95Yk{u\x11\xa8\xfcq\xa5b!DDt\xbdUN\x81\xc6\x1cB\x03\x1e\x0e\x8c\x8e\x9e\xff\xd7\xb1[u\x81\x00\x00\x90\x07\x13\xfdT\xc1\xd3s|\xdd\xb0/+\xf0\xc5\xe9\xbf\x9d\x9aOv\xcc\x10&gt;r\xe1t\xc9\xe3\xb3\x8da9e\xd2|\xbf\xe5k\x7fD\x8f\xad\xbb\xd9\\\xfb\xb8\x89\xeb\xcb|\xdc\xb0\xd7\xc0zk%\xca;\x91\x92*\xabP\x9bju\xcc\x02ap\x00\xc0j0\x13\xfd\xe8\xdaJ\xf4F\xdb\xb9\\\xc7\x0b\xa7\xd6\xd8\xfc#\x10\xa3nG1\xfd\xc1\x98\x8aU\xa7\xe6M\x83BM\xac?\xfc%[,\x00\x06M\xd9\xb7\x8d \x8b\x1d\xd6\t\xf4d\x89\x0b\xed\x16\x00\x15?T\x00\x00\x00\xd9t\xf6&gt;C8;5\xcdZ\xd3\xff&amp;\xe4:C\xd8-\x9d\x8d\xaa\xbd\x12C$\x04\xac\xff\x9d}S9\xb7!\xa5\x0b\x80\x17\x14&lt;\xbb!\xb6\xf2\xe1\x16\xca\xbd\x89\xd7\x08\xa9&amp;\xae\xfc\xdf|\xb6\xc0\x9e\x86\xd8q\xec\x03\x00\x00+\xf0\xaen5\x8d\xb2\x00p|\x82\xb3\xa2\xec&gt;\x01&amp;U\xf2\xd3\x11\xed\xce\x83\x8ct\xf3\xf6\x83%\x8b#\x93\xb3\x00h\xa1\x87\xb0\xf2a$K7\\|\x18%\x12k\xf7V\xe0Q\xf5\xab}\x1f\xbf\xc9\xae\x17\x00\x00FAq\x7f\x17\xed^i\xba\x1b\xfd\xcc\x86\x91\xacf\xa6\x1e\x8f.\xb5\x88\xdeY\xaf\xb8m\x06\x00\x00*_\x93RX\xea`\xbd\xe9\xff\xe4\xbb\xe6\x7f\xde \xcb\x9b\x05\xd6\x15\x99\\\x03N\x15\x00\xb0=\xd6\xda\xf3\xabUi\xbd\xc4\xbd\xc5\xcfa\xae\x9fm\xe7\x9f\x92\xc7\x9fm\xbe\xbcqT\xd9\xb7\xba\xaa\xb8\x06j\xc8\x80\xeb\x0f\x9eT\xe6\x06nN\xf3\x99\xc7\xad\xad\xc0.I\xfbxI`\x01P\x9e\xb8\xd7\x92c\xc8,\x94\x00\x00\xd8.\x1b\x9d\xff\xf5\xb2\xe7\xb5\xb8\x93\xc3\x83\x97\xc4\x86Jj\rC\xd2\xd7\xda\xb8\x9f\rr\xd1B\x8b\xed\xce\xe0\x1e\x96T\xc3q\x8da4#|t\xdec\xcb\xbc\xdb\xdf&lt;\xea\xcb\x90\xa3\xa2\x9c\xd5\x16\x00\xf3D\xab\xb8\x900j(\x96\x00\x00\xd8(\x9b\rxe\x91f\xd0(egZ\xf2\x07\xad\x16\r\xdaF1C+\xbf\xd9\x15W\x9a\xdaoX\xf2\x8ci8\xd5L&gt;\xc6\xe3\xaf\xf7\xd8\xa84$\x16\xf0\x95\xb9\xf3N\x17\x00\x1fXw\x01\x10\x94\xb3?k\x03\x00\x80\x88\xbdy\xc0\xbc\x05\x80j\x07e\x15Q\xe9~Q\xd6c\x15\xaan\xc2 \x8a\xad\xa5\xc6 \xcdOb\x8b:\x0f\xc1c\x92\'o\xd9\xd2n\xab+\xc3\x88\xabL\xf2\xc95\x17\x00U\xd7\x12\x00\x00\xd0\x8e9\xef\xecT]i\xb8\x1a\x92\xe2\x16\xd5\xdd\x16\xca\xb4\xf0\xce:\xa5\x01+~\x82\xc5Q\xef\xc0\xf3h\x87s|T\x06\xdcW~q\x1fM\x82\x03,m\x04VK\xd9/+K\xff15\x00\x00\xeb\xf3\xcd\xf5v\x9d\xc5l\xcd\xfd\t\xb4\xddX\x8b\xdc\x8c\xd1/#\xe8\x90J\x07\x9d\x8f\xf3\xf4\xb1\xea+\xebg\x12~\xd7\xd1&gt;%\xfd\xcef\x92\xa3\x0c5DGY\x00,CQ4,\xdbj\x9b\x9ag\x073\xf5\x04Q\xd2\xec\x7f\x08O\x0b\x00\x00c\xb2\xc4\xb3\xd5}eX\x81\xd5\xd5\xdb\x17\xf3\xcduy\x8c\\;\xf5\xe9\xa3\xc0\x947,7\xfb\xd7\xce\xf9\xde\x19P\xa0\xfdfg\xb5\xe32J&gt;K\x19j\xca\xbb\xed\xdc}q\xf8\xfb\xf3`\xf0\xe7\xb8\xf6\xe7\x9d\xe4$\x0e\xf5J\xd9\x7f\xb2\r\x85\x0b\x80\xc6C\xe8\xd0T:\x00\x00\xb4\xe3\xe8v\x0f\x87A\xfc\x18\xaf\xedQy\xd2b\x10\x83\xb4\xe6\x18\x1d\x85\x8d=\xc5\xe8\x03\r`\x1ff\xae8n\x99\xf5\x16\xa9I\xc3\xda-=\xe1\x9d\x1aj\xe64\xccD\xf629\x1c":$\x0e\xbf\xd2\x9a\x0b+\xf2\xd9\x99\x99\xa7\xe6t\xe1\xb2\xcc\xef&lt;)0\xabT\xb5\xdf\xab;\xe1K\xcf?F\x19\xc8\xf2\xd3\x9b Z2\xb4\x9e\x11\x17h*\x1d\x00\xb0#\x86\xda\xd0\xa2t}:\xec\x83\xael"\xe6\xd3\x87\'2\x1e]]y\x0f\x81\xbbg\x07y\xf6?\x0bh\xd6H{\xdb\xd2_\xd5\xa1jd\xb7d\x1d\xf7U\x87\xb9&gt;p\xd4\xe3\x15\xce\xf7\x0e\x07:\x1c\x0e\xc7\xff\xf6\xd4\xa9\x8c\xc3\xe9\xbfL\xbdfM\xa9qf\xeb\x1e\xcc\xd7\xe5\x93\xa8\x06\xfff\xbeP\xbb\xee\xeam\xf9\x8fE\xf4\x96\x86(\x00\x00\xd4d\x94\x84B%\xe5\x9c\xb4\xf5a\xf7\xdb\xfb\x1e\xa6k\xb0\xeb\xfb\xa4]e\xee\xee\x13\xd0\xab\x7f\xf3\x16\'\x83\xa3_f\xe8u\x82\x1f\xd0\xe7?\x99?o\x98\x15\xc0\xde\xd9\x86\x9dk\xdf\xf6I\xfdp\x85v-M\xd1g\x1b\xd6;R\xe1\xf2\x8f_N\xb9X\x00\x00h\x00\xf3\xbd\xc7tIw\x1d(\x84dzm\xa9\xbb\x8f\x7f`\xce\x0c!\x9a\xd8\x95\xe3\xca\xa8\x81\xcd\xa9\x0f\x13]1I\xca\xa7[\xa6\x96\xde\xf8\xdfZ\x0e\xa4\x13\xd2|\xc8\xee&gt;g\xea\x8e\xb4\xb4\xab\xf9\x0e\x8f\xb4\xcd\xe1Q1SOZ\x00\xb8\xdezPv\xd5\x00\x00 g\xa0+\x05:\x9b\x8c"\xa4\xac\x16N&gt;\xfd.\xa1OI&amp;\x89\xf5G\xa6\xf9u&amp;\xfa\xef\x1c\xa5KY\xfd3\xb8\xe6K\xeeQ\xbdd*\xdf\xd4Zgk\x9d6,\xbe\x95\x92\xff\x81mfx\xfbe\xc5\x916\xe6\xe2?\x89i\xf9\xf4\xcc:\xd9\xffI\xa8l\x01\xa0\xbd\x9e\xf1\xfd\x07\x00\x00\xb0\x05\x92o\xf6\xa7\xff \xce\x08,.&gt;\x10Kj\x85\x19[\xe0\xb4\x0c\x18\x9cE\xc3\x9f-7\x82\xa3\xc9\x1e#h6_\xba\xa9A\xc4]\xe1\xdbusq-\x9f\xe8\xa5A\xe5}om\xa2\xbd{\xa3\xba3I\xad\x7f\xe3\xfd\xae}\xb0\xa6\xd6\x1a@\x92\xfd\xd3\xe2|\x8e\xff\xbbDI\x8d\x00\x00\xd0\x85\xe7%;\xc7We~\x80u\xbb|},\x90\xd4l]8\xcc\x8c\x87\x9asW\xd1\x96E\xa2\xfa\xed\xca\xcf[z\xdbA\xdb\x80\x9cV\x92o\xdfT\x13\xce\x92\xf5g\xfd\x7fu\xab\xbaEE\xfc\xef\xcc\xf4w\xe6\xe7|\nM*\xc9\xfe\xd5\xe2D\x7f\x98]\x17\x00\x00\xf4$~m\xddz\xe1\xdc2\x89\xf4(R\xb6g\xbc\xa9\x05\x00\t[\xca\xcc\x1f\x13m\xce\x97\xb2\xb2\x00\x08\x17\xeef\x99\xa7O\x1d!\xac\x91\x05\xcaw@UC\xb6\xa6\xca\xa8\xe2&amp;\xab_\x18[E\x81v\x95\x1a-J\xfb\x94\x8bC\\\xb2\x0f\xe9b\xcf\x9e+\xeab_\x9a\xb8\x00\x00\x00\x00\xb0#z\xfb\xfd?/\x894#d\x9f.\x04m\x99S\xed\xc1b-\xd3\x1f\xa4\xac\xfd\x86\xd0\xf9H\xc3Tu\xea\x9d\'4\xabb\xa9\xcb\xfb\xfa\x8bF\x1d\xed\xc0d\xe9&amp;\xce\x9f#9O\x959\x13g\xf6\x9f=\xe40V\x01\x00\xeb\xf1\x85\x9a\xff\x1a$\xc1\x92\xb0z\xa4\xaf\x93\xd8\xc9CHA\xfa\xbb\x95&gt;5\xf96\xd7\x02`;Ct@\xda%+\xe8\x9a\x16\xbcx\x8d\xc9k\x9c\x14\xb5\xae\xe5c\xba\'\xd0\xb7[&lt;I</t>
        </is>
      </c>
      <c r="E605" t="inlineStr">
        <is>
          <t>&lt;class 'numpy.ndarray'&gt;</t>
        </is>
      </c>
    </row>
    <row r="606">
      <c r="A606" s="1" t="n">
        <v>604</v>
      </c>
      <c r="B606" t="inlineStr">
        <is>
          <t>steps_per_sec</t>
        </is>
      </c>
      <c r="C606" t="n">
        <v>6800</v>
      </c>
      <c r="D606" t="inlineStr">
        <is>
          <t>3.0494497</t>
        </is>
      </c>
      <c r="E606" t="inlineStr">
        <is>
          <t>&lt;class 'numpy.ndarray'&gt;</t>
        </is>
      </c>
    </row>
    <row r="607">
      <c r="A607" s="1" t="n">
        <v>605</v>
      </c>
      <c r="B607" t="inlineStr">
        <is>
          <t>Loss/RPNLoss/localization_loss</t>
        </is>
      </c>
      <c r="C607" t="n">
        <v>6800</v>
      </c>
      <c r="D607" t="inlineStr">
        <is>
          <t>0.30487764</t>
        </is>
      </c>
      <c r="E607" t="inlineStr">
        <is>
          <t>&lt;class 'numpy.ndarray'&gt;</t>
        </is>
      </c>
    </row>
    <row r="608">
      <c r="A608" s="1" t="n">
        <v>606</v>
      </c>
      <c r="B608" t="inlineStr">
        <is>
          <t>Loss/RPNLoss/objectness_loss</t>
        </is>
      </c>
      <c r="C608" t="n">
        <v>6800</v>
      </c>
      <c r="D608" t="inlineStr">
        <is>
          <t>0.008097346</t>
        </is>
      </c>
      <c r="E608" t="inlineStr">
        <is>
          <t>&lt;class 'numpy.ndarray'&gt;</t>
        </is>
      </c>
    </row>
    <row r="609">
      <c r="A609" s="1" t="n">
        <v>607</v>
      </c>
      <c r="B609" t="inlineStr">
        <is>
          <t>Loss/BoxClassifierLoss/localization_loss</t>
        </is>
      </c>
      <c r="C609" t="n">
        <v>6800</v>
      </c>
      <c r="D609" t="inlineStr">
        <is>
          <t>0.17010626</t>
        </is>
      </c>
      <c r="E609" t="inlineStr">
        <is>
          <t>&lt;class 'numpy.ndarray'&gt;</t>
        </is>
      </c>
    </row>
    <row r="610">
      <c r="A610" s="1" t="n">
        <v>608</v>
      </c>
      <c r="B610" t="inlineStr">
        <is>
          <t>Loss/BoxClassifierLoss/classification_loss</t>
        </is>
      </c>
      <c r="C610" t="n">
        <v>6800</v>
      </c>
      <c r="D610" t="inlineStr">
        <is>
          <t>0.14167005</t>
        </is>
      </c>
      <c r="E610" t="inlineStr">
        <is>
          <t>&lt;class 'numpy.ndarray'&gt;</t>
        </is>
      </c>
    </row>
    <row r="611">
      <c r="A611" s="1" t="n">
        <v>609</v>
      </c>
      <c r="B611" t="inlineStr">
        <is>
          <t>Loss/regularization_loss</t>
        </is>
      </c>
      <c r="C611" t="n">
        <v>6800</v>
      </c>
      <c r="D611" t="inlineStr">
        <is>
          <t>0.0</t>
        </is>
      </c>
      <c r="E611" t="inlineStr">
        <is>
          <t>&lt;class 'numpy.ndarray'&gt;</t>
        </is>
      </c>
    </row>
    <row r="612">
      <c r="A612" s="1" t="n">
        <v>610</v>
      </c>
      <c r="B612" t="inlineStr">
        <is>
          <t>Loss/total_loss</t>
        </is>
      </c>
      <c r="C612" t="n">
        <v>6800</v>
      </c>
      <c r="D612" t="inlineStr">
        <is>
          <t>0.6247513</t>
        </is>
      </c>
      <c r="E612" t="inlineStr">
        <is>
          <t>&lt;class 'numpy.ndarray'&gt;</t>
        </is>
      </c>
    </row>
    <row r="613">
      <c r="A613" s="1" t="n">
        <v>611</v>
      </c>
      <c r="B613" t="inlineStr">
        <is>
          <t>learning_rate</t>
        </is>
      </c>
      <c r="C613" t="n">
        <v>6800</v>
      </c>
      <c r="D613" t="inlineStr">
        <is>
          <t>0.039763693</t>
        </is>
      </c>
      <c r="E613" t="inlineStr">
        <is>
          <t>&lt;class 'numpy.ndarray'&gt;</t>
        </is>
      </c>
    </row>
    <row r="614">
      <c r="A614" s="1" t="n">
        <v>612</v>
      </c>
      <c r="B614" t="inlineStr">
        <is>
          <t>train_input_images</t>
        </is>
      </c>
      <c r="C614" t="n">
        <v>6800</v>
      </c>
      <c r="D614" t="inlineStr">
        <is>
          <t>[b'1024' b'1024'
 b'\x89PNG\r\n\x1a\n\x00\x00\x00\rIHDR\x00\x00\x04\x00\x00\x00\x04\x00\x08\x02\x00\x00\x00\xf0\x7f\xbc\xd4\x00\x00 \x00IDATx\x9c\xec\x9dy\xfc}\xdfT\xff\xd7\xf9\x862O\xc9&lt;eJ\x84(S\xcaLf2\x14R\x862$C\xe6H\x91\xcc\xa4\x90\xa1(C\x86\x0ce\x0e\t\x11"DB\xbe\xa6\x84|e\xe8\x97Y\x86\xf5\xfb\xe3\xdcs\xce\x1e\xcf\xd9\xf3p\xee\xeb\xf9x\x7f?\xdf\xf7\xfb\xdes\xf6^{\xed\xb5\xd7^k\xef}\xee%r\x85\x99\x99\x88\x9d\xaf?\xdcEW\xe3\x99G033\xb1o!\x8b\x003A%\x18\n"b\x9a\x7f\x11\xc5f\xa6\xaf\x1b\xdb;\xca\xcf\xf3/IDJ\x8a$6\xcbX\xda\xbb{\x14%&lt;+_5v\xf3\xbe\x8e\xd5\x80\xb7\xbb\x83\x95\x8eL$o0lc\x1e\x1d\xaa\xd5\x89?\xcbeK\x81\x07\xb3\xbc\xe9\xf8\xfa\x8f\xaeTg\xd00\xf3\xfd\x98\x89\xf82\xcc\xf4\xb4:\xca\xd15@\x8a\xb4\x19{pU9eX\xab\xfd\x99Y*\x93\xac+Yq\x0e\x83q\xa3\x8c\xd0\x12b\xb8\xd7\x91\xf9s\x00@\xebH\x13a*\xf7\x9a\xc0\xe9_Z\x0bM\x8c\t\x80-\xfa_\x02\x1aI\xb6pyrb\xd2[\x83\xd1\x7f\x01\xa9\xaaL\xcc\xb2\x04\xb6\xf8o;n{Kc\t\x805\x03\xa0\x87\xa9\t\x00\xb12jt#\xbc\x18=I\xf1\x0f\xd7\xb4\xd5D\xc4D\xaf]\x91\xab\x92\x85\x1b\x87\x18\x13]\\\xbf$\x8f\x1d&amp;\xf2\x8dq\xb5\x1b\xcc\xf8\x9e\xba\xc3LV]\xc2\xe1\xf0d\xd1V\x83f(\x93\xa1\x16\xa3A\x97\x0e\x008v\xa4h \xc4I\xd9\xe2\x8c(\xa7\x7f(\xe4\xa6\xccD\x1f\x9fB\xc3\xefHb\xbf\xc5X\xbem2c\xfa\x8e\x8b&lt;u\xdc\xb4\xac4\xc3O\xa5\xa0\xc1 cU\x192\xb3\x16\xb2\xb8\xe8\x9f\x89n\xb6reP0\xf4\x0e\x9f\x8b\xcd\xd5\x99\x06\xa6\x9a\xf3\xcbQ\xd1\xf2\x8b\x9e*\xc8\x86\xaa\xd6\xb3\xa5%\xaf\x8b\x93\xa1j\x80\x98\xe8\xdf\x89\x98\xe8\xb2\xc2U\xef\x91\xa3\xe4\x1c\xb2\xcd\x85\x97\xc7\x1e\xe23\xff\x93\xeav\x92T\xa8\x19^2\x98\xe8\x07\x03o\xbcO&amp;\x91\x1c\xaaF\x02\x00\x00h\x0f\xa63\x07;DK\x94\x11;\x83\xca\xe5\x18\x0f$X\xcb\x1f_\x7fjX\xbdI\xdd\xf4\x9b\xdd\xeb\x15\x94v\x01-\x1f\xcb\x1a\x94\x98\xe5\xb1K\xb8O\xcc6\x9c\xa2\xbd\xc1\xc5Z"\x95\xf9\x95\xbf\xf7\xafy\xbe\xf7_\xa5!v}e\xd8Z\xeeb5mPj\xd1\xdbe\x13^\xa8\xeb\xf0zN\xdb\xd6\x9boY;0\xef\x1f\xee\x80\xf5\xe6\xe8+\x0e\xc9\xea\xb5\xd8pE*\x88\xb4ju\x00\x00P\x93\x1f\x8cY\x9a:x\xb7\xbb\xa9+\x85\x912)\x11I\xa9e\xb3\x8anZ\n\xf1\x95\xf9\xa9\xdc\x142g\\\xfa\x16J#\x13\xd8\x052L\xde?m\x0ey\xd3Z\xb2g\x99\xa6\xb0\xf5\x1e\x01\xe1\x8bz\xf2a\xbeQ,Y0\xb0\x17\x19\x13\x00"&amp;\xba\xb4\x9a\x99\xcfUX\xccC\xbf\xd2(I\xee\x04\xe0/$\xcdo\xecQ(\xd2\x96J\xbc\xcb\xe7\xf6\xcb\xfa\x82\xf0K\x86\xfa&lt;l\xb5\x0c^\xc30\x9a\xd3\xeb\xe3\x05\x00\x00\x1a"\xd2I\xa9\x13|\ng\xe7\x15\xe5\xec\x9e2S\xc84/\x1a\x0e#\xb5\x82\x16&gt;\xde7^\xbc\xd3\xf3\x1a\x91\xe5+E]\x86\x99\xe8\xca\x9e\xf7\x1d\xee\x8d\x10L9\xbd#\xbcn\x08\xfe\xb4\x8a\x0c\xb7\xfc\xb9\xa1\n\xed&lt;\xa1&amp;\xa7\xde\x84\x86Ij\x06+\xd5\xc8\xa3\xecd\xf2\xeb\x99\xaa#m\x8c\x1f\x03b{oT\xac\xd2\xcc\xf6\x03\x00\x00\x11\\O\x98\xe7\xae.\xed\x80\x07\xb8-&amp;b:?\xfc]Z\n-C2\xf3\xaf\x8f\x06\xf0Na\xb2l P\x13\xc3PaBM\x16\xbe\xa8\x91i\xf6 u\x14\xfb=\xee2\xc5%\x00b\xbdn\xd7y\xd4\xc2\xf4L)i\\\xb97E\x13\xca\x91\xdb\x12d=\x08?\x9f\x98\xf5\x99\x8f]\x1ev\x9a\x11|\xd7\x97\x0fG\xff\x89\xf9\xf2\xa5\xcfR\x8a\xc2\x00\x00@{\xa8\xf3\\Tt\xc5\xf4\xf0\xfa\x1f\xe7\xb2G\n\xe5\x00\x96\x9f\xca\xc8A\xd8\xf2$kjK{\x81Xg\xa6\x86\xbb\xc7\x94\xf2\x95\xbf\xa1\xbc\x16Ps\xceEei\xa5\x9fnd\xa9\xab\xab\x04\x80\x88\x88\x98\xfe1\xa1\x9cKQ&amp;\x97\xbb\\\x96)\xe5\xb0\t\x13tc\xc3]\xf9;l\x04\xeb\xf1\x00\x00\xa0bY\x8b\n)\t\xd1\x7f6\x9e\x18\xd15\xeew\x9d\xe0_xv\xcc\xf3\xb99xj\x1d-(\xd9\xb8\xdc\xf0\x04\xfcU\xbd\xda\xdb\xd0w\x14\xb4\x1b2\x16\xc2\xf0)L\x96N\xd1\xf5\xf3\xd0B2n\xf1\'\xb6\x91\xd8\x0ck\xbe\x82\x99\x9e\xd8\x90\xa8\x00\x00\xd0\x02IN~K\x1f\x11x\x94s|V\xfeo9\xcc\xed\xa7\xdb&amp;N\xf28\xa3\xb6\xce!\x01po]e=\x14\x0e\x9bL\x81ZE\r0}\x92\xe9.G\xeb\x19\xcc\t\x00\xbd\xdbQ\x1b\r*\xede\xa6\xf9"\xad\x9c\x0eI\xb2\xb0\xfb\xb4\xe6+\x0eW&gt;(\xa9x\x00\x00\xb0\x07\xe4#\x16\x81%0\xd1\xff\xcc\x93\\\x93\x93V\xdf\\L\x08|\xaf%\x9d\x15\xb6\x85\xc2\xcfuL\xea\xdc\xfa\xab@\x9f\x1a,g\x0e\xf7E\xfel\x9e\xd4\xad\x9fK\xa3\xc4\xd9-\x18\xe4\x85\xea&amp;\x00\x05*\x05v\x16\x8buK\xc9b\x96c\xea\xf0\x88t6\xb6\xa5\xa2E\x93D\x97\xa35k\xbf\xea\xa4\xc6o&amp;\x11\x0c\x00\x00v\x86\xe0O\xbf\x1ay\xce\xc4en\x0b#_\xc9\xbd0i\x80\x97_\xc4\x90\xc2\x92\xbf\xcdo\xad\x16j\xbd\x80\x95\xe95\xa7\xfe\xddSP\x96\x83\x00\x96^$\x92\xad\xe54\xdd\xc5R\xf1\x98C\xa2\x83B\x1e^[\xba\xb3\x121\xd1Gk\x8bQ\x05\xdbG3\xc9\x17\xcd\xd7\xdc\xa1\x1f\xbbU\xdd\xc8\xb3\xa3\nZ\xf3K\xcb\xd7S\x1c\xc6\xf5\x86\x0f\x0c\xa9&gt;\xb2\x10\x00\x00\xe8\x005J\xf0/@\xfc\xfdNY\xbc\xe7"\xde/\x1d\xb1k6FuZxg\xbeG{\xcbe=\xf2z\xc6*\x8di\xc6\xf2\xe2\xc6\x95\xeb\\\xd6\xef\x16{-\xb2\x0cG\x97\x00\xd8\x8c\xa5\xb6\x1e\xc6\xda\xff\xdd\xb7G\x9a\x91?\x11[\xcd\x91\xbb\xacG\xa2\xfak\xddb\xe7\xd7\x99\x99\xae\x93x\x97\xaf\x7f\xcd\x03\x00\x803\x92\xcb\x8bM\x00\x92S8\x82i&lt;\xc2\x10\x94p*\xfd+ZMq\xb9y&gt;s\x0c\r\r\x97\x99\xaf\xfc\x08_\xc7|m\xf6SC\xf4\x1f\x1b\x92\x0b\t@\xcb=\x9b\x9e\x1a\xdd\xe1\x8eGw\xd4nB&amp;\xe3Y]\xae\x16\xdb{\xfd\x1eMw\xdd\xb1\xb8pY"\xa6\xf72\xd1#\x8dE\xd3\x153\xee3\xb77^\x00\x00 \x17L\xc4\xf4\xc0\x00\x97\x9a\xf5\xf3Xd_\x1c[\x91\xcb\xed]\xcc\xb5KD\xbb5\xcbZ\xce\x1b\x18\xe2B[\xab\xf5\x0f\x93y\x81\xe9*+\xf1\xad]\xc5*\xb6$\xc3\xe3\x8e1\x01 =t\xee3\xa0\xf1\xb4\xa8\xa4\x1d\x9d\xd1\x92\xcf\xb7%\xe7d\xb4i:\xae\xb0\xfd;\xba\x97\x8dB,\xcf\xfa\xc7\x94\xb9QQY\xf7\x05\x00\x00yq\xf1b\xb3\x9f\xbd\xa1W\xc9g\\\x02\x8b\xb1\x96k\xc4\xfb\xe5\x83\xe7}\xac\xee\x8b#K\xdeM\x0202\x8azM\xe7+\x95\xd7\xc4\xc9\xf5\\!%,\\\xd0\x96\x00\x10}\xdeA&lt;\xbd\xaex\x8c\xc2\xe4\xed\xd96#\x86\xb9\xf9gnO6\'\x0c\xfd\xe8zyZ[JQT@\xa5IrW\xbd\t\xf3\x19\xfaL\x08\xbd\x10\xdc\x11\x91\xb7\xfb\xd4\xc2\xcc\xf4\x7fH\x00\x00\x00{\xc3!\xea\x1d\xfd\xec\xef\x84\xef\xcb\xa7\x9b\xablG\x17\xa2}\xb1\xd3BZG\t@}\x8c=\x15\xdden\xcb\xa2/Y\x99\xa1\r\x13\xf9\x89\xc5\xc2\x08:S\xc6Z\x02a\xa2_\xab-\x83/\x86O\xcdg\x87!\xec\x1c\xc0y\xd9C\xe9\xe5s{\x00\xfd7DL\xf4\x15\xdf\x02\xa5\xa2l\x83tCc\xbe\xb5M\xd3J\xd4\xd0+\x94\xb733=\x02\t\x00\x00\xa0{&lt;\xdd\xd6\xe4\xa6\x7f\x92\xdd\xb7\x9b\rs\xf3\xf7\xd2\xc4X\xb7\x16g\xbe\xc9\x0b\x9f5\xbaX\xc7\x04\xe0\x94H\x00\x1c1\x85g\xa9f\xcde&amp;V\xba\xe3\x1e\x86\xba\xf4\xea\x8c\xdf\xb8T,\x01\xd87\xc5Ba\x9bim\xe4\x87\xd2\xc5ON%\xaa\xee:\x02\xd6;&gt;\xe9X\x17\xb3\x1a\x89\n\xb5\x04Z\xb2X\x94]\x9f\x89\x0c\xf8\xe3\x86\xba\xe8~\x8d\x0e\x8d\x83x\xccDg\'\x93\xd9\xd5\x16\x10\x00\x00\x9cX\x16x\x82\xd7\xf2]\x16l\xcc\x93s\xa2EV\xd9\xf3^(\xbe\xc0\xb9`7\xf1\xe0\xf1\x9d\xb0\xdb\x80z\xa1\xff\tfk\x81\xce&amp;Wx\x16gzW\x9d/\'VTq\xe5\x12\x0f]\xd4M\x00\x9c\xeeI+\xa4V\xf5TK\xfa\xbaD\xf9\x85V+\xa7wl\x0f\xfc\xd8%\x914\x130.\x94$\xe4v\x9b\xd6\xae6!\xff\x18\x8c\xe1\xe7\x84\xdf\x1d=\x0c\x00\x00\x14e{\x01\x8c\xcee\x9c3V\xef\x11\x9d\x9d\x9b\xbf3\xcf\xcdM\xbbx\x90\x18Spf0\x80\xa0y\xd4X\xec\xff\xcd\xef\xcc\xef\xbf}\xc3\xe4\xdc\xec\xf9t\xba\x19{\x8f\x9d*\xd1?\x91\x9a\x00\xe4\x97\xe1P\xd7\x9b\xf3\x87G&amp;\x03s\xbd%\x91T\x93J\x95\xda\xfd\x05[\xa9\xc2Hh\xf4\xbc\x16\x91O\xe5\x9cIh\x9a\x9f\x84\xa6\xd2&lt;\x96\x8a\xe8\xf9\x1dM\x10\x82\xd8\x98\xd7\x00\x00\xad\x12\xbb7\xad\x05\x10\x9b7\x1a\xa7\xabL\xc0\xf9\x16\xc3\xb7\x1f\x1dm \xc4N\x0e\xf3\xee\xe7\xf4\xc3\x0f\x0fNl\x12z\xec\xe5,\xe7G\xca\x8d\x82\x15\\\xc2\x94Q\xbc\x8b$\xabLi\xf8\xc9s5|\x90\xd4\xeb!\x9e{t\xbbY\x98\xe9\x1a\xa3\xcdx\xf2P\xa3.\x99\x1ek\xfeD\x1a\xef\xf2I\x1f;!&amp;\x1a\xd5FC\x82\xda\x17\xfdJ\x0e\x00\x00*\xac\xff\xee\xef\xe3\x84\xd3\xf9\xb7\xca\x7f\xe4\xa0\xd0\xd2\xe6q\x13\x12j\\A\n\xee\xaf\x942\x01\x18o$\xba\xa3\xcf\xf5!\x18"0\xe7\xa3b\xa6(0\x8b\x95F\x87 \xc1A\xa4\xa5 ]i\xad\xac\x92NO1\x9d\xcdQ\x9e{\x12\xfd\x10\xd1\r\x0c\x05\xad6\xcd\xa0\x81w\xf8\xf5\x91U\x93R\xb0\xfe.\xf7\x02mU\x90Zr`9\xc1\xf6c\x19\xfeNC\x8c^\x13mW\x86\xb1\xc3O\xf5\xcc\'\x93\x8c\x9d8\xda\x19b\x00\x80.\x11\xc3\x94\x00wl(0\x8d\\\xebU0\xd3\x19\xe1\xfbr\xa2\x86 \xae\xb7)\xeb\x94\x06{\xe0) \xfb$\xd3\x85Z\xecDS\x04FA\xa7#\x96\xe3"\r\xe6\xab\x96\x0e\nYW^\x8a2D\xaeu\x91\xe5\xf1\xb3\xe4\xa7\xda\n\x9b\xcay\x96\xb1\xa6\xe0\xc5u\xdd\xf0D\xc5N\xe9D\x94Jg\xf9\xa3\xfb\x88\x99\x99n\x1b,LX\xd5\xa9\xec\xcah\xf6\xdbeZ&lt;C-Z\x18_\x00\x80\x8ea"\xa6\xcb\x85o\x07\x87T\xe9?\xf7h\xa1X\x98\xa8-\xc6amb\x08A\x9co\x95\xb6\x83\xb4\x89\xd6?\x14+\xce\x8b\x8c\xd3\xbc\xaf\x12\x96\xdf\xa7\xf6\x16\xb0=\xdf\xf2\xaf$5\x93\x99\x99O\x1d\x14\x99)\x9b\x87|8\xac\xa5\\Px\xf4\xe9\x01\x9b\xdb\x1a\xb3]TQQ&amp;3\x16\xef\n\x0fpM\xa3/\x89\xf6$S\xd4\x14\xa2\'\x069:\xeb\xb4\x8b\xf6\xfe\xcc\xb7\x96T\xdf\x80\x16H\x909\x01\x00@\xd3\\\xad\xe0\xdc\xac\xcc1~\xf7\x88\xafm\xdd\xcet\x1fy&gt;\x9e\xd7\x9e\x1f\x04\xc7\xbdIX\xf0\xb4\xdcn9\xfd\xe2]Z\xa5\x89V\x8f\xc0\xa2J+\x13\xfd\x07\xf4\x949\xe4\x8c\x8do\x98\xe8b+\x95\x94H\x84\xcc\xcdqK\x00\x98\xcf\xe2\xf0\x04\x05\xe7\rF\x13\xeaJ\x90\x96e\x97\xa8]#\xa9\xebV\xc9{\x8a\xbfn\xe8\x11\xafZ.Mt\xbd\xa4"y\xe12@N\x8c\x1b;\x00\x00\xb0_B\'\xb6\xf9\x96e\x8d\xd9&gt;\x01\x9b\xe6\x98\x04\x91\xcd1\xa1\x07\x04\xcfJ\x16\x8b\xb8wA\xed.cb\xa6\xb7v`0RO%\xca\x01"\xf6\xd9\x04\xbe\xa4\x15\x9b\xab7W\x9a\xb2\xb5X\xf0\xacQ\xec\x7f\x99}\xc5\x03\xb7\x85d\xa2\x17&amp;\x93]+&lt;\xa2\x0b\x8c%\xad\x95\xf6f]]\xa9\xf34s\xa7\xe4\xb5\x87,\xac+\xd3\xcd\xde\xd6\x8a\x8f\x91\r\x00\xb0O\xd8\xb0\x84\x93\xa5\x9e\x9c\x85\xc7\xb3\x19\xca\x1b\x0f"\xab9@\x05\xc1{\xc4\x10E%8\x84\xa0\x15\xb5Vl\xf4\x84\x1aO\x0f\x01\x8a\xa1\xa7\xa4\xb7\xb7\xee\xff;s|\x96\xe2\x94v\x8ab}\xea\x9eka6\xcac\xbc\x95\x98\xe9bM\xf5rB]\x89\nY\xbb@\xd3^B\xeei\xacb\xe4\xc2\xbe\xbb\x8b\xadb\x1f\x80\xe6\xcbM\x1b \xf7\xcb%\x1c\x00\xa0_\xb2\xb9f\xb5\x92\x86=\xec\x12\xc7\x1fD\xbd\x99&amp;*3]\x83\xe9+\xa2\xae~M*\xa1\xe9\x066H\xca\x98\xc0\x12\x08\xae\xf7\xc89\x8b\x9c\x9fi\x02\xb7\xb8\xc1p\x97\xa6X\xadX\xb7\x88\x84\xc7\x03r\xa1\x0b\rFS\xc9\x1f\\\x9a+\x92\x13\x80\xe3\xe6wFm\xd8\xbe=]\xef\xa2\xf4\x13\x81\xa9\xf0{\xf8\x0f\xed\xf2\x0e\xdc}8\xac\x8d\xc1\xb8\x92\xb5\x1b\x8f\xc3\x1f\x02\x00\x0e\x8cn\xe5YY7\x01\xee:\xbbf\xa7\xd5\xd9J\x88\x81#(\x80q\xa5*\xa0\x18\x95O\xb7\x1b\x99\xd5\x11\xcc!8f"\xa6WL\xf6\xcf\xea~\x97=\xf2\xc8\xdd\xa2\x95\x8f\x00\xca\x1bY.\x12\x18jIa\xb7\xe99[s"MJ\xbbf\xde\xf0\xfa\x9b\x94\xc0\x06\n\xf7\xa9\x18\xa6o\x8cM\xcf\x04\x80B\x1a\xc2Loi\xd0\xa4\x01\x009Q\xa7\xb7\x1c\xc1\xd3R\xb2\xb4\xd6\x9e\xbe"\xd0%_\x8b\xbc\xbf\x84\r\'\xe3\xd59\x0b7\x0e\xab\xed\xd0AR\x9d\x16\xfa;\x87\x1d\xc9\xd1\xc4\x90\xe3\xef\xacq\xbfQ\x8c\xcc\x15\x05\xf0\xa0\xb1\xcb.\xa6\xa6(\x018F\xc0&gt;\xf9O\x82\xb8|\x7f\x8cf\xfc\xa7DD\xf4\xc9&lt;\t\x80\xb7H\xcd\xbbM\x00@\x06L\x93}jG0O\xde\xa7\xe4yI/t\xb9\xa5\xd9\x99\x18\xe80\xd1\xf3\x0b\xd5\x941\xfa\xbf{\xc2\xb2RL\xe4\xac\xfd8\xd59iF\x17@\x1e\xfe\x17V\xf2\xf3OG\x88\x1a\x8b\x16\xfa\xd7\x94eU\x006|\xc0\x7f~D\xfdD8p}\n\xb8\xc7\xf8\xba\xe9\xb1(w\xdb\xd3\x8b\xbd\xd1\xe6uU{\xb9\\2\xe9\xe5\xa6d\xfdH\xef$\x12\xb8\xfa\xe0\x02\x00\xd4@u\xd2Y\\0\xd3\x1b\xe5i\x83\xe74\xe0W|\xca\xf9Q\x8b\x1f\x04\xc5\xb0k\x9e\x99\xe8C\xf2\x95+\xb6$\x9d\xe5H$[r\x98n\xc7\xf4\xd7Lt\xa6\xe5\xa58\x0bL0\xca\x96\xdb\xdd\xc2b5z\x98\x7f\xff\x96\xb8\x8e&gt;\x06%g\x8c\x1d\xfe\xe9\xbd\xc7\x14-}h\xfb\xd2\x9a\x8c\r\xff\xd7\xc2\x95\n\xb6\xf4E\xdd25\xc7n\xb9_\x9f\x02\x98\x89\xa4]\x05\xcdb]z\xd9P\xf2{W\x0fqE\x8d\x0b\xbb\x18N\x17Im\xcf\x87A\xcf\xee\xb7\xe9/\xd3\xadR,%`&gt;\x05\xe08\x91\x9cQ\xa1\x05\x98e\x07\xdf\xb3\xba\x97\t\xd1\x0f(\x84&lt;7\xb3\xfe\xd6\xd9\x85\x05\xc8i.\xb9\xf3j\x02\xc0\xcc|Q^\xcc\xa0\xc9&gt;5G\xd8\x826\x82\n\x8d\x0et\xc4\xbep*J\x8a\xae\xe4\x12\xd4X$D\x1c\xf5\xa7\xc5\xae,\xc6\x87\x93\x94\xe2\xd2\xad\xe6k\xb6\xc2k\xe5\x16\xf3\x15\xcb5\xd6\x1b\x1d\xdba\xab@|\x90Z{\xfdP1\xfd\x82\x92o\x04\x1b\x95\xd3\xbdZKs\x99\xb1E\xe1\xa5\xa9.\x00\x00\xa0&gt;\xa1\xce\x1d\x1c\t\xd6y\xc22\xb9\xaf?\xd9\xc6\xf4W\xfcLy\xa2m\xd2\x02mA@\xfc\x94\x19\xfb\xb5\xa3\x06\xd5\xfd\xf1v\xa4\xa8\xc9\xcc\x8b0A\x9a7tz\xf8\xb9\xbe=\xf1\xbaH%\xb8\x85eNF\xb8:B\xadW\xe86OO\x0f\x89\xfe\xd7Yq,\xeb\xf7f30c]E\xaa\xa9\xe1\xfd\xea\xd6\x0e\x00h\x84\xbe\x06\xff\x91/1\x16\xe7\xe5\xd6\x191p\x92\x9eO\x7f\t\x0b\x8d\x0e\x1dZ\xb8\xc7\xaf0Iu:E\x8c\x91\xd7\x04\xaf\x97\xa7\xb1^\x8f\xdc)S@\xb3\x94)\x85\xfe\xa20\x0f\xd1\xf6\x07\x9c\n\x96\xae|\xe2\xf8\xe7\x07\x13J\x9e\x1f\x9f\xc6j\xd9\xe0z\x0c*\xf4\xf8v-\xab#\xd4|\xc1Vj\x1a\x9b\x06\xb8e\x89+\x82\x8b\xcd\xdf(\xc3\xc9\xab\x88\x97\xd9\x15\xe5\x86\xfb\xc5z-\x8f\xf7\xa9(\x01\xa1m\x04\x00\xec\x8a^\xc6\x7f\x8ck\x06\xa1&lt;b%8X\x99\x9e\xd7y\xa5a\x95Q~\xe5o\x84p\xe1\xd4s\xc97)\xdf\xe9Lt\x19\xed\x95\xf0\xe5\x7f\x93\x1a\x03D\xe2\xb94\x87\xb1\xf0\xdf\xce\xfd\xe2\xceY\xa5C_\xd3\x8f`\'J~2\xfe\x9c\xb0\xd6\xa8\'\xe9&amp;\xb4\xfb\xd3\xc9\xe6\x91e\x1fq~\'\xd0\xcc\xe3\xf3p\xfbiI\x8d\x02\x99\xe8\xb7\\\n\xf4\xea\x14O\xcf\xe0"\xbbSd\xcf\xcc\xf7\xd8\x96So\x0e\x93r4\xceG`\xe7\x8biu\x03\xa4\x18XM\x03\x00\xd4g{Q\'h\x1a\x10\xcbWKr\xb8r\x97\xb8/\xbaO78\xcdR1\x93\x99\xb17\xe7\xc9\xe9\xf3r\xe1q\x1d\xd4\xfd\x84\xc7\xcc|\xeb\x83\x92?\x1b\x10\x90\xc5\xd6\xed\x86\x94\x00\xf0\xf2\xcbf\r\xc4|u\x8e\x8fKf1\x86\x88B"YOx\x96\xcbLC\xc66\x9a|G\xd9J\x07IW\xd8\xbbF\xaf\xcex\xe5\x9a`&gt;\x02\xbb\xc8\xeeRT\x02\x13\xf2\xbc=\xa4\xbaCs.\x9bk\xfcjC\xd2zE\xe7^\x11\x00\x10\xc2\xc9j\x0b\xc04N\xd3\xe3\xff\xfd\xe6\xeb\xcd\xab\xcfO\xfc\t\xe5\xc2\xad\xe9\xa3b\xc4\x90\x9b\xb1\xe5O$"\xaff\x0eN\xbd\xe2v\x95.\x12\xcf\xab\xd9J\xef\x0f\xa2\x8c\xc3\x10\x12B\xe8\xd51\x8djX\xca\x1a\x06\xea\xae\xd3\x7f\xfc\xf0\xffs\x0eC\xb9i{\xb3\x03\x06-\x88\x18\x0ca\xd1zP&gt;\xd0@\x7f\x9f"\x16\x99\xea\xa8\x1b\xd6|\xdf\xe1\x1a\xe3\xc0\xd1u\xc9DD\xff\xe5+\x80Z\xceT\xd7 \xbc\xe2k\xfc\xca\xf5\xdb\x033\xcc5\x18tp(M\x7f\xed \x834\x94c\xc7t\x06\x9f\xc0&lt;\x89x\x18\x05\xeb\x9a\x19[5^\x17X\x9dR\xf9\xa0\xbc\xcf\xd2\xbb\xa4]\x01\x00\x00\xf9\x10\x96\x1f6\x17!x{=\xc3t\x0b1\x13\xddA/%T\xd8NWJZ[\xe3a\xb5C]\x96\x87\x89\x89\xbe\x1dS\xa9i5\xb1)\xb5l#\x1ba9\xf9\xed\x0b\xb2s\xf7\xe9*}\xa7\xa6\xea\xce\xb4]\x0f\xd9\xdbLJ\xf6uA\x9eC\xccz{\xe45a\xb8\n\xffD}D3\xd1\xfd\x93\x88`}]\xdb\x9c\x99/\xb68\x16/\xb7\xa3\x8d\xaf\xd0\xed\x05k!\xfa\xdb\xccD\xdf\xf5\xad\x05\x00\x00\xc2\x08\xf7n\xeeU\xe8\x8e\xf8\xdcB\xbc\xe2Z\x08\x87\x1d\x0c\x05\x1a\xc2\x8c\x1e9\xc3\x05\xd4-u\xa2\xc34L\x97o\xae\xaf5u\x15\x8a\xaa\xd5X\x81\x99\x98_\xc6|\x92p\xe8\xff\xa7\xac\x81\x9a1Z\xfaL\x01\xb1\xbb\xe5\xa3bG\xcb\xc3\xc4\xaf\xbb=\xbc\x96\xdc\xc5\x1fo\xc5\xe3m/\rh\x81l"\x81?2\x17u\xcby\x95\x8a\xcdj\xd1\x12\x00\xfb\xf3\x1b\x0e\x12&amp;h\x91Z\x84\\\xce\xfa\xbb\x00\x00\x90\x9b2\xb3\x8b\xe2\xd7Xq\xe5\xab\xf7\xde@\x89\x1a\x1b\x98\x0e\xdb!\xe0\xa0\xad&gt;\xd9$\\\x18\xde\xec\x1d\xb7\xbd\xa6\xc72\x11\xd3\xa5\xa6\xd2\x1a\xebnE{\x05gn\xfd\xebf\x8d_\x1e\xb2-\t\xa2\x8d-\xd4\xed\x14\xef\x10-D\xbd\xc6\x98\xb0\x0b\x8fw\x97R\x02;-[\xd8\xfd\x86\xe8R\x9c6U"Zd\xe9Gf\xa2\x8fZ\xdf\x05\x00\x80\xcc(\xeb\x97\xf9\xeb\xfa\x8a\xd5S\xbb\t\xa0~s\rb\x17\xa2\xe5X\x82\xf7=\x1e\n\\\x89\xd7\x1f"_\x90j&amp;\x93?\xd42\xc1\x03\xa9\x89\x91\x14X\xd4 \xe5\xb4Y\x1d\x11\x1e\xe58\x86A\xe1B\xfe}s\xbd\xe6\x07/\x9f|\xb5\xe8\x96\xf9yk\x8d2\xadSx\x0e\x04SD\xd8\x85\x1a\x0b\xc7\xb2L\xe7`b\xbe\xb7\xa5\x96-\x01\\3\xe4\x98\x16\x19K\x98;4\xbe|\x00\x00\x08\x80/\xa2\x1e`8\xfc\x92\xc7\r%\x99\xc3^)\xce\xaf\xd4\xcd\xbc\x98\x19\xaf\x99\xe3V\x93\xde\x96y\xc8\xb1x\xbd\n)F\xff\xdf\x98\xc9\xec%\xba$\xfa\xd6\x04\x13\x9d\xc7\xb5\xc0\x02|ST\xe0b\x93?\xb2\x18\xe7:\x91vk\x8b*\xbc\x8bH=\x82\xe4o$p*\xbf\xcd\x81\xfcU6&amp;\x00Jj*Jn\x8e\xe8\x02\xdciT\xb7V#\xce\x1a\x03\xea\xdb\xaa"V\x06C?^\xd7\xbb@\x8b=0]+v\xfc\x02\x00\x8e\x87\xc4\xf3\xf4)\xc5\xe3\x1f\xda\x9a\xc4E\x12\xe7\x00)J\xd3\xdd\xe8\x93:_bL\x83O\x90\xe1\x1d\x9a\xac\\l\x9c\xda\x84\x8b=Ez\x063\xd1\xef\x8c/\x99\x03\xacv\xb1\xcc\xf1\xd9\xaa\x93V\xfd\x0fuy\x7f6\x8ds\x80\xeeQ\xe0\x83T\rxf\x98\r\r\xe7\xa9\t\xaa\xf1\xcb\xd2\xca\xd9\x8ey \x84\xd6\x9e\xd9\x8aR\x93\xa0\xd5~\xf5eP\xce\xb9\x89\xae:\x17\x9ejD[\xec"Y\xf9\x00\x00\xe0\xc5&lt;\xdd\x8a\xbf\x8b\xb3]k\xce\xc8\xe41\x9f\xd1T\xc4\x90\x8a\xc0\x88\xc1\xe9\x1a\xdf\xe8d\xf5\xe2\x14\xf3\x99\xf1\xae\xf9\xe7\xf3DLt;\x87r*r\x9d*\t@\xabC\x95\x7f\xce[0Mu\xad\x1c\x84\x90\xb7w\xc4\xd7\xd7M_2\x83\x98\xda\x1b\xd1\x83#IZ]\r\xd1\xfc\x92\x8f,7S\xe9Ro\x00\x80Ld\x8c!\x04O\xadx\x9f\x16\xdd\x90\xc1]N\x19K\x9b\x02\x07\x933\x06\xe2\xff\xe7\x1d\xa0\xac\xcfO\xe6H\xc8\'v\xb1\xdd+lO\x11\x0b_\x94\xd1^_+\xcb\xc0DD\xff\x913\x8b#qy\xb2E\x85\xa8\xfe\xc4\xf5&amp;9\xab\xd9\xf86\xdc\xb2\xe8\xcdq\x88\xe7\x12\x0f\xe134\x93\x17Yq\xf6*\x8d u\xab\xc5\x8f\xa5\xabl\xddZ\xbe\xd4\x8b\xd2\x00\x00\xd9y9\xd1\x93r\x96\xafxj\xdd\xd9\xfdm\xce\xda}1y\xcc\xe9-\xa2\x9b\xd6\x14-9Y\xa2\x07\xb1l\xd7\x19n\xba\x80\xcf\xbaq\xa5\xadk\xbc\x852\x1c\xfe\xd1NY4\x16\xf2\x8a\xd1^\xa4`_\xf4\x08;\xf2\xc4(qL\t[\x94\x01\xb7\xd6(\x1b\xeb\xe1\\\xfa\xf1\xfb\xe6\xc0\xc1\x95\x07fz\xa3A\x12G\xaf\xd2BC47xo\xe9\x95\x0b\xe73\xc2\x95E\x13\x00\x00(\x81\xcd\x0bO\x91\xd6\xef\xb5\xe3\x8f\xe0.gL!\xb2\xd7\xfd\xcej\x1c/x(\x1f\x16\x9b\xffdu\xc2\xfes\xb5X\x7fDa\xcc1\x15\x133}\xb8~\xe8 3\t\x96\xc2 }\x14\x98*\x8aJ\xa5\xcc\xc9\x9c"\xcd\x80\xda9\xff\xb3\x8e\xc5FgC%&amp;\xfa\'\xa2\x0b&amp;\xaf\xb2\xba\xeb\x8b\x1c\xe9q\xe6\x91\x0cC\xaf\x95=\xc2\xb4\xd4\xf5\xc9\x10O\x0e\x00\xd8\r%\xbf\xfa\x9b\xa7\xeaX\xab\x9a\xa77\x1b\xf9*r\xfe\x14\xd3\xc5\x89\xbe"\xbf:4$a1\x96Yi\x90\xe7\nY\x19\x1bjQ\xe6\xb6\x15M\xceW\xce\xd5\xad\xaa]\x95(\x06\xbdj\x9dah\xc6\x00\x98\x13\r\x19\xa1\x8b\xdbi\x9d\x07,\xfd\xbf\xf5Az\xd0\xf6@\x07\xcb\x0e\xbb}\x9d\xa9\xe00=\xf0dY\x83X\xe5\xa8\xd7s1}z\xd1qQ=\x8b-\x0f0\xd4et\xd7\xb4\x10C\xf7\r\x03\xd5\x1b\x80\xb34-\x0f\x19\x00@\x16N(R\xcb+\x0f!\xfe\x81As7CY\xff\xf31\xfb[\xfc\x1dff:\x8f\x16\xfd\x13\xd1\x11zIq\xbaR\x0f#\xcf\xab\xe7\x0f\xd9.FU\xdc\x96"\xbf$\\\xc3\xacW.\x164\x98,*\x84q\xf2\x1d\x06\xa2a\x18\xaej\xbe\xa6\xfa\n\xe2\xcc\xa4\xffXy\xe4\x02Zi\x9d\x0f\x03Q/\xd1?\xd1\x13\x0e\xff\xe7@[rj\xdd\xb4\x19\x10\xb6RN\xa4$\xd6\xc30\x0c\xc380&gt;\xb3\xfc&gt;\xef\x0c&lt;\xca\xa5\xd0\xf8\x15\xeea\x8a\x8e\xc3\x82dA\xf0V,d8D\xfc\xc3L\r\x11\xa8\x1d\x85\x00\x00\xf6DS;\x8c.\xe7\xb9\xe7wo\x1a}\xc4|\x0f\xac\x1d8\xf08\x82\xc2\xf4\xbd\xc3\x91\xfa\xcd\xe3\x04s\xe1gR+\xca\xc0\x9a&lt;\xf6V7a\xd2\t\xe5i\xadi;\x86\x15\xbb\x8aP\xb8\xf8\xcc\xc3\xea \r\x7f,\xde\xe3\x06\x97\xe2a]D\x0f\x174\xf6\x0f\xb5\x85\x01\x00\x00\xa2l\x91\xba\xe9\xac\x7f\xc8L\xc0)\xc2\x14\xa6?\xd3?]{\xf5\x06\xcf\x19q\x7f\xd8\xa2\x8a\xd3z~\xe4\x8e\xd0\xef\x1bw\xd9\xe3\x98\xf4\xac\x97o\x93\xa4\x01K\xc8!L\xdav]k\xa5\xa2-\x1b\xf8\xc2V\xe1=\x86\x92B\xab\xa5\xbe\x8bM\xde\x88\xf8\x82+\x96\xeal!\xcb\xc5\x8f\xe7\xab\xbbZBk\xe3\xa2}\xa0+\x00@[\xf0\x9b\xd3=P\xb8Y\x173\xd3;\xbd*J\x15\x81\xf1\xbcl\xc6\xcc\xf4\xe6\xd4K\\\xbbDU\xbb\xfe\xb3\xc9\x13\x1c6^\xac5\xa6\x0b\x956j\xb3\xbdO\xcco/%\x8c\x0f-\xc8\xa0\xc3\xccL\x1f\x9f?@\xe9\xba\xc6kV\x85gb\xa6\x97Z\xdfm\xac\x17f\xd6%Qe^\xfeL\xe3X,c\xc6\xc7w\x05;:\xdf\x8a\x8e\x98$\xcbX\x00\x00\x90\x92\xc2.\xc9\xb3\xa2\x94\xe1\xe0\xff\xf8.\xbf%\x9d\xa7{\xc4\xa6v\xd64)\xfe\x9cc)\xe09\xcag\xd5;\xd5xis\x8f\xd7\xea\x05\xbf/2[l\xe6\xd7Z7\x9b\xb4q\xdb\xd6 Uv\x81XzK.\xc3\xb6y\xe8\xde\x0beY\x91D\x15\xfb\xf0jb\xc7\xa2\xa9\xa6\xa0\x96\x9a\xec\x91\x06q=\x06\t\x00\x00\x05\xb9\xa7\xb2@[\xcc7=\xdd\xe1\x9a\xc5cF\xcf\x9a\xf7_\rP\x80\x865\xa4[\r8\xa4g\x87\xfd7\x97n\xccz\xf9DL\xf4o\t[\xe6\xc9\x12\xbcnZ\xce\xac\x84\xf6C\xa2\xe8\x01e(\xcd6\xbe4\x0b1\x06\xfd6yl\x9fb\xde\x05\xf1\x9fR\xeaP\xc7\xcax\xcc\x8f\xad\xd3m\x97\xd3?0=\xf4\xd8&lt;\xb0\xd7\xc6)\x00\x00\xe4\xc5\xf4\xf8\xff4c\xe4\xffP\x82\xd9\x0fnV\xc4\xd3e\xee\xb7\x18\x8b\x91&amp;\xc3\xa6&gt;\x11\xa2 lj5\xcf\xff\x08\x1f\xa5\xa2\x06\x0f\x92\xc2xm\x1e\x13t\x1b\xd0e|3\xa6\x17\xab\x05\xa6\xea\xa9\xa5\x91\xb9`\x96?\xf0\xf6xlL2\x18y|\x19mi \xa2\x1ff\xfe\x82x\x8b\xa4\xb4\xe9\x1e\x93\xb1\xf5\xf3\xa1\xa5\x8a\xecY\xc4\xb6\x05\xfa\xc5\xb44\np\xacN\x15\x00\x00v@\xb9\xa5#\xdf\xe5\x10A\xb0+\x85\xc9Vb)\xae\x07\x94\xe5:\xcb\xaa\xa1\xe1EC\x7fY\x16\x1d\xa7\xcb^\xce\xccL\xff\xe8q\xfeG*\xa7\xbf\x8d\x1a\xad\tW\xedG~U\xdb\xc1#E[\xc5_3\x12\xc5\xba\xd6\x8e\xd3\xa8&amp;\xea.OM\xf8\xdb\x85,\xd98|JR\xa6\xba\xf9!\x13\x00\x00\x00IQc\xb8\x9cU\xf9\\k\n\r\xbd\xe5dR\xc3\xdf#D\x0e\xc2\x98?`\x08\xce\x88\xe8\x97\x89\x99\xce\xc3t)\xbf\xc8\xec\x11\xda\x01\x0f\xc7\xd9\xda\x12 &amp;\xa1P\x8f\x1b\xc2\xdcN"\x15=\xb6N\xd9\x11\xba^\x04\xfdxi)H\xa4\n] j\xb2\xe4\xc1\x0f\xbd\x1fw\x07\xd3\x9b\x99\xce]\xbeuLt\xd1\xe2\x95\x02\x00\x00 5n\x08:R\xf9\xeey\x1f\x80\x88\xff{\x0fi\xc0\x1fhq\xf36rl\xa7\x9e\xb9\x17\xc3w\x1fI\xbe,m\xb0,\xe5\xfc\xbe\xe3\xfd\x01\r\xf1\x11\xb2\xe8a\xe8\xa5\x15\x97\xee\xc4\xc0\x0c\x9aO\x17G\xeazQ-\xb0\x1f\x1c\xec\xd34\x94\xca\xd3\x87V-\x9eg\xed\x0e\xbaJy\xc5\xfa,6\x95H\xfbW\x84\xe9pL\x01\x00\xc0\x16,\xff\x84\x96\xf0\xbeC\x84\xba5\x91\x9f\xaf\x077\xaaGT\xe1\xc5\xd0\xcd\x98\xe8|\xe2\xab\xc1\xd2\x04\x9dy\x08k\xc5\xfa\\X\x16s\x80\xdb2J\xbe\x97IZA\x1b\x92\x85\xb4\x80_\xab]L4\xc1xl\x99\xa4\x86\xed=^\x9c\x14;\x1f\x13J\xa5\xff_p\xb7\x93\xd0\x81\x7fUf\xa6\x97\x897\xfe\xa86\xe5M?V%&lt;\x99\x88\xe9\xbd\xbe\x9f\xbd\x06\x00\x00!t\xe7b\xde=O\x0f\xab\x9e:\xf9\x14\x92\x89\xdf\xd1\xd6\xef\x13\x12\\Z\x8c\xdel7&gt;\xc8\xeb\x96J\x11\x98\x1e\xcd\xbc1_])\xca`f\xa6{7n\xe4ql\'\x1b!\t\x80\xcd\xb4\xb4\x88v7\xa8\xbb\x85\x0e\xee\xf1|\xdb\x85z%\x00\xacb\xba\xfe\xf0\xd6\x8b\xcb\x1dd\x95j\tJ\x00\x94\x16=\x95\x88\x88\xcef\x8b\xfb\xc5\x8b\xe5\xba~F^ {\x7f|\xf3\x00\x00\xc0\xc8&lt;\r\xb4\xc9\x8a`\x1bS\x88\xbcN\xc9\xd2[\xed\x102\xd3t\x84\xde\xb4\x97{\xdc\\!\x02c\xbb]\xe5X\x90K\x96\x00\xec+NU\t\n\xc86J[Q\x9at\xc1~\x14\xbb8C\xb9u\x9b\rd\xa2sm\x96\xec\xa8.-\x00\xb6\xf5\xc2(\xd8\xe3\xb7dsa\xb3\x8d\xa6\xa1\xedgojL\xbfy\x99\x92\x12\x08\xeb\xfd\xb7\x9dD\xfae\xe7\xda\x01\x00 \x84\xcbu;\xc9\t\xce\xf4\r\xab\t\x80!\x8c\xab\x8b(\xc3z\xf4\xf6\xdb=\xec`\xac\xa0\x08\xff\xef^\xf7\xa6H\x00\xbc\xd7\xf0\xe6\x1c@1\x9bF\x87\xc9V,\xdb9L\xf4\x08""\xfa\xd7i\x13\xe0\xd6\t\n\xf5J\x00\xb4w:\x1e\x8fW\x0b\x16&gt;Y\x93\xb7\x12\x80\xb4\xba\x1d\x0e\xfb\xc0NI\x8e\xda\xd7\xee\x93\xc5js\xd8x\x19]_\x9a\x02\xe4\'\xe2.\xd2\xb1\x8d\x01\x00*\xb1\xac\xeeX&lt;\x88\xf0\xe2)\x0e\xee\xe6\r\xbdNi\x823\xb5\xad!5\xba\xfc/\x8b\xb4\xda_\x1d\x06\x1c\xb3\xc0L\xf4\x971\xe5T\x0cm\x15\xa3\x12$i\xaa/\x0eR\xbd\x9a#U\xdd(\x99\x92\xae\xb0\x04`\xf3\xae}\xe1n\xea~\xda\xb0$\x00\x99T:\x8c\xf5\x9d\xe8\xd2e\x92\x18w&lt;\xcc\x1dW\xde\x96m\xb5-\xe3\x9f\xcf5^:\xfbIf\xbe\t\xcb[\xd6\x97h\xcd\xd5\x00\x00\x1a\xc7\xcb\xa5\xb6\xb9\xa2\xe9\x8c\xf3\xfc\xd1`\x1be\x81\xcf!\xf8}\x95\xaf\xd3\x0f4(\xff*S[\xfc\xa7vq\r\xac@p\xe0Ek\x91\x1fk?6^F\xf42\xcb\xed\xad\x93\xc9\x00\\By\xf5\x025t\xeb\x8e\xf7\xfa\xad&amp;\xb8\xad\x9b\xd8\x1d\xd7j\xd1\x1at\xf9L*\xbd\xae\xcf\x019u\xc7\xcf\xd1\xfc\x0c\xcd\x11\x82{}\xb3W.\x99\x97\x85*\xf5u\x9bl\x00\x00`fr(\xfbF\xf7\xb9j\xd4h\xe4\x9bE\x85\xb4\xa2\xf9w\xe7\xc9F\xb9#\xbdh\xce\x18Um\x98\xdb]\x1b\xa5\xcc\x9d\xca&lt;\xda\x02FaN\xce\xccD\xd7S\xae\xdcjud\xa3\xbcu\xab\xfey\xf3^\\\x84\xfeY(~\xb1\xa6\xb1\xd7\xe4@\xcdr\xa7|\x81f\xd2\xdd\xe1+\xbfj3\x8a\x8f\x95~\xff~\xec&amp;@Nk\x0c\xeb2\x0f\xd9\xccN\x8fY\xb0^\xc3\x95\xf2[\'_\x9c\x9e\xc9\xc2\x99\xf9\xdb]Z\x1d\x00 #\'h\xaf\x0cD\x03\x95\xfa\xf6\xf8vP\x1c\xb5\xc5\xe3\x9f\xb2\x948+\xfc\x95\xe1\xb5a\xf0\xec\xb1\xb0x(!?\xe0x\xdd0\xff\xb3\xca\xb2\xd2*\xbe\xfav\xc3k\xf50\xb6\xe2\xff\x88\x88\xe8U\xe2Kc[l\xf3\xf54\xfb\xc74J\x90\x84\xc9?&amp;&amp;zqD\xe5E\x99\\\x99t&gt;\xc2\xbd\xbd\x83Q7\xf3X[)\xe80 k9\xd2\x1fczI\xdd\xecWj\xf8b\xd2,\xbe\xf2\x88a\xec\x9f\x13\xfc\xb4\xe4\xeb\xec\xe2\x18\x86\xb8\xf90\xac\x0f\xc6q\xb9v\xef@\x82\x92\xbf3N\xdc\xc30\xd8\xbc\xe5)\xd4\xe2\xb7rW\x00\x00\xd8+\xc6u\x17\xcfU\xae\xf2\xc8+g\xda\xf2\xb9\xfbJ\xd8\xa1\x84\xe7Tk\xa6\xb0\x10\xa8\xbe(\xf7\x82\x93\x84\xda\xda\x98\xf4R3\xcb\xd5\xc6\xady\xc3Z\xe9\x8a\x11\no\xbd;V\x18U\xc36m\x0b\x17&lt;e9o\xd0Lf\xb5\xcd\x96Q\x055\xc4\xcbQ\x14\xf5-\xa2\xd9\xa7\xeb\xa6\xadQ\xf9R\xfb[\xfa\xb8N\xa1\x04&amp;f\xfaT\xd26\xa6\xc3\xe0\x91\x9c\xae\x95\xee\xb2\xe93@\x1c\xcb#IViRT\n\x00\x00\x8dbv\xbb\xeb\x93\\m\x98\x99?j\x9dZ\xd6\x0f\x8d4\xd8\x1c\x9d\x97\x1bzA\ne\x1ec\xbdU\x89-&lt;&amp;\xe0b(\xbd\xb0\x1d-\xad\x9d?I\xd2\xa1\xc2i\xe3\xcbX\x8b\x15^\xf9\xdbY\x9f\xbdX\x14\x11\xe9\xf1\xb7(\xf9\xa7\x82\x9b\xe3\xd1\x11E\x1d\xcb\xa1\xa2\xffJ\x9d\xa7\xad\x0e(\xb1\x81\x7f\xa3\xbey\x03i0\xa6\x1b\x92-[\xa0br\xde7\xa5\x1eb\xcbH/h\x8a\x00\x00\xd0.\xba+|\x13\xd1\x83\xe4\xb8\xb3\x1dX\x87\xe8\x81[S\xc5|\xe5\x0b\xcaI\x1a\x81\x12+(\xfc\xefJ\xa7,\xb1\x85\x14p\xa4\xee\xc4\xe0\x02]\'\xdd\x95\xe99h\xf2\xb6\x04"\x92~Du\xa9\xb7\xcb\xbf75"\xfc\xa9\x91\rJ\x03\xb6\xe0\x0e@\x86\xeaL\x1f\x8c&amp;\xaeI,\x91\xab\xc1\xd8\xac\xef\x06\x0b\xd3\x815\xb6 \xa4\xa9w\x1aZ\x19\x01\x00\x80\x86\xf8JP\xa4U\x00\x96\xc3\x89%z\xb3\xc9ijHd\x8b2/\x00\x7f\xc8\x14\xf8ow\x87p\xc1G\xc5\xeb\x7fO\xbe\xec\x9f\xa2\xe5\x0bl\xbb9\n\xcf^\x88\xac=\xe3I\x009\xd7\xda\xd8JjnDt\x80f\xc3Y*Y\xfae\xeaV\xce\x1e\xe4Y\x06\xe9\xcd\rv2\ts\xef\x95\xd2|k\xef\xc4\x1a+Kh\xf4\xa2\x99\xad\x11\x00\x00\xba%\xcf\x84}\xb2\xe8\x12\xbe4N\'\x07\xc1n\xb7\x1a\xd3\xab\x91\xdf\x12\x1f\xc4\xccI\xa6\xe9$\xa4\x18\x9f\x1a\xb6cS\xf3\xdc\xf61\x9e\xeaJ\xb7\xf4\xb8%\xc9\xba\x84\xd1\x01\x1933\xbd9\xe4P\x013\xd3\x83\xe6\x1bO\xbe\xbcx]% p\xd9M\x02^\xc4\x8f\x17CA\xca;J\x02\xe0\xd6\xa1\xd1\x18\xc7i`\xbd\xb3\x9e\xcf\x87\x00\x00 \x00IDAT\xbe\xb7H5z\xd6U\x92\xe6\x12\x80r\xe6\x01\x00\x00\x1d\xd2\xc5\xd4\xb2\x86\xdd\xd1G5\xcd2\x8b\xf8\x95q\xe7\xb5\xbbD\x81]\'*Y\x12M*\xe6\x17.\xdb\xdf?\xec$\xa2\xb9\xde\xf0&amp;\x97\x9fn\xd7\'{\xf9E\xfds\xc4\x8d\xa2\xda\xda\x9e\xbc]\xfb\x8bKR\xf8\x93\xb5A\'t\x99rY|\xbd\xab2\x19]\x82\xef*\x83\xe30\xb7\xdc\x140\x1e]\xf8\x99\x04ed\x14\xcfW\x043\xbb\x1bh\x00\x80rdr"[G\x11J\xe0\xde\xae3\xe7\x15$\x88?\xb7N\xc9\xcb\x8b?\xcaL\x7f!l#\\[\xca\x13\x8c\xc5&amp;\x9aE\xf4[\xf42W.6\x15\xa8\x1esb\xd3\xbb\xaerj\xaa#\xa2{\x04?\xcd\xf9\x8b\xdbq\xc0u\xdcKsc\xa3\x8fd\xabP\x13\x00\xcdf\xa42\xf5\xba\x14\xd3\xa2+\x07\x8cP\xad\x90Ta\xd3\xd3ZI\xe3W\r\xc0\xe5n\xdb\x009\xbc\x7f\xe8/\xf1\x9a\x93\x84\x9e\xbdwV%,\x96C\xcc\xee\x1f\xf5{\xb8y\xa5]n\xf7yUW\x8c\xd0v\x05\xd6F\xf4\xe7\xe6wn\xc0F\x10\xfd\x03\x00\xc29\xf8\x91oYWs\xc3J\x8dX\x02\xbc~q\xa7\xc6\xc4L\xe7j\xd0\x93J\xbe\xfe#\xcb$d\x9c\x06\xd4?i\xb9\xdeP\xb2\x10OGGW\xe6\xb9i\xa5\xcc\x1f\n2\x8f\xc0%\xc9E\'\xca+^\xad\xdeh\xd4\x95s\xac\xa0o\xe9sT\xc8\xdf\xaa!\xa3b\x0c\xcf\x14n&lt;\xcf|\xcdC\xd5\xa2\x9e\xa1\x9a\x96s\x8b\x16}\xfe\xb5^\xfbw\x12\xc4(\x86\xae\xf4/\xa3v\xa8\xb4h\xc9\xde\x04ff\xfa\r\xc3\x13\x1d!\x16\xeb,X\x9aR\xd6\x0c\xd5\xe9F:}\x83\x1e\x98(\xb4]\x99\x84\x99s\xecN\x1e\x9f\x00\x004\xcc\xd6\xbc\x12\xe0b\xfe\x95\x88\x89\xde\x11.S\xaa\xd3\xde\xdd#\xcc=r\xe8\xc0\xabhk\xc0\xd6\xf2S(y]\x8c\xd5Fe\xc4 \xcc\xf2\xfbU\x83\xa6\xcf\x8d[.\xe3Z\xce\xbd\x1d#9\xbd\tN\x17j!\x82p\xe3C\xe6k^A\xf4\xe1\xc3eW\x12\xcb\x17\xcaa&amp;:\xbf\xbb\x98\xc4L\x9fU\xb7#\x92\xf4\xb5\xb3im\x14\x13#C,\x1ez`"\xbe\xdf\xd2\x05\xd2\xeb\xa9\xc5\xbaP\x84&gt;%\xe2\xfazjl\xc6\x93N\xc1(#\xa2\x1d0K\x02\x00\x9c\xc8\xe1)\x8ce&amp;\xf1J\x0c\xefF\xa4,&gt;\x1dBXA\'z\\\xa4^\xbc5\x1f\xaf\xf4\xa0\xf8\xe7\xc5\x1c\x85\xb4Hr\x13\xb9\xcc4A\xe1\x16\xac\xff\x88\xca\xb1\x9b\x16\xbf\xdd5\x1e\x9a\xaf\xb9\xb9\x8f\xad\xfa\x86\xb0s\xe4a\xbd^R\xf8\xbaVYW\x82tvH\xeb\xbb\xc7z\x08i\x8a\xfb]\x05\xdb,\xdd`Z]\xb1\xd5\x89\xe2\xa5\xab\x0e0\xadWT\xba;AiA\x87\xc7$iZ\x8b\xb3[\xb5\xba\xa3\x9f\x1f\x01\x00\xab\xac\xcf%\xb1\x85_t\x999N\x97\xb5\xa2\xd5\xb9\x93\x89&gt;\x96\xba\xc6V\xd0\xe6f947\x07F,\xdd\x1ct$W\xae\xd1)\xa6\xdcD\xb9\'\xe74o\xb6\xc3\xd33\xd3Y\x99\xe86\xab\xb7\xba+-L\xfe\xa9\xfc\xfb\xa6l&gt;3\xdfd;\x8c{\xabl$\xcb\xcfg\xc7\x17\xef\xc5t\xbd\x98/\xd0p7\x80\x04\xe5\xf6\x16\xfdx\t,uS\xa4\xf6\x9cjrON\xb2k&gt;G\xe112\xdbL\x8e\xe9\xf9u\x8dp\xee\x8b\xcb\xd6\x93\x01\x00P\x93u\x07\xc4\xc4\xfc\xb8\xf0\x19}\xad\xe4\xc5-\xe6^\x17\xd9\x08 \xbe\xd7[(\x90\x04SH\xc4L\xf4\xb3\xcae^\x85^_*\xca1\xa3\xdb\x08\xfb\xe2\xe3?\x1f\xae7\xafj\x1b\x0e\xc08P@\xdaJ\xf1+k\xa1\x8c\x94\xe6\xfdX"/\x91\xc7\x00bJc"\xa6+u\x970\x90$p\x13k\xcf\x85\xc7r:\x12m@\x19_\xac1\x96\x15z\xeb\x0e\x00@f\x96\xa9\xfd\x7f\xb28\xa9\x9f\xa6\xe9\xcc@~\x07\xb42\xeb&lt;\xc5\xf4\xe2\xdd\xe9$f\xe6_\xab\xef\x9a3b\x08\x89b\'f!n&gt;\x8b\x10Fo\xa8q%\xe4\x13c\xcd2D\x9fBy\xa7\xd1\xd8\x12\xaf\xd6\x17\x0f\x1a\x98\x88\xe9\xe77\xf50\nv\xa7\xd8\xca\xac\x96\x90\xacXO\xed\xad\x1b\xe1\x9e\xbdDR\xde\x93\xaa+\x8b\x12h3j\x01\xb4\x92\x00\xf4\xa5\x10\x00\xc0\xde\x91Oql\x1f\x04o\xdc\x85\x19\xc5\xb3\xc5\xa6)\xc3\x8e\x0c\xb8+\\\xdeq6\x1e\x08\x16Zz\x97\xb8EV"\xa6KJA\xbf\xdb$g\x8b\xf7\x1c\'\xdd\\\x1bS\xf6\x18t\xe3D\x99\xd6\xd8\xa8\xe8\xc1&amp;c\xd9\x11w\xf3\xb1\xd5\xa7\xd9\xac\xda\xcb\x84\x0c\xba5\xbe\x93t\x18\x9e=\x87\xea\x1a\xf4\x12\xf1\xb4\xec\x03]\xb8\\\x822\xfc|Q`\xd9i\x8b\x05\x00\x80H\\\xbdR\x96I\xba\x0c\xb7\x9f\xc4V\x8f4\xe4\x89&lt;b\x98\x85\x14\x05\xdb\x94\xedI\xcb\xa4\xb5:\x87\xc5\x9c\xdb\x96\xcb!\xbe\xd7F\x00m\xa8b\xf5z\x97J\xd3!\xe9\xd6,\xbf\xf0\xfb\x0bM\xc2\xcc\xb7?\xeb\xa0\xd8\xc7\x896\x96L\xcaDE\xf9U\xca\xcc\x1fO\xd4\x10\x87\xbe\x9e\r\xa6\x8d1h&amp;\xf0\xa8X\x07(\xbd\xf3\xd8=\xb6q\x8d\xa7h\x13\x01\x13\xdd\xbd\xb6T\x00\x00\x90\x1d\xd75f\xcfp\xad5t\x17\x7fx=\xd1\xa4\x9eD\'\xd6\xf8\xd8\xa2\xf3%\x93QR\x9a\x02\xa7\xad6\x8f\xf4\xeb2X\xaf\xfc\xe7\na\xee\x05T!?%\xca\xf7GjC\x14;\x91\xde=\xfc\xc2\xcb/=G\x8ak=\x18Z\xd2\xa6%\xb7\xc6\xf2q\xba.\x86\xdd/\xe6\x06\xf6\xd1G\xa9\xd0\xbe\xf7\xa3B\xff\xb2\xf6\xe7\xfa\x17A\x00\x00@\x02\x1c\xd7,s\xcf\x10z\x8c\x95\x1c\xc3\xf7\xe6\x10= \xbe\xc6D\x91\x8dy)\xda:3I/*z+3mL\x02\xbc\xcb\xe3,\xd0v\xbb\xcaa\xab\xda$\xe1\rg%\xdf\x9a\xe8\x12\x92!\xfd\xb8\xe9\xfa\xaegn\xb9k&lt;;\x88\x8d\x96\xec\xf6\x94Hu\xcc{\x83\xb2\xa1\xb6,\xff&amp;\x7fO\xcc\xc2\x97\xc8\x9a\x9bYoHV\x81\xafk\x18\xbcej\xd6\x15n\xec\x0b\x00\x00\xc8\x85\xff\x0e@\x1a\xaf\xf4"A\x80\x12SN\xb6I.6D\xb0\xce\xc3\xab\x93A\xabS\xf5\x9aT\x9b\x8d*\x885\x1e5\x0b\xc9L\x7f\xb6\xac\xcc\x89\xaf\x9bZ\x94\x7f\x07&amp;k\xe9BC\xd8g\xbc\x87\xf4/\xf3\xdb\xdb\\u6\xf7\xe9&lt;\xc6_SY\xbc@^.\xfea\xec\xaf"\x06\xdc\x14\x156\x01\x0c\xee\xc5\xf4F\x8b\xe3\x02\x00pl\xa4\xf7\x8f\xff)\xac^\x17Y\x1d\xcc1\xc9\xcdn\xda\xe0\xd0]}\xb7m\x166N\xcc\xdd\x93\xa3\x17B\xb9\xab\xed\r\x93\xe6\x99&gt;\xba\xd2\xd1s+\xbe`\xdcU\xd0\x9e?\x89\xa1\x84=D\x94\x1f\xd0\xbf-G\x9cbCr\xd8m\xe5\xa1m\xf13\xcdvG\x0e\x8a\'\x00\x1b\n_,\xcd2\x89\x1cg7\x01\x00*\xf1\xefJ\xd0\x13\xff )+QQnw\x96~\x923\xce\x9dZ-\xb1\xc5\x8c\x8a\xfa\xa5]\xb9\xfb\x8b\xa7+*\xaf\xcd\xc8\xe5\xbf\x9eNk\xea\xa0\x1f\xdf\x94!\xad\xe1\xa5\xb4\xe1&lt;x\xd9\xbft#\x05\xdeX\x88\xd4\x9a\xf7\xf5\x15Y\x08\xf2Z\xfb\xe2SiG\xe8\x06n\n\xff\x94]\x8c\xc6\x87?\x00\xa0!\x86\xd5w\xd9\xe1\x9a\x91S\x11}}\xbc\x83\x89\x86\xc1\xe5\x96\x95J\x87\xe9\xdf\x12\xe8NV\x93\xdf]\x0f\xd62\x8d\x0c\xc3Z\xb1b!\xa3Db\xa9\x82\x8c\x85\x14\xd5\x05\x8a\xe6\xe3L1\xbe\xfeY\x06f6w\xb7\xd6\xcbQ\x02\xcf\xa5\r\xc3\xa7\x88\xce\x17STN\x02F\xf7\xa2\xa7\xe2}Z\x01\xcd\x8c\xa9\xde0g\xa1\xbb2\xc9\xa0\x8e\x9a\x96\xba\xb8@\xf3\x97\xba4=\x04T\xea=[\x01\x00\x8e\x93\x13\xb6.\xb8\xaf[9\xdf \x1a\x88\x06\x1ah\xf8F\xa4H\x83\xf0o\x05\xa6\x8aO5\x1f\xed\x9d\xb6[=\xd6T\x1c\'0\xcf\x055\xb9\xd43x\xdd\x0b\x0cdX\xd4\x1c\x0c]?Ub\xac*m\xac#\x14v\xbe\x84\xc5\xa6&amp;\xa0\xc9\r\x85\x84\x05\x18\x06\x1a\x86a\x18F\xafZY\x16\x1a\x06\xca)\x88&gt;.Z\xdaj\xc8\xde\xfc\x05C\xa3_\x9d\xbdR\x00\x00HG;\xbe\xdb\x11}\x93w\xfa]\xf8\x04\x1b\xad]\xdb\x8f0\x1a\xf6s\xb5?\x89\xae\xe4R\x80\xad\xd0\xd6\x1f\x05[\xdb\xc8\xce^\xab\x83)f\xdd.W;\xeb-kzX\xec-\x8f0\xfb\x80\x89\xae][\x86\xf2\xec\xdb*L\x8e\xd26R\xda\x1d \xc9\x1e\x1b\xdbV\x82C\x19\xad\xcf\x0b\x00\x00\xd0\n\xef\x13}\xee\xbd\xa5Oa\xfbQC4)\xbfbw\xb5\xa70\xc5\xebR\xec\xbe\x1d\xa1*\xd7\xc8\xd3C\xf2\x07$\xd2N\x1b\xcadv\x8f\xa4\x85\xf7\x82\xd2_vN\x9a.\xfb\xa9f\xa3\x1c\x00\x12rp\x83\x86\xc0\xd7\x14\xbfF\x84\xc5\xc9\xf9\xa2\xf4\x97\xe4\x8d\xc3Q\x95\xf03\xe1\t\xc0\xb6\xb7\x01\x00\x80b4\xef\x92\x98\x1e\xb1\xc4\xf4R\x8c.}\xa2\xcb\x9d\xe7\x0bh\xfe\x9c"\xfb#YR\t\x86\x8f6\xf2V\x88\x96\x00\xb4\x88iN\xdf\x98\xdd\xf7\x8a_\x7f\xcdW\xfe\xdenT\xc4\xc2/\xbbiT2\xda\x1f\xcb\x99Xw\x11f_\xb1\xe8\xaa.\xf9&lt;\x98\xe2+\x82k\xa9\xae"\x00@\xf7\xfc\xe9\xe4\x86\xee\xe6y\xa3\xd1\x01\x89\x1e\x8d\x99\xf9\xdb\xf5]\xb9\x80:\xdf\xc8\xf1\xba5\xd0_\x9f\xbfu?\xfe\xafR\xc9\xfbL\x00\x1c\xe6\xf5\xa3B\xfdT\xab\xf5k\x99\x98\xe9\xf2^\x9d\xcbD\xdf\x13~oQ\xbd\xc7\xd8\xef[l\xc4\xbb\xbb\xc61\x01\x90\xbd\x1c\xd3i\xd6w\x06\x8ai/_Er{\xcd\x15=\xbba\xe7\x0f\x00\xd8\tW\x08\xf5\xad\xbf\xb8\xf1\xbe\x16\x0b\xd6\x0ej\xf5\xd8t\x89\xd8xN\x00\xfe\xd2\x90\x00\x08\xe1\x9d\xa1Xc\xce\x10\xb5Q\xfb\xdd\xb6c\x05\x9fI\xfd3\xea\x8b\xc7\x80K\x8f{\xa9B\xcf+Z\x0c\x0e\x8e\xac\x97\x9d\xd8\x8aw\xf7\x84u\xe9d\xb6\n\xbb\xaf\xb0\x16\xb2u}\x8f\xa8;\x1eZ\xabw\xd3R\x00@\xdb,\xbe&amp;\xb1\xbb\xb1y{\xa6\x1fk,\x01\x98\xbd\xb0Y\x0fL\xcctKk\xa0\xaf\xbd\xfe\n\xf11\x00f\xfe\xa2\xf7\x94\x9f\xa9G\xd2`\xedW}\x92\xfe\xbb\x9237\x13\xbd\x98\xe8\xderuQ[1m`L&gt;[|\x98\xb8F\xd4\xf2Gv%l\xea\xa7\x90\x02\rC\x83\x99\xe8.%e(\x82\xa1!\x7fm\x1e\xfb\x8b\xb3\xe5U3\xb6\xfa\x96\x14\xc7\xf1\xeb\xc1D\xbf=\xfd*5\xc7\xecE\x01\x00 \x1f\x9b\x8e8\xae`\xdd\xa9\xd5\xf0k\x86\xda\xe5\x04\xc0\xec|\xd9\xb2H#\x97\xa0\xd5d\xfa, \xffE_\xdf\t\xc0\xaa\xe7\x94A\xb0mV\x96\x1bk\xb86_&gt;c\x95\xe4)K\x177\x181\xbba\tw\x1am\xce,\xd5\xf8\xef-KU\'\xbd\xc8\xcct#\xc1\xe6M\xbd\xaf\x8d\x91G\xe7\x13\xd2`\x99\x8b\x96Ro\xef\xd4\xdbb5\xd7k\x96\xe7:\x8bC~\x85Y\xdam?\xf3\x85\x06\xed\x7f\x13\xa9\xbb\x1f\'\xd8\x83\xddH\x00\x00\xa0cr/\xc4\xfe\x84Z\xc5\xc1\x81\n\x12,^\xd5 \x9eu\x8e\xd9x\x00\x80La\xfat}Y\x87n\x91\x7fy\xe7\xbf\x12\xc9`U\x96\xb9\xfc\xf9\xc5\xd2m\x9f\xe4yJ\xef;\x00Rs\x84&gt;\xbd\xac\x1aG\xb6C\xc9t\xcb`o\xb2\x1d\x1a-S\xb1\xd8\xac\xa2\xae\x0f\x13\xa6oK\x0f\x90X\xc6\x91wM\xa5MB\xb2O\x8f{&gt;k\xb9emPw\x1c\x1c+\xf2/\x9de\xb7\x90\x90Z\xd2\x08\x0b\x00\x00MbX\xe1^\xf1\xa1\xab\x8e\xd5&gt;\xd3l\xc7\x8e\xa69\xef[\xe6\x04\x807f\xc7\xf3:\xb5\xdb&amp;\x87]~\xe9\x95\xbf\x88\x8dx\xac\xca\xdah`\xad\x04\xa0{\x8c-\x12\xfa\xd7z_d\x0c\xb1U~\x9b\x98\xfa\x9d\xf9\xfe\x96\x04\xa0H\x03\xa7-\x88[\x08\xe7^&gt;\xa0\x8eM\xd2\xa2@\xff\x1e\xfcf\x84\xe5\xc7\xee\x92\x85\xd7\xebv\x04\x88\x9c\xbcq\xf3\xa8\x9d\xcbge\xfe\x80\xb6`\x14P\xe4A-\xfbr}\x00\x80#gm}h|w\xfc\xfdF\xac"^\xffm\xc9\xf3Z\x8aSn\x7f\xbd\x8b\x0f5\x96iNHLW^3\xd5\xc4fj\x81)\xaa\x98&amp;\x9b/\xa7\x98\xec\x99\x99~XL\xc3r\xe02\x99-\xad\xdbRx\x87\x18Zt\x1d!\\\xbb\x99\xdd~\x12\xf4o\n\x1d\xfeo\xdc\xed\xee\x8c\xa2&gt;W\x16\xf8fr[\xa6+\xab\xd9\xc6\xe9\x97\xda\x8d\x836\xdc\x86\xf5f\xfa\xdd\xe5\x7f\xaf\xc0\xb9\xa3K\xb0H\x97\xba\x9b*:\x04AE,f\\Rj\x1a^f\xaa\xae\x04\x00\x1c\r-\x06I\x9b^Lx\xeb\xa3\x92W]\x82\xa1\xdbN\xd7\xfe\x14\xd1\xa5\xb6\xd6\xfc4\xd7\xe9\xea=\xc5H\xe2rK\x</t>
        </is>
      </c>
      <c r="E614" t="inlineStr">
        <is>
          <t>&lt;class 'numpy.ndarray'&gt;</t>
        </is>
      </c>
    </row>
    <row r="615">
      <c r="A615" s="1" t="n">
        <v>613</v>
      </c>
      <c r="B615" t="inlineStr">
        <is>
          <t>steps_per_sec</t>
        </is>
      </c>
      <c r="C615" t="n">
        <v>6900</v>
      </c>
      <c r="D615" t="inlineStr">
        <is>
          <t>3.0740175</t>
        </is>
      </c>
      <c r="E615" t="inlineStr">
        <is>
          <t>&lt;class 'numpy.ndarray'&gt;</t>
        </is>
      </c>
    </row>
    <row r="616">
      <c r="A616" s="1" t="n">
        <v>614</v>
      </c>
      <c r="B616" t="inlineStr">
        <is>
          <t>Loss/RPNLoss/localization_loss</t>
        </is>
      </c>
      <c r="C616" t="n">
        <v>6900</v>
      </c>
      <c r="D616" t="inlineStr">
        <is>
          <t>0.26444605</t>
        </is>
      </c>
      <c r="E616" t="inlineStr">
        <is>
          <t>&lt;class 'numpy.ndarray'&gt;</t>
        </is>
      </c>
    </row>
    <row r="617">
      <c r="A617" s="1" t="n">
        <v>615</v>
      </c>
      <c r="B617" t="inlineStr">
        <is>
          <t>Loss/RPNLoss/objectness_loss</t>
        </is>
      </c>
      <c r="C617" t="n">
        <v>6900</v>
      </c>
      <c r="D617" t="inlineStr">
        <is>
          <t>0.04041078</t>
        </is>
      </c>
      <c r="E617" t="inlineStr">
        <is>
          <t>&lt;class 'numpy.ndarray'&gt;</t>
        </is>
      </c>
    </row>
    <row r="618">
      <c r="A618" s="1" t="n">
        <v>616</v>
      </c>
      <c r="B618" t="inlineStr">
        <is>
          <t>Loss/BoxClassifierLoss/localization_loss</t>
        </is>
      </c>
      <c r="C618" t="n">
        <v>6900</v>
      </c>
      <c r="D618" t="inlineStr">
        <is>
          <t>0.4166755</t>
        </is>
      </c>
      <c r="E618" t="inlineStr">
        <is>
          <t>&lt;class 'numpy.ndarray'&gt;</t>
        </is>
      </c>
    </row>
    <row r="619">
      <c r="A619" s="1" t="n">
        <v>617</v>
      </c>
      <c r="B619" t="inlineStr">
        <is>
          <t>Loss/BoxClassifierLoss/classification_loss</t>
        </is>
      </c>
      <c r="C619" t="n">
        <v>6900</v>
      </c>
      <c r="D619" t="inlineStr">
        <is>
          <t>0.22884063</t>
        </is>
      </c>
      <c r="E619" t="inlineStr">
        <is>
          <t>&lt;class 'numpy.ndarray'&gt;</t>
        </is>
      </c>
    </row>
    <row r="620">
      <c r="A620" s="1" t="n">
        <v>618</v>
      </c>
      <c r="B620" t="inlineStr">
        <is>
          <t>Loss/regularization_loss</t>
        </is>
      </c>
      <c r="C620" t="n">
        <v>6900</v>
      </c>
      <c r="D620" t="inlineStr">
        <is>
          <t>0.0</t>
        </is>
      </c>
      <c r="E620" t="inlineStr">
        <is>
          <t>&lt;class 'numpy.ndarray'&gt;</t>
        </is>
      </c>
    </row>
    <row r="621">
      <c r="A621" s="1" t="n">
        <v>619</v>
      </c>
      <c r="B621" t="inlineStr">
        <is>
          <t>Loss/total_loss</t>
        </is>
      </c>
      <c r="C621" t="n">
        <v>6900</v>
      </c>
      <c r="D621" t="inlineStr">
        <is>
          <t>0.95037293</t>
        </is>
      </c>
      <c r="E621" t="inlineStr">
        <is>
          <t>&lt;class 'numpy.ndarray'&gt;</t>
        </is>
      </c>
    </row>
    <row r="622">
      <c r="A622" s="1" t="n">
        <v>620</v>
      </c>
      <c r="B622" t="inlineStr">
        <is>
          <t>learning_rate</t>
        </is>
      </c>
      <c r="C622" t="n">
        <v>6900</v>
      </c>
      <c r="D622" t="inlineStr">
        <is>
          <t>0.039753765</t>
        </is>
      </c>
      <c r="E622" t="inlineStr">
        <is>
          <t>&lt;class 'numpy.ndarray'&gt;</t>
        </is>
      </c>
    </row>
    <row r="623">
      <c r="A623" s="1" t="n">
        <v>621</v>
      </c>
      <c r="B623" t="inlineStr">
        <is>
          <t>train_input_images</t>
        </is>
      </c>
      <c r="C623" t="n">
        <v>6900</v>
      </c>
      <c r="D623" t="inlineStr">
        <is>
          <t>[b'1024' b'1024'
 b'\x89PNG\r\n\x1a\n\x00\x00\x00\rIHDR\x00\x00\x04\x00\x00\x00\x04\x00\x08\x02\x00\x00\x00\xf0\x7f\xbc\xd4\x00\x00 \x00IDATx\x9c\xec\xfdy\xfc\xbf\xcf5\xdf\x8f\xcf\x15K\tR\xd1j\xa8 hQ\xe5[-%T,\xb5\xd6\xbe\xb4\x8a\x9fPb\x0fU\x82\xd0\x92\xfa\xda\x95\xd6\x96\xaa}\xa7\xeag\xdfRk\x84JhK\x1b\xfbR\xb14\xa9}\xa7\x12\xc1\xf9\xfeq]\xd7\\\xb3\x9cs\xe6\xccr-\xcf\xd7\xebq\xbf%\xef\xcf\xf3u]3\xe7\x9c9\xb3\x9d\x99k\x9e\xd7\xd39\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7\x9e\xe9l\x03\x00\x00 \x82\x88\xe6\x0f\xd3d\x19\xa0h\x1e\xc7|\xae\x10\x9b\x04\xe7\x88fAk.\'\x8c\x8dD\xe4\x02\x91L\x1a"\xf2Jg\x93\xa6\xc9\xad\xb9\x14cR\xf3\xa7\xc99\x8aL\xfa~r\x8f\x08\xb4\x06\xb7\xb42\x86rgK\x12\xc2\xec\x82\x0f\x7f\xd3\xb9\xbf\xe6o&amp;\xea\x88(\x11\x9b\xdb\x13T\xe8\xfc\'o\xea\x14\x16\xca\xa7\xce\xacJ&lt;\xe9\x1d\xce6\x1b\xa1D\x9b\x12\xd6P\xaf\x82\x88\xbe\xd4\xb9\x7f\xc6\x95(\xb4\xd0mu-\x96=\xb7\xcd\xc5\xad\xc5\x92%,\xa3\xde\xe0s\x0bsX\t\x81(W\x13!\x10\x97\x98\x9c\x9b\x1b\xff\xc8H\x83uZ\x9e\xc6\xd9\xbb\xff\x95\xb8\x82\xe5\xb1\x87ix\r\xd6\x9a\xb3k\xa4jiN\xe3T9wv\xe5\x86&lt;\xe0l\x03\x00\x00\x80\xc1&lt;J.qc\xdb\xa0J3A\xe8\xe9\xe6\x08\xf5\x83\x88\x0b\x8f\xa6i\x9a\x9c\xf3\xff\xe3\xac\t\xd7\x07\xd3\x92~\xcd\xa5X\x91_JMz\x84\xff\xec*&amp;\xc4\xc5\x84\xc50)\xf2\x15\xf3:\xe7\x88^\x98Xg8\x1f\xcbO\xf6)\xcd\xcb\x99\xa6)\xf1U\x14O\xafU\xe3\x9c\x9b\xbe2\xb5+72V1\xc7\x9d\xb4\x04\xc1L\xdb\x88\xaac\xad\xff0\xfa\xdfxW!P\xf6\x16R\xe0\x1d\xca&lt;5M\x0fS\\S\xf4\x9bt_\x8f\xdd\x0b\x999\xed\x89%|\x8b\xd5\x94\xb2\xba\xa6\xaa\xb6aDZ\xfc$i\xec\x0bc\x15R\xff\x1c\xcf4](@t\xce\x19jpo\x9f\xec\xeb\x8d\x89\xdd\x17\xd9\x815\xfa?@\x15\x00\x00\xdc&amp;\xe6\xb99MO1\x96a=\xcd\xe2\xc8\xadyk\xcdp\xce9\xf76\xa1\xd4\xa2:F\xbb\xdb&gt;\xe8%J\x96-I$\xaa\x97\xd7\xff\x91\xdb\xe5\xafd\xd77\'\xe7%a\x84\x97J\x9d\x99M.\xbb+\x14\x90\xd7\xc8\xfbtM\x90\xabf\xadK\xa2\x99\xed\xfa*D)\x14[\xefi\x9a\x9a6\xc9\x85V\xe1\xadY\xdaV\x1dq\xca_.*\xf2\x12\xb3?\x1fo\xcck\x17{5.l\xdee\r;\x8b\xbcm\xf3\xc9.\xee:a\xfc\x01\x00\x00\xb0Q\xbd\x00 "\xe7&gt;\xbdi\x84\xd5\xa2F%\x8f\xcd$\xab2%\xbb\x1c\x0ev/\x00d\x93\xc2\xb02\xce\xb2\xdd\xcd\xec\x17\xb5\x8b\xf2S!\xb1\xc0\xffLk1yiaq\xa4R\x84\xc6\x0b.\xe2\x03w\xd59\xfc]\xc6\xbdAa\x05\xed\x8c\xc6tq\x95T\xfd\xb6&gt;\xa4\xd7f\xa4y\x8d\xd7\x8d36\'|G\xa3\x91E7\xa6N\xe3\x13\x80;\x05\x15+\xfdT\x8c#\x00\x00\x00\x00+\xdb\xa8\xda:\xc2\xeaq^\xbbIO\x15cJ\x8b\x84`23\x18\xf3\xd2&gt;X\x8cT9\xe7\x9c{\x7f\xee\xe2f\x8cT\xfc\xf8\xcf\x97f\xec\xe7By\xb9\xc8DD\xee\xab\xd2\xf8\xfb\x91\xbc\xe7\xc5\xba\x88.\xaa6\x0b\xe5\x92\x82f\x86%\x8b\x94=\x95&amp;\x97](\x8b\x94\x9e3;M\xf3\x96\xf2\xf3\n\x8b\xa2\x1b\xe7n\x97\x0eX\xb9\xa1\xa6~?:&amp;\x00\x00\x0ce\xef\xc8F\x17\x1e\xc6pU2\xc7\x19hT\xc7D\x8a\xca\xf6\xb6O\xa3\xbbw\xbe\xf8\x8f\x83}t\x7f\xebAD\xf1\xea\xe2\x8d)X\x84\x04))7/U\x97}\xc8M\xcaM\x8d\xd2p+\x07\xa9ta\x96\xf5\xba\xbaZ\x13\x9cc\xa0\xe0^%uxq\xfe\xefjdZ\x96\xe4\xc3\xdd\xa0P\x9cK\x14\xf6\n6\xb4a\xb6&lt;j\x8a\xb7[\xdeK\xa0\x0c5\xfd\x92\xd7\x8f/7\\8\x00\x00\x9c\xc8\xd7WEQ1yL\\\x87U/s\xf7%ku\x8d \x9c\xad\xb7xQ\x9au\x82r\x15N\xa8\x13\x91sOVb\xe5\\p|\x97\xd9\xaeV\x0b\xc2\x1f\x85\x92p\xf1!"\xae\xc1h\xb9\x8a\x06\x94\x13\x90\xe8\xe7\x9aV\xe7\r\xe6\xb2\xbc@\xbc\x80\xa9\xa1\xa1\xe5\x9f\x8c\xdd\xf3\xc3\x14\xd5\x05g\xb7\xe7\xd2\xfa}\xe88\xf1\x91\xe5\xbd=\xdfZ\x10\xbb6\x00\x00\x00\x81\xe8\xa8H)1{.\xc5\x9e=\x13\xa7\xc4dA\x9a\xdc\x80]a\xcb\xc2\xdb)\x97\xda\x17\xad\xe4\x998h\x0ec\x02\xce\xabF?giX!\xdb&gt;}3\xf9\xf2\xc0\x19\x82!\xcb\xdd\\\x9a\xa5\xe0\x92"\xa3\x84\x06-R\xfa\x06k-\x06\xb4\xf9a/\xc8\xf4\xf5\xeb%\xe5\x85\xe8\xdd\xbc\xc8\x0564\x9bkU%\x18\x07^\x03\n\x00\xb8\x01\x88\xbe,~\xb3\x9f&gt;!\xad\xef\xbb\x8c\xd2\xb7\xbf\x80mU&lt;ez%3\xcao*\xdc\x879\x88L/\xfa\x05P\x9e\xc1\xf2Z\xba4\x00\x98\xa6\xe0\xaf\xe5\xf5\x9d^\xce\x1c.\x18\xdfv7M\x855\x80[\xac\xdf.N\x01\x89(\x9f\x80\xd3\xe4\x88\xdc4\xfd\x83@l\xb9\x82\xf4\x97I\x86w\x8a\xa5\x08\xaek+\x8a\xf9m\xa8\x86\xd7\x83V\xbf^\x93O\xbf\xae:\xaaD\xf5\xb1\xaf.\xbe,\xf1Kf5\x92d\x86\x95\x98\xd1\xb0*\xb1\xde\x9a1\xea\x02\x815o\xec\xdd\xba}\xf2\xdb&amp;\x00\x00\x00\xc0a\xa4\xbb\xb9\x96\x0c\xf9\xb5\xda\xa3\xfc\xcd\x8c\xd7b&gt;E\x93^\xcc\x93\xbdq\xb4\xabg\xd9~f\xafSLr\xb1:\xd4\xdb\x840\xc7~\x96\xeb\xb9m56\xcf\x8d\x87E1J\xb3\xf9\xf54i\xb9\x13du\x075\xcb\x1c\xbd\xf8z\xaeG\xb4&gt;&lt;\xd9\x13e\xe9U\xca\xc94\xda\xf1\x8fb\xba8\xdc\xa5\x8d}\xf9p\xce\xea&gt;\x00\x00\x00\x8ea\x8d\xfemg$v\x9a\x15\x8e\x0fnV\x8d_\x1e\xeam\x0e\xdd\x92\xa09\x91\xa9\x1a\xc0\\\xcc]\xad\x08\xa955\x16&gt;\x07"\xdfj\xb1-I\xe2\xd8&amp;\x11\x9f\rk\xb49\x8a\x90R?$~\x0e\xc2)\xc6\x99\x05EW\xc2\x16\x17^\xaaD\xb6\x05@q\xf1\x9cg\xb9\xd3\xec\x1a\xfd\x0f\xf4\xde\xd5*\xe2j\xf6\xb0\xe0G\xc9\x00\x00w\x8dp\xf0]\x7f\xce\x96\x9ct\n"\xc82\x1ff1\xca7&gt;L\xf7\xc6\xc4\xe9\x97\xcb\xd1\xe9\x998\x9f[\xef\xb3\x1ai\xfe\x05{\xa2\xda\xdf\x96\xcc\xed\xa1\xe5\xc4N\xf9\x97S\xb3"\xa7\xd3\x9c\xe4\x13\xc1\tvSs\xf3\xaa\xcft-Ep\x9b\xc3\x17\x1fv\xc8\xb4ht\xd9\t\n\xc1\t\x8d\xda\xb3R\x1cDU/\xb8\t\xb8\x12\x11\xd1\x982\x9eUM;\xd3\xd3e\x06w\xb7kQ?2\x1f\x0f\xbe\x03\x00\x00\xb8c&lt;\xcb\x7f*\xfe\x88}\xb6umR0\xad\x99\xf5d~\xf3,3\x82\x8d\xfe\x13iS\x98O&lt;\xf3m\x9ac"\xc9\xb9\x9ci\x9a\xd4\x99\x98\x1c\x91`@z\n_z&amp;\x10\xa4\xab\xde\x18\x13\xcc\xab\\H\xfc\x9b\xb5\x08A\xbe\xa4D\xfe\xd1H\xad\x85\x12^\xfe\x17d+R6y\xab\x96\xb6|\xbdL\xd34M?y\x8e\xee}\xe0\x1a\xf9]\x0c\xdaG"y\xe7\xd9\x1dy\xef\x04\xd7k77\xf1P\x02\x00\x00z`\x02P%q\x92\xadV\x87\x12\xd1\x8a\x02\x9f02\xca\xacS]/\x899\x9e.\xffI\x19\xf9\xe5\x11V\xd5\x91\xd4\x14k\xc3\x89\xe6\xdd\x1a\x17w\xd1w\xf6d\xbe\xc56\x80\xa6\x0b,\xa0\x85\x00\x00\xee8\x07\xc6\x9a\x81"\xe5K\xa8\xe6\xef\xd4\x0e\x0c\xadr\xf9T\xfa\x9a\xaf$\xa7\xf9{\x87&gt;\xec\xe6\x96\x04\xc7S\xd4\x9b\x96t\xac\xb5;\x97\xdd(\xbct\x9c\xdd&amp;\xa4\xa9 \x97\x88P\r6\x04v\x0e5x\xd7\xda?\xd2\xbdW\xa8G\xd0\xc9\\\x898\x02\x04\x00\xb8S\xf4&lt;y\xad\x9a\xdb\xf2\xef\xc4\x86_\x19\xdcD\xad_B\x08\x85[N\xd4\x18\xad`\xaff\x87[\xc8\xa9\xa5\x93nM\xf6\xf7\'ry\xa7i2~I`\x7f\xc4\x17\xb3\xaeU\x93\x96\xb4\xfaE\x9bgb2v^\x8e)"\x8c\xba\xccV\xe5\x06\x9c\x1c;\x1a\xcaxS\xd5\xbep\xa8\xc17\xe8\x1f\xc0\x83\x05\x00\x00\xe0n\x91~\x87\xafno\xcc\x9e8\xd23\x9fS\x0f\x82\x87)\xfe\xe2j\xc3\x8b\xdbs\xcb\xb2\x0b\x9a\xb1\xa1\xba\xf9\xa3\xb7A\xff2\xf4\xa8(\x8d\x88^*\xf8\x16\xec\x00\x0f\xf419\xc7\xae\x974\xb3\xc6\x19|\x85\xa8i\x9a\nv\x90s\xce}\x13\x7f+\xfeFG}#)*\xbf\x1e\xd5\xe6j&gt;\xd9\xb5\xe8\x7ft\xc5M\xf9+\xda\x04\x00\x00\xe0\x16\xe8\tF\xd73\xdf\xb6\x88\xf6\xf4\xf3\t\x96\xef\x133\x17G\x1f,\x19+\x90\x82\x7fo\x8e\xe1f\x8b\x8e\xa5=\xdf\xb4X$\xacq\xb1\xea\xab[\xc5\x8dV\xfa\x8e\x08\x0e\xbc\x9b\x8ejx\xd8\x08\x8e\x07O\x00\x00\x00We\xde\xb3m\x9a0h}\xa9\x8b\x136\xbc\xc3\xa8k\xd6p\xea\xccT\xfe\xe5\xd7\x81\xca\xe4(_~+i\x0bS\xf0o\xbb{\x07&gt;\x91\xb0\xa7\xb4\xa5\xed90\xb61\r&gt;m\xde\x84\xbe\x08\xa9n\x13\x17\xdd\xea?\xb1\x8f\x0b]\xf8\xa2\x8e\xeaD\x1e\xaf\xac\xbf\x11.\xe4&gt;\xbd\x9f\xdc)\xb0\x00\x00\x00\\\x8e\xedXv+\xf3\xb9\x8eu\x1e\xca\xbf\xd5G\xf3\xa1\x18\xbbA\xfb\xed\xd5e\xe1\xb8E\xd7\xab\xf5\xa8S\xee\x1a\x7f\t\xa1\x81\xe65\xcc\xf2s\x07\x87\xec\x95V&gt;\x00\xa9(\xd14M\xd3;\xf7\x8b\xd9\x11\xfd\x85\xf7\xd34\xb9\x0f@\xf8u2\xa7o\x9f\xeb\x06\x18\xba\x8f\xfe\xc6\xe1\x127v\x86\x0c\x00\x00@%\xd5\x87[*O\xf9\xb3\xc2\xdb\xce?\x8c\x98\x92)9\x04b/{R\x96~cF\x9f)\x1a\xa6\xfd\x18\xab(\xe0\x00uW`-lCy\xdf\xf2\xa6O\xb0\xdcf\x15_z\x01`I\xd0\xa3\xbb9\xeb\xf3\xde\xa7\x1e\r\x00\x007\xcc\x12\x94\x04o\x91O\xee\xe79\xc2\xccE\xe1\x86y4Np\xd5\xc9#\x0eU\x9b\x8c\xdc\xf1\xdd\x97i\xadY&lt;_\xd2\xbe\xef\xf7\nV\x0b\x8f\xaa\xee\xea\'?{\x98\xd0\xbc\xe6\x89\xb2\x1c\x1b`\r\xd0u\x9b\x11\xe1-\xda&lt;\x86\xdb\xac/\x00\x00\x00f\xa2\x88\x84\xc8\xbd\xd9\xf8q_\xdf\xd1?r\x0f8^\xea\xb4f\x1faF~\xad_\xacAK\xa3\x9ckF\x03=U\xe9\xce\x0cq\x06,\x00\xc0}\x83\x88\x9c\xfb\xbd#\xf5\x1d\xa7\x0b\x00\x00\xc0)\xcc\x81\x94\x1aNY\xf6\x89\xbb\x0c8\xf8\xcc\xc9@icf\xca\xab\x06\xd9\x15\xd1\xea\xfb\x1e\xfa\xb5\xe3bUV\x8a=\xda\xf9\r\xa5\x0e\xca[\xe8\x8f\x17lK\x174i(r\xe9\xc6|\xa3\xe6\xf8:=\xf6\xe9\xdc\x8dRS)\xcf\xb9\x9f\x19\x00\x00\xd0\xcc2\x8c\x89\xef)\xd0\xbf\r\xe6\xef6~\x938\xfb6d\xd77\x92\r\x8aF\xcejcl\xcd\x7f\xc4\xeb\x04\xd8\xa2Ln}\xc1\xab\xf6\xc5b"7=q\xb4j\x8d\xc9r\xb0L\xb79\x95w\x0c\xe4\xa8\xb1\xfdM\x93\xffy\xb5b\x7f&lt;\xbd-\xdd7\xe4\x1a\x19\xf3U\xdai\x9a\xb4\xb5\xee\x0e?\xfa1\xed#\xf6\xee0wF8\x08\x00p\xcbl\x9b\xa9\rq\x03\xf3m\xda\xee\xcd\xaa\xbb\x19\xbe\x14\xb7\xd2\xaf\xb9KJ\x86\xe6!\xde\xfdt\xd37@\xf6(xC\x936\x9a\xd1\xdaS6\xab\x0e?Uu\xc5v\x05\xaa8xp\xb8\xec\xc1\xbf+1\xe8\xf1/\x00\x00\\\x15\xebA\x0b\xf3\x11\x85\xcbq\xe4\x19\xa4\x82\r\xaf\xba\x87\x19\xbd\xeb\xb13b\xd6!\xd4\x19l-`\xff\xfa\xf6&amp;\x9d\tN\x02M\x05\x00\x00\xc0\xa1\xe4{\xa8\xe5\r\xec\xe7\xdd\xdd\xaa\x11$\xe1W\xc7\x03\x90\x81\x8c\t\n\xf7\xdbM\xbf\x1f1\xebAe\xbc@{\x03c\xf9\x8b\xec\xca\xb0\xef\x1a\xad\xd2\xd0`n\x86\xfb1Z\x02\x00\xee.a\x98\x92\x87\x80\x96\xa0\x90\x88^\xd70\x14\x1e\xff\x80;y)\xe4\x1d\x1a\xafw(\xc89\x07WN\xe0\xb0\x02\x8ePt\xc7\xebb\x7fNv`e\x87\xba\x17\x1d\xb0\x9b\x0b\xf8\x07k{\x00\xc0\xdd\'\x0c\n\xb9\xc9I\x8e\x1a\x99\x94G\x0e\x9am\x8b\x19p\xb7\xf9\x86\x03\xdb\xc0\x00Eh\xb1\xd7e\xafz\xc10\xa5s\x81\xaf\xd6\xa0\x82\x00\x00\xf7\x84\xcf\r\xde\x16\xf7\xda\xd1\xd8\x17\xec\x1a\x9f\x1c\xee\xe7\xc8VUH\x18jQ\x1fD\x98x\xee%\xb7U\xe3\xb7e\xedE9}\xf0\x1c\xc9\x9d\x1b\xb2\xb0B\x03\x00\xdci^\xdc\xf40:\x88\xfe\xbbB\xedc\xb9\xaca\x00\xdc \x9f\xba\r\x14\x17\xee\xf5\xe3\x19X\xd8d\xb0\xbd\'\x87\xf1.\x0e\xeb\x7fT\r\x00\xe0\x86\xb1\x0c^\xca\xd6\xbeE\xda\x9d\xda\xc1\x02\x17\xe1v&amp;\xdd{\x15"4\x8f\x12\xb7\xce~\x85B\x94y\x05\x94\x05\x804\xbb\x89\xbf\xb2\x03\x00\x00W\xa0\xf8\xcb/\xf9\xd1\xf9\x06i\x07L^\x98 \xef\x17YK\xbbl\x03\x98-\xbd\xacyc\x99\xa6)\x18\x04\xeeE\x91g\xf6\xfb\t-\xfc8\xd7\x15\x90\xea`\x9a&amp;\xe7&amp;\xe7\xfe\xda\xa1\xd6\x00\x00\xc0\x01\x04\x9bO\xd6\xe7\x00\xee\x8c]Ol\x92\xddu\xae^\xb9J\xf3\xbb\x1b\x8d\xf3\x83\xd2\xcdN\xbdD\x97\xdf\xb7\xbe\xb2m\xdc\x83\xd3K;3\x85\xb2\x0fw\x10\xff\x04\xe0\xa6\xaa\x06\x00\x00l\x10GqX\xc7c\xeb\x813\x9f\xd1\x8d\x8b\xc3\xef\xa6\xcfM\xe5:\xf7\xb0\x99\xde\xe0\xefw_\xb8 W\xaf\x8e;\xdf`:\x0bx\r\xff\xd0\xf3\x119\xc1\x18\x1c\x01\x02\x00\xdc6\xd3S\xf9\xcb\xdcE\xd2o\xdf3F\xf9\xc0:\xcf-\xa7/\xee\xe6\x81\x81i\x9ef\x8b\xe9\xf2W=\xedb\x0e\xc7\xa4\x9e\xd6\xb8C\x079L\x8b\xffcL\xb9\xc3L\xd3\xb4\xab\'u\xc9ww+\xa1\x9a\xa4\x16b\xbfM\x7f&lt;9w\xa7z7\x00\xe0\xee\xd20\xa3pO\x00L\xf9j\x15\x8db\xe7\xf8\xa3i\x9b\xb9\xdd$\x84S\x0b\xb7\xe7\x87\xddC\xe1S\x1cr\x95\x05@\x9b\x96\x1bZ\x9f\x9c\xb8\x00p\xee\xc5w\xd2[\xcf\xf9\x95\xe5}u+-\x07\x00\x00X\xea\xc3\xf7\x8a\xf3?7\xf7\xc2\x1f\xfe\xb7]\xe4\xc4\xad\xa5k\x9d\xcb\x8dg\xae\xc05!"\xe7\x9e~\xb6\x15\xbd\xf4\xc7=\xd7\t\xbb\xafc\xc9]\xa6\xe6\xd5\x11%I;\x8c\xc6\x00\x00\x00\x8c\xd4o\xff\xdf2\x7f;.\xe3\xd3N.\xf2\x8d\xf9\x1c\x87\x07\x02\x86u\x9c\xb3\xba^\xe9\x8b\r7\xd68gn\xc1\xe6\x9bt,\x00\x00\x00\xe0\xce\xfeR\xe68\xee@\x11\xc09\x0c\\9\x9f\x19\x11\n\xaaou_`\x07k\x87\x8fu7\xe6\xd2\xdd\xb8\xbd\xd6\xb5\x82/\x01\x03\x00n\x9b\xaa\xc17\x8f\x06\xa4\xdcK\xb2\xdb8\xdfr\xf2\x17\xbc\x0c\xc7\xae\x00\xcf\x8d\x86\x0e,\xe7}\xd1pv\xe2\xdf\xcaoDo\xfd\xbf!W\xef\xe0\xc9ir\xf3\x0b!\xc7\t&lt;\xa2\xba\xb9\xb1\xa5\xaa\x08\xbb\x8f\xde\xd3tZ\xcb\xb7\x8d\x1e_\xb3\xbb\x1d\x00\x00p&lt;\x8f\xf4\x01\xfd\xa3M/a\xe4\xb6\x03\x93\x8c\x9f\xb2~\xf8-\xda^\xa0\xb6\xc3\x14\xf2E\xb7\x13\x8eXP\xa6\xa2\x1b\n\xbc\xea1\xef\xffi[\xd4cM\xaa\xe5\x9f\xdf\xc6*W\xa4\xb8\xc7\x7f\xb5\x87\x00T~5\xfb\xe8\xeaX5\x9a\xdbj\xe9\r&lt;\xc7\xf1\xf8fu\xc7\xb4\xeaS\xdbU\xfb\xc8\x03\x00\x00\xd7\xc58\xb0\xd2m\x86/D\xf4\xd8\xcbD$;s\xa3\xc5\xacj~\xe5d\xdd\xf6\x00\x1eK\x15\\j\x010c\xf8\xeaB\xb9Pc\xcc\xa8\x95CDD\xdf{1\x7f\x02\x00\x00\xb8_\xc4S\xbb\x9f5\x93\xe9s\xec\\u\xab3_v\xfcI\x0c2\xfac\x8b@\xd7\xe5b\xaf\x81\xe4\xb1Z\x1ek\xca\xd1\xe7\x9du\xcb\x159\xf0\xcb\xdf=\x0f\x85"\t\x85u\xcb\xa0\x05@.\xb6t\xa8oi\xd2\xbamw\xb7\xd7\xdf\r\xf0\x1d\x00\x00\xc0m\x13\x1d\xf3u\x93s\x93\xcb\xb6\xcf\xc6\x1e~\xbd\xc2\xbc6$\xa4\x9e\xa6I\xf9\xfe@\x8f\x8axI6\xdd\x83\x9f\xa1\xd1\n8\t\x0e\x98\xbfc\xb2\x97E%.\xb8)\xbe+\xcf1\xef\n\xec[\xe4\xdf\xdc&gt;\x96\x15\x15\xda\xcc\xf2\x1f\xa1\xef\x18\x9f&lt;\x15n\x13\xe5\xe2\x89\\i\xbc\x9c\x0c\xd2w\xfa\xc9\xbf{\xd4b\x9b1\xee\xf2\x00\x00\xc0\xadQ;\xa2\xfd\xcbk\x9d\x00\xeeG=\xd3|\xc4\xb1\x01o\x84r\xd79r\xee{\xc6\xe8\xba0iE\\\xe7\xb8y\xa9\x9b\\\xc2\xc8\xd1\xe8\x85\x1aU5\x17p]\xb9\x99\x15\xcf\x11I\x12\xec^\xaa\xf1\xe7\xe9\x1e\xb3|\xf5\xe2.r\xdf\xca\x0b\x00\xb8\xe3\xd4\rj\xc1dy\'\xb6C\xd4\x05\xc0\xa1\x86\xdc\x01g\x8a&lt;\xd1\x1a\xd9$\xfbm\xd7\xa8\x9a{\xb7\xc1\x9f\x93\x17\xff&amp;\x16\x00\xa5\xa35K\x9a\xfe\x05\x80\xbc\x8a\xa0\xcd\x12\x83\x19z\x9a\xd0\xdcr\xca\xbd\xb9\x88\x19Vn\xc8T\x00\x008\x88\xf6\xf7B4LE\x17\x9c3^\xedz&amp;\x81\x81\xf47\xb9\xab\x84\\\xe7\xb1s\xf1\x07\xc4\xe8;K6i\xb7\xac7:\xb9TS\xdc}\xf1\x06\x00\x00`\x14\xff\xef\xe8Q\xf5R\x13\xd2p\xeev\xe9\xee\x0bj%fA[q\xaf\x178\xe7\xbcW\x8fq\xd4\x98m\xef\xdc`\xc3\xd6~\xad\xfc\xaa\x04-zowD\xba]\xcb\x01\x00\x00dh\x9b^\x07E\xcf\xfb\x85\xe9\x81\xe47\xdaC&gt;\xb8\x00LD\x88H\xc5\xc2\r8J\x7f\x85\xd4Z\xd7\xdb\xb6Hgq\xcc\xc7\xfd\x95?-\x02*\xd3\x9f\xc4\xf5\x9bG\x89\xdc\xfe\xb1+F\x00\x00\xb8\x02\xda\xb8\xd60\x8eS@\xb7m&amp;]{\xc8u[\xd91\xe2\xdf\x04\xe4\xdc\x8fv\xe5?{\x01pC1\xd3a\x8e\xdaS\xd1&amp;y\xdcC\x86{\xcbO\x87\x7f\x1c\xd2&lt;N\xe8\xaa7\xb0\xee\x05\x00\x00\xd7\xf0\x1a\n\xf9]\x165\xb1\xd1\x8b\xd6g\xe9\xa0O\x85d\xe15\x06z\xec6\x1d\xca5*\xfd^`\xf7\xb3}\x18\t\xd2|mm\xc7\xf1*\xa4a\xf0j\x9c\xd4P\xab_\x85T\x10wYW/\x86\xfd\xfa\xc9f\x00\x00@\x1b=!\xb8\xdf\xfc\xae\x8f\xe6\x0f\x8c\xfe{\x826o\xa1\xf0\x1aP\xea}\xda\xdb\x93\xfd\xc3\xe3G\x10\xc0\xed\xb9\x16\xa2\xb0\xd1\x1e\xa8\xf7&amp;\x10\x8b\xff\t\x17k\x9cC\x06\x1c\x8b\x84\xffs\x81\x85\xe2\xe9\x06$0\xdd\xe7b\x16z~\t\xc7x\x00\x00w\x9edD&gt;j\x83\xf3\xd0\xd9q-\x94\xa6\x91\x88&gt;K8\xd0\xa9\x98Z\xbf\xf2a\rka\xc7\x9a\xba\xea\xac&lt;\x80\xd6\x85\xee\xdc~\xc4\x8a^/^-\xe4:\x86\xa0\xd4\xcda\xd3\xdb\x1aT\xdc\x8ao\x97\x96pNc\xb8\xc0\xc2C\xe10\xdb\xae\xec\x04\x00\x00\xb8\xd7\x1c;@\x17&amp;\xc5u\xb6~\xdb\xe4\xa2\xe5\xa5\xda\x9dk\x80&gt;.=\xc9]r\x0e&amp;\xe1\xb3\x9a\'\xaa\xd9\x0b\x16\xea:\xec\xb5\x9a=-\x9en\xe5`\x83\xbd\xae\x9bs\x14\x0bS\x8as\x06X\x00\x00\x007\x8d5\xbc\xe8\n_NZ\x03\xb4\xf3\xbf\xf7\xdeU\xbd\xa5]\xdb\x9d\xb8\xd7\xc5\xaf\xea\x0bz\xdf\xb9\xad\x9e\xe5N5\xf8\xb6\x1ce\xe6\x1a\xa3\xeb\xe9\x06\x00\x00\x00\xb0c\xdf\xc5?\xcc\xa4P\xf9\x19Jw\xe2.\x95\x05x\x8e\xa9\xd6\xc7\x1c\xa2\xe5 .\x11\xad\x1e\xcd\x11\xdf\xe6\xdaM\x17v+\x00\x00\xe0na\x0c\xee\xcf[\x03\\$P\xb8\x82\r\xc7\xe1\xcfwY\x13\xfb\r\xc8KT\x16\xe8B\xe8\xe9ck\x16\xedD\xe7&amp;\xfdS3VGm\xec\x01{X\x03\x00\x00#x\x96\xbb\xa3\xbbV\xd3\xe4\x9csS9\xd94\xa5\x89\x8eqE\xd1\xb4}Y\xcf&gt;\x9dl\xc6\x9eD\xe7\xfe\xc3F^QfJ\xfe\x0bn\x98\xbc\xab\xcf\x97\xbb\x84\xa6#\xe7\x1d\xeePC\xb8I\xff\xf0\r\'\x86\x96\xf7\x01\xc4\x19\xf7\xb1\x07\x00\x00\xba\x98\x07\xaci\x9a\xb6\xc0\xc82\xce\xc52Z\x868"\xd3\x80z\x0e\xe4\xc86\xde_\x8b\xa5\x0e\'g5\xde\xd7\xfe\x9eV]\x87\xd5?\xf5\xe5]\x1d\xe50\x9b\x03\xb0\x07Dtg\x06\xa2d\\\xc5\x13\x00\x00\xc0\x8dP\xf9\x1c`&gt;"\x11_)\x1e\xa9\xbc\xf8\xb3\x86\xe9\xda\xe6\x85\x0c8\xbdz\xf7\x9e\xfc\x08L\x13\xf7\xac\xc7\x9e\xb39\xfa\x97\x8e\x9d\xdc\x1b\xcf\x9b\xe0\xc6\r\xf8\xe7\xbe0w\xcc\x9d{D\x97p\xbbm\xdb8\xf3-h\xc0\x00\x80\xab\xe2C\x93\xe0\x1c|\xd5\x89y\xe6`t\x1e\xee\x84\x7f\xde\xdc\x0bs.\x0fu,\x03\xe8\xc6\xab\xe36\xcc\x9e=\xfc[\x86\x9er\x9f\xd9\xffh\xfeE\xb8\x93\x85:\x0c\xeb&lt;\xb5\xb7\t\xfe\xe3if\x00\x00\xc0\x08\xc2Q\xd5\xfa\xe6{=Y(\x87\x88~=yY5\xc6M\x19"r\xee\x11\x87\xe9\xba\x850\xf4\xd8\xb7\xaa\x1b:B\xad\xcc\xcb{\xf8\x1c\xe0\x96\xabq\xf9\x1a\xb9\xb8y\x00\x00p\x1b\xfc=\x17\xfct\xa5%4WR\xce\x17\xbfR\xdc\xe6L\x1f\x02\x8c+\xc5\xed\x13z\xe3\xe8\x88\xfc0u\x07\x95\xa8\xb28y\xca\xb7\x19iMQ\xfd5:\xc2\xbb\x11\xb9O#\xe7\xee\xd6\x0f8\\\xc3\xb7\x97\xe4"\x9e)\x9e\xf8\xc2L\x01\x00\x00;\x10\x9e\xe4\xb1o\xed\xb3\xc9\x8c\xd9AN\xe2\xb4|\xbdt\xb0\x01\xe0F\x19R\x89\xa7\xb7\x84N\x03F\xdb\x8f~\xb1#\xb6\xca\xbaz\x15\xf89TJ\x80/\x01\x03\x00.G\xf0\x85H\xe3w#\xb71\xae\xf2\xbb\x94r\x88\xf9\xbeW\x1f\xdf\xf7 \x0c\xf1\x93o\xbfu~\xdf\xd4n\x82\xff\xb4\xd6\xfd}\xac\x88\x9c\xc3#`\xb8=b\x9a\xba\xaa`\xec\x9bd\xce^\r\xdde\xac\xb5\xfcj;\xdb1\x02\xa2\xbb\xfd2e\x00\xc0\xbdG\xd9\xe6/&gt;\x018}gq\x7f\x94\x02\xde\xc0F\xd7=\xa8 \x0bG?~\xb9N\x8c\xb9\x14\xfc|{\x86&lt;\x8f:\xbd\x14\xa0\xc8A\x0f\x1e\xb7Y\xc9\xa0\xaed\x12s\x17OP\x01\x00w\x19KTt\xef\xc7A}\x01\xb0\x9fg\x96o\xac\xe6_\xb4\xd8M\xe3-\xf0f\xad\xc5\x7f\xf4`\xbf\xddJ\xbf\xb8\t#\x01\xa8\xa5\xaa\x03V\xf6\x82Wq\xb6\xc9\x11\x00\x00\xc0\xdd\xe5I\xca\xa3\x8f\x1d\xa7\x87\xed\xc1\x0b\x02\xb8A\x8c\r\x85\xf5\x06\xb0\xd7\xf2\xe0f\x1b\x03\xado%&gt;L\x17\xb8\xdb\x14k9\xf9\n\xd6\xce\xe6\x00\x00\x00\xb8C\xc8A\x1e{,j\\\xccG\xe4\x1c}0\xaf\x1d3Y+\xe3\x83\x80\xed\x1d\xb8\x99\xaa]\x16\x00D\xe4\xdc\x93\x86\x8b=\x84C\xdb\xad5:\xcc\xba\xf0^\x06\xdd,\xea\x11\xd0&gt;w\x19\xea\xe8\xaa\x81\xfb5\xad\x02\x00\x80\x03YC\xe4\xfb4 \xf2\x1b\xf3\xda7%\x92\x94\xc1\x87\x86G\xd8\x94\xdc\xb0\xbc\xe0\xd5\xa8\xe5~\x90\xba\xbd\xdf?y\x90\xa4\x7fs\xe60N1`\x94\xd2\xd3\xbdw:\x97\xa9\xbee\x90\x11\x9at\xa3\x91\xca34\xd2\xd4\x8d\xa4^\xfe\xd6\xaf\xf1\x16 \x00\xc0\xbd\xe6N\xbe"\xa10+\xcc/$I_K\xf2G\xdb\x0f\xc5\xcbb\xc3\x19\xadj\xea\x99\xdf(\xe4\xbe8{+\xc54\xd5\xbe\xb9\xe9\xde\x93\xbe\x8b\xa9\xdd}ku./x\xbafE4\x86P{\xbc\xb1\xa7N\xe6\xd2\xe6\xef1\xa7\xb4\xa8D\xe9\xd2\xc6\xa7\xc9-\x83Mj\xd2\x1c\xab3\x1b\x13\x16\x84T\x87\x15\xbcV\xd1\xfdn\x8f\x00\x00\xe0\xee\xf8@\xb8\xd3\xe9\xed\x906\x11\ra\xd9\x15\xf6\xa1C\x8e7\xa6\xf4m\x8d.\xffHyW\xb7_\xc8\xf3\xa7sR;D\x15\xb4S\x1e\xafz\x07\xb4TX\x93\x9c\x1e\xfeys\xceK.\xf7\x01\x00`_\x96\x81\xfa\xa2[\x9e\x17\x85\x88\xdc4MD\xb4l\xa6\x1d\xa6\xf5J5ED\xf3f\xe2\x91\x1a\xdd\xba\x83\xc9\xde\x9a)\xbb\x88\xc8M\x8e\x88\x17\xc5\xaa=\xb8\xa4\x87@\xceMDt\x9d\x16\x05:\xc8\x9e(&amp;\xb7K\x1d\xc4\'\x18\xd4\x1e\n\xf64\n]G\x80y\x04Nn5[\x8e#@\x00\x80\x1b\x82=\xbcn\xcd\xb9\xee@\xef2F\xdf\x03\x96\x03B\x93\xe9\xd0\xce\xb7\x8f\xda\x0c\xbbZ\x9c\xe6\x7f\r\xed\xc8\xdd&gt;\xf6\'\xd8&gt;\xbe\xd6\x80\xa5\xf6\x8c\xbf\xe6v1\xbf\x0fcm\xc3\'\x83}\xfd!X\xebQ\xaf\xf1q\xed\xc1(\xa7m\n\x0b?S\xcf\xce\xc8\xd5\x1e\xab\x02\x00@\x81\x8e\xf3\'&gt;\xe3%\xbe\xdax\xa7\xa1\xe5\xdf\n\'o\xef\xa2a\xab\xe6\x9a\xf5u\x11\xab\xfa\x0eem\x12\x06\x9a\x04F\x82\xaaQ\tvv\x1a\x05\xdc\x8a\x87\xc3~:\xa4\xcf\xe2\t\x00\x00\xe0\xf6 "\xf7KU\xc3\xdf\xb4~\xc3\xd5\x7f\xb8c\x9c3\x87\xc9\xb3\xefd\xdfA^\xbf\x84\xb7]He]\xb2\xbe\x0e\xb0\xaa4\xc7\x8f\t\xdc\xd7r\xbcv\xbf\xa8K\xb1\xdb\xaa\xe6\xd8\xf7\x81:\xac\x01\nX\xbf\xaf\xcb\xa7\xbb\x99\x97\x10L\x7f\xb8\x8d9\xd7\x1c\x12\x01\x00`G\xfa\xf7;\x81s\xee\xb1C\x1c\xa8}-\xb8G\xfe#\xd2\x0b\x7f}\xb7W\xb5^\xbd!\x15\xcd#\xd2j\xa1R\xd9~\xde\xb8\xba\x9f\xab9p\x08\xe2\x14\xdd9\x7fv\xf1!eo\xdc\xc1\x89\xe3.\x95\x05\x00\x00,\xf4\x8e\xe3\x7f\t\xef6\x19F\x1cz\xee\xe5\xd5;8y\x8f\xe7\xe2\xad\xfa\xca\xb6\xf5\xd2\xdc\xf8\xd1\xa4\xfb\xa8\x1d\x13N|L\n\x00\x00`4\x9fQ\x19}\xdez(y\xae\xf1\x8a\xf6Q\x86\xe5r\x8e]\x00\x90\xd7\xd9\x94\x11\xdc?N\xea\x92L\x13\xbd\xe5\x91\xed\x0c\x8ep\xd7e\xa7\x1b|\x07\x00\x00p\xdb\xbc\xaas\xaef\xe2\xbb\xf1\xc3\x93\xe4\x9cs?s\xda\x8c2}\x87vw\xa7\xa9n\xfb\xda\xc6\x11S\xe9\xe4u6e\x1c\x86\xb6\xac\xed\xf4\xc3U#\x92[\xe5\xa41\x85\xf9M\xab\x0b\x87\x9b\xf7\x16\x9c\xd7\x07\x00\x80&amp;\x0c[\xbf\xb7\xbe\xa9_\xc3uK\x1a\x1d\x07\xda\xe10\xfa}\xaae\xe7\x9c\xd6\xf2o\xdf\x15W\xf8\x05\xa5\x91\\\xc4\xfe\xdbo\x18\xc7\xb1\xeb\xc1\xc5\x81\xb5\xa0?t\xedQ\x84\'\x00\x00\x80KC\x86\xfd\xb5;\xfab\x1f\x96\x13\x8b\xf9y\xfa\xed\xb0\n\x06\xcc~\xbf\x9d\xbf\x0b\xa8_\xe8Xv\x0e\xb6\xd4V\xfd\x02;*\xde\x1d\xa24\xac\xb97\xfd\xf7\x08\x16\xdfb%\xa0\xb2v\xaf\xde\xdf\xf4`\xf7;\x86\xb4g\xda~\xffK4\x0f\x1d\x07\x00pO\xc1\xc3\x81Kb\xf2yC\xd5\\\xa4*\xf7\xf9N\x82]\xda\xfb\x0e\xd5{O\xb8\xf080\xd4\xb0]\xbf\x8e\x7f7\xa9\xeb\xcb\xf3{Y\x93\xd7\x16\xef\xfb\x18\xe1\xbaM\x17\x00\x00\xce"\x8b\xc3\x92\xcd\x98\x11\'R0\xf8\xf6!\xf9\xff\xf6\xd7f\xc3\x8d7\t\xbc}\xbf\x9d\x03\x9c\x06\x04*^l\x80V\x04\x00\x00\x97\x80\x0b\x86\xee\xdc\x00]5\xe5\x04\xfb\x7f\xc3\xe7\xaa\xd1\x9b\x8b}\xd2F\x94\xee\xca\xd3yb[\xf8\xe7\x95\xcd\xbe&amp;X5\x01\t\xa5m\x0cl3\x8f\xd9\xa9\xf9\xa1U\x03\x00\xee\x10\xf7\xe8\xf5\x8b\xe3\x83\x92e\xbb}\x97\xef\xb7]"\x8a\x1az\xfcf\xef\x12\x99ja\x9f\xe3R\xa0\x06\xf8\xf6&amp;!"\xe7&gt;g\x90\x9c\xdb\x03\xc3\x02\x00\xe0n\xd18\xa2%\xb9\x9eu\x13\x93\xfa\x1e#\xf8&gt;\'\xd4[\xec\xd8\xa5\n\x0e)\x9d\xf1\xd1\xffO\x17\xcd\xb0\x05\xf7m&amp;\x01 \x93\x9e\x84&lt;\xcd\x90=y\x97\x96rQ~\xe8\xff\xb2\xfe\xb9\xc4H\x0e\x00\x00W\xc5G\x84\xc9\x17\xb3\xee/w}\xda\xd8=\xfa\xdf\xe3\xeco\xd2Jk\x05\x12\x91s\xef\xd0iC+w\xb8-\xddMn%\xc0=\x89\xac\x83_\xd4?w{\x18\x07\x00\x80&gt;\x8c\x1b\xde\x96\xc3\x18\xe7\xc6\xcd7t\xb2\xc5k\xd9[\xc5\th\xcd\xc9Z^\xa1\xb1\x11I\xdfGW=y\xd4\x13\x0f\xf5\xab\x90\x9f\x7f\x17\xeb\xfa\xeer7\xfb\xe68\x92&gt;\xc5\xba\x0b&gt;\x04\x00\x80\x8bc\n\x8f\x8c\x8b\x84\xab\x9c\x9f\xe9\xe6\x94s2\xc7\xd0SGzF\xbfI\xdf\xbf\x00\x90%T\x87\x1a\x8b\xb4]\xbd\xfd;\xb3p\xde\xe6;\xd0\x1d\x00\xf7\x98\xf4~\xf2v\xd9\x95\xdd\xbf\x01|M\xf0\x0b\x02\x00\x80{A8\x9aON\xfcY)\x9f\xec\x0e\xfc\xc0\n-\xbf#\xb3_Af_\x1d\xed\xa8\xb0\x8e\x88\xa8\xaa\x80\xbaO\x02\xc9\xae\\."\xf9\xc7\xc9\x88\xfd\x05\xbb\xe6\x1a\x89Z\xef\xbe\x15z\xf3\xcd\x1eH\xd4v\x16p3hc\x11\x00\x00\xdc8D\xe4~\x9c\x9cs\xee\xd3z6\xe9\xb1\r6\x86\xab&lt;*\xa96\xa0\xbc\xd7n,TC\xf1{&lt;V|&lt;\xc56l\xff\xf4`\xcb\xf5f\x17\xa85\xb0#\xa8\xdcv.1\xa6\x01\x00\xc0\xfd$?\xed\x10\x85&gt;\xeaq\x88\xddOJ\x80\x8dk,\x00\xacT\xc4\xf45\xe5b\x0e\xfa\x17r|k\xfb\xb73\x9b\x17\x00A\xae\xdb\xaa\xb5\xe1&lt;\xf6l\x03v\xe7\x1eW\xee\x00n\xa4w|\xeb\xd9\x06\x00\x00\xc0\x0e\xe4q\x8c9,\xbb\xe7\xc1M\x03]\xbe\xaaq\xf5~\x95b\x91\\wv\xff*\x0f7\xec\x87\xe2\xc5P\xe8\x00\x00 \x00IDAT\xef\xb5\xef-|\xear\xbd\xf4\x95\xc7\xdb\xe2\xc0"\xdc\x9a\xaf\xce\xac\xdc\xdb\xf0U\xb1\xf1\x9c\xd8AL\xb6\r2\x0fg\x86\x00\x00\xd7\x82\xd2s\xd2\xcb\x90h9\xbd\x9a\xe5\xbd"7a\xe4\xad1\xea\xf0z4\xff\x9e_G\xa6\xa3\xbd\x9b\xcd\xbc\xc18\x1f\x0c@\r\xeb\x10\xed\x10$\x03\x00\xc0q\xe4\x9b\xaf\xec\xd9\x86\xc3!\xe9\x15.-\xb2L[8\xa7\x17\xf9&gt;s\x85\'\x00&lt;D\xe4\xdc;1\x17\xcf6\xf8\n6\x00\xd0\x06\xc5\x8f\xc8\xae\xf1\x0c\x10\x00\x00\xee\x15\xe3\x87\xdd\xed\x00t\x8f\x08Y\xc2^\xeb\x93\x9e\x19h\x9d\xc00\x87U\xf1\xd9\x97\xf4\x18\xc5\x1f\xaee\xe1=\x8a\x93n-.\xbc\x9fK\xb2\xef\x1b\xf6\x82\xe0{\xe7:\x00\x00\xb8\x1b\xa4\xe7\xb9w\x9d\xb9C\xe1\xffk\xdc\xefy5g\x1c\xbc\x89\xf5e\x96\x07 \xd5\xaf\xc4\xb9\x87\xd1I\x0b\x0fX\xbc\xd4P\x9b\xc74\xfe{\x04\x91s?\\JRt\xf5Au\xb1\xd3r\x05m\t\x00\x00\xc0)\x14B[\xe2\x88\x0fu\xec;\x81\xf5O\x90C$\x0c\x9f\xfe#i\x83,\xec\x14r\x19\x98\xb2\x1c\xb6\xe0\xd4\x93a\x01p\x18\xd98\xa3$;\xa8F\x96e\xf6%j\xbf\xc3\x86S\xbf\x95\xebk\xea\x8eu\xa2\x07\x9cm\x00\x00\x004R9\x1c\xcf_\xe7z\xe5\xe0\xf3^\xd4\xfe4\xd5\x1e\xf3J\xf8-\xea=d\x92\xb7\xbc\xd5\xf8i\x9a\xce\xff\x96-GSu0e\xd9\xff\'\xd8\xca\\\xd2\xc1w\x19"\xeb\xeb\n\x8e\xa9\x9a\xe5G\x0f/\xd1\x0e\xe4_\xcd+g=\xc2~\xb6\xe3\x8f\x1a\xa6\xee\xd8\xe2\x01\x00\x00\xce`\xdd\xdb\xfe}mHeNs\x12\x8d\xfc"o+\xb9\xf6\x1b;X\xec.\xf7\xbaL\x86\xd0\xb6\xd5\xc2s_ZZ\xde\x15\xe6&lt;\xc9\xe4\xaau\xf85+\xe8Nr\xd9\xee\xb07k\xc1\x9f\x9d\\&lt;{\xb0\x1dHgY\xda\x1b\xc6\xfdlQ\x00\x00\x90s\xfc\xf7bGN\xeaD\xf4\xed\xbc\xb4\x9b\x1b\xe5\xafn\xf0u\xa21\x8b%\xa54\x8f\x1ak\x12\xd8\x83\xf3\x9a\xdc\x00\xa5\xc3-\x1f,\xf0+/\xd1\x97;\xe0\xed/\xb4\x99\xcb\x0cb\x00\x00p._\xe4\x1c9\xf76m\x99\x1b\xa6\xe7\x9e#.\x9a\x11\xbb\x8c\xe9^\xe6\xbb\xb5\xcb\xf8j\xeb\x02\xe9\x16\xb6\xf7\xbe9\xfc\x83\xdf_?\xec\x1cv\xa8TN&amp;5\x8c\xda\xb5+\x82\x86\x91\x98;l\xe73\xb1\xe6\xbc\xf7\xa1\xba\xcf.c\x97\xf6&gt;\xe3\xbf\xb6G5\x00\x00\xdc&lt;C\xe2\xe6z\t\xe5\xf4\xc1\xac_\xf7\xbd\xcc\x9b\xe6\x06K\x91\x9e\nk}"T\xd4\xc3(j\x12\xb3\xdfZq\x0fn\xc5\xce6\xe4\xd2}@XG\xbeE\xf1g\xb7\xf4\xda\xcc\x13\xdcN\xed\xdfq\xba{\xe2\'{A\x8a\x92\xbb\xde\x89\x00\x00\xa0\x1eeZugO\x93\r\x81\x1a\xe6\xf5\xb31VY\xcbi\xb1|Q\xd1Q\xdd\xc7\xb7\x93g\x97\x93\xf0\xdct\xf82p\x7f\x97\xdc\x03YW\xfc\x9aa\xb5\x996K\x0c\x14\x17\xa1\xb3"\xd6\xec\xaf?\xc4\x98&gt;\xd0\xa2\x00\x00\xb7C\x10a\xff_\xe9\xfe\xae\xe3\xdaMm\xc4\x82\x02{We\x9d\xfc\xa8\xe9\x1e\xd4\xc6\xd0\x98\x13\xc2\x01\x84=*V\xdc\xb9\xb7\xa8\xb0\'[S\x92{\xfc\x88\x9a\xba\xfd\xea\xa6\x93_e\xdb;\xfe\xa3\xc7\x01\x00@\x0b\xa7\xc7\xdf\x8b\x01&amp;\x1b\xf4\xad\xdfK\xef\x92\x8e\xf3\xf3!el}\x19N\xdf~\xbc)\x86\xab\x17\xcb~\xbeq\x9e\xf7f\xcaR\xdaA(t\xff|\xdb^\x10\xd8pD\xb0\xdb\x87^\xd4\xbeC\xe8O\xee*\xff\xd6\x03h\xc9\xfe[/\x17\x00\x00\xec\x8b\x12\x98\xca\x03\xe8\xde\x07\xbb\x95d\x85\'\xf8\x97\x1d\xf4\xcd\x8b\x1c1\xff&amp;\xc7\xa4\xadg\xbd1h\xadR\xb3\xb3\x9bj\xbcj=\xca\\z\xfdy\x00j\x9b\xa9;\x9d\xaf\xdc\xa5\x00\xa3\xfc\x1a;G2J\xd1e\xc7\xb4v\xfe\r\x9e\xfa\x02\x00\xc0%\xa8\x1e\x8b\xc7\x0e\xdffi_\x10gIs\x9d\xfe4\xa3\x8f\xa6\x80\xb8\xf0f\x9bFKF\xb8\xb1C\xc8\r\xbc\x04\xe9&gt;\xc2E\xde\xe5[Nm\x8dzF5\xc71\xcfv\x06J\xee\x7fJ\x96\x8a\xbaYnz\xa0\x06\x00\x00\xd0\x059\xf7\x1c\xfe\xb3\xdf \xef\x89\\/\xb5\x00\xe86\xa6\xe1H\xc3u\xd9\xc3\xce0\x10\x1c$\x1c\x0b\x0f\t\x12"\xef\xf56\xbf1\x1ff\xd73\xd5m\xe1\x0bY\xde\xd6.\xe4v\xb9R\x97\xbf\x88\x19\x00\x00\x00\xc6\xb1\xdb\x1c\xd3z\xce\xfb\xc5\xcb\xd3\xde\x9e\xf3b\xcb\x99\xe3\x82=#\xac\xdd3\x1a \xf7\x9dc\x0e\x025\x04yF\xa9\xceX\xe9V\xd5\xa9\x91\x97\x89\xb4t\xf67\x92R\x94\xfbmR\xd9\xbbz\xc6\xe4\x92\xe4\x87+E\xcc\x1b\xad&amp;\xbd\xe8\xa9\xc3`\xaa\xea(E\x00\x00\x00v\xe7\ncz\xe3\x97\xba\x8e\x9a\xf9\x1e&gt;$\xa4\x08B\x9f+\xf8\xbc\x82\xcf\xa9|\x15\xcf\x1e\xf5rLTw\xcd\xd8q0\xb6\xf7\xe785^o[\x008\xd5\xc3w\xdb\xf3\xd4\xfa\xa5 \xef\x16\xd1?w\xdao\x00\x00\x00\xf6c\xec\x11\xd5#\xbfrw\x90\xae\x9f\xbd\x81\xaf\xf7\xc5\xde\xf8\xf3\xbb\x16\x13Xb\xcdQ\x8b\xb4N!\x97\xc7Z@9\xca\xd7\x1e\x0e\x80\x15xFcT\xcb\xb9\xc5-\x15\x00\x00\xb8:\xe1\x04/O\xf6\xc2\xce\x16sqd\xd0p\xaf\x83\x8f\xf2\t\x8aK\x04g\xa3\r(K\xfb\xdd&gt;\x8d\xa7{\xecR\xe8Q\xfe\x15\x1a\xd8X\x88\xc8\xbd\xd5\x9d*\x91\xbbz\x93\xbe\xc83^\x00\x00\xb8\xcb|sm\x86d\xee\xef\x7fv\xdf\xb1k(\x86 \x95r\xee\x17\'\xfa\xa7\xb1\xae\x0b\x9by\x16Q\'.\x00Nl\x8d\xbb\xc4\xe2\xd7\xdf\xe6\x1fk\xdbe\x8b)`*;\xfb\x00g\'\x83\x14#\x8e\xd6\xd8\xcbK\xe8\xb7o\xad\xa9\x00\x00\xee)o\xec\x9cs\xff\xaaz\xc0\xda\xe6\xfe\x9f\xae\x7f\xc6\xcaM\xccgF\x12\xbb\xeb\xfd\xf0\xb6l\xabO\xc8\xffu\x87\x1eg\xcfe\xa1\x0f5;\xff\xbc\xe2\x7fz_\xf6\xf3\xa3\xe4\x9d\xb4\x1f\xb4\x00\xb8\x13\xef\x01\x0b9\xc0\xaa\xa0\xec\x9a\xaek\xfa\xe7\xf2\xe0\xd1\x04\x00\xe0\xc6\xa1\xd6o\x9e\xb9\xecE C\xccY\x8d\xf9\xf4\xab\r\xa0\x82=w\xf0\xfb\x0c\x95\x1cj\xd5\xce\xf1\x1c\x05\xff\xab\xce[2\xec\xec\x10y7\xbf-\x95\xd2.\x7fG\xcf\\v\x01p\x0c\xc6\'\x00\xe9\xdf\xb5\xa3\xcd\xa0\xd1\xe9\xc25\x15\x19\xd6\xe2U\x00\x00\xb8KP\xc6X\x99\xfd\xd2Fr5{\x8e\xa2m\xedq\xb9\xea+0 \x82\xd1\x1b\xed\xde\x0e\t\xe4\x0f\xffZE\x85\xc0\xab\xf5\xdc\x8f\x95\xed\xb9\x94\x9d\xf5\x90\xe5\x84OK\xe7\xbd\xe6\xf0\x0b\x00\x00`O\xea\xb6\xf1\xba\xa3\x7fqbn\x17x\xfaa\xd6\x0bq\x07\x0f\x9c\x0c\xe23\xf7\x10\xaa\x17\xf9\xda\x0ea\xa9\xdd\t\xde\xb5\x807\xe7\xbd\x1d\xb1\xd7K\xdb@\xda\xf7&lt;\xe7\xfa\xdc\xe1\xa2\x01\x00@\x13\xb5\xb3\xc5#\x1a\x1e\x16\xc7\xeaZ\xf3\xf2\x19\x19\xfbo{+\xab\xdb\xf8\xdf\xae\x9a\xc8\xf7u\xd4\xafu\x94\xe5\xc2\x95\xb8\x19v\x92\x91uJ\xaf\xe7Iroh1\xe9Mw7\xe4\x9eq\xe2\xd3*\x00\x00\x00\xd7 ~;$\x9bB\xcc\xd9\xb7\x06\x18\x1bt\x12\xd1C\xef\xd4\x02\xa0y&amp;\xbe\\\x91KOu\xc4&amp;$e\xacY\xac\xde\xed\xed\xcc:.\xd9\x1d\x1e[J\xd0?\xceD\x82:\x85T\xa9\xe3\x8e\x8f_\xb0\nv\xc5\xe4\xf3\xf3Z\xe6\x18\xbd87\x05\x00\xb8=\xb8a+\xda\xd7T\xe2\xb6\x8b\x8fzA\xdcp\xd0\xbcKD\xce}\xcf\x01\x8an\x8c_\xb0,\x00\xb8\xbb\xda\x01n\xeb\x02\xe0\xcaM\xf4`v\xeb\xb0\xfb\x9e\xff\xa93\xfbQj\xca\xf6\x13\x86\x83\xb8\xd7\xad\x91\xa4\xf3E\xb7\xdeI\x83\xad\x8a\xdb.\x08\x00\xe0\xbe\xc0\x0f\xbb\xd1\x04\xa9L\x96\x0f\xd9\xc7(\x9e\x86\x93\xa9\x14\xb3\x93a\x89\xc6\x03\xb4\xdcI\xfe!E\xcb\xce\x91\xa2\x89\x9c{\xce\x91\x02mZ\xc7\x84zO\x1e\xfc\x94\xecF\x9b\xa8\xd5l[\x01o\xd7\x0f\xc7p\x1d\xe7\xd4?\xfd;\xc7\xf2\x83\'\x1a\x00\x00\xe8E\x1e\xad\xbeo\x1dI-q\xcc\x11\xa7,\xe4\xb1\xf5\xa6\x07\xdc\x9b6~\x17j\xe6\xd1\xcbzo\xc8F \xb9\xd1\x87F\xe2}\xca\xcbzow\xeeY\xa0\xf6\xfb\ry\xae\xe2\x9f\xdc\x8c\x1dw\xd9{\xc4\xde\xab\x16\x05\x00\xb8}\x941\xcb\xdf*\x8ek\xda\xe6\xc7\xa01Q\x9e\xb0\xff\xf2=\x9b\xcb\xef\x01D\xce\xfd\xa6s\x7fYI\x91}8\x0b\xf1&lt;\xc3\xa869\xbay\x87g0N\xf7\xde\x1d\xe4bc\xd1\xa5\x8c\xe9B\xea\x08\xe3V\xc8\xd8\xbf\x07\x00\xdc\'\xca\xa3\xa7!A\xfd\xd3\xcf\x96Av\x16\x9e\x1b&lt;v\x8b\x14\x9c\xc7?q\x8e\xfe\x7f\x97\xfe\xbe`\x05\xdf:n\x01\x905o""\xf7\xafo\xc0\t\xf7\x12\xd4\xcb`\xf4\xc9ed\xd4\x8e\x05\x00\x00\xe0\xfe\xd0?\xb0\xc6\xf1\xbf\xfd\xf4-\xc6\xd9~\xee\x96\x0f\xeb\xd6\x90\'\x93\xd8y\xac\xd9\xb7\xe4\xa8\x13\xb9o\xe3\x8c\xe9d\x97\xfe\r\xe9K\x82\xd6\x0e\x00\x00\xe3Y\xc6V\xe1\xab\xc0\x96\x03&lt;\xb5\x0b\x80\x1b\xe7\xfc\x02\xde\xd5\x15\xd45\x9a\x90];9\xf7\xf7\xce\xb2\xf6\x1a\xbe\xda\x9b\xce\xd2\xddM\x17\x11\x91s\xff\xde}\x9bx\xf0\xac\xbf\xc8w\xcfi\xa3(y\x06~\x03\x00\xdc\x0eC\xe7\xc8\xc1_\x05\xbe\x93\xf3\xb7\xcc\x03\xce6\xe0\\\xe4\x85\xe8\xb1fT\xa5&lt;o%v\x11w\xedH\xbfoM\xa3\xc7K\xdc\xa2\x0f\xf7\xb6yi\xdb\x9a\x03o\xa1\xed\r\x9f&gt;\xee\xd3|\x04\x00\x00Gp\x9d-\xed\xbd\x97\x1c\xe2\xf7\xaa\xef\xf9\xd4r\xfd\xc7\x1aa&lt;TYY\x9f\xb1\x87=W\xf6\xd58\xeeC\x19/\xca&gt;]\xf2\xe0=\x1d\xb4\x1f\x00\x00\xb0p\xf6y\x86\xbe\xb9\xc1\x96\xbdVE\x87U\xd2\x1e\xedE\x9elXl\x18f\xeaw\x1b\xaa\xf8\x1an\x91\xf0\xc6\xabQQ\xfam\xdd\xbd\xadZ\x</t>
        </is>
      </c>
      <c r="E623" t="inlineStr">
        <is>
          <t>&lt;class 'numpy.ndarray'&gt;</t>
        </is>
      </c>
    </row>
    <row r="624">
      <c r="A624" s="1" t="n">
        <v>622</v>
      </c>
      <c r="B624" t="inlineStr">
        <is>
          <t>steps_per_sec</t>
        </is>
      </c>
      <c r="C624" t="n">
        <v>7000</v>
      </c>
      <c r="D624" t="inlineStr">
        <is>
          <t>2.9952714</t>
        </is>
      </c>
      <c r="E624" t="inlineStr">
        <is>
          <t>&lt;class 'numpy.ndarray'&gt;</t>
        </is>
      </c>
    </row>
    <row r="625">
      <c r="A625" s="1" t="n">
        <v>623</v>
      </c>
      <c r="B625" t="inlineStr">
        <is>
          <t>Loss/RPNLoss/localization_loss</t>
        </is>
      </c>
      <c r="C625" t="n">
        <v>7000</v>
      </c>
      <c r="D625" t="inlineStr">
        <is>
          <t>0.096127994</t>
        </is>
      </c>
      <c r="E625" t="inlineStr">
        <is>
          <t>&lt;class 'numpy.ndarray'&gt;</t>
        </is>
      </c>
    </row>
    <row r="626">
      <c r="A626" s="1" t="n">
        <v>624</v>
      </c>
      <c r="B626" t="inlineStr">
        <is>
          <t>Loss/RPNLoss/objectness_loss</t>
        </is>
      </c>
      <c r="C626" t="n">
        <v>7000</v>
      </c>
      <c r="D626" t="inlineStr">
        <is>
          <t>0.027184438</t>
        </is>
      </c>
      <c r="E626" t="inlineStr">
        <is>
          <t>&lt;class 'numpy.ndarray'&gt;</t>
        </is>
      </c>
    </row>
    <row r="627">
      <c r="A627" s="1" t="n">
        <v>625</v>
      </c>
      <c r="B627" t="inlineStr">
        <is>
          <t>Loss/BoxClassifierLoss/localization_loss</t>
        </is>
      </c>
      <c r="C627" t="n">
        <v>7000</v>
      </c>
      <c r="D627" t="inlineStr">
        <is>
          <t>0.11142736</t>
        </is>
      </c>
      <c r="E627" t="inlineStr">
        <is>
          <t>&lt;class 'numpy.ndarray'&gt;</t>
        </is>
      </c>
    </row>
    <row r="628">
      <c r="A628" s="1" t="n">
        <v>626</v>
      </c>
      <c r="B628" t="inlineStr">
        <is>
          <t>Loss/BoxClassifierLoss/classification_loss</t>
        </is>
      </c>
      <c r="C628" t="n">
        <v>7000</v>
      </c>
      <c r="D628" t="inlineStr">
        <is>
          <t>0.104411766</t>
        </is>
      </c>
      <c r="E628" t="inlineStr">
        <is>
          <t>&lt;class 'numpy.ndarray'&gt;</t>
        </is>
      </c>
    </row>
    <row r="629">
      <c r="A629" s="1" t="n">
        <v>627</v>
      </c>
      <c r="B629" t="inlineStr">
        <is>
          <t>Loss/regularization_loss</t>
        </is>
      </c>
      <c r="C629" t="n">
        <v>7000</v>
      </c>
      <c r="D629" t="inlineStr">
        <is>
          <t>0.0</t>
        </is>
      </c>
      <c r="E629" t="inlineStr">
        <is>
          <t>&lt;class 'numpy.ndarray'&gt;</t>
        </is>
      </c>
    </row>
    <row r="630">
      <c r="A630" s="1" t="n">
        <v>628</v>
      </c>
      <c r="B630" t="inlineStr">
        <is>
          <t>Loss/total_loss</t>
        </is>
      </c>
      <c r="C630" t="n">
        <v>7000</v>
      </c>
      <c r="D630" t="inlineStr">
        <is>
          <t>0.33915156</t>
        </is>
      </c>
      <c r="E630" t="inlineStr">
        <is>
          <t>&lt;class 'numpy.ndarray'&gt;</t>
        </is>
      </c>
    </row>
    <row r="631">
      <c r="A631" s="1" t="n">
        <v>629</v>
      </c>
      <c r="B631" t="inlineStr">
        <is>
          <t>learning_rate</t>
        </is>
      </c>
      <c r="C631" t="n">
        <v>7000</v>
      </c>
      <c r="D631" t="inlineStr">
        <is>
          <t>0.039743636</t>
        </is>
      </c>
      <c r="E631" t="inlineStr">
        <is>
          <t>&lt;class 'numpy.ndarray'&gt;</t>
        </is>
      </c>
    </row>
    <row r="632">
      <c r="A632" s="1" t="n">
        <v>630</v>
      </c>
      <c r="B632" t="inlineStr">
        <is>
          <t>train_input_images</t>
        </is>
      </c>
      <c r="C632" t="n">
        <v>7000</v>
      </c>
      <c r="D632" t="inlineStr">
        <is>
          <t>[b'1024' b'1024'
 b'\x89PNG\r\n\x1a\n\x00\x00\x00\rIHDR\x00\x00\x04\x00\x00\x00\x04\x00\x08\x02\x00\x00\x00\xf0\x7f\xbc\xd4\x00\x00 \x00IDATx\x9c\xec\xbdw\xbc4KQ\xf8]{A\x82 9\n\x02\x12\x04QQ\x10$\xcb\x15\x10\x10\tJF\x82 b@@rP\x92\x04\t\x82d\x90\x1c%\n/\x18\xb9\xe4(\x82D\t*?@T$_$H\x14\xac\xf7\x8f\xdd\x99\xe9\xdc\xd5\xdd\xd5af\xeb\xfby\xb8\x9c\xb3;\xdd]]]\xa9{f\xf7\x00N\x003\x08\x90\xdd\xe7\xf5\x00&amp;\xa9\xf8\x05\xebL\xee\xa4J\xf4\t\xdbSc\x03.\x8b\x1a\xd3\x12\xcc\xff\xce&gt;[\xe9~M\xd3Wv\xad\x8b\xa2\xab\xc5\xc7e\xda\xcb\x03\xf0\x11\xbfV\xe7\x05*s\xa5:\xa0\x0bJ\x13\xb5u\xf6\xb8\x85\xd2&amp;^\x1e\xbb\xde\xbc\xc0y}p\x95\xbb-1]\'\x8dP\x03TI7\x93\xe3\xb8\xfb\xaf\xa0\xed\xf0"\xa6\x86\xd9Q\x96c\xc6\xd6\xdb\xf4\xca\xab\xed\xcb\x96\xfc\xa2$\xa0:fv\xe8\xf6T\xc3\x18\xb0P\x9d\x83a\xb1\xbbq\xa6\rM\x92|h\xa8T\x8d\x97a\xcb+\xff\x15\x18\xc5\xdb\x7f\x95 \x1bE-\x98\x06Y\x88\xaa\xcc\xd3\xbc\x87\xa3\x1a\x9bU\x81f\x14\xceH\x81jXoR.\xf0\x8e\x12-t*\x95\x05\x11i\x94*?\xca\x93j\x8b\x944}\xc3\xd2(\xb3`\xb2\x9c\x8ce\xd2\xfd"\xde\x1c\xdf\x99v\xbd6Jz\xfcA\xb8rm\xdb\xf3\xf5oL\x13\xd5\xd7k\xca\x13\xc4aNsAI\xe1o\x01\x00\xe0\n\xe9ew!\\\x8b8d\xe6:\xe8\xff\xdc\xda\xef\xf3\xa2\xe8\x1b{\xc3\xa8N\xce\xf1\xa6$\xb9\n\xfb\x1cR\xe1B\x88v\x85H\x94\xa9\xc0\x1aB\x18\xadP;\x9a:xF\x8f&gt;\x8f\xd8\xea\xdc\x0f\xf3\x9a\xd2\xa4\x19v\x0f\xaf#\x02\xdcH\xb7\x81\xf7g\x9b\x84c\x88\xea\xb0\r\x81\xe4"\xb5p\x9c\x04\x81&amp;\x0f\xad\x91\x14\x13\xf8\x8a\xbd-\xec\xe85u\x8ef\xe3v\x8b\xd6\xaf9\xe7\x08J\xff\'5\xaf&gt;\x83\xbcJ5~\xc79\xae\x121\x96\x97\xfb\x9d\xe0X/\xb68\xd3a\xe9\x9f\xb4\x07FDx\xec\xear\xd3\xbb\x8c\xdf\xd5\xa0a\xfc`\xc4\x93\xe6\x89#\x95\x01E\x12B\xb0\x18\x13\x02&lt;\xbb\\\x12\xf8\x12\x02 \xfc\xc2(\xa5\xf6\xe2x#z\x1a;j\xba\x9d\x8a\xbc\x17\xfb\x0e\xaa\xbb\xafQ\x8dEQ\x8b\xc8ziR\xf18-\xb8\xaf\x05G\xe9\xd3jP\xcf{c\xe8\xd0\xcc\xcd^\xa9\x1a\x88\x9a\xa7\x90\xf8q&gt;m\x03\xb0\x0c=\xc2\xba\xa4@\x11U\xf1Ysv\xcb\xd2\x1b\x1b\x03\x00\x00\xf8n\xdb\xa2\x8du\xacd\x17\xab&gt;\xcd\x81\x8b\xe0T\xb4\xa0\xa1\xa9\xee\xc6\xe6\x1c\x87\xdf\x00\x08+C5\xa6l{\xe25\xc4\x81j\x8b&amp;\xe7%\x9d1W\xdf}\xe7]\xfd\xf9\x9f\x86(\xb9\xba\x0b\x90\x85\x1e\xbe\x0f?|p\x9dsiD\xd4\xd8\xde\x9a\x9c\x0bkX/\xba\xb0O\xc4\x95\xd7\xb9\x040\xbb\xcaqOB\x16p\xcd\xce{\xa1.I_\xe2\x02\xe8\x15\x18\xe9Z\xb0\xcb\xb5\xd8|\xa7w\xbfM\x92z$\x86\xac8\x87\x12\xa6\x08\xbaz\t\xde\'\x08I\x10B\xbf\xb3\x19\xc0_*?\x97s[\x00\x04\xf8\x1e\xc0W\x1a\xfavh\xe2{\xb5\\x\xbb\x9e\x16(S\xc2\x05\n-S\xb6\xe1\x02\xbd\x05HE\x8b\xe0\xab\r\xe8\xcdv,5\xf4cT\xe1\xfc=[\xcb\x8a\xfe\xb7J\x07{\x829\x17z\xe7Z\x99~h\x15\xab_\xfdAc\xeaP}\xb7\xbdU\x07\x04\xd3~\xd0\x9aP\xa6\xaf\xf5\xa6*\xfc]\x9b\xdf\xbds\x1am\xb9\x1c\x1d\x05\x10\x84\xadB\xf5\xab%P\xa2\xfa\xc8~\xb1[\x86\xf2J=\xc2#\xd2S\xc2*Qr\x9e\xe3\x9cr[\x13\x1fj.\x0fU\xd2\xd8\x10\x995\x91\xa6\x02\x9f\xb0&lt;N\xb3\xe7A\xe5}*\xa1\x86=\xe0(=k\x9e\xe5\xdc\x00\x94\x0c\x8d\xd6,R\x0b5g\xab@\xc3H\xa1\x8cS:\xe8j\xcf\x1e\xc1\xee\x16\x90\xea\xba\xfe\xe9_\\\xe9C}+u\xaf\xb5^l\xa3\xad2\xc4\xc3\xa3=\xd7\xb6\xab\xf2\xda\xe33\xf8xlj\x15+\xcc\x1d\xc2\xca1\xc3\x01[\xc9\x8e_mQtn\xfe\xb4&amp;\x15\xa766\xa6%\xbc\xe2\xf8\xcf\xd84\x900\xd9\xb9&lt;\x9f#\xe4\xa9_SA\xe5\xbf\xc5}5\x15^;hWk\xc7B\x19\xcc\r\x00\xb5\x8e7d\xa3o\x00\xd4V\x06\xb7\x01\x00\x80\xff\x1d`\x03\xe0\xe0e\xf1\xfa\xd5V\x82\xfbW\xa5\xc9\xa7\x00\x00\x9e\xda%\xb0 \xc0\xcf\x91/\xbe\x98\xbf\x13\xd2X\xb57\x00\xc4\xce\xc9\x02dJX&lt;;\xfaa(\x9b\xcd\xf4\x88\xc3\xc2\xb1s\xa8\xfb\x9f8\x9f\xcce\xb9\x8dn\xbb\xea9\xd6\xa9x\xc5\xb5G\xae\xdc\x7f\x1b\xea\xcdb\x1b\xfa\x99\xe9R\xad\xe6Q{\x03\xfc\x9d\xf2.\xb4l\xdd\xe5\x01\x0f\x9e\x07\xe8\x1bV\xff\xb3\x96\xcc{\x0eS\xc5P\xa6Fu9\x12\xebx\x00@\xf8\x08\x02\x9c.\xb1\xbc\x0b~G\xf0x\x1b\x00]3\x91K\x96\x19\xa9v\xce?\xa9\xe2Z\xb3&amp;\xeadU\xeb\xaa1.m\x03@\xda$\xec\xaf,\x11#\xaf\xed4\xee\xff\x0bw\xaf\\)\x08+\x06\x01~=\xe7\xb0\xe7jK\x0417\x00\xcb\xc3\xb2B;\xec\x98\xde!s\xa7\xe4\x95\x8c0\xbd\x92\xea\x1f\xf4S\xc6\xe1dF\x17]d\x80\x1eC\xf3\xe1&lt;\xf5(\xe8\xce^\x94K%u\xe8\x0c\xc8\xd1&amp;\x08\x1f\xf5\\\xd9\xc96\\\xa8%WD\x1e\x9f\xcc\xb3Zx\'U\x16\x94\xc2\r9-\xaa\xc1\x1d\x00P\xfc\x1a\xe0e&gt;q\xea\x1c7(}\x8eb\xb4\xfc\xf4\n\xd7\xc2\xf8\xcc\xaeU\xc98\xd4\x9e\xe9\t\x86e\\!J\xcb\x15\xf1\xca\xf0\xa6\x94\x03\xcb\x942e}h\x1b\x00\xf6i\x96\x9do\x99u@\x8fU\xd8\xc0\x06@-\xad8\x14\xc8\xb6"K\'\x0c+\xdb9\xa4\xfc\xf1\xf4i\x84I\x92\xb3\x16\x9f\xb8W%\xb5\xff\xba\x1b\x00\xbd\x93\x16\x1b\x00k\\mSZm\xdc^\x9fsk:h\x1d\x05\xae5\xfc\n\x1a\r\x1d\xfb0`\x93Qj\x0f\xb4\xa5\x02\xb4\xe3D&gt;\x90\xd1f\xb2\xd5+q\x0bS\x83\x0c\xdd"\x9c\x0e\x01\x10^\xca^a\x97\x9e\xa2Yu@=\xcbQ\x8f\xc6\xf5Z\x19\x11\x11?\xb4\xe6M\xa0Z\xaf\xebU{N\x10\xe6]\x8eC?_\x98\xfb\xfc\xfb\xf2&gt;\xdbc\xedd\x10\xae8\xae\xb5\xd4\xf7\xa6R\x8a\x8b\x04\xfcxZ[\xc7\xdfd\xac\xa3\x1fDDx\xfe|;\xae\x05,3BD\x80\x13\xecW\x9d}V)\xf0\xe4y\x8dm\xd0|\x03\x10a\x1cI\xdc\x0c.\xdeQ\xf0\xd0u\xc4\x1d\xc4\x93s\xa2\xfcR\x1drO\x93\xe2\xe6\xa1w\xb5X\xf1\xdb\x8c\xe2!\x00\xc0\xef-yQO\x90\xaaBLI\x00\x00\xe0\xb7HcD\xf4\x89\xfa\x95\x15Q\x85\xb7g\x9a\xdb\x19\xb3\xcc\x95\x0b\xaf\xba(\x92#\xfc\x1a\x02\xe0\x9f\x8e;\x91\x92\xe5\xbbu\xcd\xce\xad^\xf2\xbb\xcal\xfb\xae\xeaF\xa8\n\xf6@\xf5\xf5:\xc3\xa9c\x96L\xca\xa3\xcf,%\x17Y\x88\xf6A\xa01\xfdK\x88p\xf1\x83\x05\xbc2\xba~\xd5\x17x\x892\x0c\xf9\xac\xea\xf1\xe4Q\x12\x0b[5\n\x11c\x80\'\x95&gt;8\xd1r\xed\xfe$\xafY,=,\xe7\xe2\xa9\xda\x1e\xb5\x9e\xbb\'\x00\x00&lt;\ru\xe0\xfb\xc6Lg\xc9\xd5r\x848\x1d\xf2\xc5u\x0b\x8e\x0f-c,k\x87\x00p\x8b\xcc\xb2\xa0\xde9\x9c*\x0f\xe3NO?\x98\xf7\xf0\r\xb60\x82\xcb\xa0#Z~!\xf1\x94\x8d\xc80\xf7\xe2\xa4\\\xd5\xa7\xa0\xb0\x92\xb6\x9b\xe7e\xb1\xb2=R\xf2@\xeeY\xe7\xee\xd0\x1c\xaf\xe8!7\xd6|\x93\xfe%,\xb4\xb3l\xad\x08\x10\xd8\xc9V\xac\xbd&lt;\x8d\x17hh\xc3\x88\x9c\x9d\xc7\xe3\xe3&lt;\xa9s\x136\x00Z\xbdH\xaa\x03\xfc}\x0e\x14\xbb\xffd*5\x8c\x8a_Ol\xf84\x0c\xcf\xc8b\x0c\x9b\xf1\xf8\x0e\x1ao\x91\xfb{\xed\xf4\xc3\x95j,"\xb7\x9b\x9b\xa1\xe3\xcdE\xdd\xd2\xdb\x8e\xf8\xb5\xa4A(\'q\x81]\r\x02\xdcM\xf9\x8dq\xd6\xe1hc\xec\xd5\xd1z\xf7I|\x92p\xe1\x9eN\xae\xa9\x1cbWv[Z@S\xbc\xd21V\xd9r{\x84\'\x08\xb6\x16\xe7\x12\x86\xa6k}\xb9q\x1e\xa2h\xb5@\xb1\xe6\x025[#.\xc3\xa8#sX$\x92\xcc\xda\tw,\x91(9 \xd6\xb3\x9e-\x10\xae\x8a\x00\xbf\xa7I&gt;\xb6\xa3\xe9\x96\xf6\x8a\xf9\xe5\x94\xa5\x1ca\x93\xe3\x0bn\x08\x00p\x86\x90O\xf9\xeb\xaa\xb9\x87*7\x01\x00\x10\xde\x18\xa86\xa8\xdc\x00\xd1\x1572;\\z\xa0\xc5\x9f`\xdc\xe8g\x15{\xe1\x7f5Y$e9\x1c\x93\xaa\x1c\x93\xf1\x96\x0e\x1d&gt;N\x8dE\x88\x08p\x07\xbf\xa1V\x93\xccm\x9f\x08\x80\xd7_\xb4doK\xdc}\xf50\x0c\x84o\xa6\x1a\xb3)g\xe9\xea#\x02\xfcE~sA\xe0\xa0{\xaa\xd6\x19\xbb&lt;\xa2\x91\xffG\x82Bo7\xad\x1d\x9d\xc5\xd3 Pj\x91\x8b\xd2{#\xce\xb1\xb0\x90\x9a\xbb\x19\xce\xe3\x0c\xecry\x95\xf86\x00\xe6\xdb\xc1\r@\x17\x8a\xc7UJv\xa5~\xbdDAg\x08\x80\x8f#l\xaa/\x1d\xd2\xf9gz\x9bS\xe9\xb2\xf6\x08\x86~\xbb]ve\x00\xf0\x12O[\xfd\x98\x83I\xff\xa1\xbc\x80\xf8\x87\x88\xf0L\xf7~\xc9\xdb\xd1\xa8\xcf\x8cY1\x04\x8d\xb7\xca\xc4\xfew\x80;\x94\x0b)\xac\x8e\x96\x07K+\xa3m,\xd8\x8fu\x0b\xf6n\xf7\\\xf80\x97\xabq\xf7\xdf\x00\xb5\x04\xa4\x1d\xe4\xb4#\xc9Bb\x17\xef\xc6\xdc\xe4\x00\xc0\xaa7\xc3#H&gt;m\xd8RC\xca\x93Yvz\xb9&lt;\n\xe1\n\xa5\x9bLD|/\xe2\x93\xb4b\xb1&gt;\x0fZ\xea\xa4q}\xaa\x80\x11&amp;\xe5/I#7\x01\xfc\x1b\xb3|\x19\x02\x83\x9e\x96P\xd9[sY^/\x94\x90\x0b\x9f\x84\x00\xea\x06\xa0\\Z\xfa\x11\xa1\xb0r|\xce\xd34R\x0fM\xbb\xd4\xcb\xb1\x89\x0ftL\xedy\x9cxG\x83!\xde\x15[;\xf1n2!\xe7=\x85\xb5X!\xa4\xbd\xa4\x9eX\x84:z\xd2v\xb0\x1cj\xcf7\xecb\xfbA\xf0g\x99\xea|%w\xd3\xd5\n\xab\xa4K\x11r\x00\x97D\x8b\xf9\x1d\xe7\xe5\xce\x86\x85KC\xeb*&gt;\x965\x91\x9f\xd8\x1bO\xc3\xd0\x17\x0f\x05\xde\x99\xfe\xfb\xf4J\x1bQ\x07\xb0=\x81\x01\x97\xebj\xaf\xf7\x12l\x10\xaa)\xc1\x1d\x1f3r\x803\xb7i\xcb\x97\x16gS\x83\xf2\x8d\x12\xa4\xe5@\xb7L\x9e\x03\x8fbkw7\xb4\xd4\x18\x1d\xc8\xfe\x08l\x01f&gt;[^\xcb\xee\x8cA*\xc1$\xb2\xdc1\xb5\xc7\x16\xa5\xc0\xa2\xbc\xd5FJ\x1f\x9e\x9f\x93%\t\xf6\xecm6\xd7p)\x85Q;;\xd7}t\xd0]J\x00\xb4\x08_\xae\xde"8\\OY\x97\xc8\xd96M\x80\x94\x0f\x8d,\xfb\xc6\xd2\xd4\x90\x02\xe2\x05b\tB\x11\xef\xb7\x8d\xb7\xac\x1f\xcc\xb6&lt;B.\xbd\xad\xccV\x05\x1f\xee\xd0\x93\x1b\x8f\xd6\x1a\xcb&lt;T9\x92g\xea\xd3\x9b9\xb4hH\x8d\xceK[\xdf\xbe\xc27&lt;\xc0\xb9r\xa7\x90\x04\x02\xfc\x159\xd9$u\\%\xc4[BF$\xe7v\x1c#/.g\xb1\xf4\x1e\x98$\xd9\x12\xcc:\xd1M\xc2Y\x12\xb9F\xbc\xee\\\x12U]\xa3Q\xc2\xb8\xee\x17\x19\xe7\xb2I\xb3\xe8\xb0\x01\x18\xf6\x1eE\x185\xbc0\xc7\xe4i\x04\xfd\xa3#!\x19b\xf1\x93\xaeas\x97\x82\x88\x00gH\x15=\x1d5D\x13\x0f\x95\xe8}\xaf\xcf\xba\x84\xf11\xac\xea\xf9\xcc\xa7\x98\x8e!6@\xe9\xb3UJ\x8cp\xd4\x01zR\xf9\xfe#\x92+f\xea\x99Yb\xb7j\xff\x1fKl\x02\x93\xd2P\x9f\x1d\x175RWx\x03\xe0\xder\xfb\xc5\xc8q(=/f\xb6Mm\xb8e\x98#\x1b\xe8&amp;\xb1\xfcFl\xd4$\xa9\x0fW\x98\xbe\x83T\xed\xad\x87m\xcc\x82D\xc6L\xa7P\xf9 \xd2\x1d\x80\x80GdYK\x1fK\xb3\xf2{\xbc\x05\xed\x9a#13!\x9b$C\xdfR\x14\xce\x81rl\x13\xa8\xe7\x8a\x86\x0e\xa8\xdd\xaa2\xc3\xc1\xd1\x19=\xe9\xc5\x1f\x02&lt;;U\xf8\xac\xc2e\x99/{a\x1a,v\x7f:{8\xcb;\xbe\xa3.\r\xbd[z\xb5g\xf7\x99\xed\xa1A\x9d\x94\xb0\xdeX\x815t\xa2\xf5I[,\xc4*\x92\x04\xc6\xaa=J\x12\xba;0\xc8v\xdcY\xac\x01{\xdd\xfelb\r\x9av\xd3\xc6g\xa5\xd3\xca\xfe~JoZ\xb7\xc4\xd8\xeb\xeb!\xf8kp\xd4\x83Y^\x99\xdeP\x10\xcaH\t\xf7\x8b\x8d\xde\x0c\x01.]U\xae!\xc1$u1\x8f\x1d|\xd8\x11\x11\xffE\xaf\xe6}{\x15-\xd6h}\xfe\x1c\xd3\x99\xc1:"W\xa0\xd0\xc9\xce\x01v\x95\x86:\x97&amp;\xd7\xf4\xd1\x82\xafeQ\x98\x0ea\xf3\xc6}\xb2\xce\xd7\xd5\xd4\xa3\xdbM\x98\x07\xa1o\xf3\x10\xf1\xc4\xcaek\'\x8b\xa2\xee\x7f\xd8\xc6\x1b\xd4k\x84\x95\xf3\x819\\\xbc\x1b"O`\x9a&amp;\xfd\xd4\xd5&gt;\x15&amp;\xac\x9a\x94Px\xa7\xd9j[\x98i\xcb\xb1\xc8L{\x00\x87\xd2\xea\xca\x89\x88\x00g/\xecd\xfa\xca\x99@es\x8a\xc2!\xb6\xc0\xd3)N\xe1\xb0L\xabR1\x8ay\x04x\xb8\xab\x1f\xeb\xa5Xq\xaf\xbc\xdb\xcf;\x1c\x12\x9e_O{\xf6a\x18\x02 \xdc\x0e\xc3w\xb42D\x01\xf8\x0eSWJ\xa7\xb5\xaa\xe1\xcc3\xc2\x06k\xdde\x03@\x99\x9a\'X\t\xc2@\xd8Y\xd5\xefP\xf8S\xe6\x8bO\xa9-\x1e\x1d\xd9\x1e\x1f\x11I\xa9\xa5\xfd\x06`&lt;[\xf4\xd5^\xf5\xd4rxZ\xc0\xf5\xd6]R\xbb\xb2J\xd2AY\x85x\xba\x84.\xad\x9a\xda\xb6f\xe4\x9dfx\xfa\xbd\xab\xffI\x86}\xc2\xd3g\xb7\xff\xe1\x0f\xed\xeb\xe1\xb3\xca\xc7\xcd\x1d\'^\xea\xeb#P\xc3GF\xb6\xea?\x1ez\x03\x90o\xedW\xcfm\x98\x03.\x86\xbd\xffw\xe1\x96\xa3\xf7\xa3bD\x1a0[-"\x99R\x99\xbf\x8e&amp;9\x8d\xd5\t,d\xf3_\x9a\xdf"\xe2\x9f\xc4\x1e7/\x1b\xef]\xc4\xeb\xb4\xca\x89;\r{~.\xe8\xd1W\xe1\xb9.M\x19\xf4\x8b\xbc\xdehm\x00\x06u\xf5\xc1\xe3\xa6K{\xa7\xf6$*\x04@\xb8\x92q\xfd\r\xf4\x0bV\x83:A\x8f-!\xc0\x15\x88\xfdL\xadN{\xd8\x08\x9d0\xd4\x06 L\xaa\xfb\xac`R\xadbB\xf2\x10e\xa1\xa0i\x94;d\xab\x81Ck\r\xb2\x13\n%\xceW+\x03\xf2\xd1\xe3^~\'\x8c"\xf1\x81\xf0\xf51\x05\x13\xea\x83\xa8\x1e`T\xe8\x9d\xec\xc6VyQ\x01\xce\x84G\x8f\x80\xda\xa7o9\x86N\x05S\xa4\xed\x85}&lt;\\\x7f\xc8\x04\x85\x0c\x94\x8d\xdab\x9e\x17\xec\xc3\x85bN\x04\xfb\xd7\xee\x96\x8cl\x8d\x1ey2\xe2\xd2\x88\xb3\xb3\x89\xcc\xa8\xce2]&amp;~I\x96\xafu2*\x04D\xb8\xe2\xf8k\xcd\xcc\x9f\xa7\xac\xd1\\\xd0S\xea\x81\xbc2\xa0b\xd9\xa0\xc8T\xde\xc7ha\x81(U]\xf5\n\xbd\xd0w\xdb\xe5\x0b&lt;\xd7\x04\xffme}\xa2 \r6\x00\x86\xb4\x05}QE\xe5RlY\x179\x9fd(\x1f79\xea\xb5\x8a5\xf6\xf2\xbd\xb1\xfe\xa0\xeb \xbad\t\xc6o\xf8\xf5S\xd1\xa5\xf9\xc6\xbcr\xda\xd1\xa1\xf6\xc3\'}"%8\xbb\x1eQa\xb4|\xaf\x12\x9c\xd1\xec\xb6\xec\xf2\xd7RH\xdd\xdc\xe1\x1f\xd6\xff\\\xdf\xb0\xf4:\x87\xf2\xbd\xae\xbd\xa5\x97\x01/h Y\x1b\xf4\xb00\xf3=\xe7\xb5-\x04\x9a\xc7\x8a\'\xe8\xee\x11[\xa8\x83Uv\x13\xd7\xf8-\xce\xce\x96\xe6\x8fF\xf8\x83\xb4\x82^\xbf\xccyd\xceP\x89Z\x92 \xc0{\xf8\x86\xe0e/\xedu\x01\x00`\x97\xde\xfc\xefH\x03\x04+\x80=\xb7+\xbb\xef\x99\x1c;\xda\xc4\x9a_6\xcc~\xa8\xa5\xef\x8c\xa2\x99S\x06\xae\xa0)\xcd\x19aZk\xdb\x92vZ\xf4o,/\xde\x1b\x11\xe0\xad\xfe\x0e&amp;\xf9\x83\xf6\xb9\xcct\xf8|\x19s\xcc\xd1\xe57\xc8\t5E\xe3\xf8\x93&amp;"\xdc|e\xda\xeb\x85\xbdj\xe9\xd5Hg\x88&amp;\xe70N\xcd\x8a\xcc\x17Ye\x8cH\xa6W\\\xe6\xd0\xad&lt;KhN&lt;\x96y\x1a%\x1d\xea\x17\xe4BF\x9b\xfb-\xd7\x1c\xffC;\x02\x1c+\xe2\x14\xba\x1c\xce\x9dx\xfbqTEJ\x9bd\xc3\xf0\x8c\x91\x1e;\xda\xc4\x1a}\x82*g\xd8l\xbcK\x7f\x1e\xafp\xc0g\xf2X\x91\xcdC\xd2.\x7f\x18\xe9\x0c"\xfc\xfe^\xfe\xa0Z\x90\xa6\xbaC\xb4\xe1\xd6I\x1ak6\xf2N\x15\x89\x1d\x19\xad\x10\xca\xe58Ib5\x1c\xab\r\xd9:t~N\xb7\xae~(r\xfa\x02\xa0m-u\xec\xe74\xc4\xeb&lt;r\x8eV\x1a\tl\x04bY\xa8\x15\xe5\xc5C\x9f\x8f\x1f&amp;\x14\x86\xe6\xb8%\xfb\x9ek\x8bp4\x99\xcfb\x8d\xdd\xbf+\xcb\xb5\xcd\xb5\r\x0b#\xf7\xc6/\xd1\x1d\x8aeh\xa2\xe4\x94\xa5\xcc\x88\t\r\xba\xca\x97\xc1\xef\xf5\xda\xd9\xdb\xe1\xffb;\x01\xff\x05\xb6\xd7\xc4\xaf\x8c\t_\t|\x9by\xf2Wi\x9c\xbc\x14C\xed\xb2\xbc\xb7\xcc\x81=\xd3!\x08\x16\xff\xd0|\n\xbf&gt;\xfe\xbd\xa6\x0cr\x17wY\x11D5\xae\x92\x82^\xfap4\x99\xc2&amp;\xe1\xb9-PI\x980]#\x92\xd0\x07\x86`\xda;\xc1+B\xc8\x13\x1d\xcaj\xfa\x12\xd5\xf2\xba\xe3\xfe\x8c\x95\xe5\xda\x86$\xdeZ!id\xe3\x1eH\x03\x01&lt;J\xfe\x9b\xaaC%5\xa8 I\x17\xec\x89\xd8f\x86\xf3\xcb\xb1\xce\xbc\xb9\xfc\x81T\xafi\xedV\x00\x00\xf0tU\x00k\xe7_\x05K\x1b\xeb\xda\x008\xea\xfbh\x93\x02\xa92\xf4\x83\x1f\x18\xd4I\x89+^\xcb\xf6f\x0b\xf9)D\x80\xab\xd1\x1a=\xbe\xaa$5:\xa7K\xd1utatJ\xab\x7fD\x84\x7f\xe8sO\xf6d\xc4\x9f3s\xccV\xcd\xfd\xc1\x84k\x96p\xe3\xcc\x94\xda\x8b\xb1\xa8dd\xee\xdaQ\x8cV&lt;\xd5\xe1v\xea\x885F\xb7\xfbDk\xbe\xc4A\xdf\x95r\xb3N\xdb\xd5\xf4\xceC\xa3\x100\xb3\xb8\x8a\xbc\x17\xbc\xc2uH\xec\xe1z\xe3,GU\x19R=\x9at\xa5\xd2\xe1\x9f\xb1H\xe9\x1b\xa7n\xe7\xda4\xd33W\x8eG\xb7\xbb\xb1\x99\x15\xd9\x18\xc65\x86\xcf\xee\x81M\xa0E\x92\xe7\xf2\xf6\\\x9d!\xa2\x930:\xa9\x9e\xf6n\xde\x81sB\xe7(\xa4\xc5n\xc4\xe4\xc7E\xec8\xb8\xbc\x92\xee\xde\xb5\xeb\x15-g\xf4\xb8\xbf\xcf\xfe\xbd\x13\xaa\xf2\x95D\x88\xe9\x85Q\xce\xd0\xea\xc7&lt;\xfcc\xad\xd1q\x8a)R\xfe\xffG\xe98\xac\xd8jK\x8f\xca\x7f\xc7\x81\xfaEs\x0f&amp;\xafKU\xdfi\x82.|z\x95\xdc-T\xd2@\x9d^\x12t\x18\xd7\xe2\xc2\x15%\xe1\xedV\xcbV+\xf7/A\xd8\nZ$\xbdx(U\x98N{\x82\xed\xc3%\x8e\xdd\xf2\xb0\xb0\xe6X\x88\xf0K\x08p\xf1\xa5`\xaa\x93J\x8d\x0c\x8d\x16\xbc\xc3\x19\x03\xab\xd3\xf1\x8dX]\xd5\xdd\x88={P\xd5\xcc\x88\xcf\x8aT\xd9\x00\x8cY\x11\x12DJr\x8d6\x81"\x19\xb2_\x93\x85\xf7w\xc8g\xc3\x95\x03Q\x1dS\x17xQ\x1d\xaa~\x86\x12\xb6\x03"\xdcly|b\xb0\x88\xbc%"a\x14[D\xdbK\xd5\xe9\xd6\xae\xfe]\xf7\xf79\xe6e\x0e\x84\x08\x88\x1fG\xea!e\xc6\x80\xce\xb1\xab\r\xb7\x0c\xa58\xe3\x98\xd5R?\xe2\xdah\xa0\xa8J1\xb3\xfd*\xf3\x15\n\x88\x88\xf8\x1c\xa2\xa1\x0eV\xa3$\xec^\x00\x00\x9e\x97\xb2L\xee\r\x00\x9fS#\xc0-\x8a;\xf1\xf5|((/2\xccJ\x85\xf1/\x1fz~\xaeG\xd3?41\'&amp;\xc9\x14\x1b\xa4^\x05\xa0\x87&lt;1\x1d?\xa5\x9e\x1c\xce.F\r\x9d\xdcs\xc7\x85C4\x84w&gt;\xc9\x90\x17\n\xadV\x8e\x9d\x066\xb4\xdbfU\xcb\xa5{\x0c\xaa\x82\xae\xe7\xfd\xf6b&lt;\xb2\xad$N\x0e\x7f\x98\xac\xb4\x13\xb8\x1b\x83$Eb\x18\xd5[\xaf\xc7\xe7\xcc\xdbM\xfey\x05\xe6\x1bnX$%w\x87\x06O[\xa2J\xa6\xfeo\x95(\xe4\xf9\xb2\xa3}\xc3P\xff\xe7\xf3\xa0\xe3l\xd5\x00 K\tsVj\xe0b\xd3Wt\x8c\xb4\xc5\x15VL\xdd\n\xe0h6\x00\x05\x85\xb2?j\x90\xfb\xac\xb4\x01\xc8M$lX\x1b\x00\xef\x85\xd6+w\x0b\x17\x13e)Y\xeb%\xbb\x87!\xe8p\x17\xde\xb6jk\x8f\xd7O\xab\x7f\xce\xb2\xac\xd5l\x83nu\x86J\x7fw\x00[=\xc8\xf3\xc2\xbcP\xf9\xd0\xb9\x0f5\xad\x14O\xaa\xbaN\n\xc3oN\xea4\xbc\x89\xdc\xacm\x8e\x1e2r"\xc2/d\xe9-G\xdb\xc9(\xcbzO\xfb\r\x80\xb3E[g\x0c*\x08\xe5T9\xbc)\xcf\xb2\x85U\xa0\xda\x13y@g\x0e{\x9a\xf3\xc2r\xa5\x91k\xe8P\xbb\xac\x91?\xa9\x08\xcfPg\'\x8a\xe1]V\xbd\xc3\xcc=[\xb1r\x9aa\x96\xda\x9d\xf2\xee\x17-1^\xb4\xfcb\x98(\x93\xe5\xab\xe6g/\x93o\x88\x825\x9d[\xfdj%\xdb\xf8~\xcc\xeaT\x05Z&amp;:\x84\xad\x96\xaf\xac\xe6\xb9\x0cJ\xae\xa2\x13k\x8d\x10\x11oT\xba\x01 N\x16\x01\xfe\xa8,\xbe\x1d-\x19Q]\x0b\\u\x15\x8e\x88\x88or\xcav*\x92\xcc#D\x00\xe18\xe1\xf7\rr\x11\xf6[\xa4\xc3\xe06\xdc\xca1\xe2\x14;\x1c\x92\x95\rf\x15\x02\xc4\xdd\x8eY=d\xd7C\x87\x86O-\x8b\x8c\xcck\xf4\x07\x88\x88\xffR\xd4\xdb\xc7\xf5\xe7\x85F\xe6|\xd6+\xf5\x04\xf6\xd9\xb0k\xc4\xe9u\x87\x8dr\xa4Ruh\xa7\x18\xfe\x85\xf3\xad)\x02\\\x88&gt;x\xd5#\x0f\x9f\x84\xb3\xf6L}\x02\x04\xb6\xc4\xbe\x91\x02a3UnVV\xf0\xc9Q+~\x92c\xaf\xd5\xcb\xacmr\x00_v\x0b\x05\xd1\xfbhI\xf5\xdc\xf2DIg?J\xe2\xdf;\x17\x84:\x84\xcd}9\xb7Hw*\xd2\xe8V\x86+\xea\x84S\xb4\xe0\x88\xe7v\x04\x0b\x97r\x8a\xa5r\x97V\xf1U\xd0\xaf\xa7\xe6\x1bw/\xca5\x8c\x07\xba\xc5\x1d\xa5-\xbaOxI\xae\x07\xf6vr\xd2\xc1\xbaN\xa5\xbe\xee5\xb9\xc7\x1f\xaa\xfct\xfb$\xcb\xa4l\x00\xe0\x8f\x132z\xd1\xb8?\x90\xbd{\xf9\x03\xdae\xe1\xfe\xcdzQ\xb1\xf34\xa9\x82\xdeQ\xa2"\x0c\xfe\xba\x15,\xab\xe6H4i\xcd\x0bF\x94\xc8F\xe5qZ\xa2\xdc\xaa\xd2\xf6VtQ\xe5g\xe1\x88\xb9\x11:\xffX\xac\x86\x11\xf8\x00\xbe\xbbl\x03\x98\x1e\xb9\xb12\\Q/\x1c"\xf1\x12N\xc0\x8b2\xad\x12J\xb9.\xf8\xae\xafsT\x0e\x11\xa3\x8b\xe5\xeb\x96\xb9\x9e#\x83\x04\xc9u\x85\xbc\xda\xf9\xaek\xfb\xcak\'\x03\x9a\\\x1e\xaf\xf6\x1b\x98e\x00\xaab\xb5\xf8@\xd2F\xa2E\xe5\x94&gt;\x1cF;\xca\xca\xea\x8e@\xf2\xfd\xba\x02i+\xc8\x98\x0b\x1a\x83p[\xca\xb1\x88\xea\x14\xd9\xa9*\xd3\x1aK\x93c\xea\xf3\x96\xa3\x83\x80\x08\'&amp;\xc4\x19\xb2\xde\x96t\xd3%\xdfy`\x15\x83V\t\x08G\x81^`Ej,\xddtf\x0f\xe1\xb0$5\xc0U{\x0c4?\x80Vc\x99\xb2\xeb\x00\xd5\xae\xc0T-!"\xc0]\xe6\xb7\x02\x03\xc0%I\xab\x0c\x01\x15\x95\xa4\x9fRH\xe71\x1e\xf1\xb4\xb4\xad\x96\xfe\xdc\xd3\xa9\x94-\x9c}\xee\xc7\xfaP\x85\xe1L\x134\xde\xd3}\xd388\xf8H\x9a\x12\xaa\xe7!\xf6=\xde\xa80\x1d\xc1\xe4\xb6\xd2\xce/\xc8MV\x87\xe5\x14\x7f\x926\x0b%\n\xe5\x0f\x9e\xd3\xb6\x88\x01W\xca&lt;\xbe\tk5\x16\xea\xcf\xe5\xbc^\xd9\x00T2\xd7kT[\xd0\xa8\x1b~x\t\xbc\xa6M\x0e\xb8\xdcBM\xf4\xf2(t\xa1\xed\x0cE\x11\xcd-\x05\x8bK\xfc\x9d\xe7\xf5\x7f\xe2\x13\x98\x11#\xd0\xfc\x15\xc0Y\x80P\x88\xab\x17x\x17\xf1\x07\xd1\xa6`\xfa\xa3\xa9\x8e\x82s\xee\x08\xf7\xc2w\xf0\x1b\x03\x02\xfc\xad\xebE\x92\x98\xae+}\xee\xa0\x1e\xbb2\x13\xb4\x96\x1b\xab\xd7\x01\x14\x9e\x93Ym\x99\xd3a\xbd\xe4mp\xe6\xfaCT\'?\xf6\xb2\x85\x17\xad\xc3\x92\xf6\xa5\x02\x84P\xbe\x0b!q\xb2\xc5\t\xaeu\xeceJ\xc7\xec\x18\xd1/\xa2\xd5\xe0\xbb\x8e\xd7\x173\x9e\xff\x9b\xd2\x9c\n\x8f\xbfX\xb2!\xfeCb\x9fW\x94\xbb\x01\x1b"u!\xcdR2}\x08\x06\xd3a\xce\x1f\x8e\xac\x7f\xe8\xb98\x04W`\x995q\xee\xe7\x064/\xd6\x15hv\x1e,\xe96\xcfO\xf9\xe7\x8e\xc8\x1f\xfb\xac\xde2\x87Xr\x1bu N\x94g\xc6\xfe50\xd0\xd5\x00\x00\xe0|\x00\xaf\xe7\x19\xb5\x8ao\xd67\xf8\r\xf8\xd4\xe3\xf3b\xa3+\xbc\\\xa5\xfb\x06\xa0t\xf8z=\xa7\x86\xdf\x83J\xff\xa6\xd9V\xd65:y\xdc\xd9\x06\xfe\x8eg\x05o\x01\xf0K\xcea\x8c\x88\x9a\x1d7\xfc\xb3\x9b7\x18\xde\xf0[^K\x1c\x9a\x9f\x9cyz\x02\xf0`\x87\x84\x19\xb1\xe8\x18\xab\x82\x8d\xe082L[H_\xe1\x986h)\x98#F\xa8?\xcf\x06\x80r\xbb\xa3\xb1\x1b\xa8\xf2\x94|\xf0\xc8\xa7\xc0\xc7\xb9\x93\xf4Q\xa1j\xd8z\x8bw\xc5m\xdd\xde:g\x03\xb0\x1c&gt;\xa1\xbby\xb3uT\xf5\x93\x99b\'9\xff\xd4\xde\xb8\x1a\x13)\x9e\x94\xfb&lt;\xef\xb7\xb1\xd0\xb9VD\xe6\x04\x1d1\x02\x11\xe0}\xa9\xcd\xf84\\\xde\xcf/3H\xd1\x15\xb2V\xd5(\xe1\x8b6\xbf\x99\xa1\xd2\xc3\xe8\x7fCl\xc8\x99h\x9ad\xab\xa4s7\xbbuX&lt;\x04\xf8QJ\x1f\xd9C\x17\to\xf5x\x04\xb1q{8BC\xce\xe6\xaf\x7fQ\xd8Z\x8c%\xaa\x1a\x836W\x85\x1a\xdfs\xfd\xd9\x8c\xb9\xbf\xa2\xbf\xfd\x14;4G3\x8a\xbe3\x19\x17\xe2\\\x1aI\xe3\xb0\x9f97k/\x06\xa4:\\O\xd8\x00\xb4\xbao\xab~\xeat\xfe!\xd6d\xff\x7f\x9aS;*\x03\xe7\xaf\x05[\x8ek:D1-_p\xf093B\xd0\r\xac\xfc\xf0\xa2\x127\x8e_2\x06~\xb3\xa4\x1a\xedr\xd9\xf9\xd5\xb8\xbd\xffw\x0epxV\x82t\x143P\x07\xcdu75\x1d\xa7\x1aa\x1es\xcfO\xccl\xefV\xe9$\xf9I\xfbw\x1f\x9c-_`\xdc\xe2hf\xe7\xa3\xf7\x96\x8a%\xb4\xe6\x9d\xce\xc2"\x95\x11R\xa3\x1a\xb6Z\x0e\xe7\xa8\xd8\x9a\xa7\xb1\xc2\xe1\xac\xb4\x1d\xbb\x80\xa0g=\x04\x0fL[\xb3\xa1ao\x00\x14\xa3\xd2\xd3\xb3\xb3\xb5\xf6G\xe5\xfcS{2\x93\xb8\x112l\xc0p.T63FRW.\xf8\xd9\xf9\x05}\x03\x108`K\x10f\x15\xc6\xec\xa2\x85m;\x02D\x9a[e4\xa9\xc4\xfd\xad\x84\x18f\x04{\xb8\x15\xafe\xce\x0b\xa1\xfaZ\xd1\xea\x10\x1a\xaaS\xc8\xf05\xd5~\xe6p\x01p\x81\x1ci;c\xf8B\x15\x03c\x8cf\xab\r\x8c\x02@J\xbe\x1c\x9ff\x92+\xc1\xf1\xa0\xb1\x13\x957W\xe7\x0cz\xce\xb6\x84\xbf\xbf;\xb5G\xb9D\xe2\x1e\xc0\xbe\xb2b\x04T\x87\r\xe7\xa7&amp;E\x89=\x849\xa2\x99\x95\xe1\x85\xfe\xde\x9e\xb64\xff\xc3\x80\xe4\xbf\x90#)\x01\xa3Vp\x1b\xc0\x05\xe3\xdf\xca\xaa\x1a\xe6\x075\xdbC\xe3\xca\xf9E\xcb\x80\xfdk\x17\xb1I\xd7\x10\xfd\xcbS\x1a.E\xa5\xb6\x87\xa5\x8az-y\xc0\xbc@\x01\x00\xf0\x85\xc4\xebk\x92\xa4\xb7A&gt;\xfeXI{\xf6\xf9\xe0\xb0,N\xea\x0c\x14k\x02\xb5\xb98\xaf`\x19\x86\xa3\x13\xfacf\xc2\x88&lt;HO\x99\xab[\xc2\x1e\x02+Q\xc6\xfdv\xbb\x94\xc0\xb9\x83\x0f\xcfH\xbb\xe6U5&amp;h\x14X\xc95D\x01\x9fw\xcb\xf3\x8162\x98\xa5\xbf{\xb8\xac\xba\xaa\x0b\xc1|0\xbf\xfe\x84\xf0\xa6\xcb493\xaf+m\xef\x8b\x00\xd7\x9c^\xf1o\xa5\xb4\n\xfe\xe7]\xd5&lt;\x02\x9c\xdd;\x9d\xe5\xfa\xd4T\xe7W\xc5a\x1d\xe7\xef\x16\xcb\xebG\xe7\x9bx\xabEQ\x99\x10bB\xe4\xfa,[-\xd8\xae\xf49\xba\xea5\xae\x93\x06b\x0c2S\x1f\x8b%\xecy=\xf5\t\xb4Q\xf1\x04\xd2`\x80m\xcdZ\xb2\x92\xe0A\xcb\xa9k[\xc2&gt;67\x0fz\xfe\xd8\x05\xb5a\xde\x00x\xf4iUc\r\x1f*\xa8=\xd0~4\xeb\xd7C\x16\x81ktp\n\xff\xac\x95%x\xc1@\xae\xaa\xd7\xe5\xceH\xb2\x94\xce\x84\x955\xed\r\x95G\x80\x96\xa5\xa1\xda\xc6\xfd5!\xdf2\xb7:\xb7.\x1b\xc02\x85\x87\xfbD\x82H\xad\xe9x\x97 \xea5h\xf7\x16(\xee\x80\x88\x08?d\x88\x81\xf0\x9d\x0c3\x0e\x1fs\xb8\x06Fs\xe2\xf5]\xd8\xf8\xb6\xf5\xc6\x0c\xe4\x83M\xe0\xbd\xddQO{\xf4\x92\xb4N:\xe3\xec\xd3\xd1\x0fqjL\x02\xc4\x86iX\x15\x08\xfcX\xc9[\x00(\xddd\xf7R#\x02\\0\xab\xe1\xb3b2\x1b\xd5Xu\x1a\x8e\xf55u\xee\xfbA\x1f8\xf2a\xc6p\xd1V1\x8c\xd0y\x15\xa85ele\x8d\xfa?\xd0\'U\xc8\xdf_$4{\x82x\x1a\xbb&amp;E\xec\xfd\x05\xb7\x9e\';\xbd\np\xeb\x98x;\xca\x1c(X\xc1\x1c\x11\xf1\xdb=\xab\xe4\xaa\x18F\xb2\xb1\xd9\r\xc8\n4LNU\x81gl\xb4\xceRg\xad\t\xf0\xd9&gt;g\x94\xe4\xf0\x18:\xce\xa0\x85\xd9%\xf8\x8b\x0f\xae\x0e\xa2\xab\x1c\x1d~\x9d\x8c\xab\xa8-\xadc\x17\xb3\\\x06\xfd\xcaF\xd4X\x00Y\xffZ\r\xb6\xd4\x9d\xea\x8d\x14\xa5\x1fr\xc01\xbb\xcd\x99\x02\xe1\x82C\xe7\xb1\x81h\x92L\x89\xd0xM\x97\xc4y{\xe4\xe7b\xa2RAs\x03p\x18\xf1\x19\xdb\xdc\x00\x00\xdc\xa8\xdcN\x84U\xf3o\xf6=7b\xe5\xea9\xaaw\xc4\xab$\xdf\xd1C\xd7\xe0N\xe7\x17\xcf\x15\xcd\xfc\x17"\xc0i\x86\x9f\xac\xa0\xf3\xe0\xed\x84\xce\n\x1f\xc6\xf2D\x07\xe6Q\xf8\xc8^\xc7\x01\xe3T\x17\xb3L\x0b\xd9[\xf0\x1a/f\x0eKyb\xe7\xe0\x8c\x9a\x1a\x11\xe0\x06%2\xe4M\x82p\x01oY\xec\xf8\xb3\x9a\x96E\xd9#\x1a\xef\x16\xcb\xe0\xeed\xb3\xb6J\xbe\xad\xd4\x8662\x8c\x15\xae\xbb\x82\xf0\t\xf7m\xbd\xfc\x1e\x9d\x1b\x00\xcf\x1d\xce@\'.\xb3\x1c|\xd5\xc4\xae\x8e\x89\xe2\x14\x9b\r\xcf\x1f\xfe\xac\xca\xb9\x12\x9e3\xeeO\xc1:^\xb6s\xfa4\xcb\xa3\xfdk]7\x00\xa4\',\xf7\xff\xae\xd5B\xb2\x1e\x98u\xbd_\'\x8e\r\x00G"IY\x8e\xfcA\x18\x13\x9e-*\xcd\x8cyg\xe7\x1cqM\xa1,\x83\x9a\xe1\xe2r=J\xa23\x06\xdf5\xb6\x94\x02\x1f\xb6\xe3h!\xe2S)=\x8d\xb6\x01\xb8E\xbf\xa1\x85u3H\xb8i]\x0e\xae\'k\xdeU/\xbf\xd2\xe8\xbb\x01\xf0\x0c\xdd(\xc9\x99\xa3\xe7\xa8b-F\x92\x8cU\xd6\xc7/\xe35\xa4\x8ef\x99\x85\xa9\xa5\xe7\x1d\xe4\xff\xd2\xf4n}\t\xdc5\xc7 \x01\xdc\x80\xd1ZN\xcb\xd1\t\x17\x89\xd1\xc3\xd6\xc0\xb4\x8bv\xea\xa7\xfe\xae\xd8\x1c\x0e\xbe\xd6`\xac\xff\xafN\xb7\x87\xc3{b6\xe1U\xecP\xe1\x8b\x18\xcc\x05\xc1F\xb7\x18\xe3\xc8\xb6\x9b\x89\xff~M;n\xf3\x17\x04\x99\xba\xcb/\xbf\x10\x00\xe0&amp;\x08w\xed\x17\x11\xdc!\xe9"\xfd\n\xa6\xcdC\xcf\x01F\xcep\x97\x92\x9a\xedIvY@@\x84\xd7\xa9\x95\\U\xcd\xa0\xbe^\xb9\xbd\xe0\xfc\xb4CU\xf8\xb7\x8b+\xe4SS\xa2\xb1\x0e\x9e_\xe8+\xd7TG\x03\xe3\xf5:\x06\xe6\xeb\xb3\xe9&gt;$\x8f\xd4\xccX\xd9 \xb9\x16\x08/\xaa\x06\xe4\x94\'\xf5\x17\x8b\xf2Z\xcb\xd0\x0b*tG\xf7\xa5\xce\x1b\xca\xc0\xb8y\xb1)\xbb\x92N\x1b\x85v\rY\x80\xdf\xcc\x15\xbb\xffG\x03U\xb1\xefd\xbc\xdc@6\x8f\xd2F\xd8\xdf\xd6%h*h]6\xbf\xf2-_\xda\xb8\xe6\xf0\xd5@\x13\\\xb5Z\x8b\r\x80\x11\x01\xd4\x81\xfe+\xaf\x9f\xfaa\x01\x01\x10\x9el\xdc\xac(\xe9\xad\xbc\x935p\t\x84s{7\xe1\x00wk \x82fl\x1f\x1d\\\xe1\x98\xb2Wa\xcf\xfb\x93\x1f\xa1\xf1\x95\xb5\xa1Q\x82\xd2j\x1ejy\xabW\xfe\xe5\xca\x7f\t\xcb0\xf8j\n\x9d1\n&amp;\x84\x87\xd2\x0b5v\xdb\nm\x00Rs\x18\xea\xf4\xf6\x84$\x01r\xff\x02b\xef\r\x80\xa5\xf3\xe5\x9dVR-\xb9A\xd1\xde4\xf4\xef\xb1\xe7\x03kl\\\xd6\xae\xde@\xbe\xb1}\xc2\xcc\xe9Dj\xfaD\x96\xc0\xd8&lt;\x9e8\xfch^S%\xe5\x7f\'\xb5\x93\xfa\x94\xef\x91\x96i\xd6\x94|d_\xc8\x8c\xe49k]\xc1\xb0\x07H\xb8@?M\xcf\xe8Y\xf5D\xe5\xe7i\\\xfd\xe0\xc0\xaf\x8a[ZE?Uo\xae&lt;\xfb\x9f\xc4V\x94\xfe\x85\xa3Au\xfb\xc3\xcf\x97\x008Oc!\x08\x97\x84}C{\xd7L\xd7^\xa3\xbfo\x9a\x98\xedP\x93h\xc2\xf5p5\x04\xb8}E\xb9\xfe!$\x12M\xe7\xb5\xd1\xb7O\xfb\xff\x9e\xa5\xc5\x81\xa2:b\xe2\xf4\xf9\xa5\x9ae\x98\xb3\xcb\x18Yy\xa5(\xcb\xfa\xd7\x08\xdfk\xa2I\xc3\x904\xcf\x9a\x8a\x9bAo\xd4\xd8UQN{\xf8\xf01\xd7+9\x13\xcf\x0b\xbc\x8bQ1U\xff\x03\x14\x9a\xd9\xe6\x17n\xf2R\xe7\xfe\xd6\x9co\xfdH\x9b\x97g\r\xb1\x05\x01\x00\xbei\xdaqk\xd7\xdd\x1b\xe5\x8dJz0d\x1e\xa3\x12m\x86R\xe9\xd6/p\x83\x16\xd2_\xe7\xd6\xd2\xdb\xf2\xd4\x91\xed\xc9%\x13o\xb1j\x96x\x0f{\r\xeda\xd3z\xb2\xad\r\xd4\xffU\x1fN_2\xb3\xec\x00\x00\x80\xa7\x8c\x99\xce\xbb\x94\x1a#\x157\xb9b&lt;\xdd\x9e\xc28\x93"\xa1\x84\x9a\x7f\xec+C\xec\xc4p\xe2F\xea\x95\xd4\x03x\x80\x17GGGD\xf8V\xa5\xb5SBzB\x88\x96\r\x80\x10b\xb6\xa7fI\x0e\xe0S\xc5%\xa3\xe5\x03\xdd\xcb\xd0(j\xed\xfd$\x00\x00 \x00IDAT\xac\xe2\xcd^\xdd\xff\xd4\x81\xa6\xf9\xef\xf8\xc2P\x99Z\x10\x9em\x94\xbb\xea}\xad=\xa7\xae{Sx\xc8\xd8\xeaY8\x92\xb4\x89\tf\xdb\xb4\r\x8c\x00ch\xfe\xd3\xf0\xd3\xe9\xe6\xedu\xe4\xa7\xf1\t\xe6\x1ar\x08\x8d\x95\xf0N\x97\x92\xd74\xa9\x11\x92o\xbc2\xaey`\xafn\x00\xaaj\xc3\xea&lt;{"k20\xa1&amp;\x8d\xab\x7fm\xd0\xdc\xc6\x8e\xe6\x01\x97\xdb\xbf~\xd7\xb6F\x8fp\x06\xb6-\x8a\x15\xdd\xd4=[E\xd4p\xf6\x97\xb1\x9b\x00\xd1\x8e\x00\xee\x1d\xe8\x7f\xff\xc2~FDE\x99\xb5\xbf\xb3\xd5\x9b\xebi\xc9\xd9s\xda\xc1RM2\xec\xedUU\x8b\xaa\xeeUB:\x83n\xf08p\xae\x85]\xc4P\xa7\xef_\xdc\x8a\x8b\x1e\xa9\xf9\x98\x06\xe1PBkIB\xbd\xcc\x8b\xcb)\xaa\xbb+\xc5\x90\xfe\x92o,\xefH\xb4;\x00\xfb\xcb^\xce;:86\x00U\xa3(\x02"\xfc\x9cl\x00\x047\xd7T~\xa6\xfbF_\x10\xe0v\x91+|u^\xb0\t\x00\xee\xbfi\xa7\xf5\x1e\xc0\x92$+C\xd8\xf1\x1a\x11\xf1\xd2\r\x9f;,H\x15\x17\x0fm/\xcdX9\rta\xfc\x17\xca\x88f\xe9?\x82\x19;\xcffT!\xb3\xb9f\xc5\t.\n\xac\xb8\xb1\x1ci\x99\x88\xacH\xd4T\x0c\xc7Ax\x16\xda\x1b\x80D\x8b\r\x1f\xc1\xd4 \xb3g\xba\x1d\xa6\xe6\x9ab7\x0fu\x9f\xeb\x9bj\x93x\xc0\xd4c\xfe\x17\x8a\x02\xc28\xc1y\xb6\xf3\x8a\xc2d;N\xceX\xb1Y\xf4V\xb8\xd0\x0b\xab**\xac\xe1\xe8&lt;E1\xfdT7\x8b\xba\x8d\xf2\xb1\xbc\xf4\xb4\xd4\xca-)\xe4l\x00\x8c;\x98m\xaa\xde\xbfn\xad4u:?Fj0N\x82q\xe0\xdc\x00d\xcb\xd9\xe8O\xea\xd6\xd3\xe7\xc0+u\x9c\x04\xbc{d\xb7R\xc8\x97\xf0&gt;eS\xf3\xb4\xbdJm\xa5\xc5;\x0fE\xec[\xd2+T\xae)4+\x88Ir\xec\x7f\x9c_\xab2\x06}\xb2\xe3\xfb\x97\xb0FP\xa7\xfd\xb8\xfb\xdf\xf2\x9a\x07\xde\x87\x82\x19\r\x12\x86&amp;.H\xbe\xf2\xb0\x7f{\xbe~\xfc\xdf\xb0\xf0\xfd\xf1\xf2.\x10\x11\xe0\xa4\xc8E\xef\xcf&gt;\x9bA\x80\xdb\x96\xd8F&gt;\xc1\x11\x15y\x9eYf~\xb5\x0f\xae\xf4\xc1*\x98VCsu\x8f\xdf\xbc\xe1\xe0L\x0b\xb1\xee\x12D5\xaa\x9c\xb8\xc1o\x93K\x87I\x7f\xbd!\xdc\x9f\x91U#\x99\xdd\xf5\x16\xba\xde"\xce\xbaT9#\xa5\xdd\xfa\x1c\xcfL\x85a\xe9\xb5\x01\xe8S\x84)\xc3\x83\xffy\xd3\xc16\x00tPOT\xe7\x98_\x9c\x92\xcd=\xaaKP\xac4\x9a\xe6\x8bN\xb8\xcb\xd6\xf7\x1e\xb9u\x00q\x03\x90\x9f\x05\xcbj\x94}\xc3\x0f\xe5\x8c\xc8\xea)\xab\xf5\xbe&lt;\x8eb\x9a\xbdW\xf3\x85\xea\ra\x8f0!\t\x15\x9b\xa4\x97\xc2\xf1+\x11\xf1\x1d\x0c\x9b\n4n\\\xcf\x1b\x00\xfd\x15\xdf(\x9d\xf7uF\xe8;\x12\x8f\x10\x84\x8e\xcc\x11\xe1\xf6}\xaa\xffI\x8c\xa4\x8b\xb9%\xdc\xd8\x06\xe0 \xf3#\x97\x9a\xec\x8f\xe7\xb78\x9e\t\xa1\xa64\x06\xbdU\xde\x00\x80WN\xca\x1cSK\x81\x12y2\xfa\xc8\x14\xec\x84\x1c\x9b\xaf\xa1\x8a\x0f4\xf5\xbe\xce\x05\xc7Z\xe2\x0c\xc3\xae\xbe\xd7y\'\xea\xb8|&lt;~[\x00\x97\xa0\xca/_\xa9z\xa7y\xf9R9\xcdC\x9fP$C\x01\x9a\xc0\x98t\x03s\xdf\xf0\xf35\xa5;f\xb6T\x1d\t:sP\xe8\xba\x01\xa0\xf31e\xd3B\'\xda$\x10\xfaG\xd6\x86\x03\xb4P\xdf\x0b?\x7fB\xef\x9era\x8549-\x939A\x96/gP\r\x80T\x07\xa4W\xbd\xf1\n#\xcb\xbc\xdd\xe2\xf9;\x0f\x88\x07p&gt;M\x00\xcaZ\xd7\x89\x1by\x1a\xee\x05\x83O!"\xc0)\xd8$\xe2\x87a\x95;\xa6\x98\xfd\xb8O_b\xe0\xe1\x1f\xb7\x0bS|\xdc\xd3\x90\xac\x96\x0byeF\xe5\xbf\xfe\x91Ft\xab\x82\xe7\x15\xaf\x88\x88\x08\x97\x1aj:}P\xfc\xeb\xb9ym\x9d/\xfb\x8c\xed\xd0\xe4\xe7E\xf3\xebG\xafi\xce\xda[\x9c\x00\x88\x89\xc5%%\xebt\xccL\xbc\xa0\x85\xfdNy\xe7\xfeH\xfdw\xd9\x9d\xa7\x8c?\x89q\x90\xe4\xd7\xb9\xfaV2(\xe9 0!\x8f*M\xc2Kp\x93\x9a\xb99}\xf5\x83\xb5\x0e\xe2\xf4\x95\xe4\xfc\x02[f\xac\x0eA:\x17lU\xe2\x14\xc6\x8d\xe5\xd4\x96M\xa2*,\x0b\xa1I\xfbciz\xee5SW\xd6\xc8\xd8\x00\x90\x07\xcbp4j\x13#\xfae\xb0o\xfb\xd2\xac\xb6\x032\xdaf\x86\x87X\xaa\xf56\xd1M\x9dj\'\xcaph\xbc\xcc(\xa102\xed&gt;5\x98\x83V?\xa5\x08\x19\xad\xba\xb4:cP\xaeB\x13\xcf\xac\x91\xf5\xd3\xdc\xa29\x9a\xdd\xb2C:\xb8\xb2\x02\\\xd9\x88\x0eu\x01\xad,H\x13\xc05\x8a\xaf\xab\x81}P\xa3\xae\x9c\x01K\xa67\xaf\'\xde&lt;\xcez\xd6\xcb\xe0\xd5\xa9\r\x14\xbf[\x1c0]\xcf\xdd\xd5\xa5K^)\xe5\xe5tK\xbd~\xd2\xf9\x1f\x0e\x9e\xb38 n\xf57\x89\x91\xef.Bo\xa0\xe7\xc7\x04\xbbJO\xac[U\xbe0\x1c\xf9\xf1:\x18(\xa7\x14&gt;\xf2\xe6\x07\x80([\xb0l**\x9d\x83%l\x0b&lt;\xa3\x17/\x9c{^\xcc\x85]@{\xad\xea\xd4\xb7\xd7\x1f\x85\x93\xc2\r\x004R,;\x8d\xa2P\x86&gt;\x15\xa7\xb0\xa2\xcap\x9c\x82\xddy\xab&lt;\xfa\xaf\x0c\x92\xb2\xf4\xfa\x1e\xe6\x03\x03\xea\xbf\x94\xfa\xb9\xa6\x97\xd2\xf0F\xe4[=v\x14\xa4\xb5\xca\x97m\xec\x12H\x10\xf2\xf9jo\x01J\xa0f \xa3`\xcaJ\xf3\xf1\x9e\xfd\x91\xa8f\xf8PGW\x8e\xea\'y\xce\x14hI\xef}\xffL\xcb2\x8a{\xa6\xafO\x9ci\xa0\x96mS?\xd5\x88\xec\xff\xce\xdd\xa1\x86k\x03\x90\xd9\x13\xa7X\\xw5\xefj$p\xa6J\xff\x9e_\x92*p\xff\xcd\xda\xcc@:\xb7"4\xcf\xb4\xf3\xd2 _\xbf\xd4\x8e\x8b\xa0=\xb2\xa2\xcb4\xa8\xff\xe6\x92:)muF\xd9iw4\x15A8J\x08\xfe\x8f\xe0\xb8\t\xd8\xe2\x0c[\x97\xa1^hp\t@\xcd\x13\xd3v\xe8p\xe5C}\xd7\xd8\xe7.j\xb1\xae\xa7\xf3\x84{2Wq\x94\xb3z\xce[\x1f\xcfOm\x90Tdxt\xb5\x11\x06\xa8\xbaFc\x9c\xfa\x86\x0bu}I6\x9cW\xe7\x15:HwS\x9c}|\xcfU\x11\xcf\\$\xd2\xe0V\x94\x1c\xd0\xfaF\t{\xf4\xad\xc6dAX5Z\xf1\x1a\xbb6\xf9L\xcb\xaa_\xdb\xe3*\x07\x9fH\x94\x87^M:o\xbc\x1e\xce\xa5\xae\xae\x7f\xb8\xca\xdf\xa1\xf2\x8a\x96\xd1\x1f\xa3Kr\\\xa4\xceZ[\x82\xcd\xa5\x9cI\x1bo\xec-H\x94%\xb0T\xeb\xbcs\x95\xa3\xc3 \x069\xda8\xda5\xde\x08!"\x9c\x98\xbc\xe5`\\\xafEQ\x8a\xa7\x17\x0c\xd1\xd6\x8a\xf2\x1f\xa5\x9b\x7f\x1e\x1a\xff\x06@\x10\x84\x81@\xfd_\xf0\xd2\xbd\x0f\x7f+\xc5\x8d\xcfPw\x03\x80\x88\x00\xa7\xcbjGL\x99\xf4|\xbcL\xf3u\xa8\xea\x13O\xad\x0e\xf4i\xb565\x1bG\x87\x18?\xf4\xb3\x93l9hr\x84J\x1b\x83\x83\xfe\xbfT1\xf1\x8f\xb3\xb8\x0c\x928#\xc3\x88d\xb9U\x9d,\xa0\x86S\xfa\xed\xeb\xde\x1a\xd6\x12\x04\x9d\x93\xeaK\x8e\x9e\x9f\x05a,Z\x84\xfe#\xd8\xb3"\xfc\xabz\x07 v\xcem^\x13\r\xe8\xb7\xad\xb8\x01(*\xefj\xd8\x8f2SM6Scvm\x9a\xa1\x9f\xed\x1ag\xa1\xa9X\x1b\x80\xe1\x145\x9a&lt;\xd5\xb8\xb5\xdbC\x87\\\x94B\x10&gt;J,=\xdf\xcb?t%\xcc\xb8\xed\x0cn\xa9\x9d1Kkm\x00VA\xde\x06\xa0:\xdb\xcd)\xc2\xa6h\x94\xd7\xb7u|\xe8\x9c\xc8r\x17\x95\x16\x9d\xb5\xb3mZ\xab;\xa7\xf4o\xf0=K\xec7,\xa2\x14m\x00\xe8\\&gt;\xf1\xfa\x88Hfy\x9aK\x95=\xd5(\x14\xcd\xcb\xa3\xe1-\xf9\xf2\x1a\xd9\xde\xe1\xa2&gt;#\xda\x1dE\xee\xb4\xb5\xb7\xf0_\xf4H\x15\xe57\xa3\xfd\xb3.V\x8du\xdfKx\xff\n=We-\xe1h-r\nGD`\xc7\xcfh\xaf_Yg\x8d\x95*p\xe6q)\xad\x84=l\x18\xf4\x82,E\xc2w\xfb.\xbeS\x93\xd5AD\xfc\xb1\xe5\x84\xa9|8\xa3:\xdd\xfc\x06\xe0\xcfj\x0f\xe0Q\xa6\xe3\x95\x82A\x9e\xbe\x06U\x8f\xcc\xec\xf8\x83\x9e}f\xa0\x1aX0\xb2]Vm\xe4\x9f\xfe\xf5\nd\xc8\xd6\'C@+\xed\x04Y\xacb\x0b\x165"\xc5yJ8rVd:\xb6\xa8\xcc\xa75Cj\xc3\xfc\xcbV\xe4v\xf1\xe9\xcc\x1d\x16T\xbd\x81EyWY`\xa2\x9e\xd8\xa1s\x03\x909\xb4q\xbf%?s+=\x1cn\xc8\x8ch]\xa4-\xa5*y\xda,,\xbb\xfaz\x9e\x98B-\xbe\xb9\x1c\x01\x0cj\xa2\xb9\xd8\xc1\rnN9\r\xf1\xf5\x94zs\xa0&lt;\x8cx\xa2\xf1U8S@\x84\x0b\x19\xfe\x9b?\x91"1\x04/\xe5\xa9\xca\xdd-ko\xc2\xa8xL\xe7\xaf\xab%\x83\x81O\x11\xc6\xddI\xd7Z\x0b\xbdH\x9d\x92\\\x82\x12*j\x8c\xd6\xb3[\xda\xac\x9d\x8c\xd2\'\xe0\x039B*"\xc2O\xb0\xe9\x87[\xd5\xd1\t"\xfc-\x02\xe2\xfb\x0f&amp;\xf1\x89\xacA\x92v\x95cz\xdf\x80  \xc2\xa7\x19\xd45\xbb\xff\xf66\x003\x1c\xfby\x08\xde\xd6\x0e\x0f\x9b?\xae\xcbq&lt;\xf1\xf9\x8a\xf6\x8b\'\xb1\x94\x86\xd6\x1e\xfe\xee%\xbdm\x88\xa1&lt;\x05\xe1B{\xc3\xb8l\xfcZ_\x17\x93\xb5\x14\xa4Natnm\xac\xaeu\xb0q\xb3\xe9\xe5*F0\xb6m\x8d,[\x15\xf4\xc8\xbe\xbc\x9c\xd4A\xe5\xcdI\xfcJw\xcb\xa1-\xed@X{\xfb)\\o?\x91W\xec\xa7s\x8f\xfd;\xc4\xee\xcb\x96\xe6\xab\x1c\xb7\xfe\xe9&lt;\xaf\xc9(\xe3C\xd26\xb7yO\xfe\xb2\xa9OU-\xf4\x88\x06\x08\x97\xe2W\xa6o"\xae\x17yc\xe0l\x1e\xb5\xa9\x97S8\xa9`Qy)\xf8\xc0\xc7\x03\xbb\xcd\x7f%\xe9\xd3\xda\xe9\t[D_]\xffb#\xc2\xcf\x8f\xb5\x01P\xdab\xb5\xd2\xe4\xc8\xec^s\xf8\x9c\xb9\'\xae\xe6&gt;\x85\x9c\x9a.Z\x9eH\xfd\xa2XZ\x8e\x9c\x84|\x88\xfa\x82\xf1\xae\xb2:\x8b\xdb&amp;\xc8#\x8c\x0e\x02,\x8b\xddd\xc9\xbc7\xcd\\o\x8diB+\xa8\x11\xd3\xc1\x7f\x8c\x18@ \xac\xade\xe1\xa2\xac\xa3\xfa,\xcc/\xb1\xe6\xe9=/w\xef\xdd\'b\xfa\xcf\x87\x93\xfe\xbb\xbb\xd2\xcd\xc0\x8fB\x08\xbc\xb4\xab\x93\xe6!\xbeSr?\xd4\xaa\xae\xc4L\x9d\x10\xd7\x14A+2\xab+3\xb9\xc4)\xd8\x00\x0co\x1b\x9a\xf2\xad*\xf0pM\xe1\xf6l\xa3\xfc\x96+\x14\xcc\xb4Q\x14\xdb(h\xc1\xd5s9/\x1fO\xa4\x89\x96"\xb9j\xeb\x1b\xf6\xb8\xed\xb9\xd6h\xb0.iM\xe6\xb2\xd8\xf1\xe2@S\xf3\x0b\xa3\n\xaf\x98\x90al\x7f\xa2Y\xd78\xf3\x12x\xf0\xde"l\xbb\x01pJ\xc2\xd2\xad0Ct`\xbb\xf2\xa8\xf9\x0c\xc0c\x8d\xecu\xe6*\xa3\xac\x04\x87\xe6\xf7|\xdc\xde\xe2n2\x1c\xe7\x9f~\x05ke\xf5\xe3\xe0\x86\xde\x1e\x19\x93\xe7n\xd3\x0f,\xda^\x8e\xdc(g\xba\xcb\x8c\xca\xa21o]2\xe6\xb6\xa41os\x1f&lt;UQ\xc8\x83\xc2\xaa~\xb5\x111\xf6\xff\xceYC\x92\xa1\xe9rk\xd7\\\xf1\xd1\xc2rX\x98/,\xd7)w\x00\x06\xdb\xc3\x08MAD\x84\xf74^~\xb1\xb6BX\x15h\x96\x1fm\x92=\x02|}\xbc\x00\xda\x0e\x97\xc2\xc3\xaa\xe0RTE\x85\xc7&amp;\xe2\xba\xd7\xec\xbe\xb8d\x03`\xf4\xa3n\x03\xae\x1d\xbb\x98\x0b}^\x18\xf9\x8eZ\xbd\xf4/\x17\x83s\x89Y\x05\xd3:f\xed\xad*&gt;\r \\\x871Z\xe2\xcdh\x11X\xb5\x96\xe9\xca\x1bq\x08\xb0"\x10\x11\xdf\xd8g\x0f`\xfc\x8a\x00?\x1ci\xe3^\xcd\x9e\xb9\x0f\x11\xe1\x0c\xd3s&gt;\xb7Z\x91\'\n\x9c\xe4U{=\xf3\x13"\xc2\x07\xc4^\xd9\xf9\xb2]\x90\xf6\x16i\xe3\xd8\x1b\x00\xc2\x1e`i\x9d\xfb \\\xcd\xc5M\x9aE\x99\xa5%o\x00\x10\x01\xfemz\xa5:J\xd1&lt;\xff\x86\xa7\xf1+Gy\x1d\xe1\xe1y\x12V\xac\'\xd8\rfUAF\xb14s\xf98\x8fQ\x13\xa3\x81\xef\x1e\xd7\x86\x99\xa7\xd9=I\xa5\x8d;\x9e\xa9_no\xcc\xef\xe1\xb0[a\xa5\xf8\xab\xbd*6\xa1d\xb8\xc2\r\xc0X\xbe\xb4%2*Q!\xca\\\x80\x9a*5\xf2\xfd\x89d\xc3\xb6|\x16\xcf\x8b\x08\xaf\xa74\xaf\x9b8\x93:/\xcb\xe2\xf4"\xe0\x84\xac\xfeKQ\xfcH\xf5)\xd2\x1a\x01&lt;*c@\xb5BjU\x17\xe6\x8eB-s\xbbp\x11\xad\xb6&amp;x(G=\xba\x8cr\x96&gt;\xd5m\x9d\xaa\x9as}\xa3\x1b\x00\x04x(\xd3XQIF3\xdaTP\xb9\x</t>
        </is>
      </c>
      <c r="E632" t="inlineStr">
        <is>
          <t>&lt;class 'numpy.ndarray'&gt;</t>
        </is>
      </c>
    </row>
    <row r="633">
      <c r="A633" s="1" t="n">
        <v>631</v>
      </c>
      <c r="B633" t="inlineStr">
        <is>
          <t>steps_per_sec</t>
        </is>
      </c>
      <c r="C633" t="n">
        <v>7100</v>
      </c>
      <c r="D633" t="inlineStr">
        <is>
          <t>2.9585302</t>
        </is>
      </c>
      <c r="E633" t="inlineStr">
        <is>
          <t>&lt;class 'numpy.ndarray'&gt;</t>
        </is>
      </c>
    </row>
    <row r="634">
      <c r="A634" s="1" t="n">
        <v>632</v>
      </c>
      <c r="B634" t="inlineStr">
        <is>
          <t>Loss/RPNLoss/localization_loss</t>
        </is>
      </c>
      <c r="C634" t="n">
        <v>7100</v>
      </c>
      <c r="D634" t="inlineStr">
        <is>
          <t>0.06262842</t>
        </is>
      </c>
      <c r="E634" t="inlineStr">
        <is>
          <t>&lt;class 'numpy.ndarray'&gt;</t>
        </is>
      </c>
    </row>
    <row r="635">
      <c r="A635" s="1" t="n">
        <v>633</v>
      </c>
      <c r="B635" t="inlineStr">
        <is>
          <t>Loss/RPNLoss/objectness_loss</t>
        </is>
      </c>
      <c r="C635" t="n">
        <v>7100</v>
      </c>
      <c r="D635" t="inlineStr">
        <is>
          <t>0.0072823684</t>
        </is>
      </c>
      <c r="E635" t="inlineStr">
        <is>
          <t>&lt;class 'numpy.ndarray'&gt;</t>
        </is>
      </c>
    </row>
    <row r="636">
      <c r="A636" s="1" t="n">
        <v>634</v>
      </c>
      <c r="B636" t="inlineStr">
        <is>
          <t>Loss/BoxClassifierLoss/localization_loss</t>
        </is>
      </c>
      <c r="C636" t="n">
        <v>7100</v>
      </c>
      <c r="D636" t="inlineStr">
        <is>
          <t>0.089250445</t>
        </is>
      </c>
      <c r="E636" t="inlineStr">
        <is>
          <t>&lt;class 'numpy.ndarray'&gt;</t>
        </is>
      </c>
    </row>
    <row r="637">
      <c r="A637" s="1" t="n">
        <v>635</v>
      </c>
      <c r="B637" t="inlineStr">
        <is>
          <t>Loss/BoxClassifierLoss/classification_loss</t>
        </is>
      </c>
      <c r="C637" t="n">
        <v>7100</v>
      </c>
      <c r="D637" t="inlineStr">
        <is>
          <t>0.04515201</t>
        </is>
      </c>
      <c r="E637" t="inlineStr">
        <is>
          <t>&lt;class 'numpy.ndarray'&gt;</t>
        </is>
      </c>
    </row>
    <row r="638">
      <c r="A638" s="1" t="n">
        <v>636</v>
      </c>
      <c r="B638" t="inlineStr">
        <is>
          <t>Loss/regularization_loss</t>
        </is>
      </c>
      <c r="C638" t="n">
        <v>7100</v>
      </c>
      <c r="D638" t="inlineStr">
        <is>
          <t>0.0</t>
        </is>
      </c>
      <c r="E638" t="inlineStr">
        <is>
          <t>&lt;class 'numpy.ndarray'&gt;</t>
        </is>
      </c>
    </row>
    <row r="639">
      <c r="A639" s="1" t="n">
        <v>637</v>
      </c>
      <c r="B639" t="inlineStr">
        <is>
          <t>Loss/total_loss</t>
        </is>
      </c>
      <c r="C639" t="n">
        <v>7100</v>
      </c>
      <c r="D639" t="inlineStr">
        <is>
          <t>0.20431323</t>
        </is>
      </c>
      <c r="E639" t="inlineStr">
        <is>
          <t>&lt;class 'numpy.ndarray'&gt;</t>
        </is>
      </c>
    </row>
    <row r="640">
      <c r="A640" s="1" t="n">
        <v>638</v>
      </c>
      <c r="B640" t="inlineStr">
        <is>
          <t>learning_rate</t>
        </is>
      </c>
      <c r="C640" t="n">
        <v>7100</v>
      </c>
      <c r="D640" t="inlineStr">
        <is>
          <t>0.039733298</t>
        </is>
      </c>
      <c r="E640" t="inlineStr">
        <is>
          <t>&lt;class 'numpy.ndarray'&gt;</t>
        </is>
      </c>
    </row>
    <row r="641">
      <c r="A641" s="1" t="n">
        <v>639</v>
      </c>
      <c r="B641" t="inlineStr">
        <is>
          <t>train_input_images</t>
        </is>
      </c>
      <c r="C641" t="n">
        <v>7100</v>
      </c>
      <c r="D641" t="inlineStr">
        <is>
          <t>[b'1024' b'1024'
 b'\x89PNG\r\n\x1a\n\x00\x00\x00\rIHDR\x00\x00\x04\x00\x00\x00\x04\x00\x08\x02\x00\x00\x00\xf0\x7f\xbc\xd4\x00\x00 \x00IDATx\x9c\xec\xbdy\xfc\xbe_5\xef\xbf\xee\xca&lt;DB\x1cN2\x94\xccqd\x88BG\xaa\xc3qH4\x90\xca\x14\x87\n\x87d\x8a\x14BB\x84\x0c\xa1\x8c\x152\xc4/S\x88\xca\x90)\xe5$:\x86\x83\xcc\xc3\xa1H\xd6\xef\x8f\xfb\xbe\xaek\xef\xeb\xda\xc3\xda{\xaf=\\\xd7\xfdz&gt;\xbe}z\xbf\xef{\xef\xb5\xd6\x9e\xd6^k\xef\xeb\xbe\xdfDN\x98C\xbf6\x81\x1b*\xe5\t\xa2\x0e-\xcd\x85\x99\xb9\xcb\xd0\x00\xb0\x07x\xf5s\xaaK\x99|\x82\x96\r\xea\x1cr\xf9\xdf\xb5\xb7\x01`\xc5\xbe\xb6E\x00@\x19\xaem\xef\xe0.\xc0\xc8\x01f\xde\xa9\x9b5R\x0e&gt;(\x00(\xd2\xf2L\xa1*\xc6i\xc5AZ\x04\xba ;\xf3\xc2d\x03\xe0\xaa8\xc4N\x99z\x80\xe7\xca\x01\x86Eb\xe4.\x1a\x02\xc0\x08\xeck\xb1\xbc\xb0\xb7\x01 \xca\x0ef\x94|\xb3s\xa4\n\xfb\xd8(\x01\x00^N\xbd\r\xa8\xc5\xec\xdaN\'i\x1b\x97*D$\xae\xd5\x01fNi\x17\x00 \x06\x1f\xd8\x19\x82\x1e\x1c|F13\xf6 \x00v\xcd\rz\x1bP\x05\xf3`\xe3\xfcs\xf4\xae\xd3\xaaR\xcf2\x15N\xa7\x8d\xe7\xfd\xc5&gt;\x96\xec\x0e\x9cZ\x017\x08e\x80.\x07\x9fQ\x88\xfe\x01\x00#\xc2\x1e\xe4U\x9a\x99\nZ\x82\x91\x05\xe0\xaa\xf9\x96C~r\x1a\x00\x00\x00\x11y\x12\x80\x1b\xb9\xfc~F\xaa\x00\xf6\xc9\x1f\xf66\x00t\x06K\xbb\x01\xa3w\xf2\xce\xbe\xeaM\x93\xe9[\xe3d\xdf\x88\xf5cW\xdaK\x00\x80\x00\xf7\xebm@\x9cxX\xef+1X\x020\x941\x00\xec\x1c,\xa5\xf1a\xfa\xf4\xca\xdf\x9dz\xa50I\xf78\\\x92\x00\x00v\x8b$\xac\xe7\xe9\xb3\x01#\'\x00G\x04}k\x82\xde8\x00\x18D-\x98\x8cS\xea\xbd\xf1i\xbd\rP\xe4\xddz\x1b\x00\x00\xa8\xce1?\xc7\xb3\x8a\xe0O\xa7\xcb\x89\xc6\xe6sK\xdeP\x7f\xfb\t\xa7s\xd1\xe0\'\x9f\x0e\xfe\xb5\x0f\x00\x80-\xbc\xab\xafCa\xe6\xd3\x89\xe0\xa9\x00\x00\xe0\xca9\xe6\xb7\x00m8\x9d\x1c\xdf\x9c\x93\x16\xaf\x9fN\xd1\xef=8\xec\x9e\x8a+\x91j\xa0c\xf7@`\xfe_\xe2\xe9\xddp:\x9d\x86\xf7T;\xbd\x01X\xf1\xb1\xbd\r8\xf3M\xbd\r\x00\x00\xec\x9e\xaf\xf7\xbc\xfe\x94\xa6V\x88\x91?\xcc\x83\xe7\x7f@&gt;\x85\xb3\x05\x93m\x7fd\x0e\x19\x1c\x8b\x90ct\xd4\x97&amp;\xb6\xe2\x18\xad\x06\x00\\\x13\xef4\xae\xdb\x92G\xf3H\x00\x80\x8c\xed\xf4\xc0l\x01y`\xe6\x80\x0b\xd8w\x00\x00\xedI\xb8\x0b\xde\xd7\xa3\xaegf\xaf\x1a\xb6\xdct\xbeu\xda\x88\x8f\x07\x1c\x8e\xe9c%\xbd\xed\x00Nv\xb1\xe2va$\x00\x98\xa8\x00\x1c\x90+\xf9\x0c\x80\xf4\x82\xb5Z8\x07\xefy0.\x1f\to\xa91\xf8\xee\xcd\x1aY\xb1\x1bv\xb1\xe2j\x1b\x89C\xe5\xc3\xd0w(O\xbd\r\x00\x00\x8c\xc1\x8e.+\xed\x07{\xd6\x9f-3^\x07\xa0\x1d\x8e\x1b\xff\xf0\x9a\xda\xcf\x8a\x03\x15\xf8\xd7\xde\x06\x00\x00\x17\x04\xc0\xd1\x88\x1dA1\x1f\xe0!\x87h\xc6\xb2\xb7G\x9bp!\xbbg^\x83\xf9_\x88Rf]\xf8\xe9\xbb=&gt;\x9b\x07\x00\x00\x00\x80A\xd9\xd1I\xbf\x04\xf7\xc7|\x8f\xd5\xc6\xfdp\xcd\xdd\x9e\xfc\x81\xbf\xf0g\x04\x0f\xb6N\x0f\x0b\x86\xe9\xca([\x98\x98-\x00\x80~\xec\xe1\xf1\x98\xd9\xbc\xcf\xeei\x05\xb8n\x12w\xfa\xe45uI\x00jE\x90\x83\xaf\xf1\xc3\xc0\xc6\xbf\xeab\xc1\x99\xc3\xf4\xc6a\x1a\x02\x00\xd8!\xe2\xef&amp;\xc3W\x98\x81\x15\xa2i\x93#\xf7\xe03\xcd\x9dr\xe3\xc3*\rh3\xb5\xaai\xc1\xdc\x00\x00\x00\xa0\x03\xbe\x14\xbf\x04\xf4\x1b\x00\xfb\xa2\xc9\x9a\x85G\x05\x00\x00\x00\x00\x00\x00\xec\x17\x1c\x12\x05\xd1\xba\xb8C\'\x03\x00\xc6\x06\x9b\xc1\x95\x80\x81\x16\x80.\x02U\x19a\x82\x8d`\xc3\xf1\xa9r\x1b\x0f\x1f\x0e\x00Pd\xd4\xb8pL\xab\x8eO\xab\xf90\xe2\xf8\x8e\xb6\x16F\xb3\x07\x00\x90\x86\xea\x07\x81\xf0\x88/\x00\x00\x80z\\\xef\x06\x83\xcd\x15\x000$\x8c\xcf\xf8\x01\x00\xd4\x81C9$\x1f\x85\x91M\x07=\x06\x00\xd0B\xcb\x9f\xb8\xfe\x1e\x0e\x00\x00(\x00\xb7r@\x1a\x8c)\xa6M}\xeea\xfe5&lt;t8\x00\xbb@\xf9+\x80\xb1\xfc\x01\x00DtR\x97\xc8\xcc\xa7\x93\xbeX\x00@\x1e\xe1\xcd\x1e\xab\x15\x00\x00\x00\xb86${?\xaf\x8a\x9d\xe3\t\xc4\rc\xb3\x1e5P\x9f\x11\xfb\\x\xd4\x87\xe5|\x14\xce\xc3\x8d\xd1\x1c\x93\x11]\x04\x00\xe0:\xb9.gt\x94\xd4\xc5\xb9\x8b`k\xe9\x8bV\xff3\xb3\xde\x14M\xb9\xe9?\x11Q\x89^f&gt;\xc2\xe2\xd2\xa2\xd3z\xc4(\x00\x00\x00\x10p\xa3\xde\x06\xb4\xe40O=:wwl\xf9\x1dQ\x8b\xf6\x98\x8b\x82p[\xd42\xe1\xed\xe0\x9e\xcf\xff\xac\xd6\x03\x13Q\xc1\xf3{\x87Y]JtZ\x8f\x88\xfdC\xb4\xcc\xca\x98\xb8,\xa3\x06\x00\x00\xa0\x08&gt;\xfc\x94\x08\xba+\xc6\xcfT\xed\xa2L\xe1\xc2O\xfa\xf2\x86\\\x8d\xca\x9fS\x04\x06\xe8\xd8\xeb\x01c\r\x00\x18\x91_9\xff_\xa5\x18z\x13\x88\x00pUl\xa7\xfd\xf9\x95O\xc8\x94%[G\xae\x1c G\xe1\xc0\xb1\xcb\xb0\x86\x81\xab%0\'+OWl\xaf\x00\x00"\xca\xbb\x0f\x9d\xdd\x87\xcams\xc0\x19\x9dN\xa4\xf9&lt;\xf4H\xc4\xbe+\t\x0f\xf4_\x1d\xcc&lt;\xcd\x88\xd3\xf4I\x00":\xe5|peZT\xa7\xcb\x12\xa2\xc0t\xda.\xc01V\x1c\x96\x0080\xffAt\x83\x1ez/\xcb]c\x8dc\x85\x02\xb0or|\x90j|\x10:\x8a8\xbb*f\xa6\xff:\xf2\xf9b\x0e\x91&gt;\xbc\x7f+;@uD\xf3v\x8e\xd8\xa7=\xf5t:\x9d\xe6\xe8\x9f\x12\xaf\xdd\xe6\xa2\x1c\xfbH\xc1\x10g\x81\xcc\xae?\x1e\x82\xd8\x02\x1c\x98.\xd1\xbf\xb9\xceJ\x17\xfe\x08\x9e\x03\x00P\x85\x06\x91\x81\xeb\xa9\x83\xed\xf3\x08x.\x08\xec\x15\xf9\xa4u\xce\xf3\xec\xc9\xbfT\xf9\xe9\xf3\'{\x9d\x11\xb6CE\x97U\xc6\xf9\x1f&lt;\x00\x00$\xa0\xb8\xc6\xb1\x1d\x03\xb0w\xbc\xdf\x02T\xfb1\x00\xcfsD\xd6o[\x17\x13{r\x06\x80\x818\x9dN\x92m\xd2S\xa6t\x7f\x9dV\n\x93\xef\xb6~\x88-\x9c\x1fL\x84\xf3~\x00\x1ap:\x9d\xb4\x1e\xdd\xc1&gt;\x0c\x00\xc8\xf9\xbb\xe2\xf2s\x88/\x1c\xe0\x84\xf2\x9aAo7a5\xbdKo\x00\xec\xcf\xf9\xf9\xaa;O\xff\xb1\xbe\xc6\xe7\x95\xbd\r\x00\x00\x00pu\xf8\x82\x83\x84K\xfc\xb48\x031J\x02\x0fV\x97\x88\xaen\x82cV\xaf\'|\xde#@\xc6\xaf\xdbRX\\.\xf0&lt;\xd2\x1e\xb9\xaa!\xc3"\x05\x00\xec\x93)\xc8HN\x18\x10\xa3\x80\x03\xb3\n\xd9\x9f\xcdLDw\xca\x9d\xf0\xccL\xf4K[\xc9.\x9dXY&amp;\xfbM\x00vjvU\x98\xe8\xed2\xab&gt;h\xd8\xfe\xc4:\x05\x00\xec\x92\xe48\xc3\x93\x00\xec\xd7\x03\xee\xd7rP\x97\xf9\xa4\xbf|\xaaoV\xd9\x93\x9dEh{\xd5\x00\xa2\xdc\x19\xbd\xb4e\xa8&gt;\xe1\xf3WKq\xe2\xd5\xd9Z\xc8\xa8\x8c\xb1NG\xb0\x01\x00\xb0\x1f\xb6AF0\xec\xc0S\n\xe0\xda\xd0\x9a\xe7\x92\xeaL\xf4q\xa6\xbaw\xc7\xca\x12\xe1\xfdJ\xa5\xc6v\x00\x0f\xd3\xf2a&amp;zJocj\xd0g\xa6a\x86\x03\x00\xf2Y\x875\xc1cNO\xf0\x8f\x04\xa0:;\xec\xe4}Y;\nXV\x19\xd8\x1d\xf5|\xf3\r\xccC-\n\'$\xe6s\x1d\xd0\xa5\x00\x1c\x87&gt;\x7f\x8ed\xf9\x9e\x93\xf9wW\xfc\xdf\xca\x98J\x8co\xff\xf8\x16J\xc1^\xef\xc3\x1b\t\xfd\xe1\xfau|\xc1\xae\x10\xbb\xa3\xde\x9e\x88.K\xe9t\x12|\xc1"f\xea\x16w\xe2T2!O\xa7_\xa0\xcd\x895R\x82b\xe0"\x00\xb8&gt;|\x87\xf4\x19rLQ\xf6\xe9\xa3\xe3[\xffq\x03\xa0\x0e\x1bO~;\xdf\xf7}NCk\x0e\xd4\x00S\xc2\xc7e(\xdfh5\xa0\xff\x03\xabiK\xb87~\xcfyJ\xc1L\xf4^\xf2nDo\xb7\xc1\xbd\xa7\xa0\xf3\x01\x00 \x80s\x8b\xd2\xda\xb7V;e8\nA\x02P\x8fp7\x06\x86\xa3\xa6Q\xa0\x16\xcb\xc2\xf9\x86\xf5\xe7jz\x9b\xb6b@\x93$\x84r\xe3}\xb6h\xdf\x8c|Z1$OEw\x01pm8\xff&lt;h\xc5\xbf\xb6{\xde\x0bg\xf9\xf3\xd6x:9\x8c\tl\x9cx\\\x01\x9c\xa9:]\x8f\x84\xb1\xf4\x98\xe8\x84~\xab\n3\xcf&gt;M\xab\xab1d\xa0\x1a\x8c\xc7{\x00\xb86\x1c\x9f\x01h\xb9\xc7\x9cu9\xa3\x7f\xf2\xff\xb1ql\x82\xbb\xa0\xc9\xc1g\xb7S\xab\n\xc7\xe7u\xdbr:\x9d\xa6\xa5}^tXE\x151;W\xab\xab\x07\x18\xb26\xcb\r\x87\xf7\xed9\x11\xfd1\xb9oN0\x16\x00\\\x01\r\xaf\xaa\xcb\xfe\n\xd81\xaf\xd4\xbf\xaa\xb7\x01\xea\xec\xf4q\x0e\x11\x15\x9aV(\xf0\xa8\xebb\x87Tz\xbc\xea\n\xc6w\xc8\xc7\xd2\xae\x85\x81\x9f\x0c\x04\x00\xe8\xd3\xfdH)\x82\xd3\x13\xf9n\x0c\x00\xb8j\x98q;6\x08\xe6#@\xabw2}\x173+\\\x02\x8c\xfe\xa4\xc7\xea\x19\xd1k\xc214\xcc&lt;_\x91\xb7\xb0\xc0\xfbD\xee\xe8\xd3\x06\x00\x90A\xaf\xaf\x01%\xa2\xef\x17\x1cy\xfa\nH\x9d\x11\x0e3\xc6\xe3\xa8\xc31@\xbb\xae1l\xaaG`@\xe3\xcf\xa8\x9cB_\t\x9a1U\xb4\xbc\xd8\xe83\xc4xPM\x97p\xff13\xbfC\xe7\x9db\xdb\xea? j\xb9\xa8\x03\x9f\xc7\x1b}\xda\x00\x00vF,:\xf7}\xff\xcf\x00\x91\x96\x07\xd5d\x83\x8d\x7f\xc7a\x10{\x061\x034Fm\xdc\x05K5\x9c\x00\xfc\xa0\x96%\x12\xf0`F\xed\x0f\x06x\xfa\xf6\x8a:\xfc\xea\'\x18\x00\xa0!\xf3\xae\xf60\xe6\xed\xf3\xe2\x9e\xe8\x7fh\xc6\xb7p\xc5\xee\x0c\xb6\xd9\xb5\xf1[\xca\x9bs[\x05+\xae\x9e\xd8\xa2\xe8r\x0cQ\xf2\xd9\xa7\xe7\xc7\x8b\x8cB\xa0c\x0f\xb6\xd8\x01\x00\xe0\x8aq\x9f\xf0\xfb\xd9\xc1g\xe0\xaa[\xa8,?+\x01\x18b\x14\x06\xbf\x0b\x02\xc3\x931y\xbeb\xf2B\x1d&amp;^A\xae\xaebm\xdf\xb5v\xc5+\xfd33\xdb~\xe3\xf1\xb7K\x00\xc05#\x8b\xf8\xe1\xc8Z!\xd83.Cs\xef\xce\x83r\xc0\x04\x00\x1bvS\xf6\xd6\xdb\xff.4\xf8A\xab\xdf\x0f\xb8R\x0e\xc3\'H\xc6%a\xec\xcc,\xd1?\xee\x98\x0c\x00\x80\x91\x98\x9e\xf0\xe1\xf9\xb7\xce\x06\x01/#\\\xc80\xbe,\x1c\\\x19\xd9\xb3\xfd\x16ij\xd6\x81c\x8d\x85\x86\x95+D\xe8f\x99\xf0\x10?\x00\xe00\xc0\x97\x8dL\xefOe\xec\xe33!\x1br\xb2\xa6\x1d6S\x9f\x92clt`\xfa\xac\xab\xb9\xbe\xfeP.6\xc9\x80\xd1|\x82\x96%M[t\xee\xc3\xbf\x1c\xa8\x1b\x01\x00W\xc7P\xae\xfcj\x19v\x08\xb8$"\xdc\x19X\x08e\t\xc0\xbf\\{\x07\xe6u]\xffNK\xdd\x02Z]K\xf6\xef\x99JX\xcf\xdf\x02\x00@s\xf0t\x07\x88\x80-\n\x0c\x023\xd3\xb3\xc6\x9f\x8a}-\xbceW\xed\xb5\x19\x7f\xf4\x93\xc0\xe6\x0b\x00\xe8\x86\xc8\x01\xad?.\x0c\x9f%\xa5\xdbC;\x89\xaf\xc7\xa4\xed8\x01\xf8*W\xab\xf7\xdb\x9c\xeb\xc11F\xc3\'\xa2\x83\x9b\xa7\x05v\x01\x15\x92:\xf0\x0bjY\x01\x00\x00\x1b\x82_\x19\x04D\xe8v\x94X\x9a\xfa\xf6\xbc\xef\x11G\x02\xb0?\x98\x99\xee\xd1m\x98\xc4.\x8e=?\x0f\x87\xa2\xf7V&gt;\x06\xc2\x86\x02\x00\x00\xc3\xc04}\xf3L,\x07@&gt;\xd0\x88oJ\xdb\xbc1"a\xd0?\x83\xd3\xf9\xd1\xc4\xe1}\x1a\xd3\'%Z\xa8\x9f\x00\\-\xd7\xdcv\x00\xc0\xa1\x99\x9d{0\xfew\xa6\x04\xcf\xe8k\xf9\xa1Q\xfc\x9a\x8b\xa3^\xdf\xef4.y\xe0&gt;\xcd\xaeH\xf7\x0e\xe9n@\x15ns\xf0\xf3\x9a\x9d7m\xd7\xc6\x03\x00"\x9cz\x1b\x10G\xc5\x87\x9eN;h)8\x1e\xcc,\x9f{\xe7\xa9\xde}\xaej\x98\xc1\xbb\xf0-b.N\xa8\xfb\xd0\xf4FyXg\xdf.\xeb\xd8s\xe1.C\x90\xd7pf\xde\xf5\x9c\x99w\xde\xfd6\x01\x00\xe0\xe5\x06\xbd\r\x88\xb0\xf3\x13\x94\xbd\xf2#\xe8v%\xf6\xb8\xfd\x9fN\xa7\xd3\'\x96\xcaP\xb1d\x10\x8c\xd5\xf0F\x1d\xcd\xe8\xca\x1c|k^\xd6\x9d\x17G\xca\x1a\xd1\x98W\x7f \xb1\xff\x974\xf4\xee}\x15\xec\xdd~\x00@\n\xccL\xf4\xda\xcew\x88\x98\xe8\x97\x1b\x1b\xc3\xe7\x8fv\xa5&gt;\xfa\xe3~\x1c\x08Am\x94\xd1\xbbh\x97\t\xe1\x0el\xb6WG\x99\xc1c\x8d\xd1\xb7*&lt;a2\xac\x0f\xf9\xd5s\xd3\x16\xf3\xaaM\xb6\x9f\xbc|\xc2\xea\xc9C\rn&amp;5\xc6\xf1\xc8\x0f2\x01\x00\xae\x84\x01\x1d\x99F\xf8\x7f\xde \x1b\xfd\xa5\x18\x00.\x9c\'\xde\x8bv0\xebT,\x1c\xae\x99JQ\xbb\x11ag\xda\xf0;\xd1R\x05\x7f\xaek@\xa7=8\x1f\xa0-\xb0Rr\x88a\x05\x00\xb4e\xa4\xed$!\xb8OH\x03\x1a\xdaOt\xbf\x86\xea\xc6\x84\x89\xfe\xa8\xb7\r\x1d\xb0f]eU\x95\xe5\xef\x15\xbd\x9e\xcf\x1e\xc46\x13\xa0\x02{\xb4\xb9\x1b\x95\xfa\nC\x00\x00\xb8J\xc4!\xbd\xbd\xbf2\x0b\xab\xf6kYu\x8e\xdd\xba\x1d1\xcd\xb4\xc2\xe1\xc0h\x06\x08w\x8eF\xd7q\xd1\x17U1\xf3GO_R\xac`\x8c:^_\x91\x99\xf0\x10}S\xbe1\x00\x00\x00@\xf8\x08_\x16\xcd\x87n\x06\x06\xdd\x8f\x8b9|z\xb3+2\xc6\x02\xc37\x16\x85\xbe\x82\x97\xe8\xff\xf0\xc3\x8a\xa9{T\xbe\xbb\xb7\x01\x00\x80\xc3\xe2\xd86\xc2\'\xf7\xf2\xb3|\x7f\n\x80\xbdj(0\x1c\xc7\xe0\xaa\xc6Q\xde\xd8\x92\xa7\xfc\xf3i\xeb\xe5\xae!\xc9\xb9B\xf8\xdb\x8e{^\x06\xc0\xd5r\xea\xfa\xe5\xca!\xcc}\xebt:\xad~5\x8b\x08\xbeE\x8e\x89\xbd\xdek\x8f_\xd4\xb8\x85\x99O4}\xaf\x1e\x00`DR\xbfN\x9e\x99\xcfk:\x7f]s\xca_\xa2\xd8\x11Gm\x17\x00\x00\xb4\xe1\x06D\'\xe7\xee\xd2\xf7t|\x1b\xee\x9f\x0c\xccwN\xa7\xbf\x8d\n#:\x05"c\xf1U\xc0\xf0\xe7\x1f\xd8\x0e\x01\x18\x94\xe4\x1bG\xa3|\xd1\xba6\x1c\xa6\xe7\x93\x0ce\x9fp(\xe3\xad\xb2k\x8e\xed\xed\x14;s\xf8}\x07\x00p0\xe6G\xed\xbb\xa8\x16?\xa2\x93da\xe0Q\xa01\xef7\x13L\xaa\x96\xb0\xdd\x9d\xa6?\xc5PG&gt;\xa8\xc2\xee\x9ep\x1b\xd3Z\xa5n\xcc{\xe6\xb0\x99S\x1a\xf8\x03\xca\xd7\xcd\xeeV1\x00\x00\x14!\x0f\xcaW\xfe\xb1\xe4\xc3\x00\xd5\xfcl\x0b\xf7]y\x9f\xc0\x0e\x04j3l\xa0Sh\x98\xf5u\x05D\xf7\x97\xab\xc5\xba\x8b\xa1\xd8?\x8f "\xa2_\xd5\x13\xa8E\xcb\x0c\x10\x00\x00rP\xf3 \xf2\x88\x9c\xa7\xaf\xfb\x94H\xdd\xc8n\x99\x03\xe4\x91|\xb9Q\xcb\x90Z\xdcJ\\rwM\x03W\x8c\xb1\x12\x9f\xba^\x95\xe53\xf9\xaf\x8a%\xb4\x87\x89&gt;\xad\x89\x16P\x8b\xf1\xf6G\x00\xc0(h\xba\x86J\xe1x&lt;\xfc\xef\xe6\xe0\xa2z\x7f\xac\x85\x15\x00\x80b\xd8:\xbc\xbf\xf6\x98\x89\xaf\xe2*\xe3kz\x1b\x90\x87|\xcb\x1b\xf0\x80\x0c\x00p8\x02\xb1x\x81\x0f\x92\x04\xff\xc3:8\xa7U\xd7\xb0\xad\x02\xb0S\xd8\xbcu\xb4_\x07G\xa5\xe1\xe0j\xa4U_,\x12ry\x86\rS\x17\x00P\x97M,\xae\xe2t\xa4\xd1\xff\xa8\t\x80\x9b&amp;N9(_\xda]\xcf\xd0\xb0\x04\x80\x19&amp;\xfa\xbd\nRuW\xd3,\xed_T\xc5^\x84WpV\x99g+\xcaV\xec\x98v]\xa14\xfaR!\xfb\xda\x19\x01\x00B\xc6\xfa*5\xd3\xd1\x9cN\'\xd7\xd7f\'\xfd\xd5\x82d\xc7\xb5\xa3/\x96&gt;\xb7\xad\xb2\xc1\xa9_[\x0e\x80\x1a\x97\x19N\xa3\x7f\xe3\xa3\x87\xbc\xb53\xd7\nW\xe7\xf2\xbf\x0f\xe0W\r\x00\x00\xe0\xf8\xdc\xa0\xb7\x01\x0b\xb7XE\xeb\x97C.^~c\xee\xf7\xdd\xa4\xc3a\xffI\x84:\x0c\xdd\xd5C\x1b\xb7\x1f\x06\xed\xc69w\x1f\xd4\xbe8\xa9\x7f\xf0\xcb\xbe\x83\x144[\xdb\x13"\xfa/\xa4\xd2T}\xe1\x8e\x17\x01\x00\x00H\xb0\x1e\xc5\xf92^}\xf0(\xfdY\x1d&gt;WKy\x02\x88\x89\x1eS\xb1\x85\x030\xc8en\xae\x19\xc2q\xc7\xa70\xc1\xeeHz\n1\xa1\xe4\xf4G&lt;\x0e\xb9\x10\x0e\xd9\xa8\x15\x95\x9eL\x03\x00\x80\x81pE\xe4\xaf\xef\xfe\x06\xcf\xa8\xac\xef\xf5d\x0e\xb1\x04\xe00\xfe\xf1\xed\x8b%\xc8\x83\x0cu\x98\xa7\xcc\xad\x93\x01\x00\xa8\x90\x18\xa9W\xf1?+\x9f9\xc8\x87\x07\xc0\xc4\x0e\xbc\x1c\\1\x00\xa0\x04\x99\x07qF\xe4\xaeH=.\'1\xf8\x97J\xde\x07\xb9\r\xd1\xed\x81\x02i\xdcg\xd7\xf9\xb8\xa3L\x80"\xd0\t\xadaf\xba\x15\xbfC\xd2\x84O\xfd\xbb\xc2&lt;]\x8a*\x83\xd9R\xc2\x816\x1d\x00\x00(\xc0y$\xff\xf1y\t@\x1e\r\x1a\x99\x82\xfc\xf8pD\xd8u\xeeh\x8c\xac\xbcz\xba\xe2\xe1\x86\x12\x1c\rE\x8f\x91\xee\x7fX\xbe\x8e\xc2r\x02\xf2\xcb$\xd7bX\xc3\xd2)\x18\xc1\xe3t\x02\x00\xa0\x0f\xc3}\xf0k\xeb\xdcO\'\x87\xaf\x8b~\xfe5{\x93\x18\xea\x8b\x80\x98Y\xf2]\x1f\xc2b\xea0\xb3\xbf\xbb\x98\xe84\x170K\xceC3}\xcf\xd3@\x1d~X\xa6o\x8d\xe9\xa2{@?3$\xcc\x9c\xe0\x7f\xb8\xe6\xf7\x80U\x15~}$}y\x1d\x00\x00\xb4@\xff[\x80\xf4\x8fg\\\xf2\xfcZ.\x07*\xaa[W\xb7\xb3\x96\xd3\xe9\xb4\xda6\xfc\xc7\x84\x1dv\x97`\'\x9f\xcc\x02f\xc1\xd3\xe9t:\xfd\xefK\xd3\xee\\\xd5@@4\x1f3\xd6&gt;2\xf4\x9ee\xe6\xcf\xcc\xcc#\xf6\xbd\x1e\x8e\xce\xdf\xeb%:\x15N\xff\x1e\xb0g\xc8]Y\x8b/\x19\xbb"\x1e\x81\xe8\x1f\x000\x1a\xfa^)x*,\xaa\xbez\xe5\xe4\xda\xb5|*Vg\xe1\x19\xd1\xc3F\xf2\xb1\xcf/\xbb\xb4NK\xe9\xb1\x87F\x97\xf5\xe9\xb2\xe0\xd6(\xb5{k\x1cs\xa6\x1d\x8a\xef\x04\xcc[P\x08\xae\x14\x00\x00\xa5\xe8\xdf\x00\xa8\xef\xd6\x9c"\xd3&gt;2\xe7\xd7K\xb4\xc7U\xf8\xd8N\xb6K\xebNJ\xa7\xd1\x1b\xe3\x8b\xc4\xd6\xfbf\xd2\x11\xb0\x0ft\xcf\x7fb#b{\xea\xdcX\xdfVip\xc8s\xe8\x01[\xf4\xc8\xde\x06\x80$j\xac\xb5$\xf6\xe2\xf7\x00\x00\xbb\xc2\xf9\xc1\\\xdfGu\xdd\x1f\x9e\xb3\x9eF\x88}\xec\xd7%6\xc3\xea\x82\xbaIz\xc6\xf7\xbc*\x9fMl\xcc\xee\x0c.\xc27\xdb\x0f\xf4\xf1\xca\xa1\x88\xf6\xea\xbe?\xebO\xcc\x84\x87\xf9&amp;n^\xb2\x88v\xb3\x00\xf7b\'\x00`x\x8c\xc8\xe3\xa3}\x11\xb9\xfd:\x9b\xafn\xa5\xcd/\xeaE\xffL\xf4\xe5e\xad\xbc\x16\x86\x8a#\x872f\x10\x0e\xdf\'{k`\xbd/\xe9/\x80\x99\xe8}{\x1b\x01\xc6\xa3\xf4\xb0\x0c\x00\xb0{\x94\xbf0\x9e\x83\'\xfdf\xb1X\xd4.\x8f\xf9\xa5\t\xc0\xcd\xf1w\xa9\x00\xe8\xccw\xa4\x14\xde\xd7\x95N\xd8\xd4&gt;\r\x91\x1d\x8b\x00\x1f\xfb\x9a\x81I\x1c\xb5]\x00\\\x17\x03=\x8d\xca\xd3\x17\xcf\xadv\x9d\x93\xf1?r\x9d\xedy\x9e\x12N\xdb\xbc\xba|\x8df"\xfe\x0f~\xf5\xfc\x92G}x\xf3I\xee\xc1\x1e\x04\xc7\x878\xbb0f\xb7\x97[5\xf2\x07:\xc7\xec\xf3]0\xf2\xb0\xfa\xc0p\x03pEd\x7f\x08\xb8\xd6\x19\x80\xe3\xd4\xff\xf2H\x7f\xeaqT\xc2\xc7\x07O\xf3?C\xe3\xff\xe0WZ|&lt;\xf8\xf9\r\x13\x11}\xa4\xfd\xebX\x8c?U\n\x19\xb0\xcfi\xd4n/\xb6\x8a\r!\xca\'\xeec\x8e\xe3\x95\x10\xfa\x9c\xee\xa8W+c.1\x00\xc0\x80h{\xb1\xd8#:\xbc-\x1b\xb5A\xf6\xf0\x8f\xbc!;\xff\xb8\xdeU\xf3\xb4\xde\x06\xd4#\xfe\t\x96\x84\x98\xe3\x87G|za\xd4\x98I\x97kh#\xd8\xefdf\xba\xec\xb9\xdfK\xf4\xbfz\x1b\x03\x00\xe8G\r/f\x06\xe5\xef\x91\x13\xa6\xc7?6`\x0b\x1c1\xd69:\xebD\xae\x99\xde\xdd\xee\xbb\xa5\x18s\xbe\xae\x9eZr\x13\x8c\x1fd\x88\x97/!\xa8l\xd2 \xed\x15\xf2\x13DO\xecm\xc3\x08\xeck\xd4.\xd8\xbb\'\x00\x008\xc8\xf7\x0e+\xff\xb2\t\xd9\xd7\xa5\x13$:\x12\x80\x9d~\xd0-\x1aR\xd4k\x91\x96\xe4\x06}\xee\xfe\x9a\xcb.\xc3\xdd}\x8e\xad\x1a\xae\xdc\x0fl\x06\xbb\x99"\x8a\x0bd\xd3 )\xfa\xe0\xb2\xea#:\xa8\xdc)4hs\x80\x04$\x00\x00\x800\xa5.\xde&lt;3s\x9d\xd9\xa7\xe9\xf2F\xffS\x02`g\x11\x0f\xda\xbfksv\x94\xb2\n\r\t]\xfa9\xfe\xccX\x15\xad\x8b\xd2\x03~\xa3\x0b+$\x00z\\Z\xfa$y\xf1\xe1\x17K_|\xfd\x83(P\x97\x1d\xa4FH\x00\x00\x00QJ\xcf\xa7y\xfe\xd8\xaf\xeb\xd8\xfe\x1c\xc6\tvn_\xf0?E\x81\xb6#\xfb\x07\xfb{Hmc\xae\x88\xdb\x1bIQ\xcd\xf0\xe8\xbaz\xb5/\x95\xf7\xec\x91\x12\x80D3&gt;b\x0c\x9b\x8byQ\x1d\xb1l\xfc\xbbzg\xb8~\x1bd\xfa\xed\x87\x1c\xdf\x8e\x04\x00\x80\xc30\xea\xa7\xfe\x05\x0e\xe6D\xeeo\xbf\x91\xf8\xa6\xf3\x17\x04\xb1\xeb\xfb%\xe7\xea\xf3[&lt;}?iTl2}\xbe\xbe\x93\xd5\xc6}\xc8\xaf\x1fe\xfb[DAE\xce\x8be\xbc9\xa0\xc2e"\xf1\xb9\x81z\xab\xa6\x02NWve\xfc\r\xd1MF\x1e\xa318\xefn\'\xa2L\xef=\xed\x86\x84\xae\x06`\xefd\x7f\rhe\x04\x8e\xc9wG\xe0\x917\xb3\x84\xf2\xce-s)g\xbcB\x95\xce\xc2k\xed\xd9Iv\x164j\xc8-\xe0t\n}\x01\xdfu\xf2=\x95\x0e\xedN\x83D\xffUZw\xf9v\xe0K\x03k7Sf\xff\xa5\x99\xef\xe2z\xefu\xd4l\xd9\x1fL\xf4\x06\xbdm\xd8\x05\xf34\xe6\xf9\xef\xac\xf42\x05\x00\xd0\x97\xed\xae&amp;9\xe8jw\x18\xa6\xb2\xafk\x1cW\xf0t\xd6\xb9\xe7\x03{u\x81=o\x00\xe6\xa3,\xe3L\x0bxa\xe6\xbc\xd9\x1b\x9d-7$ze\xa6Qi\x8a\x02\xfc\xcd\xee\xe3\xbf\xb4\xa5d\xf7\x153)\xb8\xb8\x80\xb6\xca\xf2\x8f\x06\x1b\xe33`\xa7i\xf8\xff!\xef~\x01\x00Ilo\x00$\xab\xba\xdd\xcaW\n\xb8\xcb\x85\\\xec\x90%$\xcf.Vg\xa9\xf6\xbf\xe53\xe6\xf2\xe4\xae\xe7JDo\xf8"\x92\xaa\x9e-\xcd\xc7\xfc\xf9\xe7\xfd5?\xe1@\x83\x1d\xad%\xfc]\xbcU\xc5X\x01\x95\xe8\xbf\x90\x9dG\xff\xc9s\xe5\x14\xf8MY\x15\x11\x9dj&lt;\xf0\xff\x82\xf4*\xd3\xd76\x0c\x0f\xd3\xe5\xeb\xf2+{\x98&lt;\xca\xfd\xff\xe5#z\n\xb6\x00\x00\x06`\xac\x8f\xf1m\x99bY\xef\xe7z\x03\xcc"\xe2j^\xe7\x18\x1fo\xb2\xfaj\xbc\x1dH\x91\xf2\xef\x9b\x02\xa0;\xcd\x16i\x9e\xa2\n\xe6=7W\xe0\x1e\xd6\xac\xbd\xfb\xec\xc0`1K\x9c\x00\xe7\t\xc0\xde\xd9\xd9-^\xc0\xe9\x9cN4?\xe4\xb0|\x90\x97\x92\x9fQ&gt;\xdc\xc7\xe9\x86\xfe\xf0b!*\x9f\xcf\xae\xf8!\xef\x1d\x92\xfc\x11\xeaC\x7f\x0exLZ\xfb(fn\xbf@.\x0f\x99\x1c\xd9}\x8d\xcf\xc67\xce\xc3\x81q\x01`\xf7\x8c\xfa!`\x0f\xce=\xe84}\xee\xd3\xfct\xef\xe5\xc5\xf4M\xebp\x81\xe0)\xe5\xa8f]\xb2\xa4\xae\x16\x01\x1bn^&amp;\xf7\xfc\xff\xa7\xcf+\x91r\x91U."&amp;\xb3\xc9y\xdb\xdfs\xa2\xaas\x80P\xc9\x9a\x0c\xf2z)\xf4\xfd\x01zZ\xd485\xb6!\xfb\xf1\xb1&lt;.)\xe5Ew\xb4t]c\x80\xc5i\xf3\x03\x00\xe0\x08\xec\xec\xb2\xf2\xb2g\xe3"2F4\xb2q?1%\xab[LT\xfe&lt;\xc4\xf7\xca\xaa\x1e\x16\xfbA\xd3\xb4\x1f}\x16\xb5\xbap\xff\xbeTEC=\t\x90mLZ\x02\xa0\xd0\xe4\xb0\x84\xaa]\xba\x83\xd9\x9e\xc2\x91\xda\xe2\xa3\xe3l\x01\x00\\\x01\x1f5\xd2F\xde\x91\x1d\x1d\x04\n\t\xb5(\xf0\x91\x89v|SV-V\xf8\xf2\xc7\xf3\x13\xba\xcc7\xc4\xe4?\x06\xd2q\x94\x17s\x95\xfc\x89\xf2\xd9\xf2\xa0\x1c\xbd\xe0Ji9\x19p\xa6\x06\xc05r\x8ce_\xda\naLy\x8cOw\r\x10\xfdG\xf1\xf5\xb3F\x02\xb0\x08\xd3\r\x1c\x8f\x04\xd3\x97\x1f\xad\xd5)\xd3\xe6\xf3\x9d\x02\xd4L\x19\x02\xc5\xe6\x1c\xacgj3Jw]\xb6\xb3O`f\xa6\xdbx\xad2n\xddG\xb1\x1c\x00pL\x86\x8cG\xd5\xe9y\xe2\xb2\xe7\x04@]\x8b\xff\xbdk\xca\te\xa85s\xc8)g0\xb8y{\xa7b\xf7\xeee\xe0\x98\xbe~\x00Sy&gt;O\x89x\xc2\x81w\n\x00\x00\x18\x88d/\x99\xeeX\x97G\xd8\xb7u\xa3\x9ez\xf1\xe6\xdf\x1b\xd7\xbb\xdb\x00\xb7\xe0s\x02\xe7\xff\x13\'\x00\xd2\xe1\xbb\x94\xdc\xef&gt;\xaa\x99\x00\\:a\xd0\xae\xf0\xdd&gt;)\xca\x7f\x91\x9e\xb4l:u\xfe\xa0\x83\xde\x08#\x98\xae\xb0\xa0*\x80\x04\x00\x00\xd0\x91\x95\xdf\xf9Q\xcf\x162\x9a{\xaac\xcf\xf4\x08\xbb\xc3)\xf7\xf4\xd4\x89\x1a\x05)J\x919\xb9w\x08\xf3\xc6,6 I\x0b\xf6Q\xa2e|G\xcd-\xf3\x07\xc8\xd9\xa2\x1f/2\x06\x1c\r\xf9\xcc\x97\xceCA:Q\xb4\xd6\xa6G\x80\x00\x00@\x9f\xb4(*\xf8\xee}K\xec "zL\xaa\xafl\xec\x19\x17u\xcep\x7fW!\xe6%\xd4v\xdec\xf4\xb0g\xca\xaf\x12\xeb$\x16\xde\xc5\xe8\xfc~\xed-\xbf\xf0\x10\xb4\xed\x0c\x11\x99\xeaYz?X\xc3 \xb0\x81\x89\x1e\xd1\xdb\x86A)Yk\xea\xf7\x15\x00\x80\xeb\xa4jh\xa5\xc8.\x9c\xdd 7\xb3\xf9\xc7\xa5\xcd/\x97w1\xacW\xc3\x8fF\xcf,3\xde\xd2\xc0\x9dQ\x97+\x95\x1c\xd3\x82\x12b\x1d\xb8\x9f\x93\x11\xa9K\xfc\xeb\xea-B\x02\x00\x00h\xc1\x0e\xaf\x1a\xbb}Vu\x8c\xe8\xbf\x946\xad`f\xfa\x8b\xdd\xf7\xd50|fJ\xe1\x92\xd0!\xafn\xf1([\xe1\x0e\xa2\x9f\r\x99\xebh\x80&gt;\xdc\x83\x07\xa8\x10p\x97\\h3\x12\x00\x00@:\xe9\xdevw\x11m\x13\xcf\xc8Do\xe0T\xdd\xa8\xafv\x7f&lt;\xff\x96\xbc\xefO\xdfv\xc2\xdb]\xbf \x160x\x873\xd1\xc7:_\xefd\xf9\xe0\xdd\x05\xaa3y\xf5\x1bm\xdeyB\x89\xd4$\x03\x1c\xaf\x8c\xbe\x90\x01\x00\xa3\x91\x95\x00\x0c\xeak\xbcV5:\xa7\xd9f\x1a\xc2\xdc\xa3,E\xf1VL\x8f\x90&gt;#\xd7\x06E\xee\xd6\xdb\x00P\x9b\xc4iiM\xe3z\x9egH\x9f\x06\xfa0\xf4d\xd8\xf3\'\xca\x00\x00\xcat\xfb\x84\xebH\x98i\x89\xf1\xb9\xd5\xbf\xd4\xb1Vr&gt;\xedL\x00\xbcU\x8c\xd7\xb7\xcf\xd8\xc8\x1d\xba\xff\xf2w\xcca\xaa\x07\xdbs\xe0\x9aQ\xee\x04\xdd\x07\x0c\x8aE\xb5\x1bbf&amp;zi3uGaqe;}.e\x84\x90:\xc1\x80}v2\x00`wT\xf9\x88p\xb9\xb75b\x94\xd9w\xab\xfb\xc4\xbbD\x8d(\x10\xber\xe2W\xea\xd0\x8bg\xc2\xaa\x0fko\x8d\xbb\x19\xa6\xfcPl\xc9Nu:\xd3\\\xa7\xc9\xc3\xdd4\xd6\xc1s\xd59\x9f\xee\xb0\xaf\x88w\xf9h\xe2\x00\x9f\xddJ\x9axo^\xd1\x10\x00\x00\xc8E\xdd\x8d\xfa\xa5\xa9\x86)\xcd\x99\xcd\xfe[\xa29\x97\xb8\xba#m\xdd\x93\xe6\xab\x0f\xe0V\x9c\xbb\xe2\x01\xa9\xb5t\x13\x00S\xee\xc8\xa3siu\x9d\x95\xb89\xad8\x08]\x9a\xa3\xaet\x80\x04`M\xd0\x98\xed\xa9\x07\x00\x00\x8c\xc0\x18n\xb4\x97Cg\xe6W\x13\xe9e\xa2/\x9f~\x98\xdd}\xe7\x04\xa0}\x8f13\xd1}T\xa5U\xe2\xa9\xb6\x96!&amp;y5*\xc5Ca\x81Z\xea\xf2\xe5,#{\xc9\x04T\x9f\x83:w\xe9\xcb\x0e6s\x90\x00TAj\xcc\xf1}\x11\x00\xa0\x11\xc3\xbb\x92\x91|\xf4\n60_\x13\xd6%"\xa2\x1f\xd3\xde\x87\xba\x04\xf4)&lt;k\xdc\x01\xbdfj\\\xa7\xc4\xe6v\xff\x04\xc0\x16\x12H\x00\xb2Udwi\xd58/S\xf2P\x11s\t\xb8&lt;\x04\x00\x80\x99:\xaep\x88\r\xa3\xd6);3\xd3\xbdy\xf5J\xe2\xbe2\xdcAT*{\xb7\x1fH\xc8\x1bb\xed\x18\xcb\'\xea\x1e*\xd2\x7f5?W\x89V\xcc\xe8\x87Zk\x8a\x99\xef\x8d\x05\x9bFIw!\xcd\x00\x00\x80N\xa4G\xa8K\xe1\xd4\xba\xfe\xf2\xfem\x80\x99\xde\xc9|7\xa2\x8e\x99\xe9\xef\xf4w\x94\xec \x1e\t\xc0\x15\xf0\xa2\xbcQ\x96Ty\xe6\x0e&amp;\x0f\x1bq&lt;9V\xa8\xe7\x13\xb1\xae\xbbA\xe1\xb3\x82I|\xbc\xb8\xe4\xee\x8f\x1b\xdaS\xad\xc70\n\x00\x80F\\\xbc\x18\xf7\xf9\x8e\xff\xae\xceN\xbf\xc9\xa1\x03?_\x02\xa0u\x1a\xba\x93-||\x0b\x9d\xec\xd4\xec\x8e\xe4\xcd\xea\xaaU*\r"\x13=\xd8\xa9h\xf9&lt;O0\x01\xd8\xe7\xec\xda\xa3\xcd\x9a\xec\xc1\xd9\x02\x00\x80\x9fQ\xa3F\xe9\xe3\xf2\xd9\xf6\xef\xe0YO\xfd\x83\xd5A\xda\x9bz\xeb\xc2\xf6\xaf\xb5\x19\xa1\x8b\xae\x94\xdc\xcb\x84\xc4OI\xaa~U\xa5\xe5I6\x7f\xa7i\xd2\xe2|}\x11Pn\xc6\x00\x0c\xe2^f\x02\x9f\xdcp\x16\x06\x00\x80\xce\xdc@G\x8clS9\x9dN\xa7\xd3\xa9\\Y\xb1\x04[\x1c\x87\xf7\xf5\xcb\xeb\xa7\xcd+b\xf9{p\xf7\xe9\xe3r:Q\xa0+\xfa\xdc\xf18p\xb7\xcb?(\xe5\xf3\xf3\xa2AVl\xabn\xb8\xcf\\v\xc4X\x98\xfa\xc6g\xf8"y\x95\xc5\xdc\x93\xf9\x02\x17^~\x9e\x1d\xe8\xe5\xab}\x96\xabT\xa6e=\x9eV\x93Jh33\xbf\x81u\xc0\xf1\x1d\xd9F6a\xdd\xcc\xde$\x193\x94\xe5\x00\x00\xb0\x1b\xb2?$G\xe4\x8e\xfc\xa4\xa7by\x07\xf9\xb9\xf7\x06\x1a\x0f\xfdw\x8c\xc1\xc7\x08\xff}\xf8?#a\xf2e%\x1a2\xab\xd5z\xd2w\xb4\x13\xd38V\xac&lt;\xcatb\xa2\xa7\x89Kn\x8f\xde\xcd[\xc4\x7f+1\xc3\xc4V\x9a d+\xd0\xfc\xc5|\xab\xc0\xd4n\xec\xd4l\x00\x00\xb8B\xe4w\xeb\xbewj\x1d\x16v@\xe3S\xbf\xf5\x9f\xb9j\xd6\xe1\xea*"\x17&gt;\xca\xbaZ\xc4"?Q_E%v\xb3`\x13\x16\xd4\xe6\xa4`\x93\x00TE\xa2\xe2eSY&amp;;\\^%\x032uv{\x07\x7f\xe2\x11\xe4\x80\x01\x05\xe0\xc0\xb4&lt;2\xb1\x82u\x1d\xbd\x07&gt;\xf2\xb1?\xc67\x14{= \x8c\xb1nTA3+\x06C\x03O\x0c97\xecm\x802\x97\x00:\x94\x93W\x1d\xac?3\xb4\x08n\xbax\xfdkz\x96r\xffT\x13\xaf\x9c`\xf7V\xba\x03\x04\x00\x00/M#9\xd7\xfdu\xa9\xc8$\xed\x19oQ\xfc\x08\x10~\xf6(\xec$\xabQZDOR0\x05,\x04\x07\xa5\xd1\r\xc0%\xfa_Y"\x980\xfb\x98\xf9\x87\xa4\xce\x05\x11\x06\x14\x00\xd0\x82n\xbe\xe6)\x89\xcf\xcc\xe4k\xdaIhh\xb0;\x83E\xf0\xe5\xb3\x90\xc7l\x1d(\xe0\x9bU\xa5\xe5M\xb0a\xa6\xe5\xe6\x80\x7f\xfbl\xd2\xce\x16\xd1\xbe\xac\x8d\xf3\x9f\xab]\n1=C(\xd6\xbcH&lt;X\xf7\x02\x00\xda\x90\xef\x9ao5\xc6&gt;\xc4D\xdf\xd6\xdb\x86,*\x7f\xce\xb8\x84\n\xb7=\x8b\xd8\xec\xda\x9a\xa6\x80\xb1\xc0\xe0\xa60\x84\xe3\xbdf\x14?#\xb4\xfd\xdcy\xbe\x01M\x1eW\x03\x00\x8cI\xfb]a\x88}\xa8\xd4\x86\xfd\xec\xa6\xb6\x9dO\xadu\xd2Y)\x01\xa0\xe9\x83\x9523\x98\x8c\x9ca?c\xa4Li\xc3oz\xec~;v\xeb\xf6\xc2U\x8d\xc2\xc8\x11v\xb3\xcf\xac\x03\x00\x8eB\xd0k\xd4\xbcj\x1c\xe0\xcb\xe7\xa7\xb6\xdf}\xf3\xca\xe8\xec\xc2H\x93\xafM\xe8\xd8\xe5+Mv\xd7L\xd0\x1a\xcc\x90"\x06\xed=\xad\xc3\xeckr H\x00\x00\x00I\xb8\x8e{\x973`\xf3\xf5\xaf\xa8\xf4LH\xda\x87\x01\xb6\xa6F\xab\xa4\n\x14|\xea.-/\xd2\xf6\xcb\xceC\xf1\xb5\xfc\xef\x9a\xcf\xce=\xaaw\xb5U\xec\xc8\xd4\x9d\xb1\xabi\xe0\xc0e\xff\xab\x93\x7f\xd1\xed\xbd\xbd\x9dh\x7f\xf2\xad\xa3\xee\xaa\x86\x1b\x8f\x00\x01\x00\x12\xd8&gt;\xef\xc1\x06_V\xe5a\xc7\xb5\xaa\x04)\x96\xb5o\x12~n\xd2(\x9c\xf45\x1aB\xabL\xe1\xa2\x1c Z\xc6\xad@P1X,\xd4?\xa9&amp;\xe5\x11\xcdU@W\x92g\xce\xf0p`\x15\xef#H2\x8d\xdc\x9e\xc5$\x0b+o\xef\x87\xba\xe5^Sx\xbd\x1f\x84\x1b\x1f\x00\xe0\xba\t$\x00Ib\xd2}\xcd\xfc\x9d05&gt;\x0e\xcbf\x1e\x93,]p\t \xce.\x96\xf2\x96y\xcb\xbfq\x1d\xc6k\xaf\xcc5\xd8]+\xb5\n\xb8&amp;ZM\x0f\xedy\xf8\xf1\xde\xb4\xdc\xe9\x10\xde\xa8RK\xe5\xa7\x03\xee\xca\x93{\xc9\xf6c\xaa\xb8S\xa9\xdeV\x01\x17\xc6\xccA\x0e\x00\x00H \xd7\xad\xa7Uaf\xca\xda\xd8\x92\xce6\n\xb6(Qt\x9eh\x06/\xbfH\r\xcbn\xe6\xea9\xa5T\xe1\xe9\xe9\x1c\x00c\xe3\\w5\xa3\xd8\xb4\x87\x15\x1d\xf5\xadHnL\x9e\xd9\xdb\x00\xb0\x06q?\x00 \x93\x96\xe7:9\x8a\xe6]&lt;R\xf7s\xc8\xb3\xe5\xb7\xc7\x88\xf9\xd9\xfeMj[F\x9a\xb4\x9c\x00i4?\xbb\x0f\xbbw\xfe\xfe\x99:\xf0\r\xeb\xf5\xe4\xf7U\x93\\\x89\xf2\xac~\xfe\xdc\x7f\x0b\xff\x90\xa7\xc288\x10&gt;\xc4\xb8\xd3\xb5vU\x01\xeb\xe5\x18\xa8\x95\xb6\xeb\xe9X\x00@67c\x9fo\xf2\xc4\xa9\xd6\x11x\xe3\xb4A\xaa\xce\x08\xbbS\xe5\x87\x0b\x10\xbdc\xba\xc0\xf3\x7f\x8f\x9b\xb3\x97\xa5!\x89\x1f\x84H(\xa94(\x9f\xaf$\x07\xf9\x80\xcd\xcd\xe53\xd3H\xea~\xa8\xc34\x85\xb7\x00\x00 \x00IDAT\xaaM\xd7\xc6\xc0\'\xa6\x19i\xff\x1e\x19\xb6\xff\x0b\xf1o\x9a\xc9O\xd8\x02\x00@\x1d\x04\xf1\xb4\xf3\xdd%\xaeMH\x00J\x1e\x8d\xb5u\xc7\x8a&lt;k*\x98\x9c\x9c\x08\x12\x804iV\x95\xe9\xe7%\xfa\x8fg)l\xd6\xca\xd4\x9b\xcd^\x03\x8b3\xdd\x8d\x8f\xae\xac\xcf\xd9m\xe8v\x186\xfd\xefZ;-\x8f9\xfct7@\x19\xbd\x04l\x84\xd11p\xb7+m\xfb\x93M\xb9\x91Z\r\x008\x0e\xcc\xf4\x06\x91\x08f\xe0#4\xcaK\x00\xfc\xdc,C\x94\xf8\xca\xe2c\xa2\x92\x8c\x7fGf|\x0b\xc7A}\xed\\g\xe7\xebv#\x8b\xd7lGF\xb6-\x81\xb1;\xb9\x06\x8el\xd3\xf3\xee\xe0{+\x00\xe0\x98\x1c\xc6\xe9\xe8G\x06\x05\x15\xc3u\x7f8Uf\x96%[1\xde\xa7\xbf\xcaE\x7f\xd5\xe51$\xcd\x1b\x95\xb9^\x9eMu\xc86F=\xfa\x1f\xaa[\x1a\xa2\xf9D\xe2\xb5\xf6!\xe8\x82\xff{\xabb\xf5\xaex\xbd\x03\x00\xc4\xac\xdc\xc4\xe0\x87[e\xd8\xdfj\xda\xd1\x10\x93j\xceZ"3\\\xe66:\x86xU\x87\x9ey-\xf8\xa0\xc2\x17\xe5\x9a\x04\x8eL\xc6\xe7j\xf6\xc9\xe1\x1b\xd8\x9e\x8c\xe7`\xc3\xe5\xe5U\x98\xee)\x9f\xb4\xe6\xe3\xa0\xc1\x07G\x01\x00`f\xfe(a\xa5\xc88*\xb6\xe6\xdd:o~\xf0\x1aQA{/Vw\x0b\xeeOkL\xc5\xfe\xa3\x9d]\x11&gt;\x9e\x88z&amp;\xa2\x7f~\xa49\x00V\xb4\x1c\\L$\x10@&gt;=\xde&lt;}c:{\xfe\x9fq\xbc1\xfa\x03l\x00\x00\x15~T\xf9C\xaeU\xa9\x9d\x00\x08&gt;\xcd\xdc\xee\xe9^I:\xa4\xa2e\x96\xe3\x15\xc8L\xf4m\xe5\xbaTQxl&amp;w(3k\xed\xe7c\x18\xa0\r\xf2S^\xcc\x19E\x8c\xceD\x98\xeb\x02\t\x00\x00W\xc1\xb2\xd4+&lt;\xc3\xad-\xd0\x8aP\xb3=\x94\xff\xeaS|\x8b\xda\xe4\xcb\xbfe\t@\xb9%\x82\x04\xe0\xb0|T\x13-\xd7\xd0\xab\xfbi\xe3\x90\x93&lt;\xbc\xf4\xaeoa\xee\x91\xf1?\xf9\x1df\xbf\x96\x03\x00\xfa\xa0\xf9\x19\xd9\x84\xa2\xb9\x8f\xeaN&gt;zv\xd6\xf0z\x19D\x1e\xcd\xef\xc2\xb4\xf5\x8ee\x15\xa8\xc5\xefW\x9b\x81g\xcf\xf0G\x19\xc2?I\xdf\x983\x83\xad5\xb0%\xb2\xa1\x8c?\x82\xff8\xbc\x85\x00\x00m\xca\x0e-\xa6\xa8+\xfb\xe1\x1c\xbb\x8a\xb4z\xc9Y\x0b3\xd3\x9f,i@\x9e\x90A\x03\xcd\x8a\x8fH\xcd\xdcm\xd0\xb3.\x9e\x1f\xe2\x12\x1b\x96\x9f\x01\xb6n;3\x13}\x03\xad\xd7\x8b\xae%\xbd\x064Go\xcd\xec\xbdb?\x0c\xb7j@#:\x8e\xfb\x9d\x06\xdd\xad\x00\x00\xbd\xc9&lt;Jw\x89\xb1\xd2\x00\xb5\xadn+G\'\xcc\xed\x15\xc5\x96\x9a\x1d\x90\x90\x9d\x86\xed\x9c\x92\x87\xc1&gt;\xa4\xaa\n-\xfc\x8fi\xa9\x18\xd6\xb7u\xfb\xc8\xc1\xca0\x87/\xe7\xc8\xa3\x1fW\xe8Oz\x91\xd7\xcf\xff\x18\x93\x8a\x8bn\x00\xc0\n\xdd\xa7\xff\xbf\x85\xa9R\x00\xea\xfa\x9b\x9a*b=\xa6\xde\x84\x88\xe8\xdd$*\xbe_\xc1\x8cd\xe6\x8b\x0b\xf8\xf4\xd2\x1eP\x9d\xa8\x03\x0e\xc7_\xf56\x00L0\xd3c\x98\x1e:`0-\xb1g4\x9b\x8f\xca\x03\xeb\x88\x95\x0f\x1f\x06\x1a\x80\xc3\xd2`\xfb\xc9\x97/\xb7\xad\xf8\xe9\x1d-\xf8q\x02\x1bR2\xa2uXo\xd4\xbdo\xb2u\xca\xbcUo\x03,\x94\xf2\xcc/S0\x85\x88\x9a&gt;\xda\xd1}\xdag\xb3_\xcb58\'\xed\x1f\xb9\xed\x84v\xddR\xf3\xf91\xd0\xa63\xe5G?\xc2b7\xcf\xb7\x05\x00\xb0\x17\nc\x94j!N\x9a\xd8\xf9\xb3V\x95\xec\xd1y *K\xef\xb6EW\xf9&lt;\xcf.\xd9\xff0\xf5\xb9S\xda\x7f\xbfEa\xba\xcf(mt\xdd\x1c\xfeC\x1fSFg\x94!\xdb ^\xa7\x82\xbd\xc3~j\x97{9\x01\x00\xc0\xe8\x18&gt;\xa2\x06\xaf!7c\x8a\xd1u-a\xa2o.\xf9t\xc1\x9b(\x842\x9f_,\xc1\x84\x89&gt;\xa6\xa8~\xfb\xf4\xe3\xf8\xe1\xe0\xa0\x04\x1e*\xab:\x07^\xafH\xf8&gt;fK\xb0\x033\x9a\x10\x92\x16\x1e\xac\xed\x8a\xbe\xbe\x87\t\xab6\xb6AOJ\x8f\xff\x97\xc8\xde\xff\xd7]\xe6\x02+\xf4\xac\x05\x00\x0c\xc1\x89\x99O\xa7So3\xdcllc"\xb7\xa9\xb3{\xcam\x8bO\xf2K\x89\xde\xf8,\xfcDD\xc9\xc2\x17\xb79l\'\xa7b\xee\x04\'\x9a\xbb\xad^\xeb\xd8-\x9f9}8\xae\x17f&gt;\x19\xa3\xa5%\xb5\xe6\xb8\x1f\x9bp\xd7y\xe6|T&amp;g\xf8(\xc7R\xbax\xbc+Z_\xd73\x93\x8d-\x89\x1c\xb3%\x10\xe8_\xd3|\x00\xe0:\x08e\xf6\xa3$\xfd"3j\x9cR\x98\x07!%B:\x1c\x9f\xac\xbfG\xd5\xf9\x90qq\xa3\xce\xff\xdeb\x90y\x02\xbc\xe0\x0co\x04d\'\xebL\xf4\x01-\xac\tXp\x8d\xb3\xe5\xee\x8d\xf7;Y\x0f\xff^\xb9\x9e\xed\x94cf\xfaS\xafv\xf3\xe1\x1f\x1c\xff\x03pd\x02k\xbb\xeb\xb2g\xa2\x9b\xcd\x0e\xa8\x9b\x11\x1a\x17\xa0y\xd5\xcbn\xe1\xf9\xd3\x16\x8dN\xed\\&amp;\xbf*}\xac\xc2V\xd7\n\xf40\xa0\xef\x1d\xcc\xff\xc4\x9f\x8d\xa9\xa0Q\x96\r\xcay\xac\xe7X\xe7\x05)B\x00\x00\xd7C\xc4\xdf\xf5\xf2\xd1L\x8f\x98&gt;\xd4\xbby&gt;5)J+\x08\xe9\xcc\xe8?_H\xa3o\\Nk\xe6\x8fj4\xcdk\xca\xe6\x87\xbd\xb0;\x83\xc7$\xf4\xc9\x81\xe1S\xac$\xf3\x9aE\xb1Lt\x97&amp;\x8a\x1a\xd12\xd4\x162\xe2\x11@\x8e1\xce\xcb^\x1d\x86\xeb\x1f\x00@\t\xce\xe3\xe1\x0ev\xb8X\xdcM\xfc\x81\x96\x90\x90b\x13\x8a\x8e\xff\x0b\xb4\xcf\xa7D\xbf\xbd2i\xd3\x03c\x1d\xa7\x9d\xc1V1,\x95\x87&amp;\x10\xdb\xe9M\xd4\xfeG\xc8-\xa3\x7f\xd0\x86zc\xdal\x10k)\x1a1A\x02\x00\x941\xf2z\x9e#\x89\xf7\xc8\xaa\xfes\xdfb&lt;\t\x93\xa3^\xe3\xf9\x9f\xdcZ\x92g4\xad\x972\x14\xe9\xf1}\x9d\xf4\xb2\xf1o\x89\x84\x96\x04\x1f\xbakt\xbb\xe5\x90\xa5\'Iw6:D]W \xb2\xc7\x96\xfe\xc5\x0em\xae\xc6\x11\xa7\xeb\xc1\x9a\x03\x00\xa8B\xa1\xa7`*\tt\x8a\x0f\xe0\x0b|\xf7*\x88\xffI\xb9\xb4\xd8\x939\xee\xc7\xfa3L\x8c\x1aRA\xa6&gt;\x9e.-\x9b9\xa9\x16x\x87Lh\xc0\xf2\x91\xbb$\xb5D\xb7\x94\x97o\x88|~\xe6\xac\xaf#FT[\xbe\xd8\xf8\x06\x02\xf9\xc94\x13}\xb9\xf5\xbb\x7fu\xf8\x7f-"qt\x8e?\x94\xc7\x9a\xae\x1ctw\x00\x80\x1dr \x0f\xa5\x08\x7f\xbc\xaa\xa7\x1b`\'HhNoS\xcb\xe0\x85\xea\xba\xfe,g\x92\x98\x86q\x96\xb5\xfb\x1e\xa0\x0b\xaf\x96Q\xa7\xf6\r\x83\x8b\xfb\x17^4\x15\xd8\x9c\x90\x00l#\xb3\xf6\x93$):\x1c\xc0%\xd6\xe3N\x97\xff\xf7\xb6\xb1K\xc3\xa3J#\xc7O\x97\x9b\xf9\xc3\x8e\x1a\x00\xd7G\x92#\xf6\x14\xb6\x02\x1a%\xbbZ\xe2\xb3\xf9Fj\n\x8av;\x9e\x85\xe4K\xb8\xaa\x93\x1b\xcd\x04\xa0\xfe\x1dT\xafHH_\xa9P\xe0\xb7f\xab\x16t\xd4\x80\x93\x1c\x1f\x18hB\xff\xadg2\xe0n\r/!\xc5\xa8\xb8Df\xa6\x97\x8e\xd5.\x00@\x01iN!\x12G\xder\xf3\xd5=Y6)\xa2b\xc0c|\xc2[6\x90\x99\x89~t\xfd\xea\xafy\x1f\xb1X\'f\xbf\xd2},@\'\x06:\x86\xac\x0b\x1eQH\xe4(}\x85\xa7S"\xe8\x9c\x89\x1c\xfa\xde\x06\x00P\xb6\x89\xae\x1eo\xc88x\x1e\xdb\x8f\x9fm\xfb\xf4\xdefd\x10\xed\xd56\x9f.\xd8\n\xd7\xd2R.\xe7/\x07\x9ex\xddH|\x12]_\x7f\x92\xea.\xde\xc3R\xfa\x13\x98B\xd5{`\x13\x866x\xe4\xefKk\n\x0f\xa3\xd8\xae\xdf\x90\x0b\xf4&lt;\x9a\x88\x04\x00\x80\x83S\xf2\x9c\xdf\xcd\x89\xe8\xfc\xa4\xe0\xe4&gt;\xd2E\xb5\xf6\xef)\x0f\xc7\xef\xd8\xfd9-\x7ffJu\xbd\xe8j\xee\xc6\xd2\xfe\xbcX\x95;CVO\xaf\xa5\xdd\x86\x1d~/|\xd9\xbc\x84{\xb5\xf4\xa2w\xe4C\x01\x8b\xc3O\x89\x11\xe8\xf4\xf1\x86\x7f\xa9\xadD\xf0\x8a\x86\x1a\x81\xa3s|6\xa9\xec\x8b\xf5\x00\x00\xa3\xf1\x8fu\xc4nB\xff\xc5\x8f0=\x9a\x99\xf9\xfd\x13?\xf2\x18\x08\xef\xb0\xe3\xaa\xf1/s\xb0\xb5\x86m\x82R\xf2\x86#\x7f\x10Sls\xd4\xcd\xd6KD\x0f\xc5\xdc\x03kF{\x06RB\xc0\xc8]\xd8\x1f\xe5\x18\xad\xd0\xc2\xd3\x1b\xbc\xda\xaf\x8f\x7f\xc0\x01\x00H\xa3\xc4)\x9c\xebj\x1e\xe7\x1f\xcaC\xf1\xe6\xea#R^\\\xf8\xe1\x99\x16\x99\x9a\xe6\xdb\x0f\xe1\xf7\x99\xb6\x1c\x9a\xc5\xbc\xa2\xa3\xe2`\x7f\xeew\xa6\x8d\xbb\x91\xdbi\xdb+\xea)\xa9#Y\xa4\xbb\x97j9\xab\xeb\xd6nv\x0c\xcd\x15t\x8b\xb5;_A{\x01\xb8^\x14B\xb4\xcc\x87|\x147\xc5t\xedo\xf7\x0b=\xb7d\x89\xea\xfb\x8a\x85\xc9#\x9b\xd6\x0e\xdd\x9f\xe3\xfdpU\x95\xe52\xcc\xdf\xac\xf7\x9e\xb9\xe3\x1dq\xe0\x1d=\xe7\xde&amp;CA=\xf9Q\xf5\xddT\'`\\\xfd]\xba\xeb\xa1\xd6\xdb\xc3\xb4\xa2\x86%\x82\xd3n\xc7\xf2\xa9\xd9\'=Wk\xe7\xf5\x02\x00h\x80\xfd\xd4\x04\x9bg\xf3\xe2\xb0\xfew\x89\x98\xe8[Kl\xc8\xae\x0b\xae\x80\xd8\xf4(\xbe\x8c\n\xf1;\xbb\x9b\x9c5\r~\xc7aS\x88"$.\xa8\xd8M\x05\x8eZF\xec\xd2U{\x8f\x15\x11z\xda\xf2\xb5i\x89\xe8T\xf8I\x9a\xa6\x19\xe2\xeb\x88\x05\x00\x00"\xf2\xefjv\x0e\xe0\xad\\\xa8|\xfa\xe1\x13\xb6\xaa\x83\xe5\xebr\xa0}.\x8f7\xeem\x80\x85 \x0b\xcd\x1b\xafoN\xaf\xbb\xaf\x89Q\xc7\xda\xdd\xac\x0eQ0\x97\xb0\xd8\x8b\x1a\xce\xc1\x04`x\xac\x9e\xdcw\x12\x18\xdf\xd7\x12%i\xf4\xc6\x8e\xfb\x13\x00pL\xc2i@\x85@\xf9\x1cz\xfeL\xba\xe4[\'\x95\xfe\xc7\xe0\x1e\xa0\xda\xae\xaa\xf1\xa5 I\xcb\x92\xa8%\xad\x1a\xd8t\x1bp\x9d\xfdS\xd0\xeag\x8d\xd0c\x7f[I\xee\xe4\x19\x9e\xa8\x14\xf2vD\xcb\xf8\xef6\x12\x80B\x99\x8f\xdey\x97\x02\x00\x8e\x883\x07P\xf2z\xdd\x08\xc7\xcd\xba\xf1\xf4\xea\x05\xf3\x87lE\xe6i\\\xfa~\xbc\xd7Q[\xc8\xccR\x9cc\xb1\xff\xde\x18\x0b\xe5\xfedf\xa27\xd5\x95\x19\xd4\x96\x7f\xa6\xdb)s\xf6\x1d\xcd\xc8\x8d\x11\x95\x9c\x1d\xe6\xfe\x13\x00-\x8c\xd9\xb2\x83C\x930\xabi\x7f\x97\x9e\xb6\x00\x00\x86\xc1\x93\x00\xec\xde\xe5\xc9\xa9\xd5\xd2\xc2PC\xfd\xf8\x7f\x17l\xe6\xde\xd7\xc9#\x98J&amp;9\xb55\xd45\x14\xfbnx\xc9$i\xbf\x12}\xe9J\x8d\x04\x00laf\xa2{\x17\xca\xd01\xa5\x8c\xcdV2\x84U\x00\x80\xfe\x84\x1f\x04*\x17\xae.s$B\'\xfd\xd2\xb6\xaf\xb7s\x9e\xc5\xe6\xf6\x9e$\x7f+\xba\xa3\xa8\xc7\xca$i\'\x18\xc5\x98\x99\xe8Fr\x85I\xe6\xf5\xe2\n\xcfe{\x1fC|\xe4\xe6\x95\xd4\x8b\xb8`y\xc1\xc4\xb6\x07\x9d\xcd7R,\x01%0\xd1\x1dz\xdb\xb0"y\xf4\xd9\xe6\xda&lt;\t\x00\xc0\x07o\xbc\x83\xbeprD0+O\x14P}lo\xb5\xedv\xde\xa4\x04\xd3\xeb6\xaf\xbf&lt;\xa9\x95\x99\'\xf4\x8e\xb1t\x99\x1ar\x9c\x16\x81\x8e\x94\xcd\xa2\xc8$\xbc\xf3e\xf5\xbde$IP\xb3\xe7\xb0\xf8\x1e\xc2&lt;0\x8f\xc8\xa8\x83\x04\x00\x00\xb0f\x1d\xfek\xe7\x00\xb3\xbb\xd9\xfa\x1d\x89\xa2u\xad\xba\xdf\xca&lt;\x0e)\xf7\xfb\xf7\xf7%\x0c\xd1\xaaU\xee|\x06\xe5\xee\x85-\xad\xd2Q\x05\xfd?\xf2\xc0\xa5\xda6bDR\xe7F\xd4:\xce\xaft\xe9\xba+\x14\xcf r\xdd\xa0G\x1a3\xd33v=:\xce#$\xdd^\x02\x00\x0cLh\x83q\xc6\xfe\x9e=I\xfdf `\x94\xaa"\xba\x93\xffba\xe0\xdd7#\x84\xca\xd32f\x0f\x0ceUEc\x06\x9e\x81%</t>
        </is>
      </c>
      <c r="E641" t="inlineStr">
        <is>
          <t>&lt;class 'numpy.ndarray'&gt;</t>
        </is>
      </c>
    </row>
    <row r="642">
      <c r="A642" s="1" t="n">
        <v>640</v>
      </c>
      <c r="B642" t="inlineStr">
        <is>
          <t>steps_per_sec</t>
        </is>
      </c>
      <c r="C642" t="n">
        <v>7200</v>
      </c>
      <c r="D642" t="inlineStr">
        <is>
          <t>3.0693536</t>
        </is>
      </c>
      <c r="E642" t="inlineStr">
        <is>
          <t>&lt;class 'numpy.ndarray'&gt;</t>
        </is>
      </c>
    </row>
    <row r="643">
      <c r="A643" s="1" t="n">
        <v>641</v>
      </c>
      <c r="B643" t="inlineStr">
        <is>
          <t>Loss/RPNLoss/localization_loss</t>
        </is>
      </c>
      <c r="C643" t="n">
        <v>7200</v>
      </c>
      <c r="D643" t="inlineStr">
        <is>
          <t>0.093527295</t>
        </is>
      </c>
      <c r="E643" t="inlineStr">
        <is>
          <t>&lt;class 'numpy.ndarray'&gt;</t>
        </is>
      </c>
    </row>
    <row r="644">
      <c r="A644" s="1" t="n">
        <v>642</v>
      </c>
      <c r="B644" t="inlineStr">
        <is>
          <t>Loss/RPNLoss/objectness_loss</t>
        </is>
      </c>
      <c r="C644" t="n">
        <v>7200</v>
      </c>
      <c r="D644" t="inlineStr">
        <is>
          <t>0.019845607</t>
        </is>
      </c>
      <c r="E644" t="inlineStr">
        <is>
          <t>&lt;class 'numpy.ndarray'&gt;</t>
        </is>
      </c>
    </row>
    <row r="645">
      <c r="A645" s="1" t="n">
        <v>643</v>
      </c>
      <c r="B645" t="inlineStr">
        <is>
          <t>Loss/BoxClassifierLoss/localization_loss</t>
        </is>
      </c>
      <c r="C645" t="n">
        <v>7200</v>
      </c>
      <c r="D645" t="inlineStr">
        <is>
          <t>0.20304105</t>
        </is>
      </c>
      <c r="E645" t="inlineStr">
        <is>
          <t>&lt;class 'numpy.ndarray'&gt;</t>
        </is>
      </c>
    </row>
    <row r="646">
      <c r="A646" s="1" t="n">
        <v>644</v>
      </c>
      <c r="B646" t="inlineStr">
        <is>
          <t>Loss/BoxClassifierLoss/classification_loss</t>
        </is>
      </c>
      <c r="C646" t="n">
        <v>7200</v>
      </c>
      <c r="D646" t="inlineStr">
        <is>
          <t>0.026027523</t>
        </is>
      </c>
      <c r="E646" t="inlineStr">
        <is>
          <t>&lt;class 'numpy.ndarray'&gt;</t>
        </is>
      </c>
    </row>
    <row r="647">
      <c r="A647" s="1" t="n">
        <v>645</v>
      </c>
      <c r="B647" t="inlineStr">
        <is>
          <t>Loss/regularization_loss</t>
        </is>
      </c>
      <c r="C647" t="n">
        <v>7200</v>
      </c>
      <c r="D647" t="inlineStr">
        <is>
          <t>0.0</t>
        </is>
      </c>
      <c r="E647" t="inlineStr">
        <is>
          <t>&lt;class 'numpy.ndarray'&gt;</t>
        </is>
      </c>
    </row>
    <row r="648">
      <c r="A648" s="1" t="n">
        <v>646</v>
      </c>
      <c r="B648" t="inlineStr">
        <is>
          <t>Loss/total_loss</t>
        </is>
      </c>
      <c r="C648" t="n">
        <v>7200</v>
      </c>
      <c r="D648" t="inlineStr">
        <is>
          <t>0.34244147</t>
        </is>
      </c>
      <c r="E648" t="inlineStr">
        <is>
          <t>&lt;class 'numpy.ndarray'&gt;</t>
        </is>
      </c>
    </row>
    <row r="649">
      <c r="A649" s="1" t="n">
        <v>647</v>
      </c>
      <c r="B649" t="inlineStr">
        <is>
          <t>learning_rate</t>
        </is>
      </c>
      <c r="C649" t="n">
        <v>7200</v>
      </c>
      <c r="D649" t="inlineStr">
        <is>
          <t>0.039722763</t>
        </is>
      </c>
      <c r="E649" t="inlineStr">
        <is>
          <t>&lt;class 'numpy.ndarray'&gt;</t>
        </is>
      </c>
    </row>
    <row r="650">
      <c r="A650" s="1" t="n">
        <v>648</v>
      </c>
      <c r="B650" t="inlineStr">
        <is>
          <t>train_input_images</t>
        </is>
      </c>
      <c r="C650" t="n">
        <v>7200</v>
      </c>
      <c r="D650" t="inlineStr">
        <is>
          <t>[b'1024' b'1024'
 b'\x89PNG\r\n\x1a\n\x00\x00\x00\rIHDR\x00\x00\x04\x00\x00\x00\x04\x00\x08\x02\x00\x00\x00\xf0\x7f\xbc\xd4\x00\x00 \x00IDATx\x9c\xec\xfd{\xfc\x7f_W\xcf\x0b\xcfu\xb9\x94\x14I\x97t \xd9\xdc\xed\x8bBWTH\'I\xc8\xa9\x83\x84\x9dKj\x13\xa9\x9c\xa9\xb6t\x90\xad\xbbP\xee\xda\xa2$J)\x84\x8a\xa8\xd0\xc1\xad\x83J\xa5\xb8\xec${\xd7\x96p\x8b\xce\xa5\x1a\xf7\x1f\xeb\xbd\xd6{\x9e\xe7\x18c\x8e\xb9\xd6\\\xef\xf7\xeb\xf9\xb8\xae\xef\xef\xf3Y\xef9\xc7\x18s\xcc1\xc7&lt;\xac\xf5^\x1f\xe7\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dc!\xa2\xb3M\x00\xa3\xb8l\xe7\x92s\x17\xb5\xdc\x87JtJ\xe4\xab\xcc\x16\xa8\xd7I\xab\xfc?#\xa3\x88\xa8\xd1\xd7\xf5&amp;o\x1fe\x8c\xaf\\\x89&gt;\xba\xfdZ\xd5R*\x90\xda\xe6y2\xef\xd2\xfdS\xf7G)\xa9$tu\xcb9|\x817\x93\xfa\xe2\xd3\x16\xf5x\xe9\x1fh\x00&lt;\x12\xcb\xd9\x06\xcc\x05\x11-\x8b\x83[\xdc\xcd\x15\xf0\x83=\x138\x96.\x1a\xe1\xeb\xcc}\xb6\xf7z)\xad?8\xed\x8a\x82\'\x15\xb5,\xcb\xcdK\xce9_`X4\xa7+\x8e\x8aHxZ\xa5\xd0\x1d\xb9\xe8""I\xc7\xed\xaa\xd7*D\xb4|\xb7s?.\xd3\xf0\x92\xcc\x8a\xf1q\xdd\xed\xf7]W\xf4sV\x8b/\x7fY\x16G\xe4re\xf6\x8a\xd9N\xafteZ\xb1\xee\xbd\xd4c\xee\xd6\xff\xcb\xfea\xd4(\x8e\xd8U\xb6s\x8b8k\xe5\x1c\xb2\xf3\xe9D\xef\xbci\x97\xcc\xb9\x19/\x8a\xacb:\x13\x80\'\x01\xc3 \xe01V\x18&amp;`/\x04\xc0\x08\x92U\xc8w;\xf7\x8a\xcc\x81\x96\xdd\x00\xec\x8b~\xe7\xdc\xba\x16u\xf7\xc5_V3w\xb3Q.L\xfe\xca2"*\x9f\x95\x13\xa6\x97\xe2\xdec-\xb3\xb6z\xaf\x12/\xbe\xab\xc6\xa7zo\x177\xe9\xa5\xf5q\xe8\xd5\xe2\x06\xe0\xbeE\xc9f\xcb\xdc\xee\xc2oZT0\xdd\x840\xc9n\x00"\xb6}\xcaB\xe2=\x80\r\xe9.\x82\xd3\x95\xd9\xc2\xcc*L3\x00xN^p\xb6\x01\xd7c\xbb\x87\xf8\xdbme\x1aJ\xb3bJ\xa3\xc4\xcc\xe9[pELbi]|xK\x90W\xe2o\xb3\xa3\x85\xcb\xb2,\xbb\xb4\xed\xe7\xbdD*s\xd9j\xc9\x0c\xa6\xdc\xd38\xeb\x99~\xc5\xc2\xba\xafVS\x19Od\x04\x87\xd8D\xe1\x92\xf1\x1f\xdc\x8d\xd9\xaf\xef\xabg\xcf\'9\xf3\xee\r\xa9h\xaf\xdb\x1f\xac\xb6#\xdb\xf6r%\xab\x88\x02\xb3SS\xebDO\xb3D\x8d\xcd5\xfdv9*\xbf]\xa1\x94\x92Z\xbe\x91\xa9z\xd71\x88\xca.\x92\t\xc4\xea\x1f\x00\x90\x07\xebE\x87g%\xc1S3{\xd8\xab\x06f\xb0\xb0\xe3HHW\xd5\x15K\xd2t\xc1YP~E\xe1zT\xe5\xfe\xf3k\x84\xd2\xb6\x9d\x89\xdf\xaej\xe2\xf2\x9bS\xfc\x92\xc0\xf6\xbc;5\xd6\xbb\xa1y%w\xa5&amp;e\xd6\xday\x03\x1ax\xadh\x15k\xf5\xe3\xae\xb1\xde_\x9c\r@\xbd@\xb6\xed\x9c\xc6f\x85\xb8\\\xe0\x01\x00\x00\xd0s\xcb\xaa\x17I\xac\x98\x03\xc0SQY6\xa5\x17\xd3\xa5\xe7\x873\xc6K\xb4\x9cU\x8c/\xe6*\xadr\xbdBbg\xcd\xd4\xb4\xe2^\xa5\xda\xb4j\x81W\xab\xf9$\xb50rf\xa6Em\x0f\xa7\x05\x8eNz&amp;\x99\xb6\xd2\x9b\n3\xfa\xed\x01\x00\x80;Cs\n;\xdds\xa5\x99\xc8I\xc5"\xb1Z\xe1/P8\xc5\x07\x9a\xf2\xf84N\x1f\x0f\xb3\xe3X\x82\xe5f\xa3(/\xf9\xec\x19\xa0#\x15\xc4\xab\xde\xa2=\x89\xd2{\xf5\xecZ\xd9\xe5\x96\xd7_\x17\x14(\xad\xb9\xeb\xe6\xa6\x9e\x89\xcc\xe35\\t\x83\xa5a\xd8\\\xa9\xf8\xbf\n,\xa9\xb7N\xbd\xfag\xaa\xde\xb5_\xe5\x18\x0b\x80\xe3\xc1\xc3p\x19h\xe4\x97\x84\xf6\x94\x87\'\x11\x9f\x04\xda\x1e\xff\x1dT~\x12\x86\x8e\x9a\x0b\xd9`\x88\xb49\x9c\xc8\x91G\x17e\xa7\x89\xc4\xb6|1\xa9a&gt;\x95\xaf\x13\xec\xdf\xa0m\xae =\xa55\x0b+vy\xb5R\tL\xe7\xb4t&lt;V\xdc\xde\xf0\xfaF\xda:J\xbe\xec.\x90\x10\xc6\xc4\x03:\x16\x00#F}\tx\xa2C\x0b9CS\x86\xf0\xbb^\xe0\xe9\x90~\x1d\xb0\xc4\xc1cp\x86\xb0\x1el\x03\xe3\x08Yu\x03\xa7$V\xd1\x9cf\x95\xfdK\x9f\x8e{\xba\x9cy\x01\x0e\x05_$`\x89Y\x96_T\xfah\xad\xbf,\x81\xf1\xa5/\xef:\xe7\x96\xe5\x87\xf6\x9b\x13Q\x99\xc2\x97_{\xc6\x82\xbf\x0c\xcd|Z\x92\xcc\xb9\xe1\xd0&lt;\x0c\x12\x99=\xdd\x9c\xeb}\xe1XVq\x8b\xab\xed7?\xd8\x18\xb5\xef\xfa1\xd7\x02Pc\xe0[\x80\xa6\xcbG\x13\x81\xc4\xf4\x84\x1cz+\xff\xf0\xd1w\xa8\xba\x93r\x0b\xe7\xd5\x99\n\xb1fmaf\x95\xf5\r&lt;F:\x89j/|\xf75~YKP}#\xb4\xaf\x95\x9ds?z\x7f\xf5QX\xe6\xfe\x9b\x7fq\x13k\xd3d\xd1\x83+\xf5\x92\xcd\xb7\xe2\xf8\r\x0fdf\xf7"G\xcc)\xb2X]\x96\xf7UX\x95\xd5!\x95\xd3\xf9\xc6!\x00\x80\x9e\xb9\x9e\\\x04\x0f\xcaub\xec*v\xaaP\x0e\xf6\xeb\xf9\x84\x7f\xa6+\x92\xfagN\n\xe3\x82\xb5\xf9\x87\xb3\xfd+\xfb3\xd6\x8e\xd9\xea\xfa\xf7e\x83;\t\xd1\xed\x85\xb4X\xc6\xd8\x86n\xcf\xda~\xfc\xf6\xde\r.?\xe6^\x92\xe2\x17\xab\x94gF\xd4Q\x13\xee\x99cV\xba\xef\xba\xce\xec\x00\xc0\xc3qL&gt;\xc2 ?\x92\xe9\xbcmg\xcftM{(^\x92\xbb\xf8h\x0e\xbf\xde\xa9\x07\xfb\xbb\xa7I\xd3\x8c\x9ay\xc8\x97_\xfd}\x85\xa8\x16_rv\x83\xc1T\x9an\x00^&amp;ox\xb6\x83\x8e\x0f\xc8q\x1au\x9d\x08\x00\x00J\x90q\xc03\xf3\x93\x11\xfc\x02N\xf4\x95\xbd\xea\xcc\xea\x7fx0P\xf5\xd7\x0e\xb9\xda\r@\xf3\xbeA\xb8\x01H\xf8=\xcc\xdb\x0e\xb1\xab\rw&gt;"7f\xef?\x88\xec\xb1.\x9c\xd9\x85bF\x06\x00\x1c\xc6\xc0tS\xcfe\xc8t\x00\x80\xd3\x19\xb1\xea\x92\xec(\x0cTk\xecOZ\xbdo\tB\x87L\xb4$\xed\xb7\xa4 \x81\xf5D\x8db\xf5O\xf7gu\x8az\xb3U\x00\x00S#=~\x00\x11\xc8t\xa0\xceQG\xb3\xc6`\x16\x07\xce\xad\xcf\xff\xb4\xd7\x94\xa7L"\xe9Z\xd3\xbb\xb2\xff\x8f+j\xfd\x8f\x95U\xfdr\xea*t\xaa\x15\xb6)\xca#u\x00`\xc8\xc0\xb7\x009\xcb\'\xb4\x9f\x05?\xbb\xe1MA\xa0\xc9\xb2,\xed\x97\xb0L\xc6\xc2\x8a\xed\xf3s\x87v\xa9!\\\x1av1\xf6\xfe\xa4\xe9b+\x91\xc6x\x19\x91\xe9\x0b\x8b\x04\xdc\xe3\xf3w\xd2~e{\xad\xe4\xfe?\x81(\xbe\x1f\x83e\xee5f\xd0\x9b\xb5\xba\x17\xf5\x00\x00\x1e\x10l\xd6\x15\xc0c@\xc2\xc1\x8fe?\x15\'\xa7\xaf\xd3S\xc1a\t\xfc\xf4\x96\x16\xa0\xe4\x87\x01:\xaa\x8f\xdd\x0bn\x80\xfc\xe7\x01F\xa6/b*\xfc\xac:\x9b\xd7~\xd1\xf9\x8f\xcd\x19-\x00\x00\x00\xc0Q\xcc\xbar\x027*\x1d\x84\xbe\xbb\x14\xe4\x9cs\x9fo\xf9\xbdd+Q\xbb\xc0\xb3"J\xb1\xfa\x17&gt;\xb8x\xdf\x0ea\xd4\x00\x00\x00\x00`v8\x1b\x80\t\x965XT\x1d\x8dm\x8fW\x97\xe0\x7f\xdaP\x919\\?\x8c\xfar3\x00\x00\x00\x00f\xe2y&amp;\xec\t6\x00y\xc6X%\xff\xfal\xbf\xca)\xdd\x9b\x85\x88\x9c{ME-\xe1\x99\xfa\x14l\x91\xcf|S*9\xf7-\xba\xae\x9cv\x88\x01\x00\x00\xb8\x18\xcd\xe9\xf6\xf4\xf9\xe6t\x03\x00\x93\xb3W\'\x87\xaa^\x07\x0e\xbb\xc9\xbfq\xb8A\xf3\xf1S\xe5/&gt;\xea\t\xa1\xe1\xe1WN\x95\xc7\x7f\xc9\xe4\xec\xb1\x06\x00\x00\xe0\xe24g\x11L3\n\x9e\xd3i\xcf\xb6(Q}a\xd4\xde\x86s\xb5[\x18\x10\x7f\rWmL\xb7%\xe6\xf2\x87\x98\xf4\xf1\x13\x04\x1e\x00O\x01\x86\x198\x1d\x04!8\x10\xcd[M\x9c\xfb\xbbX\x94X\xd3v\xe6\x04\x0e\xb7\xff\x0e\x80\xa1\xc0\x91\x9cj\xe7\xc7]\xc8Q\x00\x00\x00.\x03\xa6\x96\xe7E\xb1\xb08\xfd\x1c\xfa\xc4\xea\xa3\xb0\\\n\x1f\xd3@\x9b?\x10\xd6W\x9b^\xee\xa8Gq\xda\xdfU\x18f\tm\x7f\xc5y\x90|\x00\x008\x06d1\xf0hL873M\xba\xd4\x11,\x97J\x8b\xa6m\xef\xb4\x869\xe7\x9c{\xa9\x95 \xcbf\n\xbe\x89{u\x9e\xa1\x8d\x00\x80Gg\xeeyn\x0e\x06\xf9\x07n\x07f\xcc;\x8a[\x19F\xbfd\xec&lt;\xae\xaeK~\x92\xc4\xf8\x0cm4\xe7y\xc2\x03\x00&amp;/8\xdb\x00\xa0a\xfb\xa3\xf4\xa0\x08\xed\xff\xd8\x02\xb7\x03#\xb6\xa5\xc8\xeb\xba\xbf6|Qb\xbd\xeeY\x9cS\x0e\x84\x9e\xc4u\xe1\xc5[\xeb\xa5a\xa2\x0ez\xb6\xe4o\xb2p\xff?\x9cs\xcf\xe7:\x00\xce\xe0\xc2\xa9\x1a\x00\x00\x0e\x00I\xd2\x8c\xc9\xcfwgx\xccff\xff0\xf0,\xbfp+\x00\x98\x88aw\x00\xb0\xcf\x06\x00\x802X\xc6\x983b\xd61Y4/\xfb?sq\x99\x10\x0c:!\xb3\xbax\x8f\xb0\xf0e\xda\x05\x00\x00E\xa6\xc8e3\xd801\xd2&gt;\xba\xf8Q\x1c\xb0\xe1\xc0\x18x\x8a`\xc3\x98\xaa\x93\xf1\xcf\xb1\x1e\xe3t\x1077~eP\xa6\xfdr!\x00\x00\xb8\x1c3\xdc;\x06\x15\xd0A@\x0b\xc2\x06\x1cD\xba\xb0\x9e\xf3\x18\xa2\xf4(\x97we:\x9b\x01\xb8(\xf8\x12\xf0\x05\x98/K\x83\x88\to\xee\x83\xf9A\xd8\x00=\xd2\xe5{\xf4\xfd\xd7eq\xcb\xf25\x96\x06\xc9I\x9b\xb0\x14&gt;\xf2\x8c\xc7\xa8\x01\x00&lt;\x07\xd5/\xb7agp&amp;[\xbf$7\xa3\xed\xe4[\x89\xba\x10D\xe4\xde\xe8\x19\x1b\x0e\x00p\xcem\xaf\xc7m$\x819\xef`\x00\x00\x801\xd9L\xf7\x0b\x91\xfeNe\x9b\x81^r\xb6!\x97\xa2\x15\xb4\xcf7\xa9?[{\x01\xb8\xa3\x1b\xef\xe4an\x12\x00\x00L\x04\xd2\xdc\x84\xa0S\x14\x94\x9d\xf6t\xce\x9c|\xf92\xb3m\xe0\x00\x8e\t\x00\x85\x16\x7f\xe0L&gt;\x88\x00\x98\x99\x17\x9em\x00\xa8B\xb4\xbe\xf2\xecS\xce6\xe4\t\xc9\xce+\xcb\xe2\xf6\x87P\xa3gj\x89\x08\x7fe\xa6I\xd9Ep]\xc0\xe9\xe1\x84`~r\x8e\t\x80]\xcb\x9ao\x9bJ+_\x1b\x00\x00\xcc\x06v\xe7=L\xe4\xbd\xce\x83\x96\x0b\x9d\xd3\x10\x83\xb3m\x04\xd7\xe7\xa3\x1a\x7f\x1d\xf60Cr\xca\x9f:\xc2\x9f\xbc\xf9\xc7\xb3%\xd5wa\x96\x0cS1:\x0b\x00\xf0|\x1c;Q\xfd\x89\x03u\xa9\xa8z\x83\xe9+\xce\xea?\x9ax\xb0%\xb0\x02\xd3\xf9\x0c\xa0\x17\xf8`\xe0\xdb L\xa18\x8b\x01\x00&lt;-\x1f{\xb6\x01&gt;\xbf\xecl\x03\x98p\xa6\x8a\xca\xd9R\xf1V\xc0\xa5\xe6!\xad\xa9\xb3&gt;\x10\xfc\x00&lt;g\xab\x1f\x83\xbe\xbe\x9b\xae\xdf\xaf\x10\x8a\x99\x0c,\xad?\xc2,\x00.\x07\x1e\x9f\x03\xfd\x90:\x90\xe8\xec\x07\x9d#\xfc\xb9!0\x8c\x88\xb6+\xe9\xfc1U\x13\xdal_,9\x1b}\xd8&lt;\x18\xb3\x8d\x02\xc0\x87\x88\xfc\xef\x05\x89\xaa"\xfeu\x14\xb34\x00@\x02\xfe\x10\x18\xe8G\x9f\x82\xa7M\xdf\xf1\x17|\xd7\x7f\xd7\xaf\xa9%\x85\xf7\xfb\x00GX\xd6\xcf,&gt;\xe7\x9aQ?\xe7;\xcb\xed\x06z\xf1\x0c\xc3\xf5Y\x96E\x9b\x00\'\x19\x86\xd7cY\xa6\x9d7\x00\xb8\x12\x17\xd8\x00`\x82\x9c\x99G\xea\x9dB[\xd6wSx\x17\x0e\x9a{\x1e\xc7\xb1j\xf6\xf5qi\xbe?\xf1\xec\xdc@/\x161\x008\xe74\xf3\xc8\xb2`\x1f\x00@\x1f\x17\xd8\x00\x08\x06\xf9\x03-F\xa5\x9c\xb5\x10\xbfH\n\x969gm\xd3\xe6\xd2e\xffw\xa9\x8a2u\xc5#m\xacz\xe98d\x9d\x9c\xfc\xfbdO\x00\xd1\x06\xc6\xb1FW\xf9f\x97\x7f]\xf1d?r%\x00:.\xb0\x01\x10p\xfa&lt;z\x1e\xa7\xae!\x0e\xc9\xbf]Y^\xe6\x1c\xa2\xccS=\xcb\xfd\xa3\x0eC\xb8\x0c\xea\xcdi\xdf;\x99\xa1\xf4\xc0U\xb6\xd8EYfX\xfd\xbbI\xbe\x13\x02\x1e\x945\xba\xca\x07\xf6=g\xf9\x97\x1e\xfe\x00\x9c\xcbcm\x00\xc09\x1c\xb2z8}\x8d\xb2,\xf5\x86\xaa\x9f\xe7\xce\xd6\x92\xce\x88\x1c\xd5\xeb\xa6\xa6\xf4\xe9\xe9\x0e\x8eX\xb6uC\xb5\xcc\x0c\x0b\xe8\x0e\xa60\xbeb\x03VW\xcf\xc4\x04\x8b\xe9e\xc1\xb3=\x00\x1c\xc4\t\x1b\x00l\xd9\xc1\x940\x17\xd0\x8a\xcf\x1a\x98\xccvU!\xe4\x95\xa9\x14k\x9bq\xe0\xe0e\xfdY\xd0\x07}4h\x1e\xe0^\xd3\xbf\xf5\xc1\xfc.\xfbY_\r\xbf\xe6\xb2\xfb\x92F\x030\x01\x037\x00X\xe8[\x11="y\xa2%\x0fM\xdf&lt;\xb2\xdd\xe5n\x95\xcbO\xed\xfd\xdd\x9a\xfc\xd5\x02\x1f\xb3)\xf2\xa8\x93\xb9\xe7\x0c\xf33\xdb\xfc\x9c\x1eg`\x19\xf0\x15\x17\xfb#K\xdd\x13\x8f\xd7\x89I\x8br\xaf`\xbe\xe6\xbe\x05\x80\xd39\xe1\x0e\xc0\xf1w\xf7\xae\xfe\xae=\xdfc\xcfso\xf4\xc4.\xd3\xf9\x98\xd35\x956\xd5\xdbK\x8c/\x1f\xcc\x11\xe3\x06F4\x1b\xf2\x07\xe6h\xaa5\xed\xdd\xe3@\xddO\x93Xt4\x9fK\xe1\xe4+\xa6\x93\x95\x0f\xb6m\xdf\xb5\x15W\x9c\x96L[\x10\xa5\x00\x00\tW\xdf\x00&lt;\x1b\'\xbe\xd9\xdd_gg\xc3&amp;\xfe+\x94\xb72\xac\xbf1\\\xd1\xcbX\xdcs\x9ePb\xc5\xf9\xfcca\xd0M\x92K\x83$\x06\x1a&lt;\\\x84 \xe6\x01\x00\xe0\xb981\xe9\xe7\xa6\x9cx}\xaf\xdd\x00\xd4\x94\xf6T\x8f\x0c\xfb\r\x03\xbcg\xd2\xcc~\x1bN\xd4~:F\xcd\x7fj\x1f\x82\x13x\xeea\x0b\x00\x00O\xcd\xb5\x96n\x8cc\'\xe3\r\x80\xe1\xb2,\xbb\x81\x19\xfc\x05\x03{\xae\x150\xe7\x91\xbfCu\x8a)\xe0 &gt;\xe2\x91\x0f\xc5\x1f\xb8i\x00\x80!&lt;p\xd6x\xc8g!8O\xbc\x9cIeM\x1f\xae\xfb\xff\xf3|w\xa8\xd3\r\xc0\xe5n\xa3_\xce\xe0\xb3\x98\xe1\xb6\x0c8\x98\x91\xc9\xf3\xc8q\x87\xa0\x05\x00&lt;\x0eC2\xdaC\xae\x84~\xfceVx\xe9\xc3&gt;\xd1\xc1\xff\x1c\x1cb\xcc\x91M\x9e\xc8\xb7mN~,\xeaR\xbe\x02\x13sP \xf5\xe4O\xdeKT\x01\x00&lt;\xf0\x87\xc0\xac\x18\xf2v\x82\x87|5\xc7w\x86\xef\xd3\x985w7\xec\x9a\xa1kn&amp;\xf6\xfd\xdd\x9c\x17\xb3\xfc\xcf|+\xff^\xbc\xabOg\xf0-\x9b\x0b\x99\n\x1e\x83\xca\xea\xb9c\xdc\x1d2\xe8\xa4\x89\xc1\xdb*\xd4\x122;c`\xc3\x0c\x00x\n\xae\x91\xe9&amp;|\x8ca5\xa9x\xf0\x7f\xc8q;\xcf\'\x06s\xf6\xa5f\xc4\x0b\x99z\x04\xd3\xdd\x8c\x02\x1c\xfa\xfa\xab\xda\xdd\xfa\xectp\x1ef\x06\xed\xbd\x98A\x90c\xb0\x00\x00\x80=\x8f\x99U\xfdE\xff\xc1\xcf\xc0\\k\xa2\xba\x9c\xc1\x0f\xc3\xeeyt\xc1% "\xf7[\xc4\xdd\xc4}\xf2\xf0\xed\xf47\x07\x0e\x0e\x9e\x03\xd5aP\x00\x00\xc00\xd2l\xfe(\xcb\x91sZq9\xef5\r\xbe\\\x8b.\xc7#\xb9\xf7\x91\xda\xd2O|\x07\xb2U\xb8|\xbd1B\xf5&amp;j@\x17\x03\x00\x00\x98\x97sf\xa9\xcb-\x97\x19\xd6^\xa99\x00\xcc\x83I*8\xf8\t\x1f\x00\x00\xb8\x00\xc8\x8c`6\x10\x93\x00\x00+\x98\x07\n\xd7:t\x00\x00t\x82\xb7\x009\x97\xff~\xd1\xc9o\xf7\xfb\x83\xfc\\\x8c\xac\xfdp,\xcb2\xfa\xf52\xd8c&lt;\x0e\xdb\x17\xd3\x85_\xacD\xef\x1f\xce\xf4\xb9\x1a{\x00\x00\xc0\xb9\x9c\xf3\xd45\xa3\xd4k\x0e\xb7\xc39\x17\xbe\xfb\xec\x18\x8d\x00\x80+\xe2?\x1a.\\\xbd\xd13\xbe\x15\xf1\xd9\xda\xeb\x9cs\xaf\xc2,\xf7\x90\xc1p\xb9\xc7)\x01x(\xae1\xfc\xa62r*c\xba\xb9F\x00\x00pY\xbe\x12C\x8c\x01\x89\xdf\xe1;\xf7\xdf,\xbf0\x87\xbeo\x14\xaf\xc9\x02`:\xe6\x19\x8d#R\xc3q\xad\x9b\xc6\x8d\x00\xa4S\xfb&lt;\xc3|\x06\xb2\xde\xc0\xd2\xe4\x08nN\x96\xfa\x19\xfdb\xcfa_H \xaf\xd31\xca\x00\x88\xc0\x9f\xb1\x1c\x07\xc1\xbd\x00\x00\x1f"J\xffj\xe9\xba.\xb9\xd4\xdf?\xbe\x18\xfb\xca\x0fN\x9e\x03"Z\xff\xf4p\xbe;\xea#B\xd2\x9b\xb4\xff\xb5t\x9d\xa1\x00&lt;0g~\t\xb8rCv\xda\x9d\xba\xe4\x14\x01\x19\xe7d\xa6\x8d"\xf0\xb4d\x17"\xcb\xb2\x8cY\xa0\xfc\xe1\x012\x01\x0b$\x9f*\x8b\xf7o\xeec\xde\x88`8\x19\xb30\x00\xf3\xd1\xf8\xb3&amp;\x07\xde\xadK\xcd\xa8\xd8\xf6eH\xeb5&gt;\xe4l\x03\x00\x00\x06&lt;\xd8K\xa2\x0e~\xfc#\xa7\xeeq\x9c9\x8c\xfc\xd3q\xe9)!y4$\xde\x8b\xc1\xff\x00\xc4\x1c\xbd?\xde\xef\x80GC7\xda\xee\xfb\x9f\x1ev\xf3.{w~"\xb6\x9b\xa6\x17\x07OF]\x88\xce\xce:\xb9\xafMF\xf4\xeci\x01\\\x01&lt;\xe5\xa5c\xf3\x9b\x8b2\t\xf3)\xa0L\xb1\x07\x99F\x010\xe0\x84G\x80\xb2\x1b\xf7\xe0\n\xd1Y\x03\xf4\xb0/\'\xc9y\x90[\x0f\xeb\xfb\x18\xce\xb6\xe2a\xb1\x0e\xce\x8e\x81H\xe7\xef\xf4L\xd6[X\xb4\x81^\x92\xd5?\x1e\x10\xf2a\x1c\xe4\xe7\xaf\xff\xc5\x96\xe4e\x89\x9e&amp;\xc2\xea\x1f\x80;/&lt;\xdb\x80\x1b\xde\x10\xfd\x9c\xf8\xd6\xe9Q\'p\x12-G/n\x94\xf3\x05\xfb\xb4\x83\x88*_\xc92\x04\xcb\xa9\xa1L\xe4\xdei,y\xda#\xfc\xa7m\xf8t$\xdd\x80~\xf1){\xe3\xb7\xb5\xaaP+\xc8c\xc7\x0bM\x03\xe0\x919x\x15\x9b_\xc6\xd6\x8fF\x1e&gt;WN3O\x9f\x7fd\x0b\x809\xd3\x8c\xaf&amp;\x18\x80sB\xce-\xd7\x89\xa2\x07\x03\x83\x02\x80Q\x9c\xf9\x16 7\xf0\xf5\x17\xc31\xbc\x87;\xd2\x03w#\xf1\xc2\x04\xe0\x8e~\xf6`\x8a\xe7\x1c4\xe3k\x80\x97\x18\xdfY\xb4\x1d\x80S8\xff!X\x8e\x195x.(\x07f%\x00Fq\xe8\x06`\x9d\x89\xe7_\xf4s\x13\xf1\x80|\xfd\xc3\xc6\xef+\xb8\xfb\xb9\xc7\xe7\'\xfe\t\x15L\x8a\x12\x9a\xbe:\xf8\x14s\xeaa^\xe1!b\xee\xaa\xce\x9f\x10\xf39\x0bi\r\x00p:\x87n\x00\x1a\xdf\xfdu\xce\xcd\xf1\xc0\x0f\xd7\x86\x01\xa6\xbe@\xf55\xd9#_\x99:\xc0\x86\xb4\xe2\t\xef\x80jq\x89\t\xbb\xe9\xab\xceW\xfa\\\x17\x99\xf1\xe6Q\x97\x1f\x1d6\xbb\xfdK\xf7\xcb\x01\xf4\xf8g\x94oK\x7f\x0e\xc2}\x10z\x13\x00\xf0h\xe4\xa7\xba\xec\xbc\xc8\x7f\xcb\xef88/\x18\xde\x7f&lt;X\xf5)H\x1c"\x90\xca\xa8\xf81s:\x04\xb4@\xaf\xf9\xd4\x13\x1a|5\x8a\xe3\xe7\x91\x9e\xc9kL\x9a\x05\x00\x80\x13\xa9%\xc47\xf1\x17\xd3\x11\x07\x99\x97\x80&lt;\xdb\xe0\x0f\xdb\xf8\xa7\xf9WZN\x8f\x04\xa0\x03]\x161,\x8c\x9b2\xbfh\x80\xd2\x1aSu\xfd\xe1\xd9\xe3\xfc\xc9\xeb\xca\xc0i\x00&lt;\x1d\xb7U`\x987\'\xca\x05\xd3\'\xf4\xecS4\x8d\xb5\xf5\x0c\xb4&amp;K\xcc\xa6\xcf\xc5\x03w4\xbfi\x12\'l\xa3\xa3vo\xe1a]\xca\xe1\xac\xec\xf1\xc0\x91&lt;\x08\xe4y\x00\xc0\xa4\x1c\x91\x9b\xbe\xb82\x91\xb7\t\x97\xfbk2}=\x13\xbb\x86\xd2\xca\xfb\xf4W\xa6\xdf\xc6\x00p\x12\xdf\x8ceS\x0b3\xe7\xc0\xcfCI\xdd\xabu8F\x04\x00\xf3\xb3\x8eR\x8cU#\xa2\xf3\xfegJ\x82\xcf\xd3R\x15O\x14\t\x17\xe3\xb5\xfa\x96\xef\xb8?\xd6$\xeb\x1c8\xed\x12\xe8\xfa\x08\x83\x02\x80\xf9\xc1\x105\xe6\xc1\xfc\xf9`\xcd9\x11xrZ:\xbb\x86&lt;\x86*z0L\xbd\xf1\xb5\xabD;\x81@\xcf}8\xa0G\x00h1\xc9;\x16\x01\x88!\xa2\xf5\xefF\x9cm\x08\xe0C\xe8\xaf\xc3\xd8W\xb1\xd3\xbc*\xf7\xe9\xf07\x12\xe8\x85\x19\xc0\xa0\x00\x00\x00Cp\x94\x02\x8a\xe0h\x19\xcc\xc9\x01\x8f\x82\xe0Q\x13\x00\x00\x10\xd0\xf9\xcc\xab\xa1%b\xdd\xc4yo}\xb1\xba\xb1=\xe0\xa9\xf9M\xd1\xefX\x88\x80\xd9\xf9;\'\xbc\x8f?\x97x\x87\x9bq\xee`\xbcx*P\xfc\x11\xccK\xb7\x17\x80\xa7!wdr\xb1\xd1{\xf1\xf4\n.\x0f\xce\x1dA\t\x04\x86\x07\xce\xfe\x1f\x1e\xf4\x02\x00z^p\xa4\xb2\xd2X\xbd\xd6\x18\x9e\xf3\xe1\xc2k\xf90\x05\x079W\xe4\xeaQ\xf7h!w\xf9\xee0\x83\x88\xb2}k\x12\xb1\xab\x90\x19\xa7\x01\xe7\xdc#\x8cJ&gt;\xedNx&amp;o\x00\x00\x9e\x93\xda_\x02\xaa\x17\xe8\xd7|\xcdg\xba.\xcb&lt;\x9b\xa5\x87\xeb&gt;\xfa\xe7\x8f\xd6\xa2ge\xd4a\x13\xde0s=\x1e.M\x01\x00\xc0\xf5Aj\x06\xe0Q\x98\xe8\xfd\xebR3\x98\x96\x7f\xf9\x1c\xad{*x]\x89~\x01\xe0\x02\xccrx\tFb\xf57\x1d\xc1\xf3\x82\x98Q\x80\xf3i\x1d\xf3l]@Bk\xcd\x80\xbe\x03\x00\x00k^\xc3NT\xf1\x8e&lt;r7(@?\x15\xb1\xd1A4\xb2f\x1eh3\xdb\xa6\xe3\xf1Z4-\xf3&lt;\x12\t\x00h\x80\xcc\x08v\xac\x82\x01A\x05@\x04\x11\xb9\xaf\xb4z|b\xe8\xf82&lt;\x05\x98\xe2@a\x98\r\xe3\x9av\xbe\xd3\x00\x00\x8f\xcf\x9e\x1cg\xc8\xd4\xcf\xc0\xcc\xa7\xec\xff\xf9:\x87\x94\xa7\x00\x87\x005\x13\x04Ob\xc0\xf9&amp;]\x98-\x93\x9b\xfb\x10\x9d\x02\x008\x96\t\xe6\xa7gabWc\x03 \x00\xfe\xb9 \xd7\xe92/\xbaF&gt;Vq\x1d\x87L\xc6\xccG9\xa7\x00o\x00pU0z\x01V\x03\xe0\xb19\xff\x8f\xc2~\xb6\xc6\x80\xa2\xd9\x9d\xcd\xc1w\x94;0\x8c\xa5\xd3\xc3\x92c@\xbb\xcc\xa8["\x00\x00\x00\x0c\xc1\xc4/\x01\xa7}\x8f\xc1\xe9+-[i\x9d\x02\xd7\xeau9\x1dK\xba\x89\xdeCj\xcec4\x8d&lt;8%\x8f\xb1\n\x000\x8a\xf4e\x14=\xbbv$\x05\xf0\x0c \xce\x81\x9a\xfe\x1c\xab\n\xbfo\x1c,\x9f+{\x8c\xe4sy\x9cv1\x97\xfe8\xda\x07\xe0\x01a\x1e\x008\xd5\x1fs\xf1S\xc6)G\x088\xb7h\x02\x17\x01P"\x1c\x1a\xb5\xf3\xf2\xd2 \xea_?)F\xa8H\xdd#f\x00"&lt;\xddd\x86\xda\x8dA\\=\\\x8c\x01`\xcc\x0b\x0e\xd0\x91\x1d\x87\xcb\xa2\xac[\x1f\xd5\xfe\x87\xcb\xb2,\xcbr\xf0)\xc2\xa6\x14\x00\x00\xba\xa8/`\x18yF\x99\x88\x14IlY\x16\x8e\xbaG\\\xfa\xaf,\xff\xc5\xb1g5\xd0\xa0\xe5\xc6\x1fS\x8a\xa2eY\x96\xfd13W\x88\xb7\x07\x8d@\x00\x1e\x0b\xe9l!:\'{h\xe6m2\xe7\xfe\xef1\x96\x00p\t\xca#\xa277\x1eL\xf8\xfc\xf7\xf9\xf6\x80\x8b\xc2\x7f\x82\x00\x1b\x00\x00\xae\x86\xf7\x87\x02\xfa7\x00`\x1e\x1e\xf7\xfc\x0f\x80\x13\xb8\xec\x80\xba\xa2\xcdO\xc1E"\x8a\xff\xb4\x156\x00\x00\x1cNz\xc6\x83Q\xf7\xe4\xa4\xe71\x08\tpe\xa6\x8d\xdei\r\x03\xe0x\xb0\x01\x00\xe0X.r\x90\x00N\x04\x11"\x00\xbe\x02\xe0\x99\xe9|n\xea\xa2\t\xe4\xa2f\x03p\tF}\t\x18_\x86\x02-\x1e\xf3\xdb\xd2#f\xac\xc9f\xc1\xa9\x8cyl\xdao\xcd\xaf\xd7\x05l\xe6&gt;\x8f\xb8}\xa5U/\xc0.\xd7\xfaF|\xbf\x95\xd0\x0c\xafF\xce\xb9eY&gt;\xb8\xf0(?\x00`b~2\x1e\xf6x^\x82\x1eG\xef\xf7r\x8c\x03YZ\xb6\x9eE\x9f\x1e\x84d\xf53\xb0S\x1e\xfeYj\x8b\xe6\x0cs\x88\xd5\n\xf8:]\xb6\xe7\x99\x94J\x95\x07\x8bI\x00\x9e\x8aq\xa3\x17yALO2e\xd4E\x8f\\\x15\xbc\xc5\xe5(\xee/4|\x18\x1e\xac9\xce9\xe7~Jsm\xda\xcb@\xa7\x91{\x8f\x19{\x84\xbc\xf7x\xb26\x00\xb8Q\x00\xc0u\x194z\x91\x11\xe0\x01\x13\xf2n\xfc\xe2\xa7\xf4-6\x00\x072h\xfc^k\xb5\xf4\x8f&amp;\xb6\x96s8=+\xf3\xfe\xf12\xad3\'m\x0e\x00\xa0\xc8C\x9e)N2\x1fLb\xc6\t\xfc\xe3gm\xf8\x11\xc0\xb7\xd7\xe6Z)\xf7\x9a\xcb\xeb\x8b2\x83\x9f\xd1\xdd\x00\x80\x84\x0b\xe5\x85\x0b\x99\xfa\x90\xc0\xff%\xfa\x96S\xa2\xc3\xce\xf7\xd2j\x01\xfdT\xfb\x88\xd7\x83\x18Dl\x1ea\xcd:l\xa3%\x93\xf9\x00\x9e\x04\x00\xd8\xa2\xf8\xf6a\xbe0\xf2\xcb1\xc0\xcf\x93\x10uD\xef4\x8fox_\ruw\x1f6\x84\x91+f@z_\x08wf\x00\x00\x16\x8c\xca#\xf4\x17\x90\xa1\xb4 \xb9?\x06~?\xb2\xe7l\x9c\x10\x83\x0c\xc3\x9e\x1d\xba\xd2#I\xc09\xb7\xdd\xf48\xb7\xd7\xaa\xda\x7f\x14"\n\x80+\x80\xef\xbaM\xc8u]\xb7\xbfD\xe2lC\xfa\xb1l\xc2\x80\xe1\xa0x\xce\x04/\x08.2\xbfCF[8\xbf\x07\x00\x13\xa2\xe1_2\xaeE\xcb\x9a\xeb\xbe\x16\xe1\x04\xc0\t$\x03\xaf\x9a\x0b\x9ay\x1f\x13\xc3H\xe0\xdb\xa7\xa0s\x03@D\x7f,z\xfe\xa7&amp;\x8d\xa3\x0b\x81\x07\x9e\x93\x1f&gt;\xdb\x00\x11\xaaqz\xf6\x94\x8d\xe3?\x00\xceA8\xf6\x18\x85%#9+\r\xb9\xe0D\x88\xc8\xb9?{\xb6\x15\x932\x7fd\xe6\xdfu\xd8\xda\xd2\xcf\xdf.0\x07oh!\xe4\xb3:\xea*b\xf5Qc\xfbq\xda5\xc1\x13J\x00\x80c\xc1\xcacF\x1e\xa1G\x1e\xa0\tJ\x14o:\xafW\xc1 \x05\xb6|\xcd\xb9\xe1\xf4(\xc1LD\xdf\xdazr\x0f\x00\x00\x06\xb2\xef\xdd\x15\xab\x04,,\xc0\x08\x9ey\xcd\xda\xb3\x01x\xe3gu\xda\x03p\xebt\xfb\x1e|\x8bK\x0c\xa5\xffN\xe4\xdc+\x8f\xd62Ub\xe91&amp;z\xd9\x80\x91E\x00\x80\x07\'N:\x14"\x15U\xafr\xee\xa3\xc9\xa1vd\xc9\x89\x18\xf7E\x94\t\xa7C\xe9CzuQ%\xf9\x16\x8b\x9b\xe9\\7\x15\x07\x84\xd6\x80\x15\xaaI`&lt;\x08\xf3\xf9A\x99\x06Ol\xc8|&gt;\x04\x00x\x1c3D9k\x8e\xf5L\x0b3\x10`\xb2\xc7\xc9#m\x00\x0c\x19\xf8\x9c\xcfC\xfb\xad\x9fc\x92\xd8 -\x8f=(nX\xb9\x0e\xb3\x15\x00\xe0\x12\x9c\x95\xaa\xe8\xf6\xe0\xd0\xf9/\x1f8\xd7\x00\x00\x00`\xf3\x9co`{\xc8F\xd9\xf0\xd1\x8f\xd9\xe3\x00\x80i)\'\x9d\xb9f\xa0\xb7\x9c\xc9\x18 \xe3\x11\xfb\xee\xd5\x1e\xb1Q\x80\xcb\xc5z\xff\xf4d\x8e{\xbfu\xec\xfccs\x9b};\xd7\xbbK\xec6\x0c\x00p\x1d\x86\x8e\xf9W\xe6\xe5\x94\x83\xf3\x0e\xd2\xdc\x08\xd8\x1d\xfd\xa4\xce\x7f\xda\xf9\xf5\xc2\xad\xbe\x9a\xe5[\x8c]\xccl\xa0`\xedh\x8b\xc1\x15l\x00\xde\xffj1\x0f\x00\x00\x02.\xbc"\x99\x9aivzS\xf6\xefl\x1b\x80\xe3\x8c9\xb9\xd5\x13\xf9\\\xce\xa5\x8d\xb7\x05\x1b\x9b\x0c\xb9Q\xac\xff2\xd5l9\n\x000\x90\xd1\xa3\x1d\te&lt;\'~\'\xe4\xa0Z\x8f\x01\xc6\x02\x00\xc0\x02\xe34B\x1e}\xdbu\xe4\xfb\xdf/\x05\x00\x00 \x00IDAT7\x00.\x05\xd6%@\xc1\xa0\x98A(&gt;%\xc3\x8f!\xd4\x9f&gt;&amp;o\xfa|M~$l\x16\xeb\xa9\xbc\xf5\x1e\xcb\x9b\x98\xc8\x04\x00\\\x80\xd1\x1b\x00l0\x1e\x12M\x9fJ\x9eNF\xcc\x80\xa3@\xa4\x81+a\xfe5\x0fo\x8e\xc6sV\x00&lt;\x19\xa2\xc5V\xba\xa0\xaf/\xf1\xb1\x92{P\xd0\xad\xa0\xc5\x15\xc6\xfe%\x12T\x9f\x91\x17h \x93KtV\x89\xec\xf3\xfaS\xb5h*c\x00\x00,\xfa\x8f\x04zF\xfe\xa5\xcf\xf8\ro\xa4\x9e\xc5\x84\xefY\x9a\x863[m\xe5\xf3\xeb\x8e\xaf\x8b\x9a=\x06\xbe+\x8a\xc9\\\xe1\xcf_\x85ov\xce\xce,]\x838\x01\xe0\xc2\xa8\xbf\x97\xf9\xb4_\xff\x7f\x8c\x86_\xdd\xfe\x07\xc44\xa8.\x1a\xa2\x175{\x10\'\xba\x02\xbdP\xe2`\xcf\\\xfb\xb0\xe9[\xf1t\x10\x00\x8f\xc53\xaf\xfe\x9d\xf3\xbeM5\x1d\x99\xa9bJ;A\xcc\xac\x11u4\xf0\xc3@\xe0X\x0b\x8e\x8a\xcf\xf7Z\x97\xce\xda\x1b\xf5\xbf\xd5\xdc\xa0Q ,\x01\xb8\x12\xca\x11K\x0f\xf3m!\xacQ\xa4\xc0cu\xe0\x9f\x95\x01\x1b\x008\xf6\x06b\xec\x11)\xf5\xe9\xf8\xbe6\x0b\'\x84%\x003\xf2;\xc7\x89\x9e\xf9\x1e\xc2p\xab\xcc\xe4\xff\xf2\x82\xa9\x93:\xf6\x01\x80c\x87b\xee^\xc3\xefT\x98\xc8\x01\xc0\x8a\xca\x04:4\\?\xcf\xf4\x11\x00\x8c,\x00\x86\xa3\x1af\x87\xfc\xc1/\x8c\x7f-\xf5\x14&lt;\xed\xfe\n\x80&amp;[\xf4\nb\x18\xd1\x0e\x9e\x0f\xb3\xbf\xe9+P\x89\r\x00\x00\x03x\xc1\xd9\x06D,\x9d\xf5Yc{\xe9\xd5\xf2\xb4,\xcb\xb2\x94\xbdW\xff\xf4\xda&lt;\xd9\x9c\xf1Tsd\xb4\xb0X\xbc\x8b\xf5\xed\xeex\xd3\x00\x98\x8d4\xc3\xebs\xbeb\x10\xf1\xaaX\xbe\xa2\n\x80Ge\xec\x06 \x1cl\xe7\x0f\xbcq+TIZ\x19\xe1\x87\xf3};+F\'F\xb5\xb0\x81\xf3\xb3\\\xc2-\xef\xbf\x8f\xdc-9,\x91\xdd\xd9\xa1\x8de\x04p\xce]$\xc8\xe7E:\x1d\xb3g\xf0\xa5\xff0\x11\x00\xa0\xa7o\x8eT\xd7\x15\xdc\xbe\xc7#+e\xae\xed\x16\xf4l\'\xfd\xde\xbb\x84\xff\xbd$\xf0\x97\x9d\xfb9\xa5\xcfKuG\x9b\x07\xc05\xc1\xd0\x00\x00\xe8\x18\xb04\x7f\xa3\xdc\xdb*\xb1L\x9c\x03\xfb.@\xcf\x02\x0e\x14R/p\xbcy\x0c\xeeV\xcdj!\xa8\xf0\\]\x86\x10\x05\x00\x88\xe9\x9f\x80\x91z&amp;f@\xd7l_\xe8|\xb6g\xf7\x01\x1fJp[\xa2\xa0\xed\xdb\xc0\xe1\xa7s\xc6\xd2\xcd\xaa\xeb\xa6\xb8S\xf6W3\xb8\x8b\x88\xdcW\x19\xdf_\x1a\xd4.\x0b\xb13o\xa4\x01\x00\x93\xd1&lt;\x9f\x03\x072\xca\xff\xa7\xf7,\x119\xf77\xce\xb5\x01\x1cOv\x03P\xfa\xe8\xf4(m\xf0\xc1\x1c\x0b\xe9\r\'o\xc5\tL\xd5\xb3?\xe7\xe3\xb6\xfdg\xdf\x06\x80Y\xb7\xbb\xe1B#\xfb\xc6\xd1[h+\x1a\xda\x00\xc0C1\xf5\x17e\xfc\x81\xba,nrk\x1f\x1b"z\xd87\xfc\x80\xa7$Z\x07\xac\xd1]Y\x1b\x1c\x19\xff?\x9e\xe8;\xad\xd5\x11\xd1\xe2\xf0\x0e\xb4\x14\x9aff\tB\xf2\x02\x9d\xd5x;BZ\x9c\xdc\xc0qDDy\xe1\xa1\xdey\xba\x1b\x80\x93\x99\xed5\xa0y\xd6\xb7s\x9cm\xc5\x81\xe0\x88B\xcf5\\\x87S\xa8\xa9\xd82\xcc2\xc9\xabl\xcdW\xff+\xc5\xbf\xe1\xf7\xf8\xd1Xi\xa0\xfdFK[u\t~\x9a \x0e\x1b\x08\r\x1c&lt;\xb8\x98\x92\xa7\xf7*\x00 \xe2\t\xa6\xa8\xf3\xf1\x1f\x83\xbe"\xb7\xa5\xccu\xec\x7f\x8e\xb5\xd7\xcc\xe4\xfd\x7f\xb1\xe7\x7f\xb8\xe4\xbe1&lt;\xd7\x90\x9f\xc4\x0c\x16\xf9\xd8\xe8\x8c\x96\xbb\xcc+\xb9br\x88\xc8\xfdo\xf0\'\x00O\xc64\x13[\x86J\x96?d\xcd\x91?\rt\xb3:m\xb7\xaa\xe8\x9c\x0b.\xd7\xaee-\x8f\xb7\xe6\x17\x9d\xa1\xed\xa5\x98\xb9\xd6\x06\xa0ba\xa9u\xa2\x97\xad\x1d\xb3\xaf\x9e\xdf\xcf&gt;\xfbJ\xdd\xd6\xec\xb4S.\x11\x81\xd3\x00_\x01\xf0\x8c\x14O\xf2\x0eP\x94/\xb7i\xcf\xac\xf5\xab\xb3\xaf\xbf\xecx\xe2t\xf6\x91\xfe/\xf5\x05Y\xf8\xd1\x91\xd3\xe7\xd3\xf6\x8e\x013\xc4v\x12T\x94^\xe7\xd8yb[\xea\x16f?\xdasK\xdd\xec\xfd\xd3cZ7C&lt;\xa8\x18\xbe\x010\x94\xff\x88\xc0?\x00&lt;7\xc7\x1d\x93\xb0\xb5\xec\xab\x87\xdf\x91\xbbM\x9c\xd9\x15T\x85(,\xbd\x0e\x03[\xf7\x1c\x0e\x04z\xa8\ns\xbc_5\xc0\xcaO\xb0\xfc\x17\xb3Q\xc3\x95c\xa1\xee\x1fwK8\x06AK\xaf\x1aZ\x07\x80\xc4\x0e\x00p\xae\x9e\x0b\xce\xcb\x11?/s\x1a\xcd_U\xc4\xb5\x9e\x8e\xa3\x9b\xfc\xdaG9\xf9\xc4\x0e5\xd4K\x03\x1e\x818\x8f\xfb\xb6\xfcY\x87[p\xd3\xd2\xca\tG:s\x98"\xee\xcd\xd8\x11\x06&lt;g(\xf6\xf3\xc6\xf0\x1b\x00\x0f\xcf\x19\xf9Q\xa3\xb14\xa7V\xedO\xce#\xad\xe9\x95\xf9*~\xf5G\xf8\xee\xda1\xeb\x95\x13W\xff\xe6\xaa\xb1@y\x18\xe2&lt;c\xd6\xb3\x07DH\xfd!(\x9b\x9dL\xfd\xd3\x81\x03\xe1Yw\xa4MJ\xf3#\xdc\x05@\x93k\xbc\x06t:\xbeX\\\xa3\x94\x8f\xf6\xf3\xb6\xed\xb7\xa8X\xf1\xbdiV\t\xae\xf7\xbdl\xdf\x11\x08{\x80\x97\xac\x1d\xf3\x16\xc8\xb3^\xf1\xb7,\x87\xbe\xcf\x9e\xc3\xd3\x1e\xb7\x9fB\xfd\xb8!\xbe`\x11*\xfbM\x85N!\xad\x02\xc5\x8f\xac\xde"]\x198\xc3\x03x\x8e\xb7\xd3\xa6d\x1b~\xe4\x88N\xdcB\x85\xeb\x00\x00p\x12\xf5\x83|\xce\xd9\x12\xd6I`\x00?\xe3l\x03\x9c{\xf0\xe3\xbay\x9a\xd6\x93@\x94u\xbd\xc4\xd5\xe1\x87\t\x9f\xed\x0c\x19w{Vu\xdb\xe10\xb7\xe4\xcd\x13{\xa3\xcf{\xe5\xf9q\x96\xf0\x00`Np\x07\xe0\x08\x9a\xd9mY\x96R\xb6\x8a\xea\x0eZ*\xd9\x89\x9d\xf1)\xa0\xfe\xd6\x99\xf8g\xc6e.\xfd\xdb\xb3-p\xee\xa1\x8f\xeb&gt;\xd5\xb6\xcf\xffE{EX\xce$=\x8a5\x1d\x14\x9a\xda\xd1\xc5\xd3\x87G\xe5O\\U\xef\xfd\xb6\xe7\x05E\xcb\xd7W\xbc\xca\xeb)0\xba/\xb1\xbc\x81\x89\x9cD\xc8\xd8\x9b\xe7\x00\x00\xd0\x80r\xb8dY_\x99\'\xeaw\x0f\xac,\xb4\x145\xdd\xcd\x8a\x0f\x9e\xc1\x1ez\xc4\xf7\xba&gt;Xs\xcc\xb1\x1e\xb3\xab\xa8\x17\x97t\x15\xeb\xbd\xee\t\xb7\x10\xc7\xa5\xac\xd9\xa8\xb4\xf1\xf8\xe6\x9f\xe7\xf0\x13\xdfj \xbb\xe10\xcc\x16\x00\x80s\xce\xfd\xef\xcc4\xf4\xd8\xd3Cv\xf5\x9f&amp;\xac\xfc4Y\xaa;\xe0K\x9cC{\xc1\\\xf8\x95W\x15Cz\xd0\n\x85W\xfb;b\xbe\xae\x9c\xcd\x9e\x80\xb2\xbb\xf2\xdf\x80$\xef\xbdF\xa7,FuJ\xe7\x8b\x8a\x1a\xd95\xe8\xf3\xec\x7f6\x8e\xb8Y\r\x00\xb0b\xd4\xad\xd5u\xf0ow\xe4\x8c\xb5l\xc2g\xbf/\\\xcf\x81M\xfb+\x95%m\xa7\xa6\xff\x89hY\xdc\xd0`0\xef,_&amp;O&gt;\x119\xebf\xb6}\x9b1\xc29w\x8d\xe8e\xf1\nD\xdf\xf7(m\xb9\x04\xd2\xd1tn\xc8\xb1su&lt;\x94\x88h},\xb2\xc7\xec\xeb\xcc\x14]\x8cH\xb0\x9d0&lt;\x9fO\x9eO\xd2e\x00\xcc\xc0\xd8\xef\x00\xaccy\xa8\x8a\xb9\x99\xe1\xd5\rm\x03\xac\xde\x92Q\x95?Zf+\x92\xc99\xfb\xa7c\x95\xab\xffG\xe2{\xcfS\xfd\x90\xfel"\x1dK\xcb\xc6\x10k\xda\xdaY\xc5\xb2=)\xed\xdd(\x1e\xd6e\xf1\x04\x19x8\xcb\x97\x1c\xaa\x8eq\x0f\x93\xd1u\xb4\xf6:\xf7\xde\xd4\x93\xddK\x01\xe0\xca\xfc3\xd3\xbb\x9f\x97\x1e\xf9\x85\x07y\xf294\xbaw_\xac;\x9a\xdf\x97Uq\xe1^p\x13\xbc,\xe2\xba\x8f\x04\xa8l\xbe^3\x871\xd4\x15\x0f\xecg\xd1`\x89G\xb7\xf9@#\xa2\xb7\x1a\xf34\xa3\x91\xa9\x13=[H\x8c\xe7\xf2i\xfbN\x14cG\xc1\xd2x\xc5\xd4\n\x00hp\x99\x81\xfdO29\xa8\xbc\x88\xcf\x94t\xde\xecu\xe6\x06\xe0\xca\xd4\xfds\xa2\x03\xaf\xdb}\x91\xcd\x9c&amp;\\\xb4\xa5\xb6\xf48\x81\xb3\x84\xeac\xf6\xde\x91{o\xc4\xf8\xf2\xb7\x13\xdco\xb5\tl80\'\xf0\xb4\xd8\xec"\xacZDD\x9fw\x13\xd5\xce\xea\xc89\x00\x88x\xe1\xd9\x06\xb0\x98\xf6..\x85O\xa2s\xaa,\x8b#\xca?\x15s{\xe6\xb5\xf5d\xf93\xdc\xd4\xee\xa1\xee\x9f\x13\xbd\xb7,\xcbE\xe7\xa7\xc8i\x1c\x1fr\xbe\xe2\xf2$\x91\xacki\xe7\xb3\xef\x0c\xff\xf3\x9f\xcf\xc9H\xa3\x19\x9f\xd5\x16\x98\xc3\xea\x94\xffA\xf4\xc2\x9b\x97D-\x15\x14^\xe7\x83\xc3)w\xdfb\xf24\xa8U`xr\xea_\'\xd8\xcb\x7f\x84\x89^\x00\xc0\xe3p\xc0\xc2\xabr\xfc\xc0?\x9f\xd8o\x0e\x14\xcf\xfe\xaf\xb9\x82\x9c\x19]l\xa8k]t\x0fP\xa2\xa39\xffS\xa7\xe6\xbe\xeaG0m_\xcf\x1e\x87\xdbq\xfb\x89F\x1es\xa2&lt;{G\\\x01\xc5\x9d\xa2Q\xa6\x00\x00\n&lt;\xf4\xa8\xab\xe6 \x7f\x05\xffJ\xad\xafO\xf9\xe9,\xb3\x01xJ\xcejx}S\'\x92\xd3\x148=\xf9\x08&lt;\xb1kN\xd1{9\xce\xed5\xa6\xa2\xd0H\xd9\x189&gt;\x12\xbcl\xdc\xa5\xfa5rY}\xfbU\xf3\xad\x9b</t>
        </is>
      </c>
      <c r="E650" t="inlineStr">
        <is>
          <t>&lt;class 'numpy.ndarray'&gt;</t>
        </is>
      </c>
    </row>
    <row r="651">
      <c r="A651" s="1" t="n">
        <v>649</v>
      </c>
      <c r="B651" t="inlineStr">
        <is>
          <t>steps_per_sec</t>
        </is>
      </c>
      <c r="C651" t="n">
        <v>7300</v>
      </c>
      <c r="D651" t="inlineStr">
        <is>
          <t>2.9638317</t>
        </is>
      </c>
      <c r="E651" t="inlineStr">
        <is>
          <t>&lt;class 'numpy.ndarray'&gt;</t>
        </is>
      </c>
    </row>
    <row r="652">
      <c r="A652" s="1" t="n">
        <v>650</v>
      </c>
      <c r="B652" t="inlineStr">
        <is>
          <t>Loss/RPNLoss/localization_loss</t>
        </is>
      </c>
      <c r="C652" t="n">
        <v>7300</v>
      </c>
      <c r="D652" t="inlineStr">
        <is>
          <t>0.08359697</t>
        </is>
      </c>
      <c r="E652" t="inlineStr">
        <is>
          <t>&lt;class 'numpy.ndarray'&gt;</t>
        </is>
      </c>
    </row>
    <row r="653">
      <c r="A653" s="1" t="n">
        <v>651</v>
      </c>
      <c r="B653" t="inlineStr">
        <is>
          <t>Loss/RPNLoss/objectness_loss</t>
        </is>
      </c>
      <c r="C653" t="n">
        <v>7300</v>
      </c>
      <c r="D653" t="inlineStr">
        <is>
          <t>0.010368532</t>
        </is>
      </c>
      <c r="E653" t="inlineStr">
        <is>
          <t>&lt;class 'numpy.ndarray'&gt;</t>
        </is>
      </c>
    </row>
    <row r="654">
      <c r="A654" s="1" t="n">
        <v>652</v>
      </c>
      <c r="B654" t="inlineStr">
        <is>
          <t>Loss/BoxClassifierLoss/localization_loss</t>
        </is>
      </c>
      <c r="C654" t="n">
        <v>7300</v>
      </c>
      <c r="D654" t="inlineStr">
        <is>
          <t>0.47362694</t>
        </is>
      </c>
      <c r="E654" t="inlineStr">
        <is>
          <t>&lt;class 'numpy.ndarray'&gt;</t>
        </is>
      </c>
    </row>
    <row r="655">
      <c r="A655" s="1" t="n">
        <v>653</v>
      </c>
      <c r="B655" t="inlineStr">
        <is>
          <t>Loss/BoxClassifierLoss/classification_loss</t>
        </is>
      </c>
      <c r="C655" t="n">
        <v>7300</v>
      </c>
      <c r="D655" t="inlineStr">
        <is>
          <t>0.09710205</t>
        </is>
      </c>
      <c r="E655" t="inlineStr">
        <is>
          <t>&lt;class 'numpy.ndarray'&gt;</t>
        </is>
      </c>
    </row>
    <row r="656">
      <c r="A656" s="1" t="n">
        <v>654</v>
      </c>
      <c r="B656" t="inlineStr">
        <is>
          <t>Loss/regularization_loss</t>
        </is>
      </c>
      <c r="C656" t="n">
        <v>7300</v>
      </c>
      <c r="D656" t="inlineStr">
        <is>
          <t>0.0</t>
        </is>
      </c>
      <c r="E656" t="inlineStr">
        <is>
          <t>&lt;class 'numpy.ndarray'&gt;</t>
        </is>
      </c>
    </row>
    <row r="657">
      <c r="A657" s="1" t="n">
        <v>655</v>
      </c>
      <c r="B657" t="inlineStr">
        <is>
          <t>Loss/total_loss</t>
        </is>
      </c>
      <c r="C657" t="n">
        <v>7300</v>
      </c>
      <c r="D657" t="inlineStr">
        <is>
          <t>0.6646945</t>
        </is>
      </c>
      <c r="E657" t="inlineStr">
        <is>
          <t>&lt;class 'numpy.ndarray'&gt;</t>
        </is>
      </c>
    </row>
    <row r="658">
      <c r="A658" s="1" t="n">
        <v>656</v>
      </c>
      <c r="B658" t="inlineStr">
        <is>
          <t>learning_rate</t>
        </is>
      </c>
      <c r="C658" t="n">
        <v>7300</v>
      </c>
      <c r="D658" t="inlineStr">
        <is>
          <t>0.039712023</t>
        </is>
      </c>
      <c r="E658" t="inlineStr">
        <is>
          <t>&lt;class 'numpy.ndarray'&gt;</t>
        </is>
      </c>
    </row>
    <row r="659">
      <c r="A659" s="1" t="n">
        <v>657</v>
      </c>
      <c r="B659" t="inlineStr">
        <is>
          <t>train_input_images</t>
        </is>
      </c>
      <c r="C659" t="n">
        <v>7300</v>
      </c>
      <c r="D659" t="inlineStr">
        <is>
          <t>[b'1024' b'1024'
 b'\x89PNG\r\n\x1a\n\x00\x00\x00\rIHDR\x00\x00\x04\x00\x00\x00\x04\x00\x08\x02\x00\x00\x00\xf0\x7f\xbc\xd4\x00\x00 \x00IDATx\x9c\xec\xbdw\xbc~;Q/&lt;9\x87\xa6 E\x04\xe9\x1d\xa4\n\xd2\x14}\xe1\xd0\x11\xa4(\n\n\x02JSQ\xf0\x82\xe0\xf5\xa2\xa8\xb4\xab\xa0\x08\n\nR\x04\x15\xe1HQ:J\x93*M@P\x8a\x14A:WT@\x9a\xd4y\xffX-e\x92\xcc\xa4\xac\xb5\x9eg\xcf\xf7\xf3+{\xaf\x95\xccL&amp;\x93d\x92L\xb2\x00$@DD\x14e\xc9\x92lJm3`\x12\x9d\x18\xba\xda\x9by\xb5a\xc7\x96&lt;\x9d&amp;\xad\x98&amp;\xa2\xa6\tv\xac\x82\xe0\x87\x93\x87\xc5\xe4\x10\x10\xcf\xd1\xce\xfc\xe2\xdc\xd0\xf9\xa5u\xcd\x8e4\x7f\x08\xdb[\xce\xc7\x10\xe0\xaa\xcd\xa8)j\xf1;5\x99\x99\xfdX\xcf!\xa0\x00\x8b\x18\xab\x0cR\n\x85\xe2\x88\x80\x88\xa0=\x05\x89\x8c\x9b\xeb\xfdi\xc3\xd2\xf9\xf9?C\x8e,&lt;&lt;\x928GD6\xfe\xd1jidK\xc9R\xf7rI\xfb\x8f\x9a\x1f\xecI&lt;\x06I\x89\xa2\xd6\xde\x15\xbe\x13\xd3\x98\xbae\x99\x13\xfd;\x8b\xf3w\x9e\x08\xb5\xc1A\x08\xd9\x0bV\xb7|\x9e2%\xb0:\xdb\xb5\x1a\x05\x07\x83U?u\xf8y\xf5f\xabP(\x14G\x8b\xb4\xaf\xdb\xb5\xab\x1dG\xa0\xd1q\x99\xb9\\\x95\xc5\x88\x1a\xc0\xf2\x19\x83\x12\x91Y\x92J\xd0!g\x1b\xa4\x8cPh\xa5Nm\x1e\x8b\'\x810\xbb\x86r\xff\xb8g3o\x01\xc4\xbbZ;6\'v\x02p\xdd\xa5\xd7\xaa\xd4\x00w\xff\xb3\x8eK{\xf4\x1f\x95\x14\n\xc5\xdea\xb6\x16\xe0x\xc0\xefC\x8d\x81\xae\x9a\xff\x18\xe2\x05GFb.\x88h`\x141\x97p\xfc)\x96&gt;\xa1\x90\x02\xc1\x00&gt;\x0cp\x91\xfdY,\x8e\xff\x94\x94h\x03\xcc\x95B\x1a\xa1]e\xac:B\xc4\xd1\x00\xc6\t\x1d\xcfx\xf6\rK\x0bBCuL\xbe\xc8\xc8;"l\x8f\xbd;\xa2\xddbPE\xff\n\xc2\x1d7\n\xdf\x1c\xf6f\xae\n\x85\xa27N\xd9Z\x80\x13\x01c\x96a\xd6\x19tS\xcb\xe7\xe5\xb8P]v\x9e4f\x86hl3\xe6\xf7\xe4#\xcd\xb0Du\x91a\xa1Y\x98w\r\xecQ\xa6\x08,\xd5?\x87x;\x19*\xb7\x8a\xe4\x06p\xdc0\xef\x05\x03`\xfa\xfa{\xe4\xee\xd9\x0bs\x99(#\x8d\xec\x03M/\x0e\xc8\xaee0\x86\xe3\xef\x1e\xf7\x0e\x89\xb15`\xcc\xab7\x14E\xa1P(\x0e\x1b\xa9p\x97\xc8\x80\xfa\x0fD0L}xL\xfd\xaen\xab\x91\xaf\xcd.\xf3&gt;\xb6\xaa3{\xfd+I\xd1\x04=\xe2\xaf|S?p\x10\rs7\xb0\x05\xe3\xb7\x0b\xb2_B\x84\xcf\xf8\x19{\xb6\xb5m\x9b\xb0\x14\xb5\xa2\xcej\xbc\xdb\xc1\x14Y\xa1P(\x14\x05HL\x00\xf8\x03@\xd5\xd0\xeb9\xcaU\xb3\x88\x8a\xbc\x1e.S\x97\xbdT\x93\xed\xb0\xf5\xdc\xe3\x00p\xd5c\xf2\xfew\x8eE\xcf\xbf r\xd6\xe3\xfd\x93\xbf\x00!\xeeC8\xe9%\xa2\x96c\xbb^"\xc4R\xde\xef+\x95G\xbb\x1d\x85B\xa18\x00\x90#\xeb\x8a\xbe\xe3&amp;\x8e\xb2\xc8\x05\xa9a\xb0\x9ds\xb9\x8a\xe3r\xe8\xd8\x8d\xd7\xb5K4\xd5\x0c\xb5\xfc\xcf4N\xd2\xfbw\xdb\x17\xf9PF\x93&lt;a,\xa2\x192\xe1%\xfb\x99}5\xd5\x06}W\x83\xb2l\xday*\x14\x8a\xfdB\xcf\x00\xb4\x03\x19TZ\x15\n\\8x\xc8\xcf\x9c\x89\xb8,\x89\xbd\xc1\xa9\xcb\xb8k\x00\x00\xbe0\xff\xd4\x1e\xc3)\xde\xb8\x060\xfa\x8bb\xc2\x07\x00N\xeci\xd2\x9c\x8b\xf6\xc5\xd6636\xed?YN*G\x9b{p\xea7\x12\xe9m\x8c\x81\xf9\xf4\x871\xe6&amp;#\xd9\xb2JE\x04\xb8\xa0\x9f\xd7\x90?\xb2\t\xf2\xfa\x96\'\xb8B\xec\x07\x85mc*DyY\xf62\x17R(\x14\xc7\x04\xedYB\xc4\x16\xc3\xb0x}\x94\xbb\x9a%^\xb7\x0bs\xca\x87\x19\xbf\xb0\xff\xd2\xcb$\xfa\xad`!|\x03s\x0bu\xd3\xdb\x15\x0c\xfeP\xdb\xd4\x89\\b\xf4[\xba\xf3\xae\xbfB\xb2s\x0f\xfam\xd8G5X!&gt;\x15\xc7"\x7f\xaa\x11A\x17\x13\xcd\xc73S6\x17\xa0\x18\xf9\xf9!#{\r\x85N\xf7L(\x14\x8a\x13\r\xedVBDF\xd6\x98\x97\xc0\xa5J=q\x1fzL\xb9\x8c&gt;\x13H+\x94\xcc\xe1xp\xc6\x80\xf0o\x18\xb8q\x08\xf0\x9b\x9b\tt`jD\xeb\xcf\x89\x83\xdfv\xd0\x0f\xa1\xe9\xa9\x16f\x9b\xa5\xde\x86\x9d\x14\xe2\xf76\x9cy~\xbeG\xd9E\x04/\xde\x94\xf5\x96\x10\xf6\xe71\x02\x1a\x9e\xa7P(\x08\x94\x87\x00Y\xbb\xc6\x8a\x04\\-\x95t\xc4s\xf6y\x14\xf45\x1f.?\xf2\x82w\xcf)\x17\xc6\x95\xccL\xff\xfa\xc6\x80\xf0\x00\xec\xbf\xf8TM\xfcb\xa4\t_\xae\x8af\x05\x0e\xacM\x8d\xba?(\x99; \x1em\xd7K-A/\xf2\xf8\xe7\xd0\xb3\x0e2(\x91x\xf8\xa6\x86\x92~\x9b\x89\xb2.\x87\xc8\xc6&gt;\xd4\x94\xf5\x96\x18\xaf\xe5-\xbeS\x16\xbd\xff\x15\n\x85B\xd1\x0b\xfe\xd2Z\xf8\xb8\x868\x93)"\xc2\xf3\xcbN\xef\xd5\x00\xe1\xba\xce\xa7\x88\xdbQN2m@c\x059EXy\xc5n\'\xa5&gt;d|\xab\xe7y\xf7U\xa9\xd7\xb2\xec_\xaf.9\r\xacU\x7f\xccX\xa9\x07V(\x14\n\x05\x00\x84\x81\x01\xee\xcbb\xa2\xf1\x18\x1b\x97\xdd\xc2\xf7O\xe5\xa2V\r\x12\x94\xdb\x7f8#\xd0\x8e\x9c\xa1\x9f^\xd39;\x8c\xda9\x00\xbcuM\xfb\xb1\xdb;\xd03\xf9\xac\xfd\x9c\xb8\x1aw\xdb\xd4\xb1\x15?h\xc5\x07\xd5\xfd*\x14\x8a-p\xa2\xf7\xee;\xc1\xeem\xe3\xdf\x9b\x1cS\xa5&gt;H\x89\x88\xce\xf6\xaf!^\xbb\x98\x123\xab\xd5\xa1P\xf9)\xf8\xec\x18\xe3|\x02Y\x11\xc5d\x18\xd0\xf7s\xb2\x16+\x80\xea\xdaW\xac\x8a\xa9\xe2\x86Z\x8b5=\xadS\x07\x88\xc7\xf8\xc9\xea1\xde\xd3\xb6\x87\xc8\xd0p|eW(\x14U\xd0k@\xe5\xc8z\xba\xc1\x0f\x01\x01\xde\x8a\xcc\x93f2D\x08ll\xd0\x978\xd9\xab\x0e\t\xc3b\xe5\x14\xdfrrV\xa4JK\x1aTx\xad \x19\x16\'\xa7F\x0e\x1ffD:\x95\xae\xfb:8N\x0f\xd8\x00\x180?\x1e&lt;d\xa0\xdd\xf6\xafB\xa1P\x9c\x0c&lt;\x8a\x13\xa2\xcd\n\xdaat\xbb4\x85X\xc4M^\xf8\x88(\xf5A\xe7?5\xd1\xe1\xe0\x84\x8c7\x05\x85\xbd\xd5\xba[\xf6\x1a!p\x04\xd0\x86\xa6\x08\x90\x19\x1a\xea\xc7\x0e\x85Bq\xe88\xcaE\x91\xde@D\xce\x8e*R\xeaEk\xbb\x16\x18\xfa_\xeeq\xf84\xc0y\xce\x02\xf0\x95\x94\xaf.\xdc\xe7\xc5\x86!@!\xd9O\x03\x9c\x97r@N@,\xd0X\xe8)\xca\x0b\x98\xe5\xfd\x1e\xc4\xb7M?\xf3\xaa\x03\xf3\x81d\x8a#\xc2P\xdf\x9eE\xa5\xbd7\xb5\x8d\x13\n\xcb,B\x1b\x08mF\xedD\xa1P(\x18\xa8\xbd\xcc\xe7\x15\xdc\x94\x88p\xcb1lfZ\xa7G\xf8G\x84_D\xf8`\xe5j_x\x05\xfe\x9f\x97\x94\x86\xcb\xad\xcd\x92$\xdaz\xd85\x10\x00\xe1\xd7drJ\x17\xe4t\x01\xaf\x1d\x0eC\x81du\xc77\x00\x1a\xb48R\x8a\xd6\x04\x15=0\x19\x00\xef{p\xeb\xcb\xa7P(\x14\x8a82\xe3w\x8d7\x8c7C\x84\xd7,\xd1D\xfd\xc7uo(*\x0fX\x92\x0cZ\x08\xf0\xa8\xd5/\xd6d"\x14IV\x17\xb3\x1e.\xbd\xc7\xd2\xad\x00\xc7\xf8\xe56\xbcxH\xab\xd8\x7f\x03\x90n}n\x02\xa08\x99H\x1b\x00&amp;/\x97S(\x14\n\xc5\xd1\x02\x11\xf1\xbe\xb8\xe6\x04\xc0\xe1^pM\xa1\xd4\xb9\xf1\x13\xef\xcd\x19j \x0f\x92\x9a&lt;\x01\x9e\x9fs\x0cfz\xf8B~\xfe\'\x87\xb6t \x1a{n\xd8Z\xaf\xa7\xde\xbfB\xa1P(dH\x87\xfd}\t\xe0[W\x12D\xb12&amp;\xef\xc0\x98\xc5\xf3Y1\x0ctd\x9eL@\xbc\xf5|\x9aA^:\xd4\x9er\x7fNH\x9c+\x8e\x91\xe2\xc5\x1f\x10E\xe8yNc\xae\x99\xb2\xd3 S\xe9\xaa\xecv\x91a\xf8\xb5\x94\xcev\xf0Z\x90o\xee\x07U\x96\xe6\xc06\xb6q\xa2u\xa8P(\x8e\x1cg\x88\xbf\xd2\xd5\xa36\x18\xfd\x15\xf0\xee\xa1\xa3\x1d\xdc\x95pM\xcc:\xe0\x9d\x91\xe5L\'\x08/\xba\xb6\x7fp\x14lF\x13\x8e\\\xa8\xbf\xa9\xfe\xdb\x03\x01S\xdf\x8c\x90\xa1\xc4/\x17\xe8s\xf0\xdd\xcd\xc4I\x8a\xc9\xf57\xc6\x94\xafq\x1bcl\x99\x0f\xdf\x14\x8c1R\xcf\xf5\x98\x9a\x80]\x96\xcf\xdaV!\xf5\xe6\xd1\xcd\xdc\xe6\xf2\xd0\xce3j\x85B\xa1h\x82ysY|\xa2T\xe7\x0c\x14\xc20\x839\xf8r3\x91\xc8\xb0\xe1\xed\xe4)\xc6\xe9\xa0\x07a\xc9[eW\x0f\xe8j\xa5\x7fy(\xce\xc1\x84\xee\xec\t\x81\xc1\xec\x1d\xa4\x9ch\xfd\x90?\x15\xcd*\xac\x97\xa5\x8di\x1d\x96\xaa\x15\n\xc5\xc9Eq?\xa5\x1d\x1c\x81\xf8P\xb4\xb9\xba\x96\tI\xa7\xf1i5\xa7\xbc\x9a\xd1\xe6uQ\x08\xdf\xae\xd0v\x89\xae\xbb\xbe \xad\x08\xcd\xbf\xa9s\xdf\x03\xad\x1d\xdc\xbe\x88\x98V\xba\xcb"{]&amp;+Q\x16&amp;X\xa2\x1eDu(\x14\x8a\x13\x08\xed\x9b\xca\x10\xbah\x8fjK\xbf\x9a\xc2\x9fM\x82\x9d\xa5\x818\x13\xfa\x8c\xa3]\xd0l\xfe\xf3\x9a\x95K\xea\xd9\xd5\xcc\xfd\x7f\xd6h\xad\xc1\x84\xb6]E;\xf7\xdb4\xa2Y\x8c\x1f8\xc6\xae\xef0\x1a\xe6\x00oN\xf8\xe9n\xab\xe9Es\x86*&lt;\x86\x98\xa7\x0c\xa5\xeby#\xb3B\xa1PH0wL\xa94\xc78R\xee\x1f\xd5:\xbf*5\n\xd5\x0e~\xab\x8e\xa3\x15\x98&lt;WD\x80\xa7\xcf\xca,\\\x8d[\xbb\xa4\x11\r\xaf\x12o\x10\xb8,\xd0i\x13i\xd3^\xc5\x9e_U\x119\x81\x8b\xbbm{\x12\xe7\xe7\x0e\xca,\xeb\x00\xeb\xe4\xa1;\xde\x93i-\n\x85b\x9f@D\x84\xdbd\xba$\xd7\x15Pl\x0bd\x07\x81\xc4\x07\xa1z\x19\x0e\xe0\x9ei\x84\xc5\xcb\\F\xdfC1\xe6\xed&amp;\x00\xc5\xd6"4\x89Mk\xa1Is(\xf4\xeaR\x89\x11\xe0o\x8a\xe5Y\x0b\xad\x1a\x11\xd55\xbd\xb4\xfb\x04@\x9aG\xc0\xe9Asz\xffS\x8c\x85\xa6\xb2b\xb0\xa5B\xa18a\xe0\xf5q\xda\x07\xed\x06\xcb@r\x1e\x8e\x0b\xee\x8f|\xc7Q\x89\x05\xa5\xa0F\xe2dRx\x80\x9d`\xab\xd9N\xdbHe&amp;5\xae\xa2\xbc\xd4B\x15m8\x81\x1cg\x86M\x1aE\x89\x9b\x08\x08\xf0\x8c\x1a\xa6G\x83R\xe3)a!\xad\xa3\x82\\nz\xbbDhO\t\xf8%-\x15^\xa1P(\x18\xd0\xce\xe5\x90@\xf8\xb1\xcc\xea\xebT\xc5\x03\xd9\xf7\xa2|e\xab\x18_\x97\x15\xd9\t0`(\xcdK\x83\x00\xb7\x01\xc0\x179O\nK\x1aP^\x13\x08p~nR[\xce\xa4\xaa\xc5v\xb8\xa5\x06\x00\x00\xae\xbe\xc8\xd9V\x06\xedB\x8b\xb0\x92w[V\xd1\xe29m\xbc,cS\x12\x9a\\A?\xafP(\x142h\xcf\xb2g,c\xc6\xa3\t?v3_\n`\tfX[\x8c\xc29O&gt;WD\xc1\x18x\xae\xf2\x92\x12\xb5\xb6g \xd7Ef\x97h7\xc5_\x97\xf5d?\xab2=\x10\xec\xc0\x18\xda\x02\x01^D&gt;/+\xe3^\xfay\x85B\xa1h\x8dtwV\xb0drL@\x80\xa7x\xe1\xb6\xfb\xf2\xfe\xe19\xf0\xb8e\x8f{v\x947\x12\xa6\x11b\x13\x00;$\xe0\x15\x85\xc7\x88w\xe3\x01\xf3!\x08\x98\xce\xea\xe4\x00\x8b_\x8fC)\xef&amp;=\xc9\xa1(gK\x9c\xbc&amp;\xa3P(\x8e\x1e\x19\xe7\xf5\x90\xcek6F\xc2\xcb\xb7\x9f \x02|ykYm\x0cr\xfe\xce\xd6b\xd4"=\x01\x80\x8ao\xbdM\x14\xbe\xde\\\xe6\xb6@\xc4\xafw\xf26N\x9a7c\x9f;\xdfW\x91\x1daV\x16\x8fj_\x8a\x18N\xea8\xa8P(j\xb0\xe7\x8e5\xd7\xefO\x81\x16;.B\x0b\xcc\x9e\x01\xe9v\xda]\xbf\x1f\xcb\xbe\xb1\xe0\xc7\rO\xff\xd6\xcd\x1e\xc9H\xdf#\x81U\xea\xe1\xdf\x1f\xdfZ\xa2\xc3\xc6\x93\xf7\xd1f\x93n\xf7\x8fm%\xc6\xb1\xf7\xf0\n\x85B\xb1\x01\x0c"\x1a\x03\x00fkI(\x0c\xfd\xbeI\xcb6\x8c\r\xbb\x94\xbf\x01\x100\xb5\xaac\xe9\xc6\xd2\xc0\x95\x11\xdf\x0e\xfb\xad\xd6c\x03\xdaz\xf6|8\x93\xb1\xdeC\xc5\t)\xe6\x8a@\xab\xb7\xdbJ\x99\xc4\x04d]y\xc6\xa64\xcb\xb1?\xbb\xdaC5)\x14\nE\x1b\x1c\xfa\xe2\xca\x0e\xf7=1\xf2s\x191g%,\xb28w\x921-\xbd\xef\xc3\x0c\xa8\x9d\x99\x83FL\xfe\x0b\x01"|\xf4\x08\n\xb8=\xec\xa6\xbd\xdd\xcd\xa7\xa3$\xfb\xb0\xde}\xb6\x9d\x15\xf6%\x9eIl**\x14\n\x85\xe2@\xa0]v\x13\xf0&lt;\x00\xdby\xfa\xb0\x9f~\xfd\xf8\x01*\x88\xe2\x8ak\n\xd0\x10)/\x10\xf11\x1bMA\x8fo\xf6\xbb\'g\xf7~\xfb\x98\x00\xec\x12D\xd3\xae\xd7\x8f\xb7\x9a\xe3\xcf1jL\xfd\xf8Z\x8aB\xa1P\xec\x10\xda\xcf6\xc1\x12V\xce\x1bbsC\xf2\x16N\x0c5\x07h\xcf\xa4\xf8\x9c1\x9fEB\xfe\xed|\x8bY\xa4_\xde\x82{\x0fxv\x8bp\xeax\xa4\xe7\xee\x9by\xe1\'j\x02 (c\xd0\xd5\xb4\x99\x00\xfc$\xd1\x94\x9e\xe4\xed$\xcb\xf9v\xed\x7f\x14\n\x85B1\xa2\xac\x93=!C,\x0b\xa1\xdf\xcc\x18\xbd\xfc\xb3\xd1\x1b\xe9\xf3\xde\xaeP\xb9iI5V)\xef\xce\'\x00\x07\x07\x04x%\xf9\xdc\xaaG\xbc%\xdd\x04\xda\xad4\x1f\xa4\xeaza\xeb~\x83\x8b\x02{`w\xa1\n\x85B\xb16\xce^\xed\xfe\xae\xd6\xaf\xe1\x0f\xf5\x1a!\xf6&gt;\xf0\xac\x86\x98\xf7?\xb9,\xd3\xcf\x0f\xf0\xd4\xe5l\x17l7\xd4y~\x15\xe9\xc3\xb5d\xb7\xce\xe8\xeeVA\xe4\x15|\xa3\x9f\x00\t\xa9\xd6\xe7X\xc74\xe5|[.]\xa4\t\xd4\xf5\x12=M\xf1\x80q@j)\x10\xf5 \xca\xa5P(N\x14\xd0\xfaS\x9c\x1d\x00\xf0\xc9k-\xdb\xf8#q\xcb\x83z\x97]}\x02\xb0\xd3\xf1\x80v|hg\xe8\x01v&gt;g\xa1z\xbb\xd1\xeeK\x0ewRl\t\xfc\\\x9e\xbd\xb5q\\8\xd9\x17\xb3\x8f\x89\x88\xf8=\x88;\xfb\xdcDcpU\x9d\xea\x16\x86\xecWfp;\xc5a9\xda\xd5ED\x02\xfb\x8c=ST\xa7\x10\x00\xbc\x8e\xfd\x8c\xbb\xd6\x89\xdb\xde\x99\xa2\x8a\x12+\x14\x8a\x13\x8d\xf5\x16\xd4\x0b\'\x00v\x0f8\xfe\xf0\x9c\x0e\xe2\xc5\x19#\xbeL0\x88\xd6\'\xa8\x84\xef\xb2\xfc\xce \xf9\x9fl:$|\x9c\xae\xfa\xd0M\x89!\x8c\xf2/\x1a\x1d\x9b\xc3\xe6\xce\x10;G\xca\xca\x95S\xc8\xef\x95\x14\xd9\x95\xad\x92@?\x9fr\'\xee\x0bGQ~\x9a?h\xa6\x96\x17\xd6d\x8e4"\x05l\x16%\xaf\xb5\xa0P(\x14Bl8\x8c\xf9\x0eYnh\x9f\xd2\x7fKt\xb6c\x11L\xf0\xaa\x96\xd8]\x96\xbe\xf6\x8eG\x1d\xda\xbd\xcd\xfb.\x08\xbf\xe4%\xd8\xa6\x8c\x0bwRl\x91\xe6\xa7\\\x97\xc2\xfc\x04\x80\xd2\t\x9f\x83\\\xb6\x80B\xa7\xe8\xb8\x9a\xd25G^\x92\xa6\xb5\xd3\x12\x95\xa6\xa88r\xe8.\x81B\xa18\x08\xf4\xf59\x04rD\x04H8\x01\xe9u\xeb\x14\x8dB\x11\xf7\xe3\x82\x08p#z\xf9\xfc\xff1j|\xeb\xf2\xda\xde\x15Q\x04\xa1Tn.\'\xfeg\xfeSS\xc5\r\r\xac,{\n\xdf\x16o8\xf0\xc3M\xfdW\x84\xff\x14\xc4T$^\xc5\xd0F\xcc\xa3\x81L-\xaa\xc9\xf6\xb0[\x96\xeaV\xa18\xc9\xd0o\x19\x16\x03\x03\xed\xbd\x0f\xf1\xd2\xb1\xd4\xee\x97#\xfd.\xd7\xfe\xe0e\xd8\x1d\x1b\xc8~\x0e\x99\x92\xcf\xa2\xb3\xbf\x0fj\xa6\xe1\xe8@P\xfc)\xdfF\xdf\xe9D\xc4\x99u\xaa\x8a\xf9\x04-+3\xce\xf3\xf1WWQ\x12\x16s\xceb\xdb\xa8\xa7\xb05SO{`U_\x05!\x8b\xa0v\xb0\x1eD\xd5G\xf4\x84\xe4\x87\xcf\x15\x12\xb4\x1a_\x14\n\xc5\xa1\xe3\x94-\x99\x1f\xea\xc2Cd\xc90\xee\xfd\x03\x803b%\xcbMt\xc5E\x9d\xf3!w\xe9\x8e\xe88\xff\xc3\xcf\xb7\x8de\x19\xcb\xe73\xe1\x8b\x02 \x8cg\xce\xa7\xb5\xf0\xe1\x17\xa8\x0f\x0f+\x15,\x1e\xcc\xc6Z\xac\xad\xac\x98Yl\x00xl\x1d\xa9@\x96\xc1\xce\x8atk\x86?\x06\x0c\xc0\xbd\x86\x1f\x8c\xd9\xceI\xddk\xbf\xfa\x86\x16\x82!|~\xaf\xe5;\x08\xcc-\xde\x00\x18\xf3\x12c\xccA\x0f\x15\n\x85\xe20q\x88\x13\x80\xd9\xc5\t\xef\x02\x8aF\x01Pa\xeb\xf6\xdb\xcb\xd0\xd1D\xf5g\xc5\xde}\xf0;\xbc\x96\xb6%\x19v\xe3\x03%%\xc9\x17\xea\xb9Q\x8b\x9aB\x83\x82\'9\x81\x1c\xb3,\xd0\x12\x11}DK\xf86\xc7\xf6\xa2\xc9x\xd2v\xa9\xd0@\xa58\xb7\xebG\xed\xc4~\xe4@D\xc4\xdf_\xa3\xc9\x8b+EZ\x9b\xa4\xcd\xff\x84\xc4\xda\x15\n\x85B\x11\x83N\xfd%\x08\x1c\x96t`\xcf\x94&amp;\xaa\xe4!C*T\x00\x11+\xa3\x1d\x10\xe1\xe0C\x11\xc6\xb8\x1efb\xc4\xfd\x87&lt;-\xa6rs\x80\x17At\xbf&amp;\xe6"\x97\x86\x978\xf4\x1a\x86\xbb$0pI\xe7\x8a\xd5\xd7\x9c\xabO\x94\x82\xab\r\x00x\r\xe0u\xf2Rm\x840\xe6\x90L37\x97Xb\x0e\x1d\x8a\xac\x1b\x846\xa8\xaek\xd4\x99g3S\xae\x12\xd6\n\x85B\xa1PT\xc0^\xc1\xfa\x0ej\x1d\xcbY\xacj\xb2F\xf5\t\xa9\xbf\x15`\x8a\x1b\xd9\xee~\xcc\x13\xc0Q\x06\xd1Zx\xc1\xc29\x93s\xc1:1)\x8c\xbb\xa6K\xd3\x8ce\xcc\x95(\xa4\xdf\x12\x8e\x00\xe8_\xdf\x04\xf0\xa5\x1eLK!\xd2@V\x9flBT\x1d\x95\xd9\xe1\xa2\xe7"\xf6"^\xc7\x0e\xd5\x86B\xa1PH \x1e~\xe4\xf4K\x06\xb9\x1c\xd1\x06$\x04#hS\xfd\xb4R\xc8\x95$^\xe0\x177\x9c\xed\\)\x9bB\xee\x04\x13\x19\x8b\xe5\x932\xe5\x88\xdeB\x8am\x82:\xdcR\x10\xa1M\xeb\x8b\x14\xa0L\x86\xd4\x04@@\xf3%\xb466\xac\xb2cA\xed\x19\x9e}\x18\xa7B\xa1P\x1c\x06\xc2A\xbd\xb1\xa7\xe8:\x13\xfb\x01\xdf\xc7*\xf1{n%]\xbd~\x8fT?\xbbr\xc8\xd2\x987[d:a\xdaL\x0b\xc7\xab\x84\xaf\xe4|K\xa9\x1c\r\xea\xb7\xa0\xdd\xc5\x0b\xd6\xde\xde\xaeb\xf3\xddtSN\x80\x88*\x0eC\xf8\x1ap\x9bF\x1a\xdf\x19XT\xd3\xb6S+\x9eB\xa1P\xec\x10=\xfa8\x8f\xa0\xc0\x01\x92pH\xfag\x9bt\xd9\xdc!\xa7\xd0\xf5\x11N\x00\xa4u\xda\xcd!\xeb\x07[`\xdfs\xaaSH+s=Mb\xfc\xb1j\xb4$\xbfS\xac\xbc2\xb2Ee\x01\xab\xdd!\xc0\xdb\xc59\xe9ru\xd9\n\xeb\xcbebv\xf4\xdey\x7f4\xa9\xa0T\xc3\xc1\xccH\xc1"\\!\x9bB\xa1P\xec\x15\xd5&gt;\x01M\xd5\xee\xd0k{\xe1(\x9eI&gt;\xfdl/vYp\x1d\xac\xe6\xaeI\xdc\xbb*$R/\xd2Z\xa0e\xbes\x0b\x85\xac\x8c\x94\x07\x13\xb4\xa6\x9a\xca-V\xc5\x981\xb7\xf7\x92\x15\xa1\x94\x82\x84\xc7AU\xfdIF\x83\nJ\xd4z5\xf1/\x1c\xc8\x0e\x92B\xa1PH\xb1\xc2\x00\xf9\xaci#\xbe5\x10\x11\xf1\xd5h\xdf\xe3\x89\x8d\x96\x94\xcae\x82O\xc9"=\xe0N-\xe4l1\xec\xf5\xf1\x96\x10\x10?\xd9\xb7F\xa8\x1a\xa7\xb5\xb1\xdf\x81&lt;\xe9\xbb\xf8b\x97\x95\xa5\xd2&lt;f\n\xc5j\\\xa1\x16Dj\xdc\x1f\xda\xef\x87\xec\xff\xfc\xc0X;M\xc3\xed\x86\xea^~\xde\xbd\x12\x14\n\x85b\x0bt\x1f\x1d\xfb\xba}\x81C\xf3d\xb8m\xb68{\xf0\x06l\xbf\xa4\x890\x087s\xa7@\xdbN\x00\xa8\xe3\x9e\rJ\x1aq\x88C\xb1)\xdb\xd8)Rnk;\xc9i\xfa\x8dh\xef\xc1\xc7zSB\x8f\x87c\x03\x00?\xd8\x90\xe8\x1e\xea\xc5\x02\xa7\x07(\x8fO\x0b\x1e\x1c@\xbd+\x14\n\xc5\xb1\xa2\xc2\xe7K\xf8\x8b\x99\xd1=\x1a\x11&gt;=\xdf\xdf\xb8\xd83\x04\x8b\x9b\xc7V\xe6\xb9\xea\xe4AK\xe1\xe7\xf3\xaa\xa9\x01\xe5\x18\xc3*\xca\x1ba5\x9f\xb5\'\xfd\xb3\xedA\xf9\xabi\xb2\x07\xda\xb4\x8e\xbd\xe2q\xdbT\x04\xc2]\x8eS\x9f\n\x85B\xb1\x7fP\x9f\xf2\x9d^Q\x83\xf4\x90\xec\x99\xe9\xc5\x9b\xe4\xd0N=\xff\x94G\xbf=8\xc3[\xb68\xad\xc4+\x1bhm\x95^\x10\x87/0T\x890\xcdj\x86r\xfdM\xbbb^\xb0.\xfb\xbe\xb0\x9a\xdb\xba\x02\x8b\x8d\x11-\xe0\xa1\x96\xf1Q\x87,\xbc\x85c46\x85B\xa1\xe0\xe1\xa4~L\xd1\xed\xf2\xad\x8fJ\n\xc6\x02\xeaS\x948}g\xd3}\xe5\xb3\x1b\x13\xcc\x8fgR\xcb\x13\x00,\xff\xe0+\xcd\x99\xfev&amp;b\x8cQ&gt;o@k\x16:!\x8d\xf4\x13\x9ea\x95\x18\xf3\xeb\x00\x0f\x15\x11\xf1H\x19\xeb?\x9b|\xbd\xc2\x07&gt;G\xd0\xb2\xb2-\xa1\xecS\xac\x03Y;/\xc9\xa8\xcf\xa7\x7f7BD\x95\x8d\x8cmmL5\x08\x87(\xbc\x8f\xa1f\x8e\xc6\xd2\x14\n\x85\x82\r~\xc7w\x0c&gt;\x8d\x05t\xdd\xbe\xb1h\x9fA&lt;g$\x83\t\x96\xbc\xd8\x0e\x10\x0e\x8e\xb1\x95\x11\xc8\t@\xda\xe5*\x1bq\x1d\x977"0"F\x88/\x12q\xb8\x8f\x9e\xc1K\x01n\xd2\xccT\xdaz\x87\x1e\xb5\xa1L\x1e\x872\xbf6de39Dp\xa6\xc2R\x9b$\xa7\x941F\x8d*b\x0f\xa0\x8b\xd8\x7f\x92\x833\x1f[\x8e\x1a\xben\x7f\x02\x07k\xdeG6\x9cU\x03QgA\n\xc5I\xc3)[\x0b\x10`\xa5\xcd\xf1\xa5\xb3\xb3\xfb\xbdsE\xfa@c\x0c\x98\x010\xfd\xe1w\x97C\xde\x90\xbb[\xc6\xac\xbfU\xa1\x12\xf3\xb6\xd4\x90o\x8c\x89\x0c\x87\xbe\xdc\x19.C\xda\x9b\x08\x85\xdb\x10\x81\x07#)n:x\xc0LQf\x08\xf0\xc0b\x017\x04k\xc7\x07\x01\x11\xaf\xce\xdb5\xf3t5\xfcz2\xa2/\x08]\x1a\xb3\xc2\xc23\xd5\xcfLG\xe0\x1b\x90\xc7\x02:\'\xa1\xba\x0f\x0fZ+\n\x85"\x81U\xba\x88\xdb\xac\x1b \x1b?\x030\x05\x88\xb7&gt;\x02ks|\x9aS\xd8,V\xed\xa5\x11\x01\x9e\xb5\x1e\xbb8\x92\xaa\x98\x0fr89\x96\xb7\x11j1&gt;"\r[\xc2\\)+;\x9f\xec\x8e\xf0\xf2\xbcM\xba\x95\x92\x82\x8c\xd6\xe1*-\x82\x88\x01\xb7\xe7\x13P\xc6\xffc\xf5f\rd\xf8\x88];\xd2K\x02\xf6v\xc9\xc1\x80lW\xbfO\xb1[\xe2\xc8\x9a\x9bB\xa1h\x8b\x1e\x1d\xc4\x99B.\xab{\x00\x88\xd1\xd3\xc0\xddY[\xab\xc8\xfb\xf1\x87v\xe7\x81]\xdf\xd5\xc3_ \x02|_Zc\xbdEb\xf2\xda\xa2\xfa\x9a!o\x91\xbe\xce\xb9\xaa`\x13&lt;"\xacP\xb4o\x12\xc4\x03\xa6\xdc\xfa\xaa@\xac\x98\xfc\xb2\xaf\xe7p3L\xae\xb7\xbav\x81ckn\n\x85\x82\x01v\x08\x102bT\xc4\xf8Jy\\}+\xe0\xf8\x0f\xa2\xb5\xa6\xfb\xf9~\xbd\xa1=\xcc\x989\xc6\xa6\x9dj\x89%\xc0\xe4\xfa\xd6Tdr\x10\x9cf&amp;\x7f\xd0H\xbe\x99\x97(\xd7\xdf\x99\x19`\x0c\xdc\xc1\x18\x80;\x1e\xc4\x80\xa5A\xb5\x13\xcajk\x939y\x1f\xa4.\x05h\xc4\xf4\x94\xa9\x91$\xe5\xb0\x0e\x04\xb4a\xeb\xc1.\x99]L~\x83E\x9c{\xe5\xee\x18\xba\x94\\\x92c9\xf1\xacP(\x14\x16\xd8\x13\x00FO)\x07\x19zn\xb3\xe9?\x06P\x85\xc2\xb3\xf5[\x11!\xf8\xa5\xf5j\x96a\x9d\x13e1\x0c\xb4\xe7]\x1eLa2\x91\x05\xb9\xe9\x17\x8a\xe0+\x01\xe0\xcb\x00\x00\xbf8\x8e\xe5\x8d\xa6\x01\xe5Yg\x83\xf9\x05\xe7\xe9\xed\xc1\x98\xcb\x193\xbe\xee=\x87d\xdb\xc6\x8e\')\xf9E\xcd\x02\xd9\x13z/\xa9\x93\x0b\x95\xab\xaft\xbe\x81\xfc\xbc\xd2\x85|c^\xe2\xe7\x9f_I\xe8p\xb0\x08\x16N\x080L\xc4#%eM\x82\xb3\xc0c\x0c\x98{\xc1Z\x0e\xb7Y\xba\xd8\x98l\xd1#R\xc7\x83#:p\xafP(v\x08\x91\x079\xc5\xad\xae\xb1\xf7\x8a\x04z:od\x89(!\x10\x01\xae&amp;\xa0\xebd\x8c\x11L\xf2\xa3\xf4@f/.\xfb,^\x8b#\x16\x08p\x86\x90\xfe\xad:;\xde\x9e\x9e\xb3i\x1a\xa9\x8e\xe4^B\x00\x1e\x95\x11\x1e\xd8\xe6\x91\xd5C\x19\xb5j\xa5\x8d\xf2 \xe2\xf5\x04D\x04|s)\xe9W"\xa5U 5\xaf\x93\xa8\xb7@\xc8&amp;\xd5\xa7P(\x14\x8a#\x02.\xa1\xf6\xfc\x81\xe1\x97\xd0\xf1\xc5\x11\xe0#=D\x0b=\x94\x0e\\fn\xf1a\xb5N\x00\x91G\xc5ILd\x97\x08\x16)\x08\x86\xc5DDxh\x13\x9d\xafP\x83\x9e&gt;\xb9\x13\x80V"\xb5#\xd8\xd2e\x07\xf8\xa1V\xa4\x1ajLJ\x84\xcfwL\xe6tMa\xe8]\x94~\xab\x02J\xe1\xb2\x8evA\xf6/\x05\x9b\x00E\xb9\xf6\t\xaf\x8eb\xda;\x9a\xf2*\x14\nE\x07,\xfd\xa6?pf\xf2\xc1\xbb\xe78\x95\xbeCKbh\xfc\xe8\xf0\xfc\x97\x9b\xb0\xfe\xb3\xf6\x03?\xef\x181VO\x00\x04\x92\xffq"\x8bGPH9\xad\x88\x85\xec\x95\xc9\x04\xed8\x8c\xc23R1\x0b\xc8\xb2\xed\x92\xba\x90Cl\x15qa\xa4\xa4\xca\x0bX\xaf\x13\t\xdf \xa5\xac\xee8\xaak\x0eK\xb1\x9c\xbd\x0b\x91l\\\xa5Y[\xc1/Y4p\rK\xa4\x12\x85\xf4\x19\x17\xce\xebT1Qk\x84\xad"\x9c\x81)\x89\xa3\xde\x0b\xe7Z\x10 \x02|\xaf\xbc\x0c\n\x85BAc\xbd\xc8\xbf\xa1\x8b4\x00o\x05\xb8\xear\xac\xear\x00\xef\xc9f\r&gt;\x9b\x05\xdd$\xc7\xdc\x07q\xd3\xac\xdf\x0f\x9f\xbe\x14\x9c\'\x9d\xa69\x04nO\xec\xebK\xf4\x85\xe1I\n|\xa1\xc2,\x9eJ\x11\xc1|\x19\xe0[\xa5J\x1b\x88\x10\xe7+\xfbYH\xa8\xeb\xecG\x94\xad\x941\x91\x9c\xe4i\r\xbb\xaa\xebef\x05\x9e4\xb3t-\x08\x12\xc4\xcd\xf4A7\xf3|\x80[\xd5\xa8\x85\xe8\x01\xc8\x04VwT\xf8)\xb4\x19k\x9c1E\x04\xab\x81w\xe0\xf8R\x80\x1b\xe7\x85HZ\xc2\xfc\xb1\xc5\x0f\x03\\L\xa0U\xaa\x1fh\x0f\xaf\x91\x02\xf8\x9fw\\\xac\x82\xad^\xdb\xd8\xa2\x86\xb7X\x9a\xf5W\xa1P(*\xb1\xc1\x87\xc0\xaef\xc0\xfc8L\xbd\x98\xe7\xfd\x13kN\xd3\xc8\x85\xee\x93N\xc8~\xec6\xf5\x0e\xf1R\xf8\x1d\xdeP\xdb\x1f|\xef?I\x83\xe7\xfdsy\xcdn\x11\x99\xc5\xf5\x99\x8c1F\xee\xfd\x8fy\t\xd2+\x1f\xda\xfb\x1a\xf1\xac\xca\x03MnsY_\xa3\xcb\xf8\xa9\xab\xad.\x9b\x8c\x13&lt;\x1d\xb1|\xbe\xf7\xa8\x92-\xda&gt;\xd9\xf2\xc3-E4\xf0\xa1\xbe\xb6\x99~[!\xc8R\x17\xd5\xd2u\x05\xcb\xde\x81Iu\xb0\x8b\xac\xf7\x0f\xce\xe7\x17\xa9\xd7\xb3P\x17\x95\xb1^\xfb\x90nb\xb9d|\xc5U\xaf\x89\xfc\x1cGtp\xd1\x18$\x85B\xb1\x01\xd2{\xcaN\xc2,\x9d`\x8dh\xd9\xb3.\x8f\r\x88\xe0|&lt;\xb1i\xben\xde\xc7\x85;\xfbk!\xe0\xbch\xcc{\xcf\xcf\x9b\x80(L"\x89\'\xad\xa0\xa5X\x8d\xcce\x91\x0e\x9c\x94\x9e_\xc9\xe3\x9ebD\x91-\xc4\xa7\xa8*\xb3\xde_\x88CD`\x0f\x12xY\x8a)\xcf\xe5\x8ad\xbc\xbe\xb4\x8c\xa2R\xd4#\x10X.\x00Q\xb3|\x86\xdb\x94z\x96d\x12\xbb\xb0\xf6\x01n0\xe4\xde\xc8\xeb\xc50\xe4\xd2zYQ\xa7i\xa6wD\x8a\xf8\xf0\xc3?\xae\x19H\xa6P(\x8e\x03M\x16Np\xde\x85o\xb7\x12s+\xc4\xe7\xda\xbf\xcf[\xfc\xd3\xaf\r\x18\xe1\xb8]\x9b]I]d\x98\x0b\x88\x88\x06\x96\x05\xbdp\xc4Z\xedb5r\xb0\xb46\x8bm\xf9\x13\xebn\xcbN\xf4\x92&gt;9\x88y\xc57\xe6F\x00/O\xc8\xb8\xeeMs\x08\xf0A\x80Kx\xba\xb1j\xb00l\xc0\xd3v\xda\xe6\xed\xc4|3c$\xe6\xd2\xa9!\xc8t\x10+\xab\x95\xb6\xde\\O\x92\x96\x8d)\x92[;\x19\x8e\xcd1swY;\xad/\x88\xf7\xf0\x8c\x04\x042GTVS}\x88\xd8\xb0\x1f\x0e\x91\xec\xaf \xe8\x9fLC\x91*0\x96\xe6\xcc\x00_\xed \xc94f\x81\x06\x02)\x14\x8aJ\xc8B\x80\x96\x05\x0fz9\xb9\x91P\x00\x00\xcf\xf5~\xff\xd9\x0e\x0b\x1cn\x1c\xc2k\xc84v\xa1.\xe3\xb9h9\x97\xaeJ86B)\xec\xd1\xc1\xad\x14r\xad\xda\xdb@_bh\xc2\x028I\xfd\xd8\xfb\x97EE\xc4!\xc1\x9akT\x06\xe0\x92Th\xbe\x9d\xa0v\x04\xe5\xc7\x1a1\x9c\x92\xe5Kgm=\x18*&gt;\xe7O9\xc6\xb9\xa9\x7fQ\xde\xb2\x98\xca;\xff\xd6+\xa6\xd6\xdd\xf3\x8b\xc4\xceR\xf2\x12\xfdH\xbc\x15\xbb\x802\xa3b(\xe7y\xc8M\x99\x831o\x9c~`\xa4\xf6\xaf\x90\x98\x148\xad\xc4W\xf63\xd5\x8b\xf7f\xf8 I\x0f\xef\x1fV\\WR(\x14G\x0f\xd9\xa8\x10\x1b\x81$+\x9dE\xcc\x02l\xb5\xbe\xce?\xe9\xb8\xe6"\r\xba\x8e\xedxB\r\x00\xc0TUMP\x07C\x99\xc6\r\x1f\xf07@\x92\xf4q3\x97r*\x05\xb5\xa4ZL\x0c\x80\xbd\xa8\xbf\xf2\x98\x9d\xdb\xa3\xe0K\xf5\xcf\x88W\xcc\xb2k\x10\xcb\xcf\xde=s\xb7\xddpzX"\x0c\xbb]\xaf\x0c\xba\xdb{\x1f\xc0w\xd9K\xdf\x85\xd2\x12\xc4\xa9nj\xfd\xfd:\x0b\xaf@\xbc&gt;@\xa6\xff\x9c;\x93\xe5\x87&amp;\x1bh\xe1\xa6\x10o\x97\xb8\x18\x83\xaaA\x97\xf3\x15\n\xc5\xfa\x10\xec\x00\x90\x8b\xfe\xc3\x9f\xb9\xf7j\xd8\x8d\xedcD\xe6/\x05\x05c\xc4e\xca\xe8\x94\xc0\xe1m\xe6\xff\xaa5\xf8E\xff\x01Zf\x80\xf3?,lW\x9d\xf3Rk\x8b\xc3\xc1\xe6?\xd8I\x97\xb88&gt;\xf0\xeb\xd5+\xd3\xe3\x17\x91\xc7\xcd\x04\x08vj\xf8\x94\xaeT)\t\x13^\xcb\x89i\x0c\xfd\xc3\xf5f\xda\xde\x98,~\xb3.\x03\xa7?\xf5\xa0\x8bp\x99\xc1\xd55\xd3&gt;\x11K$\x82x\x9854\xb7\x8d\xb7Fn0\x9bl\xa2\x98\xcd\x07\x9c\xe7\x8d\xe4,zh}=\xbdCL\xff\xc8\x026W\xb8B\xa18\xa9\xa8\xb9\x05\xc8\x00\x18?\x94\xba\xcd\x18\x8c\xd3x\xb75\xde+Jm\x8c\x013}\x9a\x16\xdf;v\xed_\x1cc\xa6\x10\xe0\xee\xcd\x05\xb4y_\x84Z6[\xdc\xa3\x02\xa2g\xcd\xa6\xb8w\x01\xd5\xc3\xc6y\x98\x8atb\xb9\x99@\x84S\x9b\xc4J\x99O\xcd\xfeq\xf0J(S\x9aO\xf4R\x1bY\x11\xe6\xd8\xa7\xb2\x1b\x9c\xd8nq\x14\xb1\xb0F~VD\xb8U9\x91\x05\xd6tu\x0c&amp;\x99\x9eC\x8bz3\x17N\xbd\xdd\xead\xb0\x03Fte$\xd34G\x92\xf3\xbc\x95E\'6\x01\x95S\xe5c\x07jW(\x14\x8a$\x868\xcb\xc7\x91\xbd\x15\xc2\xa7\xda\xf4b\xd6E\x07\x91\x1b"\xdat\x97\x1c"\x1e\xd3l\x96@N\xf7\xe7\x06R\xaf\x8bh\x05\xf8e\xd9\x85\xeb\xb0\x0e8FXV\xe3u\xe6\xcdd\'a\x91\xa8\xfeh\x8b\x18\xc4\xb8:[j\xa6&lt;\xa2f(\xe0\xcb(\x91\x98P\x03\xf1\xfa\xe2\xf7\x89R\x1fX\x11\xf2\xf8\xcf\x16\x05iir\x11\xe2}\x14~\x0c5\xa8P(\xba\xa2\xd9"\xfb\xdc\x85\xb5\x8a\t\xb6\xc3\xcd=\xd4/\x86\xf1\xa5\x15\x96\xcb\xef\xc9\x9dh\xe5\x1d\x85\x1a\x0b\x10\x0eN\x11\xfd\xdf\x05\xe0\xc9\xabH\xb4=0}\x17\xc7\xa42\xa9\xa16lD\x03\xbd\x90\xbb\x94E\xd65\xb1\x8f\x82,qa\x1c\xe2\x16isV\x80/e\x0eT\xcc\xdf]2\x0b\x87J-M\xfaq\x0b)&lt;+Bh\xe8 \x9ay\xbaf\x0f\xa2\x08\t\xb4nJ]`WA\xab&amp;_uR\\\xa1P\x9c$\xb4\xfa\x10X\xcb\xf5\x86\xa1\'LPl\xb8\\R\xb1\xf4BG\xd9\x06\x0f\n\xb6\xb3\xf7\x05c\xae\xe4\xfe\x1a\x0b\xd28)\xde?\xcc\xa3u\xc4v\xca\xbc\x7f\x00\x98c?\xaa\x84\x03\x84\xb3\x8c\xab\x8a\xd3\xe2%\xce\xbf\x8bI1R\xd8\x9e&lt;\x00\xd7\xe0\x1d\xd2\x19\xef\x1f\xec\xaf\xae\x0e?X\xa5+\xc6\xc4t\x12\xf8\x85\x13\xfd(q_\x8d\x87\xea\xfd\x1f2\x12fl\xf9\xd3\x7f\xbc\x8e0U\xe8\x7f|EMQ\xa1Pt\xc44\x1c7\xdd*\x8d\xec\xcf7\xdb0]\xe8\xbc\x9a\x1b{\x10&gt;\x8d\xa5\x1f\x87\xa8\'\xa3\xff\xf0\xa0q,\x81\x01MAT\xab\x13V\xb1\x89L~KA\x80\x8b\x8d\xa2\xfe\x12_\xb6l\x13t\xb9Hm\xc3\x97\xb0J\x12\x19\xebR\xc1\x02\xad\x02\x00\xfch\x8d\x126\xc6Z*m\t\xa7\n\x0eS\xed\x1e\x9aw\x14\xccf\xa5P(\x14%@8\xb7\x136\n\x88\x7f\xd1\xb4#v\x06Zbp\xaag$\x199\xa4\x1c1\xfc\xc4\xec&gt;\xbb\xe3\x1d\x8atp \xceB\x04V*\xae\xfd\x1a;O\xb9q\xec\x16\x94\xf2\r\xdbx\x8diI\x10\xe0\xfb\xf8\xa2H\xf8\xb2d\xa3\x9a0=\x01\xd8\x0c\x82\xb2\xdf8M\x84\xd4p;A\xdb\x82c\x00;\xa8\x1dA\x13\xc6\x0bu2`\x85B\xa1h\x0eL\x0c\x1b\xd8\xca\xeb\xbd\xe1\x94\xdda\xf4_{\x18z3 \xbc\x84\xe8\x98\x1a\x1d$\xdc\xd3\xc3\n@\xb8\xb9cZ\x96\xbd\xbdwL\xb0\x0b\xc3\x98\xc5pv\xc6\x82\xa6\x91$Q\xe7\x8a%\x1a\xa3\x84&amp;\xedi\xa5\xc1\xa4\xc9Iv\x0fj\xcf-\xc2\xb4O\xbd\x07\n\xac\xa9\x94"\xfe)^LI\x864\xdf\x93KvVY=\x16\xa3\x05\xe5\x12\xc3\xdb\x00\x96q&amp;\xc5\xeb\xb2\x83\xa1\x13\x00\x85B\xd1\x05Y\'`Y\xf8\xfcL}7\xb4\xfb\x8e&gt;\x80%\xed,0-|\xc4\x899\x90\x11nMxJ\xf0\x95\xb3\xd7ia\xa4]\xf03\xb9V$\xe7\x1a\xceC\x84\xe6d\xa7\xa7\xec2\x10\xf5\x1f\x10/hm\xdc\r\x19E\xd3\x8ft\xb2Z\xe5\xb0\xe1\xd5ZQU\xd2\x84\x9d\xad\xa1\xf8I\x03F}A4\xaf\x93\x00\x00 \x00IDAT1\xc4\xe0\xd6x\x81m\xd4\x80\xe1\x19\xa7\xf3\xfb\xfaa\x91jQ}\x87\x00DD|\xc0\x89\x1f5\x14\nE\x1a\xcd\xbe(\xe9\x13]\xbe\xd6\xd9\xe6\xba\x1e8\xa4\xd3u\x88\xe8\xdd\x8e\x12I$A\xc3k"\x0e\xeev\x08t&gt;\x01\xeb\xab\xae\xa68\x03\xa9N\xa6EX/\xe2\x07\x01.\x11\x178\xb4\x8a\xca\xef7\x1b\xea*-!M\xbb\x15\xcb\xcc\xd6L\xde\x16\x9b\xe3H?\xde|z\x1a\xf0\xd4n]F\xd7\x06x\xad]j\xaf,\x9eq\xe68\x10\xea\xf3\x8a\xd3\xc0\x06\xe4\xe8\xda\x10H^\x03\n9\x06:\xe2\xd0\x993\xf5\xbbek\x07XTs8#\xa6B\xa1\xd8\x00e\xb7\x00e\xbe\xbb\x83\x00\xd3\xcaVm\x074\xb39\xa8\xbel\xfe\xeelK4Y\x9c\x1bh\x1c\xe2\xda\x90\xbd\xfeo?/\xd5\xb2\xbdD\xddF\xb7\t\xd8\xd6{\xf1LJ\xe7\xe7\x12\xb3\x9f\xac\xcf\x180\xe6\xef\x00\x9e!\xa6\x10P\xf4\xa8\x87B\xcd\x9f\xf12\xe6\x96\xc6\x801o\x9b\xbe\xbcl\xe8\x0c\x13\xde\xef\xaf\xc8\xda\x9fm\xa6\x85)\xfbXX\x1e\xbf9\x1c,]\xfa\xaeI\xec\xd7\xde\xc6\xf1\xfe\xbdl\x08\x82%\xe5\xd8\xb6\x86\xf3\xab\xc7a\x9d\x8e\xaf\xfecj1\x04\xeb\xee\x9b\xf5&gt;\xe6\xb6\x00\xed\xf4\xf9\xe6}\xf6\xa2\xee^\xf2vr(\x14\x8a\xa3F\xb0S\x1d\xee\\\xef\xb6\x03\xda\x85`\xa4\xd2\x1e\xd7M\x9f.\xa9\x03\x82#s#\x85\x04\xba}g\x07\x9d\xf8\xaa\xde\xa6]P\x86\xb4\x17\xec\xa7\x97\x88\xb7\xb8\x8c\xeadE`\xb6\xebFM~s\x04%}j\x9b\xa8\xce\x1d\x9b\xf4\xd6P\xb5(\x14\x8a5\x10\xf4\xc2\xd9\x81me\xfc\x9e%\xcc\xa3\x97\xd0\xe4yh\xaf\x0cE\xadG|\x18C\x00\x84\xa7\xb5\xeb\xcd\xaf\x7f\x98\x03\x83oN\xd6\xafO\xac\xf2\xfe\xff\n\xbd\xc0\xf4\xfe:98\xe5\x17\xe0\xc1Re&amp;S\xaeh\xb1~_f\x19F\xae\xe1\x88\x8d\'\xde\xeaS\x996\xef\xacJ\x10(s9\xf9Pt\x84\xe3;\xe9:\xda+z\x1eSIq\xdd\xb9Z\x14\n\xc5\x11\xc0\xef\x88\xf7\xd4/\xd3\xc39\xe2Y\x97\xa1\xe8J;\x99\x06\x0c\xf2\x96\xe7\x9cKw\x8e\x18\x91\xc3\x192\x17\x902/\xf5X\xb3\xfc\xef\x8c\xcaki\xe3\xa0\x94_\x08\xdf\xd5\x9b\x9e\x16(9\xe7\xe7\xb5W#\xddct\x98%z\xf4\x99\x99&amp;\xbb=\xbd\x89\x0c+\x02-\x97\x14\x01^d?\x17\xd3\xa2*\xa8\xad\xb8\xadp\x80]\xaeB\xa1P\x88\x11\xb8\xfe\xdb\xf7\xcb\xd4X\xee,\xfc[8u\xee\xa3?\xb0\x91\xb4\x15 \xca\xe8\xbc\xa6U\xb1\x17D%\xa1\xean|q\x90\x87\x18\x00\x862\xa5\x13\xecc.Z\x0e\xaf\xcap^\xeb\x95\x15\x8a\xb0X_u\xddz\x18\x9f\xe9?\xb6o5T\xa7\x94\xcf4gl%\xc6\xdahQe\x84U\xecU!I\x03\xfe\xd1\xcd\xc4R(\x14\x8a\xe6\x08:\xbb\x1d\x85\xd6\xa4\xe5\x89:\x19\x07\x81g\x90%\xa5?\xd4\xb0\xabb\xa6\x84\x89\x8e\xf1\x07\xe7\x1f\xf3&lt;\xbc\xdf\xdac\x05\xcd\x90\x88\xe4\xd4ZaY&amp;3\xdeJ!6\xdf3"\x0e\xe1s\xb9J\x14HH\xb5\xc7|(\x14\xc0\x9f\xb1\x12\xef\x1d\xa4\xfc\x82Y\xa2Lu\x9b!\xacd[\xce}\xca\xacP(\x14e\xb8\xcdN\xfae\xa2\xe7M8\x10A\xb2\x0f\xaf)k\x13\xd0\x05\xa6\x95\xe0\xe9\xe1\xfc\x9bUS\xa2j\x0ec\x80\x07F\xacm\xd6\xfc\xf85\xb5%\xb2\x8d(\x92\x18\xb1p\x81v\x07e\xef]\x11\x92\xea\x1e\xd3$\x9a\xcc\xc1\xe0\xc7G\xf9_L\xecL\xee\xa2\xde\xdb\x81j\xd4k\x8b\x00\xef;*\x95*\x14\x8a\xdd\xe2\xb77\xed\xecF\xd0\xee\x94`\x02\xf0\xf15\xa5m\x05\xb2\xd4\xe9\x11h\x8bqw\x91!Y;\x07\xe0\x16\x04\x8a\x8d\xba\xf8\x89\xa5MfMm\x0e\xa1`\xf5\xf27/\xfe\x01\xe8V\x90\xb4u\x11\xba\xb52\xa2\xe3M\xda\xfc\xbe\xaa\xa6\x12V\xe7\x16\x1b\x80\x86R\xffmW)\xe0;\x8fJ\xab\n\x85b\x87\xb8gpa\xcb6(p\xa7v\xeb\x1c\x08qN\x00\x00\xf8C\xe6\xf8\xbazey\x92\xdc$"\x9b\xbb\xd2\xb9\xcb\x1ai\xe6\xbe\xc8\xe8&lt;wk\x0fi\x9d\x1aAD\xbcGC.Mjj"\xd5\xbc\n$=\xcf\x8ft\xeb\xa6b\xe5\xaacD\xabk\xae\x82\xa0^Vm\xec+\xf0\xca\xd8\xdb\x1a\xa5\xeeb-\n\x85B\xe1\xc19e\xbb\xa1\x14\xa4S\xc5\xcd\xb2\xb5\x8f\xd5\x00\xa4\x06B%ts&amp;h\x9c\xd7WrL\xe79\xc9\x05\xe7&amp;;!\xa6`\xd6\xeaxl\x1a6R\xf8 ]\xb4\x90\xd7\xe7\x8ft\\om\x96\xc55\x95\xa2\xd4H\xb6\x852\\|\xcb\x1d\x804\xc3t\x82\x94\xff\x8ax\xff\\\xf6\x06\xf5\xb2cX\xe5\xda\xa6hG\xa9U\x85B\xa1\x88B:\xae\x1c\xd9 D\xbb&lt;[\x97\xebL\xbe$\x91\xa11)\xfc\xb5\xf6Q\xa2\xa6\x1av)D|\x85\x08\xbbB\rTf\xef\x8a\xac*\xa4th\xd5\x15\x9dL\xe8ix\xf9\xc2RU\xdf}7&amp;\xc1\xa2\xbe%6jA;\xc6T\xaeKnV\xb4\xfb\xef\xb3\x99+\x14\x8a\xcdq\xca\xd6\x02t\x811U\x1f\xb6?\xc0q\xc8\x11\xb8\xb8\xe0\x1d\xb0xr_}2\x00\x80\x01\x98*\xc6\x8c\x7f\xbd\x0cIr\xafo/a\x96\'\x01s\x11\xeaa\x99\xda=\xe62\xad\xfc{\x11\xcb\x89(\xeez\x81\x10\x81\xe9|\xdaN\xea-\xe6\xd7y\xe2\\\\q\xfaa2\xdc.\r,K\x13\x13\xbfu\x83!\x05ka6O\x0b\xe7`}\x14\xbb\x0b\xfc\xebf\x9c\x7f\x9baZ\n\x85B\xe1\x03\x01.\xb6\xb5\x0cu\xe0\xae\x95.\xeb\x82\xf2\xe5(\x0e\xfd\xde\x08\xb8\xfb\x8b\x9d\xef\xdc@&amp;\x0b\x8f\x1c\xc4\xf8\x88\'\'\x110\x16.\n\xda5\xd8n\xbd\xd0\tC\x8a\xaf\x07\xa7\xed\'\x9d\xd7c\x17}\x95\x93a\xa2\xd0.\xf6\x89Rog\xd0\\R{\x1d\\\xf7\x9f\xa0\x1c3"q\x91}I\xd8\xfao\xaeU_\xf8\xed\x8eY\xbf\x9a\xd0\xa4\x9cZ=\x85C@\xd3*S(\x14\x8a\xf5p\x0c\x1d\x96\xd5\xf9\xb2\xce\'H\x87%F\xe2cPc\x01\x18^\x17\xa5\xba\xd7e\xdc\xb5\x08\xa9\x1a\xa1\xe2\xd4r\tx\xe3\xfa\xee\\\x1cn\xf1y\x94x\xe1(\xa4\x06\xca\x9aL\xb6\xfa\xceK\xa4p\xf16N\x91g\xe2Cb\xb6\xae\\\xc1Z\xd5\xbbEscWr.WU\x01[\x98\x9fO\xb2\x11\x9df\xf0\xac\xee\xc5KI\xb7\xed\x10v\xa7(\x85B\xb1&gt;N\xc8\xe6\xe0\xbc\x80\xb7\xf4|\xb1\xedf{42t&lt;F,9\x99~L\xc0 ud\xf0\x87\xf5I\xdf\xb6\x12\x10\x00\xe0\xea\x00oq4\xe3\xe54P\x1e\xd54\x90\x9a\xea:\xe5i\x90\xf6\xe0\x1a\x03\x11\x993Vn\x85\x84, \xb6\xa5\x1f*\xa2,\xfabT/0\x8b\xffI\x80\xf3\x17pq\x98Q\x08\x1bW\xa2\xa6\xf9%\x9d\x89\x0cYr\xc6\x10\xe5ng\xaf\xea\x07\x10q\x05c\xeb\x00D\x0c4\xb6(\xa9I\x89\xdc\x96\xee0\xd80\xb2\x88hhW\x05\xf8Gh[v\x85B\xa1(\xc0\xa1\x9f\x01`\xae\x1e\x8d\x91\xac\xf1(\xda\xa8k\x91\xe3\xee\xfd\x1e&amp;\x89\xbf:rpF5\x03`&lt;\xef\x1f\x00\x8c\x19\xfeL\'9J\x83\xeb\xe7\xea\x19\x7fh]\x05s\x9dv\xad\xdbq\x95u1\xa0\x0b\xd4\xaf\x9b\x0e.\xd1\xc3\x87\x9f+&lt;\xa4\xf1\xa0\r/;\xe2\xf9*d\x8e{\xff\xf3?\xae`tbII\x87\xa4w\x99\x04\xf0\xe4\x89f\xf3\xbd\xff\xe1\x19R/\x85\xa0\x9bC\x8d1\xac\xd9+%&amp;\xdf\xabp\x19\xdf^\xb3!\xb3,\x8c\xfb\xb31\x00\xff\xe8\x1e\xab\xd8\xc8\xfbo\xba\xf1\xa2P(\x8e\x07\xf6\x16s*vy\rY\x92\x90{B\xce\x86l\x15Y\xcc\xc3\xd9\xb5\xdf\x81\xba\xd6\xc5SBm\xac\xc8=\xac\x0b\xe2a\xce\x18b\t~%x\xd5\xb1h\xae\x00\x8f\xcb\xc9, &lt;\xfd\xb9~\x03)\x05\x1c\x8br\xca*\x8e\xc8%g\x8d\xce\x1f6\xdf \x192\xbb\x9db\x94[\xe0\xa6.`\xd3\xe6C\xaawz"\x0e\xbc\xf9\x8b\x86-\xbaS\xa5+\x14\nE{X\x1d\xd6m3\x0b]\xfb\x18?\xc4C\xc8\xadk\x07\xe3\x84;\xe2K\xd5m\xd4\xdf9hml\'BL\xaa\xa4%\x90\t\x98y\xd3xMA1\xa8Y\xcd\xb7\xcbY\x1f"\x12\xf5\xd6\xdc\xa8&amp;\xb2\xa3\xc5&gt;ux\xc8w\xe2S\xb2\x9e\xbc~ \x81\x86:\x89kxi;\xc3\xaf\x8c^H+K\xa1P\x9c\x0c\x84\xdd\x9c\xd5\xf7\xa5/\x1ey\x16"\xc27\xb6\xe9%\xfda\xf5c\xe2\xe5=\xf9\xc0\x10\xe5\x1e\x1f\xec\xc7\t\x80P\xb6M\xd1\xc8_\xa1\xb5\xb1\x01\xc2i*~0\x94\x8d{\x088^\xd1|\x81\xbc\\\x88p\x9d\xbcC\t\xc1\x04`\xf7Qe\xedj&lt;\xd5\xc4\x1a\xc3Q/\x96\xdc\xbc\x14\x17u\xe7\xf5\xb56\x1a\xaa%n\x12vcI\xeef/\xf1|Ze\n\x85\xe2D`8\x03\xe0\x07\xad\xceq\x89\xd3\x06\xb6\x9f\x06\x00\x00nc\x0c\xc0\xa9\xf3\xaf+\xf6\x95\xe1\xc0\x7fA^\xc6\xb7;#\xc1\x1c=&lt;yS-\x8b0\x12/\x8e`_\x1f\xffE\x8f\x9fE\xb4\xc8\\\xa4"zyr\x0b\xd3\xa0\x02.N\xa5\x8a\xe4^\x82\xc6\x13b\x96\x89\x8f\x08p\x15D\x00|u*\xd9 \xc0g].\xc6\xec\xfb\xec\xe0\xe2B\xb7\xa8\xd9\xb7\xd6\x93`\x8a\x81\xf6O\xf3\x9fz\\\x14\xe0\x84\xdd\x01\xc0\x02y~\xa3\x94N\xeaM\xba\x12/?^\x0e\x81&gt;-\xf5\xff\x15\n\xc5\xf1\xe2\x0c\x00\x10\xf4\x9f\xd4\x95)H\xf6\xb2\xf6\x95\x0bC"\xd11;\x9a(\'[\t\xa1\xb9@\x08o\x06\xb8/\x94\xbbP\xf3\xad2\xc3?\xc9a\xe2`F}&lt;W/\xca\x89\x9bO\xd0\xf1\xb86\xd4U\x94u\xbf\xb9\x89\x01\x80\xb7\x1bcr\x05G\x00\x80s\x0cY\x0e\xe4.\xa9\xc6:\xfb\x1a\xfdX~\xa0\x97\x93\x8c\x94\xfd\x8e|N$&gt;\xb2\xe7\xd9Z\x15\x10\xb0b.\xdaJ+\xc6\xc0r\xc9\x92\x98\xd9\xbb\x8d1K\xffc\xd9\xc0&lt;}XJy\x9c\xf5\x88\xc45M\n\x85\xe2\xd8\x11Y\xa2\x0b\xf6\xaf\xf3~\xd0Z\xdb\xa6\xa5\xc1\x00g\xcd\x94\xa8X\xecc\xdc\xf1\x97(\x96\xc6\x8fpT\xf1\x98\xad\xd5u\xb6,\xdf\x88\xb9\x89\xcd/$))r\x8dr\xd6\xd7m\x8dr\x18\xe4*t\xbe\x82\xa55\xea\n\xb6\xec@\xf8\x1a.\xaf\xdfF\xb6\xc1\xe4U\x11\xa4\xd7\xd8\x98\xf7\x89c-\x97B\xa1H!\xda\xf2\xdb\x0ccm\x11\xf3\x04\x98\xfdr\x8f\xe2$\xe4\xd9\\]\x95\xa8.\xc2\x9f3\xaaf\xf7\xeaJ\xd9\xdc\x84\xcb\x88\x87\xcf~\x9eD\x10\xb72\xa8w\xc5\x01\xbe\xa8mJI2\xc9\x9eN9p\xebO\x00\nIlu\xcc\xc3\x11\xfe\xcf\x9a\xcb\x80\x9b\x170\t\xab\xec\x88\x00\xd7km\xcc\n\x85B\xb1\x17D{\xb4\x95\x07\xce$h\x0f\xc0\x11\xef\xff\xf1\xc4\xfbb\xb4\x1f\x7f\x87\xb8\x7f\xcf\x89t\xe2\xc1\xd2\xc3N\xfd\x80\x11y\xcb\xdb\xd3\xec%\x90j\x93{\xa8\x10\xe7\x13\x00$\xf7\xc2\x1a\xc7\xe5\x07v\xf6-*kd\xf4ks\x15\x14\x12\xf0\xf2\xaeX\x83\xfd\xfa1\x9b\xec6\xad&gt;_#\x9e\xa9\x04\xf6\xa3P(\x14\xc7\x803$\x82\x1ac\xf1\xb0\x1b\x80#\xc7+x\xa4\xce:\x7f\x99\x07\xad\x98\xce\x92\x8e\x9d\xcc2\x05\xa3\n\xc8\x0c\xf9\xc4\xecsd\x071\xdc\xc8N\xa7\x98\xedBZg\xa2\xfe\'\x8aX\xb9\x0f\'\xf6\xd4\xd3\xd8\xde\xbd\x01\xebp\xc1\xba*\xb6\x8cn\x88\xccv_\xe3\xf4J\x18vl\x96\x1f\xd8\xf9\xa8\xf6\xd8[\x19\xc3\xb9\x8e\x99\x11J\xcf\xb7D\xacj\xc5:4\xc6,\x1dH\x1f\x0e7\x03\xf8\x1b\xe2\xe3\xcdk|\x197W\x1bC\xe9\xe15\x938v\x07g\xde\xd9W6\x85B\xa1\xd8\t\x9c\x95\x0f\x1c\x17\x14\xa5!\x95\x8d\xe5\x88\xa30\xd0\xb3t\x81\x87\x10\xe0\xa5C\xf6PE\x08\xf0\xcf^\xde`\xaf\xb9"\xa06.YR\xde\xb1\xec\xcf\x14\xee{X.\\J\xffv\xd1\x0e\x16~\x1d\x85\xaf\xbf\x0b\x11\xe0n\xebKF\xe0\x11~\xe5n-\x10\x00\xe2\x8b\x031\n\xdaZ\x9d\x08\x85\r\xbc\x86%\xc0}\xe6_\xa4\xbd\xa5@\xe0H\xd3\xdb7\xbe\x95|\x1a\xebF\xb6\xc6\x15+\x82!wU\x10\x85B\xa1p\x90YkI\x0c?k]\x890x\xc6\xdc\xd4|\xa9pYp\xb2\x1f\nn1"\x95c\xcc\xbc`d\xbc\xa4\x93l\x991\xbd~\r\xccf`\x17\'Y\x9b\xa2\xbb\x9b\xc6\xffCr\xf6\xda\xef\xb4\xd2V\\\x96E\xdex\xb5\xfe\x18\xe2\xb3\xc64P\xc9.)AD\x06D\\c\xcd\x92\x07GZ\xd8\x8bT!f9{TY\x1cg\x02\xf8\xaa0\x8bl\xe5&gt;J\x04eu\xe1\xb5\xd3\xb8\xf1;\t\x0f\xfd\x16\x17\xd7*De\xc1[ \xbc\xa0\x8b!! |\x08\xe0\xe2%\</t>
        </is>
      </c>
      <c r="E659" t="inlineStr">
        <is>
          <t>&lt;class 'numpy.ndarray'&gt;</t>
        </is>
      </c>
    </row>
    <row r="660">
      <c r="A660" s="1" t="n">
        <v>658</v>
      </c>
      <c r="B660" t="inlineStr">
        <is>
          <t>steps_per_sec</t>
        </is>
      </c>
      <c r="C660" t="n">
        <v>7400</v>
      </c>
      <c r="D660" t="inlineStr">
        <is>
          <t>3.026631</t>
        </is>
      </c>
      <c r="E660" t="inlineStr">
        <is>
          <t>&lt;class 'numpy.ndarray'&gt;</t>
        </is>
      </c>
    </row>
    <row r="661">
      <c r="A661" s="1" t="n">
        <v>659</v>
      </c>
      <c r="B661" t="inlineStr">
        <is>
          <t>Loss/RPNLoss/localization_loss</t>
        </is>
      </c>
      <c r="C661" t="n">
        <v>7400</v>
      </c>
      <c r="D661" t="inlineStr">
        <is>
          <t>0.1571615</t>
        </is>
      </c>
      <c r="E661" t="inlineStr">
        <is>
          <t>&lt;class 'numpy.ndarray'&gt;</t>
        </is>
      </c>
    </row>
    <row r="662">
      <c r="A662" s="1" t="n">
        <v>660</v>
      </c>
      <c r="B662" t="inlineStr">
        <is>
          <t>Loss/RPNLoss/objectness_loss</t>
        </is>
      </c>
      <c r="C662" t="n">
        <v>7400</v>
      </c>
      <c r="D662" t="inlineStr">
        <is>
          <t>0.030010814</t>
        </is>
      </c>
      <c r="E662" t="inlineStr">
        <is>
          <t>&lt;class 'numpy.ndarray'&gt;</t>
        </is>
      </c>
    </row>
    <row r="663">
      <c r="A663" s="1" t="n">
        <v>661</v>
      </c>
      <c r="B663" t="inlineStr">
        <is>
          <t>Loss/BoxClassifierLoss/localization_loss</t>
        </is>
      </c>
      <c r="C663" t="n">
        <v>7400</v>
      </c>
      <c r="D663" t="inlineStr">
        <is>
          <t>0.18838158</t>
        </is>
      </c>
      <c r="E663" t="inlineStr">
        <is>
          <t>&lt;class 'numpy.ndarray'&gt;</t>
        </is>
      </c>
    </row>
    <row r="664">
      <c r="A664" s="1" t="n">
        <v>662</v>
      </c>
      <c r="B664" t="inlineStr">
        <is>
          <t>Loss/BoxClassifierLoss/classification_loss</t>
        </is>
      </c>
      <c r="C664" t="n">
        <v>7400</v>
      </c>
      <c r="D664" t="inlineStr">
        <is>
          <t>0.1624282</t>
        </is>
      </c>
      <c r="E664" t="inlineStr">
        <is>
          <t>&lt;class 'numpy.ndarray'&gt;</t>
        </is>
      </c>
    </row>
    <row r="665">
      <c r="A665" s="1" t="n">
        <v>663</v>
      </c>
      <c r="B665" t="inlineStr">
        <is>
          <t>Loss/regularization_loss</t>
        </is>
      </c>
      <c r="C665" t="n">
        <v>7400</v>
      </c>
      <c r="D665" t="inlineStr">
        <is>
          <t>0.0</t>
        </is>
      </c>
      <c r="E665" t="inlineStr">
        <is>
          <t>&lt;class 'numpy.ndarray'&gt;</t>
        </is>
      </c>
    </row>
    <row r="666">
      <c r="A666" s="1" t="n">
        <v>664</v>
      </c>
      <c r="B666" t="inlineStr">
        <is>
          <t>Loss/total_loss</t>
        </is>
      </c>
      <c r="C666" t="n">
        <v>7400</v>
      </c>
      <c r="D666" t="inlineStr">
        <is>
          <t>0.5379821</t>
        </is>
      </c>
      <c r="E666" t="inlineStr">
        <is>
          <t>&lt;class 'numpy.ndarray'&gt;</t>
        </is>
      </c>
    </row>
    <row r="667">
      <c r="A667" s="1" t="n">
        <v>665</v>
      </c>
      <c r="B667" t="inlineStr">
        <is>
          <t>learning_rate</t>
        </is>
      </c>
      <c r="C667" t="n">
        <v>7400</v>
      </c>
      <c r="D667" t="inlineStr">
        <is>
          <t>0.03970108</t>
        </is>
      </c>
      <c r="E667" t="inlineStr">
        <is>
          <t>&lt;class 'numpy.ndarray'&gt;</t>
        </is>
      </c>
    </row>
    <row r="668">
      <c r="A668" s="1" t="n">
        <v>666</v>
      </c>
      <c r="B668" t="inlineStr">
        <is>
          <t>train_input_images</t>
        </is>
      </c>
      <c r="C668" t="n">
        <v>7400</v>
      </c>
      <c r="D668" t="inlineStr">
        <is>
          <t>[b'1024' b'1024'
 b'\x89PNG\r\n\x1a\n\x00\x00\x00\rIHDR\x00\x00\x04\x00\x00\x00\x04\x00\x08\x02\x00\x00\x00\xf0\x7f\xbc\xd4\x00\x00 \x00IDATx\x9c\xec\xfdw\xfc~MQ\xdf\x8f\xef\xb9!\xa2\x04P#\xf6\x8e(\xc1\x12\x11co\t\xa8\xa8\xa8$v\x89\xbdc\x175&amp;~-\x08\x1aT\xec\xbf\x18\x8d\rc\x8b5\x1aT\x14MDA\x05\x05\xc5\xde\x83\xbd \x9a\x98\x80\x80\x05\xe7\xf7\xc7u\x9ds\xb6\xef\xec\xeel9\xe7z=\x1f\xf0\xb9\xaf\xf7\xb9vgfggg\xcb9\xd7u)\x05\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a5\x94R\xcbh\x03\xbc\x90RjV\xdb\x06CD\xcb\x02\xcf(\xa2K\x90\xa8\x19\xbdA\xa4\x165Y\x00\x13\xd1\x94\xbe\n\xb0\xf5\xaf2\xba\x98&amp;\xf3*\x9fk\x83\x0e\xd4\x05\xed\xa8\x18\xbc\xfd\x03@\x8f\xc4\xa8\xc1DT\xd8\xbf\xd7\xf9\xce\xd0\x94bQJ\xf1u\x05l\x0bi\xd4K^\xca\xf8\xda\xe5\xaf\xed\x944Z\xe75\x9bc\x86\xc6]\x88^p-\xb0\xff_\x0f\x8cx\x90\x90R\x8b"\xf2z\x8f\x88\x96E\xe9}a\xda@\x8a\xae\xd2#]\xe55\xdbIh\xc1\x84\x10\t\x03\xb3\xf0\x9f\x13\xbdt\xd8\x8a\x0c\x96\xd4l\xe5\x9a\x94\xecG\xab]\xf1\xd8v\xa5y\xcb/Kp\x8c\xf0\xc6\x9d\xa7\xf6\xa5\xdev}Y\xff&amp;\xa3\x8c=\x1c\xf4\xba&gt;\xd7\xf9\x14\x85cf\xf7?3\x87h\x0b\x8c\xca\x85\xd0\x1d\x05u\xda\xb3\xcc?\xcd\x13\x11\x11E\xf3@\x13\xb0\x808\x00\xcb\x923\x95w\xe0\x92U\x8e\x179\xcb\xa2\x9b}\xc9usy6\x8b\x8e\x1d0\xc4K\xad\x95\x0eh\xd4e\xaa]VbE\x93\x05\xc25KB#G\x97\xd7q\x915\xd9\xf5\xad\xeb\x1c\x17*\xcc4\xe0\xda\xba\xe7^\xff\xe2\x9a\x1dv\xe6\x0bL\x13\x16\xdd\x18\xcdd?D\xeaZ\xe4].\xe5h\x9d\xcc\xb7\x9a\x97\xe5\xa8\xb7\xc7\x17\xb5\xa8e\xc9\x0fDc\xd5\xf8\xff\xb3L\xb7\x085\xdb\xdeW9\xab\x7f\xaf\xc3\x16\xc7\x93\xcbb\x97Ly\xccx{Q\xab\x07\xdc]\x81\xe6\xb0o\xd7\xdeM\xefl\xfd\x9bF\x8f)\xdeA\xc6\x1ew\xfe\x11\xaa[wY\xd4\x91]\xe0\xd2\\;\xb6\x88\xae\xe1\xe4Ud\xa1\xcc\x80\xd2^h\xc3\x9f\x99B\xb6*\x19\xab\xffG\x91\x8f\xe3\xad\t&amp;a\xea\x13\xe8\x1b\x00\xfe? \xb5\xc7\xb7D\xb4,OP\xea\x1d\xa4\x0c\xea\xc9v\xb88\xda\x90$E\xdd\x94}\xd7\xebr\x94\xca/\xff\x17D/u\x8a\xc1\x9ep\xaf\xe7\xb4u\xb1\x97$\xd9~\xb8\x9c,*\xc3\xe1Y7\x1c\xbcJC\xc7\xb4y\xb6\x05\x9a\x1c:X\r\x9d\xa4\xea\xc7\xc3\xcb\xf2|\xa5\xee\x1aW\xa4\xa90o\xf2(\xddK\xfe\xce\x8a\xf7\xd1\xb2\xdf`\xf0\xc9O\xfb\'vk\xe5?\x12}\x8c?$\xd4\xf5\x94\x99\x0c\xff\\j\xd9\x8bxvD9\x15\xf7\x16\xbd\xaeR\xbf\x9a\xba\xd7\x11WjZ\xee\x97`u\xb7n@\xdc\xf2\x10\x96p\x15\xb0*\x97A\xa9)qc\x7f\xbd}\x17l\xe3\t\xf2\xe9\x18\x8e\xb5\x00\r\xdf\xc6=*\xb3\xfa\x9f\xd6\x85\x90\xb0Ue\x8f~\x1dg\xd1i`\x9a}\xdc\xc7~,\xce\xfcd\xe3A#-\x97\x0e\x894\xb0\xe4ZU\xab\xb2\xdcB\xe6\x92\xd4\xd6\x15y&gt;\xc12\xc3\x12\xab\x9c\xf3\xd2\xca\r\xc0f\x89G\x8evD_fm|!\xee\xdf\xcf(\x8f\xc3#\x1b\x80\xc8b\xebZ\xf2IJ\xbd\xcd*0\xb0m\xf6\xc97\xc3\xc0\xa7\xc5zxI\xaf\x98\xdc\xecq6\x00\x96\r\x96\xde\xad\xc6\xe5\x9a\xfd\x14\xcdZ.\xbci4\xf2\xbc5\xbf\x17N\xf7\xbfB\xf4:N-\xf3FO\xc8$\xdb\xc2\xebm\xf4\xb7%\xfa\x1f\xd1\x02\xeb\xc9\x86R\xcavK\xdc\xf2&amp;\xd3\xdc\x16-\x96\x86\xad\xc5s&gt;\x02tZ\xcc[\x8d\xe7\xa4{\xeb\xa6r\xe6\xf5f\x9f\xb0\xd4\xeb\xea\xaa\xac\xaa\xa8%\xfdX\x9c\x17Gg9Q[\xbc\x1c\xbau\xa4\xd4\xfdG\xdb\xa0\x94\xf6\x14\x80\xf5\x08\xca\xf5u\xe9SF\xc6\x93\x06\xfa\xd5K\xba2\x1eUP\xcb\xf2l\x9e\x1eW`\xb6e%\xf3ET\x8b\xf5\xc4\xf6\xf5I]\xc6\xac\xeb}\xbc\xe4\xe58\xe6,\xbb\xdatk\xdeF\xb3n}$\xc9\xb0\x96h\xf9\xba\xeb\x936\xdb\x93#\xa6\x91\x8b\x16&amp;\x16/\xc5\xb0\xd7\xb5\xff\x9b\xc3o-\xeb\x8b\xcdh\xbb\x85\xdb\x05}im?\xd3\xafm\x9e\xf5\xe7b\xb6\x8aW?h\x0b}\xdf#XY\\W\xff\xb6\xcd\xabX2.\xc4\xb4]\xfc\xad\x94R\xeb\xea\xffZ\xfcE\xd5\xa2\xd4\xf2\x07\xfb\x8e\x94\xd6\xdb/[\xcf\xee+\xbe\xe8\x13wk\x18le8\x83\x82\xb5o\xb9\xec\x15/\x86i\xfb\xfd+So\x00f^(\xe7\x06\xa6\x1e\xdc\xaa{\xd3\xaa\xc7R\x96\xae\x0eJv\xef\xbd\xdb\xbc1"\xc2\xb6_,qk\xcf~\x17\xe4\x886\x83\x1c\n\x0eA\x84\xcfM\xfe\xaf\xf38\xaf\xa2\x9f\xe3T\xec\x11\x9c\x81a[\xb9\x1e\xba\xfck\xcdD\xee\xbe\x94H)\xf5\xd2J\xcb\xe4&gt;\xbd\xdb\xea\xc6s\xb9\xd8D\xfd\xb8=*\'\xe8\x07g\xd9y\x11\xc5?%2W\xdb\xef\xa3\xfel\xe1,\xea/\x07\xc9\xba\x94\x0f\x0c\x15\xbd&lt;O\xaeY\xb7]_\xadUJ}\xf8\xb2&gt;\xe7\x1d\xebq\xbd\xb1\xab\xd7\xfe\xc2,\xb0X/\x02|@L\xcb\xe5?\xe1\x9d\x85qH\xcfrt\xf0 \x94\x9c\x95\x92\x08\xde\xd6/_\xe6+\xe8\x94\xbcl\xb7h\xed\xb6\xcb\x96\xec\xfa\xde\xdf,jY\xd4\xab\xf2\x8e\xfc\x82E\xec;%\xf1\xd2\xd7:\xcct\xe8l\xfb\x03\x1fZ\x98\x14\x11C\x0f\xd3Z\xc0D\xdbX\xd3\xf9\xfb\xf7/\xad\x84x\xfe\x9bH\xe0\x80\xfczf\xf9\xc1\x1b\x00{\x91q\xf2\x01ED\xf4Yd\x13(x]\xdc\x7f\x847\xbb:B\xbc\xe4Yf\xd6\x8a\n\xd1\x8eH\xdd\xf2\xcev\xa4\xccB\xad\xcc\xa3\x926\xd3~\x87\xc1\xb8\xe2\x94\xf9\xf2\x90A!?\xc4[\xe2\xb6=\xddF\xfd-\xcb\xfe0O\x0e\xdb\xa9\xab\xb8\xfc\xf94\xe7\x8aY\x98\x12\xbd\x12\xb2&lt;5\xeby[\x11\x96\x16\xe7\x7f\x86Z\x17\xa9\xa35\x90\xb4\x0b\x91\x16\xd9Ff\xd9\x99U&gt;\xc7\xcf\'\xe4\xb4\x8dt\x83\xbei\x8f\xce\x13.\xb7\x16\xc1\x06\xb7\xd2\xf0\xaf\x18m\x00\x98\x8d\xd3\xc7|;\xae\x19\xc3\x99\xfe\x9f\xb5\x150\xcbn\x05\xb6\xebon\xad\xde\xd6\xb5N\xd5\xaa\xa2ti\xc2Va\xcb\xe4\xaap\x9a\x7f\xbd\xa6&gt;!\xb6\xc0\xe54\xc7{\xdd\xb8R\xb6\x01p\x9b\xf6-\xa4\x9eH\xea\xfd\xfd\xcbb\xf5\xf4\xbdJ\xc4\x9faw\xd9v\xba\xa2&lt;6\xfb\xb6F^\xbc\x86\xb8\xd7b\xef\x96o\x00\x94R?\xe6\x8a\xca\x17\xc2\xc1pH\x1b\x15J\xbd\t\xdf\xcf \x93\xa1~|+\xdd\x86\xe6\x9d:\xee\x11&amp;\xc7\x10D\xf0\x19\xd9z\xb3\xbes?\x15\x81q\x0c\x18\xbd\xac\x9f\xab\xa5\xa5!\'0\xa0u\xcdd\xac#\xb7w=\xd9\xd5,\x1c\xda0\xe4\xfa?\xb80\x11\xebD]\xa0\xb9\x81\x89\xa9\xb0\xcbx\r\x8b\x18\x1fi\x0e\xbf\xca\x13\x13\xa7\xe9\xfb;\xb6\xd9N\x1do\xf3\xbc\xc7\xea\xaep\n\xdf\x08\nW\x0c:-\xf0~\xa8uA\xb4\x92\xd7/\xe3tKl\xfb\x8d\xc9\xef\xef1\x9b\x9c\xaa\xbe\xdf\xd5I\x16\xde\xc0\xb3\xb6\xb5\\\xdc=\xf6\xa9e\xab\xcb\xcf\xfeu\x1c{s\xf1\xb0x&gt;4kl\xe8\x86]\xbb\xd8\xfb\x15\x1c,Y\xda\x88(\x16r\x1aDr\x14\xd9\xdfC\xd5)\x90\xb2\x8c\xa7\xdb\xf82\xa2\x10\x15\x1dm\xf4\xe66|\xb6o]\x8c~g\xab1\xff\xe4\xfa\x7f\xb5\xf9\xf2z\x13\x12\x91p)\xb4D\xaf\xd8:\xdc\x8f\x16\xc4\xed\xd4\xac\xb2\xbf(f\xfb\xc4\xe7~%\xfc\x03Uz-\xf3\xab\xdb\xb9l\x1f.&amp;\xf7b\x8apci\xfb\x18\xc2\xf2\x13J\xfd\x0b#\xf1\x86=c\xa4h\xe7\xe1rR{\xb2M\xf5\x88f\xc6\x1aY\xda\xb7\xb8\xaaH\xb0Y-[\xbfA\xc8\x8dO\xd2\x7f\xebm\xdaYO 9\xbb\xb1\x17u\xe0:\xb7.\x8b\x9a\xfcC\xc0\x80\x89\xd5\xd5sow\xebI}h\x1f\xc4p\'\xce\xe9\xd8\xcf\xb0J%\x18_11\xfa\x86\xd5h\xf6\x05\x16\x83\xff\xec\x17\xe18\xf0M\x98\x1e}H\xd5\xe1\xd6\x85\xa7\xb1Kz\xbf\xeb\xe6&lt;4\x0c\xe3xZ\x88\x7f\xcc1\x94\x8aY\xd6n_k\x93J\xec\xfb\x99\xaf\xfbl\xf6\xe5\xa87\xa2\xc3{5e\xd5\xe5\x10\xd99\xd86\x05_\xac]\x9e\xa5\xe2\x90\xe2\xdf\xc7\n\x18\xe4y\x99\xae\xb4}\x90\xdbzG-\x8bzU\xa5\x94\xbe\xfaW\xea%\x94\n8ruC\xa2\x01\xebM\x16\xae\x81k\xc1\x8fP\x19\xed\xfa\xd1m\t\xbbVY\xb4]\xc7j\x88!L\xdf\t\xfc=\xd3\xb8&gt;\x04\x03\x9e}[\xc0S;5Z\xb1v\x92#\xf6\x08]\xd7eG\xd6\x1d4\xb0\xf1\x0ep\xd7d\x88F\xf2z{\xb4\x19\xfb\x1dX\xe7\x9dvJ\x9b\xe1\xbfY_\xbc\xf4&lt;Q:\xca\x0b\xc8T\x00g\xfb$\x1cfF\x99\\\xb1aU\x99\x9dn\x8fY\xc9\xc9\x88\x1c\xac\xe7y\xf8\x06gY\xe5&amp;"\xc7\x0cu\xd5\xeb\x9aX\xc4\xcbxZjk\xf6Z\xea5&gt;7\xcc4\x15\xfe\xa7\x86\xfc6\xfc\x90\xbf-!\xc3"\x1a\xc3\r\xf4V\t\xf0\xaf\xc3\xef~g\xaa\xee0&lt;\x8f0\xe5\xd8I\x96\'\x99d\xef\x03\xc8\xbc5\x06\xa2t\xb8\xf1\xe4\xb9u\x8bg\x1e@\x02\xe3\xf6\xe8\x04\x10\x91v\x02\xe4M|s\x1eZl\xa6\x8a\xa6D\xd9\xbcAJ}\xa9R\x0f\x1f\xa1:\xfdLN\xb2@Gbm\xd7:\xba\xf2\xe9\x8b\xb4.\x11\x03F@\xeb\xd1\xac\xb1\x14\xaf78\x90\x10\xec\x05?+\x906\x13\x8b\x94\x9a\xea\x965qi\x0f/y\x1e\x10JlL\\\xff\xe8\xaa/\x8f\xb8D\xfdI\xe4\xfc\x1c\xec\xbaN+\x8e\xb1\xcdO\xc9\xd5\x05\xd1\xfa\xdb\x97\x05y\xdbl\xe96/\xb1\xaa,wR\xea\x1f&lt;%\xe3k\xd42\xcf\xb4\x86&lt;?\xf4\xe9v\xab7i\x90\xfe\x94Zn.-|\x04h\xc6\x1d\xd4\x8ct\x082\xf3F\xd7\xe5\xe6\xced\xc1\r\xa6c\xb6\x081\xf3\xdc\xfe\xf5\xd5\xdb\x95\xce\xf6\x94 \xb8\xfa\x17c=E\xfa$v\x8dg\xc8\xde\xcf&lt;\xd439\x89gB\xd6\x97\xb9~\xc8~\xfe\xe4\xb0lO\x17\xdcO\xbb\x14*\xbc\x1eX\x96\xdf\\2\xfe|-f5\xb9x$\xa2\x87\xaf\x11~}\x10h\xf1|&lt;`\xf3\x81\xf7\xf9\xa6\xb8-\xd6G#\xbcV\\\x8b\x99G\xbf5\x8fy|\xb8\xfe\x10\xa6\xab\xdb\x91\x1a9pL}\x96c\xdf\xd3n[\x0e]\xb5v\x9e\xfd\xe6\x9a\xcc\xf5\x97\x07^\x18m\xc6q\xd6\xa8\x81\xad\xa6\xdb\x83\xff\xd6[l\xfbO\x9f\x93\x94\xb2{(\xff\xb2\x89-7IM\xd2\x04\x07e\xd6\x1b\x97\xf2\xd0zc=\xf7n\xe6 &amp;62y\xaf\xdcW\'\xf4\x14PY\xf8\xbd\x04\x91\xfa\x9ex\xc5Y\xbd\xe7\x90\xe3L\xebA\x08)\xe5\x07\xf3U\xd8`\xd2\x89\x14\xf0\x94\xf6\xc1\x8f"\xa6\x1b9\x1a\xbdz9\xfd\xce(\xe3\xf9\xa0C\xa0\xb1\xdc\'g\xd8\x04tY6\xc4\xdc\x9e\xee\x14S\x85U\xcb-\xe0\x7f\xc0)\xd4d\x8e\xf3\xbd\xef\xacn\xef&lt;\xca\x04\xfb\xae\x0b[\x04\x8c6d#\x1dp\xe7\xe2#\xd9%o\xc4!\x0e\x92\tq\nDS\xfcD\xba\x126\xfc\xfe\xa9:\xb1?Y]\x19+\\\x9a`\x87\x07\x92 D\xf4#\x836\x00#\xdcX\xab1\xb2@\xdc\xf2\xb3\xd7K\xbe\xd5\xe1~}\x97\xf9N\xfbb4\xcb\xaa\xa43w\xedWu\xa4\xfe\xab\xbd4t\x8c\xdc\x17\xca\x126\xacz\x1d]\xfe\x8a\xd9c3\xf5\xe8\xc77\xd9\xba\xc8G\xd0zN\xf0;e\xf4?M-\xa4\xd4}\xcd\xca?Vq\xe3\xc8\x8c"\xed\xea\xfe\xee\xdcY\xcb\xdf\x84L\x19\xb5\x16\xcc\xe4#F\xb4\xf5b\x123@\xf5\x08\xb9m\x1a\x861:eR"Y4&lt;/\xa27\xfd\xb0\xd6@\x13!og\xa0\xed\xfe\xb5\xbe\xf7\xa2#\xa1G\xf8y\xf5\xbam\xe1\xac\x83\x8bMP\xea\x01\x91\r@\xbd\xc6|9\xae\t\xb1\xeaevZU\xc4[\xadK\xbd\xbc\xd4\xafZJ\xb7w\nT$o}T\xae\xdd\xeb\x1d\xb2U/\xfc\x0c\xc0d\x0f\x9a\xcf\xf3\xc5FwQs\xec\x01\xaa\x83\xec\xf0\x1c\xea\xe1\xe3\xf9H~r\r\xf4\xa3\xc5"\xa3\x08\xdf\x17\xce\r0czh\xfd\xa0\xe1\x1c\xb3R\x9a\x16\xf1\x15h\xbb\xe7\xa2^P\x0fuGB\x8f\xf0\xdb\x1e1\xd7L\x8a\x97\x17\xb0a\x9f\xaf\x89\x94Z\x94\xfa1\xc9\x0f+X\xfc\x88g\xe1\x9b2\xafDO\x81g\xf4\x1am\xc6\xce\xb6V4\xdad\xe9\xd2\xfeZ\x94\xfa\x9e\xf8\x9a~c[\x96_\x9e\x90\x8an\x03\xcaWh\x9b\xdd\x85\xde\xd1v\x0eSL+S\x18!G\x9b#\x81\xa3\x9a\x01\x8e\x0c\xe2g\x16\xba\x8d\xe5\xa8"\xc4\x03\x97\xc3\xe5\xdeQ\x06;\xf3\x94\xf8\x89o\x86\x19Y\xa7\xb3f\xc9Zk\xffe\xfa\xc8Y\xce-\xf6\xb1\xfa\xdfZo\x7f\x19\x91\xfa&gt;\xda\x0f\xcb\x89\xec:\x19f\x90\xbaw\xedAuP\x1d\x91RoX#&lt;\xe2m\xbe\x18Wl$\x96\x9cw\xf3\xb6\x01\xf5\xa3\xa3\xa8\x13\x1d\x19\xca\xbe\x1d|\xb0|w\x03d\x04V\xe7l\x0b\xc0\xfc\x0cY\x88\xcc\t\x7fU\x04@-\xa3\x06]t\xddf\x15\xf4\xd6S\xea!\x8dMT\xfa\x96\xa3\xf4\xfc\xd8\\\xff\x19\x8d}o\xcf2\xdf\xee\x8b\xac\xde\x99:\x7f\n\x18F\xa4\xd4\x8f\x86\x84G\xdbNJ\xfdb\xf6\xfc"1%\t\xcckg\x9d\x17\xcf\xd7"&amp;\xa7\xecMp\x1cf\x8c\xbd\xa2D\xd9a\x05\xd0\x9d\x1e\xd9~\xc6\x00\x90\xa4\xfc#s\xad?k\x87\xad\x9d\x0es\xc8\x876\x00\x07\xc0\xb3\xb8\xff\xef\xc1O\x1a\xf0\xdb\xe5-\xb6V\x97\xf0\x0f\xe3\x0cbD/\xa4\x9e\xf5g|L\x82x\xc7+\x02\x0bwMRUV9V\xc4\x03\x0bt\x1c\x98\x8a)\x03\xf2\x85[\x06\x9f\xc0\xbc\xde\xab4\xa3\xc9\xec)*(\xe1pHwz\xb14\xfe\xfa`N\xf9Yf\xf4\x8b\x99\xa8\xba|\x87\x8cw \x1f\xff\x12_[\xa6\xff\xf3\x06\xbdP\xd9\xb9\xce\xda\xd7#-k1\xdd\x9a{1\xe2\x99\xbb\xa0w\x9e\xbf\x12\xb6\xb5\x80\x89L\x01\xf9\xa0\xef\x00H\xb1\xcd\x8b\xe3y\xa5\xee\xb3\xdaM\xe7\x07\xf1\x95D\xb9\xa8\x8cy\xf6\xd3\x0b\xb3\xfa\x14\x0b\xa6\xfe+\n\x9e\xba\x89\x92\x80,\x81=@Cu\x9cb\xef\x18\xde\x92y\xf1\x96\x110W\x00\x7f\x02\t\xda\xac]\xdf\xaf\x84Z=\xbc\x8d\xa1&gt;\x00\xdd)\x7f\nP\xdc\x14\x00\xce\xc4,\xd9V\xa9\x0f\x1fp\xac5\xbe\xd5\xa3\x10\x9f\xdaJE\xe5\xfd&amp;\xd1\xa1\xb3\xfa\x84\xcb\t\xaeI\x93\x99\xcd\xe6\xfb\xd4\xfa\xa5CZKG6$\xe2mk\xf9\x1b\xec\x1a\xf6\xd3JC\xba\xcc\xd5\x1b\xdb\x00\xf8\x8a\xd5\x0f\x13\xb9\x8e\x9efv\x041|\x1dt\x9f\xa3\xe6,09S\x9c&amp;J1\xdb\x8a\x84\xcd\x11m\x9e\n\xe1\xd5\xbf+\x8d7u\xe6O\xf6\x87\x0cW\xa5\xe6\x1ck\x0f\xe1d3:A\xd2\x13\\_\x16\xa8\xdd\x826\xb10\xd5\x87\xccnd\xb6\xa9\xa9f\xd2\xabw\xdd\x08y-\t&gt;\xddT\xdf;r\x1b\x00p\x04\x82\xe1\xf2\xea\x88\x00\x90\x0b\xf7\x83J\x1dL\xe9\xc24\x89\x12)\xbb7qo\xd7&gt; \xce\x1c&amp;V\xb1\xa3\x0e\xae\x8aO\x91\x82N\xac\xeb\xc2n\xab\xc3\xc0\x8a\xb6\xb9j\xc6J\xda\xfd\x8aK\x96\xdcj\xd3"\xb2\xa5\x84c\xf5\x7fs\xa0\xb3o\x8f\xfb4\xe9t\xcc\xd0\x80\x0f\xa2%\x0c\xf7$\xcf:\x1f=\xe4\x06\x80w\xe28\xee`\xf28O1\xb4\xe8\xfd?q\x05\xf6\xff\x18F\xfa!+a\x95\xc9\xa1t\xc4\x81\x96\xc9\xe6\x84c\xfcN!\x00\x80\x0bQ\x8b_\xe9&amp;\xa2\xa3\xfc\xac)\x18\xcbe\xfaD\xb4\xf8!"\xa6s\x88\xae\xbf\xf6I\xfb*\xe9P^\xbd\xae\xa3\x96E\xc5\x7f\xb7t\r\x98D\xb1\x16h\xb1J%\xda\xf9\xbdY\xc5\xe6IIEcS:\x11\xa5{|]\x89\x8b\xc4\x86\xbe\xac\x1f\x12l\xb3\xa09\xe2\x8e\x91v\x00\x00\xc4\xd9s\xba\xe41F\xd6L\xb1\x1e\xb1\xfcc~\xf9\xc3\x1c\xc5\x99\x1c\xf2\\\x16\x0c\x85;\x94\x96E=C\x11\xa9\x8fjk\xce&lt;\x8c\\\x8c^&gt;_\x9a]\xb1\x855&amp;\x9fLD\xa4\x96e\x11_\xac\x8f\xddK.\xcb\x92\xec\xf1\xcd\xbd\x97\x07\x94d\xf5\x9b\x7f&gt;\x9b\xdd\x99\x7fn_X\xa3G\xc2\xaa.\xdc\xea\xc6\x07\x80\x998V\xd6\xc8`\xbb\xc7\xcak\x9d\xff\x9e\xec1&lt;s\xb0\xd4\xdf\r\xf8$\x14\xc0y\x9e\xb9~\xcc\xf4\x90\x8f\x005y\xb0G\xd8\x03\xe6S!\xf9\xc2\xef\xd6\xb6GxV\x1d\xf2\xc1n\xb6\xc3\xcb#\xdf\x08\xbf\xca\x8e\x0e?\x86\xd7clrf\x99\x8c\xd6\xbdK\x95\xcd\x07KC\x00L\t\x11}J\x9b\xa14|\x84f&amp;\x97\x03.n\x0c\x8ek\xb9\x0c\xbeu\xde\xd3\xc6\x982\x0b\xf2\x0b\xdf\x83\x8f\x91\x0b\xd3\xd9_\xbb\x01h\x0bk\xf5\x9fo\xf9\x14\x1b\x86\xab\xd9\xed|\xfeL\xc3-f/\x17(}=\xbf\x9f\x1f\xd0#r\x98\xf2s\\Za\xf0|\xe3\x04\x80\x03\xd2h\x1c\xcd8\x93\x9d\x18\xb8\xba\xcf\x8cp$?\xcb\xad\t\xec\x9f\x04\x92\x909\x8c?\x9d\xd3\xfe\xf5\x0bp\xa6ro\xd6\x9a/w\x03\xf0=\xb1*\x9d\x9c\x106\x9b\x94\xbaO3\x85DD\xeag\xa6\xbe+UC\x9f\x18\x9e\xa8\xc1\x00\x00\x93\xb9f2\x87s=3s\xa6\xb6\xdc\n-\xba\xcc\x90)\xb5\x9a$\x87z\x99\x1dhi\xea\x87\xb6\x11;\x05\x05~+s\xf5\xb8X\x8a(\xfd\xbaO"\xfa\xd8\x96\xf7\x04\xda\r\xa2\x89\x86\'y\x12\x91vg\xe0\x91\xa3\xec\x02\x00\xf4\xe1\xed\'\xdf\xa2\xcf\x92+\x01h\x80\xe0j`\xa2\x85E\x0e\xcdl&gt;\x8e7J\x17\xe5\x9dNp\x07\xf9\x90\xc2\x8f\xdf\xc8\x9a\xe4\xf5\xe4z\xf1\xd4\x1b\x00\x93\xe4\xf1\xc1\x9d\xfb\xdb\x04\x00h\xc3t\th$\xdaw\x10\xc6\xcb)\x1a\xfd\x8d\x18\x07\x87N\xf8\xbd\x9f\xcf!\xba\xdb\xa2\xb2\x02\x83\xf4\xef\xd7\x10t\xc6\xe1\xfc\x9a\x1b\t\xc4\xfb&gt;\xcam\x01\xc3,/\xab=\x8f\\y\xc6\xe2\x8cZ\x7fQ\xcb\x98\xa1\xba~\xa5\xa7\xf7M\xd9\x0e\xdd^\xe8b\xcf\x95\xa0\xf2\x08\xa5\xb2\x16_\x03z\xcb\xab\x90)&gt;^\xd3\x88i\xb7\xb9`\xe5\xf2\xc5j\x8f\x99\xfc\x8b\xbe:%\xe2e\xe1-\x9d\x98\xc5\xc0Mq\xb7\xf5\x05?\xdd\xad_\xdao\xfcY\xc5e\xa4\x94}Ce7*m\xbbT\xcf\x17\xf2\xfc\x1a\xa5\xba\xfa\xcb\x7fd\xa4\xeddn\x81*\xea\x1e\x85y#X\x88\t\xa7\x91eeF\xe3\xc0\xb1\xc0\x06`~\xc6v\x10_\xbb\x9c\x91\xe7\xfaD\xc1QA\x17\xe8\xc8y\xc3\xb8}\xdf.\xfd\x16\xcb\xac5&amp;\xfe|\x82\xc3\x9b\x8a?\xc2Q\xe4\xd2\xb4\rYb\x93\xcfi\xdc\x1a\xf5[\xcavO\xfb\xcc\xce\'\xdc^\x93A7ntP\x1d\x87\x83\xcc"\xb2\x16N\xde\xd8J\x9e9\xda\x80\x933\xf3`1\xd6\x85m\x86v\xb1L\x11c\x86\xaf\xd5\xa8\xe4S\xa7\xe9\x86g5\xca\xea\xe5Lc\x0e@V\xbbf]\xbb\xcff\xcfT\\\xfa\xec\x07\xe0#\x00\xc6r\xce)\x04\x80F\xcc\xbc\x01\xb0\xee\x00\xb4\xd1\xf1&gt;\x037\x00J\xbd\xf0\x98\xab\xde\xa4\xc1\\\xe7\xdc\xc2\xf1\x7f\xd6\xdefB?\x9c\xb8w\x04\x1f\x0c\xf2|r\x85N\xf8\xe1\xb0S\xd2\xfcSG\x008\x10\xd1\xe5\xd1\xc4\x91\xb1G-&gt;\x02\x08\x8e\xc4\xbc\xd9o\x9d@/\x7f\xcde$\x11\r\x1f\xbc\'@_V6\xf6g$\xce\xdb\x0e\x81\xad\x8d\xc7\xcc\xb4{\x17\x1d\xc7~\xabC\x83\x1f\xbf\x16\xfc\x16 \x8f\xf4\xe3\xf8\xeb\xd6\xc12\x08t\x80\x88\xb4\xc5\xcc2\xc3}UD\xfd\xcd3\x7f\x04\xcch!V\xff\rh\xeaO\xbfps\x93\xd9R\xfdA\x83%2G\x11\xd1\xa4\xab\xdc%\xfa\xe7N\x8bo\x01\x02\x87\xe3\xfam\x13\xa3\xcd\x00g\xe62\xd3\xac\x8f2l\xdfK\x96\x9d=\xa5\xef\xc6\xf6O\xdf\x18h\xe0\xd8\x9c\xf2q\x88\xfeL\xe2\xc6\xd6+\xd8\xeb\x17\xd1\x1ct\xbb\xb8Z\xedzi\x8a\xce\x8b\x92\x9c+\xc7l\x00&amp;\x89{\xa0q\xf9\xbe9zj\xbak\xe6\xed;\xc4\xd5\xb4\xe8w\x81\xb5#\x93cN\t\x00(\xa5\xa6|^\xb9\x1bD\xeaOo\xb5\xedB\xd0?\xd22\xe0\xa8\x83\xe4\x03/\xcd\xfb\xa0=\xa25\xd0\x8a\x120&lt;A\x0e\xbcO\xbaL\x1cU7;\x19\xcf\xcf\x14K\xa5\xd7\x99\xf0\xcb%\xc0ai\x1f\xd2S\x8c\x1a\x1f\xd3\x1a\x06\x80,\xa1P?\xc4\'\x83#\xe6Mn9\x18\xc0!bz&gt;\xe0\xae\x04\x93\xc4\xd5p\x03\xc0\xb9\xc0~\x12\x9c\x89-E\x9f&amp;\xaak\'\x9d\xc8\xcc5\xc9\xa4V\xc6sV\xe3\xf1\x19\x00\x00@K\x02)\xf2\xb8\xd9\x13\xecD:\xf1\xd3N\xdf\xb9xv\x02\x9c\x89\xcbSH?\x85\xa8\xdeX\x94Z\x1e\xeb\x7f:\xebrq\xcaO\x00\xa7\xb9[\xbaH{\xb0\x02\x98\r\xd2\x88\x1c\x03\xa0\xe3\x00\x133\xa2&lt;ou\xb6\xa4\x9b\xba\x1b\xc1r)\x9c\xdc\x84\x9bv\xe9-\xb7\x1d\x80V&lt;a\xe0\xaf\xef\r\xd1\n\x18&lt;R_\xb3\x85\na\x9a\x07L"\x1b\x80!\xb6\x8c\xb6\xe1`\xbcd\xe6$1GG\x9f\x8d\xe4\x89\xccy9\xe2o\x84\x01p\x0c\x86\xe4\xea\x9b\xcde\x07"\xbd\x01\xe8i\r8.\x9c\x1bJ`Zr;\x0e\x99A\x9e\x1b\x18A\xd87\x02\xd0\x99\x1f\x1c4\xe80\xd4\'E\xcb\xc2\x89&gt;B\x0f\x02\x1e\x81\x9d\xe4\xad\xc4\xcf\x90f\n*M\xe4\x81w\x99\xe5\xde\xcei\x99\xe9\x06ZC\xce\xbd\xbd\x01\xe02\x94?q\xaaQ|\xf6\xac\x02\xf2 \xba\xdeo=\xfd|\xd3\x05\n\xbc\xbe!\xb6\x88r.\xdf\xc6|\x7f\xf6AtM\x14\xd7\xde\xe47\xd6\xf3i\x90\x9b\x88\x87|rV\xff\xe7\xdf\'\x98\xdcNK\xc1\xe19\xe7\xd8&lt;a\x93n\x97=@\x8f\x1f\xac\r\x8d?\xb8g:\xf3\xb5\xde\xab\xb7\xe4\xc3\x1bi\xe9\x8d4\xb37\xfc\r\xc0ao\x14\x14\x19\x8c\x1dc)\x87\x8d\x130\x1f\x88\xa4\xd3`\x1c\xc2\x05\xbe\xf5\xd6\xbd2g\xef\xb73l\xb6&amp;Oe\x0c\xf0qC\x1d\x84h\x1c\xc9!\x17v%6c\t[\xc1\xe6\xbaB\xef\x15\xdd\xf1\xab\x01\xbd\xdc\x96\xaa\xdf\x018\xe6W\xa0z\xb9\xf58\xd3~\x0f\x9c8\xfd:s\xfem\x17\x96S~\xe9/\xb7#&amp;\x985op\xe6^\xb4\xe9V\xf2\xe9|9Q2\xd0\xfa\xf4`n\xbd\x16\xc6\xdc"\xcb\xb2,3\xcf\xc8\x9e%cM&amp;\x98\xb8\xa53\xb3\\\xa8\xf9\xa6\xff\xb5\xd3\xfat\xc0\xa1\xbb\xf9\x00\xc9\xad\xf2\x87\xc0\x96)\x97D\x05\x9c\xa3\x15\x02\x84\x92\xf2\xb2,\xee\xc9\xc1\xac\xbd\xdf0,\x97e\xb6\xcd\xcf\x9c]\xe0\xa1\xd0msy\xbb\x04"\xe1\x0f\\]\x04\x8a\x89\x1b\xc8\x91\x1a1\x81\xad\x890\x9a\xf9\x87\xc9&lt;\xb6]\xfe.\xc8\xd5\x97\x9f`\x120\n\xe4\xa0\xc5\xde\xcc\xce\x9f`\x9c*\xa5\xae\x13\xd7,\xc6\x00P\xcf1\xa2\xf9{\xd9\x8f\xccv0\x06\xe8\xdc\xa6\xdb\xb5\x0f\xcb\x8a\x89\x1c\xb1/J&lt;&lt; \xd2\xb3\xd3\x86\xc7\x0c\x86\xdd\xe6\xf0\x01\x93\xa0=|%\xfcUcrQ-;@\xaaDa\xa8\xce\x02z"\x87\x11\xbe\x12\xed Nw\x7f~\x9b\xa9t\xcde_\x97k\x0f81\xe7X\xb71\xb61\xb5ml\xf3\xb8\xd4Ih\xb0\x8d\x04 \x83\x16\x9f\xbeh\xfa\x81\xbd\xdab_\x89\xb1v\nN0\xfbv\xe4\xf0\xbeBw\xcf\xcfm\xf5\xd1M56\x00\x7f\xa6op\xca\xd8\x90\xd6\xbb;29\x8a[NJ\xcf\xcf\xbfN\xc7a#0|\xa6\xf0b\xe1\x1d\x96\x00\x00 \x00IDATQGl\xce\xcdp[\xab\x04\xd0\x0b\x81\x834Df\x05CN\xc4\x87N]\xb7\x1b-\xce\xfa\x95U\xe5@\x1ek\x1c\xcc\xe4\xd2L\x17H\xf1\xd2\xe8\x82\xa3\x82^\xf3R\xf9!\xe0\x0e\xb8\xddv\xa4\xe9\xe1fh\xda#\r\x9e\xd5\xa9\xac?\xe9\xa7\x9f\x8f\xc1\x7f\xec\xaeql\xf6\xff\xe8[MW\xd9n\xff\x7fDD\x95\xdfR\xd2\x99\xf5kU\xc0\r\xf0\xec\x05\xdd}P\xd0k\xa3\xf9/}?\xe7\x81\r_!\x05~;\xe2\xa1\xc8D\x06\x13\x91R\xbfV/\xc6/\xfax]#\x0c\x8eNG\xb1{\xfeuN\xf8\xf0O\x1fNr\xfc\x7fh\xe3O\x0f\xb7k\xd0\x89\xf3\xb3\'\x8a\xc3\'\x8d:H\xe1#S\xf9\x10\x91R\xefZT\xebP\xccf\xf0m\xfcr\x99\x03\xdf\xb6\xf7/\x9e~\xf6&lt;H\xa4\x9e0\xaf7\xf6\xb5\xef\xd4]\xc6%\x7f\xd9z\xfcen\x03N\xb0\xfa\xdfG\x9f\x9cHu\xf3\xeb\x1bAx&gt;\xa4\xc7\xcbt"\xfa\xab!\xda\xa0\xd8_lo\xde\x82\xf3\xcd\x18\xc5\x1e@\x92\xf3xRh\xda8\xc6\xf7!LL\xbc\xbd_\xed\x14\x0f\x94\x8f\xfaM[\x7f\x0c\xf8\xe0\x01\xb7[\xb5\x92\xe7\x08\x03l\x00\x84 "z\xdf#\xfb\x84\x88\x94\xfa\xe2d\xa9\xdc\xe1\x89h\xe9\x0b\xfc\xccdtL\xfe\xbc\xbe\xe2\xbfyh\xc4\xc4\x0f\xa6\xe7\x83%\x84 \xae\n\x91\x9d\xbc\xdb\xaf\x03\xf6\x13\xc7\xacZ9\xcd\x1c=m\xc8S\xd0\xc5X\xd2\xdd,\xd9\xfd^yo\x04av\x05~\x10\x05\xfbR\xa5n\xf48\x13\x80[%g\xb0W\xcc\xdc\xfe\xf2\x93m\x00h=t\xd8\xda\xc8\xaaU\xb0\x9f\xc4\xe9\x06\xa8f\x8e\xf8yh&lt;!x\xaeWn\x00fi\xf8Xt\xef]_\x7fxSm\x1c\xb7{\xfb\xf4\x18K\xca\x1f\x93\xfe\xd5\xf7\x83r\x8c\xde\x02\\\xd0\x95\x87`X7\x11\x91z\xc5\x8c\x0fz\xf2f\xee\xfdV\xa6\xaf\xbcQw\xa6\x84\xf3~\xea\xdfw\xb2d\xa6V\xef\xe0\x0c\xac%Gul*$\xdc\xad2\xe9\x15=uk7\x00\xe7\xa3\xe4\x04a\xf3\xde\xee\xccf\xfedv\x96\xbbO\xd0:\x1a}\xad\xd4\xd8\xa3\x1fN/bX\x1e\x14\xb7\xe30\xea*\xe8\xec\xb7\xd9\xbb\xc9X\xfa\xf3\xf3\x03c\xa6/Z\n\x90z\\\xde\x8d\x0b\xf5\xa7\x13\xa55\xa7\xbd\x0f\x1cf\x8aNY\x17\x03\x1e\x17\xaf\x1e.\'3\x86\xa7\xfb\xd6gZu\xdd\xea\xd8\x00HA&amp;M\xa2\xab\xa2\xb3\x1at\xf4\xdb\x13\x91R\xbf"\'\xb0+#c\xbe\xed\x90\xeb\xda\xb0\xe3e\xd2\xd6\x046\x00@\x062&gt;\x9e\x7f[\xd4\xac\x0b#\x8b\x00\xabL\xd6W\xda\xe5\xf4B\xda\x80\xce\xccc\x89\x8e\xd1S\xbc\xd3\xbe9\x1b23\x07t\xda\xa3\x8a\xe7Yl\x00\xfa`\x0e[\x9eK\xf3?\xe1SdZv\xc0\'\x0b#r\xca9\x8d\xd7\x10\x04\xa0/\xd3-"\xb3\xa9\xb0_k{y\xf5\xb4t\x9em\x05\x1d\x11Y\x88\x1c\x05"\xfa\'\x8d\x8d\xcfu\x11\x11)\xf5\xa3MM\xbam\x8e\x1d\xb1\n\x1b\x809\xa9K\xe6\x05\xfa\x04\x0b\x9f \x93Kq\xe7\x82:\x87\xfaM5:\xd0\x8fJ\xde\x10D7\xf8c\xba\x97ls\xa8\xe1\x13\x84\xae\xbf\xd8Z\x06\xb7\xe2%A_\x14-\xcb\x12\xf9\x10\xf0.\x9agUPV\xa4\xca\xa2\x1fxe$\x96\xb5\x15j\x86\\\xf4\xbf\xbb\x84_\xa4\x17\xac\xc89\xc7p\x98\x96\x13\xacp\x96e\xd1\x06\xb8=\xee\x8a\xe3\xa7.\x83\xdd&lt;\xbd}\xc7\xd7\x96\xce\xcc\x05\xc9\xff8\xe4\xadx\xefhg\xc8\xfc,\xcbsG\x9bp\xabt\xce\x1e\xb5\x07\x15b\xe9"\xd0\xec\xe3\xa4\xa3e)\xce\xfc\xda:\x9e_\xc5*\x1f\xab\xbbd\xd8V\xb6\xff\xdc\xabd\xad\xab\x16\xeb\xbf\x95\xec\xf7\xe8=\x07\xa2\xd1z=V&lt;N\x97\xd96\xb46\x00\xb8\xb4\xed\xf5\xff\xd0\xbcO\x97}\xf7,\xb3\xfa\xaf\xac\x0b\x8e\xcd\xda\xf5\xe7\x8b\x01"u\xa4\xe5\x04\xb8m\x8e\x12\xa9\xb8W\xa8\xf1\x15\xd27O\x037\xf73\x05\x94\xdd#\xcek\x85q\xefxPH\x1c\xfe\xfe\xf5A\xcd&gt;(\x898\xf1\xee$_!\xe7\xab\x0c\x1f{\xd48&lt;\xcc\xec\x03r\xb8\xf5Ou~\xddh\x03\x86\xd2\xf1\xa14p3\xb4]l\x1d-\\\xdb/=_5\x7f\x14w[\x85\xc4\xd7\xdf\xd7\xeb\x8fhh\xccU\xc5\xf3f\x0c\x1b\xcd3Y\xdf\xf7\x02\x06\x10\xd9\xcaf=\xde}\xd8\r\x008\x1fG&gt;\x19\x01\x95\xf4\xfdT\xca\xa9H\x9e)\xde\xf6\xb8\x8a\xae\xf6\xaa\x85WK\xe8\x8eD$\xb8\xde\xab\xf2g\xd3\x1d\x9a\xfe\xec\xbf\xb1\x01\xc8Z9\x1d\xb0\xa3\xf38\xf8\xad\x89\x1b#q+)\xd6\x89\xff\xbd\x99Q\x00\x943C\xfe\x19n\x80\x1f"uw\x8fU\xe7y\x04\x8a\xb4\xcf\x0b\x82,\xb6x\x8d~N\x91\x88\xc6\xbbW\xb4\x97k? \xae\xf9\xcd+g\x92\x0f\xa0Ob\x86\x8dPW\xeaI\xadQ3I\xff\xf4\xb6\x9e\xdc\x07\x0e\x07"\xba|\xa2b\x94\x01^R#\xe2\xcc\xd0\xd1&gt;TjF\xb2\x9a3K\x80q&lt;O\xa9\xbb\x8e\xb6!\xc2&gt;\xaf\x11\xd1%\x80\xb59e\xd8\xac7\xe5B\xd4\xd8\x92\xe8\xb6\x9d\xe7C\xc0\x15\x9fN\x9c\x05\xef\xdd\xd8\x0eh\x8e\x8bxp\n\xff.\x92C\xcb\x90S\xb0k\x8fY\xf2iLi\x1dnX\x8d\xef\xb5\rk\xf5,\xd1\x95\xcb\xb6\xe6\xac\x16e\x10\x8a\x87E#_\xea\x9f\x8a\xdc2\xa2Y?\xeauq\xc9\x0c\x89b\x10\x13\xf6I\x10V/=\xbb\xb2E\xf81\xb8c\xa1w\xd6\x03\x86Y\xc1\xc2\xfa&amp;\xb1\xeby\xc8%\xaa/?\xb73\xca\xb2\xb9pnH\xccx\x83\x02\x1c\x813?^%\xf5\xf0X\xe6]\xc8c\xb8\xf4\xd6R\x86\xf9l\xf4}\x89H}\x86\x84\x07\xcc\xc0(\xbbY\xbc\x05\xd8;Wt\xca\xa4\xf7\xa9A_\x12O\x01\x81[\xe5\xd0\xf1\x10}\x0eS)\xa5\xd4\x13\xf4\xf4\xdeH\xfb,\x90\x8f\xd1F\x81\x83\x92\xfd]+\xb7\x15jg\x1dc\xe7kQ\x9c&gt;\x9dX\xbc\x01P\xea\xc7\xeau7\xf9n\xab\xdf\xbf\xa1 9\x01N\xbe\x9a\xa4\xfb&amp;1\xe3FYW\xcf\xc7\x9c\xbeY\xa9{-C\xf4\x92\xc29\xf0=\xe7\x9b+_\x0f\x1b\x000\x86\xb3G\xdb\x83\xddK\xa7\x1cc\xc7m\x8e\xd6\x1d\x93}\xadP\x91U\xb3\xc3\x8b\xfc\xe3\x86\xd3\xa1X\xd7\xf4D\xea\x19~\x87\xdb\xcb\x02\xe1\xdc\x85^&gt;"Z\x00\xb4\xc8Q\xa5\t9.T}\x83\xb5\xc0M\x08\xb7\xc2&gt;R,\xcb\xceYg\xff\xab=\xb3\x9a\x07@\x1e\xa4dv\x17\xadn\x02\xb6\x10;\t\xc7J"\xc7\xb2\xb6\x05\xd9\xcdo\xe1.s\x1e\xbd\xe5\xee\xe8\xc4\xe6\xf0\xd4zh\x1b O\xd07\x00\xa2\x1d\x84\xee\xae\xe0|_h#\x99\x90\xc9\x87z}\x86p\xcfn\xc1S+\xd7\xd4\xf9\xa7\x9b\xe6\xe6\xcd\xdcx\x9d\xa3\xd8\t\x1a\x11\x9f\xea&amp;\x1f\xc6\x03\xf1\xe6\xb8i}5\x7fFn\x8a1/\xe6\xd4ha\x08\x8e\x84\xe7d\xef\xf1\xech\xf1\xcb\xb3\xff&lt;\xe1\xe8;e\xa3\\\x9a4\xb3\xe9\xea\x9f/\\\xdf\x00\x10\xd1\xb7\xf9*V\xc8\x9c\x14\xcb\xbc;\x0f4e,7\xfcU\x15`\xff0\x03\xf9\xbe&gt;f\xe6\x01&lt;\x9ce\xf1L\n\xfb`"\x9a\xed\xbb)7\xe8h_\xd4(\x08\xaf\xd9bS\xb3\xa3pY\x16\xefP\x03\xe3\xd9\x07\xc5\xb2\xa8\xf5\x1b\x15k\xe4\xd9\x7f\x9e\xad\xdb\xaf\xc3\xe4l\xcd\xf2\xd0\xa4\xef\x9a&amp;a\xbepm"\x0bf\xa7\xe5\x8f\x14\xbd\xd2\xe5eF\xfa\x9ay\x92\xb9\xd9\x19\x10\xb4\xe0\xb8\xa7z\x13\x1dI\x1em\xbf1\xf5\t\x87\x85y$\xf3\x16\x83\xad\xe9N\xde\x89\x94\xcc\xf1\xd5\x91\xc2\x03L\x92\x03\x8f\xc6,N\x9bg\x16\xeb\x8e{\xf0\xdf\xe4fEnJ\x9c\xfc\x0e\xc0T\x1c\xc8M\xff\x80N\x15\xe3}g\xf0\xe4\x0f\x8e6`\xe7\x86\x93xs\xe6\xbf\';\x19"\xa1\x08o\xdf,\x0f\x19m\xc0\x8d\xf1\xe4[\x1ekm\xdb^\xf0X\x91\xda7\x00\xb7\xdc/&lt;\x0e\xe4\xa6S.#\xea\x9b\x93)\x81\xd6J\xa7r#\x98\x9a\xcb\xb0\x9d(\xe4\x1ex\xa0\xbc7\r\xb7\xec\xb1\x0e\r\x7f\xaa\x99\x96\xcb5\xdevl\xdfl\xc33 \xa2\xef\x9d(\x1bG\xb0n/dWkg\xd9)\x99\xda_\xf1\xdbLoB\xf4\x1b\x07\xec\xef\xfaHE\x94\xafL\xb5\xc4\x04\x83\x89\x8c\x0b\xcc\r`6\x88\xe8\xef\xf7\xb9\xe0\xb5\x8bC\xf4R\xf1\xb5O\xb2\x00\x9a\xd6\xfe\x88oI\xa9\xf7\xebjK&amp;k`\xbc\xd9hC\xd2\x14\xad\xfeI\xa5\xd6\x8a\xc0\xcf\xe4)\xc3\x8c\x06\xd7\xceDg\xcf\xd94+\xbe\x0b\x8c\x9c\xb3]\x00\xf0h\x95\xa3\xb1\x01\x00\x87\xe1\x99\xe6Ig\xc5\xf2\xc5\x92\x10^?}\</t>
        </is>
      </c>
      <c r="E668" t="inlineStr">
        <is>
          <t>&lt;class 'numpy.ndarray'&gt;</t>
        </is>
      </c>
    </row>
    <row r="669">
      <c r="A669" s="1" t="n">
        <v>667</v>
      </c>
      <c r="B669" t="inlineStr">
        <is>
          <t>steps_per_sec</t>
        </is>
      </c>
      <c r="C669" t="n">
        <v>7500</v>
      </c>
      <c r="D669" t="inlineStr">
        <is>
          <t>3.076753</t>
        </is>
      </c>
      <c r="E669" t="inlineStr">
        <is>
          <t>&lt;class 'numpy.ndarray'&gt;</t>
        </is>
      </c>
    </row>
    <row r="670">
      <c r="A670" s="1" t="n">
        <v>668</v>
      </c>
      <c r="B670" t="inlineStr">
        <is>
          <t>Loss/RPNLoss/localization_loss</t>
        </is>
      </c>
      <c r="C670" t="n">
        <v>7500</v>
      </c>
      <c r="D670" t="inlineStr">
        <is>
          <t>0.19121794</t>
        </is>
      </c>
      <c r="E670" t="inlineStr">
        <is>
          <t>&lt;class 'numpy.ndarray'&gt;</t>
        </is>
      </c>
    </row>
    <row r="671">
      <c r="A671" s="1" t="n">
        <v>669</v>
      </c>
      <c r="B671" t="inlineStr">
        <is>
          <t>Loss/RPNLoss/objectness_loss</t>
        </is>
      </c>
      <c r="C671" t="n">
        <v>7500</v>
      </c>
      <c r="D671" t="inlineStr">
        <is>
          <t>0.03175651</t>
        </is>
      </c>
      <c r="E671" t="inlineStr">
        <is>
          <t>&lt;class 'numpy.ndarray'&gt;</t>
        </is>
      </c>
    </row>
    <row r="672">
      <c r="A672" s="1" t="n">
        <v>670</v>
      </c>
      <c r="B672" t="inlineStr">
        <is>
          <t>Loss/BoxClassifierLoss/localization_loss</t>
        </is>
      </c>
      <c r="C672" t="n">
        <v>7500</v>
      </c>
      <c r="D672" t="inlineStr">
        <is>
          <t>0.11523287</t>
        </is>
      </c>
      <c r="E672" t="inlineStr">
        <is>
          <t>&lt;class 'numpy.ndarray'&gt;</t>
        </is>
      </c>
    </row>
    <row r="673">
      <c r="A673" s="1" t="n">
        <v>671</v>
      </c>
      <c r="B673" t="inlineStr">
        <is>
          <t>Loss/BoxClassifierLoss/classification_loss</t>
        </is>
      </c>
      <c r="C673" t="n">
        <v>7500</v>
      </c>
      <c r="D673" t="inlineStr">
        <is>
          <t>0.09214129</t>
        </is>
      </c>
      <c r="E673" t="inlineStr">
        <is>
          <t>&lt;class 'numpy.ndarray'&gt;</t>
        </is>
      </c>
    </row>
    <row r="674">
      <c r="A674" s="1" t="n">
        <v>672</v>
      </c>
      <c r="B674" t="inlineStr">
        <is>
          <t>Loss/regularization_loss</t>
        </is>
      </c>
      <c r="C674" t="n">
        <v>7500</v>
      </c>
      <c r="D674" t="inlineStr">
        <is>
          <t>0.0</t>
        </is>
      </c>
      <c r="E674" t="inlineStr">
        <is>
          <t>&lt;class 'numpy.ndarray'&gt;</t>
        </is>
      </c>
    </row>
    <row r="675">
      <c r="A675" s="1" t="n">
        <v>673</v>
      </c>
      <c r="B675" t="inlineStr">
        <is>
          <t>Loss/total_loss</t>
        </is>
      </c>
      <c r="C675" t="n">
        <v>7500</v>
      </c>
      <c r="D675" t="inlineStr">
        <is>
          <t>0.4303486</t>
        </is>
      </c>
      <c r="E675" t="inlineStr">
        <is>
          <t>&lt;class 'numpy.ndarray'&gt;</t>
        </is>
      </c>
    </row>
    <row r="676">
      <c r="A676" s="1" t="n">
        <v>674</v>
      </c>
      <c r="B676" t="inlineStr">
        <is>
          <t>learning_rate</t>
        </is>
      </c>
      <c r="C676" t="n">
        <v>7500</v>
      </c>
      <c r="D676" t="inlineStr">
        <is>
          <t>0.03968994</t>
        </is>
      </c>
      <c r="E676" t="inlineStr">
        <is>
          <t>&lt;class 'numpy.ndarray'&gt;</t>
        </is>
      </c>
    </row>
    <row r="677">
      <c r="A677" s="1" t="n">
        <v>675</v>
      </c>
      <c r="B677" t="inlineStr">
        <is>
          <t>train_input_images</t>
        </is>
      </c>
      <c r="C677" t="n">
        <v>7500</v>
      </c>
      <c r="D677" t="inlineStr">
        <is>
          <t>[b'1024' b'1024'
 b'\x89PNG\r\n\x1a\n\x00\x00\x00\rIHDR\x00\x00\x04\x00\x00\x00\x04\x00\x08\x02\x00\x00\x00\xf0\x7f\xbc\xd4\x00\x00 \x00IDATx\x9c\xec\xbdw\xfc\x7f\xcf5\'~\xe6+\xa2E[,"\x12\xa2\x8b\xa8\xd1V\x89\x16\xb2\x96\xe8\xa2\xb3\xda\x8fh\xb1\xba\x9f],\xab\xdbU\xd6n\xd4\x15d\x11mc\xc3b\x11]\x88 \xac\xe8\xa2\x86\xf8-Q\x125q~\x7f\xdc{\xe7N93s\xce\xcc\x99r\xdf\x9f\xf7\xf3\x91|\xbe\xaf\xf7\xbd3\xa7\x9f3\xed\xbe\xee\x0b`\x11 *\x91\xd9\xa1B\xadE\x0ci\x8f\xfd\xbfO\xe8/9\x12\xe8\xcet!\xfc\xe2D\xde\x0c\x9b\xbf\xa6\xdb\x88\x9d\x17\x1bA&lt;\x03\xa9\xd4\xba(!\xc9Z"R\x8c\x1f\xe6\x89\x16\x1b\xe7\xa5\xfbG\xa9n.0I\xa1\xdb:E\x08\x90\xeb\xd6&gt;\xb8{\xe6\x1e\xf6\x97m\xb3\xc0a\xa2\x04\xaf\xfb]\xa3\x88\t\x93ze$\x87\x8f\x8a\xc1%\xd1\xfe\xa5u%\xd5\xa1\x96e\xa1ZC\x08\x0e\x01\xb7\x87\xf4Q*`\xd4\x83\xc5\x85\xc0\xb7@\x1c\xf9\xea\x06\xb4\x04o\x98kvK\xfdW\x05\x95\x0e\xa3\x1ffj\x17N\x8e\x1fHU\xf9\xc3m\xc9\xc1&gt;#p\xa6c\x06&gt;\xc1T\x88\xce\x9da\xd4\xa3\xc2\xbf\xbekFk]\xac\x0b\xce-\xd1D\xc1%\xfbo8M\x8b\x84\x92\xd7\'\xe4\xd4\x88Y\xa6b\xbd\xe6\x8e\x01\x92\xb9Q\xbe\rp\xd8u\x85p\x98\xdc\x1cZ\xac&lt;n\x81\x9a\xa3W\x01\xaf/j\x1d\xe9\xbb\xa0F\\\x9ce\x8a\xba%\nEV\xb2HHD+p\xe7V\xb7\xd9y\xcf\x04&lt;S\x06\xfc\x0c\x8a[j\xb0\xdaU\xc82R\xc3\x92y]\x83\xfea\x10\xb2\xebJ_\x17\xf8\x94\xd2\x18\xa6e\xb21\xd6\xdfXe\x04\xc8T\xc6|\xc7w\xa4$\xff\xb7\x02\xa5\x02\xfa\x9f\x16\xd0\xcf\x87\xa9F\xc2\x0f\x9b#\xd6x\x19\x11\xe1O\xb7^\x1f&gt;\xa0\xba\x91\x02\xf4\x88OI\xdd\xb9\xd4zoL.\xbf\xa2f\xd5.\x8e\x04\x82\x915\'U\xb8#8\xb0\xf4\xe5\x91\x11\xa0P\x7f\xc8\x0e\xba\xc2)\xe0\xeb\x11\x9b\xa6\x92\xa7\xe3\xee)?+^\xd1 \x11dq\xe8\x05C\x8dvTD%\xcf%~\xb3g\xed\x1d\x95\x80\x1dY\xb8*\x0cPg\xa9xn\x11\xc6\x0f\x80\x85\x94b\xa2\xb7\xa7\xb9;=\xadlf\x8e\x82\x96\xf5}\xb2\xcd^,\xd3?G\xf7\x1cuj\x0e\nxu\xaa\xd5\x05c\xec\xdf\xc0e\\iKJ\xd0\x87\xf5\xd4\xc8\xef\x84q\xea(Z\xaf\x94h\xb2q\x02\x11\xe1\xbb\x04g\x05\x0b\x04@J\xb5\xd80+H+\x06"\xfe\xaf\xfa\xa1J\xa1\xc0\xb6t?h\x04\x03\xcaH\xe4\xd6\x875\xe4|\xfczv\xb5\xdc\x03Q&lt;_/\xa4\x97BM\x84\x7f\xcb\xb5\xf6\x8e\x97\xc3|\xcduG\xdfv:\x95\xf8\xb2^\xdc\xfd\xe2R\xb3\x00h\x17A\xeb\xa1\x05\x05Q4N*\xa6\xc5\ta"5IT\x06\xa1\x0f[\xa0\x08\x0e.\xc7\xaa\xf3\xa1\xc2\x1cw\xbb\xf8\xca\xec\x07$\xbewve\xd6\xa3\x14\x9be~\xa4\xd5\xe1\xca\x13\x05\xdf\x0b\x9f:B\x91\x9d\xd7\xe7\xe7y\xd5\x14\xae\xf9\x93\xef\x17:\xb8\x97\x05\xf0\xef\xde\xfd\xba!\xd4\x0b\xa9\x82\x99j\xffr\xc92\xdb\x18Hw\x12\xee\x10\xb5\xc7(\xd8\xb1\x0c9\x0f5f\xb9\xf7\x02\x97\xf8\xc7\xde\xf0@\xb2\xa8\xce\x1aD\x84\x9f\xea\xb8\x00\xa8\x92j\x8b\xdbE\x8a G\x8c\xe9B&amp;\xa16)\xd1\xf3EL\x87IY\xd7\xc87f\x94\xbd\xae\xfc\xe8#\xbe\x05\xf0\xa9Z\\\xbc\xe0\xdf\x17\x00\x8fm\'N3\x13x$wH\xceg(\xdd/\x88\xe8c|[D\xf0\xe6\xc1\t\x1bt/\xe6\xdb\xe7\x1c\xf7\xce2\x9f\xde\x80\xd2$\x06O\xf3\xcb\x1be\x8c_G\x04\xd0\xbc\xad\xeb9|W\xc5\xa2\xc5\xa2E$\xc4GU\xceYu\xd7\xbd\xe5B\xac0\xbd\x1e\x80\xa6\xf0@\x90\xc5X\xc1\\\x940\xff\xb1J\xb0&amp;\xfc\xf2\x8d\x18e\x17\x95_rH\x1b\xabp\\\xfc\x85\x02\x89\x9f)\xa7\xde\xda.~\xb9`\xfb@:\xf9\xab\xad&lt;\x95\x16\xab[o,\x8c\xa4\xa9\xb7\xeb\xbf\xc0S\xd6\xf3Z\xb3q\xee\xd0\xd9?\xc4[\x02\xc9\xbap\xe7\x99F\x8eQ1t\x13|\xf1i\x17\x8f+%_\xb7\x9e]\xae\x81]\xec\xb3V\xac\xfb=\x90[,\x8b[o&amp;\xf0\xfa\x85MP\t\xad\xe2@\xcf\xa2\xf0\xd3\x85\x96Wr%YL\x1c\x13\xc5\xdb\xf6\xea\xda\xe5\xc7\xc1\x9b3\xfb\x0fg\x9b\xd4]\xa1\xb2\xe5\x81\xc0i0\xc7\x8c\x91\xca\xd2\xc1\xab\xa7\xd8\xcc\x05\xc0\xd2c\xed)\xa1#\xe4+L\x98\\\xbe\x80\xee\x8cve\x9b\x0bAV\xd8\xd5\xe3*\x8bv\xe1\xbf\x0f\th\x897\x05\xa3u\xb9\xb8\xb9T\xa1&lt;K\x18\x1c\x90\x0e\xbbqu\xdbW\xf0c\xd7\xcc\xbe]\xc87L\xc8\xf6\xc0\xc0G\x05\x15*\xdd\xfaq7g\x0eZ\xc2\xab\xee\xffE\x04\xc0\xcf\xbf\x11e\xb9\x84\xdc\xc9\x83\xb6\xfa\xb9\x01\xa2\x9b\xa9\xbdw%w\xa0\x9f\xe5\x1d\x8e\x89\xe8,\x00^\x8d\xdf}\x84\x88d\x92kH0h;\xf0\xa6\'\xea\x85\xe1D\x7f|\xf1\x92hO\n\x12\xd9.\x9f\xd7\xc0n\x04\x84\xea\xdcB\r\x9e\xcd\xf5\xbe60\xc0\x83a\xc0\x0c\x8c\x9c\x80\xd1\xbc\x88\xcd-{\xfcl*\xcf\xef\x8b\r8tn\x046M\x1f\xd7JB- \xd7\xb2y\xbeP\xf7*\xe3\xa9dGwZ\xdc\x05\x13\x87\xa4\xd8\x926\r\xf9^x\xbfi\xd5\xe9\xe2\x13\xb5J\xdc\x81*\xf7\x84\x93\xe7\xb7\x00\x00z\xfe\x9f\xb5\xcf\x87\xca\x87\x90\x11\xb37\x88\xa7P=F\x8e;\x0cR\xd3\xa9\x0f\xd8$)\xdd,\xa62`h\xe4\xc4\xda\r.P\x91\xcaY\xee\xfe\xf1Hj\xbaP\xe4Y-\xed|\xd4\x84G\xab\xbej\xd1\xf8_FY\xfe9Ya\x90O7?&amp;\xd9\x92\xdb^d\xdd\xf0\xdf3A\xa5|\x9d\x89X\xbd\x86U\x95\x8c\x08\xc9\xf2\xf2\xc1\x05/4\x18\xa7\x1bf[\xb3;\x04\xe3\xc1M7\x05\x1f\xa94[ \xfd\xae\x8e\xa0\x04\xa4\x8c)x\x1e@\x03\xb1[gy\xb9\xa0\xf8\xb5\xc2O.\xed&gt;\xeej\r\x15\xe4\xcc@&gt;\xfdb\xb1\xd0\x9b\n\x08\xf8\x82vHH\xc5N\xeb\x9e\xc2\xe7\x16\xe7mk\xa0z\x1d\xc5~~iQ\xc5\x97\x00\'\x83\x8aQw\\\xfc\n\x90\xa4I\x90\xc2n\xa2\x85\\d\x91\x9f\xe3X\xd1k\x16Y\xa9\x0cK\xa7\xf9\xa2b)\x83\xa3\xe3\xc2N\x1a\x8eT\xf5)\x96\xa4%Q!p?\x1d\x11\x00\xe1\x95\xbc3\xc4\xa0@Dq8\xcc\xe0\x18}\xa8\xe8+\xe9s\x86\xd9\xe5\x82j"8\xb6\xfa\x8e\xbd)\x99\xb0\xaa\x03\x125\x07\x18QH\xd5Uh\xea,W\x1f\xfb?/\xc1\x03\xe29\x17\xffm\x80?\xae\xa7\x12\xaa\x8f\x00?\xc1\xe9(\xe2R\'\xde\xe5\xc0\x0c\xa4\x1eI\x97\x8egr\xcd\xe6\xb4\xa9\x13\xe0;\x10\x11\xe13zxv\x89h\xe9Z\x12M\x0f\xa27\x1a\x08\xb8\xc7\x851\x06\x00\x10\xd1\x18\x08.\xde\xe1\xb0\xc1\xba\x9456\xa9D"-\xa8\xc8\xa1\x05]-\xcd\x16\x8bs\xf3\x1a\x11\x84\xe6\xda\x93H(vP\x13c\x1f!\xe2:\x8e[\x04&lt;S?\x13\xe0\xf9\xa06e\x04\xaeL\x0fk\xc6\x98\n\xee3p\xea\xd0"j1\x98S\xfdZ\x92\xbd\xdd\xc2\xb6\x1c\x014T\x9e(\x0c\x04\xde?\xfa.\x1f\'\x1c \xc0\xff\x01x5\x8d\x02\xae\x13\x96M\x8c\x9dqJC\x86Tt\xa1\x1e\x8b5\xb1\x07x\x0f\xd2wU\xf4\xe9\xba"Y\x06\x94v\xdb2\xd5\xf9\x0b\xf6\x17u\x1f%\xf0\xa6F\xe0rh\x89\xbd\xcb\xc7\xed+\x17\xee\xebF\xa1\xdc\\C\xd2\xe0\\\x9b}\x12\x18c\xc8\xea\x7fs\x87\x84&amp;\x90\x95\xdb\xaf\xe7\xcf\x07\x00\xf0\xc4\x9aL1\xc6\x08"0\xe1\xa0u\x1cW\x1e\xe6\xfe\xc7\xfe\xdfF\x91\xb7\x10~^H\x06s\xaa_\x03O\xc5J\x18\x8b!!\xee\xe8\xbbi\xef\xac+J4\xbfZ\xc0g\n\x983\xa5c\x13\\e\xf6\xbf\xc4\xe3Q\xfb\x9c\xc8(\x0c\x08\x87q\xec\xcc\xd3U\xef`sc\xe1U\xd4H\xfd\x19\xb8\xd9\x0b\x80\xcc\n\xc7?\xd5\xf2\x0fao\xaeA&gt;\x8d\xe7n{\x907`\x89X\x7fbX\xf58c\x1d\xa3\xdeXP&lt;\xaa@\x9f7\x15+\xd7\x82\xba_\x02\xf9\xca\xc6l\xdc\x03\x14\xaf\x15\x9c\xcb}\x1ag\x80(\xba8\x0c\xfeg\nDn\xd3P\x03\x9a\xe9F\xcf\x95\xaf\n\x8c\x10\xdc\x9f#\xd6\x0c\xdc\x0e|\xdd\xf1K\xd6\xc4\x0fe\x8c\x94w\x80\'\x98\x01\x97\xce\xcfi"\x95\xfa2G\xf7&lt;\xa5\x9b\x1f\x00\\d\xbc\xdf\xc1J\xfc\x99\xc7.\xd5s\xdez\n \x11\xd2\t\xc7\x15\xc2\xbbs\xf0WNb\x9a\xe7=3\xe2\xe4_L`\xaa\xe0\xbe\xdb\x02\xb84\x06-\x00\x06\x8c\x83\xd9\x05\x80\x0eq\xce\xc5\x99\xe8i\x81;\x1eH\xbc\xca\x10\x11\xbf\xf0\xd6\xd0;\xde\xb7\xd8\xc2\x8b\xce\xce{\x0f-i\xd0\x98E\x18\xa1\x82\xc8\r\x02\x915\x13\xa5\xb1\xf0%YE\xaa%\xe0\xd5:&lt;/\xd6PBxR?\xc3\xca\x8a\xc9\xe1\xe2\xc1A\xa8R\xe8n\xe3\xf3&amp;b~1\x14\x04\'"\x02\xfcS\xbeA*\xb3\xa8\xeb\x83\x16\x1e*D\x9c:C\xdc\xe9-\x00\x0b+\x8d\xad7\x10Ap\xaf8\xbd\xfb\xd9\xd5\x8f\xf3\xc6\xce\x8c7\xfa\xb2\x87y\xf2WD\xa4\xd6\x8a\x8d%\xb0\x9aMn\x9fLHA\xad\x9289\xf8\x06\xdd\xaa\x93lbq\xd5\xdc|\xbd\xf6\xf3\xcc9p\x0c~5\x9bw\xc6\xc4PD\x94\xbd\x0e\x98#\xa7H\x9d1Z\xb7s\xc9\x8f\xe6y}G\xfa\xf7\xaae\xed*\x88\'\xaf\xabY|)a\xd2\xd8g]\xa2J\xd1[/mW\x16\xa8]\xc1M\xd3qk\xa2\x1b\x83_\x05\x80\xd7\x1dW\x9d\xca\x95yv\x02\x8e\xe3&gt;}\x90\n\xc6\xca\x0f\xd7\x93DQ)\xfe&lt;X\x15n\xa0r\xe7\xd6\xaa\xaeT%\x18K\xb8\xc00\x87\xe5\xa7@\x9f#o\xfc\xbc\xe5K\x06D\x86\x00\x8a\x98o\xf0\x1b\x0bz\xee\xdf\xe0Z\xad\xc4\xb3\x15d\xf6\xa8\x96E\x83\xad\xfa\r`\xa1+\x07~\x9d\xb1\xbe\xf3\xaf\xe8\x84\x9f\x86&lt;\x17\xda\xd2[E\xce\xa5\x93\xb4\x03l\x94\xf6\xcb\xe2\x14\xd3I\xb3\xba\xe50\xc9\x14\x98\x1a3\x95\xc8s\xa9\xf9\xf3\xd1\xe4\x1cnJb\xb2\xcd\xd2\xc7\x86\xda\xe5(\x90\xed\xfb\xb8\xc4\xbb?\t\xdc\xb8\xd4\xe94=\x98\x15u"\xd4\xbc\x06T\x8e\xd7\x1b\xc2\xa5\x05\xcfk?\xa9\xbcM\xca\x0e\x8a*t\x00\x000\xf9\xa2\xab\xb3j\xbc\xc5\xbch\x93\xbd\xban\x0e\x86=\xac\xd7\xd4\xfbU\xf5\xdf\xf7+q\xcd\x87\xdaOC\xb76Z1*\xf6JS\xcf!Yp\x19\xaf@\xe7Q\xf0:\xf1\xd9\x11\xc7kCe\xbf\xd5\xd0\xec\x14\xe2\xb7\x1e\xbcW\x156\xb2H\xbf\x0c\xd5M@\x97\x05\xee%\xab9&amp;b\xc9kin\xf2\x1b3\xed%\x95\xba|\x03\x9f&lt;x\xff\x9cv\xf4\xa8\x19p#\x93]/]\x1f9\x0f\x93_\xabb\xdf\x99\x88\x17\xdf\x8d%\xcc%\xd8t\x8c\x90\xdf\x18\x08\x1b\\pH\xe4l{|\x7f\xb5/^{\xbcq\x1a\xb9 \xc0\xb8\xd2\xe9s\xf6\xc2\xf5\x12\x1b\x18\x83\xc1\x89\xd5\x9b\xca\xbd\x88L\x81jK\x8a\xec\xb6\xee\xaa\xd6X\x1e\x9a\xdb\xcc)h\xb1 yAT\xa3H\xa6\x1a\x92p"\xad\x89\x85\xab\xd7\x87^,\xa4\x9fo\xea\x047\x887\xc2\xfb*\xe2U\xd4\xb1\xde\xb9p\x8b\xa5a\xc7\xa7\x16\xdfg\xa3\x07\x01\xfeYc\xcd]!4\x99\x92\xb7\xc99@\xc7\x7f[\x90`\x01S\x97\xe0\x89W\x12\xf8\xb9{K\xd3\x15WpG\x08\xad\xc1,\xa4\xb9\xdb\x01\xe1\x05\xf4\x1f9k\x1e\x02\x93\xdd5\x06\xd7\x8b\x05\x80\x8b\x92\xd6\xe3\x1e\x86\x89\xc7\xa0&lt;\xa3\x960\x168\xdd6C\x04xl\xb3\xd6\xf9\x05\x00\xf6\xc8\xcdU\xb1\x96\xa6^HtY\xfe\x85\x8c*e\xbb\xc5-\xa4HG\x8f\xbd\xc8\xaa\xb9y\xe2\x96\x14\xa7\xd7\xe3Hv\x7f\x8bG\x89\xac\x08t:uw\xfc\xce\rI\x9e\xc3\\7A\x17\xb8\xe6\x04\xda\xe2\xb6([ "\xdc\x0by{\x9c,j\xc1H\xec\xd7\n1\xfd|e\xdb\xaf\xbf|\xfdlr\xea\x01B\xa55\xa06\xfb\xfa\x85}8\x08Ea\xa0(\x03\x93\x82\xdb\xec\xf9\x15\xb4.Px\xe8\xd2\xc5D!\xafS7\xfcVS\xeb*]+4\x85\xd9\x89\x7f#\x97\xe6\xed@s\x8bV$\x02\xc8\xbf\x98\x1d&amp;\xf3\x94m\xa5F\xf6\x08\x8d\x11\xbb\xf6\xf2\x9a\xe7\xd5F|\rp-\xfc\xc5\xea|\x95\t^\x1f(\x89\xf6;\x01\xa9\xe9Z\x15\x99\xb024\x8e\x827\xa7\x02\x84\xa89\xadmrS\xc1\x92\xce\xdd\xf7-\xb2\xc8\x1d\xc8\xa4\x9c\x9e\xb9%\x03\xa3\xaf\xea\x08\x85\xabm{\xf3\xc1\xafu\x89f\xae\x19\xc3\x06n\x17\x1d\xcf\xb6\xe1\xe3O\x01\xba\xc8\x90\xd1\x91d\xaaQToq\x03\xd1\x1c\x13q\x08\x8a\xe3&gt;\xa8\xc5\xe2\xa1eH\xaaO.(\xda\xe0(\x82\x88\x08o\xa3\xa6\xf2\r\xb2\xde-\xbaAg\xc8\xdckH0\xf1\xea7\x1e\xdfQ\xe89\xc1\x8a\xa6\xedeF\x9fB_\xfe\n\xbf{\xa7\x05\x00\x13\xbdX \xbc\x151Qn\xa0\xd7\xd1\x14)_\xa4\x9a\xb9~\xc9;+\x98&lt;\x0c\xf5l\x01\xbd\x04\xc8\xe8\x88\x88\xf0\xb9\xd3\x15_\x036\xe0\x8e\xb0#\xb3\xe5\xd6X\xd0f\x84&amp;\x03\x86\x19\xfb\xc3D\xf2\x17\x0b\x93^\xaa?&lt;/\xa4\x12\x97\x0b\xc0\xad\xaaZ\x04\xef\xec\\\xeb\xbb\x1b\xd4\x83r\x1d\x869\xba\xa8u\xd62+D\xe3t\x01j \x9b`\xd5\x1e\x05\xfb\\\xd4\x0fm\xf6\xad\xf4\xd5rG\x8e}G\\G\x8b\x9f\xd4\xdc\xee\x89DbN\xcd\x93\xf3\xdaT\xc7T\xd8\\\xd3\xb35\x8f?4){I+\x9d\xe0\xae&amp;\x136\xbah\x94\xa8c\xe6\x80\xed9(\xf2\xd4\xc0LN0R-(\x95\xa4\x86G\xa9u\x872\xc1;\x12]\x07\xa4\xc5\x0c{&amp;\xf2\x7f\xe9+\x18+&gt;{[f1\xe3+\x80\xa3\x11\'\x9e\x8f\x06M\x0b\x00~\xdf\xac\x0c7\x1c\xb4\xb9\xd0\xf9V\xfd$y\x02\x912nm\xf4\x94G\xf9\xb5:\x16[EdL$\xa5P\xad\xafb\xae\xcd\x81/zr\xd5XQ\x8cn1\x0c\xbe\x83\xc8p\x1cQ\xc8\xfa\x95\'\x07\xbf\xe4*\xcb\x8f\xc9))\xaa\xc8q\xcd*\xb3\x89\xf4&gt;\x88\x00\x7f]\xd7[\xda\xa1G\xfb\x05\r\xbb\xa1\xbb`5\xc4\x95\x9f\x85]\xd6\xf8%$e\xe6hD\xa5\xb3\xd2\xb3(\xaa3\x92\xcbz\'\x06\xbeQv\xd7&lt;\xfc[25\xecc%D\xc4\x87Q[\xae\x8d2L\xf7\xa9\x8a\x00I\xefH\x88\x8b\xbc\xcc\xe8\xbe\xfd\xfb\x0fR:s\xf1QGA\x7fjl\x82@\xbd\xf1\xc2\xcdF\x0f\x95\xbb\xefb\x9e\xfe\xf2\x07\x98\xdei\xaf8\xf0p\xb8\xc8\xd9\xbdSG\xb1\xf4\x90IC\xc7\xa1\xab$c\x8b\xc7\xbb\x8fC\x88\x00\x7f\xdc\x97Ew\xbc\xd7l\x01d\xf0c5\xf5\xf4\xc8\x85\xa17\x14\x9et6\x8b\xfd\xe0\r\x99j/\x07z\x0e\xf3\x00\xc1\xb3\x0f\x1c\xfa*\xa26\x80+\xc3\x98a\x1ar\xe5\xbd)\x83\x8a\x93R\xbej\xcfp&amp;\xee\x15\x06\x89\xa7"\x14\x9d\x15b\xa3\x01U3\xad\x9b\x81k\xa9\xfc\xe1\xd1\x15D\xc4\xdfVQ\x817\xe6\x8d\x89\x13\xcb\xe2\xa6\x86e\xa8\x94\x89\xeb\xdd\x9d\xb9\x1a\xdfq#\x9d.\xc0h\xf5\x05\xec\x8ac3\x0cX\xf5\xb1\x11\xe5\x94\xa8W\xae\x81H\x8cw\xb9sG\xd8A\xa0b2\xb4v`\xff\xec\x94\x8e\xe0\xa0*o\x7f\xe2\xacHk\xe2k\r\x1e\x97\x02i\x9c\x07U\xc5\xf9\xfc\xdb-\x12f\x98\x89:\xf8]\xc3\x80\xc9\x17C}\xd4\xd6\x11\xd6j\xb8J\xa2\x8f\xaa\xea5\x1f\xd7\xaf\xc8\x9b\xfc_&gt;\x94_\x7f\xa3\xb9\x195\xd3G}\x95-\x94\x95;\x1e\xc4\xc9\xf8e\xed#\x1e!\xc6j*\x90\x8d\x17\xa8\xaf\xa9!\x92\x02j\xd3JwD\x17M4\xaf\x8e9:"FF\x0e\xad\x1d\xdb\x7f\x15\xbf\x0c\xe4\x1e\x04\xb6\xc2S:\x1f\x12\x1bPlO\x8c\x01MC\xff\xa7\x15\x99\xd5=\xe5\xe8K\x88\xc1E\xc2\x9e=&lt;\xcb\xb4\xcb)\x13#\xca\x1b\xd3\xe0ju\r\xe1\x1ffO.5\x90\x0c\xbb\x11L\xdf\xbb7\x97\x05\xb6\xc0\x87\x8d\r\xcf\xb5\xc28\xb48.j\x9f\xaaI\xc6_W\x0fQ\x9d\xc1T\x04m\xe3\x1a\xeaz\x8e\xae\x1e\xecu\x83\xed\xa8f\x0b:T\x19\x18a\x0c\xdf\x07EL\xfd?G\xcb#\xc1\xd0Lo\xf7\x8e\xdbK\xc9\xa4q\xd4\xa8-QR\x0c\x9b:\xfbZ3\xec9#\xea"\x83\x16\x84\x98\x93\x1e\x13\xd2rN\x85\xea\x01\xa6g{0U\xb5\xdb\xbf\xd0#\xa5\x8cS\xd9\xeeq2\x86K/\x0c\x88\xc3e\xb2\xf5m\xf9M\x1bJ\x8d\xd8\x9e\xb3\x8dCl\x89U\xb9\xcc\xfe\xd0\xa1\x86L\xb5\xa4x\x1d\xd1\xf97\x8f\x17\xf6{\xbdo\x85H\x97@8\xb8\x0e\x9f\xda\xda\x12\x1a\x95\xee?\x9e\x9d \x1e\x1c\xe3\xcc\x19\xbe\xeb\xbd\x83\x9a\x19JJ\xb5\x94\xa7\x8a@$^\xcc\x186\x98\x81\xd3\x9a_\xb4\xaaA\x1d\x7f\x0f=\x05\x13\xc6\xd9\xa23\xb3)\xa9\xc20\xdd\xf5r8\x83q!\xba\xf4\x02\xa0Z\xb0\xb9\xcfr\xf4\x80\xecI\x9ea\xa3\xdaT\xe3\x9c\n\xde=7\x96\x0f\x960|GB=\x9d\xf8R\xa8\xa3\xec\x19\xaaZIV\xc1\xae\xc5\'\xb3,36y\x0f.\x0b\x97\xd3\xb9\xd5\xec\x08\xd7&amp;\xeen\xcc7+\x82\xd9?\xaf\x81\x95\xf3zQ\xb1`\xce\x02@~\xd0,K\xd7\x91q\xf0s\x88\xc7\xbb8~x\x90\r\x19\xa6c\x99\x0b\x11\x01~QU\xb4:\xa07f\x90-\x86\xe4\xb6\xe6\xa8\xe0\x1fPj\xd0\x13\x0b\xb6w\xf9\xc5J\xee&gt;\xc7\tU"\x05\xa9\x18\xe2jS#\x8f\xf7a&lt;\\\x053\x9a.;@V\x00#\xcc\x96\x88BG\xa9\xcaZ\x13&amp;\x1a\xb6\xe7\xbd\xb2Sn\x16\xda\xed\xac\xed\xa6p910\x0c\xdep\x14\xa3\x9b\x82\xf6\xeaY\xd1\xb7\x82)sF[\x1c\x02\x95\xf1\xc1gaU\x9a\x1e\xb1(\xf0\x14|\xd7&gt;\x85^\x95&amp;\xb5KT\x17\x1b\xfe\x08W\'K\xa7\xc9\xc4\xe8\x05\x80\x8a"\x11\x85\xaf^e8\xdf\xc4\x18n\x90\x0cqu\x9a\x152\xd4\x8b\xb1\xf0Nm\x06\x87\xcad\xe2\xf7R\x87S\xe4\x9fr\xfa\xe2\xfe\xd3c\x03\x13(\xf6\x1b!\xdc-ZQ\xe1&amp;\xfa\xc8\xc8\xbd~D\xc8\xe3\x13\x04j\xf6\xa1\xc6M\xc9nq\tt\x0b\x88\xd1\xe7\xddG\xf2L\xdc\x1c\x1d\xcaWa\x9dS\xa2 \xad\x17\xf2\xe1\x8dKGAYM\xcc]\x00\xac\x05\xa1l\xb7\x83P\n\x88\x88\xf0\xb5\xd2\xb29\x7f\xcd`\xbd9\xd0\xad\xc5\x10\xf2n-\x15o\xab\xd6\xb4\xf1\x98\xf6\xdb\xc3\xba\xa8\x8a\xaeD\x17\x1b\x18\xa5"Y\xc1Te0\xba\xc5\x18\xd8\xc4\xa8\xf6\xd6Z&gt;\x0e\xb5@\x84\x7f\xeaW\xfe6\xca\x8f\x11-\x06\xda+\xf2\xd8\x82\xae0~\x14\xcb\x81\xb0^\x84S\xf6\xeaZC\x10y\x89\x89\xf1\x1c\x85.\xe0\xf1\x81\xd1Y\xa3\xec\xaeZ\xb2\x0b\xe3w\x9cS7q\xea\xa3\xa5\x885\xcby\xae\xc2\xf0\xfb\xfc\xe1\xbc=\xdf\xeb8\xa6\xf6P\xe3[\x88\x08\xf0\xa1\x03\x04\x93\xe0\xc1\xdc\x05\x1e\x07\xb3c\xa0\x02\x87\xa7^\x1b\xe0_\xcf\x96\xa5\t\xb5aOw\xd9\xa9yuR\xc7\xb9\x83\x93\xf4\x16-\xb0\x1ej\x9aB)\n\xd4\x8cww\xff\xe8\x1b\x88N\xa0?D\xbe{-\xe2T!\x9d\nT\x0c\xc8\x98\x8d\t\xb8\xd8\xca\x05P\xde\xc0\xe0\xcbVC\xe4\xad;&gt;x`\xcd\xc5\x17\xacd\xe4d\'\xb9\x80k\xc1\xf7 z&gt;\xbd\xbev\xda\xf0\x8cs!C\xa1\x8fa\x1c\xd3\xd7\xa3[\xab\xd8\xb0\xee\xa0\x8c\xb5\xcc\x9eQ.\x16\xb1j\x0f\xacS\xab5\x89O\x8a\x93;\x08I\xfb\x8e\xb7;"\xbe\xd7Z\xcev\x84\xd9\x03\xf1\xf7\xbb\xb0\xa9-\x88\xb2^Ss\x89\xd0\xb1V\xdf\xbc\xd6\x02\x9b\xe8X\xe3\xc5\x03\xd9\xb2\x0c\x89\x06z\xc3\xa1K\xa4e\x1b\xe6\x91\x15\xf2\xdc\x8cJ}\xce`\x90\xc0\r\x9d@\xe8,zO+]#\x0c\xf0\xeb\xa6MC\x1d!\x1a,6@xQ\xd8\xf3\x0b\xa0\xdbr\x9c\x0b.\x13\x995\x90T\xa7\xeeF\xb8\xb9\xa5\xf2F\xa10\x97\xf2o\xdd\x91\x1e}\xd7A\xb5\xa9a\n\xf8\xabR&gt;r\x16\x8d\xc0\x93ws\xad\x0f\x06\x8fL\xb35k},\xb9\xde\xfc\x92c\xde\xee\xd3\x85\xae\xf4\xf9\xa8\x8e4\xc7\x11\xc1L\xc5\xf9|;\xbc\x1d@\np\xd7\xadq\x00\xb8A\xf8eu\xb1\xaaQ1\xb8\\\x98\xe2q\xeaX\x18*\xef\xa80(\xdc\xe1\xc8\x9b=\x1e\n\x07X\xfb\xd6\xa1\x958\x1d\xf9!\xe3r;\xe5-\xa2\xb2\xdf\xa2\x0fFYx\xb4\x13\xe9\xf9\x81\x06\xc1\xfc\xfc~\xfdpu\xea5\x02 |}\xab\xb4\x1c\xf3\xf6\xb3\xc9\xa1\xce\x07t\xa2/B[\xa4\x91\x11\x1b.b\x13\xc4\xbb\x86\xdc\xaf\x05\xf43\xa3~-\x14-v\xa7#\x0e\x9eLS\x80\x97\xaa\xa0_)\x99\x90\x0b\x9f\x11\xb3\x04yqr\x1b0\xcd\xb0fL\xde\x8d\xae\xf46\xf8\xadCc\x18F\x9b\x9fG|-\xaf\x8f\xe1\xf4\xaa\x84\xeb$\x92Q\xec\xc5\xae\xf2\xdcb\x04\x9e\x07\xe1o\x8781]\x03Z\xa2\xc8R5\x0629\xb55\xcb\xb7q\x9b\x03\x12\xa3t\xbfhw\xb4\xd0dqh\x9d3K\xfa.\xf2l\x95g\r-D\xb4\x90U\x93K\xc1\xfd3\xa6\xe6\x98zk9Bk_\xafS\xc6C\x0c}\x19\x10\x91\xe1S"\xd5o\xccHA\xe5T\xd9\xd4\xc5\xb1\xb5\xc8v\x85&lt;\xf2\xc1\x15)S\x85\xa8\x19\xc5\xbe\x93sc\x02f0\x8a5\x9f\xec\xc2l\xdf^Hoaq\x17\xa3\xcdkw\x97\xc2\x81\xb9\x7f\xa9\xc1\x89\xfd\xf3\x10\xb9n\xd1\x13cf\xffyx\xc3\x80l\xab\xc0\tB\x8e"&lt;e\xa9\xd9\x7fG\xbc\xf9&gt;W\x1e\x9fP\xd9\xb5\x01\xd4m\x00o\xfbO\xc6\xfc\x8a1\x86e\xf0\xdf\xe8\xbe\xe7\xd7nXc~\x94M\x8d\xa7u+\\\x8b\x91\x07\xfd]v\xdd\x8e\xf9Y~O\x17\x82\xc1a\x81\x12\xd3\x15\xbdg\xffe\x163p\xae&lt;\x15\x89\xee\xb3\x7fE\x8as0m\xc3\xbbbb&amp;]-\x08%j\xc0\xa2gA\xa3-\xb0\x1f\x8d\x8d`\xfc\x1fn\x0f\xe0z 0\xe9\x1d\xfa\xc40\xf1d@x\xe0[\x1b~\xac.\x02\xb2Y!/\x83\x16\xc9\xb1\xaa\xe0\xf8\xf5\x8a\xdf\\\xd1\xbc\xfd\xdc\x84u6\xe9\x01\xd2h\xce\xc5^\x11\xeb\xb2\xa8\x13\xf2N\x83\x1b\xe1ov\xe7\x9a\x82~\x18\xfdf\x94\xd9\x00W\xd4\x82m\xff\xa1\x05pAK\x8e\x8eRQ\xc1\xbd\xc5\xb2p#f\xc1\xb0\x1e\x86R\xd1\xaf\xcc.\x9d\x04q\x84)\x8fLWpb\xcb\xb0ZmR6\xc7\xc0\xb6\x8b\x1bs9\xf1b#G\xe1\xda\xb2*\xf6\x88S\xb9PfQ\x1d{\x93\x90\x94s\xd7\x02\x11\xfe X\\\x11\xf6\x7f\x0b\xca)P\xd8:\xbd\x96\xa1\xb4p3\xb5\xae\xae\xb7\x13MA\x8d\x14\x93\x7f\xe3l\xcd\xea\xa1(\x15\xe7\x11 p\x0eg\n\x8f]\xb6\t\xa3\t\xc4\xf3M\xea\x8d\x82\xad\xe6\xfej\xb8\xa7lw\xf2\xd3SV\xf1\x84\rL\xde8]\x8b\x82\xbb\n\xc96\xfc\nG\x82\xcb\xc4g\x8d\xd1\xaa\x94;\x1f\x13d4t\xff\xaca6\n\xd5\x0fDM\x85o\xd2O\xb2S\xf6\xb3,\xa7\x82b\xbbn\'\xbe\xbfF\xb4\xc8u\x97\x81{^\xd4\x11\x88\xb9\xc7\xfe\xb68E\x00\xbcWF\xd2\xfd\xc6\x0f%\x89$\x9f\x99\x99\xad\xfdP85\x9cY(\xfa\n3\x91\xbb\x00\x9d\xe5\xfcx\x9f\xd7\x9e\xf7\xfb\xdfs\x1cd\x1f5\x9f\xc2=\x85\xc5\xc4\xb1X)\x8e\xe3\xed\xa2\xeaI\x1b\xaf\xe3;VP\xbe\xc5,\x84\xdb\x0cUO\xe6\x14/zxc\x16\x0b;\xddI\x07\xf0\xbe\xac=\xaf\xac\x94w\x04j\x13\xd0\xd1w\x00V\xdf\xfe\xef\xba\xecl\x81\x1b\xae\x10l\xe3="\x9ee\x12\xf1\xfc[\t\xa5\xe2\xb0\xf1\xae \xebm-L\xbbE\xcd\xea\xe2\xa1\xdeA\x02\xfff\x93\xa2:H\xca\x02|\xf5r\xb1W\x8duRi\xa9\xbc\xce\x881LNt\x9e\x1e\x1ci\x99u\xbc\xc0\xc4*\xd2\x9er\xbc\xd8\x1a\x02\x01\xc0\x84\x05\xc0-\xee($g6tkv\xf8\x053\x9bL\x00?\xf7y\xe57[4)\x08\xa3C\xa6&amp;\x01\xfd^o\x1c\xdc\xd4\x10\xecJXd\xa2P\x94!#\'\x11\xccal\'\x9f&amp;J\x08@w$\xd9\x02\x00\xc0\x0b\xe6\x95;\xd7\xd25v&amp;\xde{\xc8\xf4W*\xc7\xc7b\xd0\x1a\xd8\xd1q\xda\xe6\xc5\xf4&lt;\xb2\x98\xedt\x17\xcc\xbc\x1e\'\xeaKh\x9a\xe5+\xf3\xb7\xa7(\x08\xc7\x82g$Gm,\x11\xbb!\xe2\xc1\xa6%\xcd\xb2\x1dQ^:[,\x86\xce\xbfWG\xf7\xc27\xac\xb6f\x02LVY\x8eft\xf4\x12\xf4\xb1\x93\x19\x15\xaba]\x02\xe62\xf7\x19z\xfa.Y\xbebTW0\xc7\x8f\xe3\xf6\xd22\x92\x04\xf2\xa4"\x9c\x193\x88\xf8Ue\x9bH\xa7\xf5U\xa6&amp;2\x94K$\x17\xea7\nXi\xdb.\x92\xac\x82\x8a\xc2XW\xb5\n\\\xb8\x0b\xfb\xf9\xa6\xeb7\xde\x8d\x8f\xcc\xb9V\xbd\x1b\xa3\xcdn\x93\xe4\x83P\xab&gt;\x91\x14\xa3ZRc\x0c\xd2o\x9f\xdd\x1fRC\x00\x03\xc8apDX\xd5\xbbl\xf7\xce\x08lv*\xd8\xd8vx\x12\xce\x18\xd35\xee\xcf\xc9D\xef\xc7\xf8\xb6\xb7\x9eg\xaa\x87y%`=\xc8\xe8|?\x81 G\xbc\xfa\xdd~\xd0\xd4Q\xb7\x0e\x1a\xa7\xbc\x1d\xb1\x04\xf2\xc7:\xf1\xecr\x0f=o^\xa4|U;\xf7\x08\xa4v5\xb9DR\xa2\xda\xd7\xab\xc3\x19\xb7^\x98U\xfcp\x00\xcf,G\x1b\xee\x8b\xc6\xcfOH\xb38\xf3\xe3\xb8k\xf7\xb4-3A\x0ey\xe3\xcb\xcc\xc9\xf1\xc6\xba_F\x98\xccDg@\x95\xb6\x8c`\xa5\xbc\xaf\xd0z[:+\xbfj3{\xd7\xc9M\x03\x1d\xa7\x04,\xac\xf6P~\x0b\xb6\xdc\xc7q\xb39\x0f\xe5/\x01\xbb3\x8c\xbe\xb2\xf4\x81o\xd6z\x1b\'~C\x04\xbe\xb8uO^\xd2\xef2\xdfW\xe4\xa3\xab\x1a\x0f\xefI&lt;\xc6\xf9e2w/a\xbf\xf8\x1bbM\x83\x90#"\xd0I\xc9n\xb3\x7f\r\xb2\xd1\xd7\xec\x8a\x8fd\x9f]\xdf\xea\x9c\xbe)HrGB%64\xca\x7f\xee\xfb\x96\xcf\xbf\xcd0\x0c\xbbC7X\x86\x18\xfcw\xfb#\xda%$\xf7\rS\xe6J\xed2\x9ej\xce\x9b\xdc\xb8\x8f\x1f\x06G\x19u\xf4\xa8\x8b\xa9oU\xee\xc7A\x87$]&amp;\x1bv\xdaz\xe9R\x92\xf9&amp;w_\xae\xc6l\xc1\xd9\xdbMy\\t"\x9a\xc1\x98\x1fm\xa9\xc4u\x8f&amp;]\x99\xb5\x0eY6\x9a\xaf\x86\x08\xf0\xd7\xaem\x1e&amp;\xa0_l\x99{\xdcH\xee\x8bz\xad\x179\xefk\xc2\xa4\xb8U\xcc\x97\x0c\xa9N\x89\xd9/\xe5e\x94/Xs\xa6\xc01\xe9e\xcc\x85\x11\xe0|\x86\xbemG\xa5\x83x\xf62%x\xac\xc8I Ey\x98""I\x12Z\x83\xd4\x17i\xeb\x15\xfa\xb9O\x85\xf58\tY\xa1\x9eh\xc90Q\x97D\x90p;\xb6\xb3\xeeQ\x1c\xea4\xd2\x95@\xd8|\x84\xa8du\xbb\x08\xde\x8e\xaez\x8ds\xe2\xd3\x14\xa7M\x14\xcd\x925\xb2\xdc\x11)\xf1\x18D8UxVH\xb4\xefN\xdd"\x87\xae\xf9~\xb12\xb2&lt;.Y\x9c\x01 zGs\xbf\xd1]\x8a\xd2\xa8\x17\xdc\xdd\x1b\xfc\x9a\xdb2\xed\x8ea\xce\xcah\x91\xbf\xd8(a;\x9dk\xc6s\x19\x9eY\xae\xac`U\xaa\xb6\x86\x96Jp\xe6\xe9O,&gt;2\xbd\xc6%H\x94\xcc\xd7IN\xd1\xc4\x97\xa7\xd1_\xd5\x87\xe0\x8b1\xbb\xe4\x9a\tX\xe7\xb3\xa5X\x83x\x19\xde\xa5\x90\x15\x15\xbcH\xf8]\x1b\xd7I\xf3;\x1d\x99\x1c\x1f/\xcc\xcd\x80S9/lC\x8c\x10_\xceth\xe7\xdb$\xfdM\x04\xe5\x8e%\xd0[\x98P\xf1\xe65\x00\x00~\xecJ\x06\xd4A\xfa\xa8?\xbe22~\xc2R\xd8\xc0\xfb\xa4\xd3\xbf\xbc\x16\x89\xbf\x1f\xc8\x83rv\xea2Y\xc7\xc5?\xdci+\x97\xa1h\x7f\x88d\xc3\x93\xa7\x84\x17\x13\xd4\xc4\xa5J\xa7\x1c\x97\x16\xfe\x16\xcbavE\xba\xa9\xb8\xbeI\x89!\xe0\xc3r\xc5_c\x8a\xb6\x10\xd6S\x81;\xf2.\x86*Q\xbd\x10J\xccF\xea\x97\x01\x7f\xa0\x17\xa2la\xa6\xb9\x8c\xe0\xab\x14?\xbd\xbe{\x80\x88\xd1\x8b&gt;\x10\xd1\xfb\xf6\x0f\x8e\xfa\xd6\x7f\n\xb1\x05y\xf2\xe0\x98\xefl\xb4\xd8\x87\x0c\x0e\xeb\x91\x84\xe2\xfb\xe5\xc47\xb4R\x92hY#\xc3]\x9d\xd7\x04l\xea\x9d/\xfa\xb8\xf6\xf7\xd0n\x1a\xa8z5M\x12\x10\xbe%\xc9\xa6\xf3\xc5\xbf\xdcx\x0bM b\xfc\xce\x1d\xf7ELp\x94}\'\xd28E\xf8Z\xc8\r\x19^M\x1e#Mj\xca\x81\x88\x0b\x9b\xbd\xc2P{\x17\xc8~\xa9\xfd\xf5\x11~\xa6Z\xe5\xcd\x92*\xaf78\x9d\xd2\xe0\x82\xa1\xb9\xa3\x15\xba\xe5\xb7\x00U\xa3\xb8&gt;\xe9o\xa9\x82\x04\xd4+&amp;8\x8b\xaaAY\xaab\x9f\xe3\x8b\xfb\x00\x00\xdb\xd7\x16\x00\xc0\x98\xa7\xefw\xdd\xa69\xd5\xbb\xab\xccY\xcd^g\xc7$\x84-1\x88\x08\x7f\x7f]=n&amp;p\x7f\xb2q\xb6\x1c\x00`\x87K\x84\xe0\xf9\xf8l\x173\xe4m9\xdb\x9e\xd3\x1af\xba\x05\x03\xd1\xec\xdf\xd8Q\xc5\t\x18\xef\xd5r\xe6\x93\xa4[\x13\x8b\xc7Ca\xf6\xef^\xe8-\ndw\xd1\x86\xc9P\x81\xfa\x8d\xc8\xfc\xed\xfa\xd9?(\xbe;\xc78\xa8&amp;r\xe3V\xcem8Ny\x16\r\xe8;\x06\xbb\x17\xfc\xa3\xb7\xc3)\xff.\xfeF\xc7\x14\x7f\xb1OE{\xcd\xd1zk\x1d\x9f\x7f.\x94\x17wr\x9e\xd2y1U\x98\xb92d\x8e\xb9\xd71\xd4-8 \x8a\xce\xee;\x9d0[\xb0\x94\xf1\x11\x95\xe2\xe3sR\x1d-e\xe9\x81\xe0\xd2\xc6\xbc\xc5x\xf7ecU\x80\x8e\xeb\x15k\x8e\xc21\xd0\x1d\x87\xa1\xcf\xb1\x90A\xe9\xbeHx\xfe\xca\xd5\x111\x1f*\xa8\xf4\xccX@\x87M\xb6\xdeq\xb4\x17`\x85\xbc8E\xbb\xd3v/\x02\xa7,\xf28b(\xc6\x91\x9f#\x05q\x7f\xce\x02\x8e@\xa5\xea9".\x12\xc6\xb7\x08\x91\x9a\x8e\xec\x0f\xfd4mv\xdaX\xb5$g\xc1\x0bWn\x07\x1f\xc6\x18{5~\xf4\xcem\x1f\x8c\x1a\xf1E9\xf3\x9d\x02-\xd5-F\xe3o\x10\x9f\x07\xe4\xc6\xaf\n\x86F\xe8L#;&gt;\x02t\x9e\xaa\xdc\x86\xb2\x07\x965p\xfb\x9aK\'\xfc\xe29\xe5\x16\x15\xcf\x1e\xb2\x80\xf9w\xa7\x0cei\xf4e`\x9a`{N$u\xa3\x82\x05\xa6\x07\xe9)P\x12&amp;\xb9I\xac\xbbG\x82\x88\x00\x8fn\xe9o?\x9a\xbf\x9b&gt;\xdcf\xc7\x8f\xa1\xcf(\xbb\x7f\xbd\xc3!\xc0_xm\x82P\xe9,\xde\xb5vF/ j\xeb\xa3\x0en\xac\xea&lt;\x86\xf1\x1e\x95\x1b\xa8{\x8fs\xff\xb5\xb6\x14;J\xb0f\xffn}\xe3\x8b\xfd\xfa"\xfd\xd6\x0f\xa4k\x81e\xcf\xe7\xad"&lt;\xc5SJ\x8f?\x05\x7f\xe3\xf0\xaf\xc5\xdc"\x86\xf2\x82\x92\x8a\xd0\x9a\x9f\x1f\x9f\xfd\xa5\xed\xb9\xf0\xf7\xbd\x8c\x7f\xadl\xcfL\x99Xd\xef\xb9R\x12o\xf3,\xfe\x8aa\xc8EM\xd9\xdc\xd6xaw\x04\xfd\xefG\xae\x10\xd5\x9bH\xd3\xf7J\x8e\xfa\x0f\x00&amp;\x08\x0c\xefO\xb0\xa2\xf6:\xcfl\r\xcb;\x05I\xfb\xf74\xa0\xb2\xd3+D\xcd\x9cop\x92\x88\xe2H\x1d\x86\xbb\xa7\xd3\xd1\xb1\xb9Tf\xaa\xeb\xd6\x9d\x9e\x9d^9\xec\xc5\'3\xab\x00\xed\xb7\xb1\xf7a\x8d\xd7c\xc7\xe5T\x0eO\x00\xae\xfe+\xd9+\xc0y \xacri\xa8\xec\x04\x7f\xcb\xc7\xb0\xe8\xe7\x1f\x1cZ\x1a\xbd\xb7\x0c\xb7oU\x00\x00\x801\xe6%\x817m3\xa6q\xebm\x0c\xc4vK\x1d\x9d\x83S\x19}w\xfcX\x9dd!\xa2\xdf\xa5\x8f\xd8\x16\xbao\x04\x16\xf1\x881\xaf\xb5\xedf\xce\x16d\x03\xe1J\x1b\xbb\xc6|;\xf8s\xa6\xc1\xd0z\xfe\x95\xc3j\xd1\x8dX\xe7\x19\xf2\xdcT\xb8\x17\xba\xd0\xe6\rL\x00\xd9\xb0C\xa7\rw xE/\xf3\xbc\xe8\x8a\xbf\x1e\xda8\xb6\xd0_6]\xa3\x06\xe9\xc1\x9e\xcc,\x9a&gt;\x19\x1c\xde\xd9d/;{\x92\x82\x178i\xbcc\x81\x0e\x1a)\xe96\x93\x88\xd4u\x02\xcdZ\x1a}aU\xf9\x08-\xaf\xfa\xccI\xfb\xd2.\xa6\xa6"[;6a~x[\xdc4\xe8\x88&gt;2\x17U\x05\xaf\xa0\xb9\x88\xe5}\xcb\xac\x10\x0f\x8fMz\x8d\xf4\xac\xdbx\xfb\xa8b\xdbL\xc0,\x958\xa3\xe1dh\xb1\x1c\xadVdZ\xf1\xd40\x08S\x00\xffsL\x89\xe8\xe2.\xaa\xd2\xa0:\xd6 \x96M\x8b\xf2\nH\xa9p!\xbd\x98\xa2\n\xfd\xc5\xd2\x9dEj\x013\xce\x97`M\xf4\xcb\xe1\xb8\x9c\xd9\xe2\xa5\xcb\xa8+8\x96\xa94`dym\x17\\\xc9\xceu\xd0\x1a\xdb\x02/tK\x8a\x1e#\xca0/s\x87\xfc\xfd\xee\x8f\x8d\x0e\xbf@6\x86\xa8\xe8\xfc\xab\xc9:\xbe\xa5\xc8\xa2\x9d\xd4\x18\x84\xe1Rr\xc7~\xeb:\nf\x90\xd1\x9d\xb0C\xc98,"\xfdU\xca\xc8\xc5%2\xbc&amp;\xb4\xe0&amp;\x05\xe4k\xf4\x89\x99\xa1\x11\x08p\xd7&gt;\x82~r\x05\xcb\x9bvn\xd5\x03\xea\xbeD\xea\xaf\xa7]-\xa1:=wA=^\xa9\xcb\xe96\xe6k\xe0&lt;=\xa2\xfe\x10T\x81\xe2\xeb\tk\xf4\xe4\t@\x02\xc6\x80\x01\x807\xb5\x8f\xdd\x0f\x82\xff\x86\xec\xf0Q\xab\xb8\xfd\xb6L\x00\xd5\x8d\t\xf3.!\xc7\xedi\xbaF\xb2\xae\x9bG\x8e\xb8#\xb1\xe7\xc6"O\xb9\x1d\x18amG\xe3e\x1f\xbb\xa4\xac\xe0}\xfd\x80E\xe4M\x82\xdb3!\x00\x00 \x00IDAT\x12\x94\xba\xa0\x95\xd1Mz+\xcc/\xce\x16@\x07\xce\xe8\x88m\xdbi\xbd\x17v\x17[8JV\x87\\\xbd\x02j\x136-F\xa1N\xaf\x1bl\x90\x91\xf0k\xc2\x1c\nZ\x90\xee\xed\x8d\x0c\x1e\xa9ls\x81\x11\xf2\x8d\xb7\xff6\xb2\xb4\x14,\xd3WQ2\x97H\x1d\x0e\xbdFy\x08\x8a\x91`\xb1\xcc\xeb\x87\x8d\nH\xc5S`=\x84\x86\x08_\x10\x99\xf1\xbb\xc7\xd93\xe3;\xa1s\x99\x02\xdf)\xa1\xc2\x86Z\x01\x01\xcdanFRS\xf9\xb3 \xac]\xd6\x14\x8f\x00\xd3\x9e\x0c\x97\xa7\x88,\xee\xb2&amp;Tg\xc2U+\xddQJV\x90\xbf\xb1\x0c\xbd\xfa\x1a\xc5\xe4\x11\xf4\xfc`\x11,+X\n\xe1S@#e\xa6\xfc\xd8\xba\xbaPT\xa4\x83)\n\x9a^\'l|P\x8f\xb0\x16\xb5\xa0\xf2\x98\x86t\x97\xf0{,\xf7\x19!\x9d\x8ea}a\x18\xd4\xdeF\x91\x9d\x1eBS\x0cq\x13\xc3\xfe_\xe7=o\xd6Y\x9e\xceP,\x85\x1d\xd1\xe1\xe9\xe1\x15Tn\x91\xa1\xaf\xfc\xe9\xe1\xe7\xc6`@)a\x1a\xb0z\x18\xa3\xc2x\x11\x97=l.\xfb\xe4,A\x83v`d9\xe5\xd4\xf4e\xe9\xa4\xebf\xcf\x02\xbe\xdd1\x91\xa6\x13\xf5\xbeK\xd0N\x87$\x9b\xae\x06\x1c;\xbc\xb6\xbaTRxBF\x02\xff1;\x8aR\xb9\\\x1b\x8aT\xcb\xd93\x01\x17\x9eF\xfe7p:1\\\xbc\xe6\x00 \xbc\xfe\xa0\x9a3\xb8\xb8-\x81;Na-\x95kw\xa9\xb3\xc5}\xf4wAb\xd6\x03r`\x85\x90\x1b\xc9=\xafl\xb5\xcd\x87\xf9\xebr\x88-\xa3e\x1f\x97N-\xe5\xa4l\x8b;1m\xcfP\x05]-\x1c\x82]\xecSM\xb3\x9f\xb3|\x1b\xbe\x19y7\xc3\x9d\x0cQui\x8b2 \xfa\xaf\xe5\xf1o\x9d\xd7K\x0f\x95\xe5!\x1d\x88WN1\xf0\x9c\xbb\xc9\xf9 {\xe5%\xfb\x04\xff\xff\xb7\xaaAhw\x8f\xe2\xd8\x95\xd1Zx\xa3;La\x1d\x1f\xd7l\xd7\x15\xc3\xcb\xcd\xfc\xc1\x18\x97l~\x81\x9b\x03D\x04\xf8\xf0a\xbc\xb2\xc6\xac\x1c\xc9\x86`A\x91\x98\xe8\x10\xc0\xbe\x9b\xaa3e\xfc\xc0\xa6\x02Zl_\x85ki\x04\x89\xb1\xe0\xb8\xf2\\\xc5\xbe]\x05\xcbd_q\x1c\xd9N9\xa2\x18\xfb\x03-\xd9\x1c\x9a\xef^l\x83X\xff\xe2K\xaf\xc1\x8fxz\xb5\x08.\xef;\x18\xf1\xa3/]dn\xb5F\xe4\\%\xc41\x82\xef0\xc4k\xd7\x89\x90[\xd4\x83\xe5\xe3R\x9b\xaa\x10\xf9\x9a\xd5O\xdc\x9c\x04\xa8\x963\xdfqD\x82\xf9\xf4\t^#3\x9c9\xc81G\xc4\x81XG\x92\x15Q\xed,bp[\xc8\xe9I\xa4\xc4^Y\x1d~\xea\x11S\xae5Tpp\xeaR6\xf2\xf1PY\x0f\x8fp\x08\xe6\xf9\xca\x04\xfb|\xcfAy\xd7\xe4\t\xae\x16\x9f&lt;\x8c\x1c+\xa5]\x89\xf4Q\x11\xc9\xf3\xd4\x95\x9cu\x8b%P\x8c\x988d\x1f\x0e\xb2\xaf\xbb\xdd\xc4\xa0l\xcbg\x96\xdd\xfe\xcf\x88\xfakY|\x88~\x05\x11\x92rm\xf26\xb4a]\xbb\xbd\xdb\xec\xb3\x91@$\xb8\xad\xbfyT\xf9\x0b)\xf4\x90\xae\x1dV6R\xe6\x0cf\x0b\xce\x02)m?\xf9+\xc8\x92VeJ\x18\xf6U.\x83\xa3\x16\x00\xbe\xbe~\xfb\xe4\xd9B^\xaa\x15j\xec"\xa8\n\xf5\xafz\xad\xf0\x91?e{6W\x92[\xff\xde\xb9\x90\x07\r\xe2\xd3\xf7\xfa\xf8\xf0+\x0ec+\x00#dZ\x8e\x11&amp;\x90\xcb\xbd\xddLV\xd6\xa5d\x16\xf7\\\x9b} \xde\x13\xb7Y\xc0B\xb5q\xe2\xb0Xu\xa1\x15\x04\x00%\xf8\xb88I[\xa9)\xa3\x87E\xb8\x97\xe0&lt;\xa6\x94\x85\xc527\xaaY\xd11\x1f\x15\xfe]\xd9\x02 \xb8\x13t\xcf\xa7\xd2\xe2\x05m\x9el\x08?Vc\x99\xae\xf6l\xa1\xfc\xc4\xda\xbe\x88\x08\xf0\xbeuLo\xb1\x0e\xf8\xbe\x0f+\xd1\xf8Q-#\x9b\n\x11O\x97ns_\x89\xddF.\x00\x88]\x8aj\xb76\xc4C\xd6\xf2l\x9a\xfc!\xb3\x11\xd2\x11Z\x91\xe7\xa56ojEu_\x83r\xaa\x8c\xbf\x9a\x9d\xb8T\xf2R\x001\xc7\xb2\x92\x7ft[a\x11\x08A\x97\x17\x11\xdf`\x17\xf9\xa5&amp;\x14yw\'\x9b\xbd\x06\x007\x06\xe42\xf3\xca\xb2&amp;\xf2\xec&gt;\xdeyBI\xb2\x00hY*\x94\xef\xb6@\x832\xc7 \x98\xf8\xac\xc1\xb8J\x85\xd9\xa5)\x89*\xa92F\xa0\x8b\x0f3,\xab1\xc8\xbc\xbd\xd5X\x16\x9eS%\x87\x89c\x11I\xf2\xbd%\xa9v\x87~3F\xa8\x96\x81y\xe6\xfb\x8ee.\x83M\x1a\xea\xdel\x07M\xc8\x84Q\tHQ\xb2\x0f\x9f1&lt;m\x89\x8c#\x81\x85\x85\x1c\x9f\x10\x91\x95\xfe$/j\xd8\xceT\x0b\x15"i\xa9`\x0b5I\xad4\x8a\x9db\xebU\xc5\x91\xa8\x17\x92\xafi\xa55P\xf6\xe5x\xa9\xf1\xc9\xc6\xa9\x18\x98\xe0\xcd\xa2.G\xdc2\xc9d\xee\xba\x7f\x02\xbcE\xad\xc4\t\xc6}M\xb7\xaf\xfa\x1ez\xacc{\xf2\xaa@\xce\x08Q\xc4:\x1b\x10\xdd\x14\x19W\x9d\x1c6\xaby\xa5;"\x8f\x06\xd7W\xc0sIB\x01S\xe8.&amp;\x17\xa3%\xf1]\xbc\x94)`\x8c5\x16\x0b\x00\x02\x98\x9e\xd8URS7,\xea}#"\x91\x9e\xae\x9b\xf6\xcf\xef\x8f\x00\xf7Yj\xc1VQO\xce.\x0f\xc5\xfc@\xdb.XY\x86\xc8\xfa\x00O\xd4\x95d5pG\x81Z\xcf:\xf1\xf9E\xae\x9d\x0b\xbd\x10\xe1\xd9&lt;^\xd9LI\x884\x14\x9ex\x11wf\xc0\x97\x9b\xe9\xeca%Y\x0f\x98\xcbr&lt;8\x03\xael\xe5\x05\x80+\xb9\xa2"_\xdb\x8dr\x01\xabzE\x88\xebJ^\x82\xcc/q\xb4J\xfa\x02\xfcE\x95\x8c\x97A`\rD\x84O\xbf\xb1\x91s`\xf9\xbc\xfe\x8a\x0e\xe3\xd9\x8a\xc0\xfb;#M\x9c\xa1\xc7\x07I\xda\xee\x83\x16\x02|m/\xa9C\x86\x02\xf3fGMe\xa7s$\x81\x07\x0f\x8b\x8dU"\x90\xef/\xbe_2n-\xb2\xabH\xcf\x802I!\x1c\xf2\xc6V\x00\x8c\xe0\xdc\xfcZ\x8e\xcau\xc6\xaf0\xe6x\xc4\xd2:\x9f\xa7\t\x1fI\x95[z\xa5[\xaamZM\xb3\x86\x93-\x17\x08\xa6[\x14\x11E\xf6{\x8a:\x8e\x8f\xc2\xa7\xed\x11\xd8\xc2\xb7\xb6\xef\x11\xfc\x97\xa8\xa47\x14\xbb\xe5?D\xc7\x05K\x0f\x8a\xc1\x98\x1d\xff\xc9\xdb\x88\xb5y:y\x10\xcd#5M\x196q\xf9\xcd\xc9a\xb0H\x1c"|\x8dh\x01\xc0oK\xbb\xb5\xbf\xd6\x85\xd9\xff\xb0\x00\xcbH\x11\xdf\xe0\xf4\xaf`\xb4F\x8cyH\x88\xf4\xc1S\x8a\x00\x89:\x03\x1e\x8d_SS\x94cO\xe8\x06oa\xdfb(j\xab\x83^A\x91p_\xb9\x90]\x1eW0l\xfb`\x86\x88\x00\x8f\x0b\xa8\xa9\xca\xc8\x15\x83?\x84G\xbd\xbc\x8d\xb1&lt;\x1d\x8c\x10PNR\x18h\x96\xac\x90\xfc\xb9N\xab\x10\xf1\xa5\xfe&lt;\xf7\xe1\xbc2\x0e\xf5\xeb!\xb1D\xa4\xe8\xcb\x98\xc6BN\xac\xe4q\xb0\xcd*\x02)p\xe4\xe1\xcb\xbc\xac\x9a |\xe4I\x97\xa9\xb4}\xaa4\xa5\xa89\xb7\x9e\x9e",\x10\xda!\xf8\xbf\x07:\xf1\xaea\x9cZ\xf1\xf2kE\xf6\x15a\x8cQ\xa1s\xc4=\xcf#UL?\xaa\xa2\xcf-\xb2\xb8b\xfe\xb8\xc57Y\xd6\xcfB\xbc7@|\xb3p\xc3u\xda\xb8\xc8\xe1{&amp;\x881\xe6\xfb\xf7+~G\xb6\xfc~\x8e\x07\xa9\xe7\x13\xd1)\x06,\x18\xe3}I\xd1\x84w\x87\x88Bpi\xe7\x8b\x00\xf6\xc9\xab\\#S\xa5&amp;f\xfe\xaa\x84\t\xb4NLn\xc4Da\x98\x1fK \xa5h\xb5\xbd*8\x86\xdaZp&amp;\xb2fCm\x8c\xad\x80C\x03MpL\xb7\xb5qY\x07b\x98#rbj\xb6%\xe2\x0b%\xa8\xb3e\x05/\xe5\x1e4\xd0\x89W\t\x97\xdd\xfe\x17\x8d\xef\xd1@\x04\x03\xbbs\xb7)\xd1\x1e\xc7\x02\xeb\x1d\xb9A\xf4\xb2\xc9 p\x07"&lt;\x07\xc0?\x95\xdb#\xe2\xad\x97\x9b\x81\xa4\xd7.aX\xb2p\x1bc\xce\xa8\x03\x00S\x98\xa3D3\xe8)\xa5\x03m\xe2\xd5tv44\x90\xa4\x13\x98\x8bh\xe9\xb7\xc8\xda\x81\x08\x1b\x15\x84B\x8am\xd2K\xb0\x95\xd1l4\x01\x938lD\xe5"\x9eH\r\x11\xbe \xcf\xc1\x1a\xect\xba\x18E#\xc5.ZX0\xce\xde\x0f\xf1\xff\x00\xb7\xf1@8*\xc0\xb8\x14FD\x80g\x03\xdc\xad`\nD\x04c\xf6:\ri\xd3\xc5\xe1\x1d\xdd\x82c\xcci\xd1qB\x95\xbb\xc0\t\xc0z\xe7ZI\xacr\x06g\xcem\x9e=r\x9d+l\x1a\x85^\xb2Bc\x0cg\xf6/&amp;{c\xd1\xf4\xb4\xc0\xf6\xd0A@\xe4*v5\xc6\xfcS\xe2\xfa\xf6\x01\xa9\x1dJc\xb6\xff9a\x1fB!1]\xfb2\x1ao,\x1fV\xc7\xcb\xdf\xca\xe7\xa6a\xb8g\xbc\xef\x05\xa4\x9b\xb87\xa8\xb0Q\xc4\xee\xa3\xac\x0c\xa9\xae\x1d\xc4\xb9\x0cz\xec\x8fZ\xda\x96G\xccT@%\xdbv|I7\x0e\x9c\xe0\x91\xcd\xfe\xc9+\x8aP4\x8b\x9d\xfd\xc7w\x96\x98\x90\x0c\x861\xc6\x98\xd2\xec\x1f\xb6x8\xaat\x91\x1eMm\xbbnwY\xa5\x92\xc6\xf2\x0c\xc6\x05\x16\x00\x16W\x99\x1a.\x95r=\x8c\xd64 \xf5]#}D\xf9\x89\x91\x1b\nJ\xd5\xf0Q\x8b!\x82(\xe09\x12\xe1\x15\x07\xde6\xe9\xb7\x07\xe0Y\xaa\xb3\xf6 \xffK-\rc\x8cy/\xc6\xca-\x93\x8c\xe4b\xc9\xb9\x9dy\xfcC3w\\\x1f\x15D\xba\xc5\x8e}g1\xd8V\xcf&lt;\x94\\\xcd\x05j\xc7,\xa68]W\x95\x8a\x18&gt;\xc1\x90\xda$i\xee\x94\xdc=r\xb9\x0ek\xa6\xbc\xe6\x1alI\x05\x8b`\xea?\xf9\x04\xf6\x8aO/\x18\xd3~$\x94\xe3s\t\x83\xc4\xa8y|\xa8\x868\xf4|f\xac\xc1\xad\xfb\xa1\xa3&gt;\xe6\x9e\xb9w\x02"\xd6&lt;\x84FMH\x1a\x0c\x82\xc7^\xd1q\xda[~\xb0\xa7)C3\'\xce\xe5^\xe0\xca\xe6\x19\xc2&gt;Fu\xecZE\\\x8e\xe6[\xcbN!T\xa7\xdd\rF\xde \x89\'\xe2@kd\x89\xc6\xac\xca\xbe\xb1T\x99\xc7\xa6\x17\xc6)\xf5\xd0\xa7Vx\xa8\x18=\xe7\xa6[\xf8,V\xc3#\x91]\x91-w\x85\xe1\xbe%\x83\xa6\xe3\x1a\'\x00\xbaf-lH&lt;\xa0~\x7f\xc5\x8a\xb9\x0f\xb0}\x16\x85\xeb,\xeb\xd7\x84-\xdc\x15\xe3Yj;\xcb\x89\x19\xfb\x80M\x05\x10\x01\xde\xb1\xff^\xc1\xe5\xcaP\n\xa9\x87\xd0\x9c\xf3\xfdD7\xe7\x11\x80`\x1bU\x8e\xbf\x89\xe9\x97\xbaX\xd9\xb6p\xba\x9f\x88_\x9d\xb0\xa7\xb6\xce58\x8d\x01\xcf&lt;\x03\xefX*\x90$\xf6\x81\x1a&gt;s\xfe\xa6\x16S\x80\xe9rr\x11&lt;&lt;&amp;\xdd\xcb\x7fQ\xc6\x93\x99R\xd8Hm\xaf\x19\x81*q\xd2-~*\x1bH\xb7\xa0\xa4\xd5u\xecO\xd4\x0e\x8e\xea)\x1c\x0f\xdb\xacg\xd6\xfc!*B~2G\xf6\xed\x1b\xe7\x0b\x86\xe6\x85\x90\xf4\x8d\xee\x01k\xb7b\xa7}\n\xccb\xa8K\xad\xabeZ\xfbSO\x82\xda\xeb\xe7g!\xa3\xa3K/\xaf\r\x8f\x8ak\xa3\xce\x83|\xf3:\xb5\x84^O\x8ew\xd6\xc1\x91\xf3\x8c\x9c\xd7r\x12\x98\xf6\xe9a\xc6N\xde\xf1\xc8\xfa\x11\x92\xe3\xb5l^\xa3\x8fb\x9b\xc5\xbf\xcf\x87\x11\xe0\x0b*\xa4mS\xf09{\xd8\x87rS\xedC_M\xbc\x05\xdd\x1f)e\xd4\x07\xbf\xe8Fo\xa6\xdd\xde\xe6W\xa3g\xea\x10\x01\xf1\xe1\xcda\xef\x14\x8a\xa5\x93\xe8\xba\x88\xcd\xda6\x04\xaa\x14;:\xeczG\xc0\x8b\x87\x83\x93:\xbb&gt;#A\xf3HIw?M\xf1\x15u\xb5\x0c\xbaM)B\x1e\x00o\xde\x95\xc5MA\x95;~\x95\xdb%L\x9ft\x03\x99\x00\xcd\xb0\xc3Xm\x18\xe7h+\xd19\t\xa6\xac\x07\xc7\xf8\x8a\xbd\xe6\x94y\xcb&lt;\xba\x85\xee^\xd2_2\x17\x1eD\xaf\xd5\xc1Y\xc0(kA\xf8\xc8\t\xe9\xba\xd8\xc6\x08\x15\x14\xa4]\x06 \xd6hd\xfd\xe9Pm\x86\x01m\x91\xe1\xc8\xbf78\x03\xben\xee\x142j\x0f\xcb[\x94@\x99\xd5\x8e\x97\r\x04[\xe7\xa3\xa4\xb3{F\x00\xd2\x1b\x06\xda\\\x96\x8a\xe3\xa2\xb2q\x062\x84\x0fsx\xf6\x96\xaa\x08U\xa2\xb6\xe4\xcbX4\x8c\xee\x0c?\xbe\x80\x1b$\x85\x9d\xd1\xf8\xda\x808\xd1N\xf0N\xb9\x9c?\xa0\x80\x7fs\xa9\xe1p\x13\xf5&gt;\xa3\\\xbc\x0e~p\xe0y\xaf\xbd(\xac\xd5^\xf7\xfe\xc3\xdf\x04\x04\x1a\xb5\xebxU\xfb\xdcC \xb3k"\xa6\xb9|\xc3\xaaU\xd7\x93\xe6\x8d\x8b\xcc%\xb1\xdbWlh\xc7\xeb[\xdfo\xacc\xbf\xad\x1d\x131\xf4\xce=\xddo)\xf7\r\xb2t\x10O\x88lNn\x87\x03\x83\xd88\xb7\x19{9\xd0\xf1\xc9\xc9\x8b\xd2\xf8\x1a\xcf4\xb0\xd4E\x19\xfe(\xd5\xc4\xf1\x19\x9a\xa3\x1d\x07\xde@8p,\xfc\x8b\x14/\xa6\x18\xb7\xc3\xf60LL\xab\xa5K\xfda\x87v\xb3\x0c\xd3T\xd7w\x88\x08</t>
        </is>
      </c>
      <c r="E677" t="inlineStr">
        <is>
          <t>&lt;class 'numpy.ndarray'&gt;</t>
        </is>
      </c>
    </row>
    <row r="678">
      <c r="A678" s="1" t="n">
        <v>676</v>
      </c>
      <c r="B678" t="inlineStr">
        <is>
          <t>steps_per_sec</t>
        </is>
      </c>
      <c r="C678" t="n">
        <v>7600</v>
      </c>
      <c r="D678" t="inlineStr">
        <is>
          <t>3.063006</t>
        </is>
      </c>
      <c r="E678" t="inlineStr">
        <is>
          <t>&lt;class 'numpy.ndarray'&gt;</t>
        </is>
      </c>
    </row>
    <row r="679">
      <c r="A679" s="1" t="n">
        <v>677</v>
      </c>
      <c r="B679" t="inlineStr">
        <is>
          <t>Loss/RPNLoss/localization_loss</t>
        </is>
      </c>
      <c r="C679" t="n">
        <v>7600</v>
      </c>
      <c r="D679" t="inlineStr">
        <is>
          <t>0.35419145</t>
        </is>
      </c>
      <c r="E679" t="inlineStr">
        <is>
          <t>&lt;class 'numpy.ndarray'&gt;</t>
        </is>
      </c>
    </row>
    <row r="680">
      <c r="A680" s="1" t="n">
        <v>678</v>
      </c>
      <c r="B680" t="inlineStr">
        <is>
          <t>Loss/RPNLoss/objectness_loss</t>
        </is>
      </c>
      <c r="C680" t="n">
        <v>7600</v>
      </c>
      <c r="D680" t="inlineStr">
        <is>
          <t>0.048635263</t>
        </is>
      </c>
      <c r="E680" t="inlineStr">
        <is>
          <t>&lt;class 'numpy.ndarray'&gt;</t>
        </is>
      </c>
    </row>
    <row r="681">
      <c r="A681" s="1" t="n">
        <v>679</v>
      </c>
      <c r="B681" t="inlineStr">
        <is>
          <t>Loss/BoxClassifierLoss/localization_loss</t>
        </is>
      </c>
      <c r="C681" t="n">
        <v>7600</v>
      </c>
      <c r="D681" t="inlineStr">
        <is>
          <t>0.31643176</t>
        </is>
      </c>
      <c r="E681" t="inlineStr">
        <is>
          <t>&lt;class 'numpy.ndarray'&gt;</t>
        </is>
      </c>
    </row>
    <row r="682">
      <c r="A682" s="1" t="n">
        <v>680</v>
      </c>
      <c r="B682" t="inlineStr">
        <is>
          <t>Loss/BoxClassifierLoss/classification_loss</t>
        </is>
      </c>
      <c r="C682" t="n">
        <v>7600</v>
      </c>
      <c r="D682" t="inlineStr">
        <is>
          <t>0.27040562</t>
        </is>
      </c>
      <c r="E682" t="inlineStr">
        <is>
          <t>&lt;class 'numpy.ndarray'&gt;</t>
        </is>
      </c>
    </row>
    <row r="683">
      <c r="A683" s="1" t="n">
        <v>681</v>
      </c>
      <c r="B683" t="inlineStr">
        <is>
          <t>Loss/regularization_loss</t>
        </is>
      </c>
      <c r="C683" t="n">
        <v>7600</v>
      </c>
      <c r="D683" t="inlineStr">
        <is>
          <t>0.0</t>
        </is>
      </c>
      <c r="E683" t="inlineStr">
        <is>
          <t>&lt;class 'numpy.ndarray'&gt;</t>
        </is>
      </c>
    </row>
    <row r="684">
      <c r="A684" s="1" t="n">
        <v>682</v>
      </c>
      <c r="B684" t="inlineStr">
        <is>
          <t>Loss/total_loss</t>
        </is>
      </c>
      <c r="C684" t="n">
        <v>7600</v>
      </c>
      <c r="D684" t="inlineStr">
        <is>
          <t>0.9896641</t>
        </is>
      </c>
      <c r="E684" t="inlineStr">
        <is>
          <t>&lt;class 'numpy.ndarray'&gt;</t>
        </is>
      </c>
    </row>
    <row r="685">
      <c r="A685" s="1" t="n">
        <v>683</v>
      </c>
      <c r="B685" t="inlineStr">
        <is>
          <t>learning_rate</t>
        </is>
      </c>
      <c r="C685" t="n">
        <v>7600</v>
      </c>
      <c r="D685" t="inlineStr">
        <is>
          <t>0.039678592</t>
        </is>
      </c>
      <c r="E685" t="inlineStr">
        <is>
          <t>&lt;class 'numpy.ndarray'&gt;</t>
        </is>
      </c>
    </row>
    <row r="686">
      <c r="A686" s="1" t="n">
        <v>684</v>
      </c>
      <c r="B686" t="inlineStr">
        <is>
          <t>train_input_images</t>
        </is>
      </c>
      <c r="C686" t="n">
        <v>7600</v>
      </c>
      <c r="D686" t="inlineStr">
        <is>
          <t>[b'1024' b'1024'
 b'\x89PNG\r\n\x1a\n\x00\x00\x00\rIHDR\x00\x00\x04\x00\x00\x00\x04\x00\x08\x02\x00\x00\x00\xf0\x7f\xbc\xd4\x00\x00 \x00IDATx\x9c\xec\xbdy\xfcF\xdfT/\xbe\x0e\x8a\x90$R\xc9\x14\t\x89\x12r\x1b\x0c\xcd*C\x1a\x0cE\x91RRd\xb8\xfcT$JW\x8a\x10*\xc3M\xa2\x0c\xc9p+J\x97\xeaF$\x11\xa2\x12E\xc9\xac\xa4\xa8\xb4~\x7f\x9ci\x0fk\xad\xbd\xd6\x1e\xce9\xcf\xe7\xb3\xdf\xaf\xef\xf0|\xce\xd9{\xad\xf7\x1a\xf6\xda\xfb\xecs\x9e\xf3\x00ttt\xa4\x81.\xe2\xe3\xad\x95\x06\xc7\x01\xd0\xff\x93`YG\xb1B\x0e"\xc2\xd4\xd2cbS\xf9\x85\x18c&lt;\xf3\xa8H\xf8\x84\x0f6u~&gt;4\xac\xe26\xd3\x11\xd2\xd2r\\\x01]-&amp;\xa7\x91A\x01u\x928m4JY\x81D~\xd4Hu=\x0e\x95l*2\xff\xbez\xbe\xae\xbb*\xfa\x7f\xfb8\x9eE\xd4q\x9d\x10V2@\xfc\xa0.N\x8f\xe3%C\xe4\x9cj\x85\x9a*h\x0f\xb4w\xea#\xa8\xa3\xa3\r\xa2\x91\xbf\x1en\xb2\\\xfbG\xcb\xd8\xbe\x19\xb7&amp;\xd3\x13\x9b\x96\xd2\xf0\xa6p\x99\xa8\xac)Tc\xb3[\x08\x93\x9d\xb5\xcb4%|It\x99\xd1\xb8\xea\xb5(\xaf\x91\x8d\xe1\xe1Z\x8a\x02\xc99*\x88\x88\x10gj\x13\xd6p\x99\xf0\x9f\x9bM{\x1bZ\xda\x02K\x0e\xe4u\x8eEU\xf1\xc6\xf6Y\xd4A\x80\x1aY\xcaN\xc2i\xf8\x813\x13\xd3\xc89M\xf2_\xb5E2\x7f\xf8\x0c\x00\x8c\x03WN\xa9\xa3\xe3|\xe3O\xd7\xe1\xf4.\xa4\xd6\xc47\xb6\x0eZ=\xa6\xe2\x02\x80\xf0\xe0\xc4\xc0^O\xbd\x0c\x81\\@\xeb\xb9Q\x13\x80NB5WP\xda\x01\xbe\x9e#6u*\xd1\xa8gUQ\x11o\x0b4\xb9\xa4d#\x9b\xd3;\xe0\x96!\xb0\x04\x9e:\xffs3\x9dW\x11X4S\xda\x04\xc7\xe4\xdc&gt;\x82\x1c.u@o\xd4C\xce-&gt;\xd3\xae6]O&gt;\xfb\xac\xba4\xae\x9f\x95\xb7\xff\xd5\x02\xdf%P\xb3\xb1B\x1c\x0c\xad;:\xce\x01\x82Ya\x18\x00` N\xac\r\x1a\x0e\xa2E\'\xa9\xc5e4\x0c\xf4\x1cj\xa2\x17\x9b\xb8\x9aO\xb5\r\x94\x0es\x87l\xf8\x16y\xa2~\r\xf16\x1e\xb1\xd3\xad]\xa1\x9b\x1d[\xf0-\x08W\xd1\x9a6^\xf5\x91rxeb\xe3d\xf7 \x1f\x84x5\xc2\xa8qd\xc1\xda\x8e8s,\xa4\x84\x80\x93\xcd\xa4\x1bO%\t\xb7\x0f\xd3\xf1\xe1$\xd2\x899db\xceVf\xa3\xa0\x19\xc3\xf0\x8f\x00\x97\xcb\xed\xed\xe1\xf09\x86\x84\xeb\xc6\xf9\x8c\xeb@\xcc\x8c\xe9\xc6\xa2\x1fV\x91\x15\x92p\xaaxF!\x88\x17(\xd2\xda\xd1q\xa61\xdc\x1a\xd6AE\rQ\xfb\xb0\xcd\xd96\xe0\xeaHp&lt;ntS\xbb\xa2k\xfaG\xc8"\xbf\xec\xf8\x84g\x8b\xcb\xfe\xe0 8u\xdba\x18\x00\x86\xb9M\xa9\xa6=1\x0cO\x9b\\5\x0c^\x10\x11\xe1\xb3\xdc\x9d\xdaw\x85;\xcd\xc1&amp;\x94u\x07s\x9836\xe9@n\x93\x9b\xbct\t\xach\x8a)\xf8S.\xb0\x8dF[\x8b4!&gt;b^\'\x10\xd3\x7f\xe8\xc3\xcf!\x1f\x12("P\r\xe6\xcd\xe0d\x9b2&gt;{a\xdd\x1f=Y\x13\x00\xe0+\xe7\x0f\xa5#\xce[\xfd\x03\x98V\xffp\x02\xab|\x1a\xf3\xd0\x0c\x1f%E&gt;+L\xab\x7f5\rW\\\xa1\xb0T=\x94zutt8 nkF\xa7\xc6\xbf\x00\xee\x9e!Y\xd3\xe6\xda\xe1\xe3\xda\xb9Olg!\\\xc7\xa4\x1a\x14\xaa\xdb\x0f\xfc\xd3,\xb5lI\xc5\xce\x89\xef\x8f\x81\xc2\xb1\\\x03\xc1\xffyF\xc9\x8a\x0e\x12\xeb\x96|f\xb1\xafQ\x99\x7f*^J\xa6\x81\x8e\xf6!\xec\xb2\x80xTz\xb6\xf4\xf4l\xa9\x97ZB\xa2\xea\xe4\xbb\x9e\xbc\x19V\xe5V\x11\x1e\xab8\xfa\xeb\x9f\x97J\x94Pu\xce\xa8\x06\x91/p\x1f\xa7]h\x17\xad\x1d\x1d\xc7\x84;n\xe3\xabc\xff\xba?\xe7\xeaY\xea\xe3\xe8~-x\x05A\xbc9\xe9\x89\x80a\xed\x98\xbdK\xe1\xc8\xa0\xf5\xc6\x8f\x1b\x9d\xda\x9d\xf4u:\xa0O\x03\x00b\x85m\x1e\x00P\xc4\x0e\x11\x86\xe1\x86\xdcY\xf7\x01\xa1\x0c\x0ek\xb0\x0c\xe6\x1cm\n\xa71\x0c\x03.\x0frT\x03\xcew\x0f\x10\x00\xf0\xf3S\xcd\xff\t\xe1\xb25\xd5\xeb\xe0&gt;\xc3\xf0\x95\x00\xbf\'4\xf5o1\x8d\x8f\nL\xf9\xafyD\x81j#=\xfcP\xe1\xd1\x14\x86\xcc\x92\xc9\x9a\x81\x89\xe3\xf3\xcdS\xcb\x01\x06&lt;\x91\xa4V\xa1\xd2\xee{\xa9\x18\x7f\x9a\x18\xfd}8//S\xd5\x9c\x9c\xe1\xf9\xf1\x7f\x03\x00\xbc?\xed\x8e\xf7\xcdm\x8b1:\x1f\xa7g\x19\xab\x8d\x98\xa9\xd6\xd7\x12\xd7\xd1q\xce\xd0l\xf7.%\xf6\xc7\x99]*\xfd\xf6@]\xce\t\'0\xf4\x8e\xb9\t\xe4\x82ss\xe0\xf3GVT\xd3\x82w|J\xe8e\xcf\r\xc13\xc7\tne&amp;\x9e\x1b\x85\xdc\xb8\x18\xdd\xe6\x89\x84\xaf\x9aY\x91\xa3(\xec\x9bl\x95C,\xa5;\xa7\x8f\xdd\xd8(Q\xb9d&gt;\x0fhe\xec~n\xb4id\x07\xb2sV\xdf=\xa9\x9d\x10\xb8v\xa4\xba\xd7p\xa0\x9e^GG\x87\x88\xca\x15M\x98r&gt;\x8dm7\xe3a;\xcdR\xba\xca\x8e\x88\xf4\xab!\x9br+\x01?\x19T\xe4|;n\xb2)\x81(\x90\x95o\xb7n\x9a\xa5t^*\xb5\xebH\xa9\xc2&amp;3\x17M\xc29\xb5\x83\xce\x12-Q\xf4\x80\xb6\xf4\x1a\xc0\xb1TI\xdb\xcf\xd5\x97\x89q&lt;\x1dh\xccwM\xf3\xfc\xe6\x0c\xe1\xc7T\xe4\x13\xb9\xb1\xf9\x1a\xd4\x1a\xbb\xbf\x9e\r\x0fG+\x00\x00|\x10\x11~\xc3p\x01\x90TmO\xad|wQ\xdc\xd4\x19rz\xf9\xdf\xd1qj`k\x07U&amp;\x8c#\xb9)\xfe\xc9\xdc\xc3%\xbf~S\xe2`0V\xf3\x1a\x1af\x87\x94\xe9\xca\xa5\xcd6&amp;E\xcd\x89G\x99\xc0\x080\xda\x91 p\x1c\x90qt9\x13\xfei\x9bZ,\x93d\xc7`$\x1e\xd9\xed\x0c\x10~\xc2\xc2\x99\xbaX\xcdr\xdd\x81\x90\xe2\xec\xd8E\xe5\xe7z\xf6W\xabL.\xb3\xb4\x9f\xdd\xd6\x8d\x19\xb1\xa3\x1c\xe2\x8a\xd3|1\xc6\xeb\xcb\xb7w\xdb|m\xfb\x1c\x8bX\xa5"{\xca\xf9\xdf\xd1q\x18\xac\xe3\x87/\x07\xad\xd7\x04\x9fu\xa8\x01\x1cU\xc9c\xe0\x93W&gt;\xcc\xa2\xad6\xe2\t\xa3\x96:\\/$\xb4\xf7\xaf\x934\t\x15\xf3Y@oK\x9b\x13\x91\xa5}\xea\xfebV\xc2\xfe\xf9#\xc4\xd1\xf3\x12\x84\xe1`=V\x9a\x03\x153J\xb5S\x98+&lt;\x12T\xef)\xb8\x99U\x0e\xff\xea\xe3qc$i#\xe2mt\xb7\xb0\x1cO\x16r\xd9\xd8\x87\x9f\x16\xebE\xc5\n&gt;\xb8\x00\xb0h\xe4\xbc\xa7m\xce\xb5\xabw\xab\xc4S\xe4\xaa~\xae\xb8\xc3xr\xf9\xdf\xd1q\x14 \xe2W:5\xc5\x1b\xc9\xce\xc3\x00@\xdcy&lt;\xc3hbiT\xdf\xaf\x9f\xc7\t&gt;.\x8e\xc5\x13k\x91$5\x1a\xa6\x8d2E\xdc\xf9+\x8a\xd3&lt;\xd5\xf1\xb9T{\x84\xbb5\xcd[\xcf\x04D\xf2\xb9\x02\xbac\xe3\xeb\x04{\x1c[\x8f\xf4\x96\xe9\x14k\xaa(k\xf9X(\x07\x9d\x8a\x9a\xd5;p\xe0)\x15d{\xdc\x99\xec-7&lt;\x9d\x84\x1f\xcd\x93\xabW\x1e\xfd\x19\xde\xe3\xfa\xbap"6nX|\x15{/T\x16\xe2\xa5\xa8x\xf7U\xcb$\x8d\'\x91{\x10\xb1v\xbd\x15\x1d\x1d\x1d\x1a\xf8\x03\xc9\x1f`/&amp;.\x00\x8c\xa3\xee\xb4Fi\x83\xca2\x0b\xfcS\xf0\xa6@\xd54\x16\x94\xc2\xcd\xaa\x1e=i\xa4v\xaa\xb2\x15\t\x14L\xa2\xe0\xd3\x96}\xa9-\xb3n\x1d\x17\xa6\xc9)g4e\xb2\x0b\x86\xf05\x93m\xef\xdf,\xcd"2\xf5%\xc3m\xday\xd5&amp;\x19\x11\xe1\xdb\xd7.w\ro\xbc\x18\xe4\xd0\xe3\xb1\x1e\xd5M\x90\x17\xf4&amp;%(\xe5\xc3\xac\x99\xce\x95\xf6rY\x82x\x01\xb0rK\xaf\xc5E\x15\\\xe2\x1c07\x1c\\D"y2Vttl\x89\xf2Q\xc1T\x8a\xac\xda\xd1\xc7\xe7\x82/`=\x99p\xa9\xdb\xe0\xd58\x1e\xa9Ej\xd1\xeb\xd1\x08\xe4o1s\xd4\x13\xb8&gt;\xcd\x82\x00\xaf7v-X\x8b\xff\xd1\xea\x96c\xceL\x96\x08n@\xbeI:\xb5O\xd4,x4\n(yv\xad\x1f\x8a\xf9m\x8c#\x05H\xe4P\xce\x10\x11\xbf\'\x94 \xef\xa6\xaf\x01\x8d\\D\x15g5\x8dp\\\xec\xee\xf92|\xe6qR\xa8\xa3\xe3(\xb8\xa47C\x8c\xc7\xfcI"5Z\xe2R1\x8f\xb1\xac\xaa}\x8a\xf3S#0\x9eE\x04x\xb7\xec\xd2v\xf3%\xcb\x89V\xf4Ee4\x8e\x9e\t9\xa6\x05\xfbs\x07\xc7\x91H\xd6\xcfjm\x1a\xef\x85\xa5\x18\x96\xb0BD\x84\x9b\x8f\xa6\x1d\xca:=&amp;\xf2S\x80\x0e\x17\xa6\x9a\xd0\x9b\xb6fl\x13o4\x1d\x17\xfaT\\\xb4\x97\x13Xm\xb9@\xb1\xac\x8e\x8e\xd3\xc64\xa4?x\'\xe7\xd8\xfac9\xf9O\x9c\x8e\x82\x86\xf1\xbf\xc30\x0c\xc3\xb5L\xbf\xbc\x92\xf5\xe3\xde4v\x99$~\xa1\x9e\xa8a\x18`\xf0\x7f\xc9j\xf4(\xc0\xa7\xca.]\xce\x0e\xc3\xc7\xea\xf1I\x80\xca\x95?\xd9L{\x8cz3\x07!\x16\x11\xe1I8\x0c\xb6\x1f\x82\x9b\x172\x07\xdfMs\xc8M\xf9V&amp;\xae\x92\xb5kVW\x11w\x02\xcb\xe1\xb9\x18\x16\x11\x1d\x86a\x80\xcfX\x04\x9e"\x86a\xf8\xf5%\xfe\xcb\xe3Pud\xb7\xa9\x12\xd9\xc8\x19nM~\x8c\xb2\x85\xcc\xe0\x9a%\xe9\xf6\x07,A\x9e\xdb\x97\xe0D\x93\xbf\xa3\xa3&amp;\xd6\xbdyzD\xb9\x17\xfd\xba\xa5\xca\x01\xb7\xd0(\x03U\xc4\x10\x11\xde\x98kB\xfd\xb9\xc4}\xc7\xd9\x96\x8e\x1d\xd5\xdd"\x0eh\xb8/\x14dK,h\xbf\xach}\x01\xc0\x99\xac\xec{\x9c\xc1\xe2\xe1\xf0W\'\x15A\xa7\xf1\x1eD\x8a\x1b\x9ce,c-.8\x19c\x90\x92}\xc8\x91\x98\xc0B\xbb\t\xf3\x8bU\x18\x17n\x97g\xc1/\x13\x11LH\x8e\x82~\xce\x07BGG\x114\x03\xcf-\xaf\x19\x82K\xa8\xe5\xf6\xa5\x05\x12\n\xd2*\nh\x18&lt;p\t\xab\xec\x87\x89\x92\x8b\x8bc\xf8\xc8)\x12\x95\x97R\xe9\xa4J\xed\xf0\xd5A\x13V\xbe\xe1Y\xfd\x14\xf3\xd9#\x8e\xe8O\x00\x00\xb8\xeaY\x9a\x86\xa9\xa0\xec@!\xf8\xbc\x13\x93c\xe2nn\x91!QR\xfa\xf6\x8b{\x11Z\xd3N9y&lt;r\x7fYB\xf0\xe5\x84xA\xaf1\xc1kI4&gt;G\x1b\x16\x1d\x1dE\xd0\x8d\xba\xbczj(F^M\xa1JLni\xbb\xa7\xd0Q1U\xd0%\xe6\x8fTL\x0c\x13\x89\xc3\xc4\xe61\xae\xfdr\xd6\xee7\x92\xf6\x9d\xe6?e\xa3\xe2:\x9e_\x88s#\xbe/\x0cV\x87\xceJ\x1a{To\x94\xc7\xfax\xa8\x93\xc3%\xba\xfd\xcft!"\xbb\x9c\x03,\xc6\xc6c\xc8PuS\xf2\x8b$l\x9e6\xb3\xd5\x1b^\x00\xb8\xea\xd2n\x0f\xceJ\xa13\xd4O\xf6\xf89\x1a\x0e\x1d\x1d\xf9\xa8R1+1 \n\x01BT\\\x82\xb3I\xe1B\xb3\x94\xd5\x81\x16\x82L\x88\x1fF@\x84\xab \xd5\xdd\x13KXg\x9bu~Lf\x0eO\xca\xdc8\xa4\x0c\x9c\xd9\xba\xa1I\xb9\xae|\xf5\xbfcN\xe6Cwq\x08\xba\x9bo\'\x80\x8f\x9c\xbe\t\x122\x8d*\xf1\t\xd9\xf1\xef\xc4\r\x9a3\x1d\x82\x18\xae\xa5\xd4\xb4Q\xea\n\xed\xe4"\x08\xd8\xe8\x02\x00\x11^\xd0D\x11\xe1\x01\xd6\xcf\xeeD\xc3\x91!\x82\xc2F./vO\x98:\xe6\t\xe9\xdf\x06\xe88\xb7\x98\x06\xcb0\xc0.\x03A\x18\xab"\xa5K\x00\xfc\x8bR\x03)d\xd4+}\xc5\n\x11\xe7\x06s\xe3u\x81\x17u\\\xedp\xbe\x99\xc8\xea\x9d\x85\xb8\x02\xe9\xf6%@\xc4\x0c\xb1K\xaf\xf1\x03\x17\x9f\xf2/\x83\xca\x1cZ\xab\xd8\t\x088\x06\x1b\xcbC\x8f\x88i\x179\tW\xdd\x9f~2\x9f\xbd`e\xc0\xabgF\x9f\x8c\x95\x8a\xaeW\x1a\x95\xb3:\xb3\x84S\xc0b\x14"\x06C\x06\xdd\xf7U\x8c\xc8\xcc\xc6Y\xc4^\xb3\xa1\x05\xcb\xc4\xddjP\x8f&gt;\xb8,\xc2\xbb\x98yj\x99\x16\xe7\x9a\x16\xcaY\xd2\xd1\x1188\xe7i\x02ys\x16\x00\x0c\xc3\xb0R\xb2H\xe8o\x01\xea8\xb7\x98\'\r\xf553\n\x1b\xc0\xf6\xcb\xf7\x81\x80F\x98\xbc\xfa_{\x8e\xb7\xd0\x85\x06&lt;\xb3\xb0\xb6\xf2\xab\x7f\x80\x9bz\xa2g\x9d\xa1\x16\xa7&lt;\xcd\x92\xd2&lt;\xf21\x0c\x19\xefP\xc2\xe9\xdd\x1a\xd3\x86J]FZq^\x1e\x9c1\xf8\xaf\xae\xc9\x8a\xd1\x88i\xc7Kh\x10m\x85\xd5\rg\xb8\xa5\x07_\xbe\xfd\xc3\x0f\xbb\xc2qp\x8d\xad\xe7\xf1\x7f\xe6d\x08\xea&amp;"\xfc\x83\xb3G~\xe6"2DCf\x19J\xa5\xa2iO\xad{\xdb\xc9\xdb\x9eg\n\xa3=\xef\x02\x00\x80\xf1\xfdf\x81\xe7\xe7\xdd1~\xe7_\xfaS\x88V\xe6\x10(\x91\xd0\xd1q~!\xad\xe9\xa9\xe6|\xa9\x94n\x05\xeag\xc8\x82\xbb\x81\xc4\x9a;\x96S0WK\xa6Mb\xbf\x92\xbd\x9b\x89\xd4\\Rt\xeb\xb3*\xf8{\xb2\xc1z"\xff\xd9\x86*K\xa43\x8d\xc4H\xfcp\xca\x81\\\x10\xeb\xe7XU\x15\xc7\xc9\x7f\xf2\x0c\xdd\xe1\xadk\xfb-\x1c\xae\x80\xa77\xe40\xff\xb9\xb3\xabs\xaazcO&gt;i\xd1\x12Em\xde\xcf\t\xeb\xe1?\x12\xb1V?\x98Z\xc5\x9c\x16&gt;\x89\xb27_\x85cf\xe0"R\xd5&gt;C\xa6\xd0\xc6\x8e\x8e\x0e\x0f\xfc\x18n&lt;\xbc_I\xcb\xa7\xe6\xbc\xdf(\xafn\x11\x82\xa2\xf9\xbd\x88\x08\xf0\xa8\xb8\x19w\x01\xa0\x9a\x95\x11\xe1\x7f\xb2\xcd\xaa\xd4P\xb6*\x17\x07\xaeP\xce\xf6s\xc3\xf6H{[\xe3\x04!\x845\xa7Xbad\xc8\xe4\xaa\xa8eT%9K\x11\xa8\xe8m\x93rt?#"\xfc\xc4|\xe4\xeft\x94\xda\xad\x8a\xf2\x1c\xf2\xf6\xb5\xd77\xd7w\xe9\x14\xaf[\xbb9\xfc\xeeH\xc55\x9c\x80\xca\x83+Ao\t\xc17\xe4\x10m\xb8`}k`W\xa1"7\xd3"\xff\xf0\xde\x8b\x95^\xa1\xdd8j\'\xb9\xa3\xa3\xc3\x81\xae8\xd6\x96\x8f\xf4\x08\x9f\x0e&gt;\xb12\x99d\xdd\xf4+\xddt\xecZ\xea\x1a\x14\xf5M\n7cq\xe3bK\xad\x12\x99Oo\x8a\xd4A\xca4N\x9b\xf4\x8d\xb7\xdf\xe4\x06\x06A\x0c\x94]\x05\x1d\x82\xaa\x94\xa1yXs\x92&lt;!\xf3,\xc3W\xe7u\xd3;\x84\xb4+\xd9)\xb9\x9e\xa6\x08\x84]f\xd5\x9aw2\xe6l\xde\xc7\x84\xb2\xe4\xbc\xda\x11P\xb7\x1a|\x18\x00\xaf\x1d\x1bN\xef\xe8OG\xc4\x91%s{\xb2~\x8c\xb8\xcd\xda\x8f/v\xba,\x11\xe6\x0b\x0e\xdd+&amp;[\xc8\xaaJ\xe8W\xed#.\x7f\x90i\xa5\xa3cs\x94\r\xf5\x1f\xb4InY\xb9\x82\xea\xe0|\xe6\x95\xfe\xfc\xe6kJ\xba\xd8\x998\x04\x12^\xcf\x9d\xd5H\x11\xa4\x17\xcc\xd3\x1a\xe2I\xb1\xcaf\x9b"p\x8eG\xaf\x92\xaf\x92.R;Ps\t\x80p\xbdu\x89\xc3\xb61\x13\xaf\x9d9\x91\x9a\xe9\x02,|\x14\xedX\xd9\x02\x00\xd1h\x95\x18\xbe\xc3\xec\xb4\x8f\xd7\x84\xe9\xa6\xb4\xea\xf8\x02\x80\xcd\x00\xb7\xf1t\xe4\xfee\xae.\x1b\xd7\x13\x87\xda\xc5!1R\xfc\xb6\xf3\x7f\xa7\xe3W1\x0e\x19c3\x99\xcc\xc1!m\x13\x08\x99\x16\xcb\xd15\xa3\xfb\xc5\x82\x0eY.::N\n\x1f`\x06\xd24\xc6nM\xef\x9d\xd81\x15\xdcoe\x8a\xe0z\xf0_\xd6E\x7f\xb2Vn_L\xbdbg\x99\x00$9\x05L\x04\x86\xd5\xebcT\xebU\xcd\xdb&gt;LbT!R\xaa\xeb1\\\x14\x92\x1c\x94qG\x1d\x00\x11\xe0&amp;\xc8\xdc\x97\xd7s\xf6{\xd9\xbd\x81\x08\x8fK\'F\xacl\xf9\xe3{\x8e\xb56\xd293l`0A\xddK]\x87_Or\xf6.t\x11\xf1\xde\xbb\xfa9?\xc1\x92Byh\xee\x8d\xb0!\xa6\xf4e\x90\xb3t9 $\x7fj\xea\xe7\x1f\xad\x8d\xafj\xd5J\\\xc4vtt\x94\x81-\x85\x00\x08\xf0\x88\nr\x85\x8a\xcc\xd2\x08~J,\xa1\'\x9bd\x06\xfcz\xa7m\xdf\xe2\x02\x80y\x82\x85\x17{A\x1b\xf3I\x05)Z+\xa4qh\xd8t\xda\noI\x10 \x8e?ln\xec\xdfX\x17\x94pc\x87SM6\xd6\xa2\xc8\x9f\xdf\xb6vT\x08!\xed\xda\'\x8e\x0ct\xf4\xcaM0-\x85\xd7\xc7Z\xae\xca\xeaJs\xce\xbd,G\x80\x8bdu\xb4\xe3\xa5\x06Or\xb9\x94\x84\xe3\xf9\x03%\xdea\x119-\xa37%\x81\x1f5l\x97\x08\xfd\x9dA\x1d\xe7\x11\xe3\xc8\xc9~\xdf\xe22\xf0\xea\xbe\xb1QS\xbb\x07jL\xcf\xef\xaft\xff\x14\x89!6~\x0fg\xacPp8"\xaa&lt;iq\xfb\xd8\x92xC\xf3,!8K\xb7\x0fB\x92\xd4\xeb6\x8f\x7fI`\x97\xf7{N\x9e\x07\x80\xf9]\xd14\xa5\xf1\xd4\xfc\x9e\xfe\x06\xaf\x03\xbf2\xc0[\xc1w\xd1\xa7\x02\xbc\xc7\xe2\xd2\x05Iz\x94\xa5n\x970\xe5\x18-j\x0f\xcc\xfd\xe5.H\xfd|\x01:\xbf&gt;\x91\xd4K\xf3\x04\xc3\x9b \x0bK\x9fR&gt;\x88\xbf\n\x92\xe5mm\x95 \xfb:RF]iVU\\4{\x9bPW\x11\xd2\xb8\xb6\xf5\xd3B\xfce\x983\x06\xcfKY\xa1\xc4\xec\xe8/\xba?\x0b\xe0\xad\xe1\xbb\xb9\xa5r\xa1\x1c\xe6g;r\x1d\x1d4Z\xcf\x82\x19\xc8/\xc6\xfe2\x0e\x0fy\x01 @?\xef\x96G\xcd_\xa0[\xe4\xe8\x1c\x1b\xd9\xe2\xb4W\x86\xa62p^\xf1\x84?\x18\xe40\xa4w6\x9b\x8d\x0e\x8fRp&lt;^\xcb\xa6\x96\xf2)5K\xaf\xb9\'3q\xd2\xe3\xcf\xe2\x84\xc44\xaf\xbb|\xc5\xe5\xa7\x9d\x84\xabepV`J\x86\xb1yo\x02\xb8\xc6\xd6!f\xc9p\x8d\xe3\xab#Al\x92\x15\x80\xe4\xb4\xfa\x17\x00\xba\xcb\xc2ZZ\\d\x14\xb7lXSQf\xc2\xfd\x8e\xe4&gt; };\xfdo#\x92\xe8\xfc\xacX\xe8\xe1bw\xf5\x1f\x02\xeb8\xa78L\x8da\x11W\x98\xf4\x8fD)\xab\xd2aV\xff\xa0\xdd\xce\x9f\x96\xfe\xceO~\x96\\/\x85\x8b?Z\xab{\x17u\x18\xf7\xc6\xd9\xc6\xb3\xe4a\x14&gt;\xbc7\xfc\xed\x98e\xbf,\x9b\xb6\x1e\xde\xed\xfa\x04\xaeM\x1eM\xb14\xdf\xd4v\xa8\xf8?z\xe7*\x1d\x88\xcc\x1c\x06\x18\x9c\xcc\xd7\xff|\xd8\xd3\x01\x00\xe0Y\x0b\x81\xe0\xff\xc5P\xfa\xd7(\x13R\xb9\xbdx\x8ft\xa3!\xf0W/]\xf8\t`C\xbc\x9cN\x1e\x01\x98W\xeb\xf3\xf8+\xfe\x89&lt;\xcei\xcdP\x83\xb4\x88\xbb\xd4I\xc1!\x06\x00\xc0\x00\xf0\xc1\xd4`\x9bS\xb1\xc6\x8f\x91\x8d\xb6\xdc\xbaTN\xbe\xf6h\xec\xd0\xcf\x8a\xcd\x97\x92\xca\xc7l\n!97\xff\xb7\x14;:\xce5\x9a\x8f[;0\x80{Xn[\x89\xc0\x8d*\xc9\xc9\x81h\xcb\x0e\x91\xa2\xdc[\x7f\xc1\xd7\x04rb\xb8g\xff\x02\xe3\xac\xd3$\x95\xbe\xe5\xd2\x16\x00\x01\xae\x8f\x88\x00\x9fSd]\x0eV\x0e&gt;\xed;\x13\x8dt\xa6\xc5m0\xb1\x14\x08\xc4"\xc0\xc3\x00\xf1\xb7\xc7?\x11\x01&gt;\x0f\xd6S\x90\x91\xf3\x04y\x0c\xbf5a\x8ar\xacA&lt;E\xbd$JM9i\x90\x85g&gt;f\xff\x1fs\x98\x87\xac\xb8\x98V\xf2X\xe0\x07\xefs\xfd\xa0l\x1b\xe8@w4\x9f&amp;F\r\x12\xc5\xe4\x8e{0\xef\xe8\xe88C\x98\xaa\xc9\xd3\x95u0\xa3\\\xa2\xf3\xa1\xa4\xda"\xc0K\x0b\xba\x8b\xb8\xd9\x8e\x93\xc1\x04\xaf\xb8OL~dG&gt;\x0e\x10\xe0\xbe\x8a6\xc9\x06\xe3\xf6*\x8d+\x05\xce\xf7\xff\x0c\xe7\xc28R_8\x1d\x0f&amp;T@\xfc\x9c=fzD\xfc\x7f\xf4,\xee\xb5\x91\x1b\x08-U\xb7D\x18W\'\xd5\xa9Mdd"\xfd.\x17\xbb:\xa6\xfd\x8b+Z\xb1\xa8R\xbf+\xbd&amp;\x10\x11/\x8f\x08\xaf9\xe6\x05@\x886\x89\xe4i\xa8$\'\xa9g\xa1\xbd\xd3\x05\x80K\xc2p9\x1a\r\xb4\x8e\x8e\x8e\x0e=\xb6-\x1f\xb5\xe6\t\xbb\x84\x0b\xd8\x1e\x17Q\x08o\xb72\xa8=\xa1\x1ezb \x8dE\xf8\xb5\xe9\xf3\xe7 \xbe\xde=\x0e\x00\xf0`\xa2\xbd(\xd4\xbf\xda\xdck\xb2L\x87U\x19wB\x10\xe3\x07eGY]\xb6u\x92\xa2\x1c]\x94\x81__\xd7\n\xc9\x96b\xb1\x06\xad\xe4\xd9\x0c\x91\xe5\xac$\xe9\x0e\xde\xe6]o\xdf\xac\xa9^=\xd4\x81\xa3Rk\xa7\x12!\x9dCD\xc4/w\x9f\x11j\x95\xa2\x1b]\x0b\xf5\xe7\x87::\xf6\x84[5\xaa\xbewb\xc0\xf9\xfbs\x9c\xba\x12\xa5\x8b\x1c\xe3\xb7Zq\xf9&gt;\x9f\xe6U\'\xc2\xebM*\xf9\ri\xf2\x7f\x8d\xe8\xbfsY\xf9V\x8d\xf1\x8bZ\xe1Q*\x10q\xdf\xc5\xa0/\x07\xf8\xbf\x1b~I#H\x89\x91\xa9~.\xd3\xbdPe\x95\xbd\x1f\xc2\xdc\x1f\xe696\xf8\x0e=\x04\x07\x15\xa2\x14]\x84~\x16\tyr\xeb|\xfb|\xf2VR{\xad\xaf\xe9\x97K\xcbV\x1c\xb8+Y\xb28y[\xbcm\xe9P\xdf\x9a\x1d\x818~5X7\x9aX)\x07\xb3k\xb5\xc71\x07\xc7\xaa\x0fU\x03\x81\xec;\x00*\xa3\x7f\t\xb8\xa3cO\x84_\xbc\xaa\x85\x0b"L{(\x7fE\xaas\x8e\x15no7k\x0c\xd3o\x9b\xd9\xfaT\x01\xf1\x8b+7Pl\xf3\xd0\xdf\xd6\xd2}ou\xed\xf9\xfb:\x8e1\xf2|\xb5d\xc4\xf0\xeb\xe3\xdfBKr"\xd7\xe4\xedp\x80\xc7\xaa=\x9e\x9f\x00\xab\xcb\xe3\x1d\xbcV\xb3\xaf(v\x18\x00\xe0\x12&amp;y\xc9\x94\xacj\x06\x97\xc6s\x06=\xb1\\Ex\xdd\xb8\xd9\x17v\x03\x17\xc6\xd7\x8a\xdb}u8\x01\x04x\x89\xb3\xfa?\xde\xd7@gr\xc1C\x84&amp;\x11\x00p8\xbb\x9c\x97P\xb8\xa5\xc2\x89A)\xe1y0o\xb4\xfa\xef\xe8\xe8h\x85\xb2\xdb\x82U\x96K\xe9\x07\x12\xf2E\xaf\xd6!\xac\x95\xab\x1a0\x82p\xb6\xa2^N{5\x8d\xa2\x04\xd7\xa5\xd9\x9c\xf3\xb9\xcd\x92\xd8\xe7\x82"m\x02\xd5\xb5\xe3\xf2\x88\xfc\xde\xdf\xb0L\x9a\xa3\xf4a \xc7\xe4\xf6\xba\x19\xc5I\xf3m\xac\x92\x15:\xfc\\Q|\xab\xf8\xa4\x8aj\x9fC\x1e\x93\x1b\xc3m\xb6+\x89\x07\x82\xc3m\xa1\xfaE\xf6\x01bj\x0f\x7f\x12\x8e\xe8vi\x1f\xd0S\x12\x9e\xda\xdcWj\x86\xfd\x8b\x04\x1d\x1d;\xa2\xea\x08\x94\x8b\xb5\xa0\x05\x11\xf1\xb5\xa9\'\xe0y\t[\xad\xb1\x9cuF\x8b9\x89\x9a\xf0\x9c\xcf\xcao^VR]6\xef\xae\xeb0Y\x88c\x9a\x1aOo\xb5\xce\x0b&lt;_*\xa2\\Z\r\x88\x11T\x10#\x93\xc1\x9a\x15\xd5|R7K\xf7\x87h\x02:\xffT\xc6\xdd$7\xe6\x8d\xf7\xdaQ(\x0f\xf1v\xe3.\xa8`\xa8\x1f v\xcfS\xc1\xca\x0f\x9c\x12\xecn\x94&lt;\xad\x1fpq\xdfo4tt\x8cXkT\xad\x1bpn\xd5\x0bd.\xa7\xc8\xe3\x9aG\xc6\xe5\x87qk?\x18J\xdf\x93\r\xcaz\xfd\xa7Q\xf9yC\x13\xa3\xd5\xc9`\xfe\xe9\x83\xd04\xbb\x04F\x12\x00\xff\xd6sd\xce\xceYA\xf4\x9aN\xe5\xd3k\x08a\xd6?\xc5{\xdc\xb19\xa5V\xf8\x123\x1e1\x17\xb0\x95\x87\xc9B\xe4\x9e\x05EM\x18\x85h\xd7\xb4k\xb6\xe3\xf2\x83\x862\r\rh\xed\xc5_\x91\xaa?\x95,\xb0\x08\x9f\x04\xec\xf5\x85\x01D\x1c\x86\xfb\x01&lt;&lt;\xddn\xfeh\xb2\x0e\x00f\x03\x87Y\xdd\x0e_\xa3z*\xc0w\x9cTe\xeb\xdf\x01\xe88\x9f\x88\x9fs\x00\x98\x9e\xf5\xd4\x0b\xf9FX\xf7\x14\xe9\x02m|\xbe\x7f\xad~\xa9\x96\xe4ZP\xa7$\x07\xcb\x93\xa6\xb5w\xb6@\xdc\x9ab~.\xcaZ\xdc\xedt\x895{\xb9\xaa\x17N\xe4\xd9\x9e\xf7e\xa6\xbdam"h=\xdc\xf6\xd2\x99A\x90\xf3\xd3o\xbd\x95\xcf\xf4\xcc\xa6@9\x9a\xaeA~\xc6\xf1\x06\xa2D[u7\x0b\x11\xa9=b\xc1\xbb\xde\x06\xbb\xf3IG\x9f\x83}\x83\xe0\'T[\xd4\x7fc\x0e+\xc6\x8e+\xbe\xd4\x9c\xff\xaf~\xb2\xa6H\xdd\xa4k-\xec\xc30\xa4W\xff\xe0G\xfd\x1f\xf4\x1c\xc2\xefh\x0c\xc3;\x04^\xf3f|\xf2.\x81\x96\xc02\xcbo\xbb\xfa\xef\x05\xbf\xa3\xa3\x00\x9a;\xaa8?mr\xfb\xa5\xd9\xfc`(\xe6=\x00\xe0\xa8\x16\xf8\xa8\xa4\xfcH\xdcLu\x9fQw\xcbR\xeaK\xca\xcb\xbb\x04\xd1\xd8[B\xd5\r\x99W\xfa%\x0f\x04\xa9\xa1W\xed\xce\xb4\xce\xfa$\xe9\x9f\x87h\x14\xb1)\x8a\x88\xf0\xc9\x87\x9b\x0fB\'\x16d] R\xa9\xb0\xca5q=\xf2I\xd9j\xe1\x97\xf1\xba\x04\x1f\x10\x11\xbe\xcc\x9a\xb7f\xd23U\x9e\xb3\xde(2I\xb8\xec\x89&lt;V/.&amp;!NK\xb1\x92+\xa3@\x99\x96lb \xcc\x88m\xf5\\Jn\xfa%\x9d\x90\xe8\xbe\x88Q\xaa\x89\xba\xfb\xe3(\xf7\xebX\xedW\xe7y\xee\xed\xe8\xe8p\x90\x18\xe7\xd14\x83\x88\xf7C\x04xcn\x81\x0b\xf4.\xf8\x0fk\xe1+\xa8\x92n\xf9{i^_^\xe0\xdeX9\xc4\xfe\tg\x17.\xfae\x93\xd0$\xc3\xbd\xcc\x08\xe4\xc4J\xf5\x1a\xa7\x06\xcc\xd4\x95E\xb5\x154\xae&amp;\xbb\xc8M\xf4\xea(GY\x11\x9bP\x0b\\6\xdaz\xc2\xa3W\xdf\xe6I\xcb\xe3m\xa2ih\xea\xa5\x8a\x17G\xa6\xcd$\xa0\xc4\xa2"Dif\x0e+\x9d\x08T\x17\xdfv\xbdd\xf9|\xca\xc2\x0c\xe4\x8b5\xf8M\x14\xa3Q\xe3~%\x97\tA\xc9\xdcz\xacjL\xe2B{\x13\xe8\xe8\xd8\x13\x89[\xab\xce\xe9\xf1\xd3\xc5\x10?&lt;\x00\xe05\x8a\xb4\xfau\x8d,s\xa8~\x8a1\xe3\xaec\xc1\r\xe5/g\x05\xa2?\x07*\xf4\x8e\xad\xaa&gt;\xac\x89\xeb\xe323\x03\xc5\xcb\xd9a\x18\x90|\x06\xa0\x80\xdb\xb0\xfc?\x12\x81\xb3\xd2Y\x7f\xe4\xacd\xf4\x03\xba\xae\xebwy\xbc&gt;\x0ee`U\xf2\xe1\xe3 }x+\xecO\x7f\x99\x1f\x08\x9e~\xcf!\x0eL\xdd\xb7j\xba\x1a\x86\xf5\xb7\x17\xa6\xf4\x08\x9a\xb2b~`\xfep\x8f\x9a\xe4\x04\xa8\x9dyq\x80\x7f\xcd\x92O=;\xe4\x8d\xa3\xd7\x02|~xz\',\xf7A\x92\xcf\xe9\xc9\x12\\p\x1e~\xd6\xda\x00`\xfd\x1d\x8bH\xe0\xf8\xc3#7\xdam\x05\x8a\x08\xc3\xdd\xe5\x06c\xb9\x00\xf5\xf7C\xacHu\xf1\\LOW\x01\xbdg \xde\xce\xf6-\x1d\x00\xd0\xfc\x02\x0c+ \xa0\x93%\xa4\xa3\xa3#\x07L\xf1\xbc\xa0\xb3=Pc\x93#&gt;R\xbc\xf9\xd1\x10)z&amp;s\xea\xee\x94\xd0\xfet\x9e\xf3\xa1\xb7HIz\xed\xfd\xefm^\xba\x1c^fW}\x80\x9cY\xbd\xbd\x98FxXqg\xa3\xc0\x10mp5\xa2\xe2Ln\xb7\x9fG\x08O\xf0\xffF\xff\xd4\xda\xa6\xd8\xf0\xea\xc8t\x1da\xc8\x1dv\xb7\x85\x06\xe1\xea9.\x7f\xa3\x8c\x82\x1fM\xa1\xe1\xc7B\x81\xa4\xf00\x19\x92\x8a\x01\x1e\x9f`hF2X\xac\xa5\xbb\xe40\xa5\x94\xbeC\x9b!*\xcf\x84\xb5\xaf"1:::J\xe1\x0eTd\xd6+\xcaJ-k\xa1JC\x9d\xaaQ\x1d3\x93o_\xffH3$mA\xa1M\r\x8e\x9e(G\xe9\xaa\x9d\xa0\xc5r\xd8\xd4\xf9\x85~x\xf0\xd6\xd9\xc2\xc6\xdd=\xabp2!\xa1\xc4\x0fbp3e\xbe\xa7N\x8aJ\xe0\xe8\xa5\xfd\x86\x08\xf0.w\xb7\xdc\xee\xf0\xc6\xc8\xe7p\x08\xf2\xea\x86d\xcb\xbb\x8c\'\x85\xc5\xae\'B\x93\xa5KX\xd3O\xf5 \xc0\x0b\x94\xd2\x8a\\\x8d\x08\x1fW\x14\xa9\xeb\xf9\x04\x0c9\\5C\x12N\xd0W\x12\xba\xfe\x94\x92{\xd0$\xa4BM\xeb\xe8\xe8\x08\x11\x0c*\xb9\xc8*E\xc2o$\xe6\xf5\xcc\xc2W\xb6N\xd2\x83*e\x9a\x02\x946\xa1^}$\x9dF\x8bM\x99\xb3\x1b&amp;\x02\x16\x0e\xeaX\xd4\x05\x8e\xbaUM3=\\\x1a\x8b\xaa\xf1]\xbb\x7f\x93b\x1f\x97\x88\x82"\xac\\\xf8\xd0\xdf\xdd\x97\x19\xc6\x84\xe1\x19GX\x1f\x1c\x81C\x0e\x8a\xd2f\rh\xf5A\x9a\xcag&amp;\xe7\x11\x11^E\xdf+\xb0V\x1e\x82I\x8d\x01\xeb8g\xf5\x1e\xbc\x9bt\x1a\x02\xfcz\xdd\xd5\xbf\x1a\x9a\xac\xc8(&gt;\xaa\x1b\x0b\x10|\xa3,\x16\x8b\x08\xd7&lt;\xd5\x11\xd7\xd1\xb1\x0bn6\xfeo\x1aT\xf7*\x1c?OY&gt;q#\x7f\xa9wQ\x83t\xc90\x96\x95R\x10\x95lU\x9d^\x94h\xad\x90\xef\xb4(\xd6O\x01+N\xfb\xd4\xe0\xbf8\x8bN\x08\xbb\xf0\x9f\xc2\xa1\xd5ed\xb8\x08_Z\x96\xd8\x15\xe7C\x81\x18\x1b\x7fw)\xa3\xe8\xeb\xa6\xaeP.\xbcc1\xbf\xa8A\xd1EuA\xdf3\x82\xeca\xe5t\xfc\xae\x06\x83\xd4\x11%\x96MW\xdd\x17\xb3\xed\xf3YyZ\xbeX-A\xc1\xd9\xa1D\x89\r\x87\x98\x998\xa7?\xddS\x1b\xc7p\xa5\xeeu\x8c\x86\xaa:7\xe2;\x004\xc3\xa4!\x1d\x1d\x1d$*\xdc\xaas&gt;\xa6+ET\xcb\xc25\x90\x8f\'\x90\xf5\xbd\x19\x88\xe25\xebMU@\x91ad\x05[\x94\xf5\x96\xba\xb5\x95\xeaE/\xcb6tfe\xc4\xa1\xd9R\xa7\xa9\x83r\x17&lt;\xb2\xe5\x10qI%j\xd8&lt;h\x93\xee\x98\xca\xc3\xa0\xbbO\xc6\xc4M\x89\xba\xd2N\x19\xb6b\xee\xb5DD\xb2\xceX\x1c\x9b.\x9e\x89\xb3R=\x9c\xf04\xdb\x10#r[a\xd4\xba\xa3\xcf\xe8"\x1c\x95r\xb8\xa0\x14\x01^\xaf4\xc1r\x1fCI\x8ch\xcc\x1a\x15\x9f\xb2\xe4\x18\x7f\x9c\x98O5b;::*AW)\xc86\xfe\x11\xb2\x82h&amp;\x92\xa7\xb9B\xd4\xbccv\x86\xaa\x07\x80\x00\xf7v;k\xe4\xaat[\x16\x82N\x97/\x9b\x0e}^\xf8\xeb\xf4\x93@I\xf8\t\x14\xcd\x0c\xe7\x14*k\xe1\x16&gt;\xd6\xfb\x87\xc08\xe8J\xb5\xa4\xa2IT\x03\x87^M.Gp\xbe\x12\xad\xd9\xaeN\xd6\x0c4\'[\xd8\xacV\xaf \x13wG\xa9\x83\xb1FE^\xa5\xad\x8a\x99\xd4\x10KH+\xcb\xea\xf4\x08\x12\xd4\xea\xe9\xcd\x0e\xb9\x87\xc9\x1c..e&amp;\x87J\xe1Z\x84\x8d\'4\x9c;:\x0e\x0en,]om\xf0\x05\xca!g(:Q\x9db\xfb\x06\xcd\x92\xd5M\xa9?\xd9^\xe8\xcc\x89\xd6x\xc9\xc2\x81\xe2\x9di\xfe1A{r\x0b\xc5\xa1\xa2j\xbe=r\xb0\xfcD\xdd\xfd\x02 Y\x13jr\xa9\'\xb31\xa8\x9b$\xba\xcd\xd4\xdf6\xd5\x1fk\x02\x90\x01\xd2I\x8b\x83\xfb+\xc1i\xb6u\xd81\xfc3Pd\xe5o\xb1\xc2\x06W\xe6\x88_2&amp;!\xc3\xd6%\xf9\x87\x82R\x85`|4"(\x06,\x17\x91\xb0\xfd\xf2\xb9\x86?\x192,\xc9\x8e\x8e\x0e+\x10\x11\xe1i\xdb\x0c\'b\xab 8\x12\xef\xcb\xf2EG\xc9\xd9oYR\x95\xc4\x12\xd9\x0e\x05\xb6w\xf0\x08\x16U\x15\x83\x1b=/!\xb7.Ug\x81\xc7\xaaU\x1a\xc7\xe9\n\xc2\xbe]0\xf6\xab\x8f/u 2E\x03\xfcb5Y\xcb\x85Y&lt;\xe4UQS\x1bXV\x03\x01~!\xe4-z8\xb2&amp;\xa1:n\xbfx\xc6?\xf2x\x8c&amp;\x0b\xce.Y{V\x86\xa8n}\x04\x1a,\xf2goSWG\xb3p{\x10\xa9@$\x03\x14\x9f\xf5\xe3\xb2\xb6\xa3xfB\x08V\xb3\xda\xd5\xd1qvQ&gt;&amp;KT\xc7\xd5\x01\xe9#\xf4\xea\x1f\x00\xe0\x9b\xa5"\xd5Q\x0fg\xdf\xb7\xef\xa1\xd6\n\xaf\x9f\xf2\xea\xae\xe5\xf25Y\xda"\x93\x95\x1a\x9b\x0e\x1f_\x8b\xb7tK=z\xf1&amp;bUQ\x93LU\xd4\xa3\x8a"\xc8&amp;\x8bc\xf7\xda\x98\xe0\xc8+\x1a`p2\xcc\n\xce\x0f\xcf\x89\xe4,Ka\x85\x07\xf6\xf5\x12\xdc\x12\x01\x9ei\xef\x86\x007\xf1\xfevR"C\x1a\x19)&amp;\xe5\xe8\xbe&gt;\xb7\xe0T\xcd\x0b\x00\x11D\xda\xec\x16\xd9\x8e\x8e\x93\xc0\xbe\x93\x84[/\xa2\x0f0Wsb\xb7\x03\xa3q\xee\x1e\xf4\xca\xd6aJ@\xeb\xc9f\xcf\x99lc\xc4\xb3S\x1d\xc3\x19!\xc4\xa4\x92\xa3NE\x95hs\xef\x0c]\x19\xac\x8e\x94&lt;\xdc\xd6@\x1d\x86M\xedED\xf8c\x8bd\xc7\xff\x7f\xc3\xef\xbfR\x9c\x85Vs\xe3\xfdb\x9a\x8c\x1a\xd7\xc0;\x9erH\xb8~%\xa7\x80\xb6\xf8\xe5\x92;\'w\xa9L/O\xda\xf7hR\xcb$\x9c\xcc\xc0\x82\xa0\xbc(\xa1\x9d\x92\xbcI\xf4;:N\x19\xb9\x83\xa4\xcadL\xdf(\x9c\x0f\xe0\x972\xc4\xaem\xbc_\\FR\xd2ch\xaa\xa7d/\xb8\x1b\xcevG\x015?m\xaa\xb7d\xb3-\xd9h\x15\x1eM\xa2\rp\xfc\xe4\x99\x9c`p\xbb\x97\x18\xcc3\x03\roj)%#hV\xf1b\x92K\x8d\x9d\x1b\x05w]\xef\x0fl\t\xef\x97\xb3\xb5}V\xf2\x8e\xd5\xbei\x8f`\x97\x95\xe1\x0et\xfb\xacn\xb9\x1d\xb0\x19\x02&amp;R\xeei\xec\x9d#H\x8d2\x95\xd5\x0fX:\xc6\x91\xe5\xe8\x87\xfe&lt;\x90{;:6\x863\x1e\xae\xe8\x1ev\xfe\xabY8n0g\x103Diq\xfc\xeex\x16\xac\x0c\x9bp\xb6\x98\xa6\x1b\xab\xfc\xaf\x94|\xd6\xf0 \xadK\xab\xe1a\x868\x86@\x80\x97+z!"\xde\xcb\xdf\xc8,\x1c\x83I!\xc7K\x9e\xabp\x05A9\xe8\x92ar|2\xff\x83\xf8\x90j\xe5\xc2&amp;$*\x0f\x044\xe1c\xac\x9e\xff\xbc@\x85\\\xb2\xe3q\x8eR\xb3j\xcf\x10\x96&lt;\x1d\xe5D\xb6D\xfe\xd9$\xff\xa9\xb8\x1c\x00\x01\x13"\x97\xe6\xc1\xf2\x9e\xa9\xe5[\x93\x02\x85\xcd\x8b\xbf\xd0l\x82\xa0wy\x0c\x0f\xe3\xbb\xfc!\x99\xf6\x1d\x1d\xe7\x18\xdcL\xe0\xae\xb6\xc5a3\r\xbf\xaa\x13F&lt;\x03Q\x04\xaa\r\xe6\r.]T\xcd\x88z\xea\x9f\x13\xba\x19\xe8\xfcs\x85`!"\xc0\xfd\x0b\x85l\x86\xc8\xa5[T\xff\xcb\x97\xe4gr\x89IH\xae\x10S\x99\xf0\xd1\xe7Nb\x00\xd1\x0bA\x00\x80\xe7S\xdf\x97U\x89\\q\xdb\x1d\xf6\xcbeF\xe9\x05\x93\xd3\x92f\xbe_\x94\x17\x8dO\xab\x03b@\x00\x00 \x00IDAT\xdc\\5\x07\xcfW\x9by\xc6Q:\xfd\t\xb7PE\xb6X\xa7,$l\x10\xe5\x9e\xb3\x9d\xffr\xe5Er\xa0\x17\x01\xbe\x8bl\xa6\x91\xa1\xd5\x84\x08\xbfq\xd4"\xd6\xd1\xb1%\xe8\xc9#8"\r\xb0\xfa\x17\x00\x0e\x9f\x8bP$\x89\x02\xa4\x94Y\x8b\xa1\xa0\xc5\xa1\x87\xf0\xf7V\x8dAE\xd5\\\x80\x99q\xdf\x1aB\xecL\xb6^$q\x17\x90\x9e3\xaf\xd7\x90\xd5\xaa\xc5|\x07`\xfc\xefmRN\xa3\xaf\xc6\x0b\x11\x8f\xb2\xe0\xd4\x06\xe3H\x81\xc4%\nO\x95\xce\x04\xb2\xe5\xba\xe2\xa1\xdb\xe7~\x89\xb6\xcc\x81\xac\x01\x88pS\xed\x1a\x88\xe3 :\xe4\xbc\xe0"\x9e\x07\xe4Ti\xe2\xa5I\xcb\x97\xeb\x85\'\xc2\xaa\xed/D\x9f&lt;\x15tIe\x97\xac[\xb8\xd7\x91\xcaF\xed\xf2\xa3\xe7vG\x87\x07nJ\x08\x87\x8a8f\x14\x83\xea\xbf\xf5\xb52\xa6\xc4\x17&amp;\xbe`\x99\x19\x96!\xa4\xa1%\xc6\x88\x99\nb$\xfc4+W}\xf2\xd2\xce+\xe9Cd\xd0\xd8\xa5\xa1p]VL\xc4R\xf4T?-\\\t\xd3u~\xf3q$\x93P\xc4.\xd5\x86\xca\x01qk\x031\x1c\x86\x9e\xd8\x87\x9a}\x82\x88\xd7\xa9\xe4C\x9d!a\'\xad4\x1d\x05%\xd5S\x01\xe5\x81(a\xea)#/\xe3\xedZ\xf2\x88\xb1{\xf9\x93\xb4;8\xd9\xfe\x11\xd2|\xb2_\x1e\x13w\xb8EC\xaf\xa3\xa3\xa3%\xf2V*k\xe3\x8a\x0b\x11\xa2\x8e\xf0d\xea\x17eJ\xbe\xaeU\x85RH\xf4B\x04x&amp;\xc0\xc7\x99\xc4\x98\x946\xc7G2]\x918m\xdb\xc5d\xa2\xe3L\xf3\xad\xfd\xa6N\x8c\x8b\xc2r?]\xbc\x00(\xc94\x0b&amp;G9\x8a6\xbd\x9f\xb3\x92\x08\xede\xab\x96\xec\x96\xa4\x15KGW\x02#\xd0\xec\xfc\x8a\x91\xd2\x18\x9b\'JS\xcf\xcdJs2\xc7F\xa9\x1c\xa4QU&lt;L\xe19\xbc\xfe\x8cji\xe4\x86\x08\x7f\xe4]\xd8s\x00\xde\x03\xb3^\xb2W\x86\xaf\xbc-\x1b{\xf7\x8e\x8e\x8e:\xd0\xd6\xa0\x82\xd1N\xe3\xf9K\xb9W\x88m6=\xacu\r\xfeQ\xcb\xa1N\x11\xf4\x0cy\x9aV`T\xb27\xc1\x93\x01&gt;\xa4hf\'F\xdb\x12.\xe8\xe5\xce\x8c\xaf\xd8\'7\x1ad\x11E\x0b\x11\x11\x9f!)BD\x84\x1b"\xc0]\xd4\xf2\x9a\xc6}\xf5g\xa4h\xbbd\x0b-\x8d\xf4\x12\xee`|\x92\xf4\xd5\xdc\xe0\x83\x8e\x81\x9c@9\xd9Z\xe37\x1dJE\xb1\xf0=fX\xfd;\xe1Ho\x94|\x81\xd6QxE?\xdf\x1ag\xb8\xa3\xd8U\xf4\x80\xad#[`l\xd6j\x9b\x1b3\x88\x88xQ\x87@\x8a\x15-\xc1N\xa9\xa3\xa3c/d\rZD\xbc\xb8\xb6\xd7\xff\xb4\nW(_j\xcd\'W\x17\x9bE\x04\x11\x11&gt;X\xbf\x02N\x02c\x99\xaf\x89\xcb\xee\x06\x95\xd7\xa4\xcb:+\xf8kt\x7f\x0bv\xd6(-\xd6Y_)X\x9a\xbad\xc8Oj\xd1\xc7q\xab\xe96p\xa6\xa3\x8bu\xb2rEh$\x81\x88\x88\x9f\xc1Y\x1a\x8e\x03\xd6\x87\xca\x10p\xb2\t\x99GY\xeb\x94\xd3\xd0J\xf0\x1cbIBMn/m\xe4\x80\xb6H{W\xcbb]]\x15I\xed\xbe\xb1/\xd9FW\xe0s\xa1\xb90\xa6"i^\x13\xb2\x93%i\xf7\xba\xcc\xee\xe88\xebX\x07\xed\x179\xb5\xaf\xb6\xfc\x8a\x02\x1d\xa9M$\x170\x99\x1c\xd8\xa0Z\xfd\x9e\xa0\xb7\x99+\x08\xbc\x86\x9f\tbP\xb3\x9a\n\xbf\xe5[4}N\x1a8\xdf\x956\xfa_\xcf-\xc7\xc3\xca\x00\x99B\xb96\xdbx\x01\xfa\xb6\xc4\xed\x8b\x16\xa9\xa8\xc9\x1f\xe5X\x90\xb8}~z}#&amp;\xc0\x97\x8aF\x9c*b\xab\x03\'\x1b\x82n\xce\xd88\xaaa\x88\xab\'\x1b\x00\xc0\xf8&gt;\xd45\xe2[\xac&gt;\t\xeb\xfe\xac\x95R7\x99\xf5\x81K\x0e+E\x1a\xc4\x114\xcc#\x9a\x96\x1d\x1d\x1d6\x08\xe5u\x0b|,S\x91\xa9\x82,\x9d\x00\x10&gt;\xbb\xb6i\x1b\x97\'\xa4o\xe0\xd6\x9e\xa5\xb840h\x91\x19\xcai\xb6\x9eU\xdb\xb86{\xb4\x99\xa4\xb2\xa9\xfb\x87E&lt;bj\xe9\xa3\x18\x80\xae\xf9\xdb\x0eRG\xab|\xb6v\xf5\xf0\x96\x98In%\xa3\x80\xeb\xfb\xc7\x89\xa0$\xba\x9f8\x08\xab}o\xfcAr\x878\x96\xb96{L\xfaz \x1e\x17.\xa5\xc2\xa0\x9b4\xd6Hl\xc3\x15l\xbdAD\xeb\xca\xe8\x93\x16*2\xcf\xb6\xf1o\xce\xe6\xe0\xea\xe88\x04.\xb1M\xf5\x89e\xae\xba2\xd5\xe5/FI\x03\x9b\x96\xddZh33\xb1Z\x82\x83\x00\xaf\xcd\xe6J\x9e\x0c\x0e\xc8\xbb\xb0\xca\x0b\x00\xbdC\xf2sO\xd5\xd1\xc2\' \x9fr\x97\xd2\x1b)\x86&amp;$\x04~b\xcdltE\xe9e\xb2+\x0f\xa5&gt;\x99\x89 \'\x19\x8e\xb3\x03?K}\xe7X=\xa0\n+RpO\x91\x9d\x8cL\x12\xea\nl\xa4\xe5{\x87n\xd1JW\x8c{k\x87\x92\x19d\x80\xe4VY\x06"\x88O\x81vtt\xe4bZy\xdc\xbd\xba\xdcuy\xe7/btU\xa3\x06\x03~\nq\x9bp\xcc\xdbU\xe4\x0c\xac|\x9c\x0f\xb5\x95&lt;?\x88H\x86"\xcf\xdb\x89\xc5\xd3\xfd\xc6\x8f\xbeEkh4\x9e\xdff\x06uu)\xe9\xe8\x05\n\xb4\xb9S\x8c\x93\xb7\x18S\x8b.\x80\x7f\x860C\x10\xfe\\ `\xb8\x96+\xe4\xe6\x08\xb9p\xb2)\xc5\n\x8ddZ:\\\xcc\x81\x86z\tm\x04\xac\xb6\x9bh\x1b\xa2P\xea\r\xd6@\x7f\x88e\xde\x7f\x88\xad\x90\xd4U\xc3"\xcdP\x8e\xaao\xb1%\x9f&amp;\nZ\xd7\xe2\xd6\xd1\xd1\xd1\x16\xd2\xa8fj(U2\x9aM!\xf9\xb5\xb5E9.\xc2\xe2\xa8\xc0\x9f\x95\xf1p/\x1cV]\xf6\xe0N\x8b\xfe\xdc0\xc5[P\xcb?\xd5\xa1t\x85\xa0}d\xf8p\xf7\x9a\'i2\xe5C\xa6o\x96\x03\xf3\x80\x88\x00\xefpu\xa6\x9e\x07\xc0\xbf\xa5V?\xe4\xe2;\xfa`#\xe6sHz#\xf1\x8a!\x8a[$\xf0r\x95SnR\xfd\x9a8\xb7\xbd\x16[\xee\x89\x06\x81\xf6\xf6w\xf4\xb6\xa7\xf33\x90\xc6%\t-[\x18z\x80\xf8\x9b\x8e\t\x8e:\xa0&gt;?\x02\x89\xc6\x00\xf0\x87b\x92;\xa4\xbd\xed\x8c\xa5\xfd%\x98\xb6\xf2\xd8\xb1\xa2\xca\xc0\xb1vb\x13R/Vh\xe9\xcb\xd7\xd7\xf9\x8a^\xed\xe8\xe8\xf0!\r\xad/\x98^\xee\xc9\x8c\xc0D\xd5\x90\xd5\x9a\xe8\xf9\xa5\xed\x07\xac\x1d\x8d\xdc\x9acKVV]\xd6\xc9,n_\xa2qY\x94d%\x95VU\xb2Y\xa2\x7f\xae\xa5\x9c\xa8&lt;\t"\xfe\xbad\x88il\x8c\xa2V\rl&gt;\xf0=H\x0247\xc6(\xffHy\xee%&lt;\xb9\xfeI\xe4\xfc-bYu&lt;\xfc\xa8\xd0!\x81\x9f\xb5W\xc8f&gt;\xca\xc6\xc9\xb1p\x05\xca\x9fn\x97\xafTj\xf1\xfd/\xb5p\xb2\x8b\xbb\xd2\x88\xb70\xb4\x88S\x02\xb8\xbcUK32aS\x94\xe3\xa9\x14\'\\\x93s\x1b\x8b\x9c\xc4\x0f\xd9\x1d\xdb\xd1\xd1\xa1\x04\xb9C\xa6\xc4\xf4\xe2\x85\xab\xb4\x1a\x9cdyR\xe8\xca\xad\xc8\x9b\xa357E\x85\x8d\xda[f\x11\xa2\xbd\xd1\xe7\xac\x84&amp;\x81+\x15;e\xe0\xca\xf0g\x8b\xa5e\xf3\xe1m1yo\x19V\xa6@\xf8g\xa5\xd5\xb9\xd5\xe1\x91\xea\x94\n\x86$\xcf-n\x1f\xaa+L?\xc9\x95\x84oC\xe7_\xd4W\xed4{T6%\x81\xa7\xbb\x9b^h8\xa7GI&amp;\xd9\x92\xf2\x9ew\x0e\xe0\x19\x1aE\xbe\xf3\xe9&amp;O\xb4\xdc\xb8\xc8\xcd\x99I\xc5\xda\xdd\xf9`\x14E\xa7\x9d\xbdGa\x02\\\x8e\x14\xe2\t\xaf\xa9\xae\xa3\xe3\xbc\xc2\x19&lt;\x05U\xa3\x98E\xe3Ulnyz\xdeI\x94\x15\xd5&amp;MVX\xbd\x82\xabS\x178yyT@\xd5gio\xaa\xe9\xdc\x0c\xa4\x13\xb2{\x883\'i\xf7\x8f\xec1+\xb8\xc8\xad\x0cI\xf9c\xe3\xb7\xc4\xce\x17\x03Ae\x17+\x1c\xed{\xc6\x864H\x91$\xfb\x08&lt;\xad9,\xb3\x92\xd2;\xf4L\xa4:\xeeR\x1f\xbb\x0c\xa28\x1f\xb4\xd6-\xaex\x03\xeb\xba\xf1\xe0m\x84\xc5\xbd\xc2\x9fz\x87\x07zs\x10\xa4\x84\x94\xb7\n\xce\xbe\x81\xaa\xe1)\xa7\xd9,\xc7\xbbXM\xdb\x12\x1d\xb9Nt\x07\xacYVwt\x9cM\x10\x8f\xe54\x19K\xfb\\N\x84xL\xba\xa2\x89\xab\x93$\\\xc9\x07\xb07\xc6R|M\xf1\xd5T\x7f\xa6\x93\xdd\x1b7"v1sT\x06\x81V\xac,\xeb\x86\xcc\xee\xb1\x1c\x15\x84\xa5\xb9r\xc4&amp;\xd7s\xf5-\xdd\x9c\x0f\xc4\xe2\xc9BII\x1b\x01\x10\xee\x90\x7f\x05k\xef\x18\x8a\xd07\xcf\xe8\xa5h,\xe4x\x90\xea\xff+\xc8j*.\r\xf2\xf3\x1e\xcb\xda\x8e _\xa6\x91\xfc\xddq&amp;\xb2\xa6H\xdd\xd0\xdb\xf9\x92|K\xeaN\xe5\xb9\xa6ME\xccA\x97\xae?\x13|\xd4\x1e\xd0t\xd3\t\xe6\x84\x87\xa7\x1c\xeb\xbcF\x97=\xea\x9c\xdb\xd1qP\x8cC\xeb\x07\xd9\xd1\x98\xa8h\x00W\xf3\x0f?T\xee%\xe3\xf2\xda*\x93\x87g\xa5+\x0e\xa3:\xe9\x90/\xb7U\xb4\x1d\xb1X\x81\x96[\x01\x89d\x90;N~(\xbb\x07m\xedc\xde\xec\x9c\x9b]\xf3\x18!S:\xadN\xcaY\x02\xb4\x0e\x84\xdf[\xb3\x82S\x9d\x9b6\xed@\x91\xc9\xba\xbc\xacI\x8a\xd2`\xa4C\xa6\x01!\xadB\xb6\x88\xf82\x9f\x00\xc98[\xf8\x17\xf02+\x19\x92p)\x99\xe1#\xbe\xb6\xc9\x9d\xab2\xa0\xf4\x08\x90\xec7\xbd\x07\xfc\x05:\xd5\xde\xeb\x92t\xefM\xb2L}]V\xaf\x8e\x8e\xf3\x8d\xb9$\xb9#P\x18\xea^\xc7\xb8\xa8\x89eB\xc7\x86\xae\x1afAB\xbd\xa3\xcb\xd9\x13W?\xd8o\x02\xc8\x15\xed@\x88C\xa6\xe9Tp\x01\xe0\xee\x19?0\xbf\xb3\xda\x8d\x1f\xe7\xb4\xb7F\xc1\x1e\xb5\xfc\xf8\xaa\x14\xa9/Z|\xe6FJ\xdfV\x92\xa8\xae\xc6m\x177\xf7\x0bt\x11\x9b\x822\xd0]\x1e\xe9\x9e\x9dk1\xae\x03\xed\xb9\xf2\xa9L\x08\xb3\x82J\x97\xca\x05\xea&amp;r*.\xc4\xdc\xccQ3AD\x84\x8b\x87qwd\x96\x82vP\xe8\xaec\x95t\x01eQ~\xb6\xe8\x04B\x05R\xdb.\xb1\xea\x94{;::\xb6\x05=\x02\xd5\xbb\x8f\xdc-\xe6\xf1X\x1e\x11\x13\xff\xb8{\xb2\xf4\xcc\x9b\xfd\xe1J\x91\xd7\xbe\xb6\x0f\x8e\x87\x92\x01\x01~ \xf0L\xcc\xc2j\x9a\xf7\xd7?`\xa4Q\'E\xea\xd2hn\x8b\xbdk\xde\xce7\xb9K\xdf\x1e\x11\x01\xde\xcc)\x05x\xb2\xd8\xfb\x8e\x88\xf8\x14k\x1c\xa3\x91b\xeb\x1e\n\xa3\xa1\\\xceF+\xda\xff\xd6+v\xaf\xf9\xb9\xfbf\xdb\x82\xf7\xa7\xc4MM;3\x81\xb5R\xdd#\x11+\x04\xf8f#At\x873"\xc2\xe7"|n\xc9H\xd4\xe2sC\x0e?-\x92\xf4\x8e\x92f\xcd\xe1c8\x97\x19\xe2u|\x051\x8e(\x8f\xed\x9e\xeajH\x84\xd3V\x10\xc6G\xde\x0e\x8f\xc7-\x85\xd0\xbc\x98\x90\xfc\x9e\xfd+IG\xc79\x03Y\xdd2\x8a]8\xf8o\xa0\xff\xc2\xa8\'An!L\xf6T\x91\xa2\x97\xec2w\x80\xaf\xd3\xb0uf\xd9\xb0\xd2\xd1\x0c\x992j\x05Q\x91Ci\t\x1b3\x14\xc6G\xff|\x12u;\x80[\xa7\xc4\xe6\x1a~G\xd2\xba\x1aH\x11Nu\xc5W\xe4\xac\x06\xbc\x0b\x00c_\x86\x07\x85\x8cn\xd6\xd5pp\t\xb1\xf7\xc2\x88\xb5\xba\x94[\xca\xb7\x05\xa1\x0ce\x06\xa2\xb2\x82\xab\xb1\xc0|\xb7$O[|%S`\x0b\xdd\xa5\xc0\xf9\x82\x06)\n\x8c\xebNi\xd9:\x1ar\x01DxF\xba\xca\xc5\xf8ogn\xa5\xf3\x13\x11\x10?H\xe7\x80B\xc1\x16\xd7\x00/^\x184\x99\\::N\x08~u\x03\x00\xf8\xe5\xccq\xd8v$\x13\xaf\x16\xf9\x8aj\x1bB\x1b\xd4 \xbe\xe2!|\xb1y\x93;\x94\xe0^\xf3\x88WG\xf5X\xdb\xc2-7k\xe7\xf6\xca\xf0\xec=\xc4\xc27\x8aB\xce\xbcnq\xfe\xfb\x17\xdbyu\x1b\xbb\xa5\x95\xba\x94\x978\xd7\xb1\x9eYb\xf48_f\xa4B\x08\xd3\xd4^^\xbbL\x8d-\xb9Q\x03\xac\xaf\x94Y\xf7x\xc6\xd8\xd8\x04NB1\xeb\xc8K\xc1\xd9\xef\xa4\xc3]\x93O3\xc8\xce\x17Z\xae]\x92\x17\x00\xcb\x17\xcc\xd43\x82\x9eU1V\x92l\xb8;:\xce\x19\xe2\xe1\x97?\x0e+\x8f\xe4\x8f-C\xf4gu\x9b\x97;/\xc8\xa4s"|!Z9@K`{\x19LQp\xb6\n\xe4\xda\xd7L\x982,^\x95\x1b\xf0\xe9\xb7-~\xc0L\xa6R(\x13^\x12T?~$y\xed\xd3\x98w%/\xcd\xa3\xef\x1b\xd9\xdb\x02\xcc\x85\x01"\\+\x94\x19\xaa\x10\xe2\xa4\t\xd9\xd2\x80\xed\xd2\xfc\x0e@D\xcf9.\x98@\x10\xa6eN\x7f^\xb7\x8a!\xce\xb2\x15\x9eE;G\xf0\xf9stA\xa9\x05b\xca\xfb\x1d]?\x9fg\xde\x05\xc0\xa2\x9am@\x92\xa4\x958\xcdT\xac*\x82\xb0\xa8\xa3\xe3|\xa2n\xfd\xaa1\x8c\xddr\x10\x16}\xb6$\xed\r\xd9p\x9co\x8f\xa6\xac\xd0\x18\x15M\x84\nv\x8a6$k\x8c\x99W\xf4\xf9*s\xef\x0b\x80\xe4\x10p\xa9\x1e#\xfd\x82\x142v\x083\xd0\xdc\x1d^o\xb0=\xd6\xf8\xc3\xb3R\xa5v\xbd*\xc5\xf1\xcc\x8b%\xf7\x14\xb7(t\xcf\x02"\xbc</t>
        </is>
      </c>
      <c r="E686" t="inlineStr">
        <is>
          <t>&lt;class 'numpy.ndarray'&gt;</t>
        </is>
      </c>
    </row>
    <row r="687">
      <c r="A687" s="1" t="n">
        <v>685</v>
      </c>
      <c r="B687" t="inlineStr">
        <is>
          <t>steps_per_sec</t>
        </is>
      </c>
      <c r="C687" t="n">
        <v>7700</v>
      </c>
      <c r="D687" t="inlineStr">
        <is>
          <t>3.1204386</t>
        </is>
      </c>
      <c r="E687" t="inlineStr">
        <is>
          <t>&lt;class 'numpy.ndarray'&gt;</t>
        </is>
      </c>
    </row>
    <row r="688">
      <c r="A688" s="1" t="n">
        <v>686</v>
      </c>
      <c r="B688" t="inlineStr">
        <is>
          <t>Loss/RPNLoss/localization_loss</t>
        </is>
      </c>
      <c r="C688" t="n">
        <v>7700</v>
      </c>
      <c r="D688" t="inlineStr">
        <is>
          <t>0.21053523</t>
        </is>
      </c>
      <c r="E688" t="inlineStr">
        <is>
          <t>&lt;class 'numpy.ndarray'&gt;</t>
        </is>
      </c>
    </row>
    <row r="689">
      <c r="A689" s="1" t="n">
        <v>687</v>
      </c>
      <c r="B689" t="inlineStr">
        <is>
          <t>Loss/RPNLoss/objectness_loss</t>
        </is>
      </c>
      <c r="C689" t="n">
        <v>7700</v>
      </c>
      <c r="D689" t="inlineStr">
        <is>
          <t>0.06568059</t>
        </is>
      </c>
      <c r="E689" t="inlineStr">
        <is>
          <t>&lt;class 'numpy.ndarray'&gt;</t>
        </is>
      </c>
    </row>
    <row r="690">
      <c r="A690" s="1" t="n">
        <v>688</v>
      </c>
      <c r="B690" t="inlineStr">
        <is>
          <t>Loss/BoxClassifierLoss/localization_loss</t>
        </is>
      </c>
      <c r="C690" t="n">
        <v>7700</v>
      </c>
      <c r="D690" t="inlineStr">
        <is>
          <t>0.14635323</t>
        </is>
      </c>
      <c r="E690" t="inlineStr">
        <is>
          <t>&lt;class 'numpy.ndarray'&gt;</t>
        </is>
      </c>
    </row>
    <row r="691">
      <c r="A691" s="1" t="n">
        <v>689</v>
      </c>
      <c r="B691" t="inlineStr">
        <is>
          <t>Loss/BoxClassifierLoss/classification_loss</t>
        </is>
      </c>
      <c r="C691" t="n">
        <v>7700</v>
      </c>
      <c r="D691" t="inlineStr">
        <is>
          <t>0.1162947</t>
        </is>
      </c>
      <c r="E691" t="inlineStr">
        <is>
          <t>&lt;class 'numpy.ndarray'&gt;</t>
        </is>
      </c>
    </row>
    <row r="692">
      <c r="A692" s="1" t="n">
        <v>690</v>
      </c>
      <c r="B692" t="inlineStr">
        <is>
          <t>Loss/regularization_loss</t>
        </is>
      </c>
      <c r="C692" t="n">
        <v>7700</v>
      </c>
      <c r="D692" t="inlineStr">
        <is>
          <t>0.0</t>
        </is>
      </c>
      <c r="E692" t="inlineStr">
        <is>
          <t>&lt;class 'numpy.ndarray'&gt;</t>
        </is>
      </c>
    </row>
    <row r="693">
      <c r="A693" s="1" t="n">
        <v>691</v>
      </c>
      <c r="B693" t="inlineStr">
        <is>
          <t>Loss/total_loss</t>
        </is>
      </c>
      <c r="C693" t="n">
        <v>7700</v>
      </c>
      <c r="D693" t="inlineStr">
        <is>
          <t>0.5388638</t>
        </is>
      </c>
      <c r="E693" t="inlineStr">
        <is>
          <t>&lt;class 'numpy.ndarray'&gt;</t>
        </is>
      </c>
    </row>
    <row r="694">
      <c r="A694" s="1" t="n">
        <v>692</v>
      </c>
      <c r="B694" t="inlineStr">
        <is>
          <t>learning_rate</t>
        </is>
      </c>
      <c r="C694" t="n">
        <v>7700</v>
      </c>
      <c r="D694" t="inlineStr">
        <is>
          <t>0.039667044</t>
        </is>
      </c>
      <c r="E694" t="inlineStr">
        <is>
          <t>&lt;class 'numpy.ndarray'&gt;</t>
        </is>
      </c>
    </row>
    <row r="695">
      <c r="A695" s="1" t="n">
        <v>693</v>
      </c>
      <c r="B695" t="inlineStr">
        <is>
          <t>train_input_images</t>
        </is>
      </c>
      <c r="C695" t="n">
        <v>7700</v>
      </c>
      <c r="D695" t="inlineStr">
        <is>
          <t>[b'1024' b'1024'
 b'\x89PNG\r\n\x1a\n\x00\x00\x00\rIHDR\x00\x00\x04\x00\x00\x00\x04\x00\x08\x02\x00\x00\x00\xf0\x7f\xbc\xd4\x00\x00 \x00IDATx\x9c\xed\xddy\xdcw\xdf9\xd8\xfbk\xfd&lt;\x92\xa8#m\x82$M\x1c!)\xe7E\x1a\x9c\x1aR)\xaa5t2D\xb5j*\x8a\xb6T)u\x14\xa7\x08Ez:\x1c\xd5:\x95\x9aJ\x1a\x95\x92\x9e\xa2Z\xb4D\xd5L(\xc5IC\xb5\xa8\x0e"\x04\x8d!b\xb8\xce\x1f{\xf8\xee\xf9\xbb\x875\\k\xad\xcf\xfb\xf5\xfb=\xcf\xfd\xdc\xf7\xfd\xdd{\xed\xb5\xd7Z{\xcd[\x0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9s\xa3\x7f\xa9\xea\xe4\xc7n\xfc\x0bX\xa7\xaa}t\xf5\x11\x19(\x02\x877\xca\xfe=\x9a%\xab]an&gt;\xb5\xff7\x17\x0f~(\xa2N\xdc\xb5s\x97\xb6}\x98\xd3g\xbf\x98\x12\xb6\xa3\xd1\x89\xc8\xa9\xe3\xdfb\xf5\xec\x11*\xf7\x13\xaaO\x14\x11\x11\xe7d\x96\xdcb\x940\x1eO\x17\xba`&lt;\x11\x92\xb9\x98\xf1\x0c\x00\xa9&lt;4\xfc\xc7\xbcDlJI\xed\xc4\nU\x96\xdc\xf8\xf1\xd6H\x1b\xa4\r[\xf7\xf4\xc7&lt;\xdf\xees\xf1\xd0|jOH\xdcJ3vX\xf5\xdc\x13\x86\x13w\xcd\xcb-\x8e\x93\xb1\xce\xdeSo)\xe1\xfaQ\x8a)\x85\x0e]\xc8\xeb9\xe7\\\xd3Uc\xbaH\xb9"\xfe\x9d\xdd\x8c\xc9\xa5\x1f\x15\x91\xf0\x00\xa0\xf7\xd0\xdd\xdf\x18\x96\xcbe&lt;}C\x89\xf2t\x8e\xf0\xa4\xd4\'\xdf\xce\xe5\xeb\x98~;\xa7\xe7\x87\x9f\xff\xfe\xa8\xaf1\xe4\x8d\x99\xdcvU\xf5Q\xd7\rf\xab\xe3\xd3\x8d\x7fq\x9c\xd6b\xd5&lt;\xefF`\x01\xa5\x90\x13q\xeeo\x1e\xfbD\xc4\xaa\xff\xf5\xee\x7fU=Qc\x8e\xdf\x06\x98_\xd0\xda5f\x9f\xe6\x00`\xecA\xea\x00\xc8\xbc\xd8\xcf\xb9\x97\xcbH\xc8\x17\x9e\xa4\xceI\xda\xe09\xd7\x8e\x91|J\x88\x83\xa7}B\x8f\'\r\xa8\xda\x9d\xea\xa2\xd1\x13\x81s\xeeh\xc5n-\x02O\x1c\xea\x82\xf6T~\x8b\xa3v\xa2\xe0\x85c\xc6\x8d\x84\xf6\x8c\'&gt;\x15?\xa5\x9d\xb2|q\xf1#\x19\x00"\x1b\x8d\x00$\xa8\xb5\x142\xa4\x1f\x8f{\x82H?Ye\xe5\xf1\xb5\x18\xa5\xcdd\xae]\xa7p\xd3/\xfcq\xce\xb9O\xdf}\xdc\x035\x8fqo\x9e\x1b8\x1a\xc4s&amp;g\xf7r\x9c\xf8\x86g\xff\xb2\xd9\x0f\xa3\x06eI\xd4\xc2B\x17\xbe\xda\xf5\xb9\xf5\x11\x8c.\xfc^\xaf\xe2C,\x16\xa0\xe7\xda8\xa6\xba~L\x05\x06\x00\x82\xd3u!j\xeb+\'\xc2%\x9b7\xd1\xac3s\x06\xac9\x17\xc9\xa7oP\xa0;{n\xfe\xc6\xf6\x01\xfb\x10\xaa\xaa\xc8\xa7\x9e&gt;\xc8\xdd\tB\x1e\x9d\x88\xdb\xc1G\xbev\xf8\x9d\xf1\x0f\xaf\x86?B\xa6\xce\xa4\xd0\x88\xc2wv\x00\x00\x0b\xe6\x9d\x1c\xd3\x02?hG\xc8\xe2\xd3\x85\xae\x97\xeb\xd6\x1e\xdb\x9e\x16\xad\xee\xdd\x9f\xc7*[\xd3\x13\x867\xebh\xac\xf6\x9fM{;\xb6\x93\xc4&lt;5\x9e\x08\xed\x95X:\xe7\\\xdcN&gt;5\x88\x99\xdb\x15\x84\xdb\xaf\xc9\x97\xf8\xb1\r\x00\x88i\xa5d\xef\x8a\xff\x08E\x7fUm\x80\xb8\x8f\xd5Q\xd4z&lt;\x9d\x91J\xa7\x1c\x8c\xcfY\xb5I\xec4\x03NGi\xf4{\xa1K3\xe3\x17\xbf\xb9\xf1\xe9\xd5_\xd6\xc1^\xba\xeb\x1f=p\xb1\x0f\xa9\xfe\xe6\xc1\x8f\xcc\xcfx\xf8\xb3\xaa\xda\xcd\xa0S\xbd}\xbcm\x0c\x88\x87\xd9u\x11\xda\x00\xcdILe\x13\x00\x80/\x0b\xbb\x00E\x1e\xf4m&amp;j\x7fP\xc43&amp;\xb4Pi\ny\xb6\xbeZ\x90\xbc\xa6\xee\x85\xe7i\tE\x8c\xea7w6\xda\xed\xdd\x8e\xf8\xfb\xf7e\xfcn\x81\xc5\xf9&lt;~\xa7\x9d\xfc\xd6\xe5\xa89s\x80n\x85\xced\x8f\xa8~\xe1\xce\xc5 \x89\xbf5\'\xdb\'\x11v\xbf\x04\x80R\xcd\x9f\xb5Ig\x7f\xc6\x9e\xe6{\xc5\xb9\xf8)crm\x92\xc0\xcf\xa6&gt;\x1f\x9e\t=\xf9x\xe8\x00\x1f\x12.H{"\xe7T\x04.|\xff\xe8A\x16\x8f\xb3X\xeb\xbc\x90e^\xef\xcc\x87\xde\xcaN&amp;\x8d\x17\x8c\xe5\xdb\x01\x00(\xcfb\xf9\x9e\xb6\x86\x9a\xcbS\xe7J\x8d-\x8b\x0b\xb4fZq\xfc\xdc\x8b\r\x80Z\xa8\xaa&lt;n\xbd\xa3\xfd}O\xc6\xe1\xa5\xf0\x1c?N\xcc\xbbf-\x85\xc4\t\xcf\xfc\x8eX\x8b\x07\x00\x80/\xabc\xc7\xba&gt;\x1974\xf57S6(Ue\x82lL\x93\xba\xc8d\xaf\xee\x9d\xc9\xb5\xffH\x19\xd3\xa2\xf6XL\xa8\x8b\x15;\x7fq\xd8\xae!\xbav\x90d\xda"\xc8R\xee\x8eS*v\x17n\xe5\xaa\x01\x00\x81X,\xe8-\xd7\x0c\x90\xd0\xbc\x01\xd0\x7f\x9b\xa4r\x9c\xf6K&lt;O\xe4\xb8\x8d\x8f\xec&lt;\xda\xfc\xd7N\xd7&gt;\xbdW[m\x16A6C\x05\x00\x08&amp;\xe0\xa6\x85\x16\xde\x04&lt;\xc5\xe3\xad\\*z\xbe\x0bs\xb8\xaf\xe2\xec\xdb8\xea\x16o\'b\xb0\x1f~\x19\x0f\x15^\x9a.r\xeeu\xce}zH8h\x19G\xe2\xd7]\x03\x00"\xea\x9en\xa1\x1em\x0b\xbb\x00e\xad\x9d\xb4\xca\xbcU\xa3N\xbd tr\x88\xb8\xaf\xf8\xad\xdbx\x95\xc5G\xacd\xab&amp;\xbb\x9d\xcay\xa3\xfb\xb8\xe3\xb6\xceg\xa5O6$=v\xfa\xbc\x90\xf0\x01\x00\x9e\x94\xf60\x19\x8c\x92KyW\x07\xc44_\'0\xdf\xfe\xbf\x9f\x95~\xef\x97W\x0f~\xee5[\xb2\x90\xc7=\x0e\x95\xea\xde7\x1b`\x07\x96\x16\x00\xc0!\'\x968\x1eu~\x04`\xd7&amp;\x1e\xe96[d\x0c\x00\xb8\xe2\x19\xf7+\xf4\xce9\x0fC:\x17\xb6\xd2\x9a|\xd6c\x11IU\xd5\'b\x13\x00\xac9\xd9\x00\x98l\x15\xb7\xfak\xd1+\xe2\x83W_E=/\x8a\xc1\xbe\x87\x8dW\x1d\xff\xf3^~z\xcd`\x01\x19\x994B\xc2\xdd\xab\xe2\xbb\xabU\xf5%\xd1\x92z\xf1\xb1\t\x00\xf5\x18M\x0e\xbe\xf7+QC\x86\xeaxL`$\xd7\x9b\x1dy|\xf9\x97C\xc7\xe1\xf0D\x9f\xcf\xfd:\xa1\xbfM\xc4\x1e\x00\xd8\x13\xe1y\x1a\xb4_\xe6\x16l:\x80\x90\x0b\x8f\x9b\xc9\xe43\xf5yu\xca\xfb\xa1\x99\xfa\x11\xe6,\xceO\x14\xfa\\\x11$\xd9\xbf\x88ME[]D\xd4\x1e\x0f\x00R\x9b\xd6\x19\xbaev\x81N\x17t\x17 v\xac@~\xbc\'Z\xfbC\n}\x00\xd7\x16\xf2\xee\x8c\x93h\xf9}v"\xeb1\xbc\xa1\xdf\xe8-\xf2y)\x9c\x1bI\x93N\xb25r\x00\x0c\x9an\xf4\xe6\\\xd0n\xfa\xe0\xef\x01\xe01\x83\xd3\xf2\xe9A/\xd9\xa1\xf8w\xce\x05}q\xc9\xf0D\xf6[VG$H\xe4\xe4,I\x1a\t\xfd\x1b,\xb8\x11\x00\xe2;\xd6\x00PU\xb6\xd7\xacI\x8c\x9a\\\xb6\xee\xef\x14Y\\%u\xa7T\xe3\x00Y\xba\xfez\xaf\xae\x9d,\xe4V\x00\xc0N\x87\xa7\x00\xcd\xb6\xde\xcbR\x95\xd5\xb2\xc3,DR\x84:\x9e\x9e\xda\xacv8mfc\x99\x8e\xfdW7\x91\x17\x12\xdbL!\xfb\x13\'\xb7\x11\x00\xb0\xdf\x81\x06@_Q\xc8\xfeI\xd34b\xb2\xbf\x8c\xe0\x92\xd7[]\xe0\tp\xbd\x13iac\xbdlFr\x0csm\xb8E\xa5r\x7f[\x84\x1d\xab\x01\xd8w\xeb\xe9\x0c\xfeD\n~\xfc\xae\xcb6\xf8\xa3\x95\n\xd6!I6\x8d\xbd\x94\x12\xfc\xef}\xf95&gt;\x0e\xb2\xd7l\xefN\x92\xab-{\xd2U\x9c\xadW\x01\x00%9\xd0\xf9\xd0\xce4\x95\xb0]\x16q6\xa7\x8b\xb5\x05\x9e\xaa\x162S9\x8e\xf1\xaa_\xcb+\x10&amp;a\xbb\xbf\x1e`\xefqUCg\xb1\xf9\x19\x9b/H\xa8\xf9bu\x16\x00\xe0\x90c\x0f\x8c\x08\xfbUG\xda\xe1\xfb\xb6\xf7\xb3\xf0\xd4\x84\x1d\xf17&gt;b\xab\xa5,$yW\x00\x00\xa0T\x16\x9f(q^\'4\xe8\xf8\x14\x9b\xf1\x00\xf3,\x8fQ\x00\x00\x00\\\x10\x7f\x8eiw\xba\x8f\x8dr\x1e\x0f\xd7\xc5\x1c\\\xec\x14e\x15\r\x00\x00\xc0%\xde\x979\x9a\xe2\xe5\x8a\n\x8e\x1fxv\'\x9d\xbc3\xa9\x08\x00rE\x01\x8e\x92T\xb2O\xc8\xa5\x8a\x17\r\x80\x91\x7fr**j\xe9\x1a\xdf\x8a\x9c6\x15U\x11\x0f\x00P\x1a\xaa\x01\xc8\xc5\xae\x19\xcc\x91\x16\xe6&amp;u}/\x14\x16S\xf6NDE\x9c\x85\x1f\xf6\xb1\'\x0f\x8e`\x15\n`\x0b\xeb\xf5\x91\x8b]/\x02\xab*5\x9fn\xbeW\x15K\xdb\x8e\xbe\xfc\x96.\x93\x1e\xa9\x08;1\xe2\x08\x18D\x19\x8e\\\x1cx\x130\xee"\xe7\xdf\x1c\x89\n\xe2m\xc8\xb9\xa3\r(\x00\xd8Fc\x11\xc0\xc8\xe1\x06@\xa95\x93q\x95\x8b\xb2R$n\xc7|\x1f\xff\xd4}\x81=\xc8)8\x82\xd4\x02`\xe4\xf8\x9b\x80\x0b\xdf5\x9fw\xf7\xb6\x98\x8c\x0e\x00\x00P\xa4\x03#\x00]E\xb0\xec\xea \xb3/\x1a\xba\xf25\x00\x00\x00\xf2vl\n\x10\x95\xe3\n\xb1\xd0\x10\x00\x00\xa0$6\x17\x01S\xe5Ln\xd4\xd2{\x02\x8d\x00\x00\x00\x80R\x98\xeb\xd1g\xea\xb9\x1d\xec\xcd\x0f\x00\x00P\x1es#\x00\x83\x8a&amp;\xbd\xce\x00\xb0\x8a\x17\x01x\xc2+\x15\x00T\xc7\\\x03`P\x10\xd3\xe5\x9c\x18\xbd\xfe\x80e\xe4P/\x9ag\x0em\x00\x00U1\xd7\x00\xe0\x816\xc1c\t\x08AU\x9fK\xe6\x02\x00dH\x8b|\x1b\xbc\xaa\x9e\xdez\xa6\xbc\x18\xb9\x12\x1b^\xce\xae\xaaL\xc7By\xca++pN\x9b\x12~\x85\xc4\x00 \x17\xca#lA\x891R\xde\x15\x05B~\x00p\x0c\xcfQ\x00\xd9\xa1\xe0B\x04\xd9\xa4\xb0\xd7#?,!N\x80\r&lt;G\x01\x00\x18Qe\x98){\xdcA`\xcb_ \x83\x00\xa8\x0ekn\xb1\x85\xd72\x00\x00\x00\x14\xc6\xdc.@{T\xd2\xa3i\xe12\xa9\xf7\x03\x00\x00\x14\xe6A\xea\x00\x9c\xe12\x9a\x96\x9e?\xda\x00\x00\x00\x00@$\xc9G\x00\xf6\xb00R\x01\xe4\x88\xbc\x83\x06\xc9\x00@dYN\x01\xaa\x07\xbd\xef\xb0\x89\xfa\x8a\x0fm\x1c\x12\x99\x00\x80\xc8h\x00\xe0\xaa\xae\x91B%\xa6\x16M\x85\x95j\xebe\x1e\x9a\xf7\xbc\xaa\xaf\x0c\xf4\xf5X\xc4\x00\x1d\x8aF\xa1\x03\xe0\x98\xe1C\x91\x8aKZ\xec\xd3\x05\x008\x81\x11\x00\x94a\xd6O\xa37)\xc2S\x0b\xa2\xd7\x0cn\x04\x00`/\x1a\x00\xc8\xc3\xc6&lt;\x87\xa6\x92?\xac\x89Nj\xfdTRQ*\xfa\xfd\x01\x00\'\xf0\xf4(\x89\x96zCG\xf3\x1c|W\xe7\x9d\x93R\xe3-\x1cUuN\xfa;\xc1\xfc\x93\xd4\x8a\xcd\xfb\x00\x80\x10xf\x94\xa3\xa9\x18\x17S\x9d\x8d\xd9m?\x8e4m\xfe\xd0\x82"3\x10&amp;\xa0\x03\x00\x90#\x8b\x8f\xedAEVl\x86\xd0\xa6\x92jc\xa6&amp;\xed\x14\x10\x9f\x81\xdc\x92\x9c0\x19\x05\x00\x80l\xd8Z\x030[\xb2\xe9&amp;?\x8d\x1c\x9el\xe5\x1aQ\xefer\xd9\xae\x8e\xa5\x0e\x8e!\x8e-`\x01\x00\xc8\x90\xadN\xbbI\xed\x8a\x9e\xd7C\xb2\x1d\x01\xd0\x17\xaa\xbcE\xea@\x1c\xe2\x1e\'\xf2\x92\xbc"94\xe6\xa0\x03\x00\x90\rC\xcf\xecY\xed_\x16\x83\xd7M\x102\x14r;T5\xaf\x98\xc9\xbdC=\xaf\xd8\x06\x00\x00\xc9Y\xa8\xadE:}\xb3g\xc8\xf6\xe9\xe6u\xc1\xc5\xd8\xa1\x01P\x86\xdc\xab\xfeC\xa4F\x00\x00\x90\x918k\x00TD\xee\xd5\xf7vU\x07K\xaa5\xd6G\xa5\xdd\xcb\xbf\xb4\x99\xf4\xaa*\xefP\xd4\x15\x01\x00\x80\x82\xc5\x1b\x01\x90\xcd\x8e\xd2\xc5\x1a\xe1\xe4\xf7\x87\xbfC\x9fkF\n\xab\xee\xdf\xc5\xe6\xa1\x00\x00\xc02+\xd5\x94=\xf3\x7fF\r\x00a\xdb\xc1&lt;\xd4V\xfb\x1f\xa2\x99\n\x00\x00\x0c\x98\xee\xd5\x11p\n\xd0\xe9=\x13\x9dsK5\xa7\xf1\xa1\xa8Y\xe5\xa0\xe6\xda\xbfT\x7f\xf9\x00\x00\xc0\x82y}$\xf8\x1a\x80\x9du\xa0\xe3}\xa5\xb4\x00\xec\xa3\xfaK\x1b\x00\x00\x00$6\xaff\xdf\x1a\x00\xaazw\xa1\xee\xc5\x93\xed\xf9\xfd\xf5\xcf0\x9f"/T}[D\x04\x00\x00Hk21\xc7\xf5\xdf\xbd}\xcbtE[U\x8d\x87\x10\xaf\xae\xfaK\xa9\xc3`\x14I\x17\x00\xcc\xb2\xb0;;\x10\xc7\x83\xd4\x018\x8a\xbci\xd9\x9e\xfd^+\xc7\x1bs\x01\x00@bm\x03\xc09\xd7v\xae\xa7\r\x0e\xb2\xc5D\x17\x00\x00\x80,P\xe1\xc7%\xd4\xfb\x8fr\x83\xff\x01\x00\x00\xe2[\xdf\x05\xe8\xafP\xb1\xc3\x1d\xd4\xfeOPfI\x01\xb6\xa9\xaa\xc8\x0bR\x87\x02\x00\x02Z\xeb\x86l\xabv\xcc\xb8\xc7\x1aj\xffW\xf0\xb6`\xc0\xa6\xbed\xe3\xf1\x07\xa0`k#\x00\x0b\xbb\x03\xf9\xa2\x1d\xefGF4\xdc\xbe\x8bT\xa5\x19\x0cH\x1d\x10\xa0H\xe7s\x16\xf5~\x005x\xa8\xa9\x90\xcf\x8b\xcb\x8f\x12\x91\xb6\x9f\xd2\xb3\xbex\xa5\x12\x99)n\x9c\x17\xff\x88X\x04\xc2\xb8XD\xad\xbc\x8d\x1e\x00\xca\xe1\xe6\x95\xb98\x05_s^\n\xd9\xecP\xfb\xf7h0\x0f\x88\x8c\x00\x00\x00"Y\x98\x02\x14\xa7\x86G\xd5?G\xd4\xfe\xfdj\xe7\x01\x01\x97-\x0e\xe4\x02\x00\xb0\xe8\xa1\x84\x15q\xda\x00\x99\xa1\xf6\x0f\x00(\x1d]](\xc5VJ^^\x04L\xea\xc7\x0ci"\x0c\xb6\x03\x82\x0f\xce9\x12\x12\xe0\x0fO&lt;\xe4\xad\xd9mg\xa3&gt;\xff\x90\xd0\x13\x8f;T\xd8\xb4)\x0c\xd7\xff\x01\x00\xb0\x81\xe64jpK\xe2\x93*\x1e\xad\x02\x88\x08\xa3A\xa1\xf1B\x00\x00\x00\x10\xd9\xfa\x9b\x80\x01j\xff\x00\x00\x00\xc5Yn\x00\xd0\xfd\x0f\x11\xe6@\x02\x00\x00\x14\xe8\xd6\x00\xa0\xce\x8f\t\xea\xff\x00\x90\x1a%1\x00\xff\x86#\x00\xbc\xfd\x107\xcc\xfe\x89\x84w\x01\x00\xe9\xa9\xbcK\x9f\r?/e@\x96QD\\\xc4F\x16\xa8\x85\xea\xde\xd4N}\x1f\xcb\xca..\x9d\xa5\'*\xeb\x80\x81\x84\xfa\xb2\x8e\x0e\xb0bu\xf7\x98[\x8c\xe25\x89}ORO\xbc\x08\x98\xb7WZU\xf2M\x99g\x8b\x0f\x11I\xb9\xeb\x1b\x83\x00\x00\x10\x8es\xa3\x19\x0e\xaa\xbc\xd8\x06\xa5\xda?\x99\'l\x03@;\x1b\x99MUD~:h0pP\xd9\xbd\xff\xa2"/\x1a\x7f\xe7\x1fJ\xdb\x02p.A3\xe0-\xda\xbf\x8b\x8et\xc0*7\xa9\x1d\xc20/\x9d\x86\xf4;\xe2\x9c\xc2\xeaF\x91F\x00\xb4\xffc\xac)sU\x1f\x1b\'\x18\xd8\xe1\xa1\xb2R\xf8\x82\xb7\x17\xf9\xd4}\xbf\xe9D\x9c\x13\xf7\xfe\xe2\xba\xb6A\xf3\xdf;x\r\xcf\xf7\xde\xbe,=\xea\x01\xe0\xac\xa6\xfa\xe5\xeb\tUXe\x0e\xa1u\t\xa6\x9cd\xf3P\xb4&lt;\xb0v\x1e\xba^,Q\xd5\xdfL\x1d\x86\xe0\x9e&amp;\xf2\x15\xf3\t?\x1fr\xfb\xb2\xaf\xe8\xb7\xbf\xf4\x8f\x9bo\x7fi\xf7\x03\xf7M\xde\x07\n\xbe\xc3\xef\xe1\x00\x00\x08\x82\xb6S!\x02\xdfH\x1d\ny"\\\xa3\x15\x91\xee\xbf\xcf\x9e|\xb3\x19\x19\xfe\x1e\x95?\xd0}-*\xf2\xaekQv\xfbO\xf5\x93\xbc\x04\xa9\xa0\xae\x05\x00\xf0\xab--\xafO\x01\xea\x0b^\x9cRm\xd4\x15v\xe1NU#t\xc0\xc79\x0bN+,Yo\xfb!\x917\xe9\xbe\xfe\xdb"\x1f\xdb\x8f\x06,\xa4\xd0\x9d\x89V\x87_\x9e\x8eJ\'\xc3q\x07\x00\xc0\x8d\xee\xde\xded\xdf\x91\xd8\x14\xe8\xa4\x8b5:*\x84F4\r\x00\xa1\xceQ\xb5\xaa\xaa\xff""\xf2\xdfE\x9e0\xfc\xf7\'\x89|\xe6\xf0\xdfW\xb2\xc3\xa5\xd8\xa4\r\x00\x00\xe1\xa9*\r\x804\xfc5\xe4pI\xb3\x08\x98\xdbP\xb1\xfaj\xff"\xf2\xf8\xe6\xaf~\xb2\xff\xad\xf6\x7f};P7\xdfJ\xe8\x0b\xc7g\xfb\xcb\xeb\x1fV\x11y\x89\xb0M\x05\x00\x84\xc4\xe2\xc3\x94\x88|\xff&amp;\xf3\x8aw\x884\x05\x08fUY\xff\x17Y\xeeg\xf7\x98\x11\xd6cU\xe5Q"/\x13\x11\x91\xb7\x18m\x014\x0b\nC\x01\x00\x00\xe0\xaeqen\xcf\xd4\x1e\xaa\x17\xb5\xab\xb7\x01pK\xfbqr\x81N\xfen\xfc\x84\xc8\x13W&gt;0\xc8\xbf\xe4S\x00\x00\xb0jR\x9d\xbb\xdb\xb9O\xc5\xa2r\xd5\xd6\xff\xe37\x00d\xed}\x18\xdbw\xc0\xd1\x06\x00\x00\x00\xf7i\xb3\x13\xc9\x9e\x11\x80H/\x02\x83M\xd5\xd6\xfeE\xfaz\xf7\xb7E&lt;\xa5k\xff\xf8\r\x91\x8f\xd8\xfb\x99\xff\xa9"\xffZX\x12\x00\x00\x80q\xa9w\x98u\xd2\xbe\\\xcb5a\xd9\xfcU\x7fXN\x90\x97z;\xffE$\xd9$\xfb.\xce_$\xf2F\xf2\xfbE\xbey\xc7g\x06c\x00\xe4/\x00\xf0\xab)\x96)]s\xf5\x1b\xaa\x0f\x8cT&gt;\xbbz\x95\x85\xcap_\xc7[\x0b\x8c\xb7\x11\x80\xcak\x93\xd9\xe1~\xa5\xf4{D\xdeHt_\xed\x1f\x00\x10\x92{7\x9e\x879\xf3R\xfb\xef\xde\x07zM3\xcco\xa0\xf6\xbfG\x1e\xa1\x84o\xd4\xff\x13n\xb3\xd3\xae\x048z\x07x_\x07\x00\x00\xb2\xa3{\xfb\xc4\x01\x0b{\xc8\xde}\xdfB9\x97\x8a\xfd\xa8\xfeK\xca=vt\xfc\xc7^NF+\x97\x01\x00\xa8\xd3\xb0\x1a\x93K\x8f\xbb5,\x02\xae\x0e\xb5\xff\x86\x8a|v\xfb\xba-\xed\xfe{R\x943\xbb\xfe\x8fC\x8e7\x19\x00\xa0^\xaa\xbcQ\x11XE\xb3\xa9:4\x00&amp;\x9c\x88&lt;C\xe4\xab\xa7\xdf\x0b\xe9\xf6N\x80\xe3\x83\x00B\xb6\x05\x00\\\x91\xfb\xae-\x83)@\xc23\xf1\x1cF\x00P;\x15\x91\xaf\xea\xc6\x00Z\x7f7\xf09O\x96V:\xf8\x1f\x00\x80:\xb9\x0e\xb5\xff\xd3h\x00\x00\xa2"\xcfl\xbez\xa7\xe6\xafG\xcf~\xe5\x81\xc8\x1b\x8b&lt;\xc3\xdf9\xdb\x89@G\x8b.m\xdf\xde\xa0"_\xeb/0\x00\x00\xe4 \xf1F\xfb@\x9e4\x13\xa2\x9a$\xac\xf2\x9c\xf9\x9c\xd1\xe7\r\x16\t\xf8\x9dQ\xaa"*?\xa4\xef\x7f.\xa8\xef\xa7"\xef\xe8/0@RM\xaa\x06P\xa5\xf6\xb9\xf6\xaf\xee\x17\x02\xb7\x87 \xaea\xe8\xa4"\x19e\x98&amp;]~\x9c\xc8\xdf\xdc\xfd\x91\xb7\x14y\xa1\x97\xf3N\'\x14\xce#\xed\x91"/\xbf|*9\xbd\x12\xa0\xc7\xdcG\x14\xe3Y\xaa\x9f("l\xe8\x01T\xea1\xa2/\xd9\xb3\xd3\x9d\xb2\xff\x8f\'\xc4]-2\xaa\xfd\xf7\x9c\xc8\xbb\x8a\xfc\xf3\xc8\'\xbd\xdf\x00\x10O\x19\xe7\xe4\x0b\x01F\x81\xa0\r\x80r(\x89\x19\xc0]zo\x87{\xec\x91A\xf4q\xa7\xbd\xc8\xb4\x01\xf0\x08\x91_\x8d|\xd2]\r\x00\xb1\xd0\x06p*\xf2\x10\xf9\x02\x00\x00\xa1\x13\xe1\x10\xfb\x8b\x80\xdb\xaaQ\x8e\xf5W\\\xf7\x8a\xf8\xb9\xf9_L\xfe\xfd[\xa3\x7f}}\xff\x95\x97\xf5\x00\xd7.\xce~\xf6\x05\x00\x00\xf6P\x83\x80uo\x1a\xf9|\xef2\xf9\xf7\x9f\x1f\xfd\xeb\x0fM\xaa\xfd*\xf2SW\xcfx\xba\x15\xc0\x96\xa0\x00\x00\xb4\xe8\xfe?\xc0~\x03\xa0\xdd\xe9\x95\x19@\x15j\xfa\xd8\x7f q(\xbe\xe0\xf6\xa5\x8a\x8a|\xb1\x88\xfc\xd5\xe1/\xbc\x8e\x88\x0e\x87\x06\x0e:?\x8b\x9f\xba?\x00\x00k\x98&lt;\xb2\xc1c\xb5Z}\x1f\x10&gt;\x91\rvZ]\x030\x98\xa9\xbfYg?\x91\x05\xf4\xfc2\x80\xf7\x12y\xfe\xdf\x12\xf9+\xa7&gt;\r\x00@\xb1T\x95\xed\xf2\xd6\x10)\xb5\xa0\x01\xb0\xd3\xac\xb0\xf8\x08\x91\xffg^A_\xce9\'\x0b\x1a\x95\xf6\xf5^\x87\xfd\xb8\xc8\x93(\xdd\x00\x00\xc0\x11\xd4\x1b\x8cQ\r3\xdb\x89\xfa\xff.\xb3\xda\xff{\x8b&lt;Od\xefF=\xee\x87D\xdeD\x8eg\xabk{\x01\xd1\x00\x00\x00\x00G\xd8_\x03P\x99Pk\x1db\xaf\xa4\xcd\xd1RM\xfay""\xef\xb3\xfb\x10O=yf\x11\x91\xdfw\xee\xb3,\x05\x06\x80zP\xda\xa7TRg*\r\x80J\xfc\xfb\xd4\x01\xb0n\xab\x1f\xfd\xcb\x8e\x1e\xec\x97\x8f\x9f\xff\x8d\xe5;\x8e\x7fHDD~\xe2\xe4\xe7\x00\x00\xb1\xfc\xe5\xeb\x15GUU\xd5\xa2\xea\xa0\xd9)iC\x9a\x82.\x05\xeb(/\xeeZi\x00\x1c\x9b\x9c38\xc6\x99\x95\x00\xa7\xef\x92\x13\x11\xf7\x0e"\xdft\xf2\xf3\x00\x80\x90T\xf5\xea\xfbL_E\xf57n\xff\xe2\xed\xa8\xb8\x88\x11\x80\xf2Q\xfb\xbf\xcb\x89\x88\xbc\xaf\x9fc}M\xf3\xd7\xd18\x7f\xf5\xcb\'~\xc1\xe5#\x00\x00\x82p\xee\x1b\xaf\x1e\xe27\xa9\xf1\xc3\'\x1a\x00\xc8\xc0\xa7\x89&lt;E\xe4\x8f\xef\xf8\xcd\xe6\x95\x11}\xcf\xc8W\x89\xb8\xf1\x7f+\x1f\x93v\xba\xff)\xa3\x83\xdf\xde#\xf6\xe7W~}\xd1/\t\xe3q\x00P\xacw\xba~\x087p\xfdh8AUY\x86\x01\xbb\xb43\xf9g\x8e\xa4\xf9O\xba\xff\xee\xfe\xfe-g\xce\xb3\xe8K\'G\x18\x1c|m\x02~{\xd2\xed\xf3\x8a\xde~g\x14\xda#7MD\xe5\x0b\xf5\xef\x9d\x8a\xa5\x17P$\x01\x00\x10\x98\x16\xf4\xb4e\x04\xa0d\x9a\xff\xe4\x9f\xe9\x05\xb8\xfd\xdd\xe4\xf3_|\xed\xe6\xf3\xb7\x0e\xfb\xf7\xe8\x7f\xeb\xe9[\x07qw\xce;\xac\xef\x7f\xb5\x88|\xe1\xf0\'{|`\xfb\xf7\x87\xc8k\xef\xfb\xc0\xc4\x1f\xdc\x7f*\x00\x00pJI\xfbn\x17r\x19\x98\xe8\xab\xfe\xee\x1bE\xdf1mX\xaeZ\xc8nK\xabr\xdd\xf2\xaf\xce\xa9\x88\xc8SE~h\xf4\xd1u\xef.\xf2U\x1b\xe7\x9dk\x0f\xf7H\x91\x97/|{\xe65D^\xde\xaf6\x96\x0b5\xf9nL\x98L\r\x00\x00\xb6PW0\xa1\xa9\xaf\xfb\x9d\xd5\xd7\x1d\xf3\xe4+f\xedX\xac\xd5O.\xeaH\xdd\xf7\xc7D\x9e&lt;9\xfc&gt;\x87\xdf\xd7;\x0b\xf9\xda\xb9\xfe\x9c\xc8\xe7\xf5\'\xb9r\xbb\xdc\xf7\x88&lt;m\xe3D\x00\x00\x00L\x01*W\xb7N(\xfb\xba\xe0\xa0B\xec\x86_\xb5\xff=\xff\xe8\xbe\xbcM\xed\xff\x93\xb6W\x05/q\xd2,2\xde\xfd\x01\x95\xc1\x8a\x80-\x9f\xb7\xfd\xe3\xfd\xf4\xad\xfa3\x03\x00\x00,\xa3\x01\x80\x1c,\xce\xf8i\xfe{\xaf\xe1w?r\xc7\xb1&gt;T\xc4\x89|\xa6\xaf\xa0\xdd\xa5\xb7w\xf5\xf6\x97\xf1W\x02\x9e\xae[\xfb\x1d\xee\x14\xc0e\xa4O\x00H)\xfb\xeea\xdcU\xc0R\xe0\xf1\xfc\xfe\xc1\xe5&lt;J\xe4e""\xf2\x83"oz\xfb\xdd0\x8e\xbd\x14l\xe2\xedD\xbeu\x1a\xb4w\x12y\xad\xd1\xf6\xa3\xbfO\xe4\xdb&lt;\xd4\x8c\xba\xa8z\xcd.v\x00ST\x95\xd7\x18\x01@J\x8c\x00\x14\xae\x80\xda\xbf\xdc\xaa\xfc:\xf9R_\xd6\xed\xc0\xf3&amp;"*\xf2\t\x12\xb6g\xf1\xd9\xe7?:\xab\xfd\x8b\xc87\\y\xf9\xc0\x86.\n~\x8e~V\x98D\xd5\x1f\x00\x12\xa3\x01P\xb6\x82\xea\x7f\xb3K\xd1\xf9?\xff\xba\xc8?X\xfaUO\xa7\x7f\xf1\x87\x05\x8b\xd0w\x13\xf9:?\xdd\xff-\x15y\x19\xfb\x83\xc2(\xba\xff\x01 -J\xe1\xa2}\xbe\xea\x9fM\x1d\x06\x7f\x86\x89u\xadV\xbb{3\xd0\xa3\xf4\xe2\xfe&lt;"\xe2^O\xe4\'W\x0f?\xfe\xdb\x8f\x8f\x10\xf9\xdc\x826-\x06\x00\x00^0\x02P\xb4\xff\x92:\x00^\xedy\xc5n\xb7\xd4\xf6\xcd}\x9f\xd9C\xd5\xfc\xcb\x7fB\xe4\xf5\xb6~\xe1\xb7.\x9fb\xe2\xef\xfb&gt; P\x9c\x83\xef\xf5l\xdf8\x0e\x00y\xa3k\xb0h\xbf\xae\xfa u\x18\xa2;5\x08\xf0\x0c\x91\xaf\xec?=\xf6t\x91o\xf7\xf5\xc4_|\xa9Y\xe3\xd3D&gt;\xc5\xcfI\xc6g\\\x89\x8a\x10\xaf\x9e\x00\xb2\xd3f\x04\x91\x9d\xdb\t\x93q\x00\x94a&gt;\x02\xa0\r\xf9&lt;:9\xf2W_\xed_D\xe4;\xe5x\xcb\xf6+\xbb/\x9e5\xfb\xd1\xb7{\x9c\x973\x1dJ\xe8^\xfd\xabaj\xff\xfd)V\x7fH_&amp;pd\x08\x80\x8a?\x802\x8cJ\xb3ym\x80~\x8e\xbc\xd5W\xbf[\xeb\xf0\xde\xa1\x8f\xaa\xaf\x98\xbc\\\xc0o$\xde\xdeY\xfc\xa1"_\x10c\x89\xeeb.\x1e&amp;\r\xb29jF\xa7&gt;\x80\n\xdd\x8a\xbc\xc5\xba"eb\xe6\x8aj\x01\xcc\xde\x020\xfb\x85K\x0b^\x7fQ\xe4\x91\xd3\xef]^\xf8\xbb\xc8\x89\xc8\xfb\x88&lt;O\x1e/\xf2\xdf\x02\x1c\x7fz\xba{\r\x80\xb5\xdf\x01\x00\x00Ej\xa7\x00\x15UOD\xa7\xb0\xbb\xfa\x9e\x9b?\xbd\\\x81}\xa4\x88\xc8\xbb\rZ\x18aj\xff"\xf2*\xd2\xbe\x00\xe0\xf5\xc3\x1c\x7f\x8fa\x8d\x9f\xca?\x00\x00Ui\x9f\xfck\r\x00\xfa\x053\xf6x\xd5\x08\xdd\xcb\x11\xf5iq1\xb1\xfa\xd8\x00\xb4\x9b\x92\xdf\x8d5\x84k@m_\x8b\xe7s\xad\xe5\xe2\xe7\xab\xfe\x89\xcd_\x00\x00\x00%\xda\xda\x06\x94ZA\xd6\n\xab\xfdK\x8c\xba\xf2G\x89\xdc\xea\xe6e\r\x9f,\xf9\x93\xae\x91:\x1c\x00\x00 \xaa\xb6\x01\xb0R\x05\xa0f\x00[6\xb6\xecV\x11y\xe7\x8b\x87\xff\x9c\xdb\x97\xefq\xf1P[~\xaa\xfb"N\x1b\x83\t~\x00\x00`hk\x11\xf0\xce\xae\xc1\xfe\x83t%\x9aRa\xb5\xef\xb7\x89\xfc\xea\xd5Y@\x1f\'\xf27Eb\xcc\xff\xf9Y\x91\xd7\x0cv\x8a\x853\x92=\x01\x00\x80\x88\x0c\xa7\x00M\xaa\xefGk\xffRe\x8d\x13\xa6\xfc\x8a\x87c\xfc\xad\xf6\xef\x8f\x97\xa7y8\xda\x96\xd7\n|\xfc\x11*\xff\x00\x00\xa03\xad\x17\x1c\xed\xceg3A\xb3*l\x8fy[\x07\xdc}\x19(\x06c\xae\x00\x16\xba\xff\x01\x00\xc0\xd8t\x11\xb0s\xd7\xd6\x05\xd6W\xe9\x84\x11\x97k\xff\x1b\xeb\x0b\x02\xf8\xd2x\xa7\xa2\xf6\x0f\x00\x00\x86\xae\xd6\x0c\x18\x010\xab\xaa\x11\x80.\xdd]\xa9\xfdw\xf5\xffA\xff|\xa8\x11\x80\xf0\xdb\x8c\x8eOG\xae\x04\x00\x007[\xdb\x80\xeeA\xdd\x02\x118\x917^\xff\xe9\xff~\xfb\xads\x06\xb5\x7f\x11y\x8d\xf6{\xa1\xe7\xff\x00\x00\x00$Am\xa4X%\x8d\x00\x0c\x93\xe9\xfc\xaa\xaeM\xfe\x19\xd7\xfe\xd7\xcf\xe2\xcb-\xa4\xf1F\x00\x9e*\xf2\xc3QN\x05\x00\x002pu\x04\x00\x88\xe4\x9bD\x9c\x88\xbbU\xf3\x9f\xd9|\xc3y\xa8\xfd\xabL\xff+\xcb\x0f\xa5\x0e\x00\x00\x000\xe4A\xea\x00\x00;|\xb5\xc83\x9a\xaf\x9c8\x1dT\xf6\xaf\x0ca\xbd\x81\xc8V7|\xd7M\xefS\xfc\xee\x7f\x11\x11\xf9\xe4x\xa7\x02j\xa1\x0c\xa1\x03\xc8\x17#\x00\xc8\xc13\x9a\xbf\\\xf7\xe7;\xb5\xc3\x01\x97\xfc\xe8\x9d\xda\xff\xf53L\x8e\xe9\xfb\x80\xbb\xbdJ\x92\xb3\x02\x05S-j\x9a%\x80\xda\xd0\x00@\x0e\xa6\xcf\xd9o\x0cz6\xf7\x13]M\xfd[\xbd\x1e\xf7\x1ft_D\xed\xfe\x17\x91O\x8bz6\xa0\x1e\x19\xb6\x01T5\xc7`\x03\xf0\x8b\x11\xccb\x95\xd4;\xe5\xe3\r_s\x7fP\xe4\x05\xf3\xba\xf8\xe8&lt;^k\xeaI\xe6\xff\xb0O\x17\x10HS\xc6f\x98\xc5&amp;\x1b\x1e\x03\xa8\x11#\x00\xb0\xce\x7f\xcd\xbf\xf5&amp;\x8b\xe7z\x98\x88\xa8\xc8\xbf\x08p\xc2\xe8-2\x9e\xf0@P\xf9U\xfeE\xfc\xcfn\x04\x90!\x16\x01\x17\xcb9W\xd2 \x80\xc8\xdb\xfb&gt;\xe0\xdf\x11\x91\xe7\x8c\xbf\xd5\xc7\x97\xfbc\x01\xfa\xe9\x9f\x7f\xfb\xd2\xc5i\x0e\xf0\x94\x07\x82\xc9\xb0\xef\x1f\x00Z\x8c\x00\x94\xac\xac\xa7\xd37\xfb?\xa4\xca\x07\xac\xfe\xc4s\x05\xfd\xc7E\xe4\x05\xb7\x7f\xfe%\xaf\x07\x07\x00\x00\xd8\x8f\x06\x00\xacS\xe9+\xe3\xbe;\xcd\xff\x948\x91\x7f\x16\xa5\xa5\xf4\xfa"\xf2\xda\xb7\x7f~v\xf83\x8aHim@\x00\x00\xe0\x03\r\x00d\xe0\'e\xd8\x06\xe8\xff\xfb\xa8\xab\xc7\xfd\n\x11\'\xef\xe9D\x9e\xd3\xce\x8a\r[_\xfe\x0c\x91O\xb7\xff\x9a1\xeb\xe1\x03,x\x97\xa2&amp;X\xc2\x84\xb2f\xed\xc2:\x1a\x00E\xfb\x8d\xd4\x01\xf0\xe4uG\xe3\x00\xbd\x8f\xbfv\xd4\xcf\xbf}\xf9A\xb7\xea\x7f\xa06@;\xd7\xa8\xbb\x04\x9b=\xf3\xaa&lt;\x80\x80]\xfe\x05\x0b\x00\xe0\x1bI\n1\x91\xde\x8a\xf6\xeb\xaae-\xf3\x1e\xef\x08\xe4%\xf5.Ux\xbfH\xe4\x83}o\x00\xba\xeb\xc4\x9e\x1d_\xa4\xa8\xaa,mD\\\xaa\x99n\xa6\x03\x00\xf9b\x04\x00\x95s2\x9f\xfe\xf3!&gt;\x9b\xc6ND\xfe\xb4\xc8\x8fv\xff~m\x91\xff\xec\xed\xe0\xbeQ\xf9GT\xcd\x98\x13\x03O\x00\x10\x19O\xfb\xa2\xfd\x9a\xea\xc3R\x87\xc1+7\xfa\xeb\x99"\x7f-\xd8\xa9\xd4\xd76\xa0\x0b\xef1\xd0\xfe\x8fP\x9c\xe4\xbaE9\xaa\xd2W\xfdiz\x02@L\x8c\x00\x14\xedcR\x07\xc0\xb7/\x18\xfd\xeb\xd3D\x1e\xbd\xe3CzjWO\xe7\xa5u\xbc\xf6\x16\xb3p\xb5\x7fG\xed\x1f\xd9P\xd2)\x00$A\xe9[\xb6\xd2\x86\xd6g\xf5\xe9\xed\x04\xfc\xeb\xed\xab\xeet\xf9\xc3\xf7x\x88\xbd\xe5\xfa\x8d\xca\x97\x8b\xbc\xd7\xd5c/\x9dN\xa6\xa3$\x80Yt\xff\x03@*\x14\xbb\x85+\xa9\x05\xe0\x8eUm\xb5\xff[o\x1f\xdf\x9f\xe0\xfdL\x01Zk\x00H\x80A\x00\x15y\xc8\xf3\ni \xa0a\xe9D\x1b\x00\x00bb\nP\xe1\xcax\xac\xba[\xf5\xfd`\xed\xff\x0c\xf5Z\xfbo\xc2\xfc\xc8\x085r23\xf2\xd2\x17Ne\x14S\x00\x90\x11\xea\x0c\xc8\xc8\xce:\xf9\xe0\xd7^)rk?\xec\xfb\xac\xca\xabz\xa9\xfd\xf7\x7f\x88\x88\xbc\xfc\xf2\xf1\xf6{R\xc4s\x01W8\xe7\xa8\xfd\x03\x10)k\xc2B\x16\xca\xda%\x1eK\x9c\x93z\xb3\xd5h\x13\xa4\xb5z\xc6t\xb2\xd0u+\xb3\x8d\\{.\x17f\x15\xf0G6\x7f\xfdx\x80C\x03\x81P\xfb\x07\x80\x04(|\xab\x90{\xc3zif\xfbv\xd2\x9d_\xefj\xed\xdf{\xdc\xb8\x97\x8a&lt;\xe6\x89"\xffe\xed\x8c\xcd\x1f~O\xcb\xf2_\x00\x00\xb0\x13S\x80`\xc2\xfe\xd9\xfd\x1d\x15\xf9\xb4\xcd\xe3\xfd\xf8\xf8\x9f\x918\'\xf2\x18\xb7^\xfbo}\x8f\xf7\x93\x1e[#\x01\x00\x00\xeaE\x03\xa0\x06\xd6\xbb\xff\xdd\xe0\x8b\xfe\xbf\xb7\x1e\xfc\x82\x8a|z\xff\xd5mV\xcf\xa7\x88\xfc\x87\xf5\xa3&gt;i\xe1\x15\xbfS\x97\xba\xff\x9d\x13\xd7\xbd-\xa0\x99\xca\xec\xdc\xbe*\xf8S\xe5-\xcf\x9fv\xe4{\x0f/\x8f\x06\x00\x00@\x15\xd4,i\xfe\xfbD\x957\xeb\xdf\xd8\xd5\xfd\xa7\xfa\xc5\x93\xdf\xec\xbe/\xff\xe6\xdc\xeb\xbd\xceD\x8bL\xfe[x\xb3\xd8\xa1`\xa8\x97\xdb!\xef\xb4\x18\x12\x0fn\xa7\x00\x00\x18FY\x8d\xd3\xe85\xac\x86\xe1Bbk\x83\xfe\xc1\x96\xf9_.\xf2\xde\x93\xe5\xb3\x97f\xbd\xef\x9d\x8b?\xd8\xa4\xc4K~\xf1\xfb\x86\x01\xffYXo\xafg\x12U6i\x01\x00\xa04\xcd\x14 \xb35C\xf8c\xb5\x1a\xf78Y\xdb0\xe7o\xf7\xff\xf8V\x11\x11\xf9\x12\xb9\xb5\x07\xda$\xfb~\xcd_\xaf\xb6y\x06\x15y\xce\xd27\xbb\xf3lr\xcf\x15\x91\x0f\xf27\xc7\xe6\x9f\x8a\xf9\xfc\xd6\xa4\x94ff\x91\xd5T\x03\x00\x00\xces"\xa2\xaa&lt;\xe7k`s\x0c`\xa9\xfb\xbf\xff\xf7\xe8\x95\xb9O\x11\xf9\xe1\xee\x07\xffV\xe4\xedW&gt;&lt;\xf0l\x91\x0f\x9b\x1dv\x1a\t\x1b\xb1\xf2\x04\x91\xff~\xec\xfd\xc1w\xf9\xe9\xfe\x97\xdb\xa5\x93s\x01\x00\xc014\x00\xeab\xb0\rpo\xff\xca\xe9&amp;\xfd\xe3\xdf]K\xb7O\x14\xf9\x89\x9d\x01\xf8T\x95g\xae\x85\xcdj\xed\xbf\x11n\x16\x10\x00\x00\xa5Q5;\x1b"\xbe\x87\x84a\xfe\x9a\x18\xbc\xd5*"\x9f\xd5|\xf9\xfdK?\xefv\xf2q\xdd,\x9c\xfb[^j[\xfb\xef\x97\xc8&gt;JDD^G\xe4\xe7E^&lt;^i,\xf2\xa9kg\xf5^\xfb\x7f5\xef\xcbuE&gt;_B\xac\x03\x06\x00\xa0$\xedri{\xdd\xa0\xa9\xd8\xab\x0f"0\xdb\x83\x00o-\xf2]\xeb\xbf\xd8\x87|\xdf[\xc0&amp;\xcb\x85\xfb\x7f\xbe\xb9\xc8\xbf\x1b}\xe0\xdbU\x9e\xde\xfc\xd6o\x88\xbc\xea\xdd\xe3\x9f\x13$\xe2y\xff\x17\xacSU\xba\x99\x00\xa46\xd8\xdf\x82\xe2H\x84JC\x95\x0c6\x01\xc4\x89\xc87\x88\xbc\xb3x\xdbiGf\xb3\x86F\'\x9b\xfc{g\xd3\xe2\x9c\x1f\x16y\x8a\xf7W\xff6h\x00\xc0&gt;f\x99\x02A5\x0fur\xd9\xb6\xe1\x06w&lt;1\x85\x17\x81U\xc9b\xbaW\x11}\'\x8f\xc7\x1b]\xa3\x8a&lt;\xb7\x9b(\xf3*2\x99/\xe3\xba?\xbd\xbfK\xab\x7fkA\xa8\xda?\x90\x05\xf7\x97R\x87\x00@\xf5\x9e~\xfb\xd2b-(&gt;b\xa1F\x16\x87\x00D\xa4\xed\xcf\xf6\x95&amp;\xb7V\xdc\x86\xef8\xd7\xf1\x0eF\xa1\xb0\x17\x10\x00\x00{0T2\xf4 u\x00\x80\x1b\x15qag\xe3\x0cN\xa4\xed&amp;X\x01N\xf4#\xf2\xb31\xbb\xfc)\xcb\x00\x00\xb8\x83\xaa\xff\x10S\x80`\xccmK\x1b\x15\xf9\xc8\xa0\xe7\t\xe6\r\xf55\x03\x1e\x1dF\xa9\xb2\xbf\x04\x00 \x0b4\x86*ev\x16Po\xd6P?\x94VG\x8b\x80\x97\x8f/\x81&amp;\xcf\xe8+T\x1e\xee\xfb\xa0k\xbcN\x9a\x02\x00\x00U`\x04\xa0R\xf6\x07\xc2\xb4\x19\n\xf8\xd2\xdb7\xf6\x7ft\xfb\xc7N\xc4}C\xa0\xc6\xaf&gt;!b\xed_\x84\xda?\x00\x008\x8c\xdaC\xbd\xec\x0f\x02\xf4\x1e+\xf23rh\xd9\xae\x8e\xff\x18y\xa9\xc8c^.\xde\xb9\xff\xe9\x00\x00 \x00IDAT\xf2H\x11\xf9\x19\x91\xc7\xfa\n\xa4\xf7\x17\xfd\xde\xc5^f\x00\x00\xe0\x04F\x00\xeae\x7f\x10\xa0\xf7\x92\xd1\xbft\xfc\xdf\x0f\xce~\xfd\x13\x86\xbf:\xf7\x18ij\xff\x92u\xed\x1f\x00\x00\xe0\x1c\x1a\x00U\xcb\xa8\r\xa0\xd2U\xf8\x7f`\xf2\x93\xa7\x8e\xff\xf9{E\xfez\xff\x8f?\xbet\xa8\x9f\x13\x91\xbf\xeb5p\xd4\xfc\x8d\xc9ht\xab\x00\xaaJ\x84\x03@^\xb2\xa9\xff!\x9c\xbc\x1e\xde\xdf*\xf2v"\xf2E"\x1f:\xfcv\x93\x92\xc7\x17\xf2\xa3"o0\xffn\xf7\xdb\xde\xde\x03\xa0""\xcf\x16\xfd\xb0\xcbG:(\xa3\xf6[dl\xf6\x1c\x13\xb1\r\x00\xd9a\x04\x00\x99=\xb9\xdfVDE\x9e\xfd!\x83I@"\xc3\xafn\xfe\xc4\xeaA~FD\xbe\xb1\xff\xe0\x9a\xa5c.\xfc\x8e\x88\xc8\x17S\xfb\xb7\x84\xb8\x01\x00`\x03\xcfI\x88\xe46\x080\xe7D\xe4\xe7Df\xbb\xef\xdf\xd9\x06\xb4\xfd\xebCE\xbeh\xf3C\xdb\xd9DE\xe2\xed\xff\xce\xab\x7f\x01\x00\xc0ET# \x92\x7f\x03\xe0\xb4\x85\xba\xf4g\x89|L\xff\xb3\x85_\x17\x11\x91\x87D~\xab\xfb:n\x03\x80\xcem\x00\x00p\rS\x80 Rq\xb5\xf2\xb6\xb6\xb8\xfb\xef\x9f\x7fL7\x04\xf0\xe7\x16\x7f\xbd\xf9\xef7G3\x90b\xd5\xfe\xffG\xa4\xf3\x00\x00\x80\x92UZ\xed\xc3\xa2j\xc7\x01\x1ao \xf2\xcf\x06\x9b\n\xb5y\xe31"/\xed\xbe\xa5+9&amp;\xd6\x06\xa0\xd5\xb6\xd3\x00\x00\x80G\xd4\'0Ry\x1b`\xae\xcf!O\x11\xf9\xe1\xc5\xad\x83\xe2\xd5\xfe\x85\x0c\x0bX\xa7\xca"t\x00\xf61\x05\x08#\xf41O\xf4\x13}~\xb8\xfb\xe7\x97\xf4\xdf\xfd{"\xbf-R0\xa8\xfd\x03YP\xbaQ\x00\xe4\xc0~\x95B\xbb\xfe\x14\xfbA-\x04O\xaf\x9d\x96^=\x10\xec\\\xe6\x1af\xcdu[\x0b\x15bSU{\x893%U\xfd7"\x7f\x908\x01`\xdb\x03\xefGTU\xef\xf5u\xc6Tcr\xce\xd1\x06\xd8\xa3\xe68j\x12\x88sk\xab"\x80J\xd1\x1c\x02\x90\x05\xffS\x80|\x17\x7f\xae\xe1\xf5\x98\xb8\xa3\x89r\xf7\xd2\xfb\xbf\x89\xd0\x9c\xc9*E\x13$\xda\x890\x988\x01\xc0\xbb\xf2:F)\xbbqGy\x89&gt;/T\xb0pW\x9fII-\x00\x80=X\x04\x8c;\xa8R\xa0L\xb4l\x01\x00\xb5\xa2\x01\x80\xfbh\x02\xc4\xe7\xba\xd9o\xa9\x03R\xac"wk1pEj \x0c\x00\x80;h\x00`\x0f\xea\xa1\x07ll\r\xeaD\x9c\x13\xe7V\xe7\xde\xbd\x7f\xf3;B\x94\xc7PL\x14\xf7\r\xc5\xeaR\x8d\xaa\xc8\x1b\xa4\x0e\x04\x00\xe4\xa7\xb6\xc7\x05\xae\xa0ko\x97\xc5\xedA\x17v\xc6Zz\x83\x18]\xfe\xc8]\x88\x8d\xe06\xce%\xe4\x1a\x008\x8e\x11\x00\xec\xe7\xdc\xff\xda\xf5Oc\x85[\xfa\xc2\xb9\xbe\x05\xd0\xff\xb7\xf5Y _\xceE/$\xe8\x99\x00\x80\x83\x96\x1b\x00\xaa\xcc\xe3\xc4\x92\xff\xea\x9a\xea\xab\x9b\xfc\x97:\\F8\x11y\xeb[%\xffV\xed\xdf\xd1n\xe2ew\x89=\x9a\x12/[\x8c\x00\x00\xc0A\xdb#\x00&lt;\x111\xe7\xc6\xff}X\xfb\xbd\xea\xb55\xf8\xef\x92[u\xdfm\xd4\xeb\xdd\xad\x850\xfa&lt;\xd2\xd0\x9f\x13J\xbc\xec\xb0P\x1e\x00\xceYn\x00tE*\x05+\xee\xfaO\xfd\xbb\xaa\x9e\x96:(iu\x95\xc7_\xef\xbe\xb15\xdb\xe7\xf6+\xfd\x1c!\xb2[R\t&amp;\xae\x00\x00\x90\x08\x0f&lt;\xf8\xa2\xcd\x1f5w\xa2\x1e\xaf\xc77\xb1E6\x04\x00\x00\xf1\xb0\x08\x18\xbe\xb4\xbd\xd9\xd5Vf\x9d\x88\xc8O\x1d\xffP\xb5\x11\x06\x00\x00\xd2\xa0\xf2\x01\xbf\xea\x1d\x07`\x1a\x0f\x00\x00\xc8\x02#\x00\xf0\xcb\x89|~\xb3M\xd0\xd7\xa7\x0eJl\xdf\x9d:\x00\x00\x00\x00;\xd0a\x89\x10j\x1c\x07\xe0\xf5\xbd\x00\x00dJU\xabz\x8e3\x02\x00\xefT\x1e\xdf6\x01\xbe/uP\x00\x00\x00\xf6\xa8\xae\xd7\x12\xf0J\x87_\xd6\x95\x9d\xe2-\x03P2/\x00\x00\xfe\xa8hE#\x00\x0fR\x07\x00\xe5\xe93O\x85o\x93~~\x9c\xd3\xa8\x8a\x88\xf2\n$\xd4\xacy]=\xb9\x00\x80\'u\xedc\xb8\xf7ZU\xa9m\xe08\xad\xa8\r\x10s\xee U\x1f\xa0/]\xc8\x08\x00p\xd4\xber\xb3+h)gqJ\x15\xed\x80\xaa\x16\x0f\x01\xc9u\xcd`a:\x1c\x00\x1c\xb5\xb3\xdcl+pTqp\xd6-\t\x95\xda\x16\xa0"\x02\x00\x00\xb2\xb0s\x17 \xd7\xa0\xf6\x8f\xb3\xda\x14$]:zv\xea\x00y\xe4\\38F\xee\x00\x00\x00\x19\xa0\xca\x82T\xb4{[@\xf6\x98\x1a\x07\x00\x002B\xc5\x05\xe9e\xb7D\xa0\x9f\xc8\xc4\xb4\x1f_\xd8f \x15U%\x19\x03@mx\x11\x18\xd2s\xf9T\xfd\xda\xd9&gt;\xce\xf5S\x9aR\x87\xa8\x1c\xd9\xb5\x03\x8b\xf1;\x88x\x00\xa8\x0c\r\x00\xd8\xe0\x96\xa4\x0eT\xc3\x89\xb8/a\xa2\x7fXf\xeevu\x9cs\xbf@\xe4\x03@e(\xf7a\\\xe2~\xe1~r\x84*\x95T\x00\x00P\x02\xde\x04\x0c\xe3\xee\xd4\xbaC\xb4\x0f\xdc\xf4+W\xe3K\x8d\x01\x00@\xa1\x98\x02\x84\xbc\xb5\xfb\xd3\x8a\xfc\x1e?\x87\xea\xb6)m7\xbd\xed\xe6\xfc8\'\xc9\x07#\x00\x00\xd8E\x8b\xd8c\x0f\x88NU\xa9\xed\xe5O\xe7\x1e\xa6*\x7fQ\xbb\xc2q\xf8\x1f\x90\x01U\x92+\x00\x00a\xf4\xf5\xc5\xd4\x01\x01\x80\x1b\n%\x00E\xa1LK\x84)@\x00\x90\rV\xa2\x03\x00\x00\x00\x00\x00\x00\x00\x00\x00\x00\x00\x00\x00\x80\xe8\x98\xeb\x0f\x00\x00\x00\x00\x00\x00\x00\x80_\xecj\x8896\x94\x00\x00\x00(\xd3\xb0\xea\xcf6b\xe8\xb1\r(\x00\x00@\r\x18\x07@\x8b\x06\x00\x00\x00@\x12Qk\xe4\xcc\x03B\x8f\x06\x00\x00\x00\xc0a\xd7\xe7\xd6\xab\x06\x7f\xbd\xf7p\xda\x0fS\x80\xd0\xa3\x01\x00\x00\x00p\xd6\xd9\x1a&lt;\x0bs\x91\xd0\x83\xd4\x01\xa8\x99\xb2\x08\x1b\xc0\x11\x14\x1a\x80!W:\xd4c\xd6\xfe\x9dc\xf2\x0f\xa6\xea\x1d\x010\xd0\xf2\xe6A\x0e\xe0\x10\xf7\xb6\xe9\x0b.\x00\xd9q\x8d\xd4\xc1\x80!\xa4\x06\x00\x00\x80\x98\xda\x96|\xd3\xa2/\xa6j\xdet\xad\x16s9e\xabw\x04\x00\x00r\xa0\xa5\xee\xdc\xc7\xcb\x89P\xb7\xb7:\xd7\tk9\xd78\'T\xfe}\x88q\x8bY\x03\x00\x00vu\x1d\x84\xa9\xc3\x11\x10\x0b\x1bP\xa1Rw\xe6)\xe9Z\x92Q\x8dQ\xe63\x02\x00\x00H\x88\x1a\x03\xeau\xa2\xf6_V\x83\x01\x00\x00\x00\x00\x00\x00\x00\x00\x00\x00\x00\x00\x00\x80\x96\xdd\x05\xf2\x00\x00\x00@Z\x05.\x02V=\xff^n\x00\x00\x00\xa0r\x19\xd6\xa4\xa9\xfd\x03\x00\x00x\xc0\xfb:\xca\xb4\xb5\x99T\x7f\xcb\xd9s\n\x00\x00\xa06T\x05K\xb5:\x05\x88\x06\x1f\x00\x00(\x07\x15\x1b\xa0\xb3\xda\x00\x186\xf5h\x0c\x00\x00\x80\xbc\xd1\x87}\x1cQV\xaa\x02\x17\x01#2U&amp;\x08\x02\x00P"\xe7\x84\xf9?%\xdaj\x00L\x06\x01\xbaz\x1eU=\xf4\xfee_\xf5\x1f\'\x0f\x1d$\x18\x00\x00\x90+j\xffE\xbawS\x97jp$\x85\xca\x1d\xad\xd6\x93`\x00\x00\x00\xec\xb87\x05\x88\xba\x1bF\xe8\xd4\x07\x00\x00\xc8\xdb\x8e5\x00\xce\r[\x01\xee\xaf\x05\x0c\r\x0c\xbb2\xa3GE\x1e&amp;\xc2\xfc1\x00\x00\x00\xc08]%\xa2\xf3\x9f\x8a|\xd3\xe6\x87h\x00\x00\x00\x00$\xc6\x04\x1f\xac\xb9S]?0;lp\xa4f;\x81\x0b\xa1\x02\x00\x00\xc0%l\x03\x8aE\x9f\xe5\xb3\xb3~0\x89LU\xd8K\n\x00\x00 !\xfab\xb1\xe4\xded\x9d\xb3\x8b\xc3\xdb\xe32\x0e\x00\x00\x00\x90\n\x950,\xdaj\x01\\\xde\x1a\xea6!\xe8\xdaq\x00\x00\x00p\x18S\x80\xd0\x1bV\xf9W\xab\xe6&gt;6\x86\xa5\xde\x0f\x00\xb6\xb1g\x03P4\x1a\x00\x10Y\xe8\xf0_.\xfa\xfd\xbd\x16\xc2\xd1\x0c\x00\x00\xb3\xf4\xf8;\x1f\x11\x14;\xe9\xc1/\x1a\x00\x10ik\xf6}\x8d|\xb9\x90\xe1\x9dp\x00\x00$D\x1b\x00\xbe\xd0\x00@ok\xb3~\xe7\x1e\x1b\xb0\xcf\xbe9+\xe5\x1a\x00\xd8\xe0\x9c\xc7!_x\xe0:\xa9\x03\x82B\x90\x92\xd0\xd9\xecX\x08V\xe8L\xcfJ\xe9\x06\x00\x00\x10\x14#\x00h\xdc\xeb}\xbf\xdf=\xff\x0b\'v\xf7\xa7\xd3\x1f\x00\x00 2\x1a\x00\x10\x11\xf9L\xbdSyW\xb9S[W\xfd\xed\xbc\xdd\x0b\x00\x00\xa04Oc\xa2v\x99\xdeZ\xf7Y?\xc2\xdd_\xd8\xfc\xd8\xaeS\x00\x00\x00 :jiE\xdaY\xfb\xdf\xd3\x008\x98B\xdeo\xfa)\x92\x16\x00\x00@`\x87\x17\\6u;Vj\x96\xe4P\x8b\xce9\xd7|b\x94\x06f\x87pN\xee\xa6\xae\xc5\xf3\x92\xb4\x00\x00\x00\x82:\xb6\x06\xa0\xaf\xb11\x08P-U\x15\x9d\xbd\x13`\xa1\xd2~\xb7\x1e\xbf\x9c\x84HZ\x00\x00\x00A\x9d_\x04LE\xad\x18G;\xdd\x97\xdf\x13p\xec \xdb\xc9\x87\xa4\x05\x00Ba\x08 \x90k\xbb\x00\xd1\x06\xa8\xd7R\x9f\xff\xe8{\xba\xfe\xe8\xba\xd3x\xfc\xf7$+\x00\x10\xf9h\nC$\xc2\x82\xcf\xe2\x1d\xec\xfa\x1d\xa4\x86=\x93\xbc\x91\x8b\xa3\xf9|\xab\xbf\xbf9\xd4\xd6\x80\xc0\x9d\xb3\xb9;\x1f\x07\x80J(\xcfY\xa4\xa0\xdd\x93\x9c\xe4W\xac+#\x00$\x8bbxm\xe5;w\xaf\xfa~/\xe5\x90\xb2\x00@\x84\xd2\x10\xa91\x08P\xacc\r\x00\xe7\x8eN\xf5F\x06\xa2\x8f\xf2\xdd=\x1fi\xcc\xa3\xd7b$\x17\x00p\x84\x9b}\x81\xd2\x9c\x19\x01\xa0\x19\x80\xa0\xa8\xadz\xa4\xfa\xd2\x95\x9f\xbc\xfb\xdd\x8fz\x0e\n\x00 \x1f\xd4\xf4\xca\xc6\xdd\xc5\x99\x1a\xf7`\x9a~\xf3N\x80\'\x8b\xfcg\x8f\'\xa4\xdc\xf1d\x14\xd3\x87b\xb5{\xe3\x87PJ\x00\x00P\x98k\xbb\x00\xa1\x0c\'j\xdb\xb7O4\xb5\xca\x03\xb5\x7f\xa4\xf36\xdb?\xbeM\x16\xba\xbd\xf1\x83\x01\x19\x00\x00JC\x03\x00""ov\xf8\x13n\xe5\xeb}\x1f\xfe\x13\x87\xcf\x87\xebT\xbfUuc{\xd6?\xd5\xfd\x1aU~\x00\x00J\x96\xef\xe0&gt;\x9b\xa3yu\xa4\xce\xe7eZ\xc8\xf6\t\x99\x02\xe4\xc7J,\xafD\xef\xea=q\xee\x03E\xfe\x91\xbf`\x01\x00\x80\x942\x1d\x01\xf8p\xba(Sq\xceyizm\xd4\xf0\xa9\xfd\xfbr,\x97l\xfc\xf6\x07?\xe7bH\x00\x00\x80\x1dY\xd6\xb4\xba\xe5\x89Y\x06\xde\xaa\xbdC\x00\x1e\xa3}\xf1\x94\xac:\xf5\xc9\xd3\x08\xc0\xfaG\x00\x00@~2\x1d\x01\x80w\xbb\xaaw~k\x81+\x07\xa3\xa2\xe9\xcfk,|o\xfd\x1e\x12\xf3\x00\x00T\x81\x06\x00Z)\xbax\x9ds\x7f u\x18\x8a\xf6K\x8b\xdf]o\x01\xac</t>
        </is>
      </c>
      <c r="E695" t="inlineStr">
        <is>
          <t>&lt;class 'numpy.ndarray'&gt;</t>
        </is>
      </c>
    </row>
    <row r="696">
      <c r="A696" s="1" t="n">
        <v>694</v>
      </c>
      <c r="B696" t="inlineStr">
        <is>
          <t>steps_per_sec</t>
        </is>
      </c>
      <c r="C696" t="n">
        <v>7800</v>
      </c>
      <c r="D696" t="inlineStr">
        <is>
          <t>3.0255942</t>
        </is>
      </c>
      <c r="E696" t="inlineStr">
        <is>
          <t>&lt;class 'numpy.ndarray'&gt;</t>
        </is>
      </c>
    </row>
    <row r="697">
      <c r="A697" s="1" t="n">
        <v>695</v>
      </c>
      <c r="B697" t="inlineStr">
        <is>
          <t>Loss/RPNLoss/localization_loss</t>
        </is>
      </c>
      <c r="C697" t="n">
        <v>7800</v>
      </c>
      <c r="D697" t="inlineStr">
        <is>
          <t>0.13112538</t>
        </is>
      </c>
      <c r="E697" t="inlineStr">
        <is>
          <t>&lt;class 'numpy.ndarray'&gt;</t>
        </is>
      </c>
    </row>
    <row r="698">
      <c r="A698" s="1" t="n">
        <v>696</v>
      </c>
      <c r="B698" t="inlineStr">
        <is>
          <t>Loss/RPNLoss/objectness_loss</t>
        </is>
      </c>
      <c r="C698" t="n">
        <v>7800</v>
      </c>
      <c r="D698" t="inlineStr">
        <is>
          <t>0.031027932</t>
        </is>
      </c>
      <c r="E698" t="inlineStr">
        <is>
          <t>&lt;class 'numpy.ndarray'&gt;</t>
        </is>
      </c>
    </row>
    <row r="699">
      <c r="A699" s="1" t="n">
        <v>697</v>
      </c>
      <c r="B699" t="inlineStr">
        <is>
          <t>Loss/BoxClassifierLoss/localization_loss</t>
        </is>
      </c>
      <c r="C699" t="n">
        <v>7800</v>
      </c>
      <c r="D699" t="inlineStr">
        <is>
          <t>0.29139358</t>
        </is>
      </c>
      <c r="E699" t="inlineStr">
        <is>
          <t>&lt;class 'numpy.ndarray'&gt;</t>
        </is>
      </c>
    </row>
    <row r="700">
      <c r="A700" s="1" t="n">
        <v>698</v>
      </c>
      <c r="B700" t="inlineStr">
        <is>
          <t>Loss/BoxClassifierLoss/classification_loss</t>
        </is>
      </c>
      <c r="C700" t="n">
        <v>7800</v>
      </c>
      <c r="D700" t="inlineStr">
        <is>
          <t>0.20584573</t>
        </is>
      </c>
      <c r="E700" t="inlineStr">
        <is>
          <t>&lt;class 'numpy.ndarray'&gt;</t>
        </is>
      </c>
    </row>
    <row r="701">
      <c r="A701" s="1" t="n">
        <v>699</v>
      </c>
      <c r="B701" t="inlineStr">
        <is>
          <t>Loss/regularization_loss</t>
        </is>
      </c>
      <c r="C701" t="n">
        <v>7800</v>
      </c>
      <c r="D701" t="inlineStr">
        <is>
          <t>0.0</t>
        </is>
      </c>
      <c r="E701" t="inlineStr">
        <is>
          <t>&lt;class 'numpy.ndarray'&gt;</t>
        </is>
      </c>
    </row>
    <row r="702">
      <c r="A702" s="1" t="n">
        <v>700</v>
      </c>
      <c r="B702" t="inlineStr">
        <is>
          <t>Loss/total_loss</t>
        </is>
      </c>
      <c r="C702" t="n">
        <v>7800</v>
      </c>
      <c r="D702" t="inlineStr">
        <is>
          <t>0.6593926</t>
        </is>
      </c>
      <c r="E702" t="inlineStr">
        <is>
          <t>&lt;class 'numpy.ndarray'&gt;</t>
        </is>
      </c>
    </row>
    <row r="703">
      <c r="A703" s="1" t="n">
        <v>701</v>
      </c>
      <c r="B703" t="inlineStr">
        <is>
          <t>learning_rate</t>
        </is>
      </c>
      <c r="C703" t="n">
        <v>7800</v>
      </c>
      <c r="D703" t="inlineStr">
        <is>
          <t>0.03965529</t>
        </is>
      </c>
      <c r="E703" t="inlineStr">
        <is>
          <t>&lt;class 'numpy.ndarray'&gt;</t>
        </is>
      </c>
    </row>
    <row r="704">
      <c r="A704" s="1" t="n">
        <v>702</v>
      </c>
      <c r="B704" t="inlineStr">
        <is>
          <t>train_input_images</t>
        </is>
      </c>
      <c r="C704" t="n">
        <v>7800</v>
      </c>
      <c r="D704" t="inlineStr">
        <is>
          <t>[b'1024' b'1024'
 b'\x89PNG\r\n\x1a\n\x00\x00\x00\rIHDR\x00\x00\x04\x00\x00\x00\x04\x00\x08\x02\x00\x00\x00\xf0\x7f\xbc\xd4\x00\x00 \x00IDATx\x9c\xec\xbdy\xfc\xbfO57&gt;\xd77\xb4 \xbb$\x94\xad\xb2\xa6,\xfd\xecY\xcaR!K\xda\xa4B\xc9vKt\xbb\xbb\xc9R\x84\x92\xac\x91P\xb2$\x94rS$[v\xca\x9a\xec\x11\xb2dOI\xa9\xf3\xfb\xe3\xba\xae\xb9f\xe6,s\xce\xcc\\\xd7\xeb\xf5~\xbf\xcf\xf3\xc1\xb7\xd7\xeb\xba\xce\x9c\xf3\x9c3g\xce\x9c\x99\xebz\xbf&gt;!8\x1c\x0e\xc7e\xc2\xcf\xc1\xfc\xbf\x00\x00\x00\xcaF\x00p\xefEX\xdb$m\xab7tY@t\xb9\xd9\t\x9a\x86J\xe5\xb0\xe2\xa9\xf9\xa0dc\xc4\xa8\x8am\x1bb i\xdd\xd2\xd6\xde\xe4|\xc0\x91or\xc5\xd0yd\x19J\x08\x96\x00\xd6JB\x06\x85\x08\xeb\xcc\xb5#\xb2\xd8\xcdT\xac\x90]\x8d\xb8\xbd\xc9:\xe9\x1e\x98\x8fB\xcd\x15J\xcd\x1a\xb1Q\xb8L\x19\xbe#M9\x1c\x0e\xc7\x18\x9cA\x02\xca\x93`[N\xb4\xe7\xd3\xb6\xfa\xd2\x0ch\xdb\xcf\xfc\x90\xaa/d\xaf\x01\xc0X\xc0\xe9\x8b\xb3\xac\x94\xe7(EZ\x01\xa0(\x95te\x96\x9e\x12K\xa0\xb9\xf9%\xc3\xb0\xbdP\xeb\xaclk\x05\x8d\xdb?Ia\xb5\xb8\xaf\xca\xa8\xa3w87\xb6I\xb3\xd1\xc0\x8c\xce\x19\x17\xa6gKL\x02\x97\x8e.b_\x1c\x0e\xc7y\xe2KL+t\xcc&gt;\x03\x97\xb1\x10\xdeh\x8cZ\xfb\xda__\xb4\xec|\xd6\x12\xa4\xb1#\xd7\xedv,\xee\x0e\xee#\xd9\xf1\x9d\x96\x16l\x85\x14\xfb\xc3\xb4:\xf9\xc15\x18\xf2\r@\xa0h\x9b\xb8`nm\xdaj\xad.\xfc\n=.\x18$%B\xc5\xdch\xac5B\xe4\xa2v\xd5Y\xaf\xefy\xe5;\x86\x84\xba\xd7f\xe7\x94\xf2\xd7\xc6Y:{\xb2q\x06\xb5\xe9\x80S!Y\xe7\x0e\xa0c\xef\x12\xa4\x11\x87\xc3q\xb6\x18\xfd\xc4\xbc\x81\xc1z\xd6\xdb\xaf\xc7\xb2\xfc\xd4\x0f\xa45\x16\x05&amp;G=(\xd0\xf4\x9a\x10 [)\x1d8&lt;\x18`\xdd\xfb\xad\x9a\xb9\xe50lb]\'\xc4\xe5\xb56U\xf3\xff\xea[4XQ\xe1\xddv\xd9\xb3\xd1\x13j\xf3\xfc\x90\xc2}\x97\x92\xb1I\xa7T\xbbW\x8b\xfbD\xa0\xa8\x8f\xc7u\xad\xd6\xa3}\x8aoZ\'\xda\x00\x00\x00\xdc\xf4\\\x1e\xa0]\xce\xba\xf9\x0cvV\x0e\x87\xc3a\x87\x90\xbc\xc6\xe45E\xf5\x9f\xae\xcaC\x16K\xb9&amp;\xe8T^5\x9e\xdb\x1ad\xee\xe8\r@Q\'}\xa3\xd0\x91\xb4\xe8\x1f\xb8\x01h\x8e\x84\xd9\xed\xf7\xd72\x81\xdbt\x93\x17\x99l\xdf\x06*\xc6\x87\xa9\xe3\xab\xcc\xd3\x945\xb7\xc2\x97:7\x00#\xd9iM\x9c\xac"\x9c\xc9\xfc\xbfS\x96\xa4\x92\xe9\xdf\xb9h\xb5\xb2*~.Z\xa7\x1c\x0e\xc7\x05\x84e=\xb3\x9f\x83\x8e\x04$E\xd5\xe1\x07$\xdab\x88\x979\x8e\xb0\xda9\xaf&gt;v(\xb3\xe1\xab\xf9\xb3\x9d\x98\x10\xa5=\x1b\x80\xb6\xb6\xc37\x00\x87\x81\xeb\xf2\x85;\x9bLO\xeb7\xfct\xfd1\xda&gt;y\xe6\x8b\x0bC\xd1Z\x95\xcd\xa3k\xe9WE\xb8\xadG\xdd\xaeh?\xb9\x18v\xe4q6q{\x82\xf5\xcb\xe1p\\)\xe8\xf2&amp;\x00\xfc\xd6\xb8d\xb4k^[\x96\xb7\x1d\xb2\']"\xe4\xf7\xc7Z4a\x9c\xf5\x97\x0c\xd2\xd3\x8b=\xb7p\x8bf\xce\x04S\xd1\xd6\xcb\xa6Da\x95\xf9\xb9\xaf\xee\xca\xad\xac\xd2\x81\x06\xab\x9d\x83\xaex1\x86\xbe\xf1g\xf36\xec\x1b3U\xba\xd7l\x14\x9c\x1f\xd4\xfd"J\xddJ\x8cRI\xf2\xf0\xf7\xc8\xf5\x03\n\x00/i\x1c\xfd\xd3\xce\xa6\xf1\xd6\xd5\xd9\xcf\xf7\t\x0e\x87\xe3b"\xd6a\x03\x15\xee\xb4\x01 \xac$\x17\xf4\xad"\xc3\x1e\xeb\x8c\xc5\xcfMM5\xeb?\xf5jz\x0e@\x1eP\xd7\x82\xddu\xde\xb9\xe0T\x85Eg\xe8\xd6\x9a\x1b\xa6\xc6\xc0\x03~JU\xa1\xb6\xdbJrB\x11w\xa1\x9bE]_R\x81\xdd:\xde\xab\x92\xbf~\x11#V\xa3\xfc2\xe4\x13\x87\xc3\xe1\xc8\xb0\xc7)/\xa1\xb0\xf6\xb2l\x03\x87&amp;\xdac\xd6BN\x03\x00\x84p\xef\xf8El&gt;\xf2\xd5\x17\x1e\'^\xb7\x8a\x9e\xe2\xde\r_\\\xdfO\xed\xc0\xfb\x03$\xf5\xd9\xb3\x07r0\xe1J\x1d\x1f\xb6\x14\xa3;\x1f%\xa4f\x06\xa8\x88\xdb\xd4\xafW&gt;\x86"\x94\xa4\xdf\xd2[\xdf8\xe4\xbd8\x00\x00x\xee..\xbd|\x91\xfc\xee;l\x9f\x1c\x0e\x87#\x84p\xec\xf2\xff0\xe6U\x81\xea\x89\xddN|\n\x1a\xb1bNr\xaed\x1a\t\x9c&gt;G\xab\x97\nV\xcc\x10\x0f\x00\xdfZ\x1d\xb8\x1d\xa3K\xfbv\n\xc0\xf6;\xa1GE\xbb\xc6\xca\x9d\x12J_\xb5;\xa3\x13!\x99#\xa7\x9f\x1d3\xce\xb5\x9c\x82\xc7w\xbf=\x9ftmL\x1f\x0bm\x1d:7\r\xe7\xea\xffs\xc4&lt;}nL\xacD\xff\x1e\x05\xdc\x99\x0e\x87\xa3\x11\'O\x1fk\xe5\xad\xaa\xe7\x0e\xe0\x13\xb2\x1794b\xcd\xab\x9aN\xfe\xb8\x01\xb2\x19R\xee4\xda\x94k\xacW\t\xbcM2\x88K\x98\rsf\xa7\x9e\x95\xd8c\xe1\xb3N=\x01\x0bT\xbd*z\x9ex\xc0r\xc2\x0cC\x9a\xbe\xbc5\x13\xfa\xf71\x86)\xc6\xda\xec\xca\xb5\x7f\x18\xa3U\x17\xd6?\x8c\x1e\xa4\x90\xb3r\x92\xb6Z\xe5\xf3@\xff\x81\xfdeT\x87\xc3\xe1h\xc3\xc8S\x9c\xf3&lt;\x13\xd2\xf2\x89\x07cMo\x10\xd5\xad\xfc\xd2%y\xfbs\xfc\x10\xdf\x10\n\xb7\x1f\x18Eov\x86\x11{\x0c \x81\xb2\x85M\x06 \x9a\xe9P\x18\x95\x8d\xdd\x00\x9cd\xc4W\xb6&amp;\xb7\x13\x19\xa9\x92\xa3N\x1d\xd2\xe6\xd3\x87\xb6\xac{\x18\x8eq&amp;\x9a\x8cg\xed\x13\x87\xc3q\xf1\x01\x10n\x7fLa\xba\x1d\xb1\xefg\xe1\xac+l\xa6\x82\x19\xa3\x1a \x00\xfc\xb2|\xb67\xf8O\xf7\xb6\x85jH/\x92\xf5o\xc7m$\xa0 \xe9\xdf\xb5b\x9d\x9aFU\xbf\xed_v\x94\x1do\xea\x88\xa4=\xdaH\xaf\x16\x02U\r\xd2m\x9d\x8b\xa8\xf1\xad\xf5t\xc7\xf0\xeb\x0f\xb9Js\x95\xf2\x01c=f*\xf5O\xc0K\x8a\xf3^\xce\x1c\x0e\xc7\x85\xc5\xd1\x99\xe5\x88\x14\xbf\x97\xfe\x8b\xb0&gt;\xddGU\x13\xec\xd6\x8b\xbf\x0bM\x05kZq\x1eS\x07`\xfd#\xec6&gt;2\xa2K\xe4\x1e\x1e\x16=\xb8\xe3#\x9d\x7f#\xaew\x16s\xb5\r\x00w\x83\x9258\xf9$q8\xb4\xb9\xa2v\xec\xe8c\x129\x83\xf7\xd2g\x89\xd3t\xe72z\xd2\xe1p\x9c\x19\x8e\xc92\xd5t\xd6Mc\xaft\t9\xaa\x92\xa3\xccV\te\x05P\xed\x19z\xff\xda\\\x14\xacDU\xd7]\xd3\xec\xbd\xe6\xd1\xfa?\xe6T\xab\xecn\xefy\xeb\x19\xecc\x17\xd6\xc78#L4\xb4%\xca_\x1b\x8d\x8b^{E\xfe;\xa7D\xe5\xf5\x13\xe2A*&gt;\x9f|\x04\x95\rg\xe4\x1f\x87\xc3quqd\xbe\xae\x18\xea\xa6\xa1\xec\x08-\xf6\x1c\xf6\xf5$n\x03\xb0_\xf1t\xc4\xa0\x14\xfa\x01\xee^{%\x00V\x01\x99\xe19T\x00\xdc82\x1d\xbc\xb4\xebq\xe2\x07v\xb0\xda\xfe\xe2\xa5*\x10e\xce!\x1e\xc6"\x89\x7f\xb8\xc6\xda\xb5\x03\x93m$\xb9\x87\xfa\xe4\xbf\xe7\x8c\xd5\t\xf2\xbb\x91\xc7b\xe5\x839\x9c\xbf?\x1d\x0e\xc7e\xc0\x1b\xa6\xaf^\xf4\xa9\xfa\x13\xa5\\\xbe\x1a}Y\x9f\xd1L\xb1\xd2:w$\x99\\1\xbcBC\xee\n\x06\xa1\xaa\xf0E-J\xf9\xddK\xac\x15`=8l\xee\xd4I\n\xbe\xdc"]\xd4\x96\xac\xf6\xaa\x8d.\x12\xa8\xc1\x1a\xe0\x93\xce\x18\x18\x12?\x1ds\x93=\x0b\x08!|.\x94\xe8\xa3Y\xa3\xa2&gt;\xd4x5\x93\xd6\xd4\x0cM\x1d\x99\xd5\xbe\xb3\xa5\xc9\xde@\xfc\xf9a\xfa\xf5\x93\xcd\xfd\x17\xcf\xccB8n+\xe8p8\x1c]\xe0W\x91[m\x12\x8as\xc1\x91\x9cZ\x00\xdb\x99Pz\xb5u!?\xa6\x08 \xed\xae\xef9\x18L\'\xadP\xf9\xfb\xad\xf9\x16\x08\xe0\xce\x17j\x03\x90\x9a\xee-\xce\xae\xd2\xc6 n\xfc\xe6o\xcaF\x1a\xbd}\xf5\r0\x9f-*Zc@\xd10u\xda\x8eP\xf2/\x02\xde&gt;\x0b\xa4\r\x0fi/5\xa2n\xb4\xb7\xbb\xe8\xf7\x91X\xf1\x9f9A\xd2\xce\x9cv\xfa\xd5\xd0\xe1p8\x14\xf8\xd7\xea\xdf\xdb\xfd\xc0\xc5\xf8\xcd\xb2\xca\xba\x05\xb6\xb50\xd1\xa6\xd9\xfc\x8c\xf5\x0f\xf76\x0b\xdb;\x00\xe9_\xd1zzo\xd1\xb6Y\x91\x1d\xa8\xf4X\x9b\xf1\x10\x95\xb7w\x07\x00 \\g\x8c+J\xbd\xa3\xe7H\xa7\xc2\xa4y\xc3\x01\xf0~\xd8\x1eN\xf6\x19\xba\xd8{9S\xf7?u\rx\xbc\r\xe0\xd4G+a*\xc4\x1e\xac\xe46:\x0c\xe4C\r\xca\\\xb2\xed\xb1\x99\xba{[\xe4\xb7\xc3\xbe1s8\x1c\x8e\xd3!\x16j\xe3\xb2\x95\xf5\xc4z8Z\x92\xafP\xb0*\xb3\xf99d\xfc\x9d\x96\x1frU\x96\x1b\x8c2\xcd\xa8W\x96\xfe\xb4\x13F\xfa\x07 \x84\xbfG\x16\xcfi\xe1\x7f\xcc\x1e\x1b\x92\xe6&gt;n5Y2\n\xaa#\xf0&amp;sC1\x92\xc3}\xad\xf3\x94\x12{\x07M\xf5/\x9c\x08T-\xae\xad\xbe\xad\xbf\xef\x00\x10\xee\xb9*\x14\x9f\xbddM\xf2?\xa3\xb7\xda\xb4\xd34\x1a`\xde\xc8\xf2\r\x80\xc3\xe1\xb8\x00\x80\xf6\xf4*i5\x99\xde\xd5\x8aVWc\xbeN\x0f\x99F\x9d\xd4\x0ePri\x97\x9f\xfc\xec\x93\x11\xfa\x83\x9a\x8e\xb9\xed\xd7\xaa7\x12\xb2\x9e3\x87\xea\xfd\x10\xfd\xb69\xafo:\xa6\x8c\xc6u\xa5\x89\xc3\xbc\xcd&gt;|\x1bf\xc0\x18&lt;d\xcc\x8b\x1a\xde\'\x867l\xff5\x18MGy\\\x9c\xcb\xff\x90|n\xf1+\xcfl/\x8dP\xba\xc5\xab\x7f\x87\xc3q\x05\xb1k\xbe\xc3\xa5Fk\xf11\x18#{=\xe6\xfd\x9c\xec\xfc\xac\x8f\xde\x0bU\xf6\xeaV\xca\x15Q\xc3\xea\xedc\x937\xa5\x84\x15K,\x7f\x17\nT\xc9\x90J\xc2\x00\x0f\x93\x8as\x9d\xddQ\xa1\x99)Vo\xf4x\xcf\xd8\xc4P\xadj\x1d\x05\xe5\x1c!(\xbd\x0b\xfb0P\xc9\x87\xc3\x87\x9a5|Ij=\xf7\xfck\x8b\xc54\x15KY)_\xdf\x19&amp;\xce9 \xd9\xea\x82*&gt;\x80\x9a\xc5\xcec!0\xe0\xc2\x11v8\x1c\x97\x18\xbaUm\xc9\xb6B]5\x8e\xd1E\xc1YwYS\x9fq\xa5\xf0.\xa5mb\xb6.\x81\x90\xb5}H{\xed\xceknQ\xd5\xdcVo\xa2\xd7\n\x00\x00\xbc\x1e\xa3d\xd1\xbf\xb9\xc2v&lt;|&amp;S \xf6\xa2\xad!\xe1aZ\xd5\x80I!k\xa0\\J\xbcd\xd2\xe6\xf6\xc3\x87L6\xf4/T\x0b\x1d\xbd\x11\x93\xf7T8\x9fY\xe3p8\xae&amp;\xb2\xa7\xea\x9e\x92,\xb8~[\xa9q&lt;\xe4\x05\x12\xd7\xc1Hx\xdf&gt;j\xe8Q\xef\xa5\xf4\xae\xfd\x037\x00\xc7`\x00C\xd5\x04?w?\x080\x8c#\x12#\x1b\x02\xc0\x17R\x92\x07l\x00\xf6\x0b\xc8s\x88\xf6\x98&lt;\xbb\x99\\\x8c$La}\x82\xe1p8\x1c\x87#\xab\xf8\x07\xaf\nC_b\x19\x0eE\xc5Yi\x7f\xf8c\xf1.\x986\x00G\x12\x8b\x148\x1f\xc6\r@y\xe3\xe3\xc6\x106t|\x13\xdb\xc3E\xaa\xf3\xce\xae\xe6\x8d\xd8\xaf\xcb;\x00 \xfc\x98\xf6\xe5%\xf9\xfe&amp;6~\x03\x90\x16\xber\xd8\x1f\x84\xcdVw9\xae\xa4\xbdu\xff\xa2\x96\xefCp1\x8e\x1e\x1c\x0e\xc7e\xc3\xd9\xa6\x9e\xb4 k`\xa8i2\xa2\xe30\xaa8\xd8i \xf4+\xf1\xa97\x00A8\t\x13X\r\xa5Z\xe9\xf8Z\x04k\xc4\x1a\xcd7\x17\xd9cF\xcd\xb6%\x1e\xb0+X\xd5\xfej\xa2|\xc8\xb1\xfa\xc8\x00&amp;}+z[o}\xc8\xf9\xf7\x18\x0c\xa4aR\xb5_\xc2I5\x9f\x89\x93I\x9c4\xeb:\x1c\x8e\xab\x8a\xfeC\xac\x1d\xb1.\xe4\xed$\xff\xf7A)\xb5`X\xac:\xca\xddH\xda\xca\xd6\xe5\xdbg\x9b\xa5\xb4\xed\xb6\xb4(^6P\xaeC\xc7/T\x1b\xb1\xdfj6\xadr)#\x03Q\xc3w\xd5\x95\x18\xd6\xf2\xcc\xe7\x1f\x7f\xfa#v\xdb\xc8\x0e\xa9Z\x92\xc7h\xb0~\xae\xb69\xd8Q\xdc\x06`\xd4N#\x99\xa1\xa7\x0c\x80S\xd5\xa0\x03=\x89\xf5\x0e\xd6\x19\xc2\x1ec\xa4\xcf\xbd\x0e\x87\xc31\x0cB\xc6\xb9@\xc9\x88K\x9d\xa7\xeb\xc2\x8d\x12\x02w\xd0\xd1Hd\x8c\x8b\x01 \x90\xb7\x0c\x04\xc4\xebJn\x92\x0cSQ\x89\xe2\x8dU\xc2ZZ5\xd67\x9cc\x15Tm\xcas\x9f\x8c\xaa\x87\xb0\x9e\xb1\x1b\xfeQ\xf3\xcb\xe0\xe48\xa0\x87\x81\x8c\xbd\x9eYP\\\x9cU}\xef\x95\xad\xffv\xec\xf8s\xf6Q\xdb\x84}\xf2\x9b\xc3\xe1p\x9c\x1bP"3f7k\xf9+\xd4\xaf\xfd\xab\x8b\xb5v\xe4V\xfd\xf5\xfa\\\xc1\xbc\xbc\x93Ua\x8e,\xa1\xf2\x8b\xe7\xb0\xba\xd4^2!\xab\xc0\xed\xe2uZLvl\x00L\xb5\xe9fNk\xe8Fa\xed\xb5\x9d\xd8\xb1\xb0x\xa0C\xbddb\x8d\xe1\x18\xc9H\xf2\xc7\x9bw\xb9\x82\xc5\xecCzK\xb3W!\xc4^\x91^A\x0f=\xcayz\xd7#w\x05\x0f=\xff8T\xe2\xab \xdc\xa2&gt;\xb3\xce$+n4.\x8d\xff\x1d\x0e\xc7U\x05\xfdZ\xfcv7\xbb\xac=x\xe6/\n\xd7I\x02\x1a\xd9\x96\xd3&gt;\xb5\xad\xe2\xb8W\xdf\xb0n\x97\xa4\xbak\xe9\x86mU\xafp\r\x0b\xb4\xe9!\x15\xe7W~\xcb\xaa\xa1\xc1\xa4\xb5I3D[\x03i\\K\xac\x96\x86\xbd\t#$\x04\x82@\xb2c\xac\x07y\xc3\xa0\xccM\xae_h\xd6n\x08?\x17(\xce\t\x13FIvw\\,)\xf5|\xdc s\'\x86\xc6{\x85@\xaf\xb7\xbd|w8\x1c\xfb\xe0\xa4\xc9\xc5\x98\xda\xf4E\x89&amp;G\'\xdf&gt;\x94\x94\xf9\x93\xdd\x0fr\x0c\x0bC\xdf\x82\xfd3**\x8c\x89\xd1\x15C\x0bV\x02\xe6\x11\xa9n\x00\xc6!{`\xb2\x9b\x95c0\xac\x0b]z\x1ekj+p\xfe&gt;\xcd3"|]6\x96&lt;1\xf8c\x0b\xcf\xccrA\xa3\xcf\xed\x10\xc2_\x05\x05sz\xff\xd0nt\x174\xf3&lt;\xf9\xecC\xe38\x98\x0fR^;\x18:\x83\xc7\x11\x0e\x87\xc3Q\xc0\xb8\xe0\xf1\x15\xaa-\xc7\x9dQ\x95\xa6x\xbb`}\xd5\xa4\x9e\xca_\xdcq\xfc\xcf,\xb7\xea\xba\xa4\xdf\x99\xda\x13\xfdF\xed\xbb\xef\x01\x8e\xd9f\x1c\x86A]\xe8x\xa3\xdd\xb4=\xee\xf1y\xc3\xf6\xd2\x92sJn\x8f_\xdf\xd9\x9b\xf1\xae]\xef\x92\xe5f\xa0\xfe\xca\xc7\x85\x89\xcf&lt;#\x19h\xf3oX\x1d\x84\x03_\x01\x12\xdc\x02\x00!\xfc\x9bW\xff\x0e\x87\xe3\x84\x18\xb6\x1a\x01@\x08\x8f\xeb\xd1\x9069\xf9*\x08\xe8\xdc1!\x06OO\xca\x82\xb1liU\xab]`)\xf1x\xcb\x8dv\x1b#n+x\xc80\x8dtl\xfb`u\x8frC\xdb\x8e!\x1b\x07\xa6\xd7\xfcE\x92\xb0\xbe\x17\xcas\xfd\x9a\x16\xe5`A\xfe\xf7\'\xd9f~\xfe\xf0\xf9\x1as:,Vj\xc4N=\xe2j\xfcG1\x1c\x83S\xc1\xac\xed\xf7N\xbe\x10\xf4\x82\xfc\x1b\x95\x0f\x82e}\xb9\xe8\xbds8\x1c\x17\x01\xed\x15\x8c\xb2\xa1x\xd4a6x~\x0b\xe1\xea@\x80k\xc3\xb6\x967\xd5\x94\xac\xa3\x98J\x1d\x90\x08\xa0&amp;\xb4\xbaX\xbe\x93\rU\\9\x13\x8fi\xe9\xf89,\xe7=\xb3 v\xd9\x1c\xa2m\xb3o\'w\xf5\xaaew\x05\xe6&gt;\xfe-\x8e\xcf\x01]\xd6\xe8\xd9\xa8n\xb4\xe5\xc3\xfe^bXmsN&gt;\x1b\xec\x95\xa8y\xb7\x14\xa9\x0c\x00\xe0=\x06\xf8p\xaf\x89&amp;\xcc\x94\x18\xa5\xd3.\xb6\x1d\x0e\xc7\x95\x03\x90\xf9dNCS\x08a\xc2w\xe9&amp;v\x19\xa6\xe5l\x9a\xb0\xcb\xca3&lt;\xdb\x95\xcbb\x000M\xd3\xfc_YC\x08aZ\xd7\x8a\xed\x83\xbak\x1a\x92a\xe9\xfaT\xdc\x0b\xd3\x94\x08LE+\xcca\xbd\x1eB\x98\xd2Eh\x96\x8cw\x01\xd4\xde\x0b\xdaA\xa9Bv\xf5\xce\x00M\x97\xe9f+\xa6iZ\x8b\xc5\xf9k\xd8i\x11\x07\x80k\x85\xf0\x9a\x93\xf9\x8a\x06\x15r\x8b{\xe6 1\x8d/\xae\x90\xbac\xa3TI*\xe4HZ\xf3U\x076\x9e\xe3\xcc\xc1&lt;\xdf\xd7\x10=8r\xcc\x16\x1bRA\x9e\x06\xd7\xc0\xebr`=\'\x0cNYI\x84N\xd3t\xcd0\xbd\x0e\x87\xe3J\x03%\xa9\xf4\x10\x82Na\x9a\xbc\xd6\x9e\xfb\xa6i2\xa7N\xb5\xfc"X;\x01\x92+\xfb\xf9\xee\xfc\xdf\x873g6QCV\x066tM$\xb9*D:W\x86\xd1b\xba\n\x92\x1cRU\xb9H\xfa\xdc9S%\x13\x1bU\xfd\x87C\xaa+\xee\x0c\xb8\xf9\xac\x10\xf9yJN\x90\x1bu\xae\xcd\xd9c\xd4O[\xab\xff\xb3:\'\x9e&amp;&lt;\x82\xe9\xec89\xd5iR\xa4\x90\x89?\x80?jw\x9aY\x19\xf4\x00d\xd9\x8c\xce\xca\xf2\xc3\xf2\xdda\xb5\xa3 F\x0b$\x118Q\xd1h\xa5UI\xe3\xc3\x1dx\xf2\x19\xe2p8.0t)\t\xbd\xa622\x91\xbd\xed\x10-\xdd\xb9\xb5\x7f\x85#\x9e\xcb\xb3\xef\xb6\xf2\xb6\x0e^k\xf5va}\xbfY\xc0qt\x11\xbb\xa3\xed\x8d)\xb36U;:0\xe1y\xeaa\xca\xc0\x92Y_9kS8:G\xc1\xfa\xaa\x924aC\xf8\xb6^3\x1d\xe1\x94\xf6z\xac\x07\xd0\x04?\x97\xe0\xa1`\xe0v\xc2\x1c;\\\xe1\xe8\x80w8\x1cW\x00yZ?\xdf\xf4QM\x9a\xdd\x89\x15\x92e\x9e\xbc\xdb\x0b\x13C~D\xf6\x1a#\\\x83J\x8bJR\n\x14e\x87\xfdg\xf2%BF\xf1.\xe7(4,\xfb\x9fQ\x16O\x02\x00\x08\xe1]N\xcd"\xc7@7\xeeS\xaa\x16S\xc3t\xd7j\xa5\xa79\xde\x9d3b-\xc4r\xb5\xdac\xa3\x90\xf5k\xf0|yA\xd6\xc7\xef\xb0n\x00NP1\xb7\x0c\xb1$\x9f\r\xca\x93/^:r8\x1c\xe7\x80\xb7&gt;\xe3j\xe6c\xa9\x8b\x88\xed\x9c\x04\xefm\xce\xb0\xebJP\xcf\xb3&amp;\xb5\xfd\x1a\xb0\xfcNE\'U1\xf05\xc4\xb6pn{\x00I\xbe\ro~\xf4\xf2\\\xe3\x8f\x82\xe4\xdcOC//\x94\xc7\x01\x9cXk\x05\xcc5\x8c\xf1oR\xc7\xabb\xbfZ\xd4\xd3\x84\xb9[\xb3!!\xfe\xd1\x06@E$m\x9a\\\xb1B\xb3\xef\xe2\x8eK\xa4\xe7\x99R\x90\xf0v\x0f\x03\xe82\xcc\xea\x84w8\x80\x92\xc3\xe1p\x9c\x10\x90\xac(\xcd\t\xbaqYm57\n\xd6\n\x1b\x8a\xd2\x9cj\xbb\x9d\xd2\x15_\x99&amp;,\x87D~[\xf8\xab\xfc\xe4\xdbrsJ\xbe\xbe\x97\x13\xc8\x18\xdd{\xe6\x00\xf4A\xd9j?\x0f\x8cy\x92\xd6\xa3\xa76\xca\xf4_QJM\xecO\x84L\x92\x1a1\x82\x12\xe3\xa5|^o4\xa0\xdc\x00\xd0\xbf\\\x9c\xef\xf3U\xb5i*\xd61\xb9\x9e%\xf4"^\x165\xbc\x8cbW\xdb\x1e\x9c\x14`\x7fF\xe1\x7f\x04\xecp8\x06\xe3\x1c\xb2\xe1\x8a\xe5O\xac\xa6\x97\xcd\xcb\\[\xa9\x17\xec5\x04\xcc\x7fB\xc9\xeb\x1c\xf9`\x97\xc4s\xec\x16\xe6?\xde\x15\xfe0-\xb2\x8e\x7f\tW\x08\xe4M_\x91\xf4\xb2dS\xfc\x92\x0b\xe8~!G\xf2[\xcb\x1f|O\xd0r\xc2;\xb7\xde\xfe\x80;A\xfa\x0f\xb4\xe5\xd7O}@( \x9f\xaf&amp;7N\xc9\xafR\r\xc57\x8eI!\xd34\x85\xf0\xb5Jal\x92\x8b\xa9\xb5\x9e|\xf5\xfc\x852\xca\xb4\x0b\x01\x97\xcb\x83\xb0\xe9\xfc_&amp;\xfd\xcb\xdf\xd9\xd3?\xe7\xb5\x88H\x17\x01 \x8b\x80D&amp;\xcd%\xca\xb8"~L\x82\x17\xe6n\xdd6\xd38\xa5\x1fT|\x00\xae\x87\x82a\xe9\xcaw3|\xa6_\x17\xf4\x1d\x85\xf3\xfa\xd5.\x87\xc3q\x81\xd1v(\x18\x02\xb5\x94\x8e=15\x1d\x9em\xa6\xf7\xd9\x964t\xb6\x81\xbf\x95F\x87\xc3\x81+X\xabg`\x84\x00r&gt;\xa0\x0fZZ5\x97\x9e~\xdbi\xf69\x00@\xb8\rd_;\x8c\xab\xec!\x86\xf9\xc9\xa8\xd9\xec\x99ooT\x80\xa4\x17\no\xe4&gt;L]\n\xe1+\xe8\xb6\x00\x10\xc2k[ge"_m\xb2\xa95\xe5\r-\x81\xed!\xc0B\xa6\xcc\xaey\x9bBC\xaa\xd2\xc6\xe0]N\x11Z%\xe1\x9a?O\x91y\xc4\xc0\xc8n\x9dEnt8\x1c\x17\x08\xe9\n7La\xfe(\xb9G\x95N\xc9\x9d\x11y\xb6!\xaf\x90;\xd6\x95[\xb1H\x17u\xdc\x1c\'n{\xfaf\x16f\x1b\xbe\xbf\xb5\xa1v94s\xdb\n\x11\xeaFV\xa9h\xf5\xd9\x08\x18\xd4\x12\x0b39\xd6\xe9\x18u\x8d\x17\xd1w\xda\x1c\xd3\x94\xb1\xfb\xdb"\x9fJ\x8c\xed~\xd4\x1dY\x8c2$\xcf\xcd\xcd\\~W3\xd7\x80\xcf!\x1aJjA\xa24OSJ\x03\xb0\xb6\x85\x0f\xbe\xd2\xc5\xff\xacQ\xed\xe3\x91d\xa2\xd1\xca\xec\x0b\xc3\x16\\\x87\xc3\xe1`q\x83\x83SL_\xa9\x14?m\x9f\xc5\xdaH\x91\xfae\x01b\x13\xa2[\x17\xf5\x92\xa8\x81\xddE\xa6B\x01\x00\xc2\x83(\xe1=#\x01\x80x_\xb9(zF\xda\xca\xbf\xf6(\'\x9b\x17\x17\x9bMh\xfbn\xad\xfe\x13\xa96&gt;EDu\x8f\xce\xeeI\x06M\x9fzNh\x9enzJ\xba9\xb5q\x00\n\xb3L3\x07\xd23\x9a^\'\x02Z\x17\x19\xd5\x9e\x01@\xeb\x8d\xd1f\xcf\xc9\t\x0e\x87\xe3\x92\xc3r|\x0e\xebA\x11\xa7k\x14\xa9\\\xa7\xae\x8a\x9d\x97\xd5d\x15\xe7d\xa4\xb4\xfe\xc5\xb0,\xcfO\xb3\x1f\x0e\x99\xd6B\xe3\x19g\xc3Rdm\xc2\xc9\xef\xba\nn\xde\xd8\x1d\x83{A\xba\x85*\x1c\x9b\x8d&gt;-/X\r\xfc\xcd=\xfd\xc2\xda\x14\xe3c\xc3fh\xc3\x83C\xf8\x90\xd6\xb6\x048&amp;\x00\x10\xfe\x0b\x02@x4\xeb\xc0\xa2\xaaFE\xf60\x8e\xc1\xa49\x93\x84\xf0#\xa8f\xeffH\xe9\x89\x91\xa0\xc9\xba[C\x99I\x1e\xc9\x12\x99\xf0\xad\xf9\t\xcei\nb\xc3v\xc8\xe1p8.*\xa4\x85S-\x9c\xdcm\xab\x12\x1e]\x13\x10,\x86\xf0,bEd\x8c\x82\xccG\xbd\xb2\xee\xbd*\x0cXx\xf0\xf2\t\xeb\xe3\xe3Ty\x14\xe3z}\xc0*\xa84\xd1M\x83h\xfe\xe2\xf1]c\x83P\xd7\xcd\x1b\xd5Fa\xfcX\xac3\xf7^\xe7T\xee4&lt;\xecj\xb5TN\xf9\x8f\x16\x93\xc0?5\x1b\x8a\xc6\xf4\x94ra(\xd0\xc5Dg\xbfF\x98|l2\xe0\xa9W\x8f\xaa\xab\x80\x03\xd2\xb2\xc3\xe1\xb8\xe4\xe0\x92\x08u\xbd\x92q:\x96\xa5\xae\x05#\x96\xb0\xfdP\x92_\x8c~3\xfb$D^2k\x0b\x1b\xae\xda\xc7\x80W\xa5:\xc6\x1bj\x11\xc9\xd5\xf7\x96\xbb&gt;\x1f\xef\xd7\x1c5&lt;"\xac\x7f{\x8a\x08\x9f\xe9\x9a})\x8a\x89\xde\r\x00\xbe\xd2\xe1\x93\x01\xce$+\xe08\x11\xf6\x1e\xb2r\xabQ\xdb\xca&amp;W\xeaO\x93\x04\x93\xc5%3\xef=p\x96S\xc3wG\x0e\x87c\x17p\xab\x8b\x9ct\xf0\x920\x9e\x19\xb2\x88\xad\xf4\xec\x07L\x1b\x00\xceE\xf2\xda\xfc\xcf5\x81\x8b_\x8a]$\xc0v\xc6\xb9\x83\xdb\xb33\xfb\xdd\xact\xe3(b\xe7\xd8\xf7\x05\xc36\x00\xb0\x0e\xf4S\x0b}vFb\xab\x83\xb2\x04\xfdl\xb0\xbcbs\xd7\x19\x84\x81i\xca_\x84\x84|)\xf6\xf0\x0e\x87\xe3&lt;\xb0\x9d?\x1d{*\xd3\x95\xc8\xb6u\xe8\xf9\x1ai\xae\xbd\xd2\x14\xe3\x8a\xeaC\xf33\xc5.K\xc8\xb8\'3\x0b\xbd\xd1\xafe\xa70\xb7~\xd1\xc5\x1b\xe5\x13\xe2\xcc\'\xc5\x9e\xe7\x17op\xe6}\xb7\xa2\xecN\xfb~i/\xc8\xf5}\x1f\xdb\xbd\xff2!*\xd7{\xf5\xec\xfc\xefp8.:z\xab\xaec\xb3Rs%\xd7\xf8\x02\x92L\xa2Y\xf3\x05\xc2\xb6K\xd4\xff\xcd\x1c)Pk\xd8U\xa6\xcb\xf8\xcfEg\xf5D\x10r\x9c\xed\xfb&lt;\x14\xfek\xa0\xae\xc6Q\x00K\x90\\X\xec\xb0G\xbd\x088\xb3G[\xfb\x1c\x16\x84\x10\xc2\xd3\x17\xb5\xdf4\\s\x82\xd1\x0f\x8b\x1c\x0e\x87#\x840&gt;M\x13\xc7f\x90~%\x13S5[\xa1b\xab\xbc\xb5\xe9\x19}n7"\x99\xfeV\x8f\x06\xdcq\x13\xa5\x93\xac\x04\xb1\x86n\xb6\xae\x0c\x89\xe1\x01\x9cV\xf3\x02\x07\xe01\x96\x8f\xe3r`\t\x8c\x81\xe1q\xd2H;tc\xd39\xd3+\x13\xb3}\xeb&gt;j\xca\x0f\xcf\x1bQ\xdb5\x03\x95:\x1c\x8eK\x87\x91\xff\xb68\x93\xc66\x13\xd3\x94\xfe\xd3\xf1\x9b\xect\xeb\xf0\x9eb\x06\x9c\xdbM\xd3\x17c\x9b\xf2\xf7\xc4\\\x17L\t\x1a\t\xbf\xe7\x10\x0e5+\xdb\x8d\x10\xfef]T\x9e;M\xeaZy\xdc"4M\x13A\x8fZ\xe7\xb8\xc2h\xd6\xf0\x0b\xfc\xd2\xb8\xc6R\xfb\xf8r\x9a\xaf\x15\xc2\xac\xb6\x1a;\xd3\x14#s\xe4&lt;r\x14\xb8\xe8;\xab\x8d\xfc\x94^\x93\xf6\x99\xf5\r\xf08z\r\x98\x83\xfe\x18[\xd8w\xb4\xd8V\x8e\xbfnvc\x9a\xe72\xdd\x1c j\x1eP\xc7w*\xe8$\x10\xe1\xe9\xc8\xe1p\xec\x04\xe9\xecG\x7f2\x94\xa6KK\xea\x84\xa2a\xb9\x82v\xbc\xca\xc9\xad\xc4\xa6\xfa#?\x0c\xae\x1c\x0c\x17\xc2\xb2N\xb2\x19)^h^$\xb5g\xea6\xb0L\xd0\x8b4\xa4\xd8L\x8c\xa4g\xf5\xbc\x92o\xa0\xe3\xad4T\xb3\x8b\xc7\xeb\x04E\xea\xf1\x16O\x815\x0c\xde\xfaBu\x16\xa5\xa9\xfc\xf6s\xf3\xb9_4\xdd#\xf2\xc7\x03*}l\xd7\xa6\xb9\x8e\xc5\xc8D\xaa#F\xa6_[w:\xba\x7f%\xdf\x13s8\x1c\xa7Fg\xcd\xd7\xf5f\x8bFj\x90\x9e\xba\xa4\xbc\x12[\xbc\x94\xd5\xdc\xc0\xbf\x1d\x0e9\xd2;z\x1b\x9c0 \xd8u\xd6\x1f\x8e\x93\xfa\xe9&amp;\xcfn\xa9iF\x94Ak\xf3\xa5_\xf4\x06 \xf5\xe4\xe3\xcc#~\x1a\xc8&gt;?\x7f\xfe60#rX7\x87\x1b\xe2&amp;&amp;s}\x9fnf\xf3\xd7\x9a\xcf\xb3\xb61\xe3\xc5\xdb?b\xf6X\xef\xfeA\xedLU[\x87\xc3\xe1\xb8\xf4h\xdf\x00\xf4$ME\xdb\xae\r\xc6\xaa!\xc1SH\xc2\xaa\x02\xd7b3q\x8e\xbaz\xb6\xac\xf7\xd9\x01?\'\x0c\x08J\xe2!\x7fp!\x98H[=K\xb7\xc4\xae\xda~+^-\xfaES\x12\xd8V\xb0\xc9\xc8\xf2W~\xf9?]\xf7\xf796\xde\x0f\xa0\xad\x95\x1b\x05\xa8\t\xdb\x9blY\x06\xf94\xb7Xa\x1e3\xe6\x02\xa4\xad1\xd41!\xfa4d_\xa3\x0e\x87\xc3q\x15\x91$\xf4J\xea?\x1fXV\x82(i[?\xf4\x95\xf7+\x13\xefe\x92#V\xac\x8f\xcb\x08\xd4K\x16L\x1bJ\r!\xbc&amp;\x12\xb3?\xacGq\x12\x95?\xb9\xa92 \xe4\xdfJV"q\xebu\xf8\x89+\x8cS\x1e\x8d#s\x80\xaeTZ\xdaM\x9c\x12\x0b\x8d\xac\xbf\xb6\xbd\xab\xac\x9c\xca\x1b\xe6\tB\n3\x1a\x00\xe6m\x7f\xeb4\xd4\xe4\xba\x98Fx\xb1\xd5\x8d-\xa3|{{\x133\xb648N\xe5P1\x87\xc3\xe18k\xec\xb8\xd8\xe7K\x0b&gt;\xc6\xfe\xcd\xea*5\x08\xe4\t\xba\xc4\xb9\x89X\xbd\xc9]-+\x16(\xb0\xbcE#\xd9\x85T\xa3\xd5\xa8\x92\xaa\xac\x0b\x91\xa9\xa9E\xa6\x0f\t\x12La\xe8\xc3\xae\xd7\xd7\x0e\xfdjw\xdb|\x922Uzt\xc0\x8c\xc3h\x85M\x1bER\x9a\x7fBe\xd2\xc3\x1d\x99\xa7\x9f\x15:{\x9eq5\x15\xb8\x1b\xb1z\xa2\x0b{M\xae\x03f\xeb\xf8\x906\xceP\x87\xc3\xe1\x18\x07sf\xb9?#\x7f\xe0k\xb8\x02g\xf2\xae\xa2.yg\x9c\x88\xdfmL\xae\xaf\xaf\x19\x147[\xc9.\xdf\xfd/\xfb\xb3\x8b\x90\xac\xd3\xc6\xaan\x13\xd0/\x96\xea\xcaf\x93\'\xaf?\xb5\xa6\xe4Sl&amp;\x0e^tmC?\xd6p\xc8\xc6\x8b\xdd\x00T\xe3-n\x0eM\x03zRpG\xd1=\xcd[\xa1K\x14\xb9\xd1\xf2\x8an\x9e\xee\x0e\xe1\xc7\xbb\x8a\xc7\x80\x17\x06\xe3\xbc:*\xe3U\xdb5\xb5r8\x1cW\x03\xe3\x12\xf1\xe97\x00\xb1r%\x9b\xa8KX\xa2Q?g\xe1bQ1\xc7\xcf=\xcaS\xfeV\xaa[+J\xc3r\xa5\xb6\xeb\xd8\xf4(8\xd8\xd7B\xee\x17\xee\xfe\xa2\xa1\xbf&amp;\xf9]\xb5\xc1\x896\x009\x01\xfe\x9e)\xa2\x14\x83&gt;\xea\xa0\xfd\x84h\xa04\xaa\x88L\xb5\x15:k&amp;\xf4\x92\x8dxA\x9e\xca\x00 \x84\x1f\x1en\xe5`\xac\x1d\x19\xb6\x010\xc9\xf7\x1bu8\x1c\x8e\x9d0(C5-\xa8\xf1\x03W\rG\x81\x9f9\x9bL\x8a\xa9Vkk\x93\xf2\xc6\xa5\xfd\xa7\xa1\xbe\xceI\x9a\xe7\xeb\x7f\xbcv\xe4\x8d\xc7&gt;7\'\xcb\x1dA\\\'\x03Z\xb55\x81\xe2\xee\xf6u\xe06\xfb#O\x13\xc0\xed\x11\xc5\xeb\x0b\xe3\xfds4\x1a6\x9c\xc5\xfc\xea\xf1j\x1e\xb7*%_V\xda\xda\xd1\xf3\x00\x10\x1eh\x9a\xb0\xe7\x8e\xc6^\x8cx\x92,~u8\x1c\x8e\x8b\x8db\xa9X\x96\xb4j\xce\xb5\x9f\xca\x94u\xf6^\x8b\x13\xaf\xf6\xfbP\xc5\xb9\xc3\x1a\xd9[U\x84\x86\xe3\xae?\xc7\xddYT\xd9\x87\x89\xe66\xbfdb]S9\xdf\x16\xfe/F\x04\x0b\xab\xc7(y\xf4A\xb7jvE\x9f\x0f\xdbw\x98w\xed\xb0Ix\xe0rT\x84\r(\xa6\xc6\xd1\xc5qfk_\xbb\x90cW[g\x8bA}7?\x86\xed\xb6\xe8p8\x1c9\x0e\xc8,s\x91\xb7\xeb\xe2QM\xa0\x81\xaa\x08\x1b\xf0\x02\xf1m\xa5Uy\xa56=\x1eU\xe7h\x95\xe4_\xab\xce\xcc}\xaez\x87\xa1\x17\xdc\x99=\xba\xdb\x16\t\\+\xa5\xaa8\x17\xacv\xcf\x10\x97\xa3\x17c\xd1\x10T\xednDs\xaa6\xcb\xc2\xb8\xd8\x1b9\xf4\xe7\x18H\xfc\x13Q\x00\x08\xe1\xcf\x86\x9b\x13\x9c\xa0\x18V\x87\xc3\xe1\xb0c\xff\xe4\xbb\x9e\xfa\xef|zd,F\x87[N\xcb\\\xba@\xdc\xb5\xfb\xa4E|m\xac\xce\xb4;Be\xdc\xd9\xe5T\xff\xb6\x16r\nkoDt\x8eB\xdaP\xb1\xb1\xa1\x9b\x03@x\x94\x81@\xead+\xe1\xddpP\x18\xef\x86\x0bM&gt;\x04zf\x11\xd1H\xc9\xb4\xd8jhuq!\xcc\xeb\xc4\x15q\xfa\xdfw\x94U\xee\xc6\x18\xfd\x0e\x87\xc3\x81a\xadc\xd2\x86yiR\x7f1@\xb3\x96(\xeb3\xdd\xc2V\xbe\x13\xd2\x99O\xb1\x12\xaa\xa6\xac\xec\x01z\x08T\tFS9\x8d\xb22\xeewE\xf2\xd0C\x1a2\x00x\xbd\xda\xdeLo1\x84\xbf1\xb2\x1c\x89\x94j\xd3P\xea\x03`\x8b\xdb\xe2\xbf\x03Q\x8b\x81\xd7\xe1\xd8\x0ed\xb2\xd3\x8c\x00\x80\x10\xfe\\\xb8\xdd\xa6\xf5\x9c\xaa\xb1%\xe5\xca\x0e\x1c\xe2\xde\x868\xef\xb4x\x06\xa8v\xe1\xbb\x16\xdf\x8e\x88\xde\xca\xd2p\xc56`\x0e\x87\xe340f4\xa9\xe4\r\x1d\x85\x82i\xdd\x12\x85!\x95kP\x8e\r\xa1\xbd\x84\xea\xb7q\x06@W8\xea\xb6\x19\x87\x10f\xec\xf6D\xc5X6\x9b^{\x85\xbd\xf7Fn\xd5\xbf\xa3\x95\x8e.\xbcb\x14\x83y\xfa\x8c\xd1f0\xdb\x12\x84\x9a&amp;\x8dE!\xc0+:Na\xfeZ\xb5\x01\xe8\t\xa7\xdb\'}Wh\xb8@\x05\xeb\xe7\x9f\x9ej\xbe\xa6\xd0\xb7\x0f\'\xe5p8\xae\x1et\xe5c&amp;\xdcih\xb3\xd8t\x9e\x1auQ\xcd\tz\xa6\x0e\xd69\xb7\xe1\xf4\t\x9d}F\xb1\xaf\xd5~\xd7\xed\x806V\xd0Q\xb15\xb4\xeaA\xb4Xp\x16\x98XI\xae\x9a\x8f\xee\xdaG\xaf\x19@\xdf\xe4{\xb6\xb1\x1e\xffD\xa5yk\xc1S\x82T\x82lM\xea\xbc}\x9a\x1b\xe3\x80&gt;\xb4\xbb\xcb\xeac\x88U\xf8\x8cf:\xc6\x1ea\xd0B\x82\x0f\x9bs\xcb\x96\x0e\x87\xe3\xd2\xc2\x94nzr\x13.\xa6\x13m:\x9d\xc5\xda\xc6\x88pv\x87\xd0V\x1a\xb5\np\xed\xbaw\x0et\xf3\xb7Vtj\x14f\x13\xbf\xbc\xcb\xdb,\x8dd\x00 \xdc\xba\xe5\t\x80F\x9e\x16;pE\x8f\x95%b"\xf07\xfb\xe1T\x85T5\x03P-\xf6c;^\xe7\xc2vs\xf2\xd7\xa4w\x94*\xc2\xa0m\xe7\xd3\x0c~c\xf3\t3qn\xd9O\xaf\t\x10\xc2\xb3\xf77\xd1\xd7\xde7\x00\x0e\x87\xa3\x86\x01\x89f\xc6SU%l\x7f\xbd\x08\xa1\xac\xa8\xade\xa8(\xc6/?\x9d)U^\xdb8\xe5E\xf9U5\x81\xafUIU\x05Jz\xdbW\xab\xe7/\x03z:\x9b\xb6\x15G\\5\x95\x9ai\xd4\xb1\xd6\xbb\xc5\xe0\n}\')\xb1\xf2\xa7\r\x98/h\xa9n\x0f\x8e\xf3\xce0#\xb3\xe2\xfaUu\x1e\xdfl\x1d\xb3\x89\xda\x14&gt;4\xe4\x93\xd3\xa5\x9d+\x94\xee\x1c\x0e\xc7\xa5E\x7f\x0e\xfd{\xa1\x04$^\x1e\x10\xcc\x19\x9e!\xc4\x0f\r\xabr\xaclH\x8bX!\xb1\x94\xben\xfb\xa3\x00\xfa\xa2\xae\xe6SvV_\x1d&amp;:7\x97b\r\xa2\xe9\xbd\xde\xc6\x1e\xbd\xba\xf7&gt;\x06\xb1\x14O\x92\x96&gt;\x1a\x19\x9b!\xaa\x14vv9\xa2n\xbe\xdbm\x85\x1aD\xcd\xc8&gt;\xfb\x02\x94}@\x01\xcb\x1cIf;ehJ\xd7\x0e\x0e\xeeI\x87\xc31\x1a\x8f\x1dY\xa34\'\xa9\xdd\x96\n\x885n\xaa\x7f\xfb\xcc\x9f\xd0\xefT\t\x194\xbfZU\x83*\xb5-vs\x02\x00\xf0\x8c\xd6wZJ\xbb\xff\xda_+\x0fs8\xe5\xe4{\xafc\xad\x7f)\xa2\x9b\xcf\x05\xdb\x00\xec\x85-\xecq/^6r\xd0I\xbb\xdc]\x1d&gt;\xae\x8b\xd3\xde\xf8$\xa9\xf4\x9fq\xf4\x06`e\x92\xb0:q\xf4\x8e\xcd-C\xb0\xce\x05=\xab\xc7\x9fa/\x1c\x0e\xc7%A\xcc\xdam\rC\x80p\xb31O\xb1\x9b\x95\x08\x9a\xd5\xa93_P\x87\x16p\xcd}\x9c\x9b\xdc\xbb\xef\x18\x954\xadg\xb2\x85G\xdf\x03\x19\x9eO\xba%\xd3\xe9\xbcM\xe5\xed\x02\xd2\xe8\x89_GiB\xdd\xd5\xe8\x1d\xad\xddJ\xae\'5\xb4\x11(\xf1T\x07t\xa13&gt;\xc9\xcfg\x86\xcapw\xe4s\xd6V\x95\xcaO\xc6\x15\xe1.)\xbd\x13\xf8\xf0\xe0\x81\xb3\xa4\x17^2y*\x9b\xfam\xcfI\xedp8\x1cF|T\xb9F\xf6\x9e\x01\xef\x93\xe3\x84\xc2W:\xfeo\xeb\x91P\xe5\xa0\xe2\xccP\xd2\x11Pi\x00\x00 \x00IDAT|\xef_\xd8i\x89\xa4_\xc2\xbaJYX\x95\xfb\x87\xb2w\xbbu\x90\xe3\x99\\&lt;\x97#\x7f\xbbY\x16{\x18\x1a\xdaj\xef\xa8&gt;\xd53\xc9\x83_\xbcaoY{!\xb4\x92\xb5\xadw\xa1\xb8\x82\xaf\x1f\x88\xa37\x00\xb9\x7f\x9ag\n\x91\t\xf5Cy\x8d\xd5\xaa\xc3\xe1\xb8\x9a\xd0\xa7f@\xf9\xe8\'C\xc8\xd3\xbd\xd4\xb8\xaa\x7fZ\x81\xee\xdcE\xc3\x877\xbd\xc9\x03\x14\x8bS\x85O\x08\x98L\x05\x04}^\xd6\xaa\xbc\x15]Of\x92\xe6?\xb6\\y-\x00\x80i\x9aL\xbd]\xb14a\x9b\x167^&gt;l\t\x9f\x961\x8dXN\xda&gt;\x0fq\xeb\xb0q\xd8\x98j\xb1G\xf9e\xad)\x99y\xbd\xde\xec\'$\x1aol&amp;q\xde\xd1\xae\x0e\xdb\x98r&lt;;\xf7T${\xd9\'\xeb-v\xa0{\xf8\x08\x10{\xaa1:x\x9b\xb7\xd6\xee-jW\x0fO8\xbb\n\xce\xdfs\xff\xecp8.)4\xc5\x01\'@\xd5\xd3\xd2AT\'\xd5V\xcc\xa6?\xdet\x186\x8e\xed\xfc\xe2\xe6\xa8#\xfc\xc6\xe6=F\x93\xb6\x85u\xe2E\xa06+*\xcf\xb4jnh\xc4|6\x18\xed\x1e\xe8.\x8b b\x88\xb9\xf8\x91\xbax$\xce\xbc\xeey\x8f\xfdTW\x1d\xde\x99jF5\xd9c"@v:&gt;\xebo6\xf1\xb0\xc1Q\x94\xce\xb5C&amp;\xc5\x91\xb6\x1c\x0e\xc7e@Z+\xc8rz\x85\xac*\x80G\x1eX\x0fe\xf8\n\xb2\x00Z\xd6\x8c\x83stg\x11\xd6\xdc\x9coe\xdb\xd7\x91z\xd2~=~\xa833s\xf6\xd7\x18\x0621\xd9\x1d[m\x9b,j(\xc1&gt;O\x03v\xea\xac0C\xfb&lt;\xbc\xd3\xe8\x94\xcfHE\xe1\xa7\x15|\x8e\x08\x98\x1d\x02\xe0\xb48r\xae\xe9\xf0\xc0\x833@8\xf1\x11\x9b\xc3\xe1\xb8P\xb8\x8d:_\x00@\x08O\n\xa1R.s\xf9\xae(%\x9b\t7\x03W?\x90\x97\xb3z?\xf4$\xd9\xfe\xba\xb0\xa7\xf9\xd6\x10\x9d\x9cm\xda\xc4*_\xc4\xabwZ\xf0\x00 \xdc#\xdd\xb0\x9d?0\xc9\x9di\xeb\xdc\xceM\x81Q\x14\xb0\xad&gt;mk\xf3\xff]\xcf9\x1dV\xd8\xaf\xad\x90\xb2_Ur\x1b\x9a\xaf\xd9/f\xc6\x8e\xfeA\xd1\x9e\x85\x04y{\x0b\x92s\xc9\x12{L\xb4\x10]A\xae\xb3\x17#C:\x1c\x8e\x93\x02\x00~\xcc~\x9eZ\xcbh\xf4\xdd]K\rk[\xd4\x05C\x8e\xce\x9b\xb7\x97\xe0=%\x8b\xa9-\xac\x8f8`] s\x02\xe5\xbb"\x05\xcf6\x92\xfd(\x06(\xbd\xce\xc9\x9b\x94\xcb\x96\x0b\xa3V\x10\xfaw\xf2\xe4\x1a\x87\xca\xc1\x02\n\xa9\xc0\x7fu\x14\x10\x85\xb6\xce\xf8\xc9\xda\x9a\xa3\xf1\r\xeb\x95"S|\xdbX2\xea\x95r\x01\xd1h\xcb*F\xb4\xa7\xafT\xc5\xe1\xbb\xf1S\xa6\xa3\x94E\xfctR\x16\xdc\x8c\xf0\r\x80\xc3\xe1\x10\xb1$\x0e{\xa6\xb8\x1d_:\xa4\xda\xfb\xd8\xd5\xd1YXX\xab\xdbT\xf2#\x8d%W\xbfu\xb2yH\xd6\xe0\xdaZ\x9e\x95\xf8\xe4\x02FQj\'9\x04\x87Y\xc7V\xd8\x01Z\xfd,\x10\x83\xe4\xe9J\x7f\x94\xae\xa5\xea\xc7\x10\xb7B9Xz\xb5\x05H\x81.\xda\xc9\x05NP\xc9\x94\xd7\xbc\\$\x8f\x9f\xe5.\xc8}\xaf\x11\xd3 \r\x00qb\x1e&gt;\xbf\xd0\xd0kx\x12\x02\xd5\xb0\xa1\x9c\xd9\xf3\x94\xc6\x16\x96;g\x0f&lt;\x01\x8fF1\x82\xc5\xcd\x13\x10r8\x1cW\x04OT\xa7\xd7\xa1Y\xb8~\x0c\xac\xd0\xb10\x07\x80p\x87\x13$J\xae\xf80\xb5%\xf5I-\x7f\x93XA\xa9\xe5\xb9qObh[\xa3\n\xc93\x8a\x10~\xbd\xa6i\xd7\x11d7\x06L\xad3\x92\x0c2T;Y\xd7\x1d\xbd\x03\x83\xb2\xed\x0b\xbb\xb7.\xc7\x802\xd43\xbf\xc2\'\x8d\xd9\x00lI\xa6\x16\xed\x1d\xbe2t\x13\x0fq\xe6\xa5\xe4\xb9\x1fnJ&gt;~\xc1\xd9\xa3\x9c\x02Thi\xa8r\xfc-\xbe\xa2\x85\x01 \x84\xcfj\xb2\xffeM\xadvB~\xa0s\xff\xbc\x9b;\xe4"\x87\xc3\xe10C\x97\xb25\x87|oa\x7f\x07\xe0\xa4\xd8\xa8\xb2\xc7\x930\xee\x19\xba\xc63\x00p\xf3\xf2\xec?s\xa9\x91\xc9\xd6\xaa\xb9\xde\xea\xc4Q\xeb\x1c}\xd2YX\x97\xbb\xcf\xdfmi\xc5Tc\xe5\x88\x08m\x0b\xc8\xca\x1b\xb0G&lt;\xf0\x13\xaa\xd3\xf4v\n^oh~fX\xe1\xdc\xe9(\xa1\xf9\xfd\xea\xa7\xef\x90\x7f\xa6w,[\x90Tx\x12\x93ql\x18\x18\xb4\x8d\xceH\'\xc9o\x14\x81\xca\xe4\x8d\xb2\xbe\x01p8\x1c\'\xc6\x9a\xa1\xe8C\x17\x94\xbcT\x85\x8b\xa8\xe1P\xa0&lt;K\x90\xaf\xe5b\x00\x80\x9f\xa0\x16\xd7\xa2\xbf\xe2\n4\xe0E\x02N\xbf0\x1c\xe1\xcer\xc5\xa9*\xd7zp\xaa\xd1o\xa9\x06n\xc7\xbb1\x84\x10\xc2w3k\xb9D\x809[\xe5+\x83@\x16\x10\x9dn$5\xb4\xa8U\xec`5\x84\xed\xa6a\x9dA\xf5V\xa7M8z\x0c\xe4\xa9V\xf5\x8fh\x04{+\xd1\x8e^\x8c\x1d\xa6z\xe0\xed\x1d\x18\x9b\xf5A\xd3\xd6\xe1p8\x82p\x08\xbdf\x19\x9cqz+\x06\xaeV\x96\x17\x8c"\xeb\xb5\xe5\xc1g\x8d\xcc\x9b\x14[\xab\xfe\x8f]\x0f\xde\xc2R\xd5\xad=:&lt;\xcb\xb3\x87I\x01\x8f\x17\xfe\x8a\xa8B*F\xdc\xdd\xb5k\x83b5\x0c;\xfc\x83\xf0\x10\xb3\x12\xbd]\x88\xfb\x01\xa0_\xd8\xe0J\xff\xfe\xde\xf5iH9\xfc\xd4\xce\xc7\x96l\xc2\x91\xd3N\xd1d\x07bU\x9b\xf4N\xef\x18\xeb\x05\x15\xbd\xb0B^o:\xf9\xfc\x86\xbb{\xa0X\xec\x92\x10m3\xadh\xf5\xef\xebq\xc9m\x86\xf4\xce\xf7\x06\x0e\x87\xa3\x06\xb2\x08@\xc5\xc1\x98B\xa1\xd0\xdf\xc9\xb6\xad|\x91\xfb\xdb@IiVs\xd7\xb4\xcc\x0c"\xbc\xfb#r\xea"7p@o\xa8Z\xd9\x08\xac\x8c\x9a:\xe2\x1f\xf0\xe0*\xf0\xbf;g\x1c\xd7\x90\x9b@\'+\x17\x18\x0e\xbb\x9c\xfb\xe2n68\xe1$\xbe\x8aF\xbf\xe2\xa4\x835S\xa9J\xecf\xf7\xd5\xc9\xce\xb6\xd1\x8a\xce{e&lt;tNF\xb5\xc1S\x0f\xae\xc3\xe1\xb8j\x18\xba\x00\x97\xba\x1b\x98hd\xb2e;\xe3_\xcf\xa4X@hrxe\xa0WBK&gt;E\xbfF\xf2\x84_S\xdc\xea\xe8\x1a\xe9gLO_\x8aY\xfd\xdc\xb9\xac\x12\xf1\xd6d:\xc6\xaa\xd2\x99\x9c\xa3\n\x19A\x01\xaf\x92\x80\x86\x0f\xfe\xdc\x1f\xf3E7\xfb\x07\x8b\xbc\x9c&lt;\x8c*\x03\xbbmdO\x06\x14\x12\x17\x836\xffKPg\xc4?{f\xa8f\xf5\xefC\x82G\x97\xb1\x1d\x0e\x87c8\xceg\xfdS1!\x16l\xc0\xf5\x8d\xd5(\xd5\xc4\xa4\xea \x07r|b!\xf5N\xca\x93Nq\x8f\xb4\xc3\xda\x9c\x95z*\x86\xa2.\x93a\x03\xcd\xbc).\x9b\x85j\x86\xdc\xd5\xa4_\xbf\x9c\xef\x1d\xba&gt;\xd8\xf9\x01\xcf\x90\xa6\xc9\x12B\xf9\xb7\x07\x1a\rJ\x81\xce\x90[\x9a\x7f8\xc4\x00\xaeu\xf3\xb6\x06\xb5\xd2\xdd\xe3\x92\' \xe7\x1ffz\xb6\xd9\xd2\x06\xd2\x87{\xe7\xb9{\xe9\xf0d\xefkN{$[\x87\xc3\xe1\xa8\xe0\xec\xf2N\xba\xa4Y\x0b\x94b\xd5\x1fE\xc6\xa0J\x94\xdf\xdb\xd5\xb9\xe9l\xad\xb5V{\xb1\x1a\xb3x\xbe\x0f\xffj\x1bhNx\xac\x93\x17+\x85\xf7l\xe7\xee\x846L\xf5\x90J\xae\xac\x86\xad\xf3KVZ\xed{E\xd1#\x06\x17\xd9c\xbbY5$\xdf\xaf\xd5\x88\x8d[\x08\xc6\xf3{\xc6\xd2\xa3\xdby\x8acq\x16\xcb\xd0NA\x02\xfcy\x8a\xe4\x933[\x9a\x1d\x0e\xc7e\xc2\x8e\x8bbh\xafo\x16\xb1\x0f\x1f\xb1r\xf7\xf6\x0e4\x8b7\xb6\xc8\x9e\x10?\xe5\xc2\xe4\xf4\x86\r\xc0\xa1]\x03\x80\x10\xdez\x84\x12\xe9~H&lt;`\x8e%\xe69\xccz=\xf3\xad5\xcc\x04\xab\xe8\xc3\x86/%\x0b1\xb5]^\x92,C9bi\x93\xfc\xeb.\xb3cp\x8a\xc3\xda\x04\x1fj\xdc\xdb\x99\xdf\xc4A\xdc1\xbd\xdb\xb0U\xc0\x04\xdb]\x97!\x1b\xfe\xae\x9f\xc6\xc7\x04\xaaw\xdc0qw\xd7\xaf\r|\xfc\x9f\x01v8\x1c:\x0cI\xbe\xa4\x06"\x9d\xe9\r}\xfc\x80\xf7\x01\x82.\xa5\x8ayvl]\xd2\xe3\xea\xa3+\xec\x93\xc0\xb2\xe6I\xceT\xfa\x19\xb6\xba\x84T\xdf&gt;\xfa\xca\xca\xaf\xf8\xef\x08H5=P0\xa9.&gt;\xa47\xf5z&gt;\x91?\n\xb5\xaa:\x1e\n\xd7A!\xa8Q\xb83\x99S\xe1\xef\xaa\x123\xf9o\x1c&lt;\x0b\xc2\t:.\x8e\x05\x7f\x0bR\x89\x10B\x08wj\x9b\x9e\xa2N\x87\xc3\xe1\xa0\x00\x00!\xdc\xb7S\x03N4\xe9\x95z\xfa\x8bxPO\xe2c\t\n&lt;\xe7\xeb\xe1\xa6\xa6\xac\xcd[\xaa\x95_\x83V\xa6}\xf7\x03\xdd+\x10\xab\xb3*\xd5-P\xe1\x90\xeaA|`\xc8\x18\x01\x18\xfe\xd87\xe53\x04\x90#}\x98S\xdej\xefi\'\xdb\xf3&gt;\xaeF\xe0\xe3D\xdbJ\xca~\x8a^\xcb)e\x87\x84\xc9q\xb0Y\xd1\xb0*b\xf2e\x83:2.\xd3j\xcd%s\xca\xd64\xff\x0cx\xb2\x8am%s\xc7\x04\x86\xc3\xe1\xb8B\xd0\xa6\x15\xf4$4\x84\xbf\xd7\xe9nN[B\xf5\xb6\x95Av\x85\x16i\x86\x7fC\xbf\x04a\xac\n\xb6#\xb4\xa2\xb4\xe5~\x15\x9e7Z.@\x86S\xf9\x1a\xe1Q\xab\xd1\x0f\x0c\xd2\x93\xa19\xf6\x00\x95z\xa7]z\xd1\x00\x12\x18\xb7\x87&lt;\xa4\x9b3\xe7GB\x08\xbf,\x8ah\xc9\x98b\x1b\xba\x1f\x03\xf2Q\xa1\x7fT5@F\x8f\x95\xea\xdf\x17WL\xb3XI\x1bE\xe6\x05\xc3p\xe6\xd4T%\xf1\xe9\xa3,:\x1c\x0eG\x15\x8a4]]$r\rE\xeaWdR[\xe1\x92\x909\xe2\x90\xacs1\xc8\xdbVNwp+\xfbRZ\xee"\xd4k\x0f\xc5\xe7\xd8S\xb7\xe1@N\xd3V\x87\xc5X&lt;cO?(G\x16\x0f%\x8a\x8a\xdeX=\x18\x00\x10\x1e\x9b\x84e7m1b\xb3\x8b7\xea\x8em\x9d\xabi\x81}\xc6\xe8+*&lt;p\x06\x88Wt\x89\xc5\x14\xa8y4^\x8c\x80\xdc\x0f\xcc\x84\xdd\xeekt|\xea\x05\x99\xd7\x0e\x87\xe3b\xa0\xba\x8cqw\xd3\xebE\xa2\xc7\x99n\xc8j\x97.$\xab\xc2\xf3ZZ\xd6.\x7fUq1!Y\xf1\xb3\xecm\xcb\xeaK\xa8m+;\xa8V\xc4\x1e\xc3\xaa\xb6\x13\r\xae\x08wPy s\x94\xad|\xe9r\xb2\xde@\xd6j\xcc\x80\x1e\x01lt8\ra\xb0\xd8^\xdf|\x7fW V\xca8\x0c\xca2Z\x11u(\t\xa0=\x80\xa6\x17{\xc6\xf6\xe5\x86\x98\x815C\xd0\x98X\x1c\x0e\x87\xa3\x82\xb2\xaa@\xbf5)\xb7\xc52\xdf[]\xb4\x9aH\xae:\xdf:1\xf7\xb3\x01\xd9\xe2\n\xa3\xa3r(\xf1\xab\xea\x8aF\xd0\x9f\xe5\x8b\xb1\x00\x84T\x92o[\x96\xfbuJ\x8a\xe1&gt;\x87\xd5K\x13\x90\xa9\xaf4\xf1\x8f\x9bv\xd3\xdc\x1d\xa7!\xd9d\xd4H\x15\x02@\xb81=\xf7\x1b\xac\x0f\x01\x11\x15\x96\x13w9\x0852\x01Eu(S\xc1YO\xdbc\xb0\xf8\'O\x9e\x83\xb5\x03&lt;\x8e\xd5\xa9\xd8\x10:\x1c\x0e\xc7\xae \xcbG^V*\xfb\xc6\xe6\xd0r=\xe4\x8bl\xd2n\xd1\xca\xce\xadrB\xb3}(\x19Z=0b\x03\xb0v\xedn\xf9\xd7j\xc3j%q\xccX+1\xdeb\xf2:M`7\x00\x0f\x17\xda+\xcd4P\xab+m\xf7F\xb5\xe1;\xb4j\xee\x85\xa9SE\xf0\x9f\rp\x14\xa96\x00\xb11\x96\x8f\x89\x17M[\xe1a]\x96\xa3\xf4\x04\xce\x14\xf9\x93\xd5\xaf\xaa-U\n}Q\xc3\'*\xd2\xa0\x85h\x93\xb68\xbe#88\x1c\x0eG\xbaT(\xcf\xf5u\xa7J\xc5\xf5\xa2~*d\x1a\x93\xda\xac\xe7:H\xe1\xefq;\x90\xa7\xa5bE\xab\xa6\xfcN7)\xfaHi&gt;2\x89\x93\xc3\xa1k\xa9\x8e\r\xb6!-|\xca5\xcc8\xcaY\x15\xc5\xf7\xa8\x99\x8bP\ntz\xa9\xb1\xfa\x91\'\xc2z\x8b\xd70\xb2T*\xf0\x05\xcdeS\xbfm\xd1\xae\xb9\xcb#\x92\x0fI\x00\n\xa4"\xe1e\xbd\x11\xd5\xd7|_\xa4\x91\x99y\x00\xad5\x06W\x97\xee\x1c\x13Hm\xda\xf6\x99S\x0e\x87\xe3\n!\xcd;\x86\xec\xa6\x97\t\xe8\x97\xef\xe2\xf5Ob\xcc\xa5\x94\x82-3"\xc9WH\xcd\x87\xe7PR!\xea \x84\xad\x10\x11\x0e\x92\x8fB_\xa9Q\xd3\xbd\x15"*\r\xcf\xd3\x1ck\x1dq@^\x19\x94\xc6\xa77\x84"J\xed\xa1\x90\xbc\xadx4\xd4\xa5\xbf\x031\xae\x98\xd4\xb1+\xea\xa7\x1e=L\xc4\xe6U\xb5\x00\xb0\xfc(\xed\xc6\xe4\xdd\x1a\xf94\xb4:\xcf\xc2\x94^e^\xaf\xcd-wYs\xd4\xcb9k\xc6\xcc\xf0rk&amp;A\x11r\xba\xe5\xc3\xe1p\\ \x14I0~\xcdSde\x85S\x99\xd9\x14\x96M\x80Bz\x8f\xa2T7y\x0fHk\xebv\x8cM\xa6E/\x00\xe0\x9e\xc93\x90\xe6G\xc0\x82\xc1Az\x06`\xe9\x17\xdf\xb5G\xa1x\x93]a\xf7\x95Z\xf25\x86\x07\x17\xf1\xb6\xc2\xbe\xedi\x89\xbe\xed\xde\x00\x80\xc7V\t\xfc\xdb\xe9\x18\x02\xf16]\xcb$\x1a9\xf5\x86l\x00\xa4\xe6\n\xb5Y\xf2&lt;&gt;\x84\x00\xe0\xd1\xe7W\x8c\xc6\x95\xa8\xb</t>
        </is>
      </c>
      <c r="E704" t="inlineStr">
        <is>
          <t>&lt;class 'numpy.ndarray'&gt;</t>
        </is>
      </c>
    </row>
    <row r="705">
      <c r="A705" s="1" t="n">
        <v>703</v>
      </c>
      <c r="B705" t="inlineStr">
        <is>
          <t>steps_per_sec</t>
        </is>
      </c>
      <c r="C705" t="n">
        <v>7900</v>
      </c>
      <c r="D705" t="inlineStr">
        <is>
          <t>2.9853554</t>
        </is>
      </c>
      <c r="E705" t="inlineStr">
        <is>
          <t>&lt;class 'numpy.ndarray'&gt;</t>
        </is>
      </c>
    </row>
    <row r="706">
      <c r="A706" s="1" t="n">
        <v>704</v>
      </c>
      <c r="B706" t="inlineStr">
        <is>
          <t>Loss/RPNLoss/localization_loss</t>
        </is>
      </c>
      <c r="C706" t="n">
        <v>7900</v>
      </c>
      <c r="D706" t="inlineStr">
        <is>
          <t>0.12127252</t>
        </is>
      </c>
      <c r="E706" t="inlineStr">
        <is>
          <t>&lt;class 'numpy.ndarray'&gt;</t>
        </is>
      </c>
    </row>
    <row r="707">
      <c r="A707" s="1" t="n">
        <v>705</v>
      </c>
      <c r="B707" t="inlineStr">
        <is>
          <t>Loss/RPNLoss/objectness_loss</t>
        </is>
      </c>
      <c r="C707" t="n">
        <v>7900</v>
      </c>
      <c r="D707" t="inlineStr">
        <is>
          <t>0.015494775</t>
        </is>
      </c>
      <c r="E707" t="inlineStr">
        <is>
          <t>&lt;class 'numpy.ndarray'&gt;</t>
        </is>
      </c>
    </row>
    <row r="708">
      <c r="A708" s="1" t="n">
        <v>706</v>
      </c>
      <c r="B708" t="inlineStr">
        <is>
          <t>Loss/BoxClassifierLoss/localization_loss</t>
        </is>
      </c>
      <c r="C708" t="n">
        <v>7900</v>
      </c>
      <c r="D708" t="inlineStr">
        <is>
          <t>0.2269884</t>
        </is>
      </c>
      <c r="E708" t="inlineStr">
        <is>
          <t>&lt;class 'numpy.ndarray'&gt;</t>
        </is>
      </c>
    </row>
    <row r="709">
      <c r="A709" s="1" t="n">
        <v>707</v>
      </c>
      <c r="B709" t="inlineStr">
        <is>
          <t>Loss/BoxClassifierLoss/classification_loss</t>
        </is>
      </c>
      <c r="C709" t="n">
        <v>7900</v>
      </c>
      <c r="D709" t="inlineStr">
        <is>
          <t>0.115943566</t>
        </is>
      </c>
      <c r="E709" t="inlineStr">
        <is>
          <t>&lt;class 'numpy.ndarray'&gt;</t>
        </is>
      </c>
    </row>
    <row r="710">
      <c r="A710" s="1" t="n">
        <v>708</v>
      </c>
      <c r="B710" t="inlineStr">
        <is>
          <t>Loss/regularization_loss</t>
        </is>
      </c>
      <c r="C710" t="n">
        <v>7900</v>
      </c>
      <c r="D710" t="inlineStr">
        <is>
          <t>0.0</t>
        </is>
      </c>
      <c r="E710" t="inlineStr">
        <is>
          <t>&lt;class 'numpy.ndarray'&gt;</t>
        </is>
      </c>
    </row>
    <row r="711">
      <c r="A711" s="1" t="n">
        <v>709</v>
      </c>
      <c r="B711" t="inlineStr">
        <is>
          <t>Loss/total_loss</t>
        </is>
      </c>
      <c r="C711" t="n">
        <v>7900</v>
      </c>
      <c r="D711" t="inlineStr">
        <is>
          <t>0.47969925</t>
        </is>
      </c>
      <c r="E711" t="inlineStr">
        <is>
          <t>&lt;class 'numpy.ndarray'&gt;</t>
        </is>
      </c>
    </row>
    <row r="712">
      <c r="A712" s="1" t="n">
        <v>710</v>
      </c>
      <c r="B712" t="inlineStr">
        <is>
          <t>learning_rate</t>
        </is>
      </c>
      <c r="C712" t="n">
        <v>7900</v>
      </c>
      <c r="D712" t="inlineStr">
        <is>
          <t>0.039643336</t>
        </is>
      </c>
      <c r="E712" t="inlineStr">
        <is>
          <t>&lt;class 'numpy.ndarray'&gt;</t>
        </is>
      </c>
    </row>
    <row r="713">
      <c r="A713" s="1" t="n">
        <v>711</v>
      </c>
      <c r="B713" t="inlineStr">
        <is>
          <t>train_input_images</t>
        </is>
      </c>
      <c r="C713" t="n">
        <v>7900</v>
      </c>
      <c r="D713" t="inlineStr">
        <is>
          <t>[b'1024' b'1024'
 b'\x89PNG\r\n\x1a\n\x00\x00\x00\rIHDR\x00\x00\x04\x00\x00\x00\x04\x00\x08\x02\x00\x00\x00\xf0\x7f\xbc\xd4\x00\x00 \x00IDATx\x9c\xec\x9dw\xfc&lt;=Q\xf8\xe7\x1e\xf0\xa1\xca#M\x04D\x94\x8e\xf4"MQ\x8a\x14\x01\xa5\x17)\x02\x02\x8a" U\x01\xe9\n\xf2 ]\x8a\xa0T\x95\xa2 UP:\xfc\xe8\x8a\xa0\x82\x80  E@\x91\xa6t\x99\xdf\x1fw\xbb\x9bdS&amp;\xc9\xa4\xed\xcd\xfb\xf5\xe5\xe1&gt;w\xbb\xc9d23\x99\xc9\xee\xde\x01\x08\xc2\xc6\xc1\xd6\x02\x08\xc7\xc6\x19\xc5\xea8\x10\x1dn\x0b,&gt;\xa1\xa8\x93\xdf\xe3\xa1\x1d!\x95o\x88\xf6:f\xd7Z\x00A\x18\x1d\x14?\x12X\xd8\xa7\x1a\xbb\x1d\x8b9\ro\x96\x88\xb8\x03\x00\x1em\x08\xdb\xc7\xc8\xd4w;\xc8w\x81\xb9M\x96\xd6\x04\xa1+Nh-\x80 tE\xc2v\xc5m\xf9\xa5\x10\x84\\\x86OVv\xbb\xdd\xb0\xd9\xbf\xecz\xd6f\xbdO\x1f\xbf\xf5\x8c\x9e\xfd~\xd9\xc8\x16\xb6\xc7\xa0\xe1U\x10\n1\xfc\xbe\xa908b\x81\x1b@&amp;\xb16\xd6\xc4=\xf2b\xda\xd2\xc6|\xe2\xea\xaa\x82L\xab\xb0\x1d\xe4\n\x80 \x08\x82\x9d\x16\xb7\xff\x8e\x9ba\x9c\xed(\xb7I\xad{\xc6\xe3N\xe2\x988\xb7\xed\xf7\x8f\x01 \x00\x02\xc7#\x01rmG\xd8\x12R\x00\x08\x82\x8a\xac\xdc\x82\x81,\xf9D&gt;\x87mJ\xa6\x96\x1c\xd9p;\xc53\t\x08\x87\xcc\x1f!:\xba\x1f\x9b1\x0b\xe3\xf0\xef,\xadH\x01 \x08\x82\x9f\xb6\xab`\xcb\xdew\xbb\x9d\xd4\x84dv\xbb\xdd\x87\x8f\xed\x1e\x89#\x1b\xee\xe8\xf8g\xeb\xf0\xa9oN\xbf\x8fQ\x18AH\xe6GXZ\x91\x02@\x10\x04?\xcdr\x9c\xe9\x91&lt;\xd9\x87\x1b\x85\x0b\xb5\x16\xa0&gt;\xc7V\xf2\xf4\x08\xef\x14\xec\xf7\xfd\xed\xdb\xff\xdf\xe1\xecH\xb8\x8a\\ci\x8a\x84.A\xb0\xb2\x0fL\xe2 -9|-&amp;\xc8F\xab\xc0\x82&lt;\x9b\xbbY(\xb7\xeb\xb8\xbe\xcas\xfe\xfa]\xf5K?]\xedI\xc1\x97\x8ax_w\xc8\x15\x00AXs\x9d\xd6\x02\x08\x00\x00\xbb\xddn\x07\xf0\xcf\xad\xc5\x106\xc1\xad\x10\x01\xe01\xad\xc5h\xcf\xf6~\xdc*o8HoD\x92\xff\x0cDw\x82 \x0c@\xc2r\x82\tg\x8d\xbc\x12\xd7\x13\x9b\xe5\x17=\x8f\x9b~\xb4WT\x92\xfa\xc3\x1c\xd2\x7fG\x0e;v\x90@\xb0\x91_"5\xb2)\xbd\t\x82 \x08\xb9\xa4-\x0f\xf3\xbarwD\xb8\x81,-.d\xe9M\xe7/\xc9\tP$Q3\x82\x8e\xd7\xbc40\x9213\xe9\xadyS~\xf6?\xf1\x95@;CNw\xef "\\^\x14+\x08\xc2\xb0LI\xea\xa9c\xcf;|G\xf5\xb6\x96d^\xca\xa4\xb0\xc7\x00\xfa\x7f\xdf4\x8f+Pe\xe8\xc4\xbc\xc5\x8a6\n_\x01\x00\xf3U\x9d\xecv\x04*\xa2[A\x106C\x1f\xe9\xce\xb6\xb8\x83\xac\x10l\xfc]\xd5\xde\xf6\xab\xfb\x9d\x18\xee\xd2\xe6\x10\xa4T\xaa\x81\x9d\x149G\xc9\x1d9\x0b\x80\x03R\x00\x08\x82 l\x9b\xfb\x01\xbc\xb1\xb5\x0c\xc2@H\x9e\x17I~\xf2\xc4\x95[\x17.\x00\xc85@\xe8\x18\x9f\x84b{v\xd8\xb2\xff\xfd}&gt;\xe7\xb2\xb6#\xca\x17\x04A\x18\x12D\xb9\x89S`@L(\n&lt;$U\x9b\xd6\xdb&gt;G&lt;\x1fCxQ\xd2\xd6\x1b\x1aJ\xbb\x82lB\xbb`*\x00\xb4\x83e\xfb_\x10\x04a\x14\x1c1\x1a\x0f\xf7\xd9\xa7\x14\x00\xb2\xf7#\x08\x99\\\x16\xe1n\xa9\x0ex|(\xe9\xe6\xed\xd7\x1fJ,r\xc0t\x05\xc0\xd1\xa6\xa8]\x10\x04\xa1[\x9c\xb9\xc5\x12\xc1\xe3\x17\x03\x89\xfe\x82\x90\r\xea\x8f#\x0f\xedM\xc5\x85GD\x80{\x94\xeees\x04\x0b\x00\t\xfe\x82 \x08[\xc4\xb7\xd9s\x1d&lt;G\xc6&gt;\xd0\x91\xad\x01G5XA\xa8\x06\xc2\x0b\xc5\xb3\n\xc2{\x05`9]\xaeY\t\x82 \xf4\x8c7\xd6#\xc0\xbb\xabJ36\xb2\xe0\tB\x01$\x95,I\xa1\x02 \xef&amp;"A\xe8\x17\xf9qfA\x10\x04A\x10\x86\xc7\x93\xac\xefv\x11\xd9\x8e\xdaN\xd4\x89\x820\x10\'\xb4\x16@\x106\x80l\x11\xed)\xfa#\xaf\xcf.\xd6\xb8 \x08\x1b\x87r\'\xa7\xb1\xe5\xbf\xdb\xed$\xfb\xe7F\x1e\xab\x10\x04a\x0bH\x143(\xa5\x90\xa3\xb9\x10\x7f\x0cc\x14\x84\x828\x9f\x05\xf6\xc7\x90w\xa3z\xaa\xdc\xacU\x0eD|\x9f\xa8\xb7\x0fN\xd9Z\x00A\x18\x14D\x84\x1d \xc8\x16\xd1B!U|\xb2L\xb3\xdd\x81\x08\x00(\x9b\x8e\xc7\xcc&gt;I\xdd\xed@n\xd0Mcr\x1f{\xb6\xef\xab\x01P\xd4^\x83\xddN6:zAl]8f\x10c\x82\xfe\xb26#\xc0\x14\xc4\xf4\xd3Q|\xaa\x18\xdb\xd7\xedd`\x1b\x1f&amp;\x13\xdb\xb4\x07\xb1\x01n\x96\x9c\x7f\xaf\xd5O!\xfe\xb0\xfbh\xd1\xbc \x08\xc2q\x10\xf3\x1b\xa5\xea\xa5\xe4\x9b/W\x8a\x95\xd3\xe5\xcafAz\xd0-\x9e`\xcc\xb8 \xf0#\xd6U\x96\x94{\x84Z\xd2\xa7T\x82 \x08c\x13\x95\xcf\x19G\xbebu\xc0\xa7y\x84\xea\x11Y\x84\x00\xae{\xc8\x12\xce"\xcf\xb1\te\x11\xeb*\x88\x96\xf1\xa3\xf2\x13uR\x00\x08N\x9e\xd5Z\x00A\x10\xbaF"\xf5\xb6A\x80\x1f\x03x\xef\xe6/\x02t\xbc\x1bZ\x83c\x1e\xbb\xd0\x1fb\x8d\x1d 1A\x10\x04/\x12#\x84M\x80\x88\x98\xf5\xfb\xd9C\x83\x88\xf0\xf4#\x1d\xbb\xd0\x1fb\x8a\x82 \x08\x03\xf0\xb2\xd6\x02d"\x8b\x8d\x9bGn|\xe3_\x98\xa0_\x00\x11{\x10J#6vt\xc8EHA\x18\x91\xc1\xfd\xf6\x0b\xdd\xde\x08\xdb\x9e#\xbf1f@\x10\xe0&gt;\xade\x10\x04\xc8\xf9\x1d\xc3\x92aGv4:E\x16\x1aA\x10\xa2@D\x84Kf\x06\x8e\xaf\xfd\x80\x84\x1e77\x17\xe5\xd8\xe9Q-\xd7+\x909\xc9\xc2,T\xa7X\x9a\x8e\x08\xef\x11{\x16\x04A\x18\x9d\xae\xbf\xc9N\xd82\xd8\xfek\x91\xec\xbd\x17p\x07\xf1/\xa14\xd5l\xcc\xee\xb6\xb2\x8e\x08\x82 \x8c\x86\x04n\xe1\x18i^~\x08\xc2\xb8\xac\xddG\xbcI\x10\x84MA\x0fj]\x85\xbf\xae\x84\x11\x84\x0e9\x1e\x1f\x91\n\xbf\x1f\xa2&amp;\xa2\xe3Y\xeb\xfa7\x10\x8e\x1c\x99\x14A\xc8e\xe8\rB\t\xcdB\x9f\x88Y6A\xd4\xde\t\xb1\x05\xc0gc\x8e\xbf\x0bG\xa7T\xa6{~j\x9a\xd6\x8fW\xecK\x10\x84cFrhA\x10\x04\xa1\r\x87\x9f\x1c&amp;\x1f\xee\xbc5\xff\xcf\x8b\xace?$K\xa4 \x08[E\xa2\x9b \x08\x82\xd0\x88\xa8\x02\xe0^\xce\x02@n\xd7\x11\xb8\xd8\xb5\x16@\x10\x04A(\r\x96\x8f\xf6\x15\xba\x10\x84\x8e\xd8?\x8f\xb1\xdbQ\xcc\x1e\x11a\xb7\x83\x1c\x1f\x99\x1f\xff\xd8\x01\x00\xa9SA\xf0qBk\x01\x04A\xe8\x85\x0e\xbe\xccq\x08FTQ\x85t\xa1\xc3\x8cd\xc4\x99\x12\xb6\xc7!u\xcf\xdc\xb8_r\xfe\x9d\xfc\x1eE5\xb6\xbc&amp;J\x01 \x08#R\xe4\xcb@v\xbb-\xc5\xbar\x81\xbb\xc3L\xb7W\x1e\xd5\xd2\x9e\x10%O\x12\n\xb2\xdb\xed\x08\xdb\xff\x1f\xb8%\x9b\rN}\xa1\\\x00\x10\x04A8V$\xb3! *jM\x1b+E8\x05.\xaf\x05\xa1\xa5\x19`\x81{\xf7\xb3\xda\x91\xdf\xf9"\x93\xb0\x8b$\x8a\x15\x04\xa1\x0b$\x18\t\x8dh\x97at\x98\xdft(\x92P\x8d\xa5\x00\xf0\x06\xe4\x8aw`n\xd4\x14\xd9\xbd,eF6\xaa[A\x10\x84\xed\x82\x007k-\xc3\x96\x90\x02`\xa1C\x91\x84\x8al\xf9&gt;\xf2\x9e\x10/\x13\x04A\x10\x84\xe3E\xbe\'Q\x10\x04A\x10\x84\xb1\xf9z\x8dN$a\xea\x19\xf9v&amp;A\x10\x04A\x10\x84\xea\xac3\xb0\x1b\x95\xcf\xc9\xb0\xe2\x9d\x03\xb2i\xda7\xc3\xd7\x00\xb7k-\x80 \x08\x82 \x08B\x045\x13\xf1C\x8f\x00\x08p]\xb9uXP\x18\xd1\x12\x10\xe0\x0er\x0f\xf4\xd1\x0f_ETQ\x1cY8\xea\x92\xa2j\x99#A\x18\x00\xe5;\x1c\xaavY\xaf;A\x10\x84J\\\xbe\xb5\x006\x86\xbf\xc2\xa6\xb1\xe9\xe4\xb2\xbbq\xa5j\xbb\xbb\x81\x08\x82`\x82\n5\xbb\xad\xd8\x97 \x08\xa3qE\t\x11\x8c \xc0=[\xcb\xc0\x06\xe5[G\x05.\x10\x11\xde&gt;\xa4\xaa\xe5\xd7\xe4\x04!\x88\x99\xf9\x13~\xfdQ\x10\x04A\x10Z\x80\x88\xb2N\xd5c\x9f\x1f0i\x1b\x11v|\xady9\xa1B\x1f\x8208\xeb8Z\xad\xdc\x1fr_A\x10\x04Ah\xc6\x0ev\xbb_k-\xc4\xf1\xb0\xe3\xcc\xd7\xa5j\x13\x84\xde\xd0o\x04\xaa\x95\x97\x1f\xfa\x92\x8b\xb9B\'\xfc_k\x016\xcc\xfbb\xdc\\\x02\x82 0\xd2\x95Cu%\x8c \x1c5\x8b7"\xb6\xfa\xbaL\x89\x08\x82 \x08\x82P\x80\xdce\x1d\x01\xae\xc5#\xc9\xa15A\x10z\xe1\x14\xad\x05`\xe4\x07[\x0b \x08Dd!\x14\x04\xe1\xd8\x90\xb8\'\x08\x1d\xb1%\x87\xdc\xd2X\x84N(t\x97\x9a\xd8\xea\x86\x91\xc9\xad\x8f\xe8\\X\x90\x87\x80\x05\x81\xc2\x0e\xe03\xade\xe0B\x1e2\x128\xd9?\x17S\xe6\xce\xb8r\xb6*\x99Pk\x10d\x16&amp;j=\xe5%:\x17\x04A\x00\x00\t\x856\xfa\xd7I\xff\x12\x1e\x1d\xed\x9e\x8dIf,i7\xc8\xa6\x7f\xac*\n\xf9\x91\x19\xa1\rr\x05@8fd/\\\xe7\xb0\x0c\xf5\xbc&lt;\xf4,\xdb\xf1\xb2\xdb\xed,_\x96\xdb5cI+l\x98\xfa\x9e\xb3\x93@*\x08\x82\xb0\r\xb8\xa2\xb9|\xdf\xa8\xd0\x8aS\xb5\x16@\xa8\x0c\x82\xfcZm3D\xf3\x82 \x08[\xe0\x86\xad\x05\x10\x84L$#96\x10\xc6\xbbslCH\xf5\xd5=r\x8f\x9c \x90\xa8\xe5*\x05\x1fx,\xc9p\x02\x0b\x82\x00u\xeb\xa2\xfaQb\xc4X*\x08\xd5x`k\x01\x04a\x04*=Gu\xc6\xea?\x06\x1c&amp;(IW\xd2\n\x82@g\xdb\x05\x80p\xcc\x88\xbd\t\x82\xc0A\x95\x02\xe0WPA\xe2\x97 \x08\xc7\x81\x84;A\x10\x04\xa1K\xaa$\xe5hP\xb2/A\x10\x84.x\xb2ly\x0c\x82\xacJ\x82 \x1c\x1dU\x92\xf2+I\x01 \x08\xc2\xf11\xe8\xb3OG\x87,L\x02\x1d\xf9.da#\xccQoW\xf8[\x95\x95\x8e@&lt;H\x10\x84\xa3`\x1f\xf7$\xe8\xf5\xcd~y*\xbd\x08\n\x82 t\x05\x02\\\xa5\xb5\x0c\x82 \x08\x9bD\xee\x02\xe2\xe0Feu(s$\x08\x82 \x08B\x9fH\x822(2q\x82P\x8f\xd27t\x9dP\xaeiA\x10"\x91\xf5U8\x06\x8e\xe7\xfe\x84\x8dy\xf4\xf1L\x9c l\x1f)\x00\x04\xa1\x17\x10+|\x87\xc3\xc62\x12"\xf2\xfcb5D\xcf3(\xca\x10\x04!\x1e\x9c\xff[\xf4i\x0e)\x00\x04\xa1\x0f\xf6\x0fo\x15\xeff\xd72E+r\x7f*\xc2\xdf\x04\xdb\xdc\x8d\xbfw9P.9\x90\xa8%I\xcf\xffE\x81\x82p\xcc\xecV\xff\x15\x04!\xc0\xc8\xcf?\xed\xef\xf6{\xd1\xb0\xf2S(\xf0M\x82\xfa\xef? \xc03y\xdbo\xc7\x03\x076\xe6m\x920\x1d2\x83\x82p\xccH\x04\x10\x84z\xa0\xf7O\xe2YM`|\xdc\xe7\xd3L\xed\xf4\xcf\xea\xa7\xd9\xe4V\x1f\xa1\x14bZ\x82 \x08\x820\x00\xc4\xef\xad\xfbR\x1fK\xfb\xc8\x97/\x1a\xf2\x16)\x00\x84lH\xdf\xb6\xd1\xd0\xb4\xc4\xaa\xb7\x84\xcc\xa6 \x08BY\xb0\xccM\xe7Bw(\xbf\xcd\xcc?\xddRWl\x1e\xd2\xd7\xed\x89\r\x08\x82\xd0\x88\x12\xab\x9b&lt;\x04,l\x98\r&lt;\xfa)P@\xe5i\xa9"S\xee\x8d\xbbRd\x0e\xcf\xce\xfe\xe3\xa9\xfa\xb4\xee\xbeSK\x1cA\x10L\xcam\xf1\xf4\xcf~{\x82}\x0bB\n\x00a\xdb\xec\xbc\x19\xe11\x86\x92\x91\xb1o\xd3\xe2\xfcu+e\xea\xbd\xdd\xeef\xfb~\x1cB\x01&lt;\xd4\xfd\xa9\xd0\x80\xf8,a\xce\xfe\xaf8\x9f\xfb\xacU\x1b\'f\x0b&amp;\x08B&amp;G\xbe\xabG\x89l\xb2\x18\tB\x98\x07\xb4\x16@\x88\xc3z7\xcer\xff\xcf\x95*\x07\xbe\xb9\xbb{\x03\xbc\xb3n\xd7]\xd1\xd9z\x93\xfc\xf3\x99\xca\x8dd\x81\x9b\x82\x10\xff\x8b\xd4\xc5\xc5K\xff\x96\xa7\xd0\x14\x99\xd9z\x1c\x81+\xbd\xd6\xf5\x81\xf6\x9c\x9b\xd7\xea\x94\xc3\x00\x00\xe0\xf5Gz\xcdD\x10\x84\xeda\x8fef\xd4\x13\xaa\xd2\xbf\xdaI\x12&gt;j\xb1\xa2k\xc0t\xd9=\xb3M1\xcbM#3+\xf0\xe0_\xc2\xb4\xec\xff\xad\xbe\x9c\xde\xa8\x13$\xf8\x08B\x14\xc7{\xa3\xe1 8C\xa4&lt;\xa6\xd9\x88d\xb5\xd7\x99\xaf\xf5\xb2\xea\xe9WL\xe8\xa8o\xb6\x16\x84&amp;\x04\xf7\xb0\x10\x11.!\x9b\x0e\x82P\x1cI%\xbb\xe5\xba\x92\x97l\x85JY\xe6z9\x94\x05\x92\x80\xe8G\xe8\x94mV\xa7\xd7\x92\xa0$\x08\xc5\xf9\x95\xd6\x02\x08\xc7C\'\x01\xbd\x131V\xbc\xb0\xcaB\xee,\x00zU\x8bp\xd4\xcc?j^\xcd&gt;\x07K=\xa5\x80\x17\x04!\x8du\xe0@\xb8\xfct\xf5\r\xd1q\x8c @\xfc\xa6u\xa5[\\\xaa\xf4\xb2\x19\xfec\xf2t\xd1\x9b\xd0!\xb5\xcdr\xb8z\xb8\xc3\x02`,\x05\n\x82p\x00uZ\x8b\xe3\xa7s\xf1\xb6\x8e\xfe|UO\xbc\x83vXgb7\xd1\xe40\xce.\xf4I\xe9\xea\xb1\x81Y\xca\x03T9H0\x11\x84\xfey\x8f\xf5\xddq\n\x00J\xea\xd9\xb3\xfc[`\x04;\xf1\x10)v\xd9a\xce\x9a\xfc`\xc9^\x9c\xfd\xc6L\xa2q\xe4\xbb\x99%\x12\xc6\xa1\xd7-\x00A\x10\x04\xc1\x875j\x1b\x05@\xa1\xc8\x9e\xdf\xec,\xe1y=\x87\x8c\xb92\xed\xc5&gt;_k1(\x0c]\x00$\xf0\xaeb-\x1b\xf7\xdd\xb15Kk\xf0xfP\xe0E,G\x10\x04\xa1+\xf2\xd2\x88!.\x02lt\xf3\xe9}\xd1\x89`A%\xbc\xbeL\xb3\xdd\xd2\xd6\x96\nT\xdd\x88\xf0\x9d\x12\x83\xa2\xdb\xe7\xc6\xdcS\xd8\x1eb\xa2\tlo\xe5\x15\x84\xed\x90\xeb\x9c\xfd\x17\x00#\x7f?i\xf8\xb7K\xca\x87\xd7p\x17\xdd\x1b\xc0\xc6\x18\xe5\xee;\x88\xb8\xf3;\xd2\x92\xeb\x0e\xbcs%\x0bB\x1au\xb2\xf3\x7f(\xd9\xb8\xf8\xa6 \xa4\xc3\xe0?#$"\xe32\x84b\x89\x0b\xc9\x10c\xe9\x9f\xa1\n\x80\xb8$\x83&gt;\xa2\xca\x03\xef\\\xcf\x02\xc8\x1c\xc53\xfa\xf6|\x9b\xad\xbd\x13\xeaw)\x08\xdd\xb2\xdb\xedv\xbb]k)\\X\x03\xc4\xbdkK\x91N\xb7\x8a]\x13\xbcP\x10&gt;F \xb0\x9b\xffo\xb7\xbbK[Q\x82\\\xe5\x90c\x10S\r\xba\xb5W\xf6\x8b\x81\xdc\xb0[\xc4\xf7;av\xc6\xdd\xf0\x86\xcd\x92x\xf4\xbe\x8d"\x08B\n\xbf\'\xbe]\x0b$\xec\xc7\x1c\xf3\\p\x8e\xfdv\xc3&lt;\xd6\x82\xfa\xf7\x87ZeN\x18\x05\xd7\xd8\xff\x80\xa3\x11\x81H\x85\x9b\x15\x05\n\x08O\x19"zTb\x90X*\x08\x9b\xa6\xcc-\r\xe2\xd8\x82\x1f\x04\xb8^\xc9\xc6\xa1\xc0\xa5\xea\xd1\x1ek\xd1\n\x80;2\xb5&amp;\x08B\x02C\xdc=\xe8\'\xf9\x9b\xd0$\xd7\x17\x846\x04|o\xfdT+\xc7s\xae\x08p\xaa\xe8S\x06\x08\x8e\xfdK(\xc0\xde\xe6\xbdk\x15\x02&lt;4\xa5\xd9g\x1c\xb9\x01\x1c\xf9\xf0\x855b\x12DJ\x7fywYr\x9e\x80*\xf0\x05\xca\x82 0a\xb8\xf4\xca\xcf\x11\xe0\x9f\xa2\x1a\xbc\r"\xbc?m\x9f@8&amp;\xec\xabB\xfe&gt;\xd9t\x05\xe0\x83riK\x10\x84\x1e\x98v%\x86\xdb\x0eG&lt;\x9dyKat\x13\xfcR\t\xc2\xf1Q\xfa\xa7\xdd\x0f\xbd\xac\n\x80\xe8\x166T\xf1\x17\x1fH^le\xe1\xa9\x8d~\x97m1\xb3\xef \xbekZ\x1ds\x0b\x80\xf7\x8c\xb6\xc4\nB\x8f0:\xd1\xb1\xfb\xe3!\xc2\x9fXg\x05\xe7C\xfb\xf2\xb3\xa1$\x17\x84m1\x90+\xde\xb0\x8ax\x9d+\x81J\xe8y\xcd\xb8\x96r\xce\xce\xe8:\x17]\x03y\x92&lt;\xa4\x7f\x07\xd9 Enq\x1e \xd6m\x16\xbe\xd9\x1c\xfd\xdew\x06\xf8\x82|U\x0e2\x8b\x0f\nBk\xd0\xa0\xb5&lt;~n\xd0Z\x00\x0f\xbd\xa9\x8e\xab\xa8\xeb\xdf*|0&amp;\x1cG\xb6b\xf51\xd2"A\t\x11\x11\xce\xdf\xc7\x00\x8f\x8c\xd4\xd9\x94\xc9\xb22\xc4\xce\xdd\x9aXi\xc7\x1a\x9d \x0c\xc40W\x00\x84H:\xad\xe8\x06\xcd\x00z\xf3\x8e\xe0\xb6_\x8e\xc0i\x96s\x8e\xd4\xee*s\x12\x00t6\x9bC#\x9al\xc6 ;w\x82 \xf4\xce\xd5$\x94o\x11\x04\xf8\xc7\xd62\xa8\\\xa7\xbfd\x9a\xc2p\x02\xa7s\x1cY\xc5\xb6GW\x13fMn\xdd\xf089\x0eW\x15\x04!\xcc\x1fg\xb70bf&amp;x\x90\xe5\xa1\x00\xf6ke\x9bRr\xc8l65\xd8#`\xa4\xc0\xee\xbd\x16=\xd8\xfd\xee\xc5\xf98""\xdc\x83\xf7\xd1jJk\xc4\x1ee\xa6\x04A\x10\x0e\x94[\xc0lmVy\xbac~\xa8k\x9cb#\xf7\xb9\x88\xd5\xc3\xcd\x19s:\x86\xc6T\xe6g\xf8\x04\xa1.\xa3=\xf0Z\x1e|\xabV/\xd5\xd0\xcc\xfb\xc7s\xff\xb1\xa4\x15\x84\x8ds\xac\x0e9g\xc9?YG\x03\x15\n\x00\xf39r\xa6\xbe:\xb7\x10#\x0bINJF)\x99\x14\xde?\x17\x00\xa3I.\x8c\xc1p\xf9eK\xceS]W\x19\x8f\x0b\xdeW\x9e6\x14\x04\xa1s\xff\x7f\x93\x9e\xcbv.\xad\x8f\xfa\x05\x00\x8b\xba\xa6\xa6n\x95\xdfT\xd7\x0cs\xcdD\x05A\n\x00\xa1,\xe9\xcf\xaf\x03 \xc0\xe38e\xe9\x1d.7\xfc\xd1\xf2\x9d\xd6\xb8"M\xe7\x94\xad\x05\x10\x84\xe3d\xd7Z\x00+\xb6\xb8t\x05\xc4w\xc0nwF\x80/\x05O\xdb\xed\xba\x1b\xd7n\xb7C\xc4:r\xed\x94\xff\xe56\xd5\x9f&amp;\x8b\xb0\xcb\\\xbeqj\xa5.;\x00\x00D8\x92Y\xea\x1dD\xdc\x9a\xcb\xa4\x8d\x05\x11a\xf7-\x80S\x7f\x93Y\x9c\xaea\x99w\x04\x8c\x8a\xdei\x9d\xeev;\xf5n\xa5\xc6\x16\xbb%\x87\x11\x04:\x8d\xf2\x86\x8eq\xedIP\x96Uk\x01\xb0\x7fs\xa8U91"\xab\xaak1\xde\xf6\x0bI\x0e\x03\xda\t\xa8s&gt;\x9a\xe4\x1b\xa4\xe7\r\x082\x0c^&lt;\xb9\x12\x0c\x1d\x10\x1a\xf1Y\x80\xb3\x03\xc0Q\xa9\xee\x84\xd6\x02\x08B]\x9e(\x17\xee-\xe4d\xff\xfb\xc3\xf6\xec\x1bS\xfe[\xe6\xa7L\x8b\xb0\x173E\xd4\x91\xd3\x8e\xf6(\x96#l\x9b!\xe2@\x1b\xe6/\x11\xc8id\xb7\x93\xec?\x99s\x00\xecDu\x82\xb0m\xe6\xfbw\x85\x03\x96\x87XsT4\x9f\xfeF\xeb\xfd\x8e\t\xcd\xde\xa8N\xea\x80\x88p\xb9\xf4\xfa\xb0E\xa9\xf3qC\x84\xba\xbd\x1f3\x1c\x9er\x8c\x14\xd2\xd5\xf0\x8fdtuk\xb8\xd0%b\x1e\x82\x90\xcb\xd8\xeb\x04;\xd6\xec?;\xd0\xf0\x95\x13\x00\xf7h\x9bc\xfdA\xb7\x06\x83\xd3\x92p\xb8\xe4\xf2\xd6\xc69\xd0r\xe5g\xeb\xa9\x0c\x02\xa7\xb3\x1c\x15x\x87B\xea\xb2\x19\xff@\xb3#\xb6$D\xb2\xfe"fA\x10\x84\x08Jd\xff\xcev\x01\xce\x9f\xd6\x92D7\x17?\xa3VGM\xb3\x87\xbd\xd9\xfc\x9d\xa5\xeacMk\xba\xc8\x90\xd8\x8a[bO\x1b\xda\xb6P\x8d\x81wD\x86\x99\x1dC!\xaa\x82\x88\x08\xd7=\x92\xc1\xda9\xa6\xe9\x86\xad\x04\x04A\x10"\x98\xdd\xfe\x1b\x1c\xad\xfdI\x89\xec\x7f\xc2Z\x03$\xb4/\x91n,\x8c\xb9N\x98t\xe7)I\xf6\xc9\x9f\xa3\x97\xf1\x17_W\x9b\xf3\x82\x12\x85\x93\xaa\xa5\xb9j\xba\x1dw/\x1d\xb2\xabh\x90\xfd\xb2E7)\x8b&lt;\xf1 \x08\x03\x81\x88\xcc\x8f\x9c\xae\x17\x8cU\xfb\xe9_Oa]\x8d\xe4\x89\xcfZ\xc8W]A\xa1\xaf\xeb\xc1\x9a_\xb7\x82\xc8\xf5\xdd\xb2\x9dQ\xe1\xdb\xab\xc6\xfe\x82,:F\xa4\x95G\x81\x05\n\xf2-@\x820\x10\xc5\x93\xe7u\x07\xd6\x1d\xa5\x9c\xad\xa6c\xde\xa3\n\x81\x00?\xcb\xd9\x9ch\x9aS\x9d\x0b\xbb]\xbd\xf4\n7;\x8f\x15TX\xae\x8b\xae7\x9b7j0]qa\x80\xa7\xb4\x96A\x10\x04!\x95b7\xff\xd8\xdb\x97\x8b\xd4\x01\x10\xe1+\x08pQ\xae\xe6\xe0\x14AUox:P\xbd\x11\xbc\xc00\x11\x00\xe1Ku\xb4G\xec\x05\xe1\\[\x9d\xcdXz\xd4C1_3\xee\xb1\xecq\xec\x82 \x08B/T\xc8\xcb\xa5\x00\x88\xe3\xfd\r\xee\xf6\xde\xeeth\x05@\x01\xad.\xdf\x05\xc4\xddr\x0e]\t#\x84a2\xce\x0eMQ\x10\x04\xa1=\xc3\x7fK4?\xf6\xbc&lt;NE\xcb)\x8fB\xe5\x1d\x7f\'\xb2J\xf9(\x96\xad\x1e\x1f\x9a\x1a\x13\xf4\xf9\xdb\xa1\x03&gt;"Y\x97\x90\x0f\xa7\xfd\x88)r\xf2\xbd\xd6\x02\x08\x82\x90\xcf~\x91\x96\xbcJ\xc3\x95\x9a\xd3T\x84\xda\xde\xaa#\xbfw\xe5\xff2\x0b\x1e\xf0a\x88\x00\xff\xd0Z\x0c;\x85\xe7\x8e\xf1\x9ba\xf2\xfd\x9dr\xae\xf9\xbd\x93\x82\x9b\xfdt\xfcUk1\x04\xc1@\x12\x03A\xd82\xe2\xe1\x16r\xb2\xf3\xe50D\x00\xf8s\xe5\x1b\xdf]U\x81\xd6\xc5O7\x9e\x8e\x88RGP(Z\xbf\xf1\xd5\x87s\xf6\x9f\xdf\xd4\xc5\xb2[\xd86\xb2K*\x08\xa3"_\x14%\x08\xc7\x88?\xcd\xda\xedv\x88\x98\xf0]r\xf4\xec\xad\xed\x97\x81\xe2\xe1k\x1c\x8f6\x00\xaa\xd3\xe4WB\xbd/R\x9c\x8dg\xb7\xef5kv\x100\xb9\x91c\xf9\xeeHA\x10\x8e\x19\xf9\x1aPA\x18\x05\xd6\x1b$\xfc\x1f\x93;B\xc4\x87\x97\xfai\xcf\x82\xec\xceq\xcc\xd9\xff\xc2\xfeN.\xd7\x87\xd3G\x95\xa6u\x9e\x91\x07q46_\x93\x8a\x97?\xadf\x106\xc9\x97Z\x0b \x1c!s\xe0-\x1bXd\t\x14\x84!Xr\xf2\xfc\xcc\x95\x98\xdf\x13\xaf\x00\xcc\xbb\xe9Q7o\xf4\x9d\x7f\xe7\xec\x01\x9f\x1b\xe0\x93\x9c\xb2\x14\x01\xf5!\xf6r\x11\x00\x00\x10Q\xb1\xbb\xe4~5c\xdc\xc1\xc1\x9a\xcbp\xe8\xabp/L F\n\xe9\x99}\x04\xf86\xc0\xa9\x18\xa4\xea\x94if\xfb\x9fVa+\x1c\xd6\xd3\xc3UP(\x1a{\xe5\n\x80 \x0c\x81\xba\x04U\xdanD$\x95\n\xf3\xea8\xce"\x19\xdcY\xc9\x19J\xff\xd9?\x00\xec`\xb7\x03\x98\xff\x85\x0e\xae\xc8n\xb7\x83\xdd\x9fA\xe0\xeaD\xb8\x19\xf5\x8f\xb2O.\xcf\xad_\xadd7\\D\xe6\xb2S\x10\xb0\xaap\xb7\xe9\xec\x1f$\xfb\xef\x86#\xba\xc2\xb6\xdb\xedc`\x95\xbejt"\x08m\xb1oz\xedc\x8a\xcb\x05v\xd3\xf3m\xbd\xf9\x08e;\xf6{\xfe\xda&gt;\xe19K\xca*\x98z\x05`\x1eQ\xcd\x9df\xb9\xcf\xbb9\xfe)\xc0\xc9k\x99.\x02\xecv\xd3u\x0f\xe6y\x9f\xae\x80\xc1V-\n\x11w\xbb\x0f\xf0\xfd&gt;\x9d \xb0\xb1^t6\xe4\x89\xfe\x14\x85\x01\xb9\x02 l\x9c\xf9+iV\x9f\xf8\xf7&gt;\x91\xb69Z\x1f\x8aHl~\xbd\xdf\x8d`\xdf\x03\xdbY\xfe*\x97\x91[\xf7/\x0b\xf5\xf5E\xdaa\xf2\x1dDAv\xbb\xddi3\xa7io\xba\xff\xa8\xe4\xfc\x16\xa5g?W39H\x87\xb1\x82\x87\xddn\'\xd9\xbf\xd0\x1d\x8eo\x0c\xc3\xe9\x07\xfa\x1c_\x04\x8c\x00\x8f\xa2\xf7\xd1\xf4\xa7\x15\xb6\x1cU\x04\xa1\x06\x0c_?\x7f[\x048/\xabP\x1e\xca\x87\x9b\x7f\xf1}A\'M]\xbfo{\x93\xdal\xd2s\x99[\x02A\x94P\x03\xabz\xf57s\xc2\x82 \x08M\x88Xh\x0e\'\x00 &lt;[&lt;\xddD\xca\x0ba\xeb&lt;\x1d\xf1N\x87\x97i\x17\x07q[\x97\xf8\xe9\x19O\xe4\x90#R)\xb9\xad\xb6\xd0\xed([\x84\xf1\xd2\x90\xa1\xf3\xf9Ih\x99\x05A\x18\x85\xac\x9a}3\xeb8\x0br\x0b\x90\xb0u~ey\xa2f\n\x1cq\xf1c7\xdf\xa2R\x12\xc4\xb6W\x1b-\xec\xef\x9d"\x1f\xbe{\xe1\xfev\x88\x82\x12m\x89\x9dd\xff4\xd2\xb4t\xfb\xb5\xc7"\x02\x9c\xb8\xfc\x05\xaf\x94\xec_\x10\xc6"\xf7\x8a\x1d\xf1\x9b-\x8e\x04\x89}\xc2\xb10m\xe4\xa7\xd9|\xf1\xc7q\xf2\xc4\x8b\xee\x88\xc8\xee\xf4\x00\xff\x9b\xf2\xb5\xe8\xfeN\xa4L\x88\xa7\xb8\x05V\xa1\xda\xb3\xd7\x16u!\xa2\xfe\xe8\xb9y@y\x91F\x9f&gt;Ah\xc8\x7f#\x9e\x91\xab\xad\xb6\x97\x02\xf4X\x14&gt;\xbc\x90\xa8r\x05@8\x16\xf2\x1ef-\x1e)\n&lt;j\xeb\xec\x88x\xd8n\xb7K\xca\xfeA\x12\x9d\x02\xec\x00\x1e\xc7\xd7\xda\xd7\xea?\x81\xb0\xbf)7\xa6\xfe\xcc\x91\xd0\xf2\xfc\xdc\xca\xf2\xabZi\xbbmG\x94\x87\xce\x85QA\\\x0c\x98/\xfb?4|\x1e\x0e\xa7(\xef\xd8\xe5z\x90uZ\x10\x8e\x8fP\x16V\xf4\xb7\xc6d\xfb\xbf(\xe4KI\xb57\xa4\x95gi\x9e\x01p)\x80\x9f\x08\x9e\xa0\xdd\xa2\x13\xfd\x0bV\x81\xd6e\xf9\x030\x1dU|S\xe8\x8a\xcc\xdbuv\xbb@\xf6&lt;\x86\xc13\x87\xbe\x85\x11\x06/\x08\x02w\xbe\xe2\x0f\xac\x0ca\xd1\xd1\xc1\xf8\xcf`!\xc0\xbfU\xfcV(\x12\xb3\xb2w\x00\xb0\xdb\xad\xae/\xf7p\xfb\x10N?\xabD\x96D9\x01\x94\xfa\xa1\x83\x9fg\xba9\xc0\x0b\xdb\xf5\xce\x89\xe1\xa6c\xe4C\x89\xf4\xe0\x05B$\xa9\x15\x80\x1eg|\xad\xf4o\xf3\x88Xh\xdd\x94[\x80\x04!\x8d\xaa\x97\xd4\x11\x01\xae\xc6\xd9\xe3\xee\x05\xb4\xe3\xce\x96\xfa=\x89\xbb\xdd=\xd7\xef\xcd\xff\x19\x98]\xb7\xd9?\xc0\xb4\xee\xe9K\xda\xfe\xf1\xf2\xd0W\xbb\x92\xba\x9a\xfe\x9b\xdeN\xccS\xe5;\\:\xd5No\xbddo$\xfb\x07E\x93\xa3\xbb%\x01\xf9V\xf5\xc1H\x0eX\xabty\xe7\xb9\x018\xd4I\xfb\xdb\xe7v\xbb\'\x152]\xf1\x07AH\x03\x01n\x0e\xf0\xa2\x8a\xddA\xb5\x8b\x00,\xfb\r\xeb\xf6{\xd9k1\xee-\x19\x19U\xc9\x1e\xf5.\x97\x08\x92\x07\x8e\xa8\x7fmi\xed\xaf\xd3e\x18\x82`\xe1D\x80o\xb7\x96A8v\xd6\x9b\xdci\xc9?%8X[v\x05\xcf\xffA&lt;]\xfb\x95+\xf3\xfa\xbf\xf3+\xa7\xe5\n\x80\xb0%\\!\xa3\xc4\xef.\xed*f\xff\x10\xb9}\x95;\xd8\xfc\xa7\x8eV\xb7\x164\x8f\xa1\n\xfdH\xc2\x07%\xfb\xcf`j\xe2\x11\x87\xde\x12\x9a\xc8\xfc\xc5\xdc\xfdi\xbb\x1fI;\x1b\x80G\x0f\xdbC\xb2\x7f\xa1=\xbb\xc7\x83\x16\x19\x8ae\xff\x10\x19\xfeO_\xed\xdb9\x1cL\x17ns\xd6\xf4\x9dl\x98\x08\x9b\xe7Z\x9e\xcf\x8e\xea\x07h\x95\xc1\xbe;x\xacz\x8a\xe3g\x14\x13\x05P\xda9\n\xb5\x17\xc3\xf5\x9b\xf6\x00\x8a\xaa]\x9f\x82mr\xa9\xfd\xee\xb9\xef&lt;\x89m\xe7q\xffM \xc9\x16\x95k\xd5B\xf7\xc8\xe46\x81]\xed\xd6\xe5\xc8\xb6B\xa9\xdf\x11\x94\xd7\x81\x18\x8f \x0c\x8d\xf8\xf0\xc4\xd3\xd5\xe0H\xc2\x17d\xe3\xb5\x1a\x9fk\n~R\xb2\x7fpO+\xad\xfdi\xea?\x99\xe9Y&lt;\xc6P\x7f\xb5\x96\xb4\xe0\xf8\x90\xe9\xee\x00o\xd2\xbf\x04\x81\xd5\xaeDL\x90\xa1D\xc5\x08qS\xcfm\xdc\xa3\\\x18\x106\xc3\xd0_\xf2\xe0\xbcK/\xb1\xb9\xe8\xfb\xad}!e\x07T\xd9\xe6Vv\xbb\x1d\xc0e\x01\xfe\x8e\xd6{3\x10\x91&gt;\xba\xae0&amp;l\xb7\x83\xb5\tY\'\xd56\xder\xdf\x89\xa9\x89\x90q1\xddh\x07*x\xfa\xe4D\xe3\xd9\x86\x90J9G\x10\xa8\x10\xb3\xdb\xc9/\xd3\xbf\xeel\xdd\xd1\xca\xd9\x0f\x87\xacb\xa6\xda\x11"\x8e\x1a%\xe4\x19\x00a3\x0c\xfd%\x0f\xccw\xe9\xc5\xdf\xb8\xe8;\x1e\x83A\xf9\x0f\xad\x9b(\xbdg\xff{\x06\xdd\xf43\xe6\x0b\x11\xd6\xdf\x99c\xc5vD9\xc7\xb9\x1fos;\x80\xddy\xa1\xba\xa7\xcf:\xbbT\xdd~k\xc2\xec\x07\xd5\xb7E9\xf8^k\x01\x04\x9a\x1d:\xbe\xbc*.\x07\xd8}i\xd57j_t6\x9b0\x9a\x87\xa9o\x19=\xfe\x0e]\x00A\x10\x84f\xb8nr ]\x81}\x95\xfb\xa3Q\x93\xea\xa1\xc4v*?|\\\x131\x93\xd4\xfb\xae\xc1&amp;e8\x0e\xb7R\x94iy4\xb0\x9c6\x04\x127\xfb\t\xca\xda\x13y\x83\xab\x03G\xcbO^\xe2\x953f\xea\xbd+\xc1\x8d"\x92=Jg\rE\x10\x04!\x1ew\x18\xfdgZ$\xb6\xc6\xd0Q\x19L\xf2(\xe5\xbb\x0f\xf0\x8e\xbam9\xf7\xe4q\x8b\xc9\xa2 \xc0mx\x1aj\xe7\xb0\x88\x08\x7f\xd1\xcf\xe4n |\xf5C\xaa\x0e\x1fM_b"\xbbX\x97v\xae\x96\xa7\xff\xaa\x07\xae\x9b\x03\xf8q\xfd\xcf!\x19\xf7\x96\tAh\x0b\xfb\xdd\xa2\xdd&lt;\xc3\xa0\xfc\xf0x\xc2r(_\xd3^\x8d\xf5\xecxo\xe4:\x1c=\xd4\xed\xaarOvY\xb0\xdds\x0e|]3\x18\xc9$\x0c\x8c{?wO|\x13\xe0\xd4\t\xa7\xd1\x97\x9b\xd8UfnY\xbd\x9b\xff?\x11\xcfbo|P\x03\x88N!\xe4\x19\x00Ah\xc2;[\x0b\xe0\x04\x95}\xc19\x14\x1a!\xd1\xf8F\xf7\xfd\xd7\xfcg~\xd1\xbbP\x94)\xfbo,F$\xf1\xe2\x0e|\x07\x1a\x1d\xb6\x01z~!\xb54|\xbf\rBo\xe4\x86\xaem\xfe\xddn\xb7\xdb\xbdw\nl\xad\xd8\x8c\xdd\xa6d\xffq\xa4\xaaJ}P\xea\xac\xbb\xf7\xee\x08\x0f\xdf\xa5\\ph\xc3`\xc1]\x10J0\x84\xafvN\xd2eV\xa16\xd4\xfb\x7f~\xdd~\xc0\xb8\xf3;\xae\xe4,\x1c\xf9\xf0\xd3\x91\xfb|V\xb0\xaa\x82\xef\xab~\tw\x01\xa5\xb7\r`\xde\xe4\xe3iY\xacE\x10\x06\xe2\xf8\xdcU"\xd4FAD\x80\xeb\xf8\x0f\xa0,\x8a\x8e\x8f\xee\x9b-`&amp;oH\xf2\xd6o\xc4\x9fu&lt;\x0er&lt;#\xb5\x13t\x04)\x00\nr\xd86\xbab\xea\xd9q\xd0\xad\xddv"\xb5\x00H\x18\xc1\xfeuF;\x82 \xa4p\x94\xfb\xd6E\xd6\xb3\xdb\x1e\xa3&amp;;\x83\xb2\x1a\xa9K\xd7i\xc7\xcbl\x88\x02\xab~\x9d\xe0\xe3\xc3\xa9E\xc8\xc17\xddS\x8a\xf6\xc1j\xd2\x1c\x13\x19\x8ev\x95\xd8\xfc?\xa2\x06\xf0\xa6\xf8\xeb6\x93\xc9oA\x10\x84t\xc4\x03\xb7\x81\xcc`&gt;[\xfaNC}\xa5\xefh\\\xb5%\xd9P|C\x80\xcb\xb5\xe98\xe5\xfe\xc6m\xe8\xbc4\x08\xf0#\xd1\xe7\xe4\x01\x84J\xa0V\x01\x00c\xd9\x89&lt;\x04,l\x8c\x8d=\x07\xf3\x88\xea=v\x12\xbf66\x8f\xf5\xc1\xe9\xa7\xc1&gt;\xd6\xa4w\xee\x06\xd5\x87\xcb;1\xd1=\xad~\x92l\x03\xec\x00\xde\xdd\xa6\xe3\x94\xef*\x90\x88Da\x07\xf0\xef\xd1\xe7\xb0&lt;\x89\x1e\xe3\x19\xa8=\x00\x90\xdb\xb3\x8e\xd8\x89 \x08C\x12\xdeJ\x11\xba\xc4\xf2M\xd5\xb8\xd5_5B\x84\xebW\xb0\xd2&gt;\x1d\x81E\xa4\x0e\xc7\xb5\x19\xee\xd9Z\x80qI\xbd\x02@pU\xdbY\xceNK\x8fS\x10\x84&gt;\x11\xe7\x9f\x83\xa9\xa8b V\x93u\xa5B\xd3\xd7\x83U\xa0\xf2OH`\x93z\x8b\xbe\xf3D\xd09\x84\xfd\x86\x19p\xa1\x02\xe0\xb9\xf6\xb3\x9c}V\x18\xa9 \x08B-\x10\xffB\xe2\xdaQQ|\xba\xab\x9b\x936"\x04\xc4\x7f\x10\x93\x16\x16\xa4 \xcc\x04W/\xaaKP\xa6\x00P\x0e#uZfp\xad\xd8\xd8p\x04!\x8c,\x06\x1a[\x8ckB[\xda\x16\x00B2\xdb\x8c\x8d\x98{\xc3\x1b\x02\xfc\x15\x9b4B\x12\xc9\x05@\xde\xea\x86\x8f\xa4\x16\x00\'f\xf4\xd2#\xf2\xbc\x82\xb0%\xf0\xf0\xab\xf0\xa8\xfc(\xf6h\xbf}Z\x80CL\x1b\xf6\x17\xce\x05\x01\xe0\xe0\xdb\\M\xc1\xb1.\x7f\x88\xb8\x0f\x8a\xae\xe1\x0f\xaa\x9ct\xb1\xe7\x9c\xcf\xab\x16\x81\rD\xb4\xaa:!\x8f\x8f_\xe2\xf7I\xc2N{G\xdf^\xe8l\xa1d\x8c{&amp;\xf2-@\xc2\x96\xd8\x01\xc0\xf4\xe5\'\x00\xa0\xfd\xee\xf7\x11\xb3\xa3\xfc\xe0\xb9P\x86\x07lu\xcf\x95\x0c\xd7\xd8sLx\xfe\xae\xc0\r\x911\x1c\xef\xa9\t\xdf\x90c\xe9!x\xc4yQ\x8f\xd3\xb90\x88\xbd1\x03\xe9\x13f7\x8c\x9bsDK:\xbd[\x19\xa0\xe5;\x15\xe2\xa4\xe2D\x96nA\xa0\xb2\xbe&gt;x\xa1\xd6"\tG\xcc\xe1\xce\x04\xa6/o\x19\xf2.U\xb2\xb4\xe7-W)\x8d\xa8\xb7\x10\xa9\xc3\xe9B\x15\x8a\x0cX\xfb\x9b\xc7\xcc\xe1/\x8bEs\xb5h\xd0\x85\xe9Mr\'\xea};\xde\xcf#\xee\xffa\x94\xcav\x17P\xad\xef\x1bh1\x83r\x05@\xd8\x18\xebr\xf9C\r\xa4h\xc3\x91\xef4w\xc9n\x07)_:na\x7fik\xf7\xd4\xc0Q\xf9\x1dq7N\x1e\xfb\xc7\xca\xedu\xedx\xbek\x9c\x03\x8e\xfc\x1b\x111\xd9\xa6\x92T\xc1lWFsm\xd3\xd7Y\x19\x9dEO\xea\x1cM\x17\xbd;\x13\xdf\x82*\xa1utM&lt;T\xd3\x9b\xc3;\xca\t6\xf5\xbe\xbbt\xb1.\x9ct\x11\x10\x05\x81\x11cq\xedd\xd5/\xcf&lt;\xea#\x19\xef\x112e}\xe1\x1b\xb8au\x9f\xab\xd0\x0b\xfb\x00\x95\x13\x97\x0e-\xc0\xc0S\xac)a\x7f_F\xd3\xb1\xcc\xab\xc68\xeb\xc5\xf2\xcc\xc3\xa4L\xe8?\xf8\xe3\xe1\xee\x7fp\x89\x1a[\x1b\x87F\xbd\xbe\xe3?\xd0\xa7n\x00\x18z`&amp;\x9b\xa9\x83&amp;\xc8\x15\x00a\xcb\xf0E\xf3\xfe7WvL7\xefn\x89a\xae\x8c\xd3\x98\xcc\x990\xa6n\x86\xdd\x8d \xdd\xc0\x16\x93\x86IUC\xf4rmf\xa0\xec\x1f\xd4h?mZ\x0f \xfc$\'\xa3\xa8\xfe\xa6vA7\xd1\xb3\x7f\xfd\x93\xa9*L\x12\x8c\x86O&lt;\xf3\x1e\'\xf6\xbb\xd4\xa4\x00\x10\x840\xfb\xaf\x1a3\xde{\xd1\xa6\x92K\x00\xb8\xe3\xf6\xd2\xb5A\xae\x8c\xd3\xd9A\xe0\x81\xee\xc3\xfa\xda~?\x15\x07\xfd2\x994\xa2l,wv\xfa\xb9\x9d)\x99\x95\xf4\xbf7\x95\xebm\xbcupun\x87\xf8\x89\xc82\x98\xd5\x05\x07\xb5\xfbr\xf7\rniI\x12\x84\x9ep&lt;\xca\x93\xde\xde\xe1\xbf\xeb\x07\x83\xb6V\x00\xc0\x98\x81\xc9%\xf3\x19\xeb=\xbf%hl\xf1\x89[;\x87\xe0\x80\x88\xf0\xfa\xe3\x195\x17\xba\xae\xf6\xda\xbbiC\x05\xbe\xa5]\xd7\xc2B\xad\x87\x80\xf9\x1f&amp;\xa6\xbd\xd9`\x1e\x00\x00 \x00IDATw\\\xad/\xf7\xb8$R\t[\x84\xb7\x00XB\xc3\x12#\x10&gt;)\xce3\x02\xea\x94\x1dW\xbck;X\xbf\xf7\xcdO)$\x0by\xb7\xd4\x13\xd9\x99\x87\xf0/\xf3w4\xc5\x9c\xc5\'\x07\xe1\xf7PG\xa0\xdd\xaeJw_\x01t&lt;\x9co\xfdVn\x01\xf0\xb7~_@\x00&lt;\x07k\x9e\x10\xc5{\x0b\xf5h\xf9^]\x8fU\x8b\xb5\x0b\xdb\x84\xd7\xab\xd7I$\xc2s\xb6\xed&lt;\xdbH&amp;T\xb67"+\xf30\xdb~\xf3\xd5zm^]=K\xff\xf1\xce\x06\x0b67\xfcE\xe9V\n\x80f4I\x04\x05\x0f\xb95\x80\x9d\x87\xdbN\xafO!W\xb5\xb5)V-\x1c\x13\xb1\x11A\x98\xb9\xdd|k\xd3\x91-\x87\xc4\x91v\xaf\x10\xe4\xfd\xb9\xabw\xa4\x9e\xf8\xb9\xbd\x15\xbd\xcd\xfeKO\xb9\xee\xf9\x85#\xb2\xccN\xe8Q\xe1\xbc\x01\xea\xc8"\xde\x18\xc4\xd4\x00\'\x86\x1a\xfb\x94\xe3\xc4\xeaD\x17-\xb9\xfdy&gt;\x93\'_\x84-q\xf0h\xfd\x0b\xf2P\xec&lt;\xc4\xd9\x10?\xb7\x7f\xb5S\x02\xc6\xe8\x0f\x1a\x12A\xedw\xe9q\xf5b9\x10\x00:\xb6%$|Ih\\\x83\x939$\xb4\x86\xd3y\xfc\xeaB\xc4#\xb1\xccn\xe83\x84\xf6)U?4\x8fW\x88\x98\xbb\x88\xd0st5\xf4\xa9gy\xbe8\x8d\xf1K\x02cF\xda|^\xf6 \xc8\xb7\x00\t[\xe2\xcf\x97\xd4u\xff\x7fr)\x80\xc8\xe7\xe7WJ\xf6\xdfD\x926\xac\xd6\x8b\xc3\xdb\xfaQ\xf4o\xafkr\x19\xea\xbe\xcc\xed\x9d\x1f\x00\xce\x08\x08I\x03yg\xa1\xec\xff\x80l\xd6VDW\xf6\xb7[\x89\xb1\xe2\x98"T\n}|1h\x9e\xab\x1e\xbe\x88\xe7^\x84~\x96+\xa0h\xbe\xefh9G\xb0Uc\xf4\xd6\xba\x98\x17y\xe6E\xd8\x1e\xc6M\x81\xae\xef\x95\x13\xc3_qF\xe5\xaa(z\xbe\x8f\xef\xd8T\xf7-\xe5u\xd4\xd8\x11\xe0\n\xcc\xb2\x04\xbb\xf4M\\Js\xfb\xff\x038\x15O\x83S\xbb\xab\x17\xf9M\t\x1b\xe3\x07Z\x0b\xb0y\x8a\xfa\xce\xd48_8\xa2\xdf\x0e\x14\xbaYH\x00\x90{\xde\x84\x8db\xfb\xbeN\xf5o\xb1{!\x82\xb7O/\x06\xd809\xd8\xf6\xd93\xe5dL\xd0-\x8d\xb7\xb86"t\x0f"\xfc_\xb6a\xbce\xda\xbf\x10\xc2\x94\xd2\x92\xbe\xc2r\xf7\x82\x98\\\x0b0K2&lt;\xa2\x10\xe1\xf88\xcap\xf0\xd8\xd6\x02\x0c\x0f"\x9e{\x9f\xb9\xfeI\xc7\x96\x83\xdd&amp;@/\x04\x80\xf9\xf9\xf2\xc6\xb2\xa4\x93!\xf9/\xcf\x95\x0f\xef\xf0\xc7U\xa6\x86\x1e\x96\x13\x07\xa542J\x91\xd9P\xc8:\x05\x00\xbd\xafs\xc5wBO\xfd\xd3\x06\xbb\x1eEBS-\x7f\xde\xce\xcd\xd0qX\x10\x92\x19\xb2\x00\xc8\xdf\xd3\x1dk\xbc\x85\xf8\xc3\xbcp\x9c\x95\x9d\x8cF\t\x9b\x19(3\xb3\x91\x114\xb2s\x11g\xab\x03\xebS\x83%,\xe7(\xb9\xec-1\xbd\xad8\xff^N\x9eG\xcf1\xf60\x11\xf5\xadT\xab\';\xd3|\x14.\xa7\xc8,o\x06L\x81\x04ak\x90]w;\xcb|sD\x93\x14\xfa\xd9\xaa\x8f\x9a\xaf\xd2\x02\x07\x85\xf1|Zb\xdfa\xc4\xbd\x0c\'\\ib\xaaB\n\xaa\xf1G64M\x04\xcc\x02\xa0\xd8\xfaEj\xf3\xcb\t\xbd\x9f\xae\x97\xc9r8\xb8\xebBGf\xb3\x82p\xa4\xf4\x9d\x17J\x010$2e\x99\xbc\x17\xe3\xeehj\\\x00 "\xc0}\n\xcb`\xf6(\x0b\xf9\x18\x1c\xcd4\xa1\xfa5\x12\x87Q\x9f\xa6H7\x01\x95&amp;?\x870\xc0jk\xaf\x00\xc8yBd\\\x15\x84\x11!\xbb\xc49\xf7G\xbe{{.\xb1\xbd\x11\rD\xb2\xf2e\xd6f\xbaREp\xd5L\xbfy=\xedDA(\xc3\xb73\x9f\xc4P.\x02\x14aNyoz\x94\xbbc\xae\x02\x80\x18I$\xe0\x08[\x05\r\xe7\xa0U\xba\xea\xc1q\xc5t\xc7l`\x08\xc7I\xcd\x89{\r\xc0\xdf\xd7\xeak\x03H\x01\xd0\x05\x9b\x88\xcf=\x93\xb1C\\ij\x1e\x88\xcbE\x86\xe0u\xb9\xedY\x8b\xa7\x04\xd8\xd8H\x05\x81N\xeaE1\xad\x06\x88\xa8\x1c\xbae\x93Q/H\xdb!\xf7\xf9\x85\x0fB\x15\x10O\xd7&amp;bT\xee\xf4\xca\x15\xfbuw!\x8e\x16O\xad\xaa\xa9\xb3y\xd9f\x01\x90{\x17\x90 l\x90\xecj8\xf9\xc6AJ\x9b\x15@C\x07\x15\xbb\x16\x10\x11\xe1\xfa\x03\xe9| Q\xfb\xc0\xe3P\xc3o\x19\xb8X\x06U=\xa4lR\x9f9\xe4\xa4w\xe9+B\xcc\x89\xdd%\xa0C]\x01\x88\x132s\xfb_\xd2\x03astw9L\x15\xa3\x8e0\xb2\x1f\xd0\x8a\xe1\x14&gt;\x90\xa8V*/\xed\xfe\x14\x7f\xac\xa9\'3\x156\xddD\xd4\xa3c\x8e\xe4\xd3\x8bSd4\x93_\x00\xfcr\x81B\xb7\xf1\xe3\xfb\x05\xba{m\xc2Y\xa9\x13$\x05\x80 \xcc\xfci\xe9\xf47\xaeY\xc5-\x7f2\xb5\xbbX\x9e\x80\xcbW1\x085\x11\x85\xd7\'e\xc9Tne\xe1\x91a\xb4\xda\x8f\x8e\xf6d\x94$\r\xf59\xa8\x1ds\xbf\x9c7\xddD\x95=,~\x1bx\xab\xb1N\xb16\x1e\x9d\x19\xb3\xf4\x9e\xa6g\x84KV\xadR\xc4\x97\x85\rS\xea\x86\xec\x16;\xeb\xf4\xbe\xd0\xfb\xa7 \x1c\tN\x0f\xcdHd\xfd^\xbfU_S\x1e\xb5\xec\xa2\xc8\xc1~\xbe\xa6\xbd\x16S\x01\xd0T\x86Y\x12\xde\xc4\xb1\xe8bJ\xd8\n&lt;6[\x9a\x91\x02@\xd8,E/\x024)\x006\xef\xabg\xb7\xbd\x19;\xf0\x81n\xf7\x14\xfc\xa4M=\xe9\xc8\xf4\x02\xa0}\x1e\xe6\xe1\x0cq\x83\x8a\xb9\xab\xbb\xa3\xbd\xff~$\xa9J\xf6\x90\xd9\x94VN\xf9\xfc\xa1\xdbc\xb7\xe6m3]\x14\xb7U9J?\x12\x8e\x024\xdd\xbb\x07N\x91\x9c=l\xf8\x06\x83\x99\xf5\xe8\x12v\x1c\xb7\xad\xa2c#\xc6ykx:\xfe\x92\'\xa4t\xe5\xa1\xb4\xef&gt;\xa6\x0b\x8c\x88\x97\xed\'\x90\xf6K\xcf*\xeaY\xb6\x06\xe8\x19\xc2\xbc\xc2&amp;k\xc9qbWa\xc1\xa4[\xc1\x04!\x0b\xa3\x00\xf8\xfe\xd6\xf2\xcc\xa4\x17\x00\x1dU2\x95\x18\xbd\xeca\x95\xfc\xa1C\xab"\x95\x17\xf6\xf6L\x9b{[\xa1\x86\xad2n\xe2\xf2_\x17\xe5nP\xd8\x10\x87Kg\xd7j-\xc7\x82\x9e!\x9c\xb2\xd0\xa5c\xec\xfa\x9a\xa1 l\x93\xf0-@\xf7\xcct\xcb\x82O\x18;\xfa+uA\x03\x01N\xe4n\x93\x8b\xa3\xccz\xe1\xc2\x00\x8f2\xde:\xd6\x85$y\xc8\xef\xe6\x94\xc2\xc40\xcbrw\x1b\xae\xfb\xe5h\xa4\x94-\xbd&lt;?@\x9d\xbe\x88`G\xe88}al\xb7\xf71#\xe5\xdc\xf69\xdc\r\n\x82\x10\x87\xdf\xbd/\x97\xed\xf9\x95\x0b\x00\x00x[w75\tBQRo\x99c\x16#\xd4\x1d\xa9&lt;\x1b\xfbr\x16\x95\xdc\xb8\x1aR\xa3D\xbf\x11\x99\x1cd^\xbf\x1e\xde\\\xa2\xd6\x02\xac(\xbe\xc5\xf3\xf5\x92\x8d\x0bBgx\xd3\xe5wp\x94\xfe\r6\xab\xa4\x00\xa8\x82hxh\x9aO\x9f\xe5\x81\x96^\x03N\x87\xf8\x87y$Jh\xceyX[C\xe5\xc5\x91\xce`\xc3\x85[\xd2\x06\xe1\x08\xf1\xde6C{N\xee\xec\xb5\xdd\xe6\x1dL\xed \xf9!\xdac\x88\x0b\xea\x18/\x00\xf0H\xdb\xfb\x94s\x85N\xf0_do&gt;e\xb6\'\xda\xb3\xa5\xaa\xf8HL\xd1^\x82\xa3h&gt;}G\x05\xea\xaf\xaf!\x8f\x88\xd8`\x90\x9f\xe4\xbf\xecw%i\x17^\x04\xe1\xb8\xc8\xba\xe1u\xef6\xb7\x1c\xd1sB\x8f@\xf4D\xf1;\xa7U=(5\xe15\n\xf7+\x14\xa2\xf3\xf5\xac\xc4\xa5\xfc\x9a\xab\xb8\xf5\x97\xbf&gt;\xca\xd9~\xb8\x00\xb8(_w]\xd1\xad\xd1\x02,\x19*\x02&lt;\x91\xb5\xe1Kt&gt;\xf0\x8a\xdc\x04\xe0s\xae\xcf\x18n\xf1]e;\xab\xa7/\x96O\x8e\xf2\xa12\xe1\xe8\xc8\xb2\xf2\xbeS\r\x17.\x9f?N\x10n`{d\xf3\xe9\x8c\x9a\x11%W\xa4\xf7\'a\xb8dS\xbc\xf8)\x08g\xa9\\\x00\xfc\x91\x1eC\x1e\x19&gt;\x8f\xda&lt;e\x14\xd7f\xeb\xae\'\xba1Z\x97\x18\xc5\xc4\xebe\xe0Q\xfc`\xe5\xfe\x10\x11.\x9d\x7f\x97\xa0\xa5\x00\x80\x0bZ3\x81\x11\'E\x10\xec\xb8\x92\xdd\xe3\xb3\xf2\xd7\xabe\x7f\xf5\xe1\x0fRu\xb0*g\x8c!\xe7\xa0\xe8\xea\xdb-\x96s\xa5\xc7\x01\x8a[\x8f`\x11_O\xd4\xc6\x85\x11\xdf\x8d\xa8\xf6\xce \xc0\xd2\x02&gt;\xb2\xeb\xe2\xad4\xc4\x81\x97\xbd\x05\xcb\xb9=Tjj\x10I\xd7\xe1\x8f\xd6*2A\x80\xeb(\xaf\r5\xfelmq\x04\xa1\x05\xe8x\xd2\x8e\x94(\xf4\xbd\xa7\x18K\xcb\x02`\x1cM\x8e"g\x0f\xcc\x9eU\xdf\xa8L\xbfnY\xdc\xb2q9\xd2Qm\x86iL4W\xa1u\x16\xa5}?\xef\xdfR.\xf8\xfc\xee\xac\xd4]\x00\x94\xecpKs\xda\x15\x88\x08W\xc3\xe9\xe5\xac\xe7\xc9sE\xf3\xc2\xd1\x80WI]/\x07\xcf\'\x0cZ\x16\x00\x9f\x1d\xe8\x1b\xebG\x91\xb3\x03\x0e\xb6\xf4\xec\xbaF\xa5T\x1d\xf3d\x954\xeck\xd6Z,\xe9\xbd\xb40\xd1\xca\t\xe2\xaa\xfb\xed\xa4,=\xe6\xbex\x90\xaa\xa2\x17\x0f\xb2\xbc\x8e\xb3r-\xe0\xb7\x0eS\xf9\x1d\xcdgqN\xfd{3?A\xe8\x94\xcd\xf8I\xcb\x02`$5\x96\xd2\xcf8\x1a\x08`\xdexSy9AD\xb8\xeb\xfa\xca\x9e&amp;\xc0\x9d\xd0$\xa7\xc3Z\x19\x00\xa9\x97V.\xdc.tl\x90\xfe\n\x80\x06p\x99SY\x9b\xe4\x11\xf2b\x0c\x92\x909(\xf6$\x04\x80\x93{\xac6\x05a\xfbt\xe8r\xb2\x84\x93(V\x00\xb4\xd5&lt;\x97\x00Z\x01\xc0=(J9\xa1^\xc8^\x7f\x88\xa0\xd7\xbaJ\xe6\x9a\x96\xcaW\x9b\xb5\x8e\x0b\x80\xb9S\x89\x1e\x02\x1b\xb7\xcaob\x9c\x15\xad\xea\x16\x89\x96\xf4\x8f\xa1\x1fA\xd8\x10%\xa3\xd2_\x14k\xd9C\xf3\xfc\xb5\x0e\xa5\xc6\xd8M\xfet&amp;\x8eF\xe6\x81\xd0\xad\xc2\xb9[o9\x8c\xf6s\x1c\x86\x8b\xd9\xb3~W%`\xefz\xcd\xc9\x84\x01\xd6\xbe\x00\xc2\x9a\xf4\xf4`\x93\x82\x90\x82\\\x95\xb2\xe1\x8fr\x82 \xe4B\xf1\xaeR\x1e\xd8(\xe4I@\xc9B\xcf&gt;\xc7\xd4\xe4^\xfe\xeb\xeaC Z\xa3v\x8c\xeb\xf8_9|J]\xbd\x10hy\xff\xa1w\xf5\x9d\xdfe\x9c\x85\xccvbO\xe7Lz$\x85\x12\xc6\xa5\x98\xf56t\x87\xccK\x94\x08\x11\x05\x80x\xbd $\xd2\xccyd\xcdnG\x9e\xce\x1b\x14\x00\xae\x8eR\x04\xb8\x8e\x9aL\xcf\r9\xadQ\x1b\xa6v\x80\xd3tq\xfay\xa0\x08\x15\xf92\xfe\xd0\xa9\xc4.\x8a\xb2Z\xaaoB9\x87\xd8vH\x93\xe8\x9e\xbe\xb1\x18]~!\x05r\xa6\x1b\xddl\x13\x8bJuF\xb3\x00\x80\xcf\xd0\xb2\x7f\xc4K\x0f\xef\xf8\x82p|\x90S\x1c\x81\x15\xd1\xf9\xea\x8e\x11\xf7\xa2u\x1d\xf5N!\xb4_\x01\xf8\r\xb3\xf1\xc8u\xd7\xb9\xe5O;{\xd5]\xda\xfc\x1e./$\x9d\xbbj\x8b3\xf9\x18\xf9r\x93 \x13\x07\xd0\xc8\x86\xdbh~\x1f\xbb\xbe\xc6\xbc\xca\xfc\xdb\xea\x9dg\xc8mB\x82 \xec\t\xec\xddzO\xdcX\x1d"\tS\x90uz\xfd\xc7\xce\x9c[\xf9\xfeiGR\xae]\x16\x88-k]\xd9\x7f\xea~v\xea\xd4\x7f\x16\xdd\x03\x8c\xe5\xcbR\xdb\x0b!\x0e&gt;\xd5\x99\x9d\xac\x85\xf9`\xfe\xddq\xe3_\x9b\x02\x80\x1f\xa3\x1d\xc6x-.p\xddO\xf9\xaf \x08GMb\xde3e*\x1b\x8b#R\x03\xf8\x98\x96\xa8\xb3\x13\x8f\xf6\x15\x00\xff5g\xfc\xb1\xb7\xee(\xa2\xb0e\xff9 \xf0e\xed}l\xcb\xf5 \xc3X\x94PWp\x16\xd2\xee\x17/4\xb3\xb6\x8d\xa4\xa3\xaef\xd5\x98F\xdaPc\r_G\xabvA\x10*\xd0E\xa6"\xd4%\xf1\xc2\xb1r\xca\xd4\x82-qg\xb8\xff\'#\xe1\xc81\xe6\r8\xc2[\x95Q\xb4*\xa5:\xe3z\xcdC\x1c\x02&lt;\xbc@\x9b%\xb0\xea\xca\xa7\xc0&gt;j\xddr\xc4nIl[\x1b\x82 \x08\x15\x91$f&amp;O\x0f\xf9:\\Zpf\xed\xf1\x8f\xbe\xb9\xaf\x00\xb8\x9a\n\xee\xa7\xe6\x14\x0f\x83[\x9a\xe6,(5\x00\x00\xc0\xc7\xd4\xdf\xc7m\xa0\x8aG\xf3\xef\xa0\x9f\x19\x00\x01\xce\xcd\xda&amp;x/\x9c\xfa\n\x80\x92\x06\xd6\x85\xe9F\x16\x00\x82 \xd4@\x9cm\xfb\x0c\x9e\xc1x\x16\xd4\xe8AE\xaa\x02\xb5\xd7\x7f\xc3\xac\xc3}F\x95\xbc\xf1\xaf5\x14\xac\x01"\xdaO\x17&amp;w \xbd0\xba\xfc\xe5h\xa5\x99\xcc\xa2\x94\xb7\xc1\x04\x01BW\x00\x06\x8e\xcf\xdc\</t>
        </is>
      </c>
      <c r="E713" t="inlineStr">
        <is>
          <t>&lt;class 'numpy.ndarray'&gt;</t>
        </is>
      </c>
    </row>
    <row r="714">
      <c r="A714" s="1" t="n">
        <v>712</v>
      </c>
      <c r="B714" t="inlineStr">
        <is>
          <t>steps_per_sec</t>
        </is>
      </c>
      <c r="C714" t="n">
        <v>8000</v>
      </c>
      <c r="D714" t="inlineStr">
        <is>
          <t>3.1244783</t>
        </is>
      </c>
      <c r="E714" t="inlineStr">
        <is>
          <t>&lt;class 'numpy.ndarray'&gt;</t>
        </is>
      </c>
    </row>
    <row r="715">
      <c r="A715" s="1" t="n">
        <v>713</v>
      </c>
      <c r="B715" t="inlineStr">
        <is>
          <t>Loss/RPNLoss/localization_loss</t>
        </is>
      </c>
      <c r="C715" t="n">
        <v>8000</v>
      </c>
      <c r="D715" t="inlineStr">
        <is>
          <t>0.14765838</t>
        </is>
      </c>
      <c r="E715" t="inlineStr">
        <is>
          <t>&lt;class 'numpy.ndarray'&gt;</t>
        </is>
      </c>
    </row>
    <row r="716">
      <c r="A716" s="1" t="n">
        <v>714</v>
      </c>
      <c r="B716" t="inlineStr">
        <is>
          <t>Loss/RPNLoss/objectness_loss</t>
        </is>
      </c>
      <c r="C716" t="n">
        <v>8000</v>
      </c>
      <c r="D716" t="inlineStr">
        <is>
          <t>0.008811187</t>
        </is>
      </c>
      <c r="E716" t="inlineStr">
        <is>
          <t>&lt;class 'numpy.ndarray'&gt;</t>
        </is>
      </c>
    </row>
    <row r="717">
      <c r="A717" s="1" t="n">
        <v>715</v>
      </c>
      <c r="B717" t="inlineStr">
        <is>
          <t>Loss/BoxClassifierLoss/localization_loss</t>
        </is>
      </c>
      <c r="C717" t="n">
        <v>8000</v>
      </c>
      <c r="D717" t="inlineStr">
        <is>
          <t>0.21558051</t>
        </is>
      </c>
      <c r="E717" t="inlineStr">
        <is>
          <t>&lt;class 'numpy.ndarray'&gt;</t>
        </is>
      </c>
    </row>
    <row r="718">
      <c r="A718" s="1" t="n">
        <v>716</v>
      </c>
      <c r="B718" t="inlineStr">
        <is>
          <t>Loss/BoxClassifierLoss/classification_loss</t>
        </is>
      </c>
      <c r="C718" t="n">
        <v>8000</v>
      </c>
      <c r="D718" t="inlineStr">
        <is>
          <t>0.09272964</t>
        </is>
      </c>
      <c r="E718" t="inlineStr">
        <is>
          <t>&lt;class 'numpy.ndarray'&gt;</t>
        </is>
      </c>
    </row>
    <row r="719">
      <c r="A719" s="1" t="n">
        <v>717</v>
      </c>
      <c r="B719" t="inlineStr">
        <is>
          <t>Loss/regularization_loss</t>
        </is>
      </c>
      <c r="C719" t="n">
        <v>8000</v>
      </c>
      <c r="D719" t="inlineStr">
        <is>
          <t>0.0</t>
        </is>
      </c>
      <c r="E719" t="inlineStr">
        <is>
          <t>&lt;class 'numpy.ndarray'&gt;</t>
        </is>
      </c>
    </row>
    <row r="720">
      <c r="A720" s="1" t="n">
        <v>718</v>
      </c>
      <c r="B720" t="inlineStr">
        <is>
          <t>Loss/total_loss</t>
        </is>
      </c>
      <c r="C720" t="n">
        <v>8000</v>
      </c>
      <c r="D720" t="inlineStr">
        <is>
          <t>0.4647797</t>
        </is>
      </c>
      <c r="E720" t="inlineStr">
        <is>
          <t>&lt;class 'numpy.ndarray'&gt;</t>
        </is>
      </c>
    </row>
    <row r="721">
      <c r="A721" s="1" t="n">
        <v>719</v>
      </c>
      <c r="B721" t="inlineStr">
        <is>
          <t>learning_rate</t>
        </is>
      </c>
      <c r="C721" t="n">
        <v>8000</v>
      </c>
      <c r="D721" t="inlineStr">
        <is>
          <t>0.03963118</t>
        </is>
      </c>
      <c r="E721" t="inlineStr">
        <is>
          <t>&lt;class 'numpy.ndarray'&gt;</t>
        </is>
      </c>
    </row>
    <row r="722">
      <c r="A722" s="1" t="n">
        <v>720</v>
      </c>
      <c r="B722" t="inlineStr">
        <is>
          <t>train_input_images</t>
        </is>
      </c>
      <c r="C722" t="n">
        <v>8000</v>
      </c>
      <c r="D722" t="inlineStr">
        <is>
          <t>[b'1024' b'1024'
 b'\x89PNG\r\n\x1a\n\x00\x00\x00\rIHDR\x00\x00\x04\x00\x00\x00\x04\x00\x08\x02\x00\x00\x00\xf0\x7f\xbc\xd4\x00\x00 \x00IDATx\x9c\xec\xfdw\xdc~\xcfQ\x16\x8e\xef\xf9$!\x84"\xa1IoR\x02\xd2D)\xd2B\x0f\x82\x14\xe9M\x08M\x94&amp;\xbd\x84\xde\x8b\xf4\x161t1*\x18P\x11\xbe\xfc\x80P\xa4*H\xe8\x1d)\xd2\x15B\xe8H0\xf3\xfb\xe3\xb4-\xb3\xbb3\xb3\xb3\xe5\xdc\xf7^\xaf\xe4\xfdy\x9esvg\xae\x99\x9d\x99-\xe7\xdc\xf7c\xcc\xc4\xc4\xc4p\x80\xde\x04\xee\x11\x00\x00\xd0\xc1\xf3\xbd\xf4NLL\x0c\x86:u`\x96\x17%\x10\x0b\xf5V\xd2\x87r\xfbPd&amp;\xee\x12\xfa!8\x17O\x1ap\x1c\x08\x00s\x07211111Q\x809\x8dN\\\x04\xc1JZy\xff\n;\x14e\x1e\x92\xd5e\xde9F\xdeV\xfd\xe1\xa8\xc4&amp;&amp;&amp;*\xe3\x87\xe8M\x87\xad`\x13\x13(\xb2\x11;Cz\xa2\x0e\xaa\xad\xce\x0f\xe9f\x1e-O\x94\xc1\x8a\xa2\x89\xab`\x0eV\x06#o\xb6G\x03\xcbQ\xd3\xab\xa3a\x84\x11\xa1sh\x9e\x98\xb3\x0eLtB\xbd\xe3\xf9C~%\xc9w\x86\xe9\xc6\t\x1c\x9f2h\x8aucu\x95\x9as\xc5\r@/\xc2\x97s\xd4\x84\x8d9|\x13\x13C\x02\x1c\x98\xf7\x9f\x89:2\xe6\xe8LL\xdc\x08\xae\xb8\x01\xe8\x85BG\x8d\xf7\x08z(2\x13\x0e:~\'D{\xa5\x13\xf7\x0e\xf0\xf6\x00\x154\x98\xff8#{b\x82\x8b\x995\xb7\x8c/\x9d\xf3\xbd1\xe4 /\xdd\x00\xcc\xd5\xd5\x04\x11\x8d\xbf\xc6g\x0f\xce\x19\x9f\x13\x9dPy\x03P\xfdE\xa3\x89\x8bb\x86D\x02\x14\xe7L\x07N\\\x0f=\xe6\x82\x99)\x13Cb.\x8d&amp;t \x8e\xa1\xadc\xf5(\x9cQ&gt;1111!A\xf9[@\x13\x13\x194^\x8eo\xeafpNt\xc3\xcf\\#\xf8\xe2iy\r\xfeR\xbc_o\x02\x97\xc4\x9c\xef\x87\xc0\x1c\x85\x89\x89\x89\x8b!\xff\xa5\x9c\xc1\xfc2\x0f\xf2\'\xae\x8ak\xbc\x7f6\xb3\xeb\x1e\xa0QF\xd3\xddg\x14\xb5\x03\x00\x98\x0f\xbcM\x87Wymw\xae!\xae\x899j\x1en\xdb!~\xee\xcb\x8d}_\xc5\x1ar\xdb&gt;\x9f\x10\xe3\xb6\xc3b\x84\xc7gs\xdaV\xc3\x80\xe7(\xa3\xf1\xb9\x10\x06\x1cM\x1dT\xfe\xc4\xd4\xad\x17\xed{\x00&gt;\x827\x9b\x11\x16\xe6G\xfe\x88\xd0r\x94\xa0b&lt;P\xa8rb`x\xa1\xb0\xf4a\xd1\x04\x00\x87\xb5\xddf\xcdY\xe8\x14\xb1,\xcb\xb2\x8c\x15\xb1\xa3\xf1\x99\xe8\x8f\x9aA\xba,\xcb,)\xd7\x07\x1e\x1f\xb9\xfa\x16\x1b\xf87,\'\xd4\x1es\x0f@D\xa1\xa3\x96e\xb9\xede\xde\xc4Mc\x96\x89\x89B\xcc\xcfQ\x8d\x89y\x16(\xc5tZ\rL\xaf\xb6\xc1]~\xb0u~H}\xa2\x15j\x84K\x9f\xa9\xfa\x1bS\x1agVL\x10q\x1f\xa1R\xc9\xc6\x8a\xae\x9b\x1b\x80\x89\x91p\xa1P\xbc\x10\xd5\x12\\\xcfL\xbb\xa0\xcd\xe26\xd1\x01\x15\xc2\xae\xee\x9f\x02HhM\xdf\x9d\t61\xb1\xa2\xe6K\xe7U1Sxd\xcc\xd1\x19\x11\x89\xac\xfc\xa59-v\xc2\xfcx\xc3\xc4\x10P\x8fBp\xa1(\x99\x8c\xbf\xddC\xe9\xc4\xc4\x04\x829\xcfMLt\x01!\xeffn\xf6\xc157\x00\xd7b;A\x00!\nY\xa3\xfe\x0b\xe2\r\xc0\xd5\x92abb"\x8fkNu\xd7\xc0t\xecD\n36F\x059sG\x19\xc1Yjn\x13\xfb\xb8\xd6z\x08\xa0(v\xa2&amp;\xe6HM\xd4B\x8d"3a\xe6\xacL\xc2\xf4\xcf\x04\x0b/\xd3\x9b\xc0\x89q\xb2{\x96\x9a\xdb\x04\xd4\xfa\x94\xfd\xa7W\x90911q=\xcc\xc9\xe3\x80\xae+\xa6c\'&amp;*\xa0BN\t\xf3t\x94\xec\x9e\xa5fbb\xe2\xe60\x8bZ\x13\xcc\xc9c\xe2\x960\xd7C\x13,\xf4|\'BI\xe9\x0c\xf8\x89\xd6\x98o\x0e$1=s\xd7\x98\xd911\xd1\x05\x8d\x16ss\xc9u\x13HGK\xed@\x9a\xd3\xc4\xc4%Qc\xd3\xdc(\x19T\xb4\xe4\xaa\xc6\xc8;\xf2a\xb8\r\xed\xa5B\xf0b\xe0v\xfd01\xd1\x0e\x00f\xa0\xfa6qy\xccw\x02\'zb\xd8\x88\xd9\xa2yTz\t\xa8\xe4\xa1+\xe4o\x14Jk\x82Y}\xb4@r\xe3,\xf7\x13\x13\xe5\x188\x89\x86%61"\xc0Eo:\x13\xd7\x80\xf7\xe7\xe8\x92q\xd30\xaa\xca\x82\xf8\xf2\xd1?\x93\xf9^\xd1f\xb8gDMLL\x18c\xcc_^\xf3\xa0m\xc2\xc3\xf7\xf8k\x869\xa6\x13\x1cd\xd7\x9amW\xa2w\xbd\xf0\x9d\x1b\x80\x1b\xc6HY6\xd1\x18sp\'\xc6\xc3\xac9\xb7\x82\xb9f\x98\x10b\xc6\xcd`\xd83YcP\xe2\x83;G\xbc-\xc2\x81p~\x9d98q\xb3\xb8\xb1)\xe6\xc6\xcc\xc9a\x10K!\xf2\xf3Dk&lt;\xd0\x9b\xc0\x84&amp;\x96ey\xd9\xde\x1c\xee\x16\xe1Dr^X\x96\x9az\xefm\x1a\xab\x07\x9a\x0f\x97eY\x16c\xfd\x15\x0e\x08n\xebS\x9b\x98\x98\xa8\x83\x1b.\x9e\xe0|\xe8y\x90\xba\xb4D~\x9e\x98\x98\xa8\x85\x9b\xadq\x83 \\\x85\xd7\x7f\x96\x07\xaf\xba\n\x9f\xef\x80j\x807X\xcft\x0en\xac#\xe5\x95\xbc\x1b^|\\\ns\x14H\xb8\xa5\x88\xa5\xbcom\xd7\xf0[\xb2\xfd\xc0\xedY\xd4\t\xf3\xbd\x9d\x89\x89\xbb\x86d\t8\x11B\xeb\xa5)\x05\x1a)&lt;\xc9^\x19\x88U\x8c\x18\x1e\xbf5\x1e\xa5\x89\x89\x02\xa4\xb7\xe8p\x1c\xa3 \xef\xef\xd9\xdb\x84\x9b\xcc\x8b\xcb\x18\xb5\xfb_2\x16\xb5\xc7\xee\xa2\x112\x9f\xbf\xdc/\xd6`\x9d\xaf+(\x02\x00\xee\xd5\x9f\xa0\\L\x00\xe8\xefM\xd5p\xbb\x97\x1d\xb8\n\x0e\xc9\x0b\xe1\x8e\xc3x\xe2\x06q,\xcb\xd0\xa8N,\xda\xca\xb2@\xbb$N\x180f\xd9*\xb3\xe1\xbdX\xdb\xb1\xa6\xcd\x85\xd6\xc4\xc4\x9d`\xa8\x03\x80\xa6_\xf9\xdaL\x17\xae]\x9b\x80\xf7b\xc0\x15Ow&amp;\xda\xe28E\xae)\x7f\x0c\xec\xe9\xf0\xca\xbd\x89\x94\xc29\xdd\x0f\xf2}f\xfd\x88\x18\xe3\xf90\x1d\x89\x17\xcc&amp;&amp;*\x02Y\x18\x9dE\xedQ\xb3\xb4]\x13\x80\x0ck\xa4\x9d\xba\xeax!\x03\xf3\xca7\x15Nn\xd5~\xd6\xb9\x14\x98H\xe3x?\xa1\x92\xf0\xc1\xc2\xaf\xd7\xe2XS)\xb8H4\xd1\xd28111\xd1\x07\x84z\xd7\x94No\x02WE\xc7\x11\xcc*\xed\xc5\xaa\xaa\xde\x91\xb2f@\\\xd5\'\xba\x03Z;6\xc6\x0b\xbf\x9fh\xafR\xd1\t\xf4\xa4\x1e\xc5\xf3\x9a\x1c\x060\xa7\x1dFyb0D\x14M\xdc\t\xc2h\x1bg\x03\x90\xe60\xf3$\x8d\x11F0\x0e\x12+U\xf2o\xd6l\x03\x90\xb5\xee)\xee\x1f\x04\xa8Gi\xa2\x1c\x03\'\xd1Dm\xbc\xe1\x99\xd4\xf9\x18\x98q2\xa1\x80\x01\xa3h~.\xe1\xbe`\x87\xa0\xca\xa7R@\xf8\xd9\x9a\x8dH\xecSY\xcbb\xc6\n\xce\xddqYc\xa1\xd1\'~\xc0@\xdd?/\xa0\x816\x1f\x83;\x83\xba\xc4\xedj\x03w\xa3\x9f\x0c\xbeE\x0c\xfe1\xcd\xc1\xe9]\x18\xa4y\xd0Nd\x00\x98\x9f\xe3,\xc3\xbaT\xa0\x95\xd9\x19\xf9\x8d0\xff\x10\xd8\xb5\xc1\xddS\xaa\x970\xa9\xc0T\xafeY:\xe6?~\xd0K6s\xe1\xf8$1|\xb9\xe3\xc9\xe5\n\xab\xcc6\x0c\x97g\xdb\x7f*9bY\x16\xa5-q\x8e\x06\xed\xd0\xb1\xeaq\xd1p\x07Q\x9d0~\x06]\x06\xea\xe1\xaa-\x90-\xcdN\xe4\x1e\tS\xeb\xc3$5\xc4\xb2@\xa8\xb231\x1ban\x00\xae\r\xc1\x8a\xc5\xfefCe6L\x1a\x03\x1f\xa8 \xc4\xa8\x849F%\x04\xbeI\xbew\xffR&gt;\x08\xfe\xd0\xf1\xa2\xd8-\x8d\xa2qY\x8c\xd9O\xc2rl*-\x02\xec\xffL\xe8\xe1-t]:lyl\x01\xc5\xd9\x01\x00\x92\x99\x84\xdd;\x96\xfe\xdb\x89\xf5\xf9sUl\xc7O\xdb\xabI\x95\xd4\xf5\xf9R\x9au@\x87{\xb6?1qe\\r\x16GJ\xdb\\\x8e\x04H?\x04\xa0\xbc\x92~\x1d\x94\x1a2\xce\xe7"r\x1f\xb3\xf9|\xbbe\\\xcc\xc7i\xf3\x9a@\xa0\x1b0E\xd2\x06\x08]\x01\x06I\xba\x0c^\xc0a\x08\x18\xc2N\xee\xc7~F)/\x85\xb8\xec\xac\xf1\xa2\xdb\x7f\xaf?\x04z\x98\xae\x98h\x0e\x95\nr\x03\x95\xb4\x05\x86Y\xd4z\xa8\xf2\xb8\xbfL\xe6H\x8e\xb2V\x15\x01+:I\xb19O?\x8a\x1f.\x80\xee\xef\x99\\\x1d\xde*\xb93\x1b\x0c\xd8\x10\x0b6\x00\xb5*L\xe3\xaaU^i\xbbc\xa4R\x7f\x19\xc4\x9c6_\x01\x9a\xc0\x90\\\xe5\xdb\x81T;\x1b\x01\xc0|\xd2\x00\xd9\xde\xa5\xe2,\xcb\x98/J\xe9&gt;\x9d\xdf\xe2\x07\xfb4\xf8\x98K\x8a\x1c\xacQ\x0b\x86\xaf\xc1h\xfe\xe5x\x013,\x94\x87\xe3\x8a\xd1\xaa\x81\xbd:\x8e\x16x\xc7\xdc\xe4m\xc2\xf1\xa6\x11!u\x8dj\\\xde\x97\xe5\x12\x1f\x1eKa\xcc9Q\x80\x86;\x99{-L\x13B&lt;:\xb1\xf6r\xa2\xd6&gt;A\xd9\xcfKH\x1fp\xa4\x86\xfe\xdc\xee\x0f\x0b\xec{f\x05R\xcc\xfe\xc6k)\x99\x19\'w\x879\xe2\x9d\x91&gt;D\xef\x08\xca\xe9~\xfa!\x80sqH\x1b\'.\x8eF\'\\\xeb\xc2lF\xef\xdd\xa3B\x15s\xab\'\xe3\xf5\x86+\x84\xa3~~\xb6\x9b,\xebk9\xe4\x97,\x02.\x12\t\r0\x9dp\x01\x94\xc5\xeaE\x9fh\xa50\xe6\x06 \xcb\x8a\xb2\x01\x08;\xa9\xf3\xac\x8c\x8f\xeeM\x00\xc1Pq2$*\xbdfv\x83\xc5g\x82\x07Q\xb1\xae\x147\x15\xceky\x02\xfb$\x83\xe5\x7f\x1e\x81W\xe7O\xb1\x00`\xbe\xbd\xd1\x01\x03H\x0f\xe0\x07\\=\x8c\x8frw\x95\x0c\xd9=\x83\xe7\xf9\xe0\xe3\x1f\xb7\x17\xe7g\xfe\x8edZ\xb6\xaaD6\x00s\x91tI\xdcVf\xdd\x8c!\x13\x83\x81y\xe0qc\x08?\x8b\xd9\xc1\x03\xb2\xd5\xff\xd1\xb7P5\xaby\x89.\x8e\x9e\x0e\xd1\x98\xd2X\xf9!\x86\x8a\xa5*\x1b\x00\x03`\xfe\xce\xbd\x15\x019\xe0|\xcbq\xc2\xc2Ug\x13t\x0b\xb0\x1a\xf2\xebV\xb3o\xbe\xa6u\xf7\x06t\x8c.:j\x17\xa5=q\x05\x0cxZ\xd3\x08\x03\x99\x0c\xe6q=\xc8`_J3\x00zQJl\xc3~\x8d\'hD\xaf\x92pQ\xda\x95\xa0\xb3\xad\xba;\\t\x03`Lb\x13\xe0o\t\xd2\xd6]\xd2\xf6\x1b\x03y\xb0\xb6\xe6\xba\xaa\x15\xa5ML0\xf1R\xf3\xc5\xebK\xe1\xaagfu\xf1[\xb8O\xae\xe0\xa5\xc4\xa6z\x8ere\x0c\x95G\x112\x90\xfeR\xb5\xab\xa3\xbc\x9a\xe5\xd6m\x19\xef\x95h\xd7\xd8\x00Ld\xd1\xeeM\xd4\xa1\n\xc2\xf8\xb8\x85oS\x9a\xa8\x00\xb8\xf3\xd88\xea\x88\xfa7\x8e\xd9\x15JK\xb8+\xd3\x0c0v\x92\xf8\x01\x80\xe3oEn\xbf2\xfc\x03\x00\xad\xbfS/\x8dz!41*\x90\xb0_\xc3`\x8c\xac\xac\x82\xdd\xc0\xc5\xb0s\x96*\xdcTN"t\xd5h\xd7"\xaf\xf9\xad\x0e\xe5\xd0\x00\xb8\xfa\x17\x98\x0e\x88\xf9w\x00&amp;PH2mn\xbe)\xa8\xbd\x1c\x14\x0f\x82\xea\xf1\x89\xc4\xc6eY\xc4\xeag\xe8M\xf4\xc7\xbfCj\xe0\xfe\xb5\xe57\xbbv\xb1\xeb\x99zq[\x1e\xc1\x16\x0b\x89\'r1-\x81\xfc\xe4\xf7\xe5\x0f2\x94?\xd6\x9b@[X\x07C\xb3\xdc\xa71Wb\x13]\xd0+\xec\xae\x16\xee\xda\x0f+\x83g\xd6r!Z\x94\x1a\xe3 \xcf0\xa1\xf2\xc3\xfd\xf9\n\x81\x1a.\x13\x96\xec\xef\xe9\xbat\xd2%A2\x8a\x96\x1d-\xbc\xbau\xf9\xc4\xcb\x8c\xc5\x8d\x86M\x1e7\x9d5\n\x98\xce\x99pp\xdb;\xe67\x9d\xe5\xc0\xdd\x00T\xd5ROx)F\x8c\x81\x16\x83r\xf3x\xff\x0b\xf8\xf0\x1e\xb7\xdc*\x98\x1e\x98`A\xe5\xa8\xeb\xe6\xe1yf\xddfOw\xdd\x1d\xee\xe4\x0cR\xa5\x16\xe8\xa5\x87\x82\xb7\xe5\'Xu\x93\xfc\xc6\x03I\x1d\xf7&lt;Q)Z=\xb8\x0f\xc5\xf4F6\xea\x8e\xf0u\x03\x8e\xc2\x80\x94\x86\xc0\xdc\x00LL\x90q\x1fy\x12\xb3\x91ix\xb8i.\xd2^\x86p5\x9fWQs\xa0\xedmd\x97\x88\xbab\x0c\xdf\xfd\\\xa5du\xfd\x9dm\x11\xeew|o\x02\xd1\xb1\x9bc:$\xee\xba\xa2NL0q\xbfy\xd2\xa4L\xbcL\xab\x07,}K\x9ew\xf2\x12\xf9\xbaCm\x95\xe1\x1a\xba\xd8\t\xed|X\xef\xb0\xea*\x93\x9f\x9a\xe1\x81\x9c\xa1V\x00B&amp;\xc3\xf0\xd7\xc3\xb5-jU\xc9\'n\r\x90\xfb\x1b;C\xd5\xab\x89\x89A\x00\xd6\xbf5\xc478*\x98\x89]\x1b\xe1\x06\x80\xe6p\xed\x87B\x02\xd4\xdb\x00\\bF9\x06\xab\x9c\xaa\xfd\x10`\xb3}x\xf3\xe3x\x86\xab\x8c \x0b\xb7g\xd1\xc4\x950j\xec\xcd\xbc\x98\x98\xf0\xd1&amp;+.\xbeP`\xe1N\xbe\x82\xe9G\xa8\r\x8b\x1eS\xe8\xac\xcf*\x05\xf9\xe5f\x14u\xb6\xd72?\x80\xf7h\xe8\xd2\xb6\xb4\xc1\x9d\xb9H!\xbc/V"n\x15\x97\xab\xd5\x13\x13m\xd0"1&gt;\xeaL\xbf[OB\xa13K\x97 7W\xe0\xb6\x13\xeb\xb9\x01\x18\x12\xef\xab\xbe\x9f\xef\xe2Lp\xd1X\xfb\x05\xf1\xa5\xbd\t\\\x0e\xaf:\xe3j\x04\xb4\x19\x859\xd6\x13\x13\x13\x12\x14/AR\xcfX.\xb7\xbe9\x08k1\xaf\xb6\xc8\xcb\x08\xbc\x96\xdb/\x81\xd0\xa5R\'\xcf\xa5\xff\rb\x8e\xe9D/\x88\x03o\xfe%\xe0\xdb\xc4,C\x13,\x14\x04L\xe2OfV\xff\xb3\xc7\xf5\xc0$\xde&gt;\xdd2\xfc\xae\xeb\xf9a\x81\xbaT\x948\xcb\x1c\x1d\x0c72g\xcd\xc9\xb7\x00\xd3u\x12,\xb3\xa2L\x1c\x98G\x11\x13,(&lt;\x04(&amp;P(\xc1\x15\xd6\xfa\x8d\xa6T\x17\xe6w\xb9\xde\x0eJ&gt;~3k\xd7\xed\xe36\x87xN\xbb\x83`\x0e\xc4\xc4\xdd"\\\xc4@\xf0\xc3\xc4@\xb8\xf3j\x05z\x9f\xd5.\xd9\xfd\x16\xf4\xbd\xb7\x8fr\xde\x95\xb1\x13\x13|\xccc\xb8\x89\x08f`LLT\xc15\xf3\xea\xf6\xcaA\xfa-gX\x9bT\xd1\xfcaE\x1f\xaf\xe4v\xa4\xb5\xbc\xb1\xc1\xc5pk\x01&lt;q\xdbxx\x03\x1d\x97^\xe7]\x97\xf9\x04\x1d\xf3\xbd\xa1\x89:\x00H\xbcF\xbd\x16\x97e1\xfa\x11\x98\xd4;.\xa2\xb4\x81\xe5"\x00\x18\xe1e@{\xf2\xc0\xf8\xac\x9f\xb2\xad\xf5\x9ezN{\xad\xbe\x14\xc1#\x8cN1x19\x0e\xf6\xb2sI\xf2\x13\xe5\xa8\x96\xdd)}|E\xe2\xfc\xbajb\x16b\x90Y\xcfC\xd5j\xa3%|~\x08x\xa2\x0e\x08\xa1Y\xe5\x88a\xbcB\x90\x05\x00\xc4\xeb6\xcf\x9cA\xea\xe0\xb2,/b\xcc\xb2\xc4\xf8,U?\x07\xe9~"\xaa\xe8\xf3\x00\x1atVQ\xfa2\xcb@zpq\xe9#L\x0f7cH7&lt;\x01\xcc\x0b\xdc\x98\x0f\xeb\xbe\xb9\xb7}\xff\xb4\xf0\x95\xc2\xf4}\xb4\xc1\xe26\xb9\xb1\xc1\xc2\x01:\x7f!\xbe\n\x96\x0f\xaf&amp;y~\xecw"\x06$\x19\xa2\xe9\x01\x00`^\xabG\xf2\xe4\xbf~~\xa0\x94\xde\\Z\xeb\xaf\xf6\xdc\xce2\xab\x03\x94\xbf\x84\xd4\x7f\x83Hehvi\x17\x1b\xe5[\xda\x00L4\xc7\xa0\x91\xd32\xaa+\xe9\xa2\xc8\x1c8s\x9f2llLL\\\x1b\x91\x97\x98\xbf\xb2\x0f\x9b\x9b\x82\xda\x02\xae\xcb\xba\n\xd6\x0f\xda\x8e;+\x08\xa1\xbb\xb0\xb6\x86\x06,\xf9\xb5\xd4\xdd\x10\xa6O\xee\x14^\xbe\xec\xf8yA\xe2|\xc3\xcdm8\xc5\xa5\xfe\xc6\xfcp\t$|~\xdd\xa3\x90\x8b\xd2\x9e\x10B\xf6\t\xc8\xeb\xc6w\x1e\xb7j\x17\x1f\x82\xc0\xb8\x08\x14-\xfaCO\x9a\xe5\xae[\xf5\x9e\n\xa6[\xee\x12\xf1G[\xef=3\x85\x8ek\x1f+&lt;\xb27\x01\x1d\xdc\xe4\x06`\xe2\xeep\xae\xf3\xc8Q[ci8@\xce\xcc\x8c\xc5pg\x85\x8c\x19\x84\xfe\xea\xff\xe8~\xe4\x94\x1e\xb5\x89\x89\x89\xfb\xc2\x1f\x97M\x8b\xb3\x04MLLd\xd1\xff!@\xf7\r\xc0|[\xa3\x00\xf0\xc8\xc1\xa7\x99\x9f\xaeB/|o\xc1\xde\x00\xccp\x9a\x98\xb8\x02\x88\xa9\xda&gt;\x9d\xb5j\xc8X\x85\xa8\xf7I\xdf\xc4\xc4D1\xd4\xd3\xb8s]\x98UI\x8e\xd2\x89\xaa\xea\xd0[\x0f\xacRZ49\xd4&lt;xk\xb3U\xa6xlbb\x00\xe0!J\xcf\x11bB5\x9e\x9e\x1a\xbe\x81\xd9&gt;\xcd\xc5\xea\xe6\x03\r\x07\x8d\x9f3\xcf/\x12\x9a\xb8Y\xc0\x90_\x0f\xac\x04\x181y\xad\xbffP\xd5\xf9\xeb$\xbaX\xffO5[\x16\xe7\xe7\xa6\x7f)b\xc8ara\xafHn7_&amp;&amp;|4\x9f \xe0\x86\xfe\x18\x88\x02\xdc\xcac\xc6/\x95\xb7\x87\xf9w\x00&amp;"\xb8\xf8y\xe7D\x07X\x13[\x8bI.7g\x84\x1c\xb6\xc8k\x14~\x17X\xfd\xdf\x00f1\xe9\x8d\xf9X\x89\x88e~};\x8aeYf\xa9\xec\x82\x07\xf7&amp;01(n`\xf1r\x95R+:\x88\xba\x86iY\x1cg\xf9[\xbcU\x19\xb2 \x96\x1b\x05\xc65\xc6\xe8*i\x12\xc3\xd5\xf9\x8f\x06\x00\xb0\x8fc\x8f\xfdU\xfc\x8c\xd6\xff\xfbS%#b?\xb5\xab\r\x81\x96\x96\xf4&amp;&amp;&amp;&amp;R@O\xbf\x94^\xf6\xed|\xa8\xe3\x9av\xd3\'L\xc3}\xb1\x83\x80\x8c\x8c\xff\xf1Zl\xf5CD\x00[\x17\xa3\xd7&gt;4\xff\xb2\x12\xb1\x89\x89\xb1Q\x9a\x98\xe0B\x85S98\x95\xc7m0\x8c\t\xd7\x87bH\x0c\xf7\x91\x8f\x89\x89\xea\x88\xc5\xf4P\xa5V\x84\xbd4|\xc2\xa5\xad\xb8$\xaa\x7f\x08\xe9\x8ba\xd7\xd3\xf0\x03O\xd2\r\xc0\xc5\xf3\xe8F0?\xbe,\xc0 \xa1{\xe4\xdd\xdf\x1f:\x9b\x14\x88\xe1\xd6\x8dkr\x7f\xa8\xc6\xc3\xf4\xf3\xc4\x9da\xe0zj\x1e^\xc6m\xb4\x13\xa3{\x02\xd7\xe7\xc2\xaf\xe2\xf9\xff\xf8\x83+\x8e\x8a\xaag\x903PG\xc5}\x0f\x8aF\x05\xd6`\xc1\xcd;\xfc\xc4]\xc2\x87\xde\xfe\xb1\xe5\x96\xc6\xe8\xddw\x10\xe6\xd0\xb1r\xce\xba=qq\x0c\x1c\xbe\xa5\xa9u\x7f\x1b\x80+\xda\x9b\x9d\xdd\x15-*Y\xc4W\xdd\x00x\x7fq\xefr\x83h\x8c\xf9\xac\xe2#\xf6\x11\xad\x1e\x90\xd2u\xa0\xb8\x01\xa0\xb42x19\x7f\xb5n]\xe8q\x10\xcf\x87#&amp;Qe(\x85\xd9\xdd\xf9mb\xe2\xae\x01\xc3\xbd:\xaf\x81\xabYDXUkZ$Z\xc4\x9f\x0b\x08E&amp;\xb8\xa6\xedK\x86\xae4\x88\xb0-\xfd\x15^\xf5.\x14PH\x00\x91x\xc1\x1d\xf5=b\x1d\xa6\xc8\x16\xdd\xfa\x15\xac\xfcJ\x9d8\xc4%4\x06\xfb\xd0\xe1\x0e\xc3\xb5\xe2\xb9\xcc\xb8\xb8+c\'&amp;*\xe0\t\xb7\xfdZ\xf0\x85\n\xe27\xad;\xb1\xe8\xc7QX\xd7u\xd1ij\xb9\x92\xc6\x06.\xea2\nw\xb9\xb0\xa8\x88\xf8\x81K\xb1\x87\x9da\xcao\x00\x04\n\xc4\xd4\xca\xb5\xa0~\xbbPdZO]*\xaa\x18\xed\xf8 \xbd\xc9T\xd521\xa1\x80\x1a\tP*a\xc6\xf7\x9da\xb8\xcf\xc0\xbd\x1aY\xfb3_8V\xcb_\xdd\x19w\x03@\xeb\x88\xb4\x99\x1b\x80\x06P\t\x1e\xf6\x81\xfd\xd1\xa0\xfe\xc6\x95n\xdd\x0b1O:\x88\x919\xc2\x83\xeet\x1e\xa9\x17\x10A\xce\xaag\xfa\x08n\x9f\x98 \xa2\xcak\xcd\xfa2\'&amp;F\xc5uW\x8a\xd7e\xae\x85}\xfa\xbfU?8\xa6u\x1an|\x81\xa5B\xc6\x15r\xdd=\xdbEi\xe7\x91^\xfd\xab\x8f\x17\x00\x98?\xec\xbf\x07 \xaam\xaeqb\xc2\xc5e+\xa6\x03=+n\xc1\x1b}\xa0ZC\xdb\x86%\xe3-[2\xb1k\x07\xd2O\xdeDY\xb0\x918L\xbd\xe9\xc3\xfe\xd2\xb7#\x00\xc0\x98\xef,\x151\x8c{\x7f\r\x1c\xf4\xa6s\xe7\xf8\xd8A\x86`\xfc`\x90&gt;U\x18\xda\xa8\x89\xfe\x18&lt;\xee\x89\xd0J\xe0\xdb\xf0F\'\x8c^Cc\xc8\xd2&gt;\x1a0\xc2\xec\xcd.\xe9\x8a\x1bF\xe3\x93\xc8\x9b\x01\xd33\x1f\x8c\\{\xee\x91\xf6\xcc7\xb2\xf4\xef\xcb\xbf\xfd;\xc3m^\xa9\xdf&gt;&amp;~\xfd\xf0\xd8p3\x86L\xd4\xc2-\x85\xfb\xc4\xb5p\x95\xd8\x93l\x00\xa4xwO~MuRs\x1a\xaf\xe7\xc6\xfaD\xdd%"V\x137\xf7M\x94\x97 y]h=]\xb1%4\x192\xf8\x0c\x80\x83~}u\x13\x13\x83\xe0\x12\xe1^\x91\xe4L\xf86\xf0\x97\xb6\xa3\x95\xda\x80\xcc\xfb\x85\r\xf4\tw\xf2\x80|\x9e\x1ei\xc8&amp;&amp;&amp;b\xf0\xb3\xfb\xe9\x12\x99\xab\xf9\xf6\xa6\xca\x1e@\xb1\xd2\xb2D\xd5\x9e\x95\x8eG\r\x13\x13\x17\xc4\rN\xffc-Co\x16\xc1\xf7u(\x95\xc2vcW\xe3\xd5\xe1\xcb\xc5\xdeh\xdb\xb6\xc10\xaag`{\xbd\xa17\x8f\x10\x94\xcf\x07\xdfi\xc8%\xad\x06\xf3\x05\xcc\xfa\xd9\xce\x87\x1a\xc7\xff\x05\xdf\xfdu\x9f\xd1211\x11\xe2\xb5g9\x18\x10\xda\x83R\xf1X\xc5\xa2:\xdcS\x8b\x89\x1c\xbet\x8e\x97\xd9c\xf8*\xaepw\xda:\'\xca}Q\xb2\xa2\xd5"p!\x07r\xa8\xfa\xb11\xbc\xa5\xc3\xd2\x9b\x8f&amp;\xee\x12\xddkSU\x0c_\x0e&amp;TPy\x030Ch\xc7\xb5\xb2I\x92\xfe\xbc.W\xf2\xc6\xb5 \x8f\xb4K\x85\xe8\x84\t\x1e\xae\xd2\x87~\x80\xf9\xfd\r\xbbj\x9f\x98\x90\x02\x02\xf4f\xa4\x8e\xef\xbeQ\xbb\xea\x03\xc0\x98\x0f\xebMB\x11\xdd\x16\xf17\xf6\xd2g"\xa1j$Z\xb1L\xb6\xf3Y\xc5\xf0\t\xf7][\xfaV\xd7\x88\xf6\xea\x99~W\x13J\xb3\xb5\xb8\xac\xfb\x95\xe6\xf7\xa7@\xd5\xb3\xa4\xcb\xf8ab\x14\x8c\xbe\x01P\xe23\x9c]\x17@Y&lt;\x80\xee\x9f\x05\xd0@\x9e\x8fb\n8\xa2\xc6\xf2\x03\x02\x96\xd5\x15\nEJ\x9a\xe0P\xb0\x10\x1d\x8b\xe1`)\x93E\xd4Qm\x0c\xd9\xb4\xb7\xfe\xba\x98\xfb\xc2\x15\\:&gt;\xc3&amp;h\xfb\xa4\xfa\x81f\x9a&amp;jaYz3H\x83G\xef\xebcG\xad\xa3\x9b9(\xc4n\x03\x88\x97\xe4\x86kG\x17\xcb\x92\xb3G1J\x1cUM\xc2O\xbcf\x05\x80\xacgl,yG\x9e\x92i"\xbf\xd7\xee$\x92P\x84q\xce&gt;\xb2\x9e\x1d\x87\xea\x08D\xb6P\\\x96\xf59O@\xe8\xad\x94\xf4\x0c\x14\x84\xfb\x86\xa7\x9d\xebY\xc5\xa1\x13\x06bX\xf5\x8c?\x83e\x99K\x9d\t\x1e\xdc\xe3\xff\xde\x15\xbd\x08?\x00\x00\xaf\xd3}R\x9a\xc8\x9d\xa1\xae%Ri\xf90\xeep7^\x1f\x95&lt;@\xef\xbf\x94\x8b\xc0\xe6v\x0fO\x00b\xb0\x9d0\x0e\xb1$\x99\xd6$\xd5G\xad\xa5\x9f\xff\xb93\x0b\xcb0JT\xa4\x11&gt;\xb4\xb95\xdc\xc2Rj\xe2n\x00\n\xa5\xe7\x12O\to\x01W\xf2s\xa3\r\x00\x83NKu] \xde\x00\xd4 \xa3\x02l\x03\xd0\xe88\xf6[\x07v\xcb\x15\xd0g\x03\xd0JO\x9d\xfdX\x91\xa8\xae\xe1J{va\x1f5\xb6);\xbaZ(\xd2F.\xa7\x13\x13&gt;\xb46\x00^M\xbcN\x1a\\\x88\xea\x8b]\xca\xb1C\xe0\x98oz\x13)\x80F\x86^\x17\xb6\xd5\xcd\xfcp\x9f\xaeV\xc7\x15\xdd\x98\xe3\x1cF\xe0\xa5llXI&lt;E\xe0BE&amp;\xa5\xbdL\x91\x18\x1dc\xfen\xe7\x88\t9\ns\xd2\xdd\xd0\x831\xc7w\x9e\xcc@TF\xe3\xb3\x93\xdb@.\xb0\x87\xf6\xe4\xce\x9c\x94\xa1*Q1|\xf2\xce\r\xc0\x95\xc0q\xe3(\x0e\xd7\x1ez\xfb\xf9\x15\x04\xb7:|\xe2\xa5\t\xd0&lt;e\xad4\xf0fv\xf7!\xdd\xf5\xd6}7\x00\xbdTO\\\x15\xe5\x87jk\xdf]\xc8\x17]6\n/\xf3b\xe2\xb57\xfaOw\xc4[\xcb\xe7\xf5p\\pn\xb0&lt;\xd9\xd9\xed\x19\xd5G\x1a\x968\xb6\xbc\x1a\xdc\x00\xa6\x13\xea\xe3\x8d\x1a\x7fc\t\x1d:\xa5)\x88\x9fz\xe14Z\xa0\x9e\xe9SF\x0c\x1d\x88\xe17\x00f\x9c\xad\xec\xc4D\x16\x00\x00\x8f\xef\xf6\xc5,\x03\x00|\xf4&amp;$\x87E&gt;\xfe\xf2}g\x14\xfb\xf9\xcbY\x1d!|g\xd7\xfa\xe1U\x98\xba\xaf\x1d\x1e4\xfc\xa4V\xfe^\xfa$\xecj\x03}!\xb6\xden\xfcc\xbb\x92\xf1Qq\n\xc8\x8bMn&lt;\xf2\xdb\x120\xe6\xe9\xf8\xb4\xb4Q4\x93R?H \xe05\x1e\xe8\xfb\xcc\xdb\xb0wb&lt;\xb8\xb9\xfa\xa1\x7fz#\xa9EE\xb0\xf8\x1f\xf9\xe5\x87&lt;\x8e\xa1\x8c\x9f\x91\x90*l=\'|\xd0\xe9\xe7\xf7\x93I\xf0\x0c$vQ\x9a3nf\xeei\x81\xe9\xab6\x88\'\xac\xb2\xff\xaf\xbe\xf6\xa2\xf0o&lt;\x05`\x13P\xaay#Z\xa1b\xf2\xb8\x9f\x86\xcc\r\xc0\xc4\xc4\xe0\xb0\xeb\xce\r\xac\x80\xb9\xc8\xd7\xdf\x8b\xd5\x1a\xf8z\x8f0\x9f\xbf\x1b\x03\xfa\xe6\x17Vp\xc1\x06 i\x05\x8f\xc9\xee\x9c\xaao/\\+\xe4z\xa1\xb2\x97.\x96\xf8m\xa0\xba\xf6\x9a\x1efo\x00.\x00\xca6\xa6\xc8\xd2v.\x1ae,\xec\xdd\xd4\rD\xc8\xc4@\xb0S1H\xcb[\xa8G\x04\xacf&gt;\x15\xbf\xf9\xa4\x9b\xf0\x80\xb3\xc1\xeb\xceELC\xb0\xf4Os\xb8\xaf\xed\xee\xf5\xf1\r\xc2\xa2\xb4\r\xb7\xd6\x9f\x85\xba\x08\xf4\x92\x1d\xb4\xd7\x1f\x83\xd4\xa2\xee\xa8\xef\x84\x9f\xab,\x9f\x8d\x9b\xd9\xeaLL\xdc2f\xa2\xde\x18\xac\x01\xfd\xf9\xee4d]\xc9\x17\xd3B\x86\x0el.1\xa5&lt;\x1d\xd4\x1b6NK\xa5.\x1ag\xd0\x1b0Q^\xac\x7f\xc8\xb1[V\xf8|\x05e,\x98\xfc\xbd\xcd&lt;u\xac;\x06\xc6P\x01yc\xc0\x1c;]=1\xe1#\x95\x15\xcd+T\xfesN\x02&gt;\xb7Zde\x8b\xa1\x8b\x1f{k\x04\xe4\xd8\xf3n\xc1\x06\xa0\xe8\xc5\xaa\x91}r@\xca\x93\xbb\xc8\xd3\xf4F\xc7\xf5\xa5\x8e\xa0\xffam\x9f4\x96\xcb\xd95\xf7c\x8e\xd7\xfc\x86|%\x15#o\xef1y\xaf\xcb\xab\xd3\x9b\xb8Q\xccP\x99\xa8\x81\xd7!\x07\xd6\x1f\xd6\r\xc1\xaf\xcb\x15\xc4Y1]|\xbf\xf6\x0b\x91\x83\xfb\xb6\xf5Y\x1dM\x9d\xf2\xe7\x01b\x1a\x13d\xb4\xd6d%\x12\xc6G/\x03\xaf\xee[p\xa1\xb3\x7f\xfe\xd1\xb8\x90\x97\xdfnQ\xfd\xf6\x06\xad\xdd\x1b\x12\x03\x0c\x029\x13\x131\xcch\x99\xa8\x0b\xc8\x1d\xb7\x0c\x11\x82j\x9f\xfe\x9cH`\xfa\xcd\x18c\x00\xe0\x95H\xf1\xd6y\x03\xc0\x92\xa3\xd5~\xe2\xc2\xe0\x7f\x89\x16\xf7x\x9b.\xb3P\xd2 \xc5J\xb0\x07\xb8\x95\x8cc\x0f\xe2\xad\x18\xde\x14\xe8\xb6\xb3o\xf0?\xb8\xa3\xee\t-\xd8Q\x05`\x96\x85\xd1~\xc9\xb6V\x07C#P\xcc\x99\xc0\xc0\xf3\x1a\x00\xd4\x88\x84Jb\xe9 koA\xb2\xb6\x8e\xbe\xaeV\xc4Z\xa0n\xc6\x1c}\x00\x00?\x9c\x96\xc5(\xc6\xe0\xb2,\xc4\xf5qn\x1c\x87\x1e\xe5t\x05\xbb\x95\x10]*,C\x05\x11Z\xa2\r\xcc\xb2\xf4\x99n\xc8k\x144e\xfa\xaep\x1e\xe8\xa6yB\x0b\x9c\xbdx\x98\x1e\xc3n\xe5\x01\xc0\xc0\xd8\x93\x03\x11\xad\x9e\xba\x94\x9c\xc6U\xaa\x9b\xb72A\xea\x80{\xda\xc3\xf5^\xbd0;%\xbf\x8b\xb2\n\x94\xf3\xb2\xbc4\xa5\xab.\x93q\x90\x1f\xc7e\xb1b#\xef\x87eQ^\xfd[,\x96\x9b\xc9\xf1+\x18R\xf4\xc8%\xd1\x91k\xfb \xbe:\xbd\xb1\x18c\xcc\xb2|o\x07\x12\x1cWx~\x1b\xc4\x8d\x13\x17\x86\xff\xc8\xb2\xd5\x82\xbe\xde\xdbD\x1f\xe4Y4A\xc3h\xee\x1a\x8a\x0c\x82\x06\xcb\xe5\xe0\xfa\xe8&gt;q\xb1\xb3\xad\x98\x89\xd7r\x08\x1d\xbb\xc7$/W\xb0\xba\x90\xda\x7f0\xe3\xc3\xd3\xba\xdf=:\xc8\xf8\xd2\x99\xb0^\x012\xc6\x18\xf3\x9a\xc7X\xbb\xd7\xdf\xe1\xe8^\xe2\x04\x9f\xc6|\x81\xd6\xc5 \x01vQ\xcc\xfd\xc7-@\xfb\x95\x9eUZF\xce\xfexw}\x86\xc5x\xab\x87\x16u\xa7Ms\x97L\xc4|q\x82\x85\x88\xbb4\x9e\\c\x8fu\x8f|\xb9P\xd5\xf5&amp;\xd7\x19Z$\xeco#\xd8\xd7\xe8\xae\xe3\xc7\tl\x15xWY2L\x00\xf0L\xc6\xfc\x99\xd6@\x03@\x8e\x0fH_\xdb`u\xacW\x1bc\x93o\xe4\xd1\x96\xe4\x99\xde\xb5\x8a\x06\x1d\x00\x101\x8d\xb4\x02\xb9\n\xb2\x81*N\x81\x89\x89\x03j\xa7t\x91\xf3\x0c\xbc\xad@8\xa5\xd1\xf6\xc3\xeb\x8fr\x80T\x8c7\xe8M`\x82\x044\xde\xb8\x0f\xa3\x12B\x8a\xc85G\xa7\x07q\xd7s\x14\x86\xbd\x8aJl\x91|"\x93S\xb7\xd3\xa2\x0e\t\xa5\xa2\xe2\x91\xf3\xa1v\xbb\x12-\xdd\x11\xcb\x91\xf0I\x02\xb4z&gt;\x1fO\x1f9\x81\xc6)\x19\x89\x9c\x1c\x87\x8b\xc7\xd2\xc4\x84\x14\x8aS\xf5\xd3\xa0j\xa9\xba\x89\xd9}\x05\xd1\xdb\x00\x00\xefq;V_\x06\xd4\xf5\x90\xf3\x19z\x9d\r@\xdf \'\x12\xc8\xb6\xe9\xb1\xfa\xef\xef=-\xc8\xac\x90\xdb\xae\xe97\x85\xfa\x1f\x1b\xc7c\xa3r+\x03\x9d2s4\x03\xc51\xa9m\x88BuR\xe9R\xd8qbb\x08\xc4\xce!\x9a\xa9f6\xbfd\xbe\xa1g&lt;\x94~\x95\xf8L\xa4\xa1\xb5\x0e\x96\xe9\r\xb7\x1f]r3}?\x17\x9c\x88\x15w\x80\xbe\xf66\xd3\xde\xc1\xccW\x01\x04\x852\xab\x1eW\x11) \x97\xfa\xcd\xc8\xba\x18\xcf\x04\x19\x1fA\xaf\xa1\xac\x9e\x98\x88\xc3)7A\xa0K7\xd35\x12@\xb5,^\xe1\x9c\xb5\x0b\n\x89\x8dl\x1a\x0f=6\x00\x06;\xffSwi\xc9\xbaG\x8bL\xef\xed\xc1M\x84h\x0f$&amp;\x8bF\x8a\x15\xf4\x82-\xb2X\x9a&gt;\xb2\x96v\xa1-R\xfaj\xfa&lt;\xd2\xa0\x93\xac7\xfaC\x06\xd5\xc4\x04\x8ex\xb9\x91d\x88\xea\x12\x01\x17\xae8\x07L\x18c\xca\xbc\xe1\xf6\xbd\x95\xda\xc7\x8c\xb1W\xaaG\xa3\xc2R@&gt;F\x8a\x0bwY"\xc7\xba\x0c\xbb\x98\xbb1\xa4\x0f\x8c\xeai\xedUXz\x05\x15!\xeb\xbb=\x15|\x9f\x9bH\xb4\xc2\x8a1\xab\xcd\xc4\xed\x00O\x06q\x86\x94\xe7FB\xc2\x93\x88\xac\xee&lt;?\xef\xdc\xfcr0\x1cX\x7f28\xcf,=\xbd\xc25\xf4\x85\x1fj\x8fu,zA\x94&gt;\xe2[%\xf4~\x86\xa3\x89DF(\x06\x15+[sGr\xd97\xf4\xf4a\xf1\xc1\xcf\xe6\xf0\x8b\xa3fe\xe1ab"\xfeg!\x9a\xb8\x18b\xc9\x90\x0e\xe5\x8a\xe9\xad\xf3"\xca\r\xae\x15\x9c*\x0c`(c4\xa1\x83x\xb4\xb7r\xb27\x07\xbbA\xfe\xafDr\xd4`\x91Qx@\x97b\xf8\xefgH\xf3\xa1\xf4\xec\xf4&amp;\xebI\xf6\xb8]\xb4\xdb\xf1\xdf\xe2+\xdc\x00P%\xbc"[\x17\x9d\xd2#\\C\xecrt\xb9\ra\r\x17\x1d\xb2\xeb\x88\x9d\x98\xa8\x06A&gt;\xd4L!9\xac\n5\x027U\x0e\x96\xc3\x073\xf3\xf6\xb1y\xbbg\xc0\x97\xa4\xdbF\xbe\xd2\xe2\xc0\xb8\xab\x9crG\xa5\x17d%\x92;`\x80s\xd0}D\xe6\x06\x80\x07a\xbe\xb8]\xd0\r@Z,vw\x93\xf0*\xb9\x13\x9fz9n\\\x87\xd8\xb3\x8fzyl\x11ib\x15\x83\x999\xe6Jlb\\\xfc:~\xd8\xaf\xf6JnG\xb4Y\x19w2\xdc\xc9\xf3O,.\xf4e^\xea;\xf4\x87\xf6Wh\xa4\xaf\xe6\xb4J\xe7\x90\xbc\xff\xc8DG{i\xaeo\xc5\x9eqe\x1b\x00\xe7@q\xc0\xda"\x83\xee\xc2\x88\xa2.\xf4\x9e\x963\xb3\xcb\xd6\xdee\xa1;\xf0\xb7\xf5\xf4\xdcB\x94Sy\x14\x1e\xb5m\x00\x8e\x9d@\xae&lt;B\xe4\xe7(X\x11+\x0e\xef\xdb(2\xb7T-\'Z\x00K\xd7L\x0c]\xa5\xb8\x1f\xa6}_\xcd\x94\x18\'\xe5\xae2.\xba\xb0\xd7\xb2\xd5\x06\xe21\xb6\xf0\x116\x00Id\x88U&amp;\x0f\x00`\xbe\xda^\x07\x88t\xed\xaf8\xe7V\x99\x17\x00\x83\xa7\xa6E\xf8R\xac\xcd\x06\xe0\xce\xe1-\x88\xcd\xee\xf6\xc6;\xc0f\xb0+\xb0`\xf10cR\x0b\xce\x06\xac\x89+\x1e\xdc@\xc7D=,\xc1\xdf\x9c_\xaf\xa5{\x01\x98\xb1\xff\xf24\xd8\x7f\x06\xfc5:\x12i\x8b\xe1\xc7\xa5\x16\xd6x\xada{\xd5\x19\x05*\xfc\t\xf7l\x0c,u\xb7\x89\xcb\xb2lN[L\xc1\x90l\x1do\xe0/\xdc\x831\xe4\xccT\xb462\xc67\xe0P\x1f\xe3V=\xec\xec\xff\x179\xfd\xd7&lt;\x1a\xc2\xba\xb3\x10\x86|\xd6+\x14\x96\xa8-\x8a\x06\xaaWS\x9aY\xa3`\xf5\xe46TL_\xd4\x98\x8c&amp;\xae\x82\x1b\xdc7\x97\x9eA\x92\xd5T\x14\xce\x84\xcaj\xb5\xe9!J\xf1\x13\xdbu\x88_\xab\x94s\xe6\x1d\xdc=\x90&gt;\xb0L\x0b"\\W Ef\xeds\xb2\xe1\x9f\x90\xb4F\xf5\x12\xd4\x03\xf2!~\xa2rl\x08\xa5\x01\x18\xf3&gt;\x8a4,\xc1g\xfc\xf3\xbc\x84=\xae\xd9%|\x85:\xcf6\xb8\xc4l\x12\x97G\x1d\xbe\x0b\x97\xbb\x83\xf9uM\x98\x18\x19\x1ds\xe3\xde\x16"Z\x1b\x80VN+\xf9&lt;\xe2\xb6\xb5\xa3\xb0\xcd&gt;\x95N\t!k\xe1\xa2Wd\xb6\xd9\x00\xd4\x93?qe\xdc\xfe\xe6\xd0\xad\'\xbc\xf7\xd7=\xe7\xb8\xa7\x0fm0n\x95\x03\x00c\x1e\xae%-\xa7\xe8^pW\xc6N\xd4\xc2\x0b&amp;_\xd5U\n\xb2\xeaup\xecdh\xc4\xcd\x9ar\x06\x9d\xaa\xbdy1\x17`\xf6\xdd\xb0\x19\x1c\x12\xd3\x1a\x8dy{1a\xc3\r\xad\x95\x0f\xdb\xf9\xd4\xc3\xaa\x92a\xdd\xbb?T,a\xe2n\xd1|9\xdb\x04JK\xf6D\xc7\xbc\xb4\xed$%Q\xe8\x8a\x08\x8c\x80\xc1\x88\rEfbB\x8e\x17V\x90\xd1\xe41w\xfd\xf24rV\x97\xbe-\xc3\xear\xec\x01\xb8=em8$\x0fn\xdff\xff\x8e\t\x84\xe3&gt;\xa6e?\xa2{\x91Zg\xfc\x1e\xa3\x9a\xc2M\xb0[\xfb\x8dT\xbb\xb4\xa5OJ\xed=\xf6\xee\xffP@\xb1\x15F\xce\xe2\xbb\x06\x08w\xb6\x88\x1c\x15&gt;i\x15T-\xd8\x06 #7R\x03\xf3J\xf1\xbb:\xe5k\xf0\r@1\x8a\x97(\x9fs\xc3\xce\x99\x98\xb8\x02f\x06bH\x95\xb6\x91&lt;\xa6\xc5\xc4)\xc4\xe8^\xe5\x98\xc9\xec)\rq\x85l\x9f\xc3\xc0\x97Z\xaa\xa9Z@\xf8\xf8\xe5|\x9b\xb3d\xd0o}\x1d0\x16n\xd2\xcf\xc2\xe3\x03\x8e\x86j\x92\x08\x8a\x8d]\x00\x00 \x00IDATw\x05\x15R \x9dY\x94\xbcK\xf4U\xe4W&amp;\xe5\x89\nL|\x80\xb4$j\x93\xb0\xde\x08\x1d?sU6\xdb\x13\x137\x02\x7fN\xca\xe4\xc6\x91\xe4oY\x99\x97\x02\xaeR\x92T\x10Z\x1a\x1a\x8en\x00\xac\xc6\xe7\xad\nN\xdbd\xfejz\xef\x91\xee_@\xcc\xea\xdb&amp;\x1e\xee"\xea\xaa\xe1U\x03\x07\xfaO\xae\x08\xd0\x19\x820Sdk\x88\x91\x0b\x11esR\xb8\x81\x11\x9a\x0f\xf0v\xbd\xfd\xa6\xb2s\x13\x95\xaf\x8bL^P0qT3\xf0\x1a\xae\x9b\xb82n&amp;\xc2\x18\xa7\xb0\x17\xcc\xab\xcb\x11\x96\x8064\xcei\x8du\xc5yOWq\x94-i\xfb\xb2\xe9G\xbd\r\x80\xe05\'9\x9d\x82\xbeD\r\xa7W/\x98)\x04\xe4\x8c\xd2\xb1:\xe3=\x92\n\xd92\x1d\x15dkL$H9\xe7.\xb0\x934\xdb\xacDOA\xdf\x9e(\xaf\x8a\xa8\x84\xb4@\xa5:\\\xb5\xbb\xcaKk\xbaQ\xf1o\x0f\xd9\xd7\x8d\xb7\x89\x011\x83i \xdc\xe6\xd2\xca\x98\xc2\xb2Ew\x8b\xbd\x04G!\xe6\x10*r\xc4\xba\x1f\xcb\xe3+\x1a\xbd\xac\x87\x8e\xed\xcbG\x1b\xe7P\xbewe\xd3\x14\\GX\xd4\x92\xc5\x04\x8f#\xe2/\xac\x17\xaa\xb3\xc5\xa9\x89\xca\xab\xb2\x99G\xf4^&gt;\x98\xc5\xfc\xbd\n&amp;\xef\xaf\xd2E+\xc6\x06(PW\x8f\xa8\x89\xfb@\xef&lt;\x99p0@\xe5\x8a\x01[+&lt;\x1c\x1eK\xfe\xe4\x1c\xcd.g\x95\xc9#\xe8J0&amp;X\xa3+\x01\xb0\x07\x0b\xa1^\xd6\x1c0\xf0\xb8o\x18\x9c\x9e\x16\x1a\x98\xc9V\x81\xbd\xf0Vc\x85\x91^\x99\xddp\x0046-\xaeNX\xa9\nG\xa7\xa4\xbb\xa8o\xea\xe1\x00]oa\x83\x89\x89\t\x03\x00\xe6I3U&amp;2\xd8\x0b\xfdO\xf9W\x14\xea\xec\xaf\x98?\xde\x8e\xcf\x05s\x89\xfa\xfa\x9e\xa12\xba\xbb`\xb3\x12\xec\x19\x86\xc5mO\xbd\x9f#\xfa\x98G\t\xb4"\x1c\x00\xccw\xa5b\xac\xe7\xc0\xf5P\xddeW\x93R\xea\xde\xf2\x9a\xa5\xeb\x83\xb6!`\xccW\xab\nT\xc3:\xe9\x00\x80\xf9\xad\xcck]&lt;\x99\xff\xe0\xaa\xe5\xf7\xdf\x88^\xcf\xbb\xed*=A\xc7\x83\x8c\xf9^]\x89#\x9c\xa2\xcd\xf8\xae\x00\xd7\xa5\x9a\x1f&lt;\x85\xf5\xdd\x83p\xd4\x00\xc0|a\xf4a\xf1\xb16\xfa\xcd\xe6gx\xc9\xd5C\x87m\xc9H\xb8}\xab\xaf8\xb8\xe8\nRi\x0f?\x14\xb8\xbb\xee\xa1\x90\x7f7\xfdwF\xa3\xfd\xcd}6o\xeauf\x97\xa9X\xbd\x8b$\x90sSBu\xac\x10\x9a\xb8%4(\xacC\xd6\xee\t}\xa0\x03}\\\xec\xb5\xce\xce*\xad\xc6j\xc6\xbc\x14\xaa\xc3q;\xf5\xe7i\xb7b\xc8D\x05P\x0e\xda(\xf1C\xaa\x96\xcc8\xac\x17\xb7\x83\x1c\xdf08D\x9a\xbdHo\x13&amp;.\x8a=n^\x04\x00\xe0\xadEO\xbd\x9b\xa5\xd0\x08\xb9\xda\x05\x00\xf0\x94\x1b2&lt;\xbd\xd6\xf7.\xb6"%G!\xc9Hw\x05\xc3/\xe1\xbd\x89*\xe86\xf4w\xfeL\xec\xaaP\xda\x00\xec\xa7\xf5\xb1\x96\xbf.\x08\x8c\xa7S\x8b\xa5\x9a\x1fGn\x80$\xd5G\xb7\xe31q\x03\xc0\xca4\x1c\x8f\xdbX\x15&lt;R\xf1\xf5\xf3J6\xb5\xbc\xf8u2&lt;\n\xea\xa9\xc9\x97Wg\xa2\x81\xb9&gt;\xb0Q\xf5|\xab\x92\xe4\xf6\x00\x00c&gt;\xae7\x8b\x89&lt;\x1am\x00\xce\x8d\xc6%\x83\xfc\xa2\xb4\xd3\xd8\xd7\x0fj\xaf\xec\xaf=\xb4NC\xb4\xa2e\x98\xa8k\xfd!\xa5\x89\x1b\x81\x95\x0cx\xe8\x88B\xaa\xfa\x06`\x15;L\xfa\r\x87\xc4\x80N\\\x0e3\xc8Wh\xf9a\xd6\r\n`?k\xb0\xddE\xf4\xdb\xd9\xac\xc9g\xc3\x1ao\x00&lt;E3\x9c"\x00\xa0\x1eW5\xc6(;\xc6K\x14\xb4\x07*\xc9\x9d\x18\x0c\x0b~u\xc1\xafsD\t$\x08\xb4\xe8\xa3FRi\xc8\xccKX\x96\xf5Q\xc1\x80\xc5W\x86\x87\xf6&amp;\xd0\x13\xa2\x1c\xbcAh\xb9aY\x96\xe9R\n\xc0\xa9W\xcfl\x1e\x02\xc6\x18\xf3\xc1\x9c\x07\xc2\r\xb7\xaf\x8c1U\xa54B8\t\x9c\xecw9\x17\x91\x1a\xce\x010\xeb\x88\xf4\xf6\x0c\x86\xc5DG\xedc\x8f\x9fp\x97\xbe\xb9\xe4\xb5\x08\xdc\xa5\x98\xb7e\xc92B\x04N\\\x12\x83l\x85\x07D\xfa\xc1H\x89\xccBoo\xdd\x1b\x0e\xd9\x8c\x90\x08t\xdf\xce\xbf\xf6k\xa92\xbc\xda\xad\x1bxQ\xd8\x81\xe7=\x01 \xc5$\xb7}]\xe8\xadkWA\xfd-*E8.\xba+\x01]\x17\xb5Y\xa5P\xe2\xfcX\x12\xa8\xaf\r,\xf9\xa4\x8b\x13\x13%\x00\xa3\xfc\xedW\xe5|\xc6\x82\xd6\x06 \xf0m\xf9S\xd1\xd2\xee_\xc67m\x80\x08\xb9,\xe2\xf9\xb5\xc5X\xb2AMf\xfd1F\xf1\x99@\x00\xd1\xf77(\xe35\xd0\x98\x1e1\x86G\x9au7\xbd\xe6\xb3;D\xa5i\x80U\x9c]\xda\xa4\xd9\x1c\x9d\xf4\xe9+\x01b\x1b\xd4o2\xa75\xdb\x00\x84Jm\x13\xba\x14\xabY!\'t\x016z\x93\xb1\xf0&lt;#\x91\x19\x1a4G\xa5\x87X\xfb\x84FK\x8e\xc7y\xb8(\xe5#a\x82\x9b\x89\x15\xcf~:\xfb0\xae\xfd\xeb/&gt;\xb8"\xdc\xbe\xc9a\xbc\xf5L\xe4\x9c\xea\xec]:\xf3\xf2\xb9U\xac\x0e\x92G\t\x04\x86oC_\xd9gm\xf4\xda\x14\xba%\xdd\x17\xea|\xd2\xa0p\x1c\xdb\xa1\xf2\xe7\xfd\xe6\xabE\xb7\x04?\x9e\xe7\xabcW\x03\x10S\xf2\x18\xe9e1a\x17\x00\x18p\xe8-\xce\x8b\x1d\xa9ET-AML\xf6\x07(m\xc8i\xb2\xd1{\xc9=\xe4\xd4u\xb8\xc7\x0c\xb6\xc1@\xcd\xeb\xeb \xb4(f\xa3}\xbd\x8a\x1f\xc4\x11hW\xa4X\x0b;m\xd9Uk\xeb~Z\r\xc7\xdb\xf3&lt;\x82\'\xd2}\xd3\xf3\x82@eL\xdds\x01\xfc\xde\xe2\x18E\xa1\x97\xd6\x18\xe1\xbc\xde\xcd\x88\xe5\xc6@\xb5\xaa\xa5\x13\xe1{\x9c\xac\x11$\x14H\t\xb6\xf9!\xe0[\xc2\xfaq\x91/\x9f\xf3\xf1eA\x1d8k\x88\x91.\xcb6\xeb4\x03OW\xf1\xea\xdf:\x14\xb1?\x87V\xff8\'\xfc\xecu\x9a\xff\xb2\xa3\xea\xa7\xe5\xfa\xe6\xfb\xac5\x04\xdc\x9e\x93B\x8bb6Z\xf9i=\xfc\xa3k\xeayL\xebf\xd6\xf1\x1bm8a\x7f\r\x17y\xff\x84\xa8\xde\xb8\xd9\x9dM\xf4\xf4\xbc@\xc7\x92S\xf7{\x0e\xabMma\x1d\x8axeQ_\xfd\x9b\x8a5Sm\xf5o\x8a\'\xb4\xf9\xe9\xe1\xfb\x82\xb4\xca\xe8(\xbf\x87g\xdf\x13!\xc0\xfe\xe0\xd4\x9f2\x9eP\x17\xc4\'\x00\x80y\x86\xb5{\xbb\xa8\x8b\xd1&gt;\xaf?\xac\x88\xcc\x05\x9eG\x0f\x8f\xe9\xc3^\xa0y&gt;_\x1fb7\xd8\x84v\x81\xd6r\n\x8eb\xe5\xde\xcf\x0b\xff\x04&gt;\x81\xb0\xd6\x89K_\xb3\xf7U&lt;\xb6\x8c\x0e\x05\xf4\x14L\xbb\x89\xac\xf7\x02u\x96\xb2\t&amp;\x00\x8cyp\'\xcda!\xe8\x1e\xbe\xdd\tl\xb8\xe9d\x0e\xe7WB\x87\xb5e\x99O\xc8.U\xf3|X\x97u\x875\'\xedj!T=\xe6\xcf\x9d\xa7\x1d\x84\xac\xbe\x13\x05p\x1d\xa8\xf1\xaev\xb0@/\x05\x04( &amp;\xd6\x89@F\xa3*\\z\xbcb\xde\xd3\xa2\xaf\xf3\xb5\xc7&amp;\x97a=?11\x10\x04I\xf2\xc3\x99\xea\x86\\\xac\x9e\x8a2\xf95X\xddn\xdd\xb9nI\xe52g\xces\x97\xf4\x896^\xb2\xb2\xfc\xb0\xe6P\x06\xc8\xdf3\x84B\xed\x96\xa6A\xa5b\xa1\xf2\x87\x02\xe9\xa8\xe1\x96:\xae\x96\xacP\xf9L \\\xfa\xdb\x17L\xf1r\x99\xd2\xb1\\\xfe\xc1\x9c\xd5E\xa0N\x0b;\x81\xbc\x87iT\x87H\xae\x89\t}\xd0\x12U\x98\xd2\xa9\xda1@\x99\xa0\xa0Z9\xfb\xbdK\x98_\x07\xf0\x0bC\x1a\x1e\x9b*b1|\xaf\xc378^8\x18\xac\xd40\xd9\xcb\xb2\x8c\xe0Q\x13\x16\x00\xcc\x1b\x8fH,@\xc9Y\xfb\xa7\xe92\x11\x94_o\xd5\x9e]\x10C\x80\xfd\xces\xd8\xaaK\xa6\x18b\xc7\x12\xe1{\xdfsI\xadB\x89\xce\x82-3\xf4{\xbc;\xc5\xa8agj1\xab1\xcd\x99\x18\x17\xa9\x85Q\xf0s\xd8\xad\r\xc9k\xe1\xae&lt;\xe3\x19\xdb\xccp\xc1\x1c\x1f^)\x99\xa1\x89J\xef*\x12\xba\xf4M\x8b\xbd\xfe\x10\xe8\x90\xaf\xea\x84\xba\x1e\xae(\xdc}\xaf\x8c\x1c*\x1095\x08\xe7\xcd\x92\xf0;X\xc9\xba\x13d\xc3\xf1\xdby\xe7\xd3\x9b%\xcb\xe6y\xae\x81\xaec3/R\xa6\xdbP6\t\xd7\xc2\xc5k\xdd\x846H\x01\x81\xd7)\xb0\x1ft"\xbd^`\x86\xda\x841\xe6\xc3\xf7\n~\xb9b\n\xee\\R\x8c\xefq\xe58\xb3\x94L\xfe\xb5\xfc)G\xcdy\x8b\xb2P\x980\x86\xbc\x1a\x03\x10.\xdd$|j\xee\xa2\xa5\x81A\xf5R1\xf3\x1f\xabj{l\x1bSC]\'\xd8\xe3[=\\\'&amp;\x06CI\xf9xvkm4R\xe649\xd2\x1b\xc8\xde\xc1q\xaeq[\x8c\xcb\xd0\x08\xf3\x05\x00\xcco\xdf\xb5O\x88\x88E\xce8\x115\x0e\x93\x04,\x92\xffC\xd6=\xbb&amp;V\xde3\xe7\xf8x?T\x92_CK\x1b\x17\x15\xc2e\x08\xfbnyPt\xe2\xb6\xfbd`\xcfL\xdc#r\x0b\xf4`M\xf6\xbb\x8c\x08&gt;&amp;\x03V\xd6YsC\xd5\xe7\xb6\r\xf0\x94&amp;ZZ\xa1\xeectu\x91D\x99\xc3U\xe4fk\xa3;\xc0\xdf\xecM\xe0\x1eA\x89\xde\xf1\xc2;\xf9\xa4\xdak\xda|\xf722l\x92\xbd\n\x17Ci\xfd\x83\xbf\xc3\t\x97\x18\xbe\x89\xbbF\xba\x96\xbdM\xd9\xe1\xbd\xac\x1c\x00\x80y\xe6\x9b\xc8\x9c\x99\xff\x1d\xe19\x9f\xbf\x05U\xe63\xd1\x01W\x1a\xc4\x92\x90+_\x92:}\x7f\xa3\xf4\xf0\xc59\xe3\x7f/\xfdQ\xa8q\xd0\x9e\x98\xe9\xc25\xee\xbd\xd5\x07g@\t-M\x93\xe5/\x9d\xd5\xd1\xbc\x19%\xd3\xe4\r\xb7,\x93^\xda\'.\x03H\x9d\xb5\x97G\xf0X!X1\'\x83J4\xd3\xaf\x00=\x9f\xa4\xcf\xd29\xd1\x0c\xb0\xbf\x1bP\xb2l*]\x95V\xa9]\xab\xc0\x97.\x96\x83\x8b\xa67%\nL\xc8&lt;\xef\xf2V\x9cT\x10\xa5\xf5\xaaK\xe0\x82\xd28\xf2\x99\xc0\x8a\xc4d\x028\x8d\x1f\xc2\x90\xcb\xe6s\xbe\xa86\xa7\x9e\x89\xce\xb8x\x08~q\xe2^\x8d\xf2}HV\x979\xa1\x02\xc6\xbcu)\\\x8ep\x0c#\x1b\xd2\x98[/W\x8c&lt;\x04e\xf8\xc6r\x11vq\xa8\xb1\xfa\x07\x00c~\x9b\xd8\xb2\xd7\x1e\x80\xd3\x16\xcc\xf1?\xeb\xfa~S\x83\xff)D\xee\x13z\xaf\xdan\xaf\x17]\x13\x13&lt;\\=\x04\xd3\xe4\x8b\xcf\x0c&amp;\xae\x07\xf2pk\x84\xc4\x87\xb4{\x91\xa30\x86g\x16\xd0P\xf5\xc3Hi\xbd\r\x95\x15-\xa1Z\x06\xd2+\x14\xf6\xffu\x80\xff^\xf7\x03fl0\xbc7\x18s" \x80\x8a4q_A/\x81\xaef\x18\x9c\xde\xc4\xcdb\xc0\xc8\xcbf\xf8\\\xf7\xdc\x0f\xf6\x81\xfe\xb0\xfd\xc4\xe8\xe7\xc5\x92*\xb4\xc4:7\xdc\x9d\xceD \xc2\xf3\xd2\x90~+\xe5S\xb6\x9c\x1a\xd0!Q\xf4&lt;\x03\x1a1r\xea#\\\xfe\xd7\xdd\x00\xc4\x85[\xdb\'(\xdbJ\xb9\x1c\x00\x94^-\x168g\xc8r41.\x14c\x85\x91\xcc\xa51:C|8$&gt;0\'\x1b\xacg/a\x83B\xbc\xac\xf1~\xb5\x8cj\x13\x87\xe3o\x00\xe4/\xacW\x02\xec\xef\xd0\xab\xb3Jl\x00\x86\x9d}\xb9+\x92\x82\x93Q;\x12J\xcf\xa7\x1b8\xb3\xd7\x90YKF0\xe6\xc3\xdb\x13\x90\x81\xec\xab\xcc\'(6\xdb\x95\x9c\x9f\xd8\x03\xd0\x17$\x7fP\xf6y\x1bw?\xa3\xf0dF\xba;\x1a\xb4\x04M\xdc&gt;\x9a\x15\xd3\x19\xe2\xfd\x10\xf3\xfco\xe2\xadG]\x12\xd1\x11\xdb\x00H\x0btLIg/i\xd8r\xb9\xef\xd9\x8c\xd8\x9b\xf6Cp\xd7^\xf8v\x1fG\x15(\x06\xb6\x86\x90\x1b\x04V=\x02_iV\x98\x88\x8a\x12Y\tb\xb9\x8fP\xeb\xdaU\xbe\x01\x10\xa83\xd8\xea_]\xcb.\x93.\xf9Mo\xa6\nM\xf4\xc6\xb8\xaf\xc7\xcd\xf8\xbe\x08X\xaf\xb0#\x8d\x87\x1bh\xbf\xe2\xff\xfd\xe1\x18Jq3\x86\xb4\xc6\xb1\x01\xe8\xa2\xba\xea\x12GQ\x9c\x9a\xb4\xdbA\xc2\'\x9fo\xad\xffr\xae\x93\x1f9\xb3\xba0\x06\xf18"\x89\n\xd2\x0e0\x13Y{TI\x10\xf7\x89\x9f\xbd\x1f\xd0\xd6c\xbdSD\xeeR\xa7&amp;\xcc\xfc\xbdE\xf0\x02\x85\xd5\xf8wx\x9b\xd7~\xdb\xd699\x8d\x82`\x0f\xf0\xd81\x0f3\x90#\x9f\xf1H\x8e\x85n\xfe\xb9\xf1\x07\x92c&amp;\x88\x87j\x8b\x92Jh\xc63\xad\xe8]\x91\x0e\xd1\x17\xdb$\x1efu\xd9\x8a\xf3\x90\x83\x88\x14d\xf7~\xa2c\xb6\rE\xbb\xb8\xafL\xc5\xa5\xb2i\xe2\xba\x00\x1c\xf4~\\U\x05\\\x0bP\xa0w\xe6a)&gt;\xc6~]\xd8\x8e\x01F\xbcu\xc19#\x0eL\xb25\x9e\x05_"\xd4\xf4O\xf45\x9e\x91\x83G\x0b\xf7`\xe3-\xc1\x</t>
        </is>
      </c>
      <c r="E722" t="inlineStr">
        <is>
          <t>&lt;class 'numpy.ndarray'&gt;</t>
        </is>
      </c>
    </row>
    <row r="723">
      <c r="A723" s="1" t="n">
        <v>721</v>
      </c>
      <c r="B723" t="inlineStr">
        <is>
          <t>steps_per_sec</t>
        </is>
      </c>
      <c r="C723" t="n">
        <v>8100</v>
      </c>
      <c r="D723" t="inlineStr">
        <is>
          <t>2.9498024</t>
        </is>
      </c>
      <c r="E723" t="inlineStr">
        <is>
          <t>&lt;class 'numpy.ndarray'&gt;</t>
        </is>
      </c>
    </row>
    <row r="724">
      <c r="A724" s="1" t="n">
        <v>722</v>
      </c>
      <c r="B724" t="inlineStr">
        <is>
          <t>Loss/RPNLoss/localization_loss</t>
        </is>
      </c>
      <c r="C724" t="n">
        <v>8100</v>
      </c>
      <c r="D724" t="inlineStr">
        <is>
          <t>0.1697047</t>
        </is>
      </c>
      <c r="E724" t="inlineStr">
        <is>
          <t>&lt;class 'numpy.ndarray'&gt;</t>
        </is>
      </c>
    </row>
    <row r="725">
      <c r="A725" s="1" t="n">
        <v>723</v>
      </c>
      <c r="B725" t="inlineStr">
        <is>
          <t>Loss/RPNLoss/objectness_loss</t>
        </is>
      </c>
      <c r="C725" t="n">
        <v>8100</v>
      </c>
      <c r="D725" t="inlineStr">
        <is>
          <t>0.013385218</t>
        </is>
      </c>
      <c r="E725" t="inlineStr">
        <is>
          <t>&lt;class 'numpy.ndarray'&gt;</t>
        </is>
      </c>
    </row>
    <row r="726">
      <c r="A726" s="1" t="n">
        <v>724</v>
      </c>
      <c r="B726" t="inlineStr">
        <is>
          <t>Loss/BoxClassifierLoss/localization_loss</t>
        </is>
      </c>
      <c r="C726" t="n">
        <v>8100</v>
      </c>
      <c r="D726" t="inlineStr">
        <is>
          <t>0.09150312</t>
        </is>
      </c>
      <c r="E726" t="inlineStr">
        <is>
          <t>&lt;class 'numpy.ndarray'&gt;</t>
        </is>
      </c>
    </row>
    <row r="727">
      <c r="A727" s="1" t="n">
        <v>725</v>
      </c>
      <c r="B727" t="inlineStr">
        <is>
          <t>Loss/BoxClassifierLoss/classification_loss</t>
        </is>
      </c>
      <c r="C727" t="n">
        <v>8100</v>
      </c>
      <c r="D727" t="inlineStr">
        <is>
          <t>0.09510404</t>
        </is>
      </c>
      <c r="E727" t="inlineStr">
        <is>
          <t>&lt;class 'numpy.ndarray'&gt;</t>
        </is>
      </c>
    </row>
    <row r="728">
      <c r="A728" s="1" t="n">
        <v>726</v>
      </c>
      <c r="B728" t="inlineStr">
        <is>
          <t>Loss/regularization_loss</t>
        </is>
      </c>
      <c r="C728" t="n">
        <v>8100</v>
      </c>
      <c r="D728" t="inlineStr">
        <is>
          <t>0.0</t>
        </is>
      </c>
      <c r="E728" t="inlineStr">
        <is>
          <t>&lt;class 'numpy.ndarray'&gt;</t>
        </is>
      </c>
    </row>
    <row r="729">
      <c r="A729" s="1" t="n">
        <v>727</v>
      </c>
      <c r="B729" t="inlineStr">
        <is>
          <t>Loss/total_loss</t>
        </is>
      </c>
      <c r="C729" t="n">
        <v>8100</v>
      </c>
      <c r="D729" t="inlineStr">
        <is>
          <t>0.3696971</t>
        </is>
      </c>
      <c r="E729" t="inlineStr">
        <is>
          <t>&lt;class 'numpy.ndarray'&gt;</t>
        </is>
      </c>
    </row>
    <row r="730">
      <c r="A730" s="1" t="n">
        <v>728</v>
      </c>
      <c r="B730" t="inlineStr">
        <is>
          <t>learning_rate</t>
        </is>
      </c>
      <c r="C730" t="n">
        <v>8100</v>
      </c>
      <c r="D730" t="inlineStr">
        <is>
          <t>0.039618824</t>
        </is>
      </c>
      <c r="E730" t="inlineStr">
        <is>
          <t>&lt;class 'numpy.ndarray'&gt;</t>
        </is>
      </c>
    </row>
    <row r="731">
      <c r="A731" s="1" t="n">
        <v>729</v>
      </c>
      <c r="B731" t="inlineStr">
        <is>
          <t>train_input_images</t>
        </is>
      </c>
      <c r="C731" t="n">
        <v>8100</v>
      </c>
      <c r="D731" t="inlineStr">
        <is>
          <t>[b'1024' b'1024'
 b'\x89PNG\r\n\x1a\n\x00\x00\x00\rIHDR\x00\x00\x04\x00\x00\x00\x04\x00\x08\x02\x00\x00\x00\xf0\x7f\xbc\xd4\x00\x00 \x00IDATx\x9c\xec\x9dy\xfc\xff\xd9T\xf8\xcf{\xac\xa1&amp;\x83\xc8\x92\xc8\x12\xb2\xfd(\xd9Bck\x18e\xa7\xc8\xc4`H\xf6B\xb2/\x95-\xcb\xd8\xc3X\xb2dI\x96\x88\x925\xbb\x84\xb2\r)\x0cY\x1aK\x06Y\xce\xef\x8f\xf7\xfb\xf5z\xdd}=w{\xbd\xce\xf31\xe9\xf3}\xbf_\xafs\xcf=\xf7\x9cs\xcf\xbd\xf7\xf5~\xbf\x01\x18\x86a\x18\x86a\x18\x86a\x18\x86a\x18\x86a\x18\x86a\x18\x86a\x18\x86a\x18\x86a\x18\x86a\x18\x86a\x18\x86a\x18\x86a\x18\x86a\x18\x86a\x18\x86a\x18\x86a\x18\x86a\x18\x86a\x18\x86a\x18\x86a\x18\x86a\x18\x86a\x18\x86a\x18\x86a\x18\x86a\x18\x86a\x18\x86a\x18\x86a\x18\x86a\x18\x86a\x18\x86a\x18\x86Y@\x81\x84\xbb\xc2\xc5\'+\xa6\xbc\x1c+!\xb6\xddqY\xfa\xfb\xcf\xe9f\xb7\x89M\xf3\x13U\xb1\xa2\xe8\x8a"B\xaa\x873\x0c\xc30\xf9p\xe2e\x98\xde8\x02\x00\x94z\x1a\x11C*l1\x9eo\xbc\xfc\xad\x14^\x08J\xc5u\x8e\xbd\xf0\xe9?wM)\xbc\xa2Wt6\xbd\x94\xbbtm\r=\xc1`\x95\\\x9c\xd3\xa5U\xe8\xa2\xc5u\xd9bU\xaf\x14D\xbc\xb2\xf4O\xf7\xb5^i\xc6\x97\x1d\x02\x95[\xc4\x81@\xc4sy-\x8c\x08pN\xb7V\xe6\xfb,\n\xe9\xfa\xc12\xe8\xd5\x10\x9d\x7fX\x96\x81\xfbTkU\x86\xe0\xc4\x95.;m9a}=\xed\x96aL=\xef\xc2\xb4V\x84\t\x87\x07k\x13\\l\xff\xff\xb4M\xd3\'\xb9nR/6,\x00\x8c\xd7\xca^\x85G\xfb\xaam\xb4\x10\xdc;\xf1\x967:\xae\x00I\xa6Ma7w\x06@\x80\x0b\xe8\xb3`\x84\xb4\x07\xcd\x85\xa9\xaa&amp;D\xa8\x84\xf0\x99d\x8b\x99\xc4E\x0c\x81\xb4\x822\xae\xa949\x86\xce""\xc0\xad\xa8\xd4\x85\xa3l\xed\x9e#\xb1\x89\x95\x90\xe6\x15\x08\xd7kR\xe7\x1d]\xbdE*VX\x16k9\x93a\xecDO\xa6LS&gt;NP60C`\xdbew\x8f\xbd\xb1\x863\xdf\xee\xac\xf6t9\xea\x16\xa9\xa5j\x0c\xed\xddr\x8b\xd4\xfa\xbf\xcfg\x05\x9aL\x0c^\x00h\x0f&amp;\t\xa6\xb0\xf52d\x8f\x7f\xbe\xec\xf0\xf7K\xf4^\x04-\x03\x92,\xe6\x13\xa4Z\xd2s\xb5\xa1\x1c\x07\x84K:\r\x92\xad\xb0x\x9ec\xe9\x04\xa7\xb6\xfa\xb0\xcdW\x04\xd7sL8\x9cu\x87\x82\'\xca\x8dp\x848\xbe\xbb\xddN\xf8\xdb}\xa3\xfev\xbc\xab|R\xbfe\x07\xb0\x83_\x95_\xf2\xa9"\xea\xa0\xceI\xcf\x97\xdf\xc3\xe9\xff\xe3%\x00\xf7\x97\xe2^\xfe\xd4\xc8T\xdf\x86\xb4\x85\xf3\xd5\xfa\\(\xeb,t!\xd0J\xfb\xca\xf9\xf0\xb7\xb8\x15\xbe\xdb\x01\xec&lt;\xf5\xbf\xa9\x0fT\x91\xbc\xdbM:X\xafP/\xde\xed`\xf7\xd1\xc3\xcb{c\xc3\xbf\x1f,\xb2\xfb\x00\x18D\xed\x1c\xd2C\xd5\x144\x98\xfe\x12\xdd;W~\x1c\x9cF\x01\x00\xee\xd4Z\x01\x86\x10G\x12X\x93\xb7#&gt;0\xab;\xa5M1\xc62l\x00\x15iY\xcb\xf9XL\xf5\xc5\x0c\x08"&gt;\xc0\xf0\xb8\xb6\xdfw\xd5=]e\xbf\xd9v\x02 \xb6e{=Xs4\xb5bWS\xdb\x876\xb7n\xed\x88"9|_\x1f\x0cF\xf8\xd9\xfd\xeb\x1f\xd1\xee\xb5j\xbc\xf4\xeeD\xb7\xc5\xa6+\x8f1\xdd\x9bFDO\xe7\xcb\xe1\x84&gt;3`\x83)3\xcd\xc3W\x07[`#\xacg\xa0\xb33\'\x03\xf2\xf4\xb1\x11\x9a/\xcc\xc4g\x86\xe3o\xde\xdcxm\x15\xd30\x87\xeeQ\x0b\xe5\xac\\Ok\x12\xe42t~\xf71\xe9~\xa6\xd5\xb5\x96\n\xf5\xb021=\x88b\xbdK\xba\xcc\xa9[\xb8\xfe\x9aL\x84#\x97U\x93\xe3\xe2\xbdnjCv\xc5\x84\x11Q%y\x95\x0c\xd5\xff\xa5A\x0f 9\xff\x19r\xcbfY\xab\x1d\xd6\xda/\x86q\xb3q\xcf\x97\xe6\xb2\xd6\xcal\x84\xf9\tX\xd33\xc9\xde\x9b)j\x06f\x08\x0c\xbb\xf5A\xf7\xbdX\x0c\xe9S5\x87S[Q*Z\xe5U\xf1:\x10J^\xab\xe3j\xd2\x96\x7f\xfe\xf6\xa4\t"&lt;\xc3\\\xd6\xcf-.\xff\x0c\xfd\xd0\x82Y\x0f\x9f\xb1\x14\x81\x87\x05\t\xcc\xff\xe9\\\x13\x11\xf1\x13\x88\x00\x0f\x98\x85\xf8ZYZ2h\x98\xb1\x13\xa0\x18\xef\x85\x88p\xe2\xd2\x118k`q\xefzhIX=\xde\t\xe0\x86\xdb\x9e\'~S{\xa5\x905\xb6ld\x86)\x80y:\xd8x\xa0\t\xd3\x1f\xd7\x94\x0c\xd3-\xe1Q\xaa\xd5\xc7A\xbb\xc2ja-\x97\xe3\xc6\xe7_\xbc\xa2\xc4\xdbA\xaeV%\x95T\xb1\x86c\x81;\xa3\xf2`\x8f\xdf\x0c\x80\x08\xf0\xbe\xc0n\xc3\xe7\xd4\x8dy\xf2\xb9\xc1$yZo\xc4\xb7e\x18\x8f\x83\x9c\xf3\x8b\x17\xd8\xee\x9e\xfe\xfb\x94\xa3iD\xbc\xbfq(\x19\x86a\x86"x\xe2\xd8\x16\x01\x13:\xc30]0\xef\xe5k/\xca\xaf\x085\xa5u\xe3_\xfb\x8c\xaczJ\x80\xd2z\xc3XnZ\xf54\\\xf6e\xc7\xbd\xf2[\xc6\xda\xd6r\xef\xf2\xe2[\xbcfq)j8\xfa(\x90\x10\xe5^\x98\x9e J\x14&amp;ua~\xff\x9c\x0e\xb1h&lt;\x14R%\x08K\x05&amp;\x9frf\xe4\x01b\xdc\x98R\xc4\xe6\xd8x\xf7\r\x84M\xe8\xf5qNL\xc5\x1aE\xb5(\xea\x8a\x87\xb7V\x80\xe9\x02\x04\xf8\x82\xf8OC\xe8z\x9e0K\xabq\x11\x11\x8f3\xe7\x0b\xa9|\xf7V\xf0\xdaT$\x95\xc2\x0f\xd5\xafT\x1f=\xb2=\x14\xf4"\xf1\xf5\xb4\x05\xc0\xfeU\xfb\x13S\xb9\xc8-f}\x1eH\xb4[\xb4\xb6\x88\x9f\xf5.\x00\x18R\xe2#\x0e\x82\xaf\x1fk\xe0\xc6\xd2\xb65\x14\xb9()\xe13\x9b@\x9eC\xbb\xa0\x8d&amp;j\xe1\xd1\x15\x88\x88\x97\xebN+\xa6\x14Q\xdf\xf1\x84\xda\xf5\xe8\x11\x82\x88\xf37?\xc6i\xf5c]rB\xb4\x08_b5o\xbd\xdb\xae\x94\x9a\x13\xdb\xda\xcb\x10o\\\xc4"B@\xeffi\xef\x04\xb8z\xdc\xf7j\x19-\xac\x0f\x84\xb5Q\x8a\xaf\xf1B\xc0\xa9\xc9hi\x87\xaeS~\x9bX\x98\xcd7\xcc\x99\x01\xbe\x17u\x03"\xc6\x07i!\x82|;HPG\x9d\xea\x949/\xedv\x80\x98\x90\xa8\xad\xd2\xd8\xec\x8c\x81\xc4z`M\xa8ULo\xdf\xb3IW60\x03p\x84\xfcO\xc7&amp;\x90\xf1u\x9f\x97\xec\xf6_\xbe\x1e]5N\x8a(\xfb\xf7\t\x1a\x08{\xf9\x08\xf0\xb8\xd0\xdbE\xff\xdfo\x8d\xedv\xb0\xdb\xc1\xe1K\xf0\xe7\xed\xf0\xb0\xde\xcd\xe1t5\xef\xa5"\xbf\x84\xf0\xe5\xb9\x17\x82:\xae\xdf\x1f\x90\x1aM\r\xe3;+\xbf\xc2;M\xecI\xc2d\x19$\x84\xad\x047\xbb\x8d\x11W\xfd\x03\xe5\x94\xdc\xd1\xb96Oa&gt;\xc4\x91JK\xd4\x16\xb9\xbd\xb8\x00\xd3\x19\x89\xf5\xc0z\x98C\xe3^\xb0\xaf(\xb6k\n\xa6\x07\x84\x9d\xec\xc3\xbfl\x1e\x89y[D\xb1\x1b{8\xed\xf3\xee\xc4WfL\xbb\xd1\x86\x13\x82\xdd\xfc\xff\xf6{\xd8;ur\x9aw\xf7w;\x00x\x03\xc01\xb3\xaa\x8a\xb8\x9dI\x93\xf0\x00\x9e\x16\xd6\x10l\x07\\\xc6\x04\xc4\xa1\xd1\xb7\x10\xc2e\x06\xb7\xaa\x9cr\x80\xdb7\xfc"\xebg\xba\x82;\x19)\xfbX\xcb\x19\n\xbd&gt;\x1d\xe1;\x12\x0c\x15\xb2n+Y\xa9|j\x81\x88\x84\x01"\x9f\x9ant\x04\x19\xc6\xc1aV\x82-\xcc\x05\xcc\x00L\'\x00g5l\xdc\x99\x1e[\xcfi\xcb\xfc9\x01\xf7\r\x82\x02\xd6\xdf\xd6\x9d_2\x88\x10\xb6\x1bv\xfb\xdb\x0cW\xedv\xaf\xdb\xff\xf1\x1b\xd3\x85\x86\xdaQx\x9e&gt;T\x7f\xb9\x8d]\xc2\xd4\xfe(\xf5\x8e\x9a\x0f\r\xce\xab\x9c\xccl\x95|\x10\x91C93M#\x10\xf7\xc1\x96n6\xc6\xd3\t\xd9\xdd\'\x19\xe8\xcd\xce\x8b?\t\x07\xf7\xaa\xe4,$\x81\xa9O\x13\xfa\xceL~+\x0c\xb3\x02v;\xb8;8\x7fE\x9b\x19\x8f\x95\xe47\xb5\x1b\xc2\xe7T\x9e#=KSE\x19\xd3\x07e\xbc\x1f\x9dQ\xee\xb2?Ad\xb8\xcc\xf0AU4!~\xfe8\xd2 \xc7\xc4\\\x0c\xb3\xcd\x97\x07~4e\x9e\x1f\xa7\xc3\xfe\xe2\xa3]W\xcc];\xe3\xd0n\x9d6@1\x92\xa3\xca\x9aR\xca\xd4\xa4\xf9\x87;o\x18\x7f\x0b\xc2+\x87\xb2\xf9\x80~"\x04\x9a-9\x8f\xd4\x1d\x86a\x98@\x9c\xe5\xe8\x10\x08E\xad\x92\xa9\xe5\x12\xb9D\'\x1d2\x8d\x0b\x80\xc3;\x1e\xa1\xcb]\xd7w_\xf89W%7}\nA_\x00\xcck\xa1\xd8B\xf0\xb1i6\x94\xdb5(\xf3\x7f\xb2\xdaar|\xd7\x8d&gt;m\x97^\x00D\x85\xfd:LZ\x1e\xb7\x89b\xd7\xcf`/I\x992\xb0\x93\xab\xb05\x18f\xb5\x0c?\xbf\xa8\xd5\xed\xcdP\x7f\xb3\\\xe3\xb6\xfc\xa8\xd5\xdc\x91r#\xee\xb2\xe8\xa0Vls\xdd\xfc\x10\xe5\xde\x88\xc2.\xf5[8o\x8a\x08\xbfiX\x9b\xa9\x02?:\xbd\xf8=\xbd\xa1\x13\xe5[\x10\xe0R\xeeF\x93T\xed\x90.\x16\x00 =\xcc\xb6nr\xfa\xe86Q\x92\x01\x87\xce\xce\x83Q\xf9\x948\x98V&gt;0zq\x10\xc5vzZ\x9c\xcb\xb5V\xa0\x07zM&amp;\x12\xe3o0\xa1F\x9a\x18\xd2\xa1\xa2P)}T\x84v3W\x11\x86\xcb\x929-@\x9ah1\xf3#O\x85\xd7*\x9b /R\x18\x07\x05\x16\x00\xcc\xe6y,\x87ja8\x1f2\xd4\xe0\xebL\x8f\xa5\xf4\xc5\n\xdc&gt;{\x01\x90\xb9r0\xf1@\x925I:hy&amp;j~\xbf\xb2&gt;\xe18\x8c\x16\xb7\x00\xe8\xb8\x8f}\xd0wb\x1a\x15\xdf\x02\xe0yls\x86a\x18*\xa2\xaa\x02fu\xe4.\x00\xa27\xcb\xa3\x95\n\xf0\xceB\xee;bT\xd8\x8f/\xe2\x16\x00\xa5yGk\x05H\xe8\xc4\x98k\xc2m\xd2&amp;\x06\xe7Qf\x18&amp;\x8b&gt;\xb7\x8a\xf9\xe8f\xe3\xec\xe6\xe1\x17\xbe\xbbm\xffKW\xc6\xef~\xd4\xbf\xbb\xea `\xf7-\x80#\x8d\x17\xa41+P\xf3\xdb\xb2\xf6\xa6HnQ1Z\x9b\xef\xf9Z\x06\x14\x0c_\xc8\xc7\xdf&gt;\xc60\x0c\xc30\x19D\xcf\xa4H\xfa\x9b\x1bT`\xb9_\xcbaF\xc1\xb41,\xec"#\xfe\xa6\xeb|@\xdc\xa7\xefg\x839\t\xebc?a\xcf\xf7#"\xe2}\xbbXO\xf7\xa0\x03\xc3\xa41x\x1a\xa9\xc3\xf4e\xc4\xad\xf5`\x98\xcd\xc1q\xc7\x00\x00\x00\x02\x1c\xd5Z\x87BH_\x90\x8f\xd6G}.*\xbe\xde\xfc\x9b\xc23\x99\x1f\xfdO\xb8\x95\xab\x96\xce\xc9\x1f\x9d\x8d\x8fo\xa5\xee\xf3\xa9t\x00\xcb\xaf\x91\x0c\x9er\x19fD8\xe8\x98\xcd}\xbb\xb7\xd2\xdbo\x88\x0b\x03\xe1\x10`\x9b8?\xbc\xf8\xb8\x86\x96I\xfahG%\xea\x99\x85\xc2\x08\x85\xb4]q\xd4$\xae\xa5{u\xd7\xae@\x18k\xb14\x8a\x9e\x0c\x93\x08{\xf8\xb6\x18)\xfdR\xf3\xc0\xf9\x99\x1f\xfb\xd3A\xeb&amp;\xe2KB\x1b\x1a\xa7\xfb\xd1IU,r\xe5Md\x04z3\x9a\x0f\xd6\x18\x89\xe6\xc69\xb6\xb5\x026z\x0em\x86\xd9\x0e\x9d\xcf\xb3\x0c=\x9b\x1dq\xfd\x89\x7fL\xfa\x9d\xcen\t\x1a\xd41\x0e=z_\x00$\x82\x88\xf0k\xd1_Y\x9b\xdfl\xb6\x04\x83\xcc\xad\x9d$\x0e\xc8\xe7Z+`\xe4\x11\x03\xe4\x1f\x86\xd9\x00\xddo\xb41\xe4\xcc#~JkM*q\xff\xe9\x8f\x11\n\xdf,\xc2\xbb6\x80\x1dV\x9a\x98\x10\xe0\x8f\x92\xee\xcak\xf4ke\x9e\x02:\xdf\xfa\x06\x88)\xcc\x13x\xdd\xc80\x9d\xb0\xcaI\x96\xb1s\x8f\xee\x7f\xa7\x8c\x9a\xf9A\x85mu{|\x10\xe0q\xaduh\x82\xe1\xbb\xadB\xefD&lt;\x83\xf1\xe2\x9b\xb2\xe73\xbd\xc0\x0b\x00\x86\xe9\x06\x8eDf\xe5\xb0\x8b\x8f\x08\x02|)\xf8\xca\xd5\x0c\xb1\xbe?\x1a\xbe\x00\xe0\xf3\\\x86\xe9\x87\xa8#Y\x86a\x18\xa6\x12\xc5r\xee\xf0\xfb[](\x1f\xf3\x19\xd3\xbd\xc1\xcfSV\xa1J\x18\x8b\xf8\x88\x13\x00\xfe`n\x1e\xa3\x07/3\x1c\'\xb0\xcb1\x0c\xc3\xd4\xa4d\xceE\x04\xf8TA\xf9\xe66Iz\xd4K\x05\x19\xb9\x99\xbd\x92\xbaM\xfev\xda\xb3$\xc9\xf8\x15b\x9d\xb6E/\xfe\xcfl\tv9\x86a\x98UQ5\xad\xe7&lt;Y\xbb\x14\x9d}=C\xb2\xe5\x05\xc0\xb7V\xd3\xa9\xc18+\xdb&lt;\x85\x9e\xf2\x06\t\t\xd1\xc7\xcf\xe01\x0c\xc30\x07\xc6\x98\x0c\x96\xafu\x1f\xf8\x19\x92A\xd5\x96\xe0\xefecFe]N\x9b\xf2-\xb7\x17\xe1\xe0e\x18\x86Y7\xcf\x89\xf8\\\xe6\x08\x85)J\x0b\x80\x01\x14^-\xbc\x00\xe8\x90\xa7\xf3pl\x8f\xb4\x9f\xb9\xd8j\xf0\xf2\xac\xc10\xccVX]\x95\xb6Lu\xa3tj\x14=\xe3(\xbf\x00\xe0\xa9:\x9ew\xb3\xd1\xb6\xc9*\x06\x1d\x11\x1e\\\xa1#\xab\xb0\x15\xc30\x9b!\xff\xa1\xf9\xe4v\x99B\x8cn\xdb\xe9(\x06\x10\xeeY\xe2@\x86kY\x86\xd9\x10\xfc\xcd`\x0c\xc30:m\x8a\xa1\xb5\x9d\x1eDP\xbe\xd7+\xb2m\x91\xd3\x00\xae\x06\x18&amp;\x8b\xe1\xc2g8\x85\x19\x86a\xac\x1cA$g\x07\xb0#\x12\x15N\xfe\xb74\x0e\x99\xd0\xa7O\x19\x14V~\xb7{C\xd9\x06\xea\xb1\xdb\x01\x14pP\x04\x80\xb3\r\xe9B\x0c\xd3\x18D\x80\x1f\xb4V"\x96\xfas\x1c\xc30\x0cc\x00\x8b\xec\xec\x92QH+\xb1\xd71_\xeeIf\xa5\x1f\x13\xc9\xa9\x0c\xfdp\xe4\xfb\xde\xc6\x1e*\xe86TWI\x94\xa9\x7f\xb3\x94\x16f\xf8\xf19\xa67\xd8!\x99\xcd1\xf2\x96\x86PM\xec`\xda\xe6\xed\x07\xc4\xbdZ\xf4r\xa7n\xef\x82\xe5\xcf\xf7\xec\x08\xac\x84\xa3\xb9\x8d\xe4&amp;\xb4\x92\x11\xf3L\x8a\x884\x832\x06\x88\xb8\x9d\xce2\x0c3\x088M\xd7\x9c\x9d\x98\rq\xfa\xd6\nd\xb0[J\xbb\xf8\x9a\x14\x01\xcbG{\x91Ry_A5\xac\xc2GI\x91{\x13\x1d\xd6&gt;E\xd6b\xf9\xa5\xfb\xc6\xca\xe1\x8du\x97!a\x9f\xe5;\xf1\x9c*\x13\x07S\x99\xae\\\x8cajA\xf5\x19\x80&amp;H\xf1\x1a\xf5t\x01b\xf8\x81_\xea\xc9\xe0nW2\xa1t\x90\xabr\x1f\xe7({\xe4\x8a(51\xe0\xf9\xee\x80*\xaf\x076~i\xc2-\xdc\xe4\x03ffb&amp;\x0ef\x1cv\xbb\xf0\xe3t\x86Y\rC/\x00\xd2\xe3u\xb7\x0b\xdf\x8b\xccI\n\xbd$\x94\x12;\xaf\x9dO\x84\xbb\xddn~4l\xb7\x83\xddx\x9f\\\xe8\xc5y6\t\x1b\xbf4CZx\x9fL\x985\xc2\xe3\xca\xb8\xe0\x0f\xb0\xf5\xc8SP\xf8P,\x8fPU\xc6\xb26\x7f\xee\x90a\x9a\xc31\xc80L\xcf\xd8r\x14\xe7\xae\x05\xec\xe6\x0b\x10Q\xa4\xb52L\xaf\xd0\xff\x10\x18\xc30\xb1p\x0c2\x0c\xc3tA\xf2#@;\xfc6\xa5\x1e9\xfcVk\x056\xcc0\xd3\xf90\x8a2L\xef\xe4\x04\x93\xf8\xa0\x05\xf2\xaf\xe91\x0c\xc30\x19\\\x06\x01\x11\xde\x8a\xfc\x98Gu\x06\xb26\x97\x1a\x0c\x93\x0b\xe9A\xeb\xdd\xe7\xf3["\x81L\'\xacx@W\xdc5\x86\x19\x95k\xb6V`\x83\x8c\xb5\xe2\xaa\xa9\xea@fa\x98(\xe8\xeb\xf5\xc8\xdf4dzg\xa5\x03\xca\x9f3d\x18\x86Y\x18(\x1bV\x9e\x93\x10\xe0\xe5\x15\x9bc\x98Q\x89\xff]s\x86\xa9\r\x7f\xce\x90Y\x1f\xb1_}5\xdc\xaf\xc02\x0c\xc30\x1d3UU\xfc;qL\xb7\xec\x9d\x94]\x94Y\x13\xb1\x1f\x02f\xefg\x18&amp;\x84\xcf\xdb\xdf\xe2]\xb4\xcdb\xdaC]f\x15v\x0c\xa6K\xce\xcf\x9e\xc90\x0c\xc301\x98\x1e\x9c\xe5\xd9\xb4%\r\x1fc\xb0?D\xc1_\xe5\xcc\xb4\xe0\x1c~\x7f\xe3\xef\x19_\x11\xfc\\.\xc3l\x88\xb1&gt;\xa9\xbcBx\xe2\xec\x8d.\x87C\xac\xb1\xae\xdcZ\x19f+x?\xd7+\xb8e\x87Q\xc30\x0c\xc3XA\xd8q\xeenI\xea\x02\xe0\xd3\xfc\x85\x1b\xdb\x82+-\xa6\x01\x1e\x7f;\xf8$\xe7\xa2\x15\xc2\xa9\x86\xd9\x06]\xee\xf9\xd5\x82Oo\xc7\x84\x87l{\xf0\x02\x80\xe9\r&lt;\xaf\x94\x88\xd89W\x03\xa7\x1a\x86\x19\x95\xf0\xd0\xe5\'8;#p,x\xbc\xd6\x8cc\xf6\xe5qgz\xe2\xc5\x08p\xe6\xfd\x9f\xbc@e\x18\x86i\xca\x0f\xe3v\ny\x01\x90\xcd\xc7\x88\xa6=\xd4\xfe`\xb6\x883\x1e\xb9\xc6bzBz\x04\x08\x01\xde\xd9R\x19\x86\xe9\x12~T\xae\x7f\xd62:\xb1\x05=?\xc7\xc90}\xc1\x0b\xf2\x9a\xb0\xa9sPV\xa4lLfm \xc0gsE \xbe\x1f\x11\xe0B$\n1&amp;P\xf8\xdf\xf8\x9b\xd7\xb3\x0b\xce\xcf\n\x0f\x07\x0f\x16\xb3b\xbavoD\xbcZ\x85\xcc?VN\xbe`\xb2\xb6\xe3\xf4\x91)\xc5\xda|`\xa8\xd0\xdd4\x08p\xd5\xc4;\xd7\xb3\x00`\xc6\x82\x1f\xc1b\x0c\\\xa3G\xafHQ\xa9\xfb\xfd\x88:\xba\xf5l\x01\x15KF\x1a\xa9\x0b\x1d\xb3z3\xae\xab\x83\x88\xf8\xdd\xee\x121c\x03\x01\x9e\x99v\xe7\xfb\xb72\xca\x9d\xcf\xc7[c\x9c\x05@)%\xf9\xf7(\x0c\xf4\xf9\xbd\x9f\t*\x9d\xbb\xbf^0&gt;\xf4\x8c\xe4\x1eA\x1e_f\xa5\x0c3=3L\x10\xdd\xfas\x9fZ\x15\xa7\xc3:\xcfB\x19%\xbb\xact\x9b\xd3\xeb\xbc\xf3\x9e\xd6\n\xf4F\x87c\xc40\x0c\r\xfc\x0b,\xcc\xda\xe0O\xfdf\xf3\xf6\xaa\ta\xe5\xf9\xa7\xcfJ\xb79\x08\xf0\xd7\xadu\x18\x88W\x99^,\xeeW1\xae\xcbN\xce0\xa3\xc1\x0b\x00fu "\xc2\x03\xaa?z\xb1\x82:o\x05]\xe8\x11\xb6*S\x88n\\\xebt\xddhB\xcfMZ+\xb0&gt;V\xec-\xe3\xc1\x83a\x83\x9f\xdf\x1d\x10\x94\xa8V\xd4\xf6\xfaTC\x04\x88\x08W\x8b\xe8\xc2\n\xba\xcc\xd4\x85\x1d\x86a\x18\x86\x19\x00\xae\xfe\x87\x03uj\xb6\\\xa9\xad&gt;hcg&amp;\x9d/\xb6Mh\x07?y.\xbb\xca0\xf0\x03\x02L\xf7\xf0\xec\xc3\xac\x16\xf6\xec8\xb4\xed\x7f6`,\xe1\xc7&amp;\x8d\xd6Z\x83\xd1\x93Y&gt;\xdd\xfc\x132=Y\x83\xf1\xb1\x96\xb8\xbeAk\x05\x98|l_\x81\xd8&lt;\xa7\x8d\xc7\xae\xb5\x02L\'\xe0\xea\x9ca\x99\xb0v\x87\x9e\xad\xac\x83e\xd9\x9bo\xb7\x8b0\xdal\xf1\xa8\xbb\x98\xfa\xf0H\x05S\'1\xae/\xfd\xf6\xc8\x0f\x11O\xcf\x0e\xdf)\x1c\x02\r8B\xf8\xfbm\xcd\xb4`\x9a\x83\xeb\xfb\xe8\xe7n7W7\x08\x9c\\\xa2\x10v\xfbR\xbcb\x15\x9b\x85A\x0c\xd8\xd3\xdb7m}8sA\x15\x9d_\\\xbe\t\x06N\x9f5\t\x8c\xe8\xba\x03\xc1\x134\xc3\xb4d\xad\xcf\xc9\xac\xb5_\x05\x11\x1e\xe6\x890\xdd\xc9[y\n\xe8w\x0e\xff?\xdaD\xdd\x1cRob\x98F\x80\x87\x80a$8"\xea\xc1\xab.\x86aT\x92\x1f\x11\xd9\xda\xb3%\x88\xb8\xdbA`"\x1d\xcf8\x88@\xae\xea\xde\x08\xa3X\x80a\x98\x82\xf0\x93?\xa3\xf2\xeb\xbcV\x1b\x01\x1e#\xa6*\x1b\xdbW\xbe?\xc09B\xaf\xcd\xdaw\xaf\x7fzP\xa0E\xe9\x8chS~\xc20\xcc@pvRQg\xaf\xd3\xb65\xd3\x8f\x08\xcf\xb2L+\x06r\xbc\x9aa"\xb6\xd5\xcd\x13Af\n\xe8\x96\xf3mQ\xbcf`\x18\xa6\x06[y&lt;\xf2\x08\xff%\x07D\x83\x1c\xfe:\x0b\x1f\xdd\xf4\xce.\xe0|m}\xdf\x92\xb9\xb2\xee\x0c\t\xe2H\xdf\x1d^1\xdb\x8b!\xb9\xeb\xf6I\x18D\x84\x17z.\x99\xac\x16c\xbb\x9c\xfe^\tzzZ`\x0c\xc7f\x92\xd0\x07w\x98T\xc6P\xb0\xfbJk\rz\x03?\xc6G\xb7k\x05\x11^\xb1\x8e1e\xe7\xec\x85\xd1&gt;\r\xdc\xb9\xe7`\xea\xa6TJ\xbfB\xf2\xbcpM\x92\xdd^\xb8\x91\xcf\x8b3\xe3\xa1;\xff\xe4\xa8Wn\xa5\x12S\x9b\x98\xdf\xc0)\xabIOl\xa8\xab\xcc\x80t^\xc6\x8dL\xe4\xca\x9f\xcb;R\x10n\x92b\xcci\x08\xae\x18\x7f\x93\xa7\xad\xc359\xe3\xcb;Jv\x04\xb3\xb0qz\x80\xbd4\x9a/!\x9e\xd82\xff\x7f\xb5F#&lt;\xc71L\x19\xb88\xe8\x8d\x8f\xc6\\\xdc\xa4\xbc\xeb\xfc\xa9\xfa\x14\xd2\x1f\x9a\x0f\xdb\xcb\xb75\x18v\x02\x90\x03\x95\x87 \xfc\xdf\n\x07\x1dr\x0eX\x18\xa6-s\xcaZ]Bf\x18\xa6\x02\xbc\x00\xe8\x1c\xef\xe84\x19\xc1&gt;\x1d&amp;\xb5\\\xbeZ\xd6\xa32\xa9\x156\x02\xc6~4\xa8\xa6zB\xa3\t\x9fC\x18\x8c\x15w\x8dY-|\x02\xcc0L\x0e\xbc\x7f\xd05\x1d\xe7w\xafV\xf5\xd5&gt;!\xa7\x82\xcf0uFy]i|s\x1f"\xa2\xd3\xa4Gx\x13\x84I\xa0\x83\xe4\xcc\x0b\x00\x86Y\x1duC\x9a\'\xbf\xaeYW~\x7frw\xbf\x8f\xfbY\xb1\xfe\xaf\xae\xd5K\x08\x1b-\xa4\xfc\xfa\xbe\xc1\xac\x02l\xaeu\x82\xd84]0\x0c\xb3z\x10\x11\xe0\x1a1\x97;fh\xceS\xabg\xac\xfa\x0c\x9fs\x98;\x7f\xb9Z\x8b\x0e\xfb\x08sy\x13\x1b\xa6\x1f\x1d\x90\xaa\xe1il(\x07\xeb\x00N\xb9+%l\x01\xc0\xa3\xcf0\x0c\x19\x9e\xa7\xc0\xed\xf3\xcd\x9dx\xafb\xed\xb4\xad_S\xa9\xe8\x90\xae\x10\x10\xe7\xf2Qc\xa4\xef\'\x88\xba\xa3J_F\xf5\xa5\x1a\x8c;\x19\xbd\x03UB\xdc\xa9\xcb\xe4\xcc%\x01\xc3\xac\x1f&gt;\xac\\?\x83\xd7\xaf\xc5qL\xd5\x8f\xb2\xee\xe7u8g\xdb0\xe8\xc9\xf1^\x9a\x11\x92j\x9f\xeay\xedvT\xb7s\x96V\xff\x07\xe9\xd9g_\xae\xcdS\x06\xc3\xac\x9a\x88$\xc5\x0c\xccH\'\x00\x1d\xeai\xa8\xfe\xc7_P\r\xad\xfc\x00\xf4\x9fT\x11\x11\x8e\xebZC\x1b\x9d\xceY\xb6\xf2\xdf\x94{\xf7\xaf\x1f\xdd\xf7\xfc\xdb\xa7V\x0c\xc3\x90\xd0u\xf6Ib5\x1d!g\x10\xcb\x9c\xc5:ef@\xbe\xa80,\tH\xe53\xa3\xf0o\xb67\xb2}\x98=\xcaM/\xf6\xb9\xee\x94\x07\xec\xf5\xbf:\xc3\x86\\\xc30\x0cS\x14|\x0f}\xb1\xc5l\x16"/\xc2\xcc\xfdu\xa3?S{\xb8\x145&lt;y\xabl\xc9 \x85R\xe8v\x0c\xb8\x12|\x0b\x80wy\xafl\xa8&lt;\xd3?\\\xa81\x84\xfc\xa1\x90w\xd8\xaf\xfcp\xbe\xb6S\xc2\x14\xc92o\x9e\xb7~\x88\x87\x9dAaK\x06\xe1l\xc0\xecq/\x00&amp;\'y\xbd\xf3]f\x8b\xec\xeco\xa1|\x01:/f\x98P\xc4t\xb3\xdb\x01\xfb\x95\x19D\xf0\x95\xa2\xbb]C\xd3\x85\'\x84-\xa5\x0eD\xac&lt;.\x88\x90\xd8\x1c\x02Bmm\xcb\x83\x88+\xeb\x91\x8d9\x91\x9a\xfa\xbb\xa5\xa0\x93P\xea\x96\xad`,\xe2w\xbb\x9d\xe2$\xb6Z\x9f\'\xe2mr\x84\xf5\x9d\xd3\x94\x7f7w\x0e^\xa4\x8e\x8cigt\xf7H\xf0\xf9\x15\x02\x1c-\xfc\xbd\x15\x02\x0fGZn\xdeD4\xdb&lt;uTd\xb7\xab]}\xa66\x87\xb8\x9a\x88\x92\xfa\xb1\x91\xea\x1f\xa6\x91\xb7\xf4\xb77#T;\xec\xdd\xf5\xd7\xf76\xec\x1dc7!\xbeh\xbc\xbc\x96^LG\x84\x9f\x000[\xa0\xd0\xbe\xd1\xa1L\x9d\xb6\x19\xbe\x8cxn\xder\xb0\x11[\xd3\xf7Q\xf1|\x13\xe0\xa7\x8a\r("Fw\xd3\xb9?\xca\x80\x10\x95\xc3\xda\x07\x11v\xfb\xa45l\x17Z\xe3&gt;0\xd9\xbb\x08\x85\x87l\xf6D\xa2\x12\xca\xac\xe1\x9e^\xb5\x8byh6\x8a\xfd\x04\x80W\xd2\x00\xdb\xfb\xf0C\xa1\x11\x9f\x13\xcc\xdf\x00\x00\xc0yv;\xf6.\x99\x97\xa7?\x8e\xd9\xc7\x13\x9cG\x16\x1f\xd0\xdb%v\xb3\x0f\xfb\xf4\xc7\x90V\xd1\x94\xe6\xc22\x0b\x04\x08\xf8i0\x82\x08\xe2A*\x8bR\xc4s\xce\xa3\x83M\xb9ix\xf8\x99\xb2\x84|\x84+\x90\xfe\xdc\x95F\x1f&lt;&lt;B\x16!\x8d?\xe2\xe6a\x1d\xc6\xe9\xd1\xe7G\xc2\xe3\x00\xff\x84\x88\x08\x97d\x0b\x8fA\xd8t\xa0\xcf\x1a\x0c\xd3\x12vAf\x9b\x04\xd4\xf4?\x1d\xbb\x06\xe8\x8a\x9e\xbfS\x7f\xe3\xf4\xe90\tp\x17\x18fF\x9a\x0e\x1e\xa6\x05x\xdf\xf3\x05S\x15&gt;\x98c\x98V\xf8\xd3\xaf\xe5\xe9\xcc\xe5\xb9\x07]\x04\x7f\xb8\x82\t\x03\x87\xff\x0c\xc0z\xe0\'\x99\x12`\xa3Y\t\xac\xec#c\x1f\x13&gt;\x8b\xc5\xf4\x8c\xe33\x00\x0c\xb3\xa7\xf3\xdfF\x1d\x16\xa7\x19v\xbb\xa0ol\xd0/\xe1=\x9d^\xe8}$\xee\x01\xfc\xe9\xd9^\xe0a\x18\x95+u\x19\xe6;\x11\xe5\xad\xf7\xa8_\r\x14\xc8\xfc\xbb\xc3D:\xb6bt\xfd\xd7\x0f\x8fP\'\xe0\xe1\x7f\xf3\x7f[~J\x1e\xbf\x13\xff0\xf7Jq&gt;\xc6\x13c\xa2\x11\x1e\x04\xda"\x01\x03\xc1\x81\xc0\xd0r\xf9\xd6\n\x8c\x02I\xdc\xcd\xb9z5\xb8\xfa\xc2\x93\xcb\xfa\xe8j\xe3a&gt;\xd1\xe3\xa3\xbd\x86\xcc_\xff\xaa\xc7y\xea\xa0\xe0\xf4\xebHr\xf2\xd8\xf2a\xa2;\x8d&amp;\x7f\xe5e\xb2\x04\xa6\x00\xdeoR\xe6D\xc70\xa32g\xddq\x92\xad7\xe1\xd8.\xd8\x7f[\xd4\xfc\x8d\xbb\xa3\xf4\x17\x00r~*q\xfd\xf4\xf6\x08\x10\xff\xf8@c\xfeu\xbf)y\x96\xb9\xa0\xdc\t\xff\xa5\xb2;\x04 o\x1d\x84\x900\x9d$\x9c\xe72\xe5\xf1FM\x9d!\xe3\xb0c\x18&amp;d\xbb\xc1|\xc1a\xa5s\x98eF\x9bh\xc8g\xc6\x15\x9d\x81d\x9aF\xda\xcf\xcd\x13\x05\xd3\x02\x93D\x14\x93\x8cX\xfa\x17\x90\x8e\xb8\xff}\xc2\x12\xc2\x07\xc2q\x02\x10\xbc\xc5\xa2\'\xf4E*\xaf\x07\x18\x86\xd1@\x80o\x00\x9c\xbd\xb5\x1ak`\xb4\x13\x80\x9c\xf3F\xde\x99]@\xe7o\xe7\x8dE\xde\t@\x81GX\x11W\xb5\xc0\x1a\x90\xec\xfd~\xb7\xf4\xdd\x8e\xab\x7f7a\xee\x8f\x7f\x86\xa0\x85\x9f\xf7\xf7\xde\x19\x86\xd92;\xa1\xfa\xbf`KE\xc6\'\xed\xa3\xb4\xed\xc8\xd3\x93\x8b\xb2\x89\xdd\xee\xb6\xadU #\xdc\'\x8c\xcbG\xea\xddb\x9c\xcf\x9a\xe8d2\xdb#do\x06\xc9~\xe5&gt;\x01\xcf\'\xa9\x02\xb42\x1f\xbeM\x9d\x825\x87\xcf\xf4\xed\x95\xd6w\xd7\xdd}\x86a2\x19\xe8\xb9\xf0\x1e\x12\xda\xe1S|\xad\xd5(\x04"\xecf\x8fXc\x07\xed\x84\x9f\x00\x18\xedRj\xb7\x98\xcf\x01\x98t\xa2&lt;\xa7\x85\x9bQ\xb49\xc7\x9d\x14}\xfb\x95\xc3\xaaC\x07=)\xe7\xc7\xf5Ta\x98\xedq\xd9\xe5\xdb\xe1\xc6\xdd\x166T\xffJ_\x1e\xd1K\xefz\xa8Jw\xbb\xdd\xee\x98\xf6j\x14b\xb7\xdb\xf7p\xb5\x1d\x1c\x07\xe5\xab\x0c\xfb\x88@f(\xc2\xbf\r\xb3\x95\x8f\xb9\xbe\x014\xfc{\xd6\xac\xca\x7ffE\xb1\xb3\x8e^0k\x80\xbf\x00\x11\x00\xa6\xba\x7fe\xa6\xe8\xb9;=\xeb\xc60\xa4\xf0\x02`p:\x19\xb2N\xd4\xb0\xf0M\xef\x02\xc0\xaf\xbf}\xb5\xb0\xa6\xc0\xb9_k\x05\x18\xe6\x00OI\xcc\x80\\\x8c\xbf\xbc\x9f\x19\x88\x1fGo\x852A\xd41\xe6pCv\xc3\xfaMzO\x00|\xa5\xc6\xd3A\xbdX\x92n\xbfw\xb8\xd1\xe9\x16\xb6\xe4:\x88\x19\xc7c\xb73\xe8\xdb\xe9\xe9\xea\t,\xa5\x84\xd9\xc4r1o\xcb\xae\x8f.\x9fy\x12\xbcu\x9c\x8f\xd8w\x0e\xe1W\xac\xae\xec\xd7\x8b\x1at\'de\xeb\xf8@\x92~\xbb\x1c&amp;\xb6\xafl[~\xc7\x85a\x18\x80\xa1&gt;\x0cZ\x95\x95%\xf9M\x83\x01_[\xa9\xcc)\xa6\xebQ\xf8\xf2\x05\xf6\x8d\x95\xd0\xdb\x0f\x81\x01\xc0\xe1\xf3\x18\xfcu\x91\xa4\xec\xe8&gt;K\xb4\xb2Q\xe9\xb6;\x16\xc5&gt;\xea]&lt;\xd8\xbf\xf8(]\x99&gt;\xa9\xd6\xa1\xd5Y\x8e\xd9\xc3s\x8c\x196\xcbz\x08\xd9E\xdd_\xf2 \xd7oJ\xce\x05\xc4j|\xe3n\x01\xd7p\xe6o\x06\x1f61k%\xe4\x11\xa0\xa0;\xe18\xe3g\x00\xcc\xb7r@\r\x08\x0f\x19\tG\xb7V\xa06?\xb0?\xcb\xc1\x04\xb3\xed\x9c\xb9\x9fb\xfe}\x85\x16p&lt;\xe9$^\xb3\xfa\x07\xd1;_\xcc\xf1A\xe4@\xf0\x8f\x05\x06\x82\xfb\x87q\x1c\xb8\xf6l\xb4\x84$\\\x8c\xd3c&gt;\xc6\xdb\xd7\x1aMk\xed\x17\x00\xf4\xf1-\xe0\xcc\x80 \xff\xe6:\x01\xd4\xbftT\x1d\xcc\xf8\xb9\x9b\xe9^\x18\xb7\xfbV\xbcyu\x9ag\xd7\xd9\xfd\x89N\x1e\x01:\xd2\xfe\xd6\x9a\x97_k\x03\xe7\xff7\xd4\xa8U_\xe2\xdb\xda\x0bz\xf2\xcd\x9a\xcb\x11\x00ndxy\xa8\xb1H\xa0j\xff\xaa\x1b\x93\xbf\x9d\x9aIb\x07\x00\xafj\xadD\x10T\xdf+\xfa\x0f\x04\xba\xc8\xec\xb7\x89\xd1\xf0\x9b\xebc\x90\xb9{==\r\xb4\xc6\xfc\xe3\xcb\xab\xb3\xe1V?\x7f\x92soRil\xfeQ\x18\xf7\xc4\xb9\xbe\xda\xa8?\x05\x14u\xbb\xe1\xc6\xc3L\xa5N\xa5\xc25\x83\x8e\x0e\xc30\t\x8c\x12\xef(\xcf\x1d\tj#\x00\xc0\x11\xe4\x1bOi\xc9\xb9#\xce\x8cx\x99a\x95\xaf\xc2\x1fX\xdfI\x9c\x9a7\x84u\x1f\x13\xe06U\x15a\x98\x05|\xd3@\x11+d\x99\x0b\xc4\xa8-\xe4\xa6i\xdaC\xbc+"&lt;\xf0\xf0\xcf9mM\xd70\x0c\xc3tH\xe7\xbf,\xf6\x1f\xc9w^w\xa0\x99h\xa3\xbc\xc8\xf1\x91\xb9\xd4\xed\xb9\x91\x88:\xdcY\xec &lt;\x85\xb0\xc6\xe3!f`\x101\xee\x91G\x0c\xf8\x96\xb4\x82\xc8\xd9%X\x13\x9c\x1eb\x94&gt;\x00\xb0\x0fG\xed-\xa6\x0f\xf8K\'\x19F%\xe53&lt;\x88hz:e\xd5\x1f\x07b\xaa"M\xcck\xfd&gt;\xfa\xa8\xcf\x00\x9c^\xfe\'?\x9c\xca\x18i\xbb\\\x8e\rUi\xbf\xbc:j\xc3\xc1\x9a\x98z)\xce\x88+MX*\xc3\xed\xcd\x0c\xa70\xc3t\x07\x7f\xe1\x84\x87\x90o\xb9\xd9\x18\xb1\xd6\x106\xb9\xd7\xebhQ\x0b\x80\x1f\xf1\xc6?3\x02\xa6\xdf\xc0\xea\x11s\xb5\x1f\xba\x06\xd8\xed\x7f\xdbA\xfc\x9e\x8a\xdd\xe1\x8d\xf7Sh7\x04c\xe5\xe6tm\xfbt`\x86\x92\xc7/\x0f\xf5\rK\xca#\x13\tA\xe1\xfa\xaez\x063?\xb6\xbc\xce\x95C\xb4oL\xb3i\xca\xbd\xa3P\xa2c|\x0c\xc7t\x85\xfb\xab\xdc\x94\x07\xdb\xaa\xba\xaec\xa6\x0c8\xc8\x98\x9f\x02\x9ac\x8e\xe3\x8ea\xc6E\xff\xbdv\xfb\xafz\xd7\x08\xf6\xf0V\xf0\xec\x08\xa7\xeevsB[w\xd9\xa4 \xf4\xba\x8b.\x1f\xbe\xbe\x13\x12w\x1c\x1a?\x13\xdb\x0f\x88\xb8vO\xa6\xf8\x1a\xd0k\xab\xdfKn\xb9.mY\xc9\'YC\xe3\x18\xbb\xea\xc3j\xdeo\x17\xfe&gt;K-M&amp;\x1cyV[\x1b\xe8_\xef3\xbd\xea\xfaU\x81\xa1c\xa7\x89\xf2C[l\x0b\xbck\xf01r(\xbf3|;\xa1\xf9\xf2\x9d\xfbm\x99\xa3\x82\xf4\xd2@\x0c=\x8dD\x84\xff\xd9\xab\xb5[^\xe9\x15\xe23\x96~?!\x9aZ\xb5r\xf5\x7f`\xb7\x83\xbd\'w;\xc4}\x80\xf0\xd6b\x06Z\xbe\xdc\x90Y\x19?.)\\\xf7\x19\xb3\x17\xf5\xf0I\x7f\xf5\x0bA\xa5o\xf8\x91.8\xdcp\xd2\xf4\xbd\x19\xfb\x17\xed\x01\xf2u\x8e\x9dh\xd8b\xcc0\x04=\xea\x9d\x9a\xd9\xd2\xb2\xe2\xfe\xaeKl\xa6f\xeaa\x06Q\xe8M\x9fNa\x13\xd1\x81\xdaG\x84\x89\xe4\xb2+3\t\x04\xfb\xcc\xec`?\xdb\x81\x8f\x19\xd6\x00\xb6\xc5\x01"|q\xf9\x95\x9a\xed\xc2\xc9\x81Y\x03\xea\x9a?\xea\xb6\xe9.\xeb\x17\x1a\xe6\xe8\x94p_Zs\xa3\xd2K\x89"*\x80\xb7M\xd0\xa7\x8b^T&amp;\xb8\xbfI\xe1\xc9\xe4\xc2\x0b\x80\x11H\x08\x8c\x07\x15Qd\x01?\x17\xb3\x00\xe8\xe7\x94iR\xe6\x9e\xf6\x83\x01Q\xe1.tn\xc8\xf8\xc9\xe1\xab\xad\x15`\xda#LsQ\xce,$\x84\x06\\\xaaE\xa3L)\xc6\xcf\xa5\x05\x11\xa6]\xa6"[Z\x00\x8c\xeb^\xb1\x05t\xe2v\x97K\x81\x9c\x9b;\x0els\xf5?$%\x9f\x12d\x98^H\xf1\xc6\xa4\xe8&gt;\xaeqN\xf8N\xcfq\xd7\xd3g\xcf\xba\x83-\x10\xcf\xc03\xef\xd8\xf0\xc2\xab\x7fb\x16\x00d\xb5,\x02&lt;c\x96\x98!g\x8c\xd3\xbd\xc1\xab\x7f\x18y}\xcb0E\xd1\x0f\xf7\xe2\xee\xea&lt;wU@\xb0\x83\xf7ht\xd3\xb6b\x9fa\x92i\xe51\xdb\xf4\xd4\x81z\x1d\x93M(\x17\x00\xd3\xed\xf9\x95\xe5\xa3\x87H\x88?j\xad\x00\xc30\xe4()\xf1\x98\xa8\xbbFH\\\xc5\x99\xd7N\x16\x9b \xfc\\q+\x8d\xb0A\xd3\xf4\xc8\x88\x19\x9bV\xb9f\xa39n\xad]\xa6Z\x000\x0c\xc3\xac\x00\xd4\xfe\x08\xbck\x9b3\xa3\x03\xf3\x02\xa0\xd6J\t\xe1\'\xbb\x1f\x8e\x8dVSL\x8f\x04\xedal\xb5R\\m\x97\xab.\x00\x10\xe1\xec\xab\xb5$\xb3\n\xd8?WF\xb5\x01=o\xad\x86\x86\x01\x11\xe1\xabjEq\xc7\xc3\\sj+\xad\x98\x8e\xc1\xd4\x158\x93\r\xef\x04o\x0f\xe5\x04\xa0\xf0\xd0\xef[\xb9\x1a;\x18\xd3#\x9c\xfdV\x08"&lt;9\x7f{\x9e\xbd"\r\x048\x9f\xfe"G\x19ca\x8a\xd3\xad\xd6\xa28\xfdo\x93\x9eo\xd4\xe8\xe3\x93\xf6\x99N\xe9IM\xac\xf4\xfd\x9b|\xe8Y\x086l.\x9c\xfdV\n\x02\x9c\x9cs;;\x061lL\xc6\xc967\xa3O\x8f\x08\xbb)8v\x80P\xfbW\xa0\xf9g\xa7\x07e\x07\xbb?J\xb8k\xb7C\x00\xd8\xa1p\xea\x86\xa5\x1do\x96\x8c\xe9?\x8f\xce\x18`c\xe6\xb2\xdb\xed\xb66\xe5l\x83\x9c\xd0@^V\xd3\xb3{ck\r\x98\x01\xd8\\=\x8a2}n\xe9U\xdc-\x0e\xa7\x1fM\x06\xe5\xe0o\x1b\\v\x0bt\xe5\xd2k\xe1KF\xab\x16\xb53\x0f"\x03\x84n\xb0\xed\xac\xc80L%\x9e\xbb\x7f\x9cc\xcfO\xf5\x97t\xb4%\n\xc30L\x1c\x85\xb3\x07\xe7%\x86\x9f3\x11\xe1\xad\r\x86\xe9\x1d\xfd\xbc\x03-\xaf7D\x9a\xb8w;\xe8L=7\x1d\xda\x93a6\xc7&gt;\x89l\xee\x84\x97a\x9a\xc1\x8f\\2E\xa8\x92\xcc7\xe1\xbdGh\xaf\xec(\xba\x9d\xf2\xf1P\xfb[\x87q\x1es\xee\xde+\xcd{!\x0c\xd3\x92\xddn7|\xf5\xef\xda`\xe6\rW\x86\xe9\x94\x80\xb3\xc72\xf1+\x1e{\xee\xff&gt;\x8d\xb3\x84\xc2\xa8\xcaG\xf1\x00\x00 \x00IDAT}\x8d\xaf\xee\xbf\xac\xa4\xb2*\x9d\xd0\xe4I\x9b\xc0\x00\xe0y\xae\x07\x10\xe0\xd8\xd6:\x88\xb0K0\x9b\xa6\xf3\x0fq1\xcc\xa6iTJj\xcf=\xae&gt;9\xc4v\xd0\x920\xb7\x9cN\xdb\xcd%A\x0b\x80\x8d\x8eJ_\x84\x0f\xc1\xed\xa6Oo3LcV\xbc\xa3\xc3\x9f\x92\xda\x0e&lt;\xca\x0cc&amp;4.\x96\xef\xfe7\xdf\xb2\xe9\xcf\x9d\x8a=\xafZm\x07T\x8a\xef\xd9\xe6\x90tH\xe8\x10\xf0x\xa5\xe2~\xde\xe3S\xf5\x14Y\x0b+v\xc5\rOW\x9b\xa3\xd7\xbd\xc9[7j7\xd8\x0e\x9d\xda\x8di\xc5\\\xe2Z\xde\xfa\xeeV3\xaa\xbc\xfe\xa9\x163am\xf1\x8e\xf2Pl4\x84\xb2a\xbb\x91\xb3n\x93\xf2\x02`3\xb4\xa8b\xef\xd4\x9b_E?\xd9\xc2\xd1\xc1h\xd8\xfc\xe1\x0bU\xb5\xe8\x98\xfcI%\xe6\xde\x9bl\xfec\x00\xcb\x12h\xd5\xddd\xbc\xf0tU\x82\x15\x9b\xb4\xf6~\r\xd3\x05U\xea\xda\xfer\x91\xf2h{\x90z\x9du\xa1\x15\xbd\r%\xd39WN\x9dT\x8alJ\xad\xba0\x12\xa6\xf0\xe6}l\xae\x003(Ob\xe7iD\x0fy\x83\xa9\x8a\xfd1\x86d~\xcd\xd8\x0ci\x13\xf9\xa0\xf3\x9f\x8c\x95\x15\x97OL5n\x122\xd9\xc8\x9f% d\xc5\x1e&lt;/o\x9a\xf7\x91B\x01D\x80\xf7\x12\xc8aF\x82\x1f\xd2c\x98\xb1\xe0\x98e\x18\x11D\xc4\x9f\xe4\xa0\xf0q\xbc\xfbm~\xf0n\xab \xc5\xf3c\xcc\x88\xf0\xa03L5Bc\xed\xf2\x9e\xa8\xe4\x98e\x18\x01~\x9c\x92\x026\xe2\xfa\xb0\x0c\xa8&gt;\xc1\xdc\x90G\x7fk\xe0\xba\x1f\xd2c\x98\x8e\xf8R\xcc\xa7&gt;8*\x19\x86a2\xe9~c\xbb\xf8g\xc2\x0c/\x15y\xd6\x8b\x19\x11\x048]k\x1d\x18f\x13t?\x19Ag{@])\xc30-9\xa2\xb5\x029  \xc2-\x9b\xc5s\xafi\x17\xe1\x94\x8c{\x83\xd8%\xbc\xc3l\x86\x1d\xc0\x8fZ\xeb\xc00\r\xe8uRhK?\xb3\x02\x8f\x0e\x13\x04\x7f\x9d\x9a\xce\xc3Z+\xa0\x80M?\xba\xd4\xadsd8n\x861G\xd8\x88b\x18\x86)H\xb1\x1ch\xfdj8N\xbc\xeb\x85\x87\xb5\x1a\xea\x8f\xderX\xf5O\xffK4\xb7\x86k{`\x06\x11\xe1\xafV\xd5#\x86\x19\x13s\xe6\xb9&lt;\xcfj\xc3\xc2\x15\x89\x06\x7f\xc9\x04C\x85\xf6\x00\xf3[\xfb//\x99\xae\xd9\xfb\xd3=&lt;\xd7T\xc3|\xa4E\xfd\xf5\xac?\xc31\xc30\xcdY\xdb\xe6\x02\xc3\xc5\xae\n\x1b\x84!\x83?\xc1\xc8\xd0\xf2\xf7]\xf9\x93\xedWB\t5\xec\xa7\xb3\x99&lt;\x1b\x11\x01\xbe\xdfZ\r\x86I\xa6\xab\xe4\xc3\x10\xe0\xfa\x99g\x1ek\x86\xf1\xe3\x0c\x13~\xe8\x9f!\xe2\xc5\x87\t\xb8Z^\x0e\xf0\xdd\x98\r\xa4X\xb5;?\x8a\x8dT\x0c\x11\x11\xdf\xd0ow\x18&amp;\x93\xe3Z+\xc0\xa4\x91\\\xa3p6c6\x8f\xf7w0\xde\xc6a2\x18\xe5K\xcf\xd8u!\xe2ep\xfa\xc0V\xad5@\xb0\x11\x02\xafI\xa9\x98;^\x00D\xe2\xd8ic\x98\x15\xc0\x1e\xbe9x\xac\x19\xc6\x0b\x87\xc9H\xa0H\xd16bU\x823\xe0\xfcB\x19\xbd\x0c\xcd\x86\\\x06W/\xf5%\x15\xab*)V\xb3\x98a\x18\x03\xebZ\xb13\x0cS\x95\x1f\xb6V\x80a\xa6\xa2S+=\x8f\xa6m%\xa6\xae%\\\x90\\;\xb2\x9e\xbe\x84\xe7\xfdE\xb1\x9bdh\xe5j`\xf9\x15X\xae-\x18\xa6cx\x01\xc0l\x1e\xf6\xffA):p\xe8\xae\xe2V\xb5\xd1\xb9J&gt;\xdcpb#&lt;\x91\x90\x84\\2W\x9a|\\\x92/\xcd\xd8\x82\x18&lt;Q\xab&amp;\x8e(\xa6.\xeco\xccZ\xe1\xe3\x9d(\xd8PupT\x05\x97\x9e\x1e\x96n&gt;\x16\'\xcb\x8f\x95\x18\xf5i\xae$%\xfd\xfcD\x1f!\xd8\xac_\x82\xcb\xecv\x99: b\xbe\x10M"\x00\x98u#1\x1a\x82\xfc\xf8L\x90\xfe\x88\xb0\x03w\xeb{\xcd\x0f\xc2p\xfekys\x07\xca\x8b\x0c\xc30\x9bC\xacZh\xa7\x0f\xa69\xd3&lt;8\xe2\xb0\x1e\x81\xf8#\x80y\xaa/8\x83\xe7XI)\xfa\xedB\xda\x15\x99\xa4\x1c\xd1Z\x81\x12\xb4\x1b\x18\xa1\xe5K\xe6\xee\xc1\xecv\xbb\x9f\xce\x93`\x90\xb8+\x9b&gt;\x8c\xeb\x8a\xf8\x9b\x1cB\x8e\xd7\x16\x19\xa1\xcd0\x0c\xc30\x0cS\x9f\x1f\x1f\xea\x0em\xba?L\xe6DU\x89\xfd\xec+\xa8F\x08\xd6b\r\xd5?C\x0fj\x00&lt;\xab\xb5R%p\x84\xd3\xfc1\x00\xb2o\x1d\x15\x1e+2\x9d$F?t\xc4\xd4\xe1^&lt;(uak3\xfc\x01\x8f=\xef\x00D\x80\'\xb7V\x83\xf18d\xe43\xc3\x9e\x8b)\x9esv&gt;\xc6\xcc\x91\xc5\xb8\xd0W\x00k\xf4\x98\xf3\xe7\x16\xdc\x17\x9bn\x0f\x92\xb3V3v\xc3(\xb6\x1dE\xcfV\x9c\xd0Z\x01\x86\x9e\x8c\xec\xb7\xedx\xe1)\xa3\x0f|\xf5=""&lt;\x93f\xb0\xca\x17]\xabr*&gt;\xc8 \xe7\xe0{\xbb\xdd!\xff\xac\xf4\xf1\xf4\xccg\xe0\x16+\x01@\x90(\xc45\x9a\x91a\x18\xc6\x89\x9c+#n;\xdc\xc7i\x93\xe9\x1a\xc2\xcf68?\xe8\xc8\xa8\xac\xf23\x00m\xd9\xedv\xfb\\\xbd\xdb\xb3\xd2\xb25\xb3S\xf1\xb7\xaf\xd3\x8c\xcc\xcaX\xd5\xfe\x10\xd3\x05\x99\x93\x08?\x1e\xc9\xf4\xcd\xee\xea\xa2\x83\x93\xfb*;?\xd3\x92\xcd\xfa\x9f\xa7\xe3\xab}\xaa\xe7\x85&lt;\xe3n\x91\xc8\x87Y\x19\x86\x90\xd3\xe9\x8e\xb7\xee\xc7P\x19\xc6\x02J\x7f\xff\x0e\x89\xf3\xf3\xaf\x1b1A\xb0\x97\xec\xd9T%\x84\xda?\xb7\xd3\xf7Nhl\xf3\xa5\xd2\xea\xeb\x87\xf06[\xfc\xbd\xad\xb5\x02U\x99\xaa\xfcO\x9b\xdf\xd8\xa8\x0f0\x0c\x15\xd6\xac&gt;tp\xf1c\x15\x0c\t+\xf9Z\\fL\x96\x9f\xdf(\xd8\x06\xa2\xeb\xb9Rm\x1e\xe8\xe1\xc3?\x1b~"\xb6\xdb\x8cTD\xb1\xe9)j\xe8\xb5\xd7\xcc\xfa\xe86\xc4j\x82\xe4\xbf\xd7T\x93\xd2\x9f\x01\xe03\xf1-P!\x11\xb0\x171\x0e\x1e\x04\x00\xa5\xab\x7f\xe3\xdf\x0b\xfb\x0f\xfc\x88\xb7\x94\xd3&amp;\x98\xce\xe6\xa5\x9ag#\x9du}\xa1\x88b\x93\xf7u\xdbkf}\xcc?\xcc\xb9a\xb6\xdd{\x0f\xfc\x00b\x01\xfa7&amp;\xb1\x86\x82\x17\xcd\xdf\x1c\xca0D\x04d\'-\x89]\xd4r\xe1C;\xfc\n`1v:\xd0\xa7\xb9\x02\x0c\xc3\x10\xb2\xe9\x88\xee$\xc9\'Sv\xc3`\xc3\x07\xd0\x85\xc0s"|\xcd\xba\xd3C\xfa\x93z\x94d\x1d\x11\x08^\x04]\xf6\x8e\x19\x91\xc9\'}_/\x1b\x94\xc4\xec\x93@\x1f\xa9o\xce\x0c|j\xbfy\x14\x87G\xc4^\xbc\x94a\xfa\xc5\xfc\x94\xdd\xe0\xe1S\xf6\x11\xa0\xddD\xd1V\xba\xa4\xd0\xa2p\xf7\xb5\xddU\xecS\xf8n\x95\xb3\xfbN\xfds\xe0\x057\xd3\x0b\xef\x83\x83#9#&amp;pw\xa7{\x8f\x9c3\xc3\n\xf3\x03\x13\x87\xec\x02\x87C\xd5\x91w1\x99\x1eY\xadG\xc9\xf13z}\xcb\xcf\xe8\x97\xa1\xabo\x02i\xce\x97\xf3E\xf0#@\x0c%aG\xb7\xea\xf3&lt;\xf6\xbb\xf4\x87\x7fF?\x1dn\xc4\xdeb\'\x97\x14\xbebR:X\xba\x06\xe0(\xd8 ]\x0e:\xd7\xba\x1a\xdb\x9d\xa5\xfa\xfa\xb6\xbe\xde\xc8\xff\xf46q\xb0!"\xbc\x96\xc7\x8b!"i\x01\xe0(\xeby\x01\x90\xcb\xde\\\xb7Dg\xea`\x93\xd2q\xf9:\xf5\x10W]\x1b\'\xbf\x96\xa0\xe2\x90\x93_\xcd9D\xa0\x93\xb1\xa9\x8d\xb8\xab7\xbd\xf6\xd2\x96\n\x15\xc1=\x9b\xban\xa4(_\xae\x98w\xbb\xc2\x16\xbd\x94)F\xd8\xfa\xdfV\xd6\x1b\xee]\xfd\x02\xa0}_\xba\xa9$\xd6A5K\x96kh}Q\xb6:\x10\xe1l\x9d\x0c\xd0\xf4#-\xec0\x13#?\xbd\x94\xcb!o\xac\xfa\xa3\xa5\xe9\x1f\x0b\xc6\xe8/\x96&amp;\xfc|!\x7fT\x91)MPh\xd8j\x0b\xfbw\xfc\xabw\x8c\xfd\x84\xa8D\x0fQ\xd9V\x87\x1e,\xb0f\x101r:\x9e\'\xf1\xb5\x8e\x0b\xbb\x1c=Sm\xc3\x86-\xfe;\x00=\xb3\xdb\xed\xd6]\xfd\xefI\xec\xddq\x00\x10\xf3I\x1eD\xba\xcf\xfd\xf0\xfa\x9c\xf1\x90\xeb"\xc26P\xd2c\xd3\xd6w\xaa}&amp;\xac\xfe^x\x0fy\xb2\xa5\x0e\x88\xc0\xb9\xa9(\xbb]\xec\xf7X\xf4\xe0\x93\xa5\xe0\xb3\r3\xd9F\xd9\xed\xb8\xfag\\\xb8=\xec\x9dC&lt;7eyP!\x8aw9\xc4\xeb\xed\xd1\x9d\xac!\xc0\x99\x89D1k$\xdb\xd3\xf6O\x0e\xfc\x1a\xfa\x9f\x91\x8b\x7f\xb0g\x95\xcf\xff0}~\xae\x91Y1\xeco*\xe5\xf3\xea\x93K\ng\x86g\xfeDK\xef\xc1Y2T\xe6\xfa\xa6w#\xb4\x80mR\x81c#\xaf\xd7}U|\x94\x9fr\x01\x10\x13w\xec*L;\x1a$pv\xf8\xb5\x81\x88\x00\xff\x14v\x19U\x83\xb3(~\x9a\x9f\xa9\x07\xee\x1d.\xb5\xf0-\xe3\xa9\xf6}\xf7\xa2ke\xae\xfe\xed\xb0Y:\x04?\x8d\x08\xf0\xb7\xca\x8b!\x83e\xfel\xef\xb2\x120J@\xf1~@\x048\x97Qll7\x18\x86\x88\xffl\x91\xc3\xd9\xe1\xd7F\xa0\x17\x91\xe6:\xd4\xfe`\x98\xe2\x04\xed\x17V\x04\x03\xbe\x03\xa1\x13U7\x05\xdb\xbcKR\xcb\x1d\xdf\x02\xc0\xd8\x90\xc0\xe5\xa6+\xe5\xd7y\x01\xc04\xa5\x92\xef\xad\xdc\xc9\xd7\xdd\xbb\x10|\x16\xe8\xef\x89\x89\xae\x94a\x98d\x88\x9f\xc39\x8eHN\x03\xf8Db`\xced\xf8JM\xcf-)\xf3.\x02\x9c)\xfe\xae}k1\x0b\x00\xfb\xed\xec\xa2\xc3\xb2\xac\xdf^\xbb\x92\x9a\xaf\xe6\x02`\x1d\x16c\xe2\x89\xc9\x93u\xe8M\x1f\xa6o\xba\xfe\xd6X\xda\xaa\xa2\xdbn\xfa\xd1wX{\xe5\x9f[+\xd0\x1d&amp;\x1f\x0e\xdcU\x8ak\'\xcf\xc3\x8d\xd5\xff\x9bc\xef\x15_\xcbP&amp;\x1e\xae\xc32\x99\xbf4j\x1d\x96\xac\xe5~\\lm\x1b^\x000\xe3!\xfa\xc7\x13\xfbN\xf7=\xeb\xc60\x01\xc4WT)\x1b\xea\xd6\xbc\x1f\xb5=\x1f\xbd\xfd\xaf\xdc\xd6.`\xff_\xa3v\x13xGk\x05\x8cp\xa6M#(\xac\x8ak\xc1\xd4C\xdb\xcd)Rp\'\xd6\xf1\xa4\x0b\x80U\xec\x05\xf8\x18\xa2\x87C(\xa9\xb1\x8e\xcd\xa46\xb0\xe96L\xc2\xc9\xb2\xe5\xfa\xd3K\x05}\xb8SE\xfb\x1e\xef&lt;\x05\xc0A]\x08\xb6*S\x89Z\xdb\x1c\x89\xfb)\t\x13\x87\xf1\xd5\x0e\x0f7\x120\xfe\x10\x98\xd2\xa5\x8c_L87B\xdc\xb4\x9aF\xfd1H{\x04Y\xc3\xfa3d\x08\xf0\x1b\xf1Ml\n\xfe!\x8f5\x11\x19P\t\x83o\xf9\xe5\x97\x1f\x8aJ \xc0\x8fJi\xb0\xdbU\xfb\x8d\xb0|\x10\xde\xd5db\x8b\xfd\x1d(\xc6\xcf\xb4\xb6\x1d\xbbRaV\x03Q\xdd\xbc\x13\xfe7\x81\xef\x06\xb7clb\xcdi\x8a\xf6\x0b\x9b\xaa,\x00\xaaf\xb7\n\xcdq\xb2f6D\xec\xe31\t\x0f\xe1\x04\x08C\x1c\xe6\x93$\x0c\x13\xcc_\xb5}\xf6\x8c\xd9\x08q\xd9\xbb\x99C\x1e\xcd\xb1\xb0\x90\xb3\x8e\xc1l\t\x84`7\x9at\x02N&amp;a\xb30\xbd3\x97\xf2\x01{\xe4R\xd9O\xb2\xa7\xae,$v\x1c5\x11TI\xbc\x88S2\xe3qa\x98\xf1\xd9G4\x87sk\x8c\x8f\x00\x05\x83\xd0\xcdZ\xaa\x03O\xeae\xfb\x10\x0f_\x8a#\x9d\xfa\x0e\xf1\x94\x14\xd3\'\xc5\x87r7\xe1\xd5\xa4D\x84i\xcdv\x90L\x86\xa1\x82\xadn3\xad\x0e\xcb7\xc50Lq&gt;\xb4\x8f\xe8\x80l\x1e\xf7E\x0bB\xc5\xe3(\xc6\xb82!\xa0\xce\xb3=\xa3\x80\xd0\xcb\x87\xfc\x96\xc7\x18Z\xeb\xc3\xbe\xb1\x12\xbay~\x00\xf5\xaf\xe2$\x14\xfeuDD\xfc-\n\x99\xad\xbf\xf0g]\xa4\x0f4\xdb\x9f\xe9\x03\xd9\x81\x9f\xb1\xf5\xe4@\xff\xbc\xa5\xfc\x0c\xa7{v\xe8\xa1NcJ\xd1`\xab[t\xbb\xea\xadk\xaat\xb1\x0e\x01\xc7@py4\x1a!#u\xb7:\x03\x1a\xb5\x00H\x8a\x05\xc2\x05\xc0\x86(\xd7\xe5d\xc9\x88\x08\xcf\xda\xd6(0\xbd"\xfba\xbf\xc9\x01\x01.\xe9\xbfH\x99\xc1c\xbbS`\x07G_\x00\xb8+\x10\xaav\x99A\xa1\xdc;DD\xb8U\x17.\xd5\xd3\x02\xc0\xca\x10J2\xf1\xd4\xfb\xf6\xb7\xd05$\xbbY-*.\x00\xc2\xdd\x8cw\x19\x18\x86\x1e9\x03\xc7\x07~\x81\x05\xc0^\xae\x10\xef\x1c\xf8A\x9c\xbe\xb5\x02+`\xb7\xdb\xf1G\x90\x99\xce\xa9\xe0\xa2;@,\x1f\x07\xfbp\x83\xa0\xee\xf0\xa7\xccj\xb1+6\xe5\x</t>
        </is>
      </c>
      <c r="E731" t="inlineStr">
        <is>
          <t>&lt;class 'numpy.ndarray'&gt;</t>
        </is>
      </c>
    </row>
    <row r="732">
      <c r="A732" s="1" t="n">
        <v>730</v>
      </c>
      <c r="B732" t="inlineStr">
        <is>
          <t>steps_per_sec</t>
        </is>
      </c>
      <c r="C732" t="n">
        <v>8200</v>
      </c>
      <c r="D732" t="inlineStr">
        <is>
          <t>3.0237837</t>
        </is>
      </c>
      <c r="E732" t="inlineStr">
        <is>
          <t>&lt;class 'numpy.ndarray'&gt;</t>
        </is>
      </c>
    </row>
    <row r="733">
      <c r="A733" s="1" t="n">
        <v>731</v>
      </c>
      <c r="B733" t="inlineStr">
        <is>
          <t>Loss/RPNLoss/localization_loss</t>
        </is>
      </c>
      <c r="C733" t="n">
        <v>8200</v>
      </c>
      <c r="D733" t="inlineStr">
        <is>
          <t>0.08506957</t>
        </is>
      </c>
      <c r="E733" t="inlineStr">
        <is>
          <t>&lt;class 'numpy.ndarray'&gt;</t>
        </is>
      </c>
    </row>
    <row r="734">
      <c r="A734" s="1" t="n">
        <v>732</v>
      </c>
      <c r="B734" t="inlineStr">
        <is>
          <t>Loss/RPNLoss/objectness_loss</t>
        </is>
      </c>
      <c r="C734" t="n">
        <v>8200</v>
      </c>
      <c r="D734" t="inlineStr">
        <is>
          <t>0.021645553</t>
        </is>
      </c>
      <c r="E734" t="inlineStr">
        <is>
          <t>&lt;class 'numpy.ndarray'&gt;</t>
        </is>
      </c>
    </row>
    <row r="735">
      <c r="A735" s="1" t="n">
        <v>733</v>
      </c>
      <c r="B735" t="inlineStr">
        <is>
          <t>Loss/BoxClassifierLoss/localization_loss</t>
        </is>
      </c>
      <c r="C735" t="n">
        <v>8200</v>
      </c>
      <c r="D735" t="inlineStr">
        <is>
          <t>0.09901537</t>
        </is>
      </c>
      <c r="E735" t="inlineStr">
        <is>
          <t>&lt;class 'numpy.ndarray'&gt;</t>
        </is>
      </c>
    </row>
    <row r="736">
      <c r="A736" s="1" t="n">
        <v>734</v>
      </c>
      <c r="B736" t="inlineStr">
        <is>
          <t>Loss/BoxClassifierLoss/classification_loss</t>
        </is>
      </c>
      <c r="C736" t="n">
        <v>8200</v>
      </c>
      <c r="D736" t="inlineStr">
        <is>
          <t>0.08519939</t>
        </is>
      </c>
      <c r="E736" t="inlineStr">
        <is>
          <t>&lt;class 'numpy.ndarray'&gt;</t>
        </is>
      </c>
    </row>
    <row r="737">
      <c r="A737" s="1" t="n">
        <v>735</v>
      </c>
      <c r="B737" t="inlineStr">
        <is>
          <t>Loss/regularization_loss</t>
        </is>
      </c>
      <c r="C737" t="n">
        <v>8200</v>
      </c>
      <c r="D737" t="inlineStr">
        <is>
          <t>0.0</t>
        </is>
      </c>
      <c r="E737" t="inlineStr">
        <is>
          <t>&lt;class 'numpy.ndarray'&gt;</t>
        </is>
      </c>
    </row>
    <row r="738">
      <c r="A738" s="1" t="n">
        <v>736</v>
      </c>
      <c r="B738" t="inlineStr">
        <is>
          <t>Loss/total_loss</t>
        </is>
      </c>
      <c r="C738" t="n">
        <v>8200</v>
      </c>
      <c r="D738" t="inlineStr">
        <is>
          <t>0.29092988</t>
        </is>
      </c>
      <c r="E738" t="inlineStr">
        <is>
          <t>&lt;class 'numpy.ndarray'&gt;</t>
        </is>
      </c>
    </row>
    <row r="739">
      <c r="A739" s="1" t="n">
        <v>737</v>
      </c>
      <c r="B739" t="inlineStr">
        <is>
          <t>learning_rate</t>
        </is>
      </c>
      <c r="C739" t="n">
        <v>8200</v>
      </c>
      <c r="D739" t="inlineStr">
        <is>
          <t>0.039606266</t>
        </is>
      </c>
      <c r="E739" t="inlineStr">
        <is>
          <t>&lt;class 'numpy.ndarray'&gt;</t>
        </is>
      </c>
    </row>
    <row r="740">
      <c r="A740" s="1" t="n">
        <v>738</v>
      </c>
      <c r="B740" t="inlineStr">
        <is>
          <t>train_input_images</t>
        </is>
      </c>
      <c r="C740" t="n">
        <v>8200</v>
      </c>
      <c r="D740" t="inlineStr">
        <is>
          <t>[b'1024' b'1024'
 b'\x89PNG\r\n\x1a\n\x00\x00\x00\rIHDR\x00\x00\x04\x00\x00\x00\x04\x00\x08\x02\x00\x00\x00\xf0\x7f\xbc\xd4\x00\x00 \x00IDATx\x9c\xec\xfdy\xfc\xff_9\xe0\x8f_\xe7\xd3\'4(R)K\x8a(\x8ab\x98\x88l\x99\xcaV\x12Y\xb2\x0c\x83\x19\xbb\xb2\x8d\xec\x0c#\xe6k\x99\xb1\xef%\xc9^\x86\xc9\x9e}\x89\x10Y*\xa9\x11JI\xe9\x17Jr\xfd\xfexlg}&lt;\xcer\x9ds\xae\xf3x\\\xf7[\xbd?\xaf\xd7\xf3\xf5x\x9es\x9d\xeb\\\xe7:\xd7Y\x1f\x00\x82 \x08\x82 \x08B\x0f\x10\x11\x00+\xe7\x80\x8f\xc2\x98,~\r\x11!\xea\xc9\xab\x81\x131\xcaA\x1f\rD\x14\x84\xd3 \rF\x10\x04A\x10\x84\xee$\xc5\xf1x\xcb\x11\x06\x00\xaa\xb7\x00!\x10\x11\x94b+\x9e\xd0\x07DT\n\x18\xdb\xad \x08\x82 \x08\xe7\x03\x93b\x0f=\xe8W\x00@\x12\xd0j\x89\x96G\xc87\x14~\xbf\x16h\xfcG\x10`\xb1|\x96\x03iA\x10\x04A\x10NLZ\xc0\xbd\x06\xe8D\xd1\xbf\xbd\x8eP\xbe\xaa\xc0y&amp;5m\xb0%\x9c\x9e\xd5\xdceiH\x10\x04A\x10\x84\xc6LqH\xfb \xc4\x1b\xee\x17\x0e-\xb8\xae\x00\x00H\xf4\x7f"\xf0\xd7\xe8\xe6\xed%\xfa\xbf6r@M\x10\x04A\xe8\xc1\xd6\xfb4\xed\x86B\x93\xfd\xd2\x17\n\xdca{\x02F\x18\x8a\xf5(\x95\xd8\x12\x19\xa2OA\x10\x84H\xba\x9c\xe8un\x1fB\xf8d\x04D\x88\xbe\x95(\x84L\xa6\n\xd5I_2\x9b\x8e\x80\x83\xd8\xa70a\x9c\xa6\x92% :\x10Q\xf4)\x08\x02!\xbd6\xc94\xa0G\xd1\xb6\xde\xcf\xc9w\xfeS\xb6&lt;\x9c\xb7\x00\t\'A)\x95d\xa0\xb2Z \xe8\x90L\xb7&lt;W\xa6\xba}\x9c\xb2\x93\x16\x04\xa1\x1fS\x88\xdc[\x8a:\x04\x83\x99\x1a\xd7}\x1e\xa57\xfd\xe9\xc3\xc8\xf2\x13\x04A`F\xf9U\xca\x9cob\x16\x04A\x10\xc6\xa5\xce}\xff\x9f{\xf4*\xb1\xe5C\xd9\x02$\x08\xc2y\xd9Y\x03M\xfb\xbeLx\x0bB"\xb2!S\x10\x82Xq9UK\xf1\xdf\xf9\xb3\xf4_N\xa6\xb2\x05H\x10\x84s\xa2VzKr\x0eJ\xe7\x8d\x84\xcb \xcbf\x82\x10\x0b\xe18Y\xa9\xb7\xf1%.K\xd9\xc2\x15\x11\xa3\x17\xca\x903\x00\x0b\xb2!JH\xa0n\xc3\x11#\x14\xc6\xa6\xc2\xe6\x1f;\x07\xf8\x0b\x9c\xee\xbf\xf6"[\x80\x84\x933\x1f\xbd\x87\xf3\x9e-\x12\x84VHk\x12\xd8 \xaf\xfb\x14\x06\xe7\xaf\x11\xdf`\xfe\xb1\xe2\x1auxxQ\x92\xa9\xb4\xbd\xb3\xb0\xec\xd3&lt;#\xa5[\xc0\x05AX9\xf1%}\xc2P \xa2\x0cDGG\x86p\x00\x80\x80\x95\xcc\x18\xd7\xe4C\x94xr9\x03@M\xcf\xcd\xb5g]N\x9d\xed[B\x16\xc1@\xf6\xb1d!\xa7)\x04\x0e\xe0\x1c\xdb\x08\xe3"\xb57\xa1*\x0ebw\xa3\xff/,K[\xba\x01bdv-\x85\x84\xc9\x03\x947\x16\t&amp;\xd2\xd6\x04aT\xb4\xb1{\xa7&amp;,\xeb\x0f\xc2\x00\xecOr\x15\xb6\x1dY\x01\x10z\xb1;\xb0u\x908O\xd0Y\xa2\xff\xder\x08\x82\x90\x01\x93\x96+\x1eD\x18\x96\xf2\xa0H\x06\x00\xc4\xc8\xf2z45W\xcd\x08xLo\x018\xc0v\x85w\x9b=\xec)\x85 \x08\x99to\xb9\xd2S\x0bWG\x1a\x80pJ\xa6\x001\xdb\xbc\xa7w\xdf\\\xbau\xb0\xdb`\xe3,\x85\xca\xcb\x89\x04a`\xa6\x06\xcd\xc7\xc3\x08\x02S\xd0\xdd0A\xd2\xfd\xc9\n\x80p&amp;p\xb9\x96w\xea\\r\'\xb0\xd9N|\xb7\x82\xe1\xe1ZW\xa0\xa2*\x16\x04\xa1/\x8a\xf9"\xb0 0A\x81\xb9\xb5D\xa9\x8f%\x99\xfcb\xdb\xfc\xe4n)!\x81W"\xde\xe8|\xc8h\xf6z8\x10\x91\x97\x02\x83C\x12NB\n\x82 \x08\xc2\x18p\\\x01\xf8B\x94\xe8_H\xc2\x17\xfdg\xa6$3\xca\x00\x00\xc0\xee(\x0b3q\x04A\x10\x84k3\xfa[\xd5yu\xaa\xab\x1e\xa5\xb7\x17\xe2\xb1\x9a_\xb6\xf1h\x17\xcb\x88\xf9\xb1\xc4s\x0c@jJ\x10\x04A(!g\xd2Y\xef\x8e\xdc\x9eh\xff\xafL\xe0\xb8\x02\x00\x00\xb2\xb5W\x88\xe6\xf7\xf5_\nZ\xdalr\xc3\x0e\xe6/\x07[\xaf\xda\x1b\x14\xff)\x08\x82\x10\xc0x[k\xee\x0c~l\xf4\xef\xfeJK\xc9\x12\x04\xdb\x01\xc0\xe5\x18w\x15\xa9/\x88\xf7\xa0O\xf4\xa5R\x17\x1c\xd1\xde\x1c$\xd1\xbf\x9f\xa5/\x10\xe5\x08\x82 x@\x04\xb8\xfd\xf6[ajnG\xd42\x96\xdb\xf2\xca\xca\x94\xed\x00`\xc4\x0e,\xbf\xd6\xa7Z\x941@W6\x93\xc3\xd7\xee(\x86\x10D)P\xf3t\xcb\x88\xfe\xa1\x01\xccnn\x15\x04A`\x86R\n\x9e\xab\xb6\xdf&gt;2\xcfg\xaa\xe5\xa5O\xdd\xfc\xad\x1e1\xe6\xc5\x8e\x0c\xbb\x8a!O\x00\x17\x9e^\xd8f\xed\xa4\xf3N\x84p\xa7\xdd\x10\x9b\xf6\x04A\x10\x04\xa1+C\xc6i\xcdh\x12K\xd83\xc6\x19\x19U\xafBv\xaf\x13\xda@@\x9a\x80\x9b\xa8\xb2\xa5Ee\xb1h\x9f\xe4\xf0.cs\x15\x04A\x10\x84\xee\x14\xbegS\xa0\xc0\x8c\xff\xf3\xa6\x8f\xdd\xeb\x13\x89Q\x8a\xe9\xa9JD\xfa\xd9\xf6\xb2\xc0Q\x9aS\x16\xa4\xd1\xba\x84\xfe\x82 \x08\x11\xc8\x8c\xd5eQr\xcd@\x7f\xacJ`\x1c\xba\x9c\xcfV\xac\x12\xbd\xc9\xfa\xeeYA\x10\x84\x01\x11\xf7%\xc4c\xf7w\xa3_\x88nq\xd4\xa1\x9f\xaa\xb0\xc2\xa0\x0c\xd3\xe8\xc6\x90\xf2&lt;\\A\xdb(\x83.A\x08\xf3\x17\xbd\x05\x10\xae\x03n\xb1\x08#\x9f\x9c\xdf\x0f\xee}\x11q\x98\xc0K\x18\x92h\xbb*6\xc2\x82-@S\xc6)\xeb\x0e\x88([,\xdapr5\xbf\x01\xe2_\x03\xc8"\xb4 \xf8X\x8e\xb2H\xfb\x10Z\xa0\x07!|l\xae$4\xda\tT$\xea\x17\xca@\xc4\xfd-\xfb\xd1\r\xa88\x9e\xce\xbe\x06\x14\xf3^6C4h&amp;H\xe4\xd4\xc3\xf7\x93\xdf\x938E\xffp\xfaq\x8e\x90\xc0\x93\xa4k^y\xb6\xbc\xd0Z\xe8\x04+\x9f\\\xf5&gt;\xe7\x0e\xb3\x99\xb2\xec0&gt;S\x05\x0e]\x8b\xfa\x12XdA\xc8V\xcd\xa6D\xeeR\x96N\xba\xfc\x02#\x88\xaaO\x9c\xe9\xc9\x90\xda\x14\x04\xa1.\xfd6\xff\xc8\xd6\xa33\xc0*\xf8\xcc[\x01\xd0\x07\xbe\xbfH#H$\x8b\xe9\xffiY2\xdb\xd0\x1d\xa7\xa5\x80\x87\x94\xa5wZ\x18\xfa\x9a\xb7v.\xbf\xca\x86\xd5d\x95PLaurq\xca\x82p]\xd8\xc4F!\x96\xd7?\xb5\x86_W,\x14\xc1\xa1B\x0b\xecx\xd9\xc7\x14\xfb\xf4R\xda\xa2\xc6s\x13\xc4\x7f\xa5H\xc7\tm\xe5p\x82\x07D\xe4\xa7\x99\xb5\xe2d\x93\x83@\x88fWbT\x82\xd0\x0b&gt;\x87\x08x\xa1G,\xe2\xa3FE\xabE\x0e\x95\x18\xbd\x02\xf0!\xceh%\xfa\x1d\xc8\xcb\x894P\xea\xb7K\xcb\xfc*\xb5e^\x86%\t\xd5T\xf7\xa9V\xe8:MuD\x13k~or\x9a\x1a\x11*\xc3\xd9\xdc\x05\xe1\x02H\x13\x14\xce\xcbb\xdd\xbc#+:*\x04\xc4d\x17\x8d\xa1\t\xd5\xd9\xe2\xf3\x0c\x00\xf8\xf2\xf0\xc8\xe7d\xd3\xa4\x10\t\x9f}\x99\x82 \x08\x16\xd2\x97Q\xd0\xd2\xc3\xdf\xa4UF\xf9T\x1f\x85,\xd3\xff\x1c\x87;n[\xe2)\xe7!\x88\xb8\xec\x87\x91\xf5S\x83\xd9\xfc@\xf6\xfb\x0b\x07\xb0\xf4T\xd2\x9c\x05A\x10\xa8\x10\x8fj\xd0B\x17\xc8\xf8\xfa\xff\x13\x9c\x048A\x11\x84\xe1\x99\x8e\x8b\x00\xa4\x9c\x0b\xe2\x06\xaf\xbe\x81\xe5\x80D\x10\x04A\xd8\x81W?\xb2\xcf\xce\x19\x00\xb2\x85\x12\xce]\x98\xbd\xcb=b}\r\x11\x9f\xcer\x19N\xa9\x8b\x84\x0b\x1c\x95\x7fe\xd6ei\x04@\xb4w\xd6\xd5\xd8hW\x87\xd8\xb6\x13\xb9\x10/\xeb\xf5\x82 X \xaf\x97%\x0b\xb4L.\x7f\x98\xfa\xbdB\xbcx\x803\x83\x0ea\xb5\x10\xddeD\r\xe75\x16Z\xe4\n 6\x14\x05\xb7\xe3\x9ak\xbc\x05\xca\x14\xbe \x08:r\xd5\xd8\xd9\x99\xeaw\x98\xca\xb5V\x00\x86\x19\xb8\xd4c\xc4\xc1\xf9e\xbc\xc9\xafi?_\xa4\xc8&lt;\xd9\x8b\xfe\xe3*f\xc0ffqT\x82^\xf7\x85\x0b\x82 \xd4\x83\xf7Bn_b\xef\xc6\x14\xba0-\xca\x7f\xab\xfdQ\xda\x16\x051\xfdn\xc8M\x08\xfdp\x9b\x89\xd5X\xec\xb6\xf3\xdd\xfb\x9b\x81\xc6\xacGCx\xe9\x08\x05A\x88eT\xa7g\xb2\xba\xbeS3l\x0f\x95\xc4\xb5\x06+\xa1\x05\xb8\xb3,\xd6\x0f\xb6\xfc\x94\xc1RSp\xeeb\xf2\xc3\xf6\x84\x91\x8d%\xc6\x81\x8e\xd5\xee\xdc\x12\x8d%\xbf \x08\xfd\x18\xe9\x84\xa8\x1f\x9c^\x0f\n\xc3\x17$\x84\xe3\xe2O\xec\xe1\xa3_\x04vjj.\xd67\x1aAn3\x92\xa7\x9e\x92Tj\xf2:\xa7m\x90&lt;\xc9\x8b\xfe\x93\x9e\x1c\x05\xa5\xd4/\xf4\x96A\x10\x841\x19\xdf\x1f\xaa3G\xff\x819\x7f\xfe1U\xe6\x1d\x1b\xa7\x1e\x00\x04Vp&gt;\xb1\xa9\x08\x8d\xf2\xd1~&gt;g\xcb\\P\xaco\x95:#\xce)\xf94\xfdG&lt;\xcf\xdf\xbd\x1a\xbc\x97V"\xb1EA\x10\xd2\xb9\xd3\xb0\xbbhN\xbb\xcd=\xb4^]\xa7\xa2B\x89\xa6o\xaf2\xe2\xdcsVM\x0e|\xf7\x19\xdf\x92Z\xaa;\xe0\x1b\xb4\xd8\x8e,;\x9e/\x08\xed\xae\xfd\xc0I\x00\x86\x8dt\x97q%\x17\x04\xa17\\#\x93X\xc6\x95|\x8ffg\xd5|\xdd\xc7o\xcd\xf1\x95\x9c+\xa3bV\xf1o\xf0\xd2\xe6$\xd5\x93\x07n\xfc\xc2\x850\x9d \x81\xd1\x86=\xecH-\xa2j\xf7 \x08\x83\xf3\x0e\xbd\x05`M\x81\xd3`\xe0jN\xed\xf1\xf4\xd0\xbc\x9a\x87\xf7\xf5z\xdbx\xe0\xb4\xba=\xa0J\x10\xc0\xcfR%b\x10\x06\xa1Zt\x1e\x1a\x04\x8c\xd3.\x06\x15[\x10\x9a\xc0\xb0Epj\xa7\xf9\x1e\xf5\xe1k\x12\x9db\x9b\xd5\xe3\xdd\xa3G\xee\xedAD\x84\xdf\xac2\x00\xb0&gt;d\xd9j\xda1\xea\\\xa00\x04\x8c\xbc\xff \x98\x01\xee+jg1Z0m\xc9|S\xfdO\x00O\xe9&amp;\x97 p\xa4k\xbb\xee\xe6[\xb4\xeb\x92\xb7\xf9]\xb2]\x94\x89\x92\x100\x9a\x97&amp;\xe1\xcc\x11)\xcfC\xc0r\x8e\xa1\x0b\xb7\xa4k\xdb\xec\x1a\x8cRo\xdc[\x84\x91\xc1W+\xfc\xbe;_\xe5\xb5\xb4qZ\xbeuq\xd8+\xe7\xff""\x02\xe2\xdb1l\x02\x82pMz4\xc5\xb9/\xdd\xfe7\x05\x92\x04\xf1\x7f\xce\x97\xbe\xff\xec\xd7\x03\xd6\xe3\xdc\xe7\xbc\x18u\xb8k@p\xbe\xab\x03\xf9cEcEU\xb0\xa4%\xf580\xa6A(\x00\xef\xe5K\x18\xfbZ\x06\xcf\x1b*\xfc\x03\x80?\x06\xb8\xdbHf\x83\x88z\xf15\'\x06\xac\xbc\xab \\\x18Dl\xd9\x1f\xedM\xa3\x15{\x86-\xf1\x94\x12\xd1\xbc\x7f\xe0\x82A\xda\xd2\xc7\x9d\xb3\xbc&lt;W\x00\x84\x819\xefh\xf9B8/\xbb\xf2=\xb3t\x061/\xfbr\x92\x08\\\xb8v\xd7c\xd9X\xa1T\xe8R\xbcsv\x18\xa7F\\\xd7Y\xa9\xf7\x9e\x1f\x0fG\xfe\xb0P\x125\xddc\x9ez\x1b3\xc9V\x16\xf5\xff\n\x13\x18\x8e_\x85\xf3F\xff\xc0\xa9\x97\xca\x1b\xd7\n4\xe8S\x16\xa1\xe9\xde\xa4\x94\xca\x12\x11z\xe2\x9f\x9b\xb7k\xd3x*uZk\x7f\xa7\x99x\x00\xa19\x8d\'\x89\x85s\xb2\xe3\xd9H\xfb\xc4\xe4\x19\xfdy&amp;\xbbX\x06k\xcdS\x18\x1a.+\x00\'\xdee5\x16\xea\r\xca\x1c\xc4g\x80z8(%\xaf\xeb:\x1d[\x13\xf5\x1c\x15\xa1~\x05\xb5\xb8\x03\xa11M\'\x89\x85+\xa0\xd4\xfbO=\xa1R\xe4}bN\xf4O\x93qp\xcdS\x18\x0f6\x15\xa9Y\xa88bA\xe8\xc5\xde\x0c\x96R\xd6\x03SKM^\xbb\x8b\xe8\x8e\xc4\t\x08B\x014{\xbe\x85T\xa2\x8fE\xb5\x83ny\x7fK\x92O\xe9\x84\x12\xb8\xac\x00\xc8\x84\xb1 0\x07\x9d\x0b\x11\x96\xf3Q\x87\xd3[\xc6-x2\xbd/\x08\x95\x91\xfe\xb4\x0f\xb37&lt;\xb7\xfe\x11\xe06\xe2\xc5\xcf\x00#3\xa5\xda\xa3&amp;\x08B.\xc9k\xc5\xee\xd9\x80\x98\xdb~\xb2R\x16\x04A\x10\x12p\xee\xf7\x83\xf2\xa8\xef\x82w\x01\x9d\x156+\x00\xeb\xc5\xda\xa73\xa9\xeb\xbd8C\x18\x95,;\xb5\xbe\x13u\xdb\xcf\xc9h\xd5\xc0O}%\xb5 TA\x9a\x8c\x0ei|%\xeehp\x18\r\x00\x00\x80\xd5\x8a\xc4\x01b\xfa\x82\x00\x87\xdd\xeb8-\xba\x0cc\x0cP\xe5\xe512\x8d \x08\xa9\\\xbc\xcd|\xed\xfa\x93\xaa0a\x7fq\xe5\x9e\x80\xabt\xcf\xe4 bds\x8a\x7fR\x10\xfa\x92\x11c\xc6\xac)\xe7\x85\xae\xfc[\xcdz\xe0\xcf:\x06]\xe7\xdd1\xd6\xcb\xd4&lt;\xefV\x13\x04\xc1\xe4\xe2\xc7U\x11\x90~W\x85y\x0f\xc4\x95\xd5;&lt;\xdcV\x00\x86!\xde\xee\xa5\x85\x08\xa3\x90j\xa9\x91;J\xaf\xd6\x04\x96\xd2\xd2N\x90Y\'\x0b\xd5\xf6r\x9fi\x93\xe1\xb7\xc9|\x9c 6`q-\xcf\xe3P\xf7&gt;\xee\xab9\xf6\xf3!\xf5\'\x08\xc2F\xccl\xbd\xd2\xfeO\x9c\xb4\x9e\xcb\x00\xbd\xcb&lt;\r\xdf\xf5T\x1c\x02\x00\xa2\\\x9f \xc8\xa2\x90\xd0\x8c\x8b/\xad\x9c\x04Y\x01\x10\x04!\x81\xe5\xca\xcfT\xef\x7f\xca\x1d\xec\x86\x1e:\x8dX\xa6\xcd\xbdO\x97\xe8\xff\xda\xe0\x0f6m`gl\xcdB\x02\xe2m\xce\x80\xd4\xa2 \x08+\xc7\xb3\xf4\x19a\xeeY\xcf\x00\x08\x02\x0b\xde\x18\xf1/\x01\xda]\xa2\x8d\x88\xbc\xdeu%\x08\xe4 \xe2\xe9\x8d\xfc\xcce\x13\x8a\x89Z\xe6\x93S\xce\xa7\xe10Ro\x16\xfd\xc7\xe4\xc5\xf0\xa5\x9b\x82\xd0\x9c\xad\x855\x1b\x00\xd48Z*\x08\x9c@\xea}\x95\x1c7M\xc9\x16 !Dd\xe4&amp;k\xc1\xc2\x0e\xb5\xccc\xb5\xceSn-\x12\x848L/\xdd((\xaf{\xb4T\x10\x98\x80\xeb?e\xc9\xcc\xef\x82\xe2\xd7W\xdd\xd8[\x00\x81-*\xce\xf4\x95R\xec\xccZ\xa8\x81gJ~\t?B\xb3\xf5\xba\xc7[gS\xa2\xce\x19\x1fD\x18f\n\xcb\x8e\x04A\xb8\x10\xf2f\x08A\xa8\xc5|\xbd3"\x00\x14\xedq\xd8Zin\x1a\xce\xeb\x9c\xc9:;Y\x01\x10\x82D\xdb\x99\xc4^\xe7\xc7k\x0b\x9b[\n\x84"\xd3\xb7\x94Z\x8f\x0e\x07\x93*A\xc2 \xe1\x82\x88\xd9\x0bBE\xb4\x8e\xaa`\xac\xad_\x10\x97\xd5\xf39YO\xab\t\xb9\xf2\x18\xc8\x00@\x10\x84\x19\xa5&gt;~\xe7\x8f\xbe\xe7\xe7\x1f^\xb1\x93d\xb6\xe3\xdbc\xceY\xad\xa3\x0bA\xb86\xd2\x06\x04\x81\x96\x886\x15\xb3\x9a]\xd4Cy3\x90\xb5?A\x10\xe8\xc1\x00;\xdf\x80\xb4\t\x89\x97\x86\xb2\x88\xc8\xeb4\\\xa1\x8cBE\xde\xef\x82\xadf-\xe9\x13.PX\x81\x01Q\xdd_+\x19.\xd9Q\n\x82\xd0\x90,_\xf3Eei\x9b\x19\x89_\x13\x84#\x9c\xe6y\xfeV#\xa1\x8f\xd0\x98\xa7V4\xb6\x1f\x8f|N\x06\x00\x820\ngh\x93\x01_SR\xb4\xa8\xd0_\x9c\x9a\xc3o\xd6L\xfc*\x81\xe3)\xb9`\xab\x89.\xafX\xb5\xd0\x9e\x9f\x8b~2\xad\xd9&gt;\xa8b_\x89\xb2oP\x10\xa8@\xc4\x93\xecG\xf7:\x97\xa9d\xc9\xef\x00JqT\xe7\xd0\x1e\r\xcb5\xd4\x95\xb3\x10\x85\x8f\x0b\xc2r\tWgA\x9a\x80\xdb{? \xdc.6w#\xceD`\x88\xd5\x1f\xc6Xi\xa8\x0b-\xb4pD\x19\x00\x08\x02\x1d\xc8\xf2\xdd\x81s;\xa7~\x87W\\\x9a\xb1\xe1\x7f\xabw\x18\t\x82pZtw#\x03\x00\x81#N\x97\x18\xf9\xcaK\x972\x0bGDy\x0f\xc0\x8aL\x86\t\xc50\x8c\xfeg\xb2l[)\xb5\x13\xc1#\x18\x97\x11\xf8\xcb\x9e2\xf9\x9f*\x9e \x08\x82\x17\x89\xfe\x05\x9e\xf8\xba\xc4\x83\x97\x04\xcf\xaf$\xb0?,\xb4p\x05\x80r\r\xe8\xc456Q\n\xd5\xe1\xd8\xeb\x94y\x8a\xd8\xef"\x02\xfc\xb14#Ah\xc3\x9d{\x0b\xc0\x8eu\xae"\xec\xf1\xa6\x9d\xd3\x8fk&amp;\x92pb\xa8\x8e\xdf\xc4\xbc\x18\xb3&lt;\x17O\xa2\x1c\xa3\x15\x8192V\xba\x1a\t\'xM\x87\x98\xf7\xad\x8b\x80\xf8\x1d\x17,\xb5@\x83X\x8e\x87\x08O"\xe7\x83\x05"r{\xae\xcc\xeeO\x7fx~~\xfa\xe2\xb7%K\xae!C\x00!\x95\xdb\x01&lt;\xaf\xb7\x0c\x03\x80\xdb\x91\xb5\xe1[Y\xed\x00\xfd\x82\x07\x00\x16\xf3\xb8V\xa9\x05"\x0e\xf6\x0c\x08\x82P\x9f\x9cf\xe8\xedL3:\x02\x92\x1eD\x9c\x88 T\xe1L\x03\x80\xaaC\x80\x0bF\xff\x00M.\xf9\x11\x04A\x108\xe1v\xa5yA\x02R\xdc8"g\x00\x04\xa1*\xe7\x88\xf0*\xedATJ\xa9\xf2\xe8\xff\xa7G\xdcK\xa3\xd4YlC\x10\x04A\x88\xc2\x9a\xb3W\xb9\x1dA\xf6\x17\x8dD\n\xbf/\x08\xc2uX\x975\xf6Cnkf\x82j\xd1\xf3H*\xf1f\x82\xd0\x8c\xf9\x1d\x04`\x9c\xbe\x05\t*\x04a\x14\xa4\xad\x92!Q\x88p=p\xfd\xef\x1a\xe3\xfb\x9a\x80=\x04\xd0\x9f)o8\x98\xfb\xa2\x03A\x10\n\xb1\xda\xb6\xf4\x80\x820\n\xf2\x1e\x00J.\xe3\xfa\xb6\xb9\x1f\x81\x0b\x88\xd8\xa1\xf7U\xeb\x7fw3\x9e\xe4\xc2\xe5\xd0\xd4\xc1\xe2@\xb2\x10#5&lt;9\xbe)\x9c\x96\x91\x1a\xe21\xb3s\x92\xc9\x05\xe1\xac\xc8\x19\x00*.\x15\x13\xcb\xf6en\x0c\xb1\x0b^\xc9\xc6\xf7\xcb\x17_8\x1bkl&lt;\xcc\xfe\x9f8g\x89\xdb\xea\xa6 \x9c\x13Y\x01\xa0b\xa8YH\xe1\\\x0c\x11\xfe{\x18UnA\x10VF\xea\xfb\xe6\r\x87\x88\x87\x93\xfa\x87\'\x9d\x04atd\x05@\x10\x86g\xa4\x1exC\xbaWA\x10z\x10\xe5/\xa7K\xcad\xfb\x8fpZ\xc4\xb4\xcf\x84l/f\x88T\x8a\x1f\xe7\xec \x84\x15u\xa9\xfdu\x82\x10\xa6\xff\xeb#\xae\xe9\xd0\x10q\xd0y\x16A\x08"+\x00gB\xdc\x137\xa6(Wf\xba=X\xbd\xe9\xeer\x80\x9c\x1c\x10\x84\x85\x1f\x86^.e\xbah\xa0j\x0e\xf0\x1a\xed\x8bv\x9c\xa3,V\n\xa7D\xbaUA\xa8\xca5\'\xcc\xa2(\xbe@P\xa6\xe5\x84\x0b\xa1\xb7\x97\xeb\x98\xfd\xbck\x7f]\x07\xec\xb1\x00Bw\xc7\xb7t\x07\x02#\xe4\x10\xb0\x90\x86\xbc\xee \x11QT\x10U6\x93\xf9;2-\'\x08\xa7f\x1d\xf3\xf4m\xeb$\xfd\xdd\xfa\x16EA`\x82\x18\xa3\x90\x86\x0c\x00\x04RJ.\xdb\x9e^, \xa68(2\x1b\x9a\xc6\x05W\x00\xdc\xf7\x84\x0cs\xd9\xa8\x071x\x81\x17r\x06@H\xe6\x1a]\x8f\xd0\x86o\x9a\xff\x9bcU\xaa\xab-\xe2Dy*$\xd2\x0c\xc7U\xcbM\xc0\x05=\xb0R\xd3\xa5&lt;\nq\xdc&amp;s\xbdj\xbb\x16k\x8f0\x8c}\x8aE\nC \xf7\xc0\x9c\x15\\\xee5!\xae\\D\xac:K\xbaF!J\x01\xdc\x04\xe0U\x90e\x9f\xb8\xdcH~5\xdb\x96\xd5\x9bd4\x93\xbb\x8e\xde\xac\x06\xb2,\x18^H\x03\xc2\x00\x18\xabs0\x8cg\x933\x00\xc2(\x8c\xd1\xa2\x84\x14\x16\xb7I\xee.\xab\xcf\x11n\xe9\xafYe\x15\xa2\xf0\x1c\xc4\xb8(i\xd0\xa9\\\xf2\xd5Tf\xa8/\xd1\xbf\xc0\x11\xb3Y\x8ec\x9f\xc3\x08*\x08\xc2\xd9Xf\xf3*\xa5^\xd3\xbf\xd9\xdb\x10\nf\xf1eg\xb0 \x08\xc2\xc0D\xae\xce!b\xa7\xf5\x01\xff\xd2\x99\x9c\x01\x10\x04\xa1\x13\xaa\xea&amp;\xfe\xaaN\xd6M&lt;;;\x89\xfe\x85X\x10\x11\xe0OzK\xb1\xc3H\x1b\xa0\x05\x81\n\xb5\xb0\xf3L\xc7\xb7\x02\xad\xd3U\xc3\x9e\x9f\x11\x04A`\x03\x9a\xf4\x16G8?\xa9\x96&amp;\x96)\x08\xddp\x9a\xde\xd4\x1e\x1f\xdf\xbcIJWE\x89hP\x10z1\xbb\xb0_\xea\xdd\x06-\x97*&gt;Ah@J\xff-\xc6)\x08\xfd\x084\xba\xe6\x8d\xf1\x93\xd0F\xff\xab\xac&gt;\xa7q\xc9{\x18\x04\x81\x07\xdb\x99\xe1\xce\xad\xcfy\x87\xf1\xfc\xdf\x1e\xb2\x08\x82\x0b\x9ag\xd3\xc52\x05\xe1\x8a\xf8\xde\xa4\xb1y\x039\x03 \x08\xc2 (\x00\x06\xd1\xbfgvg\x9ef%\x99\xdd\x91)[\x81\x96\xee\xed%\x121{A\xa0\xe4p\xc1P\xae\x01\x15\x04a\x14\xba\x07\xff\x1e\x8f\xaa\xb6\x9b&lt;)\x84\x93;\x81\x04\x02\x94R\xaf\x0e\xf0\x8a\xdeb\xec\xb1\xbcT\x1e\x00\xd4\xd2\xae\xea\xbe\xbbC\x10\x04\x1dilB\x08\x89D\x04A\'\x10\xfdK3\x11\x84DBs\x932\x00\x10\x04"\xbc\x1d\x96\\\x03*L\xbc\xd6\xce\x95m\xb2\x1a+\x08\x16\xcbN\x7f\xf5a\n@\xcd\xceT\xe2\x15\xa1*\x08\xc6\x01\xbeSxf\xd9\xe4&amp;\x08\xd5\xb1\xfb&amp;\x19]\x0b\x0br\'\x94 \x08\x02o\x9c;&lt;\xce\xe0\xb1\x9d\x1b\xb4\xce2\xb0\x11\x04v\xfcio\x01\x04~\x9c\xa9;\x11\x04A8!n\xf8\x7f\x06\x8f\x8d\xf07\x12\xf1\x13p\nc81\xf5k\xa7xIPV\x04\xae\x8c\xec\xf2\x17\x04A`\xca\xfe\x15~\x97D\xfa\xac\x19\xb9\x91\x9c7\x08\x085\xdfsOc\x00\xe7;\x03\x10}\x89\x9e\x8c\x9e\xc5\x93\n\x82 \xf0f\xed\xdf\xa3;\xfasvm\x88x\xd2\x92e0+\xe2\x91}\xa5\x10B\xb4\x1c\xa8J(;s\xaauRA\x10\x04\xe1\xc2\xe4td\x9c\xdf#\x81\x00\xb7,\xfb\xba\x00\x00r\x84\x8f?\x95\xab\x86\xe8b\x80\x13\xcd\x01\x9b\xadA\xd6\xc5\x04A\xe8\xc8r\xcdy\x9e#\x92\xad\x0e\x02"f\xd8\x0fO\xcb\xd1\xdfL\xccP&lt;A\x18\x0c\xd9\x02d c\xe1$d\xfe@\x10jR\xd2\xb8\xa4a\n\xab{N5\x06\x86\xe1\xb5t5Ux\x07\xe9\xc4\x852\xce3\x00\x10\xe2\x11\xafq\n\xa4\x12\xf9R\xd6\xc2&gt;\x8ee\x18\'\xb4#\xcb~8\xbe(@b\xd4z&lt;\xb9\xb7\x00Bw\n\xfb\x89\xf3t3\xba\x9b\x91E\xc6}\xf4w\xb0\xf7\x96E\xc8\xa4l\x87\x89P\x9b\xd9!I\x05\tY "(H9\xf9\xcb\xcf!\xc8-FUAD\xd1\xe7\xb5)\xdd\xefw#\x95 \xbd\xd1\xa3\xff\x8eb\x8c\x85hJ\x10*\xa1\x00\xa4{\x16\xb2QJ\xf1\xdc\xcd\x1f\x89\xbe\xe9\x7f\xfdp\xdc\xe2pD\xdc\xcb\xe5)5\x80\xf3\x18\x90\\\x8b+\\\n\x99\xfe\x11\x06D\x16F\xa2Al6\x9bE\xbez0\'\x082!\'\x08|9\xcf\x19\x00\xb5\xd0[\x10Ah\x81\x98\xba0\x14\x08rcu4-w\xceo\xc7\x8dI\xf3T\xea\xa3$\xfa\x17\x84\x10\x88\x08\x9f+\x0eQ\x10\x8a\x90&amp;$\xb0\x85\xdd\xa1\xcc~L\x03\x009\x13\x1aE;-\xa1A\xa3L\x05\xe1\xe2L\xcdmkq_Q\x94\xda]\xf1\'\xa4\xf1\n\x17D:-\x81-\xe5/j\x11\x84\xca\xbc\xaeD\xff\x82\xd0\x83\xb5k@\x80\xa7\x15%$\xedW\xb8&amp;\x12`\tl\x11\xbf,\xf0G\x86\xa9\x8204\xd9\x1d\xcdy\xce\x00\x08\x97\xe5\xdf\xa4\xe7\x12\xb8\x128\xaa\x11\x11r\xc9\xc8Ah\xc2b\xa2\x03\xec\xd7\x97\x11\xb5 8\xe4\xb7\x88\xd3\\\x03*\\\x14\xa5\x94\xcc]\t&lt;\t\x1d\xd4\x9eb\x98\x83[^^\xaf\x8aH\xd7D\xee\x88\xdbg\x10\xb5\x88\x9f\x17\x04?y-x\x88f/\x08\x82p\x1e\xb4x\x14\xb8:\xe1\xa1/\xa1\xb7\x19d\x000\t\xc9Y\xc2\x9e\x0cR\x89\x820\x0c\xb2\x05H\x10\x04\xa1\x17\xb4\xa1\x0c\xed\x14\xe9\xd9&amp;\\9\x87\x8d\xb2\x0f\xff\x90\xb7\x03Pj\xd0\xe8\xff\x91\xe3W\xadX\xa7\xd0\x81\x0f\xec-\x80 \x08\x02-5\xee]A9602\x12`\x9d\x9b\x81\xefZ\x95c\xe2g\x85\xf7\x19\x00D\x94\xf5&gt;A\x10\xceE\x9d\xb7\xe1*\xd6S\xdcQ\xc4\xef\x819\xd5\x0e%\x008]q\x04\x83\x01\xc3~\x03\xc6\x9b\x15\x85|xo\x01:\xec!eT*\x08\xc2h\xdc?\xf7\xcc\xd6\x05\x88\xd7\x8bx~Ah\x81RJ\xa2\x7fN\xa0\x84\xbe\x00r\x07\xbc \x08B\x0e8\xfa\xb2\xfe\xd0\xc2\x0bWC^\xb7,P\xf1\x1b\xf6[\x84\xaf\xcag \x02\xbc~o)\x04A8F:?&gt;\xac\xb1\xc8\x1d\x87\xad\x11\x19\x00\x08\xe30H\xf4\xcf\\&lt;a\x02\x11\x11\x7fer\x80\xe2\x06\x05A`\xcf\xdc\xff}\x9b\xf41\x1b\x88\x88\xdf\xddE!\xf7\xcf\x08Gx\xf542\x00\x10Fa\x94\xe8\x9f\xbb\x84m\xa9Pkt\x8b\xae\x8f\xc4U&gt;\xf8\xa5\x13\xd6\x9a8wA8\x13\x83\xcc\x815d\xac]\x01\xac\xe4tV\xc0\x87\xee/^\xccJ\xb7\x02-\xa3\xb4q\xd9U\x02\x00\xa6W\xa6\xdd\'Y\xc1\xdb\xdfuJ\xed\xe5\xd9\tp&lt;\xd8\xb1*H\xee\xff\x11\x84\xd30\xb5ki\xd4\x0b\xb8\xdc\x054\xfd\xca[-\x8bS\xe6P}\x96!\x95\xf7\x17K\x82\xd0\xa5\x166\xf9A\xce\x86\x9f\r=\xda\xe3\xd0v\x84]\xfc\xc19I\xc3\xacf\tE\xf7\xa1\xb1\xbb\x05H\xa2\x7fA8%J)i\xd4\x1aJ\xa95\xe8l\xac\x16DD\xb8w\xcaD\x94Z\xff\xe9\x8f2\xbac\xc29\xcb.\xe5C\xfd\'\xfe\xf3\xc4B\x02\x12\xfd\x9f\x03\xd2\xe8\x9f\x9as\xd9\xd5c(\xd7\\\x04A\x10\xd809\xb7\xde\xfe\x8dzi\xbb\'\xc6J}~/\xdbs\xf3\x83\xb3\xdf\xa0i\x96-\xb2\xbb*gjh\x17\xc1\xac\xb2\xc2ZC\xdf~"\xb1\x84cDG\x82 \x9c\x0c\xf2M\xa5eB4\xec\x8d\xeae4`\xe7\xdaYH\x89H\x9a!\x1a\x1e\x13\x9a\x1d\xff_F01!\x08\x82 \xd4"5\x16\xcf\x8d\xdd\xbf\x96K\xc8e\x88\xd1D\x92\xaac\x9e\xf1b\xd9\xeeB.\xb3\x9b\xba\xc6\xd8(p]\x1f\xeb.\x89 \x14\xd2;\xfa\x97\xa5\'A\x10\xaeG8\x9a\xf1\x07=_\x90\x94p\xa64&lt;\xe2\xd4\xf6bT\xcd\x8b\x8fb\x87\x86\x89\x0e\x99\x88!\x08g 8\x00\x90&amp;&amp;\x08\xc2I\xd9\x89!\xf4\xd9\xe8\xach#gN\xa5\xc7\x00`/\x8b\xd3x\x7fV#\xab\xc1a\xa1\xc69w\xa9GA\xa0D\xef\xb6\x1e\xa3\xb7\xf4s\x9d \x16\x04\xe1\xeal\x01\x8c{\xf3\x06j7H\xae\xcf\xa9\xd7\x02\xf8\xc7\x8a\x9e\xd0\x8a\xa8\xe4&gt;\x10\x02|Q\xaa(\xd6b\xb3\xf0\x88\x1bN\xd9Xi\xd1\xb5\x86\x82p&gt;\xb4\x86\x9c\xd54\xcc\x0b\xa7\xf5\x96.-M\x10\x84S\x81\x88\xa1\x88G\xffS\xa9W\xad\x88\xc4@Av\xe6\xa7\xf9\xd5cOR\x03zW\xb1\x9d\xf4)\xc6/\x08\x1bv\xbcNz\')\xbb\xf7\x00\x08\x82 \x94\xa0T\xf0f\xfd\x9d?ES}\x7f\x02b\x8b\\N\x86\x04\xffgA*R\x10\xfc\x90\xf4\n\xfa\xc0^\x06\x00\x82 \\\x11\xa5\xbeQeNs\xfe\x13\xfc\xe2\xba[\xbaR\xa4.a\xd01f\xd5\x89\xc6\xf6\xd8\xdb\xdc\x1f\xfc\x93\x8cB\x85#\xe4\xccFet\xbfF5\xcd1\xbd\x93S)q\x9a\x82 \x08\x890\xde&gt;tAd\xd3\x88\x07oL\xef3\xd7\xbdC\xbfb\xde\xc2\x1e\x8b\xed\x88\x9dTe9\xba\x06\xe4\x8e\xeeF\xda\xe4\x04A\x10.\x82tz&lt;\x90z(@fo\x85\\\xc4v\xdaPo|%\x03\x00A\x10,p\x99T\x95\xd0\xca\x8f\x02\xd1\x8f0"\xb2Z"\x90!\x13\xff\xa33\xde\x19\x00\xb9\xecY\x10*\xa3\x80\xe0\xb0\xec\xa9I\xd6\xcfW\xd6\x92D\x10\x12p\x8cVb8A\xb8*\x835~\xd9z+\x08\x82 \x08G\xd8se\xa1NSnV\xad\t"\xd2\xdc\xdeX.\t\x00\x0c\x17\xf2\x9d\x94i\x8d\xbd\x7f]\x8c\xb5\x02 s\xff\x82 \x08\x82pH\xec\x1dI\xfd\xc3\x90\xb3\xb2\xdc\xae\xc4!p\xa9xc\x99\x90\x8c\xe2\x10\xfd\xc3X\x03\x00\xd9\xfb#\x08\x02)h\xbe&amp;]\x10\xce\xc9\x9e\x89+\xf5"\xef\xc7\x95D\xb9\x0c\xa6\xce\x1f\xd7\xdf\xcf\xf0\x08:\xaf\xca\xde%\xbc\xb2\xb3=\xc4k\xaf\xaaA\xd1T2\xa2+A\xf0\x83\x1a\xbde\x11\x84\x1a`\xac\x91\xff0\xba0\xee&gt;\xd8\nf`(S\xee\xcb\xdf\xe3\n\x9aq\xcb\x88\xb6\x85\x18\xcfP\xe9dw\xecO\x94G=\x10q\xde\x89\x88\x88&lt;\xf6\xd2U\xc2\xba\x9f\x81\xe0\xba\x06D\x94M\x9c\x82\xe0\xc5x\xc5\xba\\\xe9S\xc4\xe4\xa5At\xc8\r+\xeeO:\x06\xc0\xb4\xefX\xf6\xd4\xf7\x96\xe3\x18\xed\xc8\xe2\xfc\xdf~\xb2\xb0\xe6\n\x81\n"\xaa;\x03&lt;Ci\x1f\xf8\x9fTZ\xcc^\xa2\x96\x98\x13\xb3\'W\xfaH\xd0\xfb5\xfd\xa0\x89\x1c\x00\x12\x04\x8b\xcd\x05W\xe8~Ns\xdfbDA\x10Q\x06Q\\9\x1a\x03\xb8\xad\x80Cgq\x82\xe6\x83\xdau\xca\xbc\xcar\x85\x80\x9b\x19s+[\xd5\xfeW\x88o\x18\xf1\xb5l\xa7jNo\x05S\x90\xf7\x00\xb0\x81\xbeAj/z&gt;\x81;\x15\x04\x02\xf4\x960O\xb5H_\xb8K\x84rD\x83\x8cY\xd7\xcf\x97\x0f\xac\xce\xc0\xad\xbcN\x95iO\x89\x0e\x1f\xa4.\x13\xb0}\xa5\xf00\xb8^\xc7c\xb2\xec\x9f\xd6&gt;\x89\x89\xfe\x0b\xb2\xbb\xc2\x96*!\x96u\x87\x99 \\\x9c\xad\x15\xc8\xee\xff\xe1\x91\xea;\x0b\x9e#\x08\xac\x0f!\xc4q\x82"\xbcH\x9c$\t\x93\x1a\x7f\\\xff\xc0o\xf4v\x13\xc8\xca):\x11\x19\t\x9e\x9f\xc9\x02\xfe\x1e\xe0\xf5d\xe0/\x08\x0bS\xbb\x18y\x96q;\x1f%\x08\xe3\x12\x8aQ\x18n\x9e\xb9\x18\xf6\xc6\x15!\x1bD\x0c\xef\xe7\xb1wh\x94\xf5Mv{\x92\xea\xbb8\xb2\x02 \x086\xa3O1\xca\nF/\xb6\xa9\xb5_\x12\xfd\x97\xb33\xfd)\xea\xed\xc8\xe7\x00H\xd8@E/{&gt;\xc8TF\x06\x97`w\xf4)\x08\xc2`\xac\xa1?\xdd\xec\x8e\x9c\x13\x8a\x02\x8d\xd3u J\x13\x04\xe1\x00\x9c\xaeI`\xe7+j\xbc\x08L\x86\x8c\xecP\x9f\xd6[\x02A\x10\xb8#\xae;\x15v=\xba \x08\xccx\xba~!\x8bp)&gt;\xa6\xb7\x00\x00\x00\x80\x08\xbf"\xbd\xbb \xc4R}wM\xc1\x06\x9e\xc2SbB!\xb2;\xa5&gt;\xf8\x81b\xdb\xc3 \xfb\xb5\xf6A@\x84\xaf\xe0\xa8\x9f\xeb\x0cK:,p\xf7&gt;e8\x17\xb9\xc2n\x013\x17\x94\xa3Z\xc2\xf9\xa8\xeb1J\x9cC\xe5\x16-\x08]Y\xec[vX\xf1G\xf3E0Te\xb5{\xd9E\xef8p\x8f\xeb\xbc\x07\xa0\xa3\xf6\xbbn\xae\xad&lt;\x8f\x82\x08J\xdd\xb9j\x16\x82\xd0\x83\xbamV\xed\xcd\x98\x1dx\x8cj}\x89\\\xfa!tG\xef\xb1\xc4\x0eYc\xae@\x0eWYm\x04\x9e\xa2\xff&amp;Y\xa5s\x9d\x01@?\xba\xc5\xffF\xae\x95LPb\x05A\xc8!\xd0r\x96&gt;\xb5\xc3[\x90.\xb1\xe7\x82\xebi&lt;aA^\xcf7\x1eU+k[d\x00\xc28\xa6\x99u\xb16\xe4\x1a\x87\x80/\xc1\xf1=e\xdb\x0b\xd6\xdbH\x14@)\xa5^G)\xe5\x93\xe3\x9f\xe1u\xae\xd0\xe7\x0b\xd9\x88y\x08.\xe3Z\xc5%\xc68\xa3\xa3\x94b\x1d4\t&amp;\x95\xeb\n=?\tB_\x8e\x0e\xe1\x8dpJO^\x0e \x08\x1c\xe9\xd3*\xe3\xfc\x15""|\xfe\xa8~C+\xa3\x1c[\x14\x84B\xaa\xb7\xa0\xf8\x97\xda\nBKB+\x00\x9a\xb12\xb7\xd7\xdf\x90.P\x10\x84$N\xf2\x92&amp;\t&amp;\x04a\x04$\xfa\xdfax?|2.8Z%\x19\xe7\\DWB\x0b\x10\xf1\xd3\xaf\xd2\xfa:0\xc6\xec\x86 \x08\xc2\x99)\x8c3\x07\x8bQy\xcajH\xa5G\xffo6\x94r\xb3!\x18\xea\\h\xb0$T\xe7b\xc3\xef\x0e\x9cp\x00p_1\x18A8/\xaf}\xcaN\xa1p%v(\x85\xb0\\t6Db\xb5Y\xed\'\xa2\x04(\x16\x92"\x14\xe0\xa0.\xe1D\x889U\xe6d\xd1\xbf\xb8 A85L\xa22\xe1\xcc\xb0\x89\xfe\xa3\xc4(\x97\x93\xae\xb0\x08\xb7\x92\x96)\x08\x82 \xb4Az\x9c+\xf1\x9e\x85\x93\xe5\xa7E.\xdb"\x04\x19\xbcF\xc7\x08\xc8w^\xce\x87\xc5o\xa7[s\x92+\xdb\x04\xf6t}\x19\x9f\x10E\xbbws\n\x97G\x1cB/D\xf3\x8c\x90\x17\x81\x11\xd27\x12n\xbc\xf0 \x83iA\x10\x84\xd3 \x91\x99\xd0\x00\xb11F\xb4{\x11X\xef\x8d1\xa7\xc7\xdb\xae\x1e\x12|Z\x15\x8eW\x88\x9a\xb1X\x85\xd0\x02\xe9u\xf8\xe3}Y!)\xff\x85\xa5\xb7\xe9\xbdeT\x93\xa2\xbe$\\\x1c\xbe8\x04Z\x98T\xab \\\x12\xf4\xd1&amp;\xc3\xbc\xc6_\xf8uA\x10\x844\xb8D\x9f\x1b\x7f\xd1\xff\xcc\xd8\n\x071\xa4;\x18\x93\xd4\x8b\x01\xbeR*Z\x10\xe8h&lt;\x00p2J\xce\x8b\xc7\x81iA\x10t\xa4cn\xcc\x9f\xf6\x16\x80\x11\x88\xf8\xee\xd2#\x8cGFW.\xb5,\x08t\xb4\x9d\xfe\xf7e\x97\x9ec\xde\xb7\x04A\xa0\xc3\x7f\x91qG\x81J\x18Wr\x81\x0fK\x13x|oA\xc6\x80\xc3b~\xd0k!\xdeS|B\x18\xd9\t\xd7\x0cD\xdc\xbb\x96\x87 u\r\x05\xf3\x1d@\x95\xf06\xb6z\xa5\xab\n"\xcaEF\x82\xb06\xea\xb95`]\x1fB\x0e\x16\xdfl&amp;\xc4\x82\x08cz\xfb\x08\x90\xc1m~C\xb18\x8e^\x01\x80\xe6\xb8\x9c\xdc\xcfl\xa8\x04\xb4;\x04|q&amp;\x13\xad7\x16\xd5\r\\)U\xbb\xe7\xf6\xa6\xfe\xd0\x81G\xda\x03\x8b.\x08\x84\xcc\xbd8\x022}\xfdb$\x83\x8a=\x08\xea\xad\x01\xbe\xf6\x94\x1b\xc6d\xbe8\x195C\x97"]\x1d\xa8\xfaW\x0b\\\x81\x91{\x02\x16\xb0_[O\\\xc2{\x99\xf7\xc8\x01\x93\xd2%\x8a\xc1Hra0x7\xea|F\xdc\x0e\xb4I;\x9a\xe4\x02#\xde_\xba\x83l\x08\xf4\x96\x13K\xfc\x8c4v\x1djU\x0c\xd7\x13\x08\xa9d\xec\xe3g\x1c\xfd3\x91D89\xfc\x8c\x9f\x0c\x96M;\x16\xe9\xb0\xae\xc5f\xa2?\xca\xd2V\xc7kAY\xd0\x1435\x0e\x11J\x90\x17\x81\t\x00\xd3BY\xe2\x96_\xa5\x94\xd9\xc5rXh\x93w\xd9\x08\x029\x83\xb5)\xa5\x96\xad\xbf-\x10\x9f\xd3\x17D\x00\x05J\xdb\xbb\xdf["\x8b\xc9@.\xb1\x19!\xec\x8e\xbb\x00\x00 \x00IDAT\x9d\xa0tr\xf4\xa2%\xb1\xba\x96\x83\x92\xc2\x00,\xe7\xac\x05\xa1\x01{\x87\xcf\x06G\x1f\xdb\x9f\xaft\xc29a\x1dd\xcb@Q\x10\x04A\x10\x04\xee\xc8.\x1aA\x102\xb8Mo\x01\x04A\x10\x04A\x10\xae\xcd\xd1@\xee%\xb2\xe5Z\xa0\x82\xf7\xf1\x9b\x8b\x1c\xc6\x10\xf6@\x80{\xf7\x96A\xa8\x8d\xb4sA\x10\xaeM\xd4UN\xe2*\x05"Vcc8\x000\xda\xc2\xa7\xf4\x96F\x07w\xef!\xac;h\x91Mi\x82 \x08\x05 \xa2l\x94\xef\x06V}\xc1\xe2\xc8,\x87b\x81\xe1\xc1X\xe1\x84p&gt;\x13e\x8d\x81kJ\x98x\xd8c\x15\xcc\xe3\xc46\xa9+\t,/\x02\xe3\x08\xefu4\xa1+b\x18\xcc\x90\xca\xe8\x88\xfe\x82E\xf1\x99&amp;S\xe4_\xfd\xa5\x90\x820\xa1\x14P\xbf\x11\xac\n\n\x00nQ\xef\x82\xe3\xc4\xe2O-\xd4\xfb\xa5\xd7\xd4\x7f\x19\xc6\xb3\xc9F\xabRd\x00\x90\xcd\xa3\x10\x01^\xd2[\x8a\x8a0]`\x15\x84\xd6&lt;\x1b\x8c\xd7\x06\x89\xcf\x14\x04a\x87\xcd?\x8c\x11b=A\x7f\x1d\xcb q\xf5\x00jeN\xd4\xc6M\xc1\xc35\xf4v\xee\xd2\xe5p\xf6\x1a\x17\xbcH\xa5\x9f\x86\xdd#\nw\x93\x8a\x16\x88I\x0b\x15:\xf5/\xe8\xd0E\x8cT\xc6\x90\x92-l\xea\xfb\xe9]s\xcf\x81\x81\xd2\x1ap\xfa\x02&amp;s\x81J\x1f\x11\xa9\x14\xa1\x04\xb1\x1f\xa1\x16\xbc\xe7\xd4\'\xa9\xdc\xf8\x9f\xa7\xb4\x02)R\xdf\x82\x90\x86\xb4\x14n \xc2C\xa4R\x84l\xd8\x06g\xc29`j]\x9e\xa8\x7f\x8d\x06\xa5\x9b\xbb\x082\x00\x10\x04A\x10\x04a\xe1\x1e\xbd\x05\x10\xea\xb2\x17\xfd\xcb\x90\xf8J\xc8\x00@\xa8\xcc\xc7\x8au\xe9\xc8\xfc\x8a \x08\xc2\xb9\xb0\xf7\xf9p\xde\xf9\xb3?\x00\x10\xae\x85T\xb9P\x95S\x19X\xa9\x8b\x945V\xc1\xe0\xd7{\x0b \x08B98O\xee\xd8\xb3\xe9\x1c\x91\xe8_\x10\x04!\x99R/\xf9\x16\xac;\x06\xa1-\xd2\xe9\n\xc29\x18)\x9e\xf6\x88\xbaI[El\xee\xafl\x10\x04A\x88 \xf1\xfd\x8b\x9e\x04P^\x99$\x08\x82p\x1e\x96x\x7f\x94\x97\x85\xeb\xe3\x13\xed\x95j\x88\xc8\xf1\xfd\xca\x82 \x08\xe7\x80\xef\xcc\x90 \x08\x02c\xee\x1c\xfdd{7;\x9acw\xd6\xa2\xffK\xb5\xed\xa97\xd4HT\x10\x04a$\x10\x87\xeb&amp;\x06D\xf6Y\r\x87T\x96\x10\x01\xfeY\xe4s\x88\xedom\x1em\xe2\\)Sf\xbc\x03\x8cW\x08a\x17D\x80/\xef-\x840\x04\xac\xb7-\x9e\x05\xd1p\x03\x18\x0c\x00x\x9f\x02\x14\xc2H\xad\xb1%\xbaj\xd8\xef\xc2g\t\xbak\x02\xc2\xc8\xf0m\x06\xf3yy\xf8&gt;\x86\xb2]\x14\xae\xa6"\x0cG=+\x8aO\xb9\xa7%\xeb\xa7\xeb^(mj0\xa4\xbeN\x80\x0c\xbf\x93\xc0\x13\\O\'\xf5\xad\xf3\xc7\xdaQ\xf4\xbb\xf4\x16\xc6e\x80\xab\xb2\xae\x85T\x87@A\xcdad\x9e}\xfe\\{\xab\x1e\xe52\x10ap\xc4\xb4v\x10\xe5\xc4s\x82\xb9\x7f\xf1\xb3+\xec;\x1e\xa7\x83\xe4+\xeaE\x90xE \xa1\xae\te\xf9\x8a\xf6&amp;-\xadI\xa8\xcd5\xbb\xce\xdbI\x83\xe2\xcb\xe5\xac\x91#\xb3_\xf8I\xaa\x9a\xa8R\xa3F\x07)M\x9a\x01\x12\xb2\x08$\\0(\xf1#z\x10\xaar\tw}\xf7\xf5\'\xe9\xa1xs\xc5\xe1(G\xa8[H\xdd\x01@\x8d\xc4\x85dd5F\x10\x04a$N\xdf\x87\xae\xfbR\xd0\xda4 \x9d\x14K\xbe,\xfc\'\xa9\xaf\xfaH\xf3\x10\xf2\x90\xc9\x15\xe1z\x88\xa9\x0bcs\x01w\xad\xc7\x94\x1d:)\x89\xa6\xa8\x90\xcbE\xab35\x0c\x05 \xef\x19\x15\x120\x1d\xea\x08o\x01,~\x17\xafpm\xc4U\n\x82p\x08"\x8e\xf2f_\xe6\xc8\x8b\xc0Z!]\x9a\x90\x82\xcco\x08\x17c1y\xf1\x94\x82 \x849{\xf4\xdf\xae\xf3\x97\x01@u\x94R#L\xdf\n\xddA\x80\xfbz\xff0\x86\xfdtx\xc5c\x12\xb2\x93\x8a9\xbf\xaafS\x1f\xc1\xda\x05A\xa0 k\xfb\x90\x9a\xbey\x92\x892\xb4\x0eT\\a\x17Y\x02\xd2s\x0b\x17d\xb0\xa3#\x9c\xcf*|\xdf\xb6K\xf5\x11\xbde\x11\x04A\x10\x00\x8aNH""~\x1e\xd7\x1e\'\x05\x04Dx\x02Z\xf4\x96\x8a\x11\xa2\x0e\xe1\x9a\x8cd\xf6\xac\xdd\x96x\xd5F\x88\x86\x05A\x88\';\xe4\x9d\xbe\xf2\xec*B\xb5\xc6\x8e\xfe\x07\x9a\xf8\x13\x04\xe1\x9c\xa4\xb9f\xf1Y\x82 \x08B\x1a\x08_s\xe9\xbe\xc3\x13\xfe\xb7\x9a\xae\x92\xdd\x96\x82 x\xd0\x1d\xd0\x18\x87\x10\x04A\x10\x84s\xc2\xe4\x969r1\x82\xa1~\x83\xb3\xcer\x08\x98;\xb2\x1e$\x08\x82 \x08\xc2\x85a\x11\xfd#\x02m0\xb67\xd1O\x1f\xf4\xd9\x91\xa4\x0c\x00X\xb3\x8e\re\xf7\xb2\xd0\x94o\x12\x83\x13\x04A\x10\x84\x93\xe0\x86\x91\x1c\x06UB\x10\xd9\x86!\xf4\xc0X\x94&lt;\xfb\xa5\xcb\x82 \xb4e\xf2/\xe2X\x84\xcb\x13\xda\x00T\'\xde\xb3\xf7/\xc9\n\x80\x90\x8a\xcc\r\x9f\x1b\xd7#I\'-\x08\x02\x1dJ\x81\xbc\xf0A\x10\x02o\x88\xad6\xdb+-n4\x98\xdd\x0b\xcbJ\x18\xa1\x12r\x1b\xb1\xceO\xf6\x16@\x10\x04A\x88\xe7\xadz\x0b\x90\xce\xe7\xa0l\xf5\x16\\x\xc5a\x12\x17^\x81\xb9\x96\xa5\xa2\x05^\x88A\n\x82\xb0\x8f\xf4\\\x82 \x08\xd9\xc8\xc5S\x027d\xeaA\x10\x04A\x10\x04A`\x86\xec\x9b\xaa\x8a\x0cJ\x05A\xa8\xc25/[\x97C\xc0\x82 \x08\xa4\xc8\x18\xa0\nrlT FF\xec\xc2\xba\xcb\xfa\x82\x86 \x03\x00A\x10\x84\x0c\x823F\xd7\xebG8\x83\xda\x81\x96\xb5f\xaeRE\xbfu\xc9y\xcdT\xd2\xc7\x00\x0c\xde\xce9j\xb8\xcan\x99\xd4\x90\x85\x93`\x82 \x08B=\x10\x9eF\xe6\xf1Q\x83*M\xa1\x90\xadF\xee\xd2;b\xebA\xff8\x957KkMSQ\xeff&gt;\xb0\x93\xe1(9\x1a\xf4\x96F\x10\x04A\x18\r\xad\x0b\xa1\xeaE\xa47*\x05\x11\xe1\x05\xa2\xc6\rD\xfcv\x89rJ0\x82\xc5\x0e\x9a\x94P\x95\x1a\x19\x00\x08\x82 \x08EP\x06\x04\x1d#\x0c\xe1\xc4H\xa0\x93\x08&gt;e\xd1\xd8\xbb\xa3\x87\x0e\x02\xd5\xcd\x9a\x93a\xb4\xba\x8a\xfa\xb2\x03\x009S%\x08\x82\xc0\x8e\xa9+R\n\xc4K\x0b\x94 \xa2\xd8U\x02\x071a\xb5\x97\xb6\xee\x81\x88W\xa8ADT\x10xY.uF\xeb\xcf]*\x94\x96x\xf3\x90C\xc0\x82 \x9c\x9a\xb7\x1e\xfa\xbd0i\xbd\x11"\xc2\xab\xc6-\xacP\x1f\xa5\x94\x92\xfb\x94\xe2\xe1\xa8\xa8\x8b\xd4`\xb31\xce\t\x82~\x8d\x84\x1b\x8d\xceTl\xa1\x01\x08\xd8bD.\x08\xa4\xe0p\xbenY\x01H\x10{\x9d\xc7:W\x7f&amp;\x08=\xd9Y\x02\xb8\xc24|W&amp;\xcd\xb7\xd0\xf0\xeco\xe1\x0c\xe1M|\xdfA\xb6\x02\xe04\x92\xc7R\xa5,pB\x9d\xa0y\x08\xd7c\\\xa3\xcd\x99\xce\xbf\xdaNV\xe1\xc4\xbc\'\xcb\xcd\xd9J]e\x1a\xbe+\xed4\xac\xa6\x95\xb1S\x847\xff\x02\xf0]\x1d\xb3\xbf\xe6q\nA\x10\x04*\xc2.\xf4N\xce\xe7\xdb\xf5\xf6\xe2{\x85A\x88:\xe0\xce\xe3t\xe6\xbd\xad\x83\xbf\xaf%\xa7\xf3\x05\xd6\xf4\xb4O\xb9SI\x10\x04\xa1\x88\x90\xf3t\xfc*~4"\xc0+\xf5?Kt\x12\x81\xa8\xa8\x0bfxp\x14!\xb0\x89%\xd0\xa5\xab&lt;\x82\xc0\x15i$B4\xcf\xeb-\x80 p\xe0\x8e\x91\xcf-~\x15\xf5_kx\xda\xb3;\xf0\x13\x17\x8d/v\x0c}4X\xe5\x13H$\r\x00\x98\xc8,\x08\xfbW\xa9\xdeX#G\xa5\x94X\xbf\x10\x03\xe2mO\xb1\xe9N\xb88\xb3\xc3\xcb;\x14\xb8z\xcb\x88c[k\xdc\x0fJ\x19\xab\x04\x88Hy\xf6wKy\xbc\xf3\xd3\x11\xe09\x8b5\x1cj2\xb4\x03\xd3ex\xa8]\xbdm\xf0O\x12\xfc\x08|\xd8?F-\xd7\x80\n\x1dA\xed_A\x18\x95\xb5\xc7\xcf\xea\xfa\xb3\xed\xbfb\xc3\xd1\x92f\x17{\x95\xf3\xc5(N\xa7\x0f\xf3\x15\xa4j9s\xb9Y\x97\xbfB\x96\xc7\xf8\xf1\x07,\xa5\x12\x04\x93\xb3\x1cl\x16N\x88\xecW\x16\xce@\xd9\xa6\xc7\x97$}Q\xdb;\xf1Z$\x9b\x92\xbd\xdf\xf5}x\x9ev*;481F\x17`6\xb4\xb3\xee\xff\x19TlA\x10X\x13\xf2,\xc5\x1e\xe7\x99\xe2\xb3Z\x13\xd9\x11^\x8a&gt;]&gt;\xe5\x00\xe0BU\xc92Dc(\x92\xb0\x11\xed\xf4\x8e\x0f6p\xe5\xfbz\x0b \xa4Q\xe8\xf9\x05A\x10\x92)\x0f:\x05B\xe2*\xe2\xbdB\x8fq\xae\xcaJ\xb2q,\xef\xa8Q\xe3U\x88\x1c$\xcf\xa6\xf5\xe5R\x95B]H\xa6\xe1\xe8\x0e\x01/\x0e\x95\xe9\x8e=A\x10\x88XO\xf9K[\xe7@\xcc\xd1a\xfd\xb4\xb0\xb9\xf1\xfa\x8aU\xc8\xf0\x05\xae\x17\xad\x89\x0ed\xbe\\6-\xb0\xb9[j\xf2\x82\x90\x809\x7f\xd1\xdfs|\xdc6\x1c\xe16\xb3\xd2\x01\xf6\x1a\xd0&amp;\xc0\xd8\xcd\x84\t\x82@J`\xfb\xf2\xec\xab\x19\xaf\x00\xdc\x94\xb1l\xb4\x0c\xbe\x0bK\xbb3\xea\x16\xdc+\xab\xb6x\x83W\xa50\x0c|\xcc\xec\'\xbd\x1d\xcc\x15\x19\xa2\xc7\xd2jj\x00i\x05A(\xc1\x18\x00\xe8\xf7{\xde\x8d\xf9\x00\x80\xe5^\x9d\ndu\x9d\x8c\xd4\xa2O\'!"\xc0?Q$9\xecdbO\xb1\xc7\xd4\x98\x90\x89Q\xdd\xb1\xde\x92\xdc\xa9\x9a3L\x97f\x8c\x81\x10"\xc0\xfd\x00\x00\xe0k\xa5\xd6\x84tx\x9b\xb7`\x82&amp;\xde\xbf\xc3\xefK\x85\xb6D\xd7vr\xb0\xcb\xcfi[\x03\x80\x82\x84\xce\x16K\xb4t\x95\xe2\x96/\xc5\x16j\xfe\x10\xda\x84\xfd\x89\xd1\xb8\x886\x0f-\xe9)\xb8\xf4\xbe`\xddg\rr\x16\x02\x97\x17\x181\x916s\x83\xa6\xd0\x16\xd9\xb1&lt;\x0cn \xc5p\x07\xfc.g46D(\xa8\x05\x9cO\xe0\xb0S\x0b"\x96\xc4\x00\x96\xad2,`"kq\xda\x14\xe4\x8c-E\x08\xa0\x07\xf1\xa1`\xff\xb0\x05\x11\xbd\x08L)\xa5\x1e\xa5\xe4\x95\x03\x0b\x03z\xae\xce3\x07\xfa\xc0\xf5,s?\x9c V\xe9p\xe6-l\x8c\xd2\xbc4\x9f0\x88\xc4\xd1`q-\xf0\xecbJb\x00\'\xfa\xa7\x10\xa83j\xf9_\xb3\xec\x04\x00\xd0|\xc7yQ\x0b\xa0~"\xfc\xd4\x995 \x10\xc0d\xab\xe5\xd1.\x05\xa1\x10Q\xe9\x10x\xab\xe9N%-\xc2Y\x1c\x1e\xa4}\xd9\x02\xb3\xd8\xdep\xb4\xbc\x9e\x98\x8e\xa01\x9e\x89\n\xcd@\x84\xbf\x885\t\xc7o\x9c\x1f\xaf\x93?jD\x88\x88D+\x00\xc2\xb0\x1c\xcd\xd94\x1a\x1e\xb0}\xe3\xfbY\x10\xe5\x0e\x81\xb7\x9a\x9eT\xd26\xdc\xef\xc6\xa7F\x15\xeff\xc0\xb1\xdf^\xf5P\xec\xaa\x94b:\x85\xcf\x84\x0b\xeb\x86\xa3\xe1wf\n\xe4\xef\x18\xf7\xf0\x8f\xb5U\xe0\xffd0X\xcd\x12\xa0\xbb\xd4\x82\xe0A\xa6\x7f\x04a\x81p\x06+#\x8e\xef7\x1d\xeb\x99\xcaB\x80O\xa4\xcd#\xfd\xf9\xbc\xea\x10o\x16\xc5\xd8\xd3\xff\x7f\x84\xcf-\x9er64p\xac\x84o\xc8\xceh,\x92\xac\xa2\xed:\x12\x0bs\xcd\x9a\xfe\x07\xf1K\x1d\xe0`.#\xf0\x8b\xbd\x05\x10*q=\xe3\xcfm\xeff\xec\xdb\x87.\x01Y\xa03\x1b\xd2r\xc4\xe1\'r\xdf\x9c/u7\x8f\xb4\xc0=\xc0\x87g\x04p\xbd\x0b\xde\x82\xefI*f\xd3\x01\xc0\x9b\xb3h\xdd\xae\xb7|f5\xa9X\x14xXX\x8c\x17\x05\xa1\x1f\xe8\xfc\xc0\x14D\x84\x9b\x96\ny\xdf\xa9\xbd?0o\x89\xb6U7\x16!E\xeb\xfcN\x11\xfd\xc3\xb2y\xa1\xb7\x14g&amp;\xb3\x8d\x18\xdf*\xaf \xa4h)\xc9\x03\x80\xd2!\xc7\x199\x87\xdfH\xc11\x9bz\xf6\xc0\xa0C\x12\x04aP\x16\x8f&lt;\x80\x0f)ut\x93#\xce\xf6\xc8\x1f\x92\x16\n\x9c\x06o\xfc\x7f\x9d\xe2\x0b\xc9lF\xf2\xa0\x04;\xe1\x19 &amp;\xda\xfcgJ\x03\xf1q-\xbf\xe1\xb8\xca\xb4R\xa7\x9d\xb5Yu\xba\x1c`\x92{g\xc7\x06\x11G\xbb\x14\\\x18\x15\\\xee\x08G\xae\xb7\x98o b\xc1}\xf9K\x01\xa7_\xf2\x8e4n\xfd\xd7uZh\xa8\xcffm*B_\x16\xa3\xb9N3Y\xd1\xfc\xcc\xb5\n.\xac\xe8&gt;3\xc3\x12\xd2n\x01\x9a\x1c\xb1R\xcf_\xf2&gt;\xe1\r\xcdW\x02\xd7\x7f\xd8\xc0K\x1a\x81\x10\xfd\xbe)\xee!\xdd|)\xd5\x1a\xc2\'\xa0\xb9D\x05\x10y-\xba\x96\xc5\x85f\xafl\xbc\x9aR\xea\xb3[\xcbqM\xedw&amp;\xd7\xee\x95\xe7\xa7\x8b\xa0\xd4[in\xea\x9a\\\xbd\xa9\xce\x1d\xd5|\xabXCK\xc8^t\x10v\xc8\xdb0P\x90\x1b\xabX#s\xbf\x8</t>
        </is>
      </c>
      <c r="E740" t="inlineStr">
        <is>
          <t>&lt;class 'numpy.ndarray'&gt;</t>
        </is>
      </c>
    </row>
    <row r="741">
      <c r="A741" s="1" t="n">
        <v>739</v>
      </c>
      <c r="B741" t="inlineStr">
        <is>
          <t>steps_per_sec</t>
        </is>
      </c>
      <c r="C741" t="n">
        <v>8300</v>
      </c>
      <c r="D741" t="inlineStr">
        <is>
          <t>3.0379238</t>
        </is>
      </c>
      <c r="E741" t="inlineStr">
        <is>
          <t>&lt;class 'numpy.ndarray'&gt;</t>
        </is>
      </c>
    </row>
    <row r="742">
      <c r="A742" s="1" t="n">
        <v>740</v>
      </c>
      <c r="B742" t="inlineStr">
        <is>
          <t>Loss/RPNLoss/localization_loss</t>
        </is>
      </c>
      <c r="C742" t="n">
        <v>8300</v>
      </c>
      <c r="D742" t="inlineStr">
        <is>
          <t>0.20726712</t>
        </is>
      </c>
      <c r="E742" t="inlineStr">
        <is>
          <t>&lt;class 'numpy.ndarray'&gt;</t>
        </is>
      </c>
    </row>
    <row r="743">
      <c r="A743" s="1" t="n">
        <v>741</v>
      </c>
      <c r="B743" t="inlineStr">
        <is>
          <t>Loss/RPNLoss/objectness_loss</t>
        </is>
      </c>
      <c r="C743" t="n">
        <v>8300</v>
      </c>
      <c r="D743" t="inlineStr">
        <is>
          <t>0.056639083</t>
        </is>
      </c>
      <c r="E743" t="inlineStr">
        <is>
          <t>&lt;class 'numpy.ndarray'&gt;</t>
        </is>
      </c>
    </row>
    <row r="744">
      <c r="A744" s="1" t="n">
        <v>742</v>
      </c>
      <c r="B744" t="inlineStr">
        <is>
          <t>Loss/BoxClassifierLoss/localization_loss</t>
        </is>
      </c>
      <c r="C744" t="n">
        <v>8300</v>
      </c>
      <c r="D744" t="inlineStr">
        <is>
          <t>0.17353807</t>
        </is>
      </c>
      <c r="E744" t="inlineStr">
        <is>
          <t>&lt;class 'numpy.ndarray'&gt;</t>
        </is>
      </c>
    </row>
    <row r="745">
      <c r="A745" s="1" t="n">
        <v>743</v>
      </c>
      <c r="B745" t="inlineStr">
        <is>
          <t>Loss/BoxClassifierLoss/classification_loss</t>
        </is>
      </c>
      <c r="C745" t="n">
        <v>8300</v>
      </c>
      <c r="D745" t="inlineStr">
        <is>
          <t>0.08712372</t>
        </is>
      </c>
      <c r="E745" t="inlineStr">
        <is>
          <t>&lt;class 'numpy.ndarray'&gt;</t>
        </is>
      </c>
    </row>
    <row r="746">
      <c r="A746" s="1" t="n">
        <v>744</v>
      </c>
      <c r="B746" t="inlineStr">
        <is>
          <t>Loss/regularization_loss</t>
        </is>
      </c>
      <c r="C746" t="n">
        <v>8300</v>
      </c>
      <c r="D746" t="inlineStr">
        <is>
          <t>0.0</t>
        </is>
      </c>
      <c r="E746" t="inlineStr">
        <is>
          <t>&lt;class 'numpy.ndarray'&gt;</t>
        </is>
      </c>
    </row>
    <row r="747">
      <c r="A747" s="1" t="n">
        <v>745</v>
      </c>
      <c r="B747" t="inlineStr">
        <is>
          <t>Loss/total_loss</t>
        </is>
      </c>
      <c r="C747" t="n">
        <v>8300</v>
      </c>
      <c r="D747" t="inlineStr">
        <is>
          <t>0.52456796</t>
        </is>
      </c>
      <c r="E747" t="inlineStr">
        <is>
          <t>&lt;class 'numpy.ndarray'&gt;</t>
        </is>
      </c>
    </row>
    <row r="748">
      <c r="A748" s="1" t="n">
        <v>746</v>
      </c>
      <c r="B748" t="inlineStr">
        <is>
          <t>learning_rate</t>
        </is>
      </c>
      <c r="C748" t="n">
        <v>8300</v>
      </c>
      <c r="D748" t="inlineStr">
        <is>
          <t>0.039593507</t>
        </is>
      </c>
      <c r="E748" t="inlineStr">
        <is>
          <t>&lt;class 'numpy.ndarray'&gt;</t>
        </is>
      </c>
    </row>
    <row r="749">
      <c r="A749" s="1" t="n">
        <v>747</v>
      </c>
      <c r="B749" t="inlineStr">
        <is>
          <t>train_input_images</t>
        </is>
      </c>
      <c r="C749" t="n">
        <v>8300</v>
      </c>
      <c r="D749" t="inlineStr">
        <is>
          <t>[b'1024' b'1024'
 b'\x89PNG\r\n\x1a\n\x00\x00\x00\rIHDR\x00\x00\x04\x00\x00\x00\x04\x00\x08\x02\x00\x00\x00\xf0\x7f\xbc\xd4\x00\x00 \x00IDATx\x9c\xec\xfdy\xfc~_=\xef\x8f\xaf\xfd)\x95\x1feN\x83\xe6\xf8\x9a\x12\xe5\xa8\xa8\x0c\xe1\x942\x14\xc9TDNI\xc7!R\x1aDD\x85\xcc\x14N\'%\x14\x11B\xe7\x84"\xa9\xa4\x92!"\x14\x92\x1c\xd1!"\xea\xf9\xfb\xe3\xba\xf6\xdek^\xcf\xb5\xd6s\xad\xbd\xf6\xbe\x1e\xf7\xdb\xa7w\xaf\xd7u\xad\xfd\\\xcf\xf5\x9c\xd6\xb0\xf7u\xbd\x94\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q\x98\xb6V\xa0!D\xa4\xff:M\xaar\xbc\x96@M\xf2\x06f\\\x94\xc9\xeb\xfd\x01\xa4\xbeom\xef\x8e\xc86\x12\xa9\xa5E\xb8#C\x8c\xde\xec\xf4\xc6\xa4\x0c\xb9\xb6\xe6\xda\xd5V\xcb8^w\x9c\xbc\x1cx\xcb\x12\x1b\xf2\xe7*\xc7\xdb:`\x07\x8f\xb4\xb8k^M\xf4\x01v\x8f*\xa2\xd2\xaa\xd0d7\xb3:\xca\n\xd4\xb3\x8f\\_D\x1a+\xe5v07\x7f\xb9R\xb7t/\xd2\xa4Q\xc0\xbf\xa1\xd7un\xa7\xd4\x0b\xdcW\xafF\xf4\xd6\xb0\xce*\xcf D\xa4\xa6\x97+u\xcb\x0cQi\xc3\xc6\xb4\xf0\\ND\x99U%\x16\xccvwj\xf5V\x01i\xddf]\xeaKn\x1f\nk\xe9Aq\xe2v\xd7\x90R\xca\xac?\xbb\x80S\x0c;3\xa0JJ!y\xeb8\xb2\xc9\xf4)Qd*\x8a\xcc\xb1e\xc1\xb7\xc6\xae\xb9\xa2\xfaL\xa5~\x86#\x90\x88\xaa\xe3^+\xf74\xeb\xc2\xbdT\xdf\x1e\xe8\x9cV\x18\x86\xfd\xe7\xff3\xb7\n\xe7\x97t!Y\xc3\xb1\xbb8]{w\xa2g\xf8\xb4\xf2-\xb3\xe2\xf2\xd7K~\x96\xe83\xc2+\'\xcd\x11\xce\xb638\x1c\xaf\xf2f\xd0\xba\xc6\x99\x9b{^7\xf6m\xde\x91\x85\xb6.\xfa\xb5\xf1zj\xee\xe8|\xdeLB\xa4\xb5\x9a\x96\x179KF"\xf25X\x07\xcb\xb4\xf6\xda7\xc3 I9\xfe~\x8d\xad\x94\nmJC\x97\xe7o\x00B\xaa\xb9})\xa5\xfeV\xa9kg\n/\xa6\xff\xba!\xbbG\xac!Lh\x87+\xe6\x05\xaf\xf2\x83.^w\xc5\xa06\x9c\x170jL\xf5\x06\xe7\x8a\xad\x15h\xce4\x9d\xca\xc1X\xc1AD\xfatm,\xe6\x94z\xe6\xfc\x1a\x11\xc5\xce\x84\xa7i\x9a|K\xdd\x1c\xa6i\x9a\xcbe\x9e\x95(\xb0\xfaW\xe7\xe1\x90\xf5\n9\xc7\xdb\xf3\xa2\x8f\xdf\xa7\xcd\xaa\xbbZ\x17s\xcb\xea\x7f\x9a\x12\x07\x9d\xdew\'\xcd"4\xa3\xee\xaa\x94\xef\xd8\xfb\xcc\xd7\x1a\x97\x9b\xef\xf1\x0ef\'\xa5\xd4S|[\xa6\xc9i7\xb9\xaf\xcf\xd7Q\xfe..\xd8\xd8\\N\xba\xe1\xca\xaf\xb8\xa6\x9c\xe5\x85\x17zT\xd0\xde\xf6\xcb!:+F+f\x9b\xf0a\xbfe\xcbH^\x05\xdf\xf1KN4Xt\xe6\x92\xd5XWd\x8a\xfe&gt;\xbf\xdcq\xf5\xaf\xb6(\xbc\xde\x1bT\xd1\x0b&amp;=\xe99\x949h/d\x99b4B1\x0f*\x81\r\xc1\xce\x88\xae\x9e\x0b\xc4\x85\xa9\x17eN*\x9f\xa67\x13R?\x172\x7f\xd6\x95\xa4\xe5\x95\xc0(\xac%Z\xd2h~3\xce\xfb\x9f&lt;\x0b\xd8\xf2#&gt;:\x0b\x9fG\xe7S)\xea\x02\xa3\xcd\x93\xf4%2#0l\xbbY\xc6y\x04\xf9\x9b\xb9\x1d\xcf\x9a\x93i\xab\xa8\xc1\xd7V\xf6\x02\xdd\xbeD\xfb\xf9\r\xb3\xa1\xde\xc3\xe3\xdf\x80\x9b\xfccLY#m1\xef\xe8\xae\x1d\xbe\xdc\x1dN\xa4\xa3\x08\x8c!\xdb-\x95\xbf\xdf\x0f\x0b\xabQ\xa8[\xe0Z\xae\xc2\xf5\x90\x9dDG\xe5\x86\x87\xde\x03\x1crh\xcd\x83\xbf\x05\xc5e\xaaM\x1a\x92\xfa\xa3\xd1lXU\xcc\x87\xe5x#\xda\x04\t\x0b\xeaSZ`\xd9Q$\xd5\x91C\xf3\xd2\xf9\xe3\xe7W\xee\xc1\x17\x9e\xa5\x06c5\xe0\x1b\xa9\xb5\xa0\xf1^u\xe5uI\x1d\x18f\xe0B\xf7\xf5b#\'F\xc7\xf0`\xaa\x01gt)\x0b\x9b\x02&lt;\x1b\x00_/\xebQ\x7f\xd2\xa4\xd1\x1e-!1\xeb\xcc\xbc\xcag\x90\xa4%\x9d\x85/wq\xaf\xef0#\xcd\xac\xde\xc3j\x846\x00\x05\xf9\xfb\xfc\xe5\xf2\xbf\x8dG\xa6\xa7\x97{\xe6w\'C\xc8,\xe2\xbd\xf4\xe9h\x00.d\x98`K\xea\x12\xea\xf8!\xfau\x89\xd9G\x9c^&amp;\xfd\xc1\xe3\xfb\xae\x03\x02F4\xc3+\xb9\xdc)\x91\x1c_\xd30Ee\xed\xf8\x19\xf2\x93\x8a%Vr!A\xa1\x8b|\xfa\x17\x9a:tIh,\xef\xef\x8c(\xaa\xb3\xd18\xe8\xb2\xbfe\xa9m\xd83l%\x9f\xe5K\x8c\xb3^\xf2\\\xe3\x08\xdf\x18\x9a\xcfDJY\xed\x037"\xa2\xfd\xc6C\xd4\xd7-\xc7\x1aO9\xff\xf09\xb4\xbc\x17T\xc0c\xba\xec\xd0\xf2\xdc$\x89\xc8\xf9z2n\x9d36\x0cY\xfa\xec\x16\xd7b\xa2\x03/0\xe3\xa5X\x1e\\\x0cDJ\xfd\xec\xd6J\xb4\x853\xfb\x00P\x8e\x15^\xe2\x01\x17Y\xf7\xe4t\x91\xddx^\xfd\xb0\xf6\x00\xee[\xf1\t\xdb\xb9\xaad\xb1\xa5\xecu\x9b\xfdN\xfc\xb2\x904\x86\xc1\xdd\x17=g\xe4\x96l\xcb&amp;s\x9bg1\xc6\xb7\x9ev\xab\xfb\x85\xc6\xe5\xeac{\'\xaa\xb3G\x8a\xa9\xa7\xe7BW`D\x87\x80\xdag\xee\x9cj`l~~\xde\xea9\xb83\x8c\t\xf4]\xa0\xfe\x9a\xcc\x17\xf2b\xd2V\xcbg\x1c\xefu\xcb\x7f\xd7\x8e\xde\x9d\xb0\xa4\xf1\x15;\x04[o\x00\x00\xd83\xbe\xfas\tY\xc0\x9d\x83\x80\x17|\xb0#\xcd)\xb0\x96\xcfE-q&amp;\xf2I\xa9P\xd4V~U\x1f\xa7\xd3\xc6\x1f\x9c\'\x01\xe1\xb4|cL\xe4kR\xc8\xd7\xc0\xd3{\xa4@\xdcF\xa9\x17\x9d\xa4\xcc\xdf\x86d\xb5\xd5|}[\xa2\x17L\xbf\xaf\xd4\x87\x19\xdf\xbacu\xa7\x05\x89Gy\xab\xd5\xa9S\xf2\x7f\xf3\x866\xbaY\xa8\xfe\xad2\xde\xaf\x0frtv\xf5\xd2\x1a\x98W\xbaq\xcea\xed\x8b\x88\xecQ\x9f\xbf-\x8a\xf3\x15=\xee\x17CI}\x1eq\xedB\x19\xdfF\x95\x95\x05\x96M\xf4$5\xab\x84\x11\x0f\xbet\xd3\x1bXNQ\xf3\xc7XQ\x9c\x01\x10\xc1;G\x1c\nk\x95r9\xe8\xd5s\x90\xe1S\xc9w\xb8\x15\x0b?~l\xb7@;\x02\xdcz\xfb\x98\xb1\x85%\xfa \xfd\xc0X\xfddM\xaf\x1f1\xfa\x8ey}f#\xfcn\xc6Q\xaeag\xf3\xe7H{E\xf4\xd3f\x03"R\xea\xadV\xd3H\x9f\x96DO\x17\xebp\xfc\n\xeb\xafqFg_\xb5\xbe\xe2\xb62/\xd1\xaf\xbaN\xa2\xb1\xd6\x91}\xeb\xc3x\xf1\xf91#\xdbW\xfd\xbb}\xff!rU&amp;\x86\xc2^\xe5\x93\xdc.d\xe1\xb9\x83H\xc7\x96\x95\xac\xdbJ|\x1d.\x99\xcc\x90`\xb4\x1c\xbd\x06\x82\x85rOIW\x120\x10\x91\x82\xdcS\x8b&gt;\x95$8Y\x83L\x12\xeb\x98MTJ) \xad\xf0\xf6C\xae\xc1}\x9c#}\x89\x939\xf9\xc3\xff\xa5*\xcb;z\xc64\xcf\xf6\xb2\xaf4x\x02=\x8cn\xd5w\x0f7\xbb\x0f\x91R\xbf\xe6\x8a\x0f\xdd\x90M\x8e\xc2{U\x11\xac\x0c\xd2\x1agw\xe7\xb3UB\x13\xa1\xa1\x9dE\xd5\x0b\xd93\x19f\x94\xb2y\x11\xb5\xfdn\xaa\xfc(8\xd5\xa9J\x88\xacn`\x1c^|).\x0eM\xd6 \x1f\xef\xcaFD\x9c\xfb\xb2\x94\xab\x0cU\xf9\xda\xde\xe1\x00\x81\xf2;\xa9\x06\x0c\x83\x9c}\xf1\x97\xfa\x0bl\xd7\x18_\xe6\x98\xb8\xea\xa5\xa1\x06&gt;%cj\x17.O\xddW\x98\xcc{\xc2D\xb3\xeb\x85\xbbP\x8a&gt;\xdc\x92\xc9\x1b\x857}\xd2\xad}[\x9d\x96;[\xbd\x8b\xdc\x8bd6\x00\x0c9\x07\xc8w\t\xaam\x9es\xb9\xd9R"\x02E\x02f\xbf\x98\xe9,!\x07y\x01\xf6\x8c3S\x83Z\x82g\x96\xd9\x82\xfc+\x1e\x01\xc9\xa1~\xb2.\x12\xea\xbd)_\x98\xa8\xd1\xf1Q\xf0\xb2Bk\x93iI#LH)R?\xe6^\xf8\xba\x84\x1a\x85\xa9K\xea!\xdeK\x9e\x12Q3\xa0\xb8!\xe7\xb7\xc9Oh\xfdo.\x7f\x97\xff\x02]\x04:\r\xf1|""z\\\xce\x9d\x9c\xd5\x17\x9e\x81\xca\xcc\xf7\xd6\x10\xb2F\xe4\x8a\xa9\xd7\xe7$-\xd9\x97\xe0Z\'\xd7\x98\xa2#\xdd\x98:K\x1e\xc4\x08\x01\x84\xc3,\xdc\x85\x84\x94\xc2\xb4\x05` d\xa76\xa0\x16;\xae\x96\x15\xdb\x03\xd8/6\x98\x923.\xf0\xbe*\xa4\x8e\x18q+EGM\xec5V\xfe\x06\xc0\xb7 &gt;\xbd\xf1\x0e\xcf\xb5n\x14\x19\x97\x94\xcdC~\xcb|\xa4O\x8e\x13\x84\xf1\xf9\xcf\x19\x17)"\xf5\xa7k{w\xe0D\xf4fm\xd9\xed\xdd\x03\xf8\xcc\xc5\x1a(\xaf\xd97\x9f\xc4\xde\x8d\x16k\xfb:\x15]=,a3\xf8v:\xdf\xe6Ly\xdc\x1be\xa2\xbd\xb7&amp;\xe9\xcd\xbd\x0c\xa4?\x8b\xa3o\xbb\xb5&amp;~\x96\xb4\xf5\x06\xf0~B\x14\x80\x85\x1d\x95\xd6\x1d\xf0\x15\xcb\xa2g\x9d\xe3\x85\xedK\xef(Y\x06ua&lt;\x95(\xb6\x01\x88\xd8\x90\x88H\xfd\x07\xebB\xc7\x17O\xe3\xcd\xf1\xcbU\xd6\xca\xf2#\xbd\x8d=W.\xa7\xe62[\xc1k&amp;\r\xa5\xeb\xb9(\x1foo\x9a\xd7\xb3\x87\x99e\xfe\xff,\tJ\xd1/P\x02\xde\xb82\xb6\nD\xa4&gt;s\xd5\xca\xd7#C\x9ai\xa8`\x8b\xfd\x1c\xbad\x1a\\\\\xe0\x9el5\xfc\x84*\xecJ\xa5T\xea\x8b\x893\x18=/V\xf5\x929\x0e\x00\xb8@N5\xe2mUs\xfc\xe8u0\xcc\x16\x93\x1f)\xf5\xd4\xe0{\xa5\xb3]\xf8\xc2W\xb8\xcbA\xab1o}\x13o\xe3\xbdEp\x03\xa7\x07\xe1\xbb@^i\x8e\x1a\\i\xc9\xf6\xe16\xe7\x17\xed\xae\xe7\r\x0f_\x99\\\x13\x99\x86\xb5\x06n\xbb\xd8\'\xf9\xdc\xf8N\xf1\xf5A\x8e%G \xcb\xf5Lil\x81y\x817&lt;\xb1z\x15\xb9J\xca\x02\xc72\xe6V\xe8\xe9\x7f\x11\xc6\x94\x9dk\xc0N\x80\xd3\xcb)/\x10\xb9\x8b\xad&amp;H\xaf/\x9b\xa0+I\xa4\xd4\x07{\xde\x964\xe3\xfd\x94\xbdF&lt;w\xf3U\xd6Qw\xaa\xd3\xa4\x8b\xc9\x87\xf5~\xf10\xb2\x08\xeb\x90\xbe\xb0 ~\xfe1\xd6\xd7\xf5\xe7\x1f\x1e\xc6&lt;\x84+\xb0\x92+\xd6U\xc6\x8d\x01\xe7u\xa5\xd4\x95"\x9d\\\xf2\xf1a~,\r_\x88\xf2(\x18K\xd4\\Y\x89v\xc1\x81\'\x07\xa97mo\xc6\x9e\x13\xf4\xe16\x8d[\xaf\xaf\x00\xf0R\xb6\xd8\xf2\xca\xa9\xa9\x0e2\x9b\x90\xb4\x84\xda1\x9aJ\xda\x0f\x9c\x08n\x00"\xeb\xe0\x82^\x92\xe6%\x1f\x82\xf2s\xe5x\xd7\xbb-\x88\x8c\xd77\x9cm\x96\x86\xf1H`\x99\xfd\x92\xa7\x1f\xa1\xe0\xbc \x88~/Z+\xbc\x1f\xdf\x07\x00\xf8\xf9\\\xd4\x1f0\x1e\xa5\xabL\xcfR\xa9v\tX)!\xbdr=\xbf\xf5\x05U\xcb\xca\xb0|\xe9\xf4\x8e\xaf\xc5\x0b\xac\x94XO\x93\x87\x02Us\xb5\x8a\xab\x11h\xf4\xe4SS\xb9\xb5\xf8\xf7\xf8\x0f5G\xba%\x150\x8b\x90\xd9KU\xda\xa4\xdfR63\xd4.Il\x00\xfa\xa8\x00\x7f\x8d\x03|\x01*\x18i2\x05\'\xbe\xc4\\U\\]\x7f\x8f\xb1\xb0 \x9a\x9f^0\xe4\x94VmM\x93\x1c\ts\xfb\xb5wG\x81\xab\x19\xc3l\x11\x85M\x1e\xb1\x10\xd29\xe3f\xbdg\x03\xb0*\xa0\xff\x17\xbc\xb2BO[V\xbd\xa8dG\xd6\x0b\xec\xeb\x968\xefW\xd1\xc2\xfb\xa2\r\xab\xea\xee\n\xfa\xee\x14\x1e\x93nf\x84\xbf\x00\x18\x96\xecg\x04\xda\xa9\x02\npV{\x99&lt;\xc3\xf9dj\xe5j5_\xc8K9\xbb\x8e\xca\x9d\t\x8ba\x83;\xc7\xb9n$8\x9b\x02\xff\x1at\xb1ps;\x8b\xf1Lo\xa4\xa5l%\xb9\xd5\xc9\x07\x87(\xa0\'\x98\xb3\xa5Na\x008\x1a\xfb\x99\xeb\x81\x97\xd8\x92\xae\\f\xb5\x80,\x95\xf4\xc6\xd7K\xb6\xaa\xd4M\n\x9e2\xb5S\xce2i\x85g/\x96\xfcYU\xfa\x01\xcd5/\xd5&gt;\x08\x91\xda\x1e\x0cJ\xc1\xbc\xbe\xa3\xd1u\xa4\xadAn\\npR\xea\xf7$U\x19\x91\x86\xc6G\xb4+\xd9\xe7\x1b\x9b0\xa6V\xe0\x12@\xec\xed\x9bQ\x17m\xb6V\xe9\xd3}"R\xea\xbb\x92\xcd$\x95\xac \xb8\xf4\x9c5\\\x07U\xa1s\xb3!\x9f\xc4\xde\xef\xf4\xb3\xba\x99\x15E\xa3\x18\xb9\x15\x01\x93V:+_\x8bQ\xd2\xb6\xf5\xc0k\x86)k\x9f\xbd\x87w\xbe5\\\xcbw\x1e\xfe\x08\xd6\xd6\x9e/\x1d\x901\xb5\x02\x97\xc9\xb0i\x02|\x0c\xb9t{\x80\xa9\xd5\xfa\xb0\xf5\xc3|\x1fy\xf4n`BQ8\xc6\x00\x95?O\xf4!\x9b~\xf1\x8b`\xf6S\xa7hB\xfc\xe2\x9dq\xd6\xa3\r`\x8d\xabs\x06\xed\xdd\xe0\x19\x9aW\rS\xd0&gt;\xfb6\xb8\x10\x17\xb8\x018\x01\xd7\x03\x90\x00\x15rg\xf8\x16\x9a\x95\xfe\xab\xddK\x90\x83\xfb\xae\xdb\xdc\x15R\xac@\r5\t\xa0\x8f\xd7\xd8\xffHw$\xc4\xbe\x9e\xf8\x0f\xc3[\xdcw^\xdf\'\xb9\xa0\r\xc0|E\xaf\x8eb\xa2F\x0b\x83\xa33\x86\xa9O~\xff\xaa1\x94\x01`Tv=%]&amp;\xc6:[\xfb\xb9\xfc\xc8M"\x08\x82\x1b\x00o\xe3\xbe\xf3D\xb0\xbb:\xeb\xa5\x1fvr\xfb\xd3\xfb}N\xaf\xc4#\xa2\xc7\xcc\xa7\xfe\x9d\xbf\t\x07\xe8\xec\xbc\xd4\xe6\x85\xfam8\x83\r\x9e\x05H\xde\x07\x90\x13\x05v\x03V6\x00$\t\xe7\x08rG\x0cyS\xaesd\xd5\xb1"\x05~\xae\xe4\xb6r\xa2\\^\x96\xd9\x9e\xf5i\x84\xceSE\xf7N\xe9\xef\x19\x9f\xcd\x00\xada{|\x7fn\xb2\xe2\x99\x19\xdeX\xa5\x1d\x0ex\xb3\x01\xdc-1\x8c\x0fr\t\xc5\xcc+\xbbjqT$N\xe8\xfd\x82\xe7\x1f\xfe\x80w\xa0\x1e~~\xfd\xd8D\x07\xd8l\x03\x90v\xc7\x00\xc6\x17\xee}\xeb\xe1d\xb1\x85\xaa\xafa\xd6\x81\xcd\x03\xa3\x04\xa7\xca\xb1*\xde\x00Y020\x0e\xc8\xa1Q\xb4 \x08\x01(\xa6\xc5\x12sy\x96\x83\x7f\xd2\x16P\xea\xc2s\xfb\xa6\xd2{\x00\xfa\x8d\x0cQ[\x1a\xff;\xc4]\xdf+\x9c*zy\x9e\xdar\xd1ID\xa4\xbe\x91y\x92\xb7\xb3\xc4&lt;Y\xf5\xd9\xe7=\xc0\xfd\xb2.m\xa5\xd3\xfeipr\x04\x0eL\xa3PA\x04\x02\x90\xc3y\x911?w!\xbf\xe6\xf8\x82\xf5\xa3\x9cD\xa4\xee\xac\t\xf7t\xe4ye\x97\x1b\x80\xb3\xc27\x91\x16)e\n2\xfd~\x99\xb4_\xb2\x149kq\xcd\x96a\xcf\xdf\x19\xee,\x84\xbeX\xbb\x03\x805\xab\x18;\xab\xcf} R\xaf\xde\xa5Y2+\xcf\x0e\'h\x00\x80\xf2\x9f\xfao\x95\xc9\x81\xc5\x04{%47\xfbRV_-\t\xae\xd4\xd7\xc5G\xb9LGl\xf1XXG\xbc\xbb-\xee\xacOv\x0e\xb8\x04$\x93\xad\xd5I1\xbe\x86\x06\x8bU\xf7\xa56\xd8#{\x8d1l\x00V\x88\x94z\xf0\xd6J\x00\xd0\x06m\x9d\xb1$\xf0\x8f\xe7W\xae\xba\xe4?\x1fE\x7fju\xc5\xcc\x9a\xda{\xec\x01\x02\xfd\x16~\x12Zs\xd6w\x9a\x02[\xb1\x9be\xa8\x03[\xed\xe1\x86v\xd2\xfc\xd5\xfb4\xfb\xf0\xec5\x9e\xf7\x06\x8c\xbccrsd\x88\x9cj\xf6\xb9\x82\xed\x87\x06@\x0b|\xab\x7f%t[?K\x82`\x8e\x1d6WWgm\xf1E@={\xf4*\x91\xed\xd9\xbc\xad\xcb\xd6\x03\xd4\x18\xfe|zd\xdd\xd2h\x15O\xce\xce\x97\xfe4\x9d\x87\xed\x8b\x06\xb8$\x10o@\x9c+\xb6V\xa0\x1f\xda\xb2cR\xd3T-/K\xc24MS\xce\x0c\xaa\x9f\x85[W\xd5k^K\xa3g\x0c\xa6\xd9)\x8d\xeb\xdc\x97Y=L\xd34\t\xc4C\x15%C\x9e\xa6I\xf1\x03y\xb6\xed\x00\xbb\x9d\x93\xe2\xdb\xea\x10\xc5\xa3\xdb\xf0\x9b\x16\x0ft\xfec\xd3\x02j\x93R\xcf\xa9\x97r,6/\x1a@\x9a\x9d%8\x00 \xc6\xba\x8c\xfe\xefDD\xea\xa7\xb6\xcc\xf0\x8c\x99\x98\x0cZ*U\xc0\xa3\x9b*\xe6\x15\xdb\xe0\xb6@H\xdau\xb6\xfc\x88H\x87&gt;\xca\xef\xb1\x8c\x16\x87\x1e\x9a\x86\xe5x\x99\x98@0O\x1b\xed\xf9\x01\x18\x84\xa7\x10\xa9{ \xbc\x018\x1a\xe7[\xe1\xbc\t\xec\xdbzh\xc4\xe2/\x87\x9dt;\xefL\xfaw\xd7\xa7\xa3M\x18lW)\xa9\xc62\xb4\x1f\xe1\x8d\xee\x1bF1BK\xe4\x9e&lt;,\x0f\x9b\x81\xe2M\x8c\x06G\x12\x97G\xc6\xe3\x8b\xcdM}\xbc\x10\x05\x1b\x81@\x1a\x8a\xf9\xc8\xf3\xe7\x86\\L\xef\x95\xae\xc6\xec|3\xe4\xc8q2\xd2\x9d\xa5O\x94\xd6!ch2F\xd8\xde\x86\x11H6I+\xcc5B\xb0\t3F\x06\x01A\xe0MP\xcb\xb0\x87\xb6\x97\x8b\xb9\xe2i\xfb}2\xed\x84\xeb\xfdt\xe9e4\x04\xce\xdb0a\xab\xd2t\xe05\xce6o\x9b\x94d\t\xecS\x13\x92Z4\x10y\x1e\xd10\xdb&lt;\x00\xda!\x18\xde\xdc\xba!\xd7c.\x9b\xd7+\x90`w%\xf7\xf8\x1f\x026?\xa9\xd5\xeec[\xe7IW\xff\xb5\r{\xf9\xe4\x99\xac\x05\xaa?\xb7}vM\xc6\xc70\x0eYju#n^\xa9\xda|\x8a\x92%t\xed\xba\xda\x08D\xa4\x1eU\xf6l\x8cD\xf7&amp;\xef\xd5Fl3\xf6\xa2\'\x18\x93\xde\xb3\xe1\x86\x9f\xfc\xde\xbc\\\x83$\x03|\x9f\x08\xa8\x80\xbf{\xf3\xb446\x7f\x17\x9d\xacc\x9e&gt;f&lt;\xb6\xfb\xb0\x11\xf5\x97\xa2\xdb=\xb1\xe1\xf9V\x19\x17W&lt;\x1b#\xd0{P\xf6\xf2\xc1\xa7\x91\x19\\=\x00\x00\x00\x87\xa6d\xb5g\xb6?\xf0z\xb1\x8017\x00|z\xe9\xbf\xd9\xd7\r\x99{\x00P\xcf\xa0f\xfc_\x97\xbe\xc7\x03\x83\xb3yp\x92\xba\xe9\xe6:\x00\x00\xb6\xc3{\x1a\xfa\xcb9\xdf\xf3p\xb1k)\xef\xa8\xf7\xbf\xb8\xec\xa1\xfc\x86&amp;\xc2\x06@\x9aA\xcd\x98q\xd7\x0b\x80KD\x9f\xf7\xe9\xd8\xdf\x00\x01F\x02a6\x12D\xa4\x9eD\xc6\xef\xa1\xe5Q\xee\xd3\xe4J)\xa5\x9e[4\r\x8f?\x7f\x07\x1e#\xc1\xe2\x92\xc96&amp;\xba2\x9e\x02\x12fP3"\r\xc1\x85 \x11\xea8\x16\x01\x00\x9c\xf1O\xeaD\xf4\x83\xf3\xdf\xd8\xd4_\r\xaf\x00\xca\xcb\xca\xf8\xc5(\xb2M""\xa5\xfe\xac\xbbF\x80\xc7\x1a\xb1C\x07\xd8\x1e u\x93A7\x00\x8fj|\x82pol \xc1\x18\x88\xcd\x958\x16\x19\x9a\xd1WDq\xc6_\xd1\x01\x0e\xa4\x88~\x83H\xa9\xa7\x9e~\r\xfb\xd5z\xde:\xb8Ih\xa5ic\xc2\x03\xbf\x16b\x1d\\\x0c\xa3\xae\x18\x88\x94\xfa\xb5\xa6=\xfc\x07r\x1cH\xb2}8a\xe6\x02\x8d@h\x1d\x06R\xeaw\xcc\x17&lt;\x8b\x00"k\x03\xe0\x13\xb4\xe7\x98h=\xae\xfdZ&amp;\xcc\xf1F\x04\x00\x00\x07\x01\xcfF\x82\x16\xe0\x01\xb3\xbds\xfb\xdc\x0b\x8c\xd5\x7fb\xa1\xfcE\xb5\xda\x1d\x13d\x0b\x00`[\x82\xa5\xbb\xb3\x1e\x97AW\xabz\xa6\xe6\xf4\x1d{\x00\xb2\xc1\x06`\xaf\xf0\x1e\xe3\x89]\x98j\xf8?k\xd4\x03\x00\x00\x07\xcc4\xc2\xf8\x8a9\x8c,L\xdf\x95\xb7\x7fv.\x9b\xee\xc1\xc5BD\xb7\x0b/\xf3\x92\x8f\x81\x80\x8e\xbc4\xfb+\xff\x9d\'y\xb2$\xc4\x1a#&amp;\x00h\xc9e&amp;\x17\xbd\x0ek\x97\x06\xe4\x97\xeb\xd7\xb7R\xe5\xc8l\x1f\xb7X\xb1\x81&lt;\xa2\xa1\x82\xcd\xe4P|lVkg\xfd/Y\x14Pb\x00\xe8O\xe4\x91\xbcc\x80)g\x0cP\xdew\n6\x00 \x97\xe4\x06\x00\xec\x0f\xbb\nT\xd7\x05\xcf\x07\x85KE\xb5\x01\xc1\n.\x80c\x079\x8e0;0\x9b\xf7a\xf16\xdd\xf4\x01ux\xfe\xa0\xcd\xb1\x8f\t\x80(\x89g=\x96\x1f\xc6\xa9\t\xd3\xd6\n\x8c\xcf\xd9Y\xd3\xa4N\xe6\xd2\x9d\xb7\xbc\x98\'\xeb|\xed\xb8\xc6\'\xa2\x91\xd5\x03\xe0b9\xd5\x10Nz.\xd5\x06\xb9\xec\xe3d\x9cb\xcb\xd02\x1d\xe4\xce\x02`D\x88\xc8\x9f)\xa4\xe8&lt;\xd3\x03P\x0c\x11M\xea\x14HD4JM\xbebk\x05v\x03\x91\xe7\xc3I\xb9\x1b\xb91\x9c\x9ef\x90\xe8\xbc(p^[M\x99\xe9~DX\x8b&gt;\xb0\xe3\x04\x99\x1c`\xaa\xb3\xcd\xf9\xdai\xaa\x94\x03\xc6 8\xe5M\xbb\x99\xb6\x07\x00\xf3\x17\x03\x84\xd3\xae\xf0~\x06\xa0x\xad\xf6\xca\xe5\xda\xb7!U\x8eG\xd5\n\x1e\x1b\x80\n\xa8\xe0\xafq\xed\xd1\xe0{\xd4\xf9`\xc0\xfe` F\x8a\xc6v\xa91l\xd2y\x0brJ[|:k?\xf8\x97\xfe\xa5\x1f\xb0\xc3A\xef\x91\x81g\xb7$?%\xcf\xfer\xafz\x90\x90J\xe0hh\xf5\xff\x12\xb8\x90a\x9e\x19aj\xce\xd4a{\x85M\xbe\xbe\x99\xe4\xa1\x86\xa9\xe1\xf7\xd7\xa8\xda^\x10R_\x82!z\x07\xe0$Q@\xab~\x0cUb\xc6\xd1\xc4\xc3\x08\xf3\xc7ESb\xfcC\xf9\x0b\xe1\xd7\x9a9\xc7\xc7\xb2\xb3\xb0J\x97\xb5\xc9Y\x19\xa1\x80\xe7\xea\xb0\xb9\xc2+\xe3h\xd2\x17\xd3\x05\xa4\xd4C7S\x05h\x14\x970\xcf\r\x1d\xdf\xea\xffr\xc2}\x94\x91\n\x16\xbb\x16\xb5\x1e\xb7w\xc0\xb6\x0c\x13~#\xe8\xe0\xe3\xbf\t(\x16\xb5\xf0V\xf6\xcf\xfe+\xf5Q.m\x82;3L\xfa\\\x16\xec`\x83k\xc0F\\\xf6\x06\xa0\x92\xe7\x07\xdf\xe1V\xdb&amp;\xa6\xc6\x06\x00\x1c\x8e\x9eg\xb7\xcf\xea\xd2\x8b\x14\xb3M&gt;\xb8\xa9q\x0e\x92\xfe\xc7\x18\x05\xa8\xc3\x7f\x12\xda\xa1#\x7f#\xc4$\xd8\nc\xe9\x8f\xd5?\x08p\xd9;C\xca\xfd+{@\x1ar*U\xdb\x9e\xda\xc9\x97\x85\x9f\x98\x97\xf9\xf4\x8b\x8f\x0b2\xc2\x8e"\xf9r\x81\x8f\xc0\xa6\xeci\xc2\xdb9\xb0\xf3\x0e\xb9\xe8\xcd\xcf\x10\xf8nT\xb6\xed\xab\x9d\xfc\xad\xe8\xb6\x83\x1a\x9e\xad\xc6\xfeS\xfd\xbb&gt;j0\xef\x85\x8b\xcf\xb5m\xc07\x92v\x81\xc8\xfa.ab\xff5\x1f\x00@\x04\xc2\x1f\xad\xd3\xb0\x161\xf3\x9f\x9e\x01gX\xd1b\x1a\xf1\x82\xff\xce\x17m5\xf0\r\xe6Gg\x8e\x06=\xd9\xe1\x8ah\xb3\xec\x10\x04\x7f\x08\x8cC\xcd\xc6t\xfe\xb8\x80\xef\x80!}\xe4\xa0}\xd8\xe0\xb2\x9f-\xd9\x11\x19\xdf\xe0\xd6P\x8b\x8b\xa1\xc5\x9c\xb1\xdf\\\xb3\xad\xb1\xfb\x19J\x92S\xbdMW\xdd\xe9\xc4rUc\xb5\xc6e\xe3\xe8\xe9z$?\xe4\xd2\xb3\xa5\x05\xc6*qF\xca\xed\x81c\x94\x05l\x00\x12\xcc\xf7\x81\x0b\xbd\x1d\xba\x8e\x1b\xeb\xd3\xa4\x0b9\xcd_e\x9a\x80^L\xf0\xd1\xde\x99\xa6\xd3\xd3L\xbb\xf4\xe3\xce&amp;\xd2q9\xa6\x15\x87\x7f\xd6\x85\xaa\xbf\xd1h\xe4\xd1\xe51)\xd5r8\xc7\x8c\xf0&gt;\x14\x15\xd9\xe7\x89\xab\x01x\x08\xfc\xdd\xae\xd7\x14v\xdc\xe5y\xdc\x1e\xec]\x7f\x00\xcel\xf9\xddS\xbd\x18\xeb\x84o\x04r\xeb\xb0\xd6\xfe\x18\x96&lt;\xdf\x00aZ`\xd3\xb1s\x94\xc4\xbd\xd6\x12F\x8d\xe7\x01U*\xe6Hc9\ne\xeb\xef\xc3\xcd\x01\xa5\xc0\x08\xa0!}\xe3\n[\xd9\x8b\xa4\xe0\x14\xe6\x08\x077\x0eY\x1b\x80\x02\x8b\xcd\xe9\xbc\x8f\x0f\xa0\x1f\xe4x\x0e\x00 \x0e\xaa\xc3\xee\xf0nT\xd8Nl\xbd\xc91\xf6Q\x88\xab\r\xc0\xd7M\x80\xe3PV\xaf&gt;\x87+]/\x9b\x19\x7f\xb3\xa5y~\tV\xce\xd2[\xf4\xa8!\x00\\\x02\xc1\xd2@J\xd15}\xeb\x89{\xf5^a\xe0l~!X\xcd9\xf5\xbd\xf1f\xcf\xd5\r^\xdb\x84\x98\xd9\xef\xb8\xdf\r\xffN\xd5\x1e\x9eqo\x02\xbfq\xb7\xb1ZA\xdc\x17\xf3\xbbz\x83\x98\x89\x8a6\x00\xdb\x06\xc3\xc5y\x1c\x80!\xf1\xad\xfe7\xb9i\xb0\xe7i@\xd8V5\xf6o\xeb\xb8\xc2\xa3&amp;\xd0\x95}:h)D\xbb\xd3||\x86N\xdbg\r\xb539)\x93e\xa8[\xcb&gt;\x945{\xaa\xe8Y\xaf\x82\x0b\x01\x08`\x07\xea\xb05\x04\x9c\x90\xa9\xa4#\xcf\x16\x03\xc26W\x86=\xeb\xec\x9f{a\xee\x8dc\x04\x06\x90\x06\x0b\x97|\xf8\x87\xfaZ\x8d\x82\x91c\x14\xcc}Y\xed\x93\xf2?\xa8\xc2S\x97&lt;qk\x03\xbf\xc4\xe17\xc3\xde\x00\xc0\xbc\x83\x83\r@o\xf6&gt;\xb9\xc2\xd7\xa0\x05\x88\xab.\xe4-=[\xef\xb2v\xedt\xd2\xc8\xbd*\x7f\'\x96\x14X@\xe5\xc4}\xba\xf6\x01\xa5\x97o\x0c\xcd\x7f\xafhkE\x00\xd89\xe6lA\xc5_Bz\t`\xbf\x04\x80\x0b\x92\xa2;\xe9\x95e\x8f2&gt;\x84\xd3\xf3Od\x8aV\xff\xaa$\xce\x97^\xae\xc5i\xdaX\x19\xbd\xa3#\xdc\x85\xeb\xb0\xcb\x1d\x95\xcb\x1c5h\xcd\xb2\xb1\x16\xc8\xab\x83\xae\t\xb0A\x02\xbb\xa4e\xd0\x9e\xd6"\xdf\x89\xbc\xe8\xc70\xd55\xf6\x8c\xbb\xfa)\xf7]RJ\xb8\x8a\x96-\x9dK\x16\xd0\x15\x8f\xeb\xe4^\xd5\x8e\xe3\xac\x9b\x071\xf2\xb43\x06\x00\x00 \x00IDAT\xec\x08:\x80\xe3\xb2Ix\x9dR\xebU[t}\x0c\xb0O\x00\xe3\xf04\xfeL\xf9\xdc`\xcbxH#\xda;\xf3\xd0\xad\x15(\xe1K\x8b\x17\xdfR\x18\n\xf4\xd0!\x7f\xa4\x81]\x93\x18c\xac\x9b\x87\x01\xd6\x00\xc0B\xea&gt;\xc0\x852\xda\xa9\x0f\x00&lt;Nq\xfby\xde\xd7\xbb\xad\x99@\x1d\xa3;\xabuy\x8c\xec1\xd6\xb7\xfa\xd5\xe7\x01\xbd0\xa0JI\xde\xbd\x91\\\xcc\xd4\x00X\xbc\x13\xbbF\x8c8\xcdl\xbe{\xd9\xf8\x94\x0b\x00Y6?\xb8\x059\\\xb8\xb3\x82\xc3\'\x03\xfd\x8d\x96\xea\xfc\x9f\xb2\xcb\\\xfdG\xde\xd4\rOdK|\xb9&amp;MT\x89\x91\xca\xc8\xb4\xb5\x02\xc7\x80\xa4,\xa9\x87\xc54\x8d\xe5\x9d\x93n\xdbje\xe8@\xa4\x063\x11\x00l\x8c)`\xb4dO!V\xf1v\xc4\\|\xd4xc?E\xd2fZ-\xa1\xbc\x84\xf1\x08\x93\x05\x13"\xda\x85\x9e\x032ZF\x8c\x12u\x89\x95\xc99]\xb6\xd7S\xa9+\xb6V`\\\xd8\x0f5\x9e\xdc)\xf3\xfd\xa1\xce\xaf?P/V\x8aI\xa9\'n\xd6\xf9\xd9\x0b\xd34\xadi3@\xfe\x00\x90"]\x19F\x98\tr\xa0\xcb&lt;\xdd\x9b\xdd4\x9c\xb3N\xb7fE\xce\x14\xcb\x84L3\xa1\x06\x9f\xd2\xea\xbcS@\xec\xde\xb2O\x96*\x03N\xd6\xff\xf3{m\x13\x0f\xf1 \xecGB\x87)\xdd\xa4\x19\x17w\xbf\xab\xean\xcb\\Y\x19=\xd0\xf2m?s\x8f\x8f)S\xd5\xa2P\xf3&amp;\xb4\x0b\x1d\xce.k\xef\x1f\x9f\xd8\xb5\xf2@\x9a\r\x1e\x9b\x06\xa3R\x1b\x06\xe5\xb1d/\x08\xc4\xa2q\x9d\xbc\xc6\x9b\xc8\xda\xf3\xb1\x87\x1b\xb2\xf0\x82\xe4X\xc618\xf0\xd0vG\x93\x95\xb4u[@\xef\xc2\xf8\xb9B\xd9\x11W\x06m\xea81\x17\xf7\xfb\x9fE~u\xe7\xfa\x1f\x80\x81\xec?\xe4\x0e\x1fp\x18\xd9e\xd9_1\xd7!\x08/0\xce\x8f7\xe4\x9a\x85\xcd\xce\xb9\xb4\xf1\x1e\x8a\xd0\x8a\\6\x8eI\xa9\x1b\xd7\x9f\xa3\x0c^5\x8a\x96,\x89o9\xcc*+\xb4\xdc\x909\xb7\x17\xde\xd451~\xbfO\xc5\x81\xe1Y\xe2\x9cu0q\x81s\xed\x96\xf0\xd2\xff\x80\x1e\x19r\xd2iqr\xd7\x95\xfdj\xeee\xef\xee(\x85\xb6|\xf0\x19\xb4b\xc8P\x1e\xf0\xd4_\xa7\xa0\x04\xbc8\xd8\xfe\xbdL\x91\xdc/Gr\x91\x9a\x92\x1bU\xb7\x01\xc3\x0c\xb0\x91\xf4\xdd\x1f\x1a\xa1\xce\x8c^\x04OO(\xfak\xb5\xf4\xcc\xa3\x93\x8b\\o\xad\xecl\xc5\xc9zZx\xef\xb4\x19]\x9d\xd1\xb4\x089\xb6\xf1\xc1\xd1\x19\xbd\xde\xe5V\xe4\xf5\xa8\xde\xf3\x9eRoS\xea\xba\xb9\x8bx\xcf\x0e`\xf4\x9b\x92#\xeb&amp;\xc8!\x87)9(gAsH\x8b\x1d\x86&amp;g\x01\xfc\xe2i\xd6\xb7K\xe4&lt;\xf6\x9b\x0e:|\xcb/\xf3\xe1\xdd\xd5\xb6\xd2gdba|\xd9A\xbe9\x03|b\x1a\xec\x06"\xca\xf8\xce\x04b}\'\x17)\xca\xfbH\xbc\xb7X\x0c\xf1\xd9\xff\x0b\x86\xe7k\x00v\r\xd5\xcc\x98K\xe1b\xa5\x89V\xe6./\xadH\xa9)\xcf\\\xfd\xf0\xc7\x00\n`\x84\x98qf7\xc3t\x00\x8c\r\x91\xfa\xe1\x8c\x9dz\xe3\x13,\xebQ\x8aK\xe5\x92\xc7\x0e@O\xeas-\xafX]te\xdb\xe1\r\x90\x1d\xa9\xaa\x06\xfb\x88\xd18\x9a\xe4\xb2_\xcd\x95\xc2\x1d\x00\xc0\x86\x88\xf2\xbe\xc0V\xaf\xdd\xd8\xdf\x03\x00\x00`r&gt;6V\xf8{/\x8d\xa8\xba\x9duP.\xce&amp;\xf8C`\x80\xc5\x9e\x0eb\x8a\xf9\x8d\xbd\x7f\x8a\xebW\xb7V\xe0\xf0\xc8\x1cI\xee\xea\\\x13\\\x08c\x1d\xb7O\xef8\xfd\xdfe-\xc8:\x02\xc3\xdah\xe1\x9f\xfbU\x87u\xdd\x8e\x94w\x17\x00\xcc\x9d\xcd|76\xd3t;\xf9\x9c\xee\xca\xceSq\xd7\xca\x8f\xcd\xfc\xcd\xb3\xc5\x8f%,\x17\xae\x19\xb1\xef`\x03G#^\xa8w^\x1b\x81,\x08\x86\x13Ue|\xf3\xe7\xdc.\xef\x0e\xc0}\xcf\x7f\xafkk=\xf6E\xe1\xdf\xfc^\xffB\xfcN\xec\xbd\xcf\xf3&amp;\xba\xde~\xb6X\xfbb\xd9\xf7\x92:\x1bx\x9a\xd44\xbdo\x81$\xeb\x07"8\x0c\x8cE\xbc\xfa5{\x8c\xf3\xb9m\xc4\x82\xa6\xecr\xa6l\xc0\xa4\xa6\x9b\xe4^\x83\xf5go\xb4\xb3\x8dK\xffz\xb5\n`\xb1F\x90R_^sy\xc1\xcd\x19\xc0A\xf4\x16\xd6\xb2\xf4?\x0bD\t\x02\x00\x1c\x14\x14\xb74X\x8b\xf6\xc0\xb2r\x83\xe7R$\xcf_/!\x1a\x9e\x89\x13k\xa5\xd4\x1c\x8ao\x88\xfd\xc1\x04\xbe\x18\xd4\x91\x16&lt;\xae\x8dXx\n\x00pX0\x19\xb1\x81\xa1\x1a\x13\xda\x00\xc8\xed\x01H\xdd\xc4\'\xe7\x1a\xf9]\xec\xea\x89\xf9:.a\x8c\x16\xce\x90O\xee~G\xad\xc7w\xf7Y\x0b\xd0\x86\xc4&gt;\x10\xbb\xc4A\x88\xdc\xb2\x83\x83\xc0\xb18t&lt;\x8f{\xef\x1d\xa5~\xe6&lt;\xed\xfd\xb8s\x07\xe0\xa7\xb3\r\x14Xi\xf9\x17^\xa9s\xd9\x07\xf3\x84\x83\xe3!\xee_}W\x8b\xe0\xb9P\xd6\x00\x08/.\x11!\x03\x10+\xf2\xa8\xff\xe0\xb2\x99\xe3\x7f7e\xea{\xcd_\r\xb57+\xb6(#\x01\xca\x17\xd9d\xb2\xbc\x9c\xbc\xc6\xdb\xe6\x85vd\xccbo\x0c\xb7\x81l\xb0\x01\x18\x95~\xee\xe0\xc4@d{\x00\x9a\x01\x83\x83J.\xa6\xb0\xcf\xdf\xb7\xb6\xb5\x1ee\x8c\xa3\xf6~m\xd8\x92e\x82t\xd6\xdf\xdc\x0b\x8b\x96Y\xfe\xfb\x03\xde.\xe0\xb6a\x19yymF\xe6\xa0J^\n\x9b\xb9`\xd7s\xe7\x81\x81G@\x15#O=\x00\xec\x05s\x05\x9f\x93Q\xbe\r\x80\xf7\xf2\'\x12\xd1\x87\'$S\xe0\xebc\xb3\xb5\x02\x1d\x19\xfd\x88\x1d7\x01\xf2h\x98k\x83\xdb\x7fp\xf5\x98X\x0fa\xfe\xc5f\x8a\xec\x86c\xf8\xfd`\\\xa6S\xb0\xce\x01\xfdX\x1f\xd7\xe1-\xe2}"x\x1b\x00\xd6",\xf1\xad/\xb7f\xaa\x04\x1a\xe1w\xdf\x0e\x96\xd7g\xf5&gt;q\\\r\x07\xa2\xde\x95\x03GB\x9c\x9d\xaamq\xb7\xe5\xa7=\xdf\xf5j\xaa\xf6NmrI\xec\xb5\x86\x00\xb0\x03\xec3u\xa9\r@q\x1b0&gt;{\xf6 \xa9\x8f\xde\xa3\xda\xe0\x98P\x97[\x9a\xfbL\xd5\x13\xed4\xdf\xef\xa6\x08\xec\x8a\xa2\xefS\xb9 v|&lt;q\x0c\xcc\xe9\xa1l\x03\xa0\x18\x8b\xfb\xac\r\xc0n\x97\x98G\x83\x88\xd4o\x04&gt;\x90\xbdKpwu[P\xee-\xee\xd3\xbc\x87\xaf\xde\xb5\xc1\xaf\xbf\xb5\x02"\xec\xb7`v\xe3\x98\xf6\xd9\xf3\\\xd9\x83\xb3}\x864\x11\xfe\x9e3\x0b"\x9a\xb4\xf4\x9d\x94\xf7\xcf\xa6\xdbY\x10\xff\xdb\xe9\xa7\xd6\xcd\xfe\xbe:`CD&gt;G\x10\xd14\xa9=\xe6\x08\x11!\xae\xb6\xe2T+\xd4t*\x18\x83z\xe1(\x112\xae\x853 R\xcd\xeb\xcc!\x0c\x05\x86d\xe0\x95\xcciA\xb6\xb1b\xcb\xbap@\x13]\xb1\xb5\x02\xbb\xe1\xb4F&lt;\xe1[\xfd\xab\xdc8;\x8b\x02\xfd\x08l\xc1\x03\x8e\x98\xa6i\xa3\xdaQ{T0M\xbfz\xd4\xd3\xa6]\x00\xd3w`&gt;v\xdc\xfb\xfd\x16R=\xea\x0c&amp;\x1a\xd0\x90\x01W2\xbfg\x1c\xbb\xffG\xd6\xb3\x1e*\xfb\xd9\xc5]\x97 \x10"\xff\xe1\xad=?&gt;~xFsJ(\xbaF\xd3\xf3\xd8\x88[{#\xf7==\xab\xec\x1c!\xc6Pf\x01\x00~(\xf4]\x8b\x19"\xea\x958\xff[\xa4\x06\xea\x1b\x00"\x0c\x93H\xd6\xe7O\x90\xe1@\x88\xacs\x07L-\xc3\xf0^[+\x10\x04A\x02\xf6Kf\xf4z\x8a\xe7\x00\xf1\xbf\xb9\x02\x00\x0cM\xfa\x16\xcd`\xf7dZ\x7fI\xd4 \xc3\xbcx\x88\xd4C\xfa\xfb\x82\xd9\xe3\x96\x191R2n\x8f\xf6E\x14\xc3\xd9\x04\x9e\xba\x00\x0e\xec\xdf\x8c\xa1\x05B\xfd\xc0\xc6\x01\xe0\x08\xa4S\x94\xf3\xc5M\xd2Z%\t\xf6\x88\x19\x17\x08\x11\xb9\xbf\x84\r\x00`A\x99\x0f\xc1j\x9e\x85\x8bw\x00\xef4\xaa\xa9+\xff\x81\xdft\xb0\xb3&lt;i\x1eq\xd0q\x81 \xdf\x02\x97\xb7&amp;^2\x96w\x7f\xaa\xabR\x8e\x1a\x81\x9fkD\xee\xfd\xc3\x91G"\x18~m;%\xba\x87\xff\xa3l\xe6sh\xbd\x91\x9a\xc2\x11\xde\x1aG]\x15\x01\x19\xbe2\xfc\x96^\x04:/\xafY\xdd-3\xf8x\x1b\x00\x19M\xb4\xe7\x82\xc7\x19\x1a\xe8\xc0\xe7c\x95\xd6\x92SFy\x93\xea\xdb\x8a-\xef\xb9__\x9b\xb7D\x1f&amp;\x9c\xf9\xa8&amp;{\xa0\x89\x83\x16\x99\x1fr\xda\x03x\x9fm=\xc0|\xb3k\xe5\xe5\x19\xf5\x8b\xc6\xc1\x18\x08|=@2\xe3rS\x92}\x06\xe1n\x00\x06\tu\xe1\r\x80\x884\xb0#H\xa9/\xdcZ\x87=\x91\x9b\'\xd2\xc5B_;\x91\xfej\xbd`\xa5\xee\\+D\x936X\xa1\x04\x9d\xe08\xfd\x18\x1b\x80\x</t>
        </is>
      </c>
      <c r="E749" t="inlineStr">
        <is>
          <t>&lt;class 'numpy.ndarray'&gt;</t>
        </is>
      </c>
    </row>
    <row r="750">
      <c r="A750" s="1" t="n">
        <v>748</v>
      </c>
      <c r="B750" t="inlineStr">
        <is>
          <t>steps_per_sec</t>
        </is>
      </c>
      <c r="C750" t="n">
        <v>8400</v>
      </c>
      <c r="D750" t="inlineStr">
        <is>
          <t>3.0072136</t>
        </is>
      </c>
      <c r="E750" t="inlineStr">
        <is>
          <t>&lt;class 'numpy.ndarray'&gt;</t>
        </is>
      </c>
    </row>
    <row r="751">
      <c r="A751" s="1" t="n">
        <v>749</v>
      </c>
      <c r="B751" t="inlineStr">
        <is>
          <t>Loss/RPNLoss/localization_loss</t>
        </is>
      </c>
      <c r="C751" t="n">
        <v>8400</v>
      </c>
      <c r="D751" t="inlineStr">
        <is>
          <t>0.058090523</t>
        </is>
      </c>
      <c r="E751" t="inlineStr">
        <is>
          <t>&lt;class 'numpy.ndarray'&gt;</t>
        </is>
      </c>
    </row>
    <row r="752">
      <c r="A752" s="1" t="n">
        <v>750</v>
      </c>
      <c r="B752" t="inlineStr">
        <is>
          <t>Loss/RPNLoss/objectness_loss</t>
        </is>
      </c>
      <c r="C752" t="n">
        <v>8400</v>
      </c>
      <c r="D752" t="inlineStr">
        <is>
          <t>0.017194092</t>
        </is>
      </c>
      <c r="E752" t="inlineStr">
        <is>
          <t>&lt;class 'numpy.ndarray'&gt;</t>
        </is>
      </c>
    </row>
    <row r="753">
      <c r="A753" s="1" t="n">
        <v>751</v>
      </c>
      <c r="B753" t="inlineStr">
        <is>
          <t>Loss/BoxClassifierLoss/localization_loss</t>
        </is>
      </c>
      <c r="C753" t="n">
        <v>8400</v>
      </c>
      <c r="D753" t="inlineStr">
        <is>
          <t>0.15135765</t>
        </is>
      </c>
      <c r="E753" t="inlineStr">
        <is>
          <t>&lt;class 'numpy.ndarray'&gt;</t>
        </is>
      </c>
    </row>
    <row r="754">
      <c r="A754" s="1" t="n">
        <v>752</v>
      </c>
      <c r="B754" t="inlineStr">
        <is>
          <t>Loss/BoxClassifierLoss/classification_loss</t>
        </is>
      </c>
      <c r="C754" t="n">
        <v>8400</v>
      </c>
      <c r="D754" t="inlineStr">
        <is>
          <t>0.023228815</t>
        </is>
      </c>
      <c r="E754" t="inlineStr">
        <is>
          <t>&lt;class 'numpy.ndarray'&gt;</t>
        </is>
      </c>
    </row>
    <row r="755">
      <c r="A755" s="1" t="n">
        <v>753</v>
      </c>
      <c r="B755" t="inlineStr">
        <is>
          <t>Loss/regularization_loss</t>
        </is>
      </c>
      <c r="C755" t="n">
        <v>8400</v>
      </c>
      <c r="D755" t="inlineStr">
        <is>
          <t>0.0</t>
        </is>
      </c>
      <c r="E755" t="inlineStr">
        <is>
          <t>&lt;class 'numpy.ndarray'&gt;</t>
        </is>
      </c>
    </row>
    <row r="756">
      <c r="A756" s="1" t="n">
        <v>754</v>
      </c>
      <c r="B756" t="inlineStr">
        <is>
          <t>Loss/total_loss</t>
        </is>
      </c>
      <c r="C756" t="n">
        <v>8400</v>
      </c>
      <c r="D756" t="inlineStr">
        <is>
          <t>0.24987108</t>
        </is>
      </c>
      <c r="E756" t="inlineStr">
        <is>
          <t>&lt;class 'numpy.ndarray'&gt;</t>
        </is>
      </c>
    </row>
    <row r="757">
      <c r="A757" s="1" t="n">
        <v>755</v>
      </c>
      <c r="B757" t="inlineStr">
        <is>
          <t>learning_rate</t>
        </is>
      </c>
      <c r="C757" t="n">
        <v>8400</v>
      </c>
      <c r="D757" t="inlineStr">
        <is>
          <t>0.039580546</t>
        </is>
      </c>
      <c r="E757" t="inlineStr">
        <is>
          <t>&lt;class 'numpy.ndarray'&gt;</t>
        </is>
      </c>
    </row>
    <row r="758">
      <c r="A758" s="1" t="n">
        <v>756</v>
      </c>
      <c r="B758" t="inlineStr">
        <is>
          <t>train_input_images</t>
        </is>
      </c>
      <c r="C758" t="n">
        <v>8400</v>
      </c>
      <c r="D758" t="inlineStr">
        <is>
          <t>[b'1024' b'1024'
 b'\x89PNG\r\n\x1a\n\x00\x00\x00\rIHDR\x00\x00\x04\x00\x00\x00\x04\x00\x08\x02\x00\x00\x00\xf0\x7f\xbc\xd4\x00\x00 \x00IDATx\x9c\xed\xfdw\xd4wM\x97\x90\x05V\xbd&lt;M\xea\x16\x9c&amp;\xcc\x08\x8b4H\x960\x82$I\x8b\x06\x91(9\xf5\xa0 `\x83\x80\x8d\x0888KP\x19\x0c\xc8\x82\xa1\x89\x82\xcd\x903\x88(\xc9\x86&amp;\x88\xa0\xdd\x8c\xa0\xa3\x80M\x12D@\xa0i\xa0\x9b\xd8\xc0\x9e?\xce\xef\x9c\xdf\xc9\xa7r\xed\xaa\xba\xae\xf5\xad\xef\xbd\x9f\xfb&gt;\xa7j\xd7\xae]\xbbv\xc5c\x0c\x00\xb8!""R[\n\xd5\xa0"\xe8\x92\x9dU\x7f\x02F\x0eC\x12\xe6\xe1\xe9\x14\x9e\xf8\x0c\xbaN\x00h\x1b\xbc\x18\xc0\x98\xfce\x1a&gt;\x9c\x80U8A\xd7\t0,\xfd\xb4|\x11\xe9\xa98\x00\xa0\r\xa2\xa5\xae\xc8\\\x95X\xcb\x15\x1f9&gt;\xf7/\xd2\xa9\x03d\xa3\'\xefd\xad5\xc6\xd6\x96\x02`PF\x88u,\x0e\xa6#d\xf9\xbf\xfbGB\xb1\x98\xcb\x01\x8fy:Y\x91Y*\x00\x00\x00\x08\x84n\x1a\xda\xe2\xdeb\x89&lt;s0\xa9\xf4\xa3\xdd\xaf\xde\x81~\x8a)\xffWR\xdf\x9e\xcak\x0c\xda[j.\xf5\x89w\x038B\xa3\x08\x86\xf9Nh\x8b{\x8b\xed\xc6\x9eU\xf9\xb4I\xab+\xcd^Hg\xad]\xff\xc5\xbd2\xc2\xde\x82\xeaL\x15g\xcdn\x9d\xf5\xe3D&gt;\xd7P\x95A\x88\xc8\xb5\xdeD\x04\xad\x02\x00\x80\x0bb\xe6]\xa3t\x1c\xad\xf0\n\xab\x94\xd5\xd7{\x05 \xe1\xd8\x84I\xcd\x0e\xd8\xd5\xdf\x14\xfdC\x00S[\xb8n\x11V\x9bS\x00\x00\x00\x9d\xbc\xf6g@:\xe6\x90U\xf2\xdd`\xa1\xb3\x97\xff\xb0\xfcd\xed\xde\xaa\x82\xe5\r^4\x80\x16\x10\x8ex\x02@\xb3\xe0\xc1\xa0=\xb61\x95\xc1\x8630\xc5\xaa\xb9FW\xd6\xaa[\x07\xd8\xc9\xb1\x99\xa6\xdcJ\xc9F\x85q\x10#\xfb{\x16\x16\xcb\xc0\x06\xfc\x99\xda\x8e\xc1e\xaf \x08\x83\nh\xeb\x80\x01\x9ex\xbbJ\xac7\x07\xab\xd8\xc6d\xee\x95\xde\x01\xb6\x9df\xdckW%\x96\xe4\x80\x82z\xf2"G\xb0\x8e\xeb\x01\x00\x80\'\x98+\x1c\x83\xd6\xe2\xa2+\x8a\r\x00\xf6\xfbb\x14(\xd0\xf5;\x00CS\xbb\x92|\xc8u\xfa\xc2Z\xb6\xaa\x03\x00\xc0\x1dS\xff\xc3!\xc0vy:\xb46\xd3K8\xb0\nl\xb2\x17i\xc9JD4(\x90\x01@W\\\xef\xe0\xea\x9e\xef_[\x00h\x1e\xa2\x96\t\xf4\x00\xc1L3E\x83\xf5&gt;\xfd\xf0\x9e\x0e\x7f~\xb6\x9f*.3\xbf\xb9\xfbD\xa6\n/\xcb\x8d==\xc1\xf7\xda\x00 \x12\x1c\x08\xc0\xb8\xd0\xfcsR.Hs\xc8\xe5\xc3\xfd\x9f\xa1-\x98w\x01\x000\x0f\x1f\xdf\x00\x80\x0b\x8a\xb7\x1a]\'\x0c\x8bl\xcd/QT-\n\xed\x1af\xcb\x00 \x07\r\xac\xe6\xe9\x97\x10\x00t\xe3\xeb\xe8\xf29\xc6\x02\xdeL\xd56\r\xce\x00$@I]\x02\x00\x94d`\xc7\x97\xac\xe8z\xa2\x01\x80\xf2\xa82\xfe\x1e\xe7\xcc\xef\xd4\xcb\x00\x00Z$e\xef\x9b*\xa9\xaeAK\x15\xd1\xab\xfc\x81/\x07\x1b\xb3\xd4\xaa\xc1\x99\xb7KI7r;\x07\xdf_\xbb\xee\xafD\xba\xc0\xe9\x94%\xe9\x84Y\xbb\xd3oe\xc5nRE]\x80\xe6;gqA"rV\xdd\x99\x0c\xa0\t\xbb\xfa:\x17:\x01GP\xdd\x1eYQQ\x04NZ\x03\x04\x92\xb4\xe9\xd2\x0e\xab\xd1\xee\xe8\xab$\xa8\xa8oV\xad\xe0\xa4\xa2Gn#\xb5\x035X\xd3I-`Tk\nl\x01B\xd1\x90\x98\xa4\xcb\x85,\x90Uc\xd4\xdd#\x00\xa7\x9c4\x87\x817Y\x81*0B\xf0\x85\x91V\x9fP\xa7\x00`\x0c\x0b\x14\x00\x10\x07S\xf2\xb5\xc8\xbc\x02\xf0\x19\x0c\x1b;D\x84^\x1f\xc0\x8f^\x9b\x0c\xf3\xd3\x00\x00\x00C\xf0\x1a\xaf\xffS\xd7\x01M\xa7\xb1\x0e@0\x1cg\x04\x00h\x9f\x1e\x8f\xf0*8\x1c\r\xadpk$\x98\x10\xe4\xa1i\xbbjZ\xf8\xdc\xa0\x1c\x00\xe8\x80\xb6n\xf89\xdf\x02\x14\xe3\x8eq\xe5\x03p{.\x8d-\x01\x90\x87\xa6w\x9b4-|\x01\xe88\xba\xa0D%2M\t\x9ai\xc847}\xd2\xd2\xa8\xac\xdd\xff\xc9\x1d\x11\xa1\xab\x03\x00\x00PK\xa3=\xf5:\xf4oQ\xfexD\xc4Z#2h\xf1!!\x9b\x15\x00;3G\xff!#\x19\x8c\x12\x00&lt;`2\x0f\xa08M\xf6\xd4+_\xf1[\xc7[\nx\x97W\xde\xbfp~\xfb\xe3\xb3\xc8\x04\xbd2Z\xeb\x02(\x04\xcd\n\x00 \x8892\x11c\xc4\xfcO\x03\xf9\xd2]&lt;6j\x846f\xa9\x8b\xb3jf\x00\x90\x0c\xfc\xd7\x96&gt;\xb4\xa1\xda[\xbe\x9c\xf9\xb0\x867l\xc1KQ\xd6\xa7\xb5\x1a\x02&amp;\x0c\xd95{\x9bSF\x1d\xae\xa8\xc6\xe1;\x00TYK|\xd1\xda\x02\xc0\x9a\xf3\xc6\xd3\xe4\xe2{Fz\xd0\xc6ke^\xb9\xb7\x1c\xd5\xf0\x84Qw~~R)\r\x8b4\xec2R5\xc1\xd5Vm\x80&lt;\xe04s\x93p\x1c\xbf\xbd\xc5\x95\x8a+\xc4M\x1ba\xcec(\x94\xd7\xb5r\xf1\xa0q&gt;\x87N\x07n\xa07\x04\xd8\x93vM\xd01\xb5\xe6V\x0f5\x83_S\x0e\xb5\x03P\x1f\x9d\xcdP\xa7T\x000\x02\xa9?\xbe\xe6\x94\x0e1kjPf\xe7\x84\xb7\x17\x1a\x1a\x80V\xe8\x07ad\x1c\xce\x00@K8m\n\x9c/{5\xaf\x8b\x14\xc0\x9b\xbd\xd2\xe8Hb\xd0\xaf\xbd\xd0c\x1b\x9bK\xfb\x00\x00j\xc1\xc4\x9fb\xeaT\xcd\x87\xf2Y\x82&amp;8E\x14\xc6Zo\xc27Y"\xe9W{\xfd\x96\x0c\xa0}h\x9f\xe5XE\xb8\xa8}\x8fG\xf0\xff\xd2c\x12\x1d\xb2\x02P\x19\xdaA\xeb0\xa5\x02\x00\xa0\x15\x1c\xf4\x8b\xcaa\xb7\xb5\xd3\xff\x11\xfd\x9f\xe0\xac\x92%\xdeH\xb2b\x108\x00H\xbds}`h\x0c\x8d3U m\xa1\x03\xf0i\x00\xd01u\x83\xef\xd3\xabKs\xba\xdc\x86\xfc\xb9mh\\$\x0c\x00\x00Z\xa4\xf5f\x9bY\xf8\x94\xcay\x7f\xac\x14\x00\xaa\xf2cZvz}Q\xee\xf8\\\xbf\x9f\xb2\xad[\xa2\x8fg\x00\x00\xd0(m\xb7\\\xf5\x92\xcb)\xbe#\x01\xf5\xc5\x04HMt\xacv\x13\xed5\xed\xf4:c\x17=2\x00\xa8\x88\xdf!`\x9a\x10@\xe3Xkc\xda\xb1\xd4=\xb7\xa2|\x9dt\xa7\xd8\xd5][\xd6\x18#"\xca\xe5\x87#\xd4ZFD\xde\x9b`\xed\xe6_\xf1\xe9\xad\x19\xae\x06\xe3UY\x8a|U3wum\xe8\xa1\n^\xaa\xd9\xc7\r\xc35*\x00\x80\x0bv\xfe\xf1\xda=\xd2\'\x01L\xd0\x16\xd2\xb38\xa2v"\xb4\x0b3\x98\xe2\xf7fJ\xd1\x1e\xe1\xb7\x00Q+\x00\xe3\x10\xb9\xfa\xd7\xfd\xe2\xa1_\x01{\xd7\x06\x80\x1bD\x11\xe9)\x1d\x9b\x89D;\xb4\x0b\x81_\'c\xf1\x96\xb9\xf0\xda\x02D\xcc\x0f\x00!\xe4\xf6\x1dS\xfc\xad\xc1CM\x97\xdd\xdd?"F\x0c\x1bK\x00\xa0\x03\xf2\xfa1\x9cdF\xf8\x0e\x80\x12\xda&gt;\x9a\x19\x0c\xc7t\xa0\x0b\xd6\x06|\xdac\xc9\x17&gt;\xb4\xee\x01\xdb\xfb\x98\x8c\xe9\xdb\x8d18\xf6ZX\xdb\xd2\xb5\x92P\x0bLD\x0b\xc3\x1e5\xd33w\x0b\xfa\xb9m&amp;\xd5\xf6\x13\xaf\xc3\xbbs\xf1\xf6_\xc1\\\xbe\xe6hp\xc2#0\xac{\x07\x80S|"\x9f\\]\x1b+\x00Z\x18\xb6{`\xae\x02\x12\xa1\xc2\x8aN\xe7z\x0f\xbf\xb2W\x7f\x80.\xc1\xc5\xa5b\xe0\xe5\x14\xe8\t\x9f[P\xb3\xd9;\x03\x00\x00\x80\x94x\x04(\xbf5\xa7\x1c\x00\x00/\x185e\xc5W\xbd&gt;3\x02\xf9nJ\xcd\x94.\x00@rtn\xa58F\xfc;!\xdf\x17\xf3\x99\xc9\x9b\xbf\xdfPX\x1c\xe8\x0c\x9d\xad&amp;\x8c\x9e\xca\x02\x1d\xf1\xb0KG\xa7\xdd\xb2\x02\x00\x00\xcd\xa0\xd0\x87\x9er\xfc&amp;\xc0k\xab\xdbK\xfe6J\x01kZ\xdcy\xd2\xdf\x86\x99V&lt;\x00\x94\xe7\xf0\x81\xe1\xdfV0\xf3\x07\xb3\xd4i\xb7\x1aeJ\x08\x07L\x01 7W1\xd6\x8d\xe7i\xf0c=\xa3\xa3s\x0e\xef\x9eW\x0fhr\xdf\xd5\xa8\x0e\xba\xfe\x01Y*\x1d\xefz\xcf\xa2\xa8\xeb\x15\x80.\xa6\r|\xcf\x97v1_\x12/\x7f\xeb\x1a\xf0\xa0Ju\xb7oc5Q\xd8H\x03\xba\x19k\xff\x8aq\x8b\xca\xb8\'W\t\xed\x06\x13XO\xc7hs\x86E8\xef\x02\x96\x0bE\xe6\xff\x7f?]P\xb6\x96x\x98\xa0\x1a\xea\x96\xba\x0eF\x8d\x1d\x14\xa105f\xf5Dd\xc49\xb9T\xe8\x9c\xdb\xbb\xea\x90\xcaK\x02\xb0Cg\x93\x81\x14\x88\x085{\x07\xc6\x7f\xc3\xe5\n\xc0\xa4\xae"\x03\'-\x83\xb3\xb7\x850^\x1c\x86\x1a~\xc1.\xff\x07\x01\xe8\xbc7\xf6Z\xa0\xb53\xf9\x16\xc6a:\xdfw\xbe*\xd5\x92\x88\xc2\xa5\x95\x8at\xa8\x8a\xfeJ\x04E;\x92&amp;\xed\xe7\xd0_4Y\x8aLT\xeeG\xb5\r\xce\xb4\xc9\xe3\xcf\xf2\x81\xa1v\x8b\x00\xd0&amp;\xb71\xe3\xdc$\x1f?\xe9\xe2=\xa5\xb7\xfd\x0c\x99\t\xf5\xea\\L\xb4\xa1\xc5\x1d\xff7tV\x1cXQ\xe8\x03\x88\x98P\x7f\x9c\xaf\x00\xb8N~|CY\x08\xca]\x0e?TF\xe7\xe4\xa2\x0f\xb6\xfd"\x00\xb4\x89ui}\x8fm\xd3\xbb\xf5\xae\xb3\x8d\x98\xe4\xc5ilh\xd4\x8b\xb2\x8c\x13Cs\xaa+Y\xdb\x8d\xb6\x08\xb8\xe1\xa4F\x1d\xf7\x91?^}\xed\x02{\xd6\x01F\xa6\xd7Y%\x11Y_\xf9\xdf\xc4a*\xbcq\x7f\xac\xd6\xb4\x0b\xcd\x13\xb7K\x9b\xf6\xcf\x19\x80:\xf4\xd1s}x\xf8\xbb\x88\x9c\xb5\x87\xf3\xcf\xddw\xa1\x11\x00(F[\x1eCD\x1cC\xf9U\xb9\xf6ET\xbb\xcfP\xa1H\x90\x0e*\xf7\x81\xf5\xf5\x91\xed@\xab\x85pN\xb6\x00\xad\xedIv\xff\xcdF\x83\rO#\xaf\xf5\xdf/\x872\x01\xb2\x80\xa3\x02\x00h\x02\xdf\x1dq\xcf\xcf\x7f\xb6\x1cgp\xda\r_\xcf\x07\x8f\xbb\xef)\x9cMz\x9d\x149`\x99\xbb\xcdE7\xd5\x0cu\x7f\xab\xda\xc9T\xe8\x92$\xf6\xe6\x98\xc8\x80\x0b\xaa\x03\x1697\xeekV\x95\xd0\xb51\x89\x0ee\xcd\x88\xda\x98\xf7k^\xff\xbd+\x9d\xdco\x01Zb\xfcci\xed\xf2\xd7\x18]t\xa3Gm&lt;\x99q\xd6\xacK\xf7\xe2\xc4\r\x90\x89\x1c\xee^u&lt;\x06\xbd\xd0D\xa4R\xb1\x9f:\xd2\xee&lt;n\x0e\x9a\xb0\x9f\xf4Xk\x9e"\x8a\xcf,(Ne\xe2.\xf9\x81=e\x94Y\xb7\xca\ng\x8d}B&gt;\xb6\xd6\xf5-5\x1b\x9bf\xd9|\xe8\xa0\x08*h\xc1\x1etIH\xb4\xb3a`=\xdc\xd8\x80\x0c\xf5]v\x9aDZ\x8ai\xb2j\xada-\xd0\'\x9a\x9d\xe1,\x9bR\xf1\x1cQ\xab^\xc8\x81\xaa\xea\xd6\xdc\xbaA\r]Y\xc8\xe5\x97\x80\'\x96u\x10\x1aF\x12\x8a-\xa8U\xfd\x1a\x80\xed\xac\x91\x00\xe8gn\xf2\xcd/\xd9\xd3\xd7@&lt;D\xf3.\x1cU\x84\xd2\x9eh\xde\xc1\xaey\x18\x00\x98u\xcc\xca\x8c\xf2x\x84\xba\xd1\xae\x1a\t\xc0D\xc0\xb8\xbaP\x87\xbam\xa7gK\x01x\xd1T\xa0\xc9dXk\xd3\xc4\x15\x17\xfd\x94W\xff5\xda~\xf7S\xcd8)\x81\xc1U/&lt;\x0f\x00\xccl\x13\xa9*\xdc?\xa6\x1c\xabYB\r\x9a\xdf;\x01*)\xb5\xe5o\xfa\xff\x8d_\xdd\xb8M\xfa\xebt\xd0\x1f%\xe5"\xe2\xf4\x8b\x13\xe6\xb3\x9b\xab_\xd8\xdd\x0f\xb0#|\x9b@\xcd\xfd\x05C\x93|\xdc\xf5\x91c3KW\xe3\xaf\xbc\x18A\x82\x1eD\x8c\x08Q\x12$\xa7tOy\xe5\xcf;\xef\xb0\x99\x92\x1c\x85\xabZ&gt;\xb7y_\xb3o\xa2\x99`\xea\xc3\xf2\x9f\xa4N\xf0\xfd\xe9\xbbB\xa6\xbf2\xde&amp;\x1a\xdb\xe0\xc8\x18w\x81\x89\x885\x97sQ\x00\xea\xd9G\x05\xad\xb6Y9\xff\xf6\xbc\xc3K\x86&amp;\xdc\x13\xa7]\xcf\x95\xa3\x1e\xcb\x00T]\x9e\n-\xe3\xb4\x05(\t\\\'\xd4"U\x0f\x13\x97e\x90b\xc2\x05\x8d\xfb\xa7\x8d\xf5^\xb5\xd9L\x05L\xa9\xba\x18\x87C\x13\xee\x88\x93\xaeG\xc4\\,\x01\xbc\x1e\xadf\x00\xde\xc6\x1f\xd5^\xb0sp\xe6\xde\xd2&gt;\x9aZY\xee \xaf\xe5\x9e\x15&lt;h4\x8a\xc2\xa3B\xeb6\xe0\xb2\xe9\xb9\xb52\xba:\x93q\xa6)\x06d\xe9S&amp;S\xb8\xac\xe9z\x16\xf0h\xa4\xf7\xf7\xf3\xb6\xd8cB+X{w+\xe3\xb4\x02\x90\xbb\xe5`\xdfc\xd1\xa0G#|\x80\xe6\xa3H\x87\xf5\xba\xb6\n\xe8%m[E\xabC\x83\x9ey3\xb2U\xdbB\xef\x14;\x8d^\xf6;\xf4\xce\x7f\x1e\x90\xd7\x00/\xdc2\xdb3\xe9\xe2\\ZX\x99-@\xef\xec\x07\xb7u\x00\x00pDm\xc0\xd7.M\x8f\x01\x9a\xc4\xda\xb3\xa1\x8b\xbd\xf8\xb92W\xb7\xa9f\xcf8\xbc\x8a\x15i/!\xef\x8f\xf0\xe6T\xfe\x87|I\xaf\xd9Z\x7f{\x0e\x08\x1c\xb1\xd6\x8aH\xdb\xfe\x1a\xb6\x0cr\x10\x1c\x82\xc16Z\x81\x9a\xca\x01Z\x8d\x01\xed\xdd#9\x878\x85\x06\x000\x0e\xb4g\x00\x00\x80\xd6\x99\xae]\xa2O\xef\x95r\xb7\x00\xed\xc0\xa4\x00\x00N\xf8\xcfX#\x05\x00\x1d\x10\xaa\xd5`\x1d!\xe7\xdb\x82\x15\xb3\x02\x10\xb241o\'\x88\xc8\x16\x00\n\xc2X\xbd$/_\xcf&gt;:\xbdd]\x93\xef\x06\xb4\xd4\x03x\xa1\te\x1b\x9b\x935\xae\x90\x15\x80\xd5\xe1\x04\xefq\xc9r\xa0? _\x00\x00c\xee\xee\xd4\xeb\x86\x16\x0fk\xf6\xcd\xd2\xf1\xd5G\x85\x10w\x84\x85\x07P\x97\xd7u\xabZ\xac\\\x0b\xb5\xb4Q`\x11\xe0n\x00 Y\x1c\x9e\xde\x9b\xbcb\xa0\xc1@w(5\xe9\xdb;\xb5\x9bg\xe7\xf4U9\x16m\xf2\x94G\xcbM\x94\x1adxB\x85\xa2\xa0*\xf7\x1f@h\x80D\x1e/X\x0f\x17m(Y\xcbrZ\x01\xb8R\x01-|\xcd\xe0]#t\x86Zs\x9e\xbe\\X[\x8a\x8c(\xf7\xab8:\x80.\xb1+R\xa5\x99\xdc[\x84MC\x04N^\xa4\xd0\xc3\xbc\xae\x12\xe69\xdf\x02\xfc\xb9\x0c\x8e\xd7}\x0b\xd0;\xef\xe4&amp;\xd2\x01Y\x15\xf2\xe3\xe9q\xe1\x9aL\x01\x19\r\xbc"\x93\xf2W\xdfh\xd7\xe5\x01R\xcd\x8a\xb5\xb5\xa4@\x8b\xd8\xb1\xae\xbbcU6T\xb3\x90\t%\x81b\x8c)j\x90\x7f\xe2\xcbeH\xf3\xael;\xad\xa5Q\x84H\xdf\xb3w\xc9\xe1\x16v(\x8f\xb23O\x833\xf9a\x15\xd5\xb1t\n)\xcc\xe3\xdd\xc3\xd8\x7f`\xcc\xc7\xa8( \x04\xb0\x0e\x15\xf0\x1b\xa0\x8a\xf8862\x06\x8b\xf4\x99W\xb9\'\xe9\xa3\xefV\x00r\xb4dY\xfe\x0f`x\xd4\xce\x80\x8e\xd2\x8bk\xd5\xff\x16\xab$\xfa7\x89\x97\x7fW\xa7\x1d\xd6\xd7\xd15P#\xb5\x10\x9d\'`t\xbb\x0bu\xea*L\x0b..\x0f\x07\xf7~i\xa77\x1d\xc1\x7f\xb0\xfa\xfd\x7f\xb4Y\xf2r\x94\xc2\xc6\xad\x84\xdc\xbcX\xa2f\x93,\xd4\x8ek\x82\x8d\xd0\xdcr|\x1f\xa0\xf3\x14\x84\xeb\x10\xfd\xc7\x10\xaf\xbd?-r\xf4&lt;_\x89\x1a\xb9\xa0-/]T\xce\xfcy\x89\xc8\x8fnD\xf3\x13+\xfdk\x1c4\x16@\x0e\xdc?|\x9f\xc8\xae\xa3i\xa5\x19\xdeSl\xe0\xce\xad\xc0\xe5\xf1\xd89\x90te\x1f\xa0$/\xe3\xf56\xdd\xd9\xe8\xb1\xf9`Dd:\xad\x10\x99\x88\xa1\x16\x1c\x98\x15e\x9a\xe8L\x93\xd8\x86\x12Z\xdc\xe3\xb4mV#\x06`\xc96\xb1\x8bL\xea\x93vZ\x9f#\xc5\xbe\x04\xdc\x8f\xca\x9a`\x1a\xb2v1F\x1d\x02)\xb1\xb2\xdf\xab5L\xe7e\xfd=\x8c\r}\x11f\xac\xb5\xdc\xf8^\x9c6,\xd6\xda~]\x8e&gt;\x8emp\xbb\xed\xa4\r\x9b\xc9J\xf8\xea\xd9\xa4\xc9\x972\xd5i2\xc6\xfd\x16\x1b\x00@\x05\xdcc\x1b\xc2\xa0\xbaX[`\x9fw\xb7U\x9cc{%8\x12\x7f$\x80Z\xe8\x14k\xacmh\xcf\xd2#J\xee\xb49"\xf3\x07\xbcj\x0b\xa2\x91\xb3\x1a\x0bT\x94\xce\xda7\x11U\xcf\x00\xa0OfW\xe5a\xaf^\xde\r_\x03\xd0\x1cj\xa31\x05=\xeb{\xa7\xef\xf2\x8b\xaa\xf2\xecY*Ng\r&gt;QT\xe6\xe4*R\x1b\xfaOh\x96M\x01\xc7\xba\xebJ]1\xb5\x9fl\x00\xa0\xb6k\x81\x1c\xe0q`\x07\xcd_?\xca\xe3\x98\xaa\x1c6K\xe4ST\xc8~\xbf\xed\xf3\xad\xb5\xb5{ys\xc4\xebi\x13\xd4\x8f\xcb\xd7\x11\x9d\xf4\xfc\xc5\xab\x1d4w\xdb\x07\xfb\x03\xdce\xdb\x99A\xc7\xde\xef\xf4\x92P\xa7\x17SI\xc0)R\xe8\x1b\xe1j\xfc\x03\xc5\x8eorN\x14\x06\'\xd9\x89\xc6\xb2\xac\x03\x83\xb5\x0b\xdd\xfdl\xda)\xd1$o;\xd2\xbeq\xe9\xc2\xb2\x1dw~\xbe\xaa\xc1\xc5\x0c\xaa\x98Jk\xf6\xe9A\xb2\x15\x00k\xbf\x8f\xc9;i\xd2\xd8\x9c\x07tF\x87\xad?\x9a.}"\x80r\x1ajv+\x17\xb1\xee\xc1\xe5\xf0\x9b\x86\x98J\xf49\xdb_\xb2\x03\xe2\x16\x07\xdd\xb8\xcc\xd0\xe7\xb1\xfc\x90\xebA\x01\x00 \x16\x85\xb7\x9b\xab\x12\xa6!\xd0[V\xfe\xcc\xba\xa5(V\xf5\xce\x0c\x16\x99;\xbaF\xfd\xd7\xd6\x16\xe0\x81S\xf56\xae\xf3\\\xdc\xf7&gt;\n\xbb\'h\x14l\xa8sp\x13^\xc8\x96\xda\xe2\xbc\x11\x11c&gt;\xb6\xb6\x14i(\xa6[m\x95\xd8%\x8d*\xb9\xb3kj\xf4\x17$\xc9\x00\xa0p1\xff3\x95\xb6\xddh\x8b\x03u`I\xdd#"\x7f\x88*vf=5\xe8v\x02\xac \x9f\xaeI\x98\x08p;\xdd\xa0p\xa8\xecH\x8f\x03\x80N\xca\xf2D\xb9b6j\xdbuAim\xd0\xae\xef\x86#\xd2\xfdW\xd6\xfa.\x9d\x0b\xb4\xd6F\x18\xaa\x9a\xce:\x91\x81\x8a_\x9e\xe1\xf7\xd2\xe8+i/\xcaO\x12\x13&gt;\xa50\xceHU1:\xf79\xac\xd1,\x1b\x14\x07c\x00P\x8b\\\xb5P\xd5\xcdV\xb3l\xd7\xa8V\xa9"\x12D\xb1O\xaa\xf6\xce\xe2\xd3[\x08\xban\xc4s\x95\\k\x01\xe1\xc5v\x00\xa0\xb4\xb6\xd4\xb6\x13(\x8cf\xa7\t\x00f\x8cF\xfa\xef\xf5^\xc0\x01y\xd9\xed\xd91\xf1&lt;\xf6\xac\xda\x84\xd2\x0c\x00|2\xdc\xfd\xa0\xf6:1i\xf4\xaa\xddKV\x95\xd9U\xb9\xa0OD\xb1s\x00\x18\x1d\t\xbc\x9b\xbc\x81v\xbd\x8e{\xf6\x05\x14i\xe9\x0eT80\xdb\xady\xdba\xd5\xd0h\xdd\x8eB\xdbTC,\xcd\xff\xf5C\xb2\xef\x00\xa4\xe6]\x1f\x9d\xd0\xb3UA\x7f`\xae\xa0\x9dU\x07\xd1QO\xe1F@\x982\xcf\xbd\xb6\xac+\xbaQ\x85\xf8X\xd4|\xd7\xbf]\xffj\xf9SR\xb1&lt;h~=\xcdU\xf8\xfd\xf7\xce?R\xeb:\xfb\xfbn\xf3\xc5\'Q\x00z\xa6m\xc7\n\x8aY\xf5\x0f\xfb\x9e\xc2\xc5\xeaZ\xb7\xccc\xff\xd8z\x89&amp;\xec;"\xac+\x08\xb8\xe1]O\x9b\xe7\xf5\x18m\xc31\xa7\x1e\xb1\xf5T\'\x00\xd4\xa5\xf9\x99\x15h\x81\xe3\x1eb\xa73\xb2#Z\xe6\xfa\xd6\xdd\x87\xc7j2b\xd5D\xd2\x8e\xc6.\x0f\x00\xb4S\x84\x96\xefu\\\x8b\x9dx\x0bP\x8b\xea\x00\x80L4&lt;\xa72\x00\xed\xf6a\x8f\xec\xac\xeetw\xaf\x9cwX\x95\xb4Q\xa8\x16\xacK\x01\xeb[\x04N\xc3\x9bv4vY\xb9\xed\x14aM\xfd\xd6b|.\xee\xdbl\x9bT{\x06\x00 \x84.\xa3\x19\x00\xb8\xe1\xb0\xadx\xc5\xf5\xc1\xbe\x8b\xd1i\xa5(\xa4\\\xc8{\x97\x91\xb2s\x90}\x8eN\x87\xe5t\x9a\xff\xd5x\xb5\x98\x9c+\x8b\xc0:\x0c\xd4}\xa2\xcdZ;\xb9\x80\x0c\n\xefu&gt;\t\x00\xca\x93\xd5\x99\xe0\xa9\x00\xa0/\x94\x06`\xdb\x9b\xd0O\xf9\x02m.H\xb6%\xed\x9e\xc4+\x00\xac\xf8\x03@\x03Dw3\xaduTP\x16\xcc\x03\x8a\xd3\x88\xd1\x9dJ\xf9\x0f\xdb\x8a\x1c\x97\xd1\n\x1d\x01\xe4BD\xcc\xf7\xc6\xbc\x00\x12\x93\xe2\xcc\xd9\xf9\xeb\xbb\xa3\xa8t\x0f\xcd\x93\xbd\x061\x12\x80\x17\xad\xb4\x85F\xcf.g\xe3\xabk\xd6\x82f\xd9ni\xa41\x00\xc0\xc4:\xe8g\x00\xd0\x01\xf9+Q\xcc\xcf\xd7n$\x9814\xcd\xd1\x80\xe3M\xba\xcd=KyH\xab\x08\xd4\n\x00\x13\xcd\xb9\x02\x06\x00\x90\x9a\xeaVT]\x80\xd1@\xe1\xe5\x08\x9e\xc8o\xdd\xbds\x0bP\'\x10j@\xaf4w\xac\xc8Z\xfb\xbaM\xa5\xb6$\xd0\x01:\xb6\x1a\xf7a\xcb\ru\x91}(\xbc\x1d\xc4\x18\xff8\xaa\xb9\xbeiG\xb2\x01\xc0_\x88Na\xadw\x0e\x13\xfb\x82\xb6\x00\xf4\xf0r_\xf81x\x82\x8d\x04e(\xaec*\xb4\x19\xac%\x84\xaa\xce\xffJ\x83\x89\x04\x05\x02\x00Td\x17f&gt;\xf8d\x97\xd0\x7f\xd4\x11B\xe2\xf2\x0e\xa9C\xf0\x06#\x01\x80\xa6\xc1\x85\xf9Ap\x00I\xf0\r\xd6\xdd\x1e\x1e\xd08\xd3\x17\xb9\xb5qT+r\x16\xa5\xa9\x1al\x00\xcdg\x00\xa8f\x800\xd4\xacfrK\x1a\x8c\xc4\xb4\xe5\xcb}\xdf\x97\xdb\x93\x03n$K_\xde)\xc5GE\x12_6\x80_\x1d\xfd\xa8]\x9d\x8eU\xc5\x8dt\xc1;\x11\x7f\xd5X\x95\x04\xd0#I&amp;lJ\xb9\x02\x1c\x0eT\x01\xc3S\x047\xbb\xe7 \xed\x15\x91^\x15t\xec\x83nR\x18\'\xec\xd4\xb5\x96r\xac\xa1\xe9\xe2\x83Z\xf2\xb4\x82\xaeZ\x04\xd8\xf3u\xe2\x93h\xcb\xc2\xdb\x92\xb6\x00DT\r oj\x8b\x02\xbd\x91\xcf\xae\xdc\x8f\xd0\xec~q\xf3p"\xd1\xf2\xa6\x19\x8f\xae\xc6\xee5J\x83\x15\x9ajq&lt;P~\xc7\xe8r\x91\x00\xd9\x90\x03%s\\\xfe\x95;S/\xb4\xc9\xd32\xaev\xe5e~\xee\x0f\x8b\x88\xf9\x8eN\xdff\x19g\x0001\xda\xceB\x00\x00w\x04\'\t\xdds\x8cQ\xec&lt;\xfdf\xadM\xde\n\xaeB\xa2\xf1\x8e:\x0c\x84\x88&lt;\xd6\xefb\x18\x99,amx\xa7Y\xb8\x08\xd9\x13\x1f\x1c\x9e\xa1\x0b\x04\x801\x19\xd3\xf5\xbd:\xca\xa1\xfa\xc2T\xf4\x11Cl\xf7L\x18cz(\x14\xdc\x927\xd2s\xb1\x9f\xb3gD$\xb1#\xbaIm4#\xbf\xbb\x05\xa8\xc6\x9e@\xbdk%\xd0\x0f\x8a\x97\xe4\x00\x14\xf0\xea\x055/^C\x0e\xca|\x82s\xca\xe5\x97\xe7\xce\x06&lt;P\xdb\xd6\xdf\x06\x19/\xa2\xe6/\xcc\xd6\xd8\x05\'w\xba\xc8\xbd\x1cS7;\x18\x95\xf43\n\xd0\x19+_d\x86]\x040\xc6\x8cZ\xf6(\x1a]\x01\xd8\x8a]j\xd9\x7f\x1b\xf2\xb4\xa87\xe5L\n\xeeD\xb1"]\x7f\xaf\xb7\xb4\xcb\x15\xd12\x00\xd8\xb8\x81N\x8c\xb5\x1c\xec\xd1\xf2`v\x88\x06\xa5%\xa4\xabn\xe60\xd5\x14^.\x11\x83\xa5\x01\xc4\xd1\xe8\x98\xea\x1c\x11aR\x15tp\xb7\x05\xc8\xce\xe4\x16B\xeb\xdaS+\xd0\xb6\xbd\xc1\xe4\xe0\x86dN\xcf\xda\x80\xe6\xa9v1&gt;-\x83\x14\x13"y\xd9I7\xd6R|\x17\n\xd1\x7f\x0c\xcbu\x94]\xfa+\r_\x02\xdeM\xb6\xd5\x12\x03Bh\xb4U\xfc\x9a\xda\x02tJ\x93\xc6p\xca\xd2k\xd2}\xe6\xa3\x19\xef\xd1\x8a\x9c\x1dC3\x84jX3jG\xf0\x13sgP\xfe\x06bHHs\xf5U\xec\x96\xeb\xdcY\xe8\x82\x96\x1b\xca\xb0z\xc3\xdb\xebD[\xbd,S\xb0\xe9\xd2ST\xba\xach\xabJ\xd0\x86\x8a3\x00\xc9v\xdc\x02\xa8\x80[\x14\x87 lk2\xa7Pf8\x8e\xaf\x8e\x11v\x8dwu\xa2\xe0\tU\x85\xed\xec\xa8X\x18\xaaj\xe4\x89"\xc3GV\x00\xa03\xee\xcd8\xf5\x9cV\x940\x10LQ\xc5R\x89P\x00za\xc8IZ\xd3:\xb1\xd5O\xd4e\xba\x93x4\xa8{\x88\xfe\x01rQ\xa6Y\x95o\xbcCy\x8c\xd3\xc2\xce\xbfT\xa7\x84q\xea\x05\x00\xea\xb1\xf1~\x1a{\x04m\xf2l\t9\x04\x9cA\xcb\xad,\x88\x00\xc09\xed,k\xb6\xc7\xd3\x82\x12\x01\xf7\x84\xbe\xee\xdf\x93\xd6\xe5\x07(\xcb\xe6\x9a5\x8d\xdf\xf9\xaa,\xcf\x83?\xf9PF\x8aHn\xb6\x8e\xb1\xab\xacW\xa8Y8E\x89a\x88\xc8\xed&gt;\xfe\xa2\xe7@\xaakcGay\x96c\x15\xda\xf4\x00\x00P\x8f\x8d?&lt;\x9e\xb6\r\x19\x00(r\xb2\xdfK\xfb|\xc9S\x94\xd0-\xf1Q\x9a"3k\x1c\x85\x9a\x0c&gt;kx5EZ\xfed\xd5Mvr\xff\x85\xc5\xc0\xec\xcc\xd1\x8d(\xac\xd9*\xf4\xa2\x07\xed\xdd\x19\x00\xb4\xcb\xe2\'E\xdf\xb75\xeeVoo6\x1di\xdc\xf5\xb5\xe2\xb3U\xee\xd0-\x80\xf2z\x81\xba\x04\x9f\xf9y\xbdu\xb6\x1b&gt;\x91h\xc9p,\xa0B\xc9\xa1\x1e\x18\x03@\x8b4\xd7r\xcb\n\x1c\xd7\xcf\x11M\xb6\x06\xa7\xba\xa1 \xedZ\xday3\xa9^\x9c\xea\x02\xa4\xe4u\x11G\xbbF\x020,\xf7WD\xe6\xbd\x05!\xb9\xc7(\xea\x82\x9e\xf3\xfa\xa8\x98O\xb46\xa6\x93\xd6w\xb6C\x19\xf4m02\xed\xfa\x87\xad\xe4s+\xfe\xd8\xda-\xbaY}\x9e\xc2\xf4\xd3\r]\x0f\x8dz-\xd7@|\xbd\xd5\xcfkC]\xecv\xba\x05!\xcbH \x9d\x1b\\\xce\x84\xa5J\xd0!\xc7\xe7gl\xf9\xbd\xb31\xb4%mI\xca\x9e\x8c\x14\xb7S\r\x8e\x8f\x81\x0f"f\xc8S%\xdd\xa3\xe4ps\x8f\xbc\xc3\x86\x88\x0f\xb7u[/m\x16p\x1dP\xb5%yi\xba\x89\x9av\'\xc7\x8e\xa3V\x97b\xb6i\xed\xb9\x08\xb9\x06\xb4\x16\xf3h\xaf\xf6\x98\xbe\xf8W\x9c\\\x8alK\xd9\xb4\xcfl\xd1\x10m,\x89A&gt;\xd6\xf2z\x11\xb4z\x0bh\x1a\xb5\xf3\x9dtI^\\\x9d\x069\xe3\xadY\x9dU_\x9d\x9d\xed\xe9\xd7\xd2"\xa0zICH\xa7\x7f\xa5\xbe.\x80\xfb\x82\xb8_\x00\xaa\xf1\xaa\xd0z\xb44\x00P\xc2M\x04\x96&lt;\xb6XR{N\xb6\xb0M\x97u+j\x836\xc3\\\xc25j\xab,?\xbf&amp;\xe8-\xff\x9e\xe9vwl\xc7\xbc\x1dc\xfe\xbc\xba\x8f\x18\xac\xb5\xbb\xc9\x1ak?\xa5\xb0\x0c\xf7\xfb\xbc\xaf\xe8\xbej"\xe9\xc9+X\xfb#\x0e\xbfi\xa9\xf6\x95\xbah\xa5b\x9d\xd1DW\x97|\x00\xa0\xad\xd4_"\xd3f\xbb[Ti \x0b\x8e\xd7\xc5(3\x86\x07\xbe\xb6N9\x93)PO\xdb\xd4 CYd\xc7\xbdGR\xe8Ha\r\x15\x04\x00\x0f8\xaf\xf9\xf6\xc3\xaf\x19\xf5"Q\xb8\x82&gt;R\x05]\x84,\xe5\x07\xf3\xa9\xd8\x8f\x00\x9ej\xe1\xfdX\xcb\xf5\x95\x8f\xba\x96\xec8\x90\xcb-D\xb5\xac\xa1\x08\xf5mL\x19m|\tx\xcdt\x0e \xeb\xd2\x8f\xa894#\xaf/\n\xa9\x10\x06\x94\xa0\xc48[D\xe6O\xc6&amp;hS\xd6\xda.\x06c"C\x1c?\xb0\xd6N\x95\xc5\xd5\x04wT\xb2\x86\xa5vj2B3\x18\x1bk\xad\x91,\x0e@O\xd081\xf7t\x0f"\xb5z\x06\xa0\xbe\xb3(\xc5(\xe5\x1c\x98q\x8c\xb9\x1e\xbb\xd9\xcdd\x9e\xfaf\x1f*\xd5\x9a\x96\x9d&gt;\x03\xaapz%\xbe\x9fn}\xd9\xe7\x94\x97%\xd7\tb\xde\xc1\x8a\x88\xf9m\xf5u\xfb\xbdk\x0b\xe0M\x976\x99\x85,\x06\xae+\xfa\x9f\xa8,QNs\xcck\xe8z\x96\x89Y\xb3\x1e\x81\xef\xd2\xfeN\x12\xed\x14Wo+\x15\xda\x8a\x9c\xa7\xf8\xee\x02J\x9bq\xa1\xbc\x1a$L9\xdbz\xcc\xae\xe1\xa6-\xff\x94\xd6\x8aS\xb4\xcd\xf6W\xddI\x18b#\x8d\'2\xdf\xb4\xaeBx\xc7\xa5\x1c\xa8\x8b\x88\x04o,Y\x1c\x13wZ\xf7\xc1\xba\xa7Q\xder\x9bv/\xc7\x1e\xbd\xd1\x82tFX\xd7\xbfk5\xb9\xe3\x07w\xcbo6\x92)\x8d\x973Y\xf5z\xaf\xad\x94\x05\xaa\xdbl\xc5k\xda\xfb%!\xe3\x19\x80F\xd5:\xd9\x89\x9e}\xa2S\xf3\xa8-\x05\xdc3\x9dL\t\x193n\x82\x18=fW\x04z\xd6\xeat\xa6\x7f,J\x03aU\xb0{+w=\xaa8u\x10G/\xf1\xeb\xab\x1e\xb26\xde\xd3\x94\x07\x9fq\x13\x91V\xcf\x00\x0c\xc6\xb86\xda\x086\xcd\x9d\xc4\x83\xd5s\xfb]\xd79\t\xcb\xc5\xca\xf5\r\xa7jN\xaa.4\xef\xcb\xef\xaa-\x80\x07\xee\x9f\x8e\xca-I\x18\xda\x04\xf3\xea\x04\x97\'\xab\xba7]\n\x0c \xe6R#m\xf6\xa3\x82\xd2\xdbI\xc1\x9f\xce\xceE`r\xa6\xe5\xfb(OIW\xa1\xa3\x1b\xc6#9O\x02te\x93\x10\xca\xe06\xf0\xa9^m*\xa0\x01\xd2\xfd\xd5\xe2d\x040\xf8*\xea\xe9^1\xd0\xc4\xab\x8a\xa8 \x0009\x0f]\x0c\xde\x1bB/\xdbl\xc2\t\xd8\xd9?\xb2\xba\xda\xe2d\x0b\x905\xc6\x98\xff\xa0\xb4 j\x98/C\xc3\x82\x95R{\xa6\xe0f\xae\xa2\xa4d\xcc\x97\x00\xbcX\xdcur\xb7MG08\xd4\xffz_\xcf\xfd&lt;\xfd\xdd_kw\xdbGXv\x80KD\xc4|s\x8cC#\x9a6\xcc(\x11\x03BPcEN\xb4%m%\xd0\x0f$\x07\xa3\xf2\x00\x1f\xd5\x0e"\xaf\xef\xcc\x9e\xfd\xcd\x18\x13}Bbw\x9ff\xf6\x9b\x9eR\xc1\xb5\x8c\x9a\xd1T;\x1aLZ\x8c\x18a\xaa\xd2\x9f\xb6V\xab\xd7f?Y\x1d\xbbS\xe0\x19\x11\x9cC\x04\x1a&lt;&lt;@z\xa6\x0e\xe5\xea\x16 \x1b\x1fZ-\xf7i\xae\xff\xa9\x9f\xf5\x10\xb6\x15\x99\x87b\xb1\xcb\xaf\\\xbfv\xec\xea*\x83J\x13\xb4\xc2\x0cU \x01\x177i\x98\xdf\x9aE\x90\xbe\xc3\x12\r\xaan\x8bs\x17\xd4\xb7\x95d\x07\xedA\x9f$\xb9\xb6\xf0\x81\xb5Kb\t\x1bRq\xdc\x05\xa4\xc0\xb40o\xc8\x82\xcc\x1fF]\xd9|\xab\x96\x16\xd4\x0b\xb4Z\xd8\xf2\xe0\x82\x92\xd3\xd9\xedd\x00k\xf2~\x07 \xcd\xe5\xe8\x00[\xd6\xf3\xee\xd3\x7fjJ\xf3\x02S\x87\\\x1c\xbfx[E\x8cX\x82\xf6\\\x89\x10\xd7\xba\x82\x0b\n\x87\tJ\xe8\x8eG\x93.\xf3!0\x9a\x96\'\x8a\xce\xb9*e\xf7\xd1\xc8\x80\x14P/@Q\xbc\xe7\x834\x1e\xd2\xc03\xf7\xc9\x85qZ\x9b`;\xb4r0\xe9^yt\x9e%\x06\x00\x98\x967\xca\xfa&lt;\x8d\xd8\xcd\xc7w[\xdc\xcc\r\tYV\xea\xfb\xab\xd9\xf9b\xe2\x1f][\x90\xf2\x04\xb6\xee"\xf4ff0&lt;\x98\xb4JZ\xdf\x84&amp;+j\xcb\xd2\x0c\xa8++\xbd\xeav6\x9bVJ\xf7\xe3"\xdf\xdf\x1d1\xa2\xd5@\x0103\xe8\x8e\x9e\xed\xb9Dk\xcd\x97E\xeb\xaef\xd51\x7fv\xd6\\\xf2%\x0e\xd0\x04\x81Ap\xa5\xb6\x13\xdff\x87\x1a\x00t\\4\x00\x80\x1c\x9c\xf4\x0b8\xd2\x92\x14\xe8\x98?\xad\xf7\xbe\x1fb\x18\xc96\xfe@Pa\xff\x9d\x1c\xa2\xd4\xa0\xc7\x8a\x96\r\xb5\xa5\xe9\x044\xe9\nV\x07\x001\xe4\xee\xba\xe8\x1d\xb5A]\xe4\xa0\x9e\x917S\x9b\xdd\x1a\xdeW\xc4\xc5\xa5\xa4\xcaN\xb9&amp;\xab\x0f\xab3\xc6\xb4\xb7\xbb2\x0b\xff\xad\x9b%,\xba\xc2r\x1e\xc1\xab/\xfc\x88\xe07\x19\x00\xe8\x83\xba\xc8\xc1\xa3\x91gQ{p\xcb*\xdfe\xe2\x04\xc0\x85{;\xc1\x8a\x86BD\xeeWAY\x82\xf3\x02uyQQKJnW\x10c\xec\xa2\x85\x80;\x1fb\xde\x05P\x82\x04]\x94\x0e\n\x11\x91q\xebQ$\xcb=f"\xc6\x1a5}\x16\xf4\x84\xdc\xdb\xd5:D\x1b\xb7];\xd3n&lt;6\x9a\xdfN|\rh\xe8\x98o\xa3qF\x8d\x00\xe0\x86\xaey\xa6E\x98\xa1z\x915\x99*c\xdeRP\xa1w\xd0c]\x90\x8d\x87\xd6\xba\xbao:\xbf,\x9a\x10\x91\x80#\xb3\xd6\xfe)\x13\xee\x03?\xe7\xaa\xc5\x15p\xf5}\xd6o\xb1u\xf8\x98}r1\xb5\xcbz\x13\x80~\xd2\xb6P\x95\x0b\xcd2u\x99\x9aD*J\xa6\xea\xa8X\xd7\xc3V%l\xf9r\x8e\x96\xd0\x93\xc1\xd0\xdc:\xa0\xa8\xdb\x8c\xc8\x89\x8a\x07h\x01\x1d&gt;Z\xb6\\=UT\xa6\xfa\xf9\xf6M\x15\xad\xfe\x15\x82\x92\xa4\xfc\x17\xb5\x05\x08\xc4\xc5\x0c\x94\xcdG\x00\x00\x00\xa4#x\x95oz;\xa1\x18\xdb\x01\x00\xfdnb\x08e^||sz\xf8v\xb5\x05\xb8\xe4\x1btmT#\x0e\x00N\xcb;\x9a\x12\x00\xbagD\xef\xb6\r+{,\xfeT\xa7\x7f\xb6Xn\xe9RrY\x01\xf0H\'\x95`}0\xa6ZT\xee+\x83f\x18\xc4rV\xc5\xdc5\x96\xf9\x9f\xd3\x8c\x8c\x881\x7f\xaf\x9a\x94\xf0D\x97G\x1e\xa0\x0e\xd2\xe3\xf1G\x11\xb1\xd6\x18\xd9\x8c\x03\xba)c\xd3U\xb6\xebh\x83K\xd1\xb4\x12\xf2\xf1\xe7E\xbe\xac1f\x18\xcd\x1c\xe3\xb6\xe6\x0b\x9e\xe9:\xa6\x81\x91\xc1n\x89\xd9\xb3m$W\xaa\x98\xb4\xb4&lt;\xdb\x99\xc6D\xc4\x9aN\xce\x0b\xe7-C\xaf\x16\xd05\x0f\x17\xa2\xdd\xbd\xd9M \xf54\x87c{\xb9\x8e\xb0\xf1*{\xd7S\xb3EP\x8e\x9f7x\x8d\x96#\x9aF=\x83|\xd9R7M\x1br\xd0\xb8\xc3\x8c"`\xc2\xa5\xa7Xy\xa1\'\x1b\xd8_\x03\x9ap\x01K\xf7B\x98f\xd9\xaa\x11Y\xf9\xd6\xda\xf6[\x85\x93\x0e\xe6\xeb\x08#\xad\xa8\xbe\x11\xda\x86\x9ds\x1f^\xb8\xbe\r\xdc\xe2\xa7^kmX\xf4\xbckM5\xfa\x0e{\xf8\x01`O\x98\xc3\xe9l_\x90\xb5\xaez\xb0\xd6\xb6\xdb\xc1\xdc\xd0~\xbf\xf3b7\x00Hg\xa3\x9b\x0fg\xa4N\x1c\xf2\xd0\x8dY_s\xe3\x88\xbd\xbdt\xe4\xad\xe4ez\x84\x07\tC#\xb6\xeaL\xb30F\xc7\xb03b\xd7\xb8f\xe5\x8b\xf9\xccrN[\xc4\xd4\xed#4\x18\x12\xe8\'\xc0H\xda5\xac\xf5\x91\x18;\xa3\xdbke\xa7T]\xca2-2\x9f\xa90W\x01\xcc\xdc\xfb\xf8\x7f\xb1\xe14\xadD\xe6\x1a\xbe\x99\x04 \x13\x17\xebw\xb1\x134jw\x0e\xd4\xda\xb4:\xd4fY\xf6:F\xd2\xe1\xfe{\x80\xf6\x91\xcdLn\x9a&amp;\xd9\xb4\xb7,\xdb\xaf\xedC\xe8k\xd5-;\x18\xfdd;\xf9\x12p\xba\xe2\xb5W\xbbpC7\x8b\x98{\x0bO\xb1&lt;\xab[7\x15?\xe6\xd2\xd5\xdaw\x07$\xdc\xe1\x99\xb0f\xed\x81T)C\xa3\xe07\xeaRd\xdb\xd2\x97\x0b\x7f\xb5\x92y\x94uM\xfb\xbc\xaes\xb7\xb7\x7fu\xce\x00\xe0\x8a\x0e\xe7tS{\xb8\xde\xf4\x13\xce\xfbH\xa5\xc8\x00jY\x19\x92\xf2\xc2\xa6:\xc1\xd6\xe2I\xb8Y\xe61l\x12\xb4\xb2\\\x92\xa3\xd69!\xd8\xd1\x00\x00 \x00IDAT\x08OV\xe4L\xb2\xbd/g\xcb}f\x1d\x8b:\xf8\x96\xc0\t\xef\x0eH\xebx?h\xb6\xc2\x18Z\xec\x9fj\xe1\xa8\xab\x9e\x94\x19\x1c\xf9\xefv\xfa\x1c\x92a\xdb\xdb\x845fq,\xfd\xcf\xe45TB\x9bH\xda)\x8c\xde\x1a\xbc\x88,\r\xe4\xfd\xcbW\x9e\xf3E\xba\x157\xcb\xcdW\x13\xf6\xe4\xc9\xc0\x97\x8a.Z\x8cy]\x8e\xb9\xfc\xbfB[&lt;\xdc\xf6c\xf2_\x17i\xac\xf5\xa8\x97\xa6\x17\x87"w@\xa55\x98\x93-@\x1d\xc0\xea!\x9c\x10a\x15\xbf\xe9u\xf5\xc1\xe2\xa3\xec\xeb\x06\x9d\xbf\xbd\xcf\x01\xdb[X&amp;\\\xbb\xe7\xb8#\xb3\x8e\x1c.$\xdb`c\xe7\xc8@\x8c\xc87\x9a\xf7\x0b\xc8\xd4\xce\xa6\x96 2\xff\xf7\xad\x91y\xd80\xff\xa1,\xd6\xda*\xf9\x82\x12&lt;\xafyHi*S[\xd0\xee\x0fO\xca\x1b,\xb1\x87\xea\xd6\xd9N\x9e\xe5\xeaf\x85\xa6\x8f\x10\x98\xb9CT"\xfc\x07\xaf\xa7\x17\xd5\x7f\xbc1\x9f\xf3Z\xc3\xfaLc\xbea\x06\xc1\xa2P\xa2\xdcVX\x7f\xb3\xa3c\xa6)\x17\xf7\x19\xd0\xd5\xc4\xc7\xb59}\xecdj;\xfd\xb1\x0e\xb0f8U\x0c\xf4\xfd\xa5\x0b\xc7q\xdf\xc4\xd6\xef\xc8\xfb:\'S\xc8T\xe6\xc5\x0bPN\xf5\t\xf2\xb4=\xe3\xaa,J\xb7\'\x14\x08\x03\x1c\xb3x\xd4\xbc&gt;\xe5\xb9s\xacy\xa9\xb5)\xf1\x83W\xae\x8b\xe7\xfc\x1c\x1bx\xe6\x00tb\xa7\xaf\xdd\x0e\x10\xab9z\xb8\xafl\xbc"\x92\xcd\xb0b\xa0\xf8O%U\xe2\x86]\x8fU=v\xc9\xccW4\xe6\xcf\xec&gt;\x8f\x1d\xc3|\x05\xa8\xcc#\xee\xc0\xdb\xd6=\xae\'\x87l\xa4\xda\x7f\x9b\xa9\x96\xbc\xdaf\x0eSQj~\xd7\x17d\xbf\xfbA\xbf\xbe\xed5\x91o\xdeE\xbes\x18n\xf5\xf2\xb5\x8cZ\x05\x86c\xad\xad3%\xe1\xbb\x05h3\x84\x85\xbe\xe8\xacQ\xed\xf1*\xde\x9f\xf6\x9c\x8f\xb4\xf6\xc7m\xfe}qY\xaf\x8f\x08mS\xed.\x97\x14J\x0e\xab\xa9C\x91{\xadn1\xf2g$]\xf4\xbfMz\xdaD\xc4.\x1d0\x99\xba\xa4\xee\xc2\xc74\\\xb6\xb7\xf9\x0f\xaf\xab\xe6}\x1a\xe6\xf2\xf0\xd4\xa2?\xd6\xa7M_T\xd3\xff\xbcK\xd9\x07\xcd.\xa5\x8eMn\x06\x00.n\x97\xc6\x03\xad\x92&amp;$\x15\xf3#O\xbf\xb8\xf1\xd3\xac\xfd9\xab\x87\xb8\xda\xbc\x12\xf6=\xedTO\x84I\x86\xc4\xc9\x86}\xea%a\xfe\xf3\xc6}\xa5\x1d)\xedK\t\x9a/rU+Xe\xae\xbd\x95\xec\xfe\xeb\x83\xb5_{\xfd\xcf\xcf\xf3\x93\xe8r\x1d)\xcc\xbd3\xa5pd\x7f\xf5\x92\xa1\x85@\xd78\xfa\x8e\x7f\xc3\x98\x9f~\xd9\x10\xe6;\xc8\xcc~\x95\xfap\x7f\x02M\xa9\x0e]\xee\xc0\xa9x\xb3Y\xad\x01U\xc2\xcb\x07\x01\xe0\x9a\xbb&amp;\xbe\xdb\xdf\xe8\xd3*\xbd=\x87\xdd\x9e\xaa;qw\xef?\x19\xcf\x89\xf3!69{\xc1\x00 \x12L\xaa1\\\x0f!\xbd\xffsV\xbf\x97\xeei\x93&lt;M\t\xdcp:\x04Vi\x00P\x7f3\x8e\x8av\xd4\xf0\xc9\x1e:)x\xe0\xe9\xc4\xed~Y\xd5y\x0c\x10:\x000\xcb\x8dIg\x07f\x0f\x0f{\xf2\xf0\x19\x81q\x82\xe1\x96\xae\x01U\xb91\xb4M\xfb\xb8\xb8`\xab=\xb2\x15a\xde\x8b|\xf1\xe7\xf7\x1a\xf7\xee\x89\xbb\x05\x81\xbeX\xd9O\xcf\xc5\x8c\xc2\xb9\x95\xb9\x1e]]n\xb1\xbcO\xf6\xf4\xee\xbc\xb0]\xb3\x91u\xfb\'W?[c\xecw\x8fJ\xcd\x97\x94\r\xb0\xd9P\x80\xbb\x89O\xf8bM*DV\xa4M\xf9\xc1\xba\xc3/t\x0eo5vu\xeb\xf6Z\x94\xe0\x04\xd7i\x1b7\xc9\xd6\xaa&gt;\xbf\x90t{\xf1\x83\xeec\x06\'\xf8]\x03\n\x05\xc97m\xd3Oo\xf0\xba\xd9\xd3\xd93\x05\xf8\xcd\x9b\xcd$\xf6\xa5\xca\xf5D\xc5!}\xc7\x89Ci\xec\x03E\xab\xe0_\xa6\xff4$|1\xe6\xcb\xb5\x1c\x9ftL\xf4\xef\x18\xf9"\xe129\x13\x1fd\x9cN\x13N\x93\x89\xc6\x18\xf7K\x84\x827ta\x93\xcdE$\x85\xf8\x9b\x8a\x0cC\xde\xe1\xb5\x87T\xa9w9\xdey\xaa\xa9\x9f=\xfb\xf5\x8d\x00\x89\xaf\xb6\x94\xd7\xe7\x93\xdf\xbf\x89I\xfc\xfe\xdd\xd3KH\x8f/\xbc&gt;\xe7&lt;w\xf1\x1a\xbc\x8d\xef*qK+\x00C!w\xf3\xcf\xd1)\xb7\xc4\xdd\xa8\xbaP\x93\xbbP\x99\xec\xff\x1e\x1e25V\'\xe0Ar\x13\xfd\xa2\xc6\xa1\x03\xbb\xff\xcd\xa3\xa5\xc6G\xff\xdf\xc7\xdc\xcc\x19Zc\xac\xe7\x8c"M$\x8cwh2\xf0:@h\xc1\xbfv9\x8dyUN\xf5\n}\nO\x96y\xa1dw\xf5\xd8\xcb ;\x8b\x12\xec\x8a\x9bl\xac\xf5\xf5c\x1b&gt;)W\x8c\'"b~\xee\xf25\xc6\xcb%\xa3\xfaC\x16w*\x9e\x813\xc5\x8f\x15\x8aH\xa6\x03p)\xb6\xd0\xb5J\xb0\xc7|\xbc\x8b\xe0\xea\x96c\xc7y\x9d\xba\xb6\x1d\xc9\xd5fM\xc8A\xf0\xfeTw\x1b\xcb4\xf7\x7f\x95\x9b\xe3R\xc0\xf73\xe6W\xb7\xd9@\xb4\xd0\xf01\x86(\xc2\xfa\xee\x92\x1b\xc1\xaf\xdb\xe6f\x96=\xe3\xcdrAm\xfe&amp;\xf7\xf0\xae\xd6&lt;\xb8\x8e]\xbd\x14\x0b\xcc\x92g\xf4\xaa\xf4oi\xcc\xefK-\xffkC\xc1f\x90v*|\xeb+\x00EG\xc0%\x07\xdc\x91#\xcb\xfb\x94\x1b\r4k\xb1\xdaw\xfd\xde\xf3\xb73\x86H\xcbh\xbaR.6k*\xa2\x9f\xb9\xcfo\xaf\xbd \xf6\x97\x18k\xbdf.\xac\xe3\xfd\xbc\xbf\xaa\xa7z\xacB\xb3\x1e\xa6\n\n\x1c\xf2\xc6\xde3F\xff\xc6\x18\xfb=\x92%u\xdbN\xed\xcf|\x94\xe4\xa1P\xbbR\x97\xda\x04\x90\xd8\xf3\xbc\x13L\x1e\xfd\x9b\xe5\x8c\xe2s\xca\xd5M\xdc\x95\xb0}rp\xc7x\x13B\x01\xcdx6\xb9\xe5\xde\x00c\x8c\xf5J(`\xa6VA\xdf\xd3\t\xad\xacw\x89\xc8o0\xe6{&gt;J\xb8*O\xb6\x15\x80\xa8\xce.\xc2E\xcb\xa7\x88\xf9Q\x8f\xe9\x7f\x1bc~W\x82zd\xd9\n\xf4\xe0\xd26w\xcd2\xb5\xf5\xfe]\x91/\xe4\xf5\xc2\xcdT\xfd\xe5\x86\x13\xb7\x9dKZ\xefCKI\xde\xe1\xdcYF\xa7\xe97\xa5\xc1\xf1\x02VH\x8bWhs\xeda=\x92i=\xc8h\xdc\xd5\xca\xe3\x1ahk,\x03\xd1Le\x89\x9d\xea\x8a3\xf8O1\xe6G=\n\x90\xa4\xec\xe3\x0c\xb3\x1bo\xc2Z\xc8j0\x8e\xf3\x9b\x19\xa73B\xdb\xfd\x85\x18\xe7\xc9\xed\xee\xf8\xf7L\xb34\x05j|M~\xeb\x9a\xd3\xff\xe1"?wu6\x08`\x08\xfc}\xdc\xd1#\xfb\xa6\xd1\xfa\x00 \xf9e\x0e\x85ie\x05\xc0\x9d\xac\xf1\\\x82\xdd\xff\t\x0c\xfeA\x8a&gt;\xea\xb1\x18\x0c\x00")p\x18\xc0\xb1\x8erz\xb3\x90\xa6\xef\xb2\x08\xb0\x04\xfd\xdb\'\xef\xb2Sb\xab9\x1b\xce\xbe\xf8\xb5\xe2\x84\xbb3\x007g\x87\xabPF\x98BE\xbe=\x9a\r9\x08\xb9\x8f`\x7f\xd9\xc1I\x1a\xf7\x875\xda\xaf\xe1\x86\x0f\'\x98\xd5\xe1\x8a\xa6KqD\xa7\xebH\xa4\xe2\xaej\xaa:M\x9f/\xf2D\xcc\xb7\xcd\xb5W;\xab\x0e\xdd\xebh\xf6f\xe9E\x08z\xe9\xf2\xad\xdd\x15:\x87\'/\xdf\xfc9!rd!S\xc39l\xe5r\xdd\xaf\x9f\x01y\x1eq\x0e\xe3;\x8c\xc9x\xf5\xfeYfz\'fD\xc4\xeb\x1e\x8ff\x88\xbf\x05\xe8b\xe5\xee\xf2&amp;\x93\xf6W\x00\xda\xa6\xe4U\x1e\x05\xc8\xbd\xa0\x91h\x05\xe0\x17\x18\xf3I\xf9\x04\xe9\xd25A$\x99\x9aFg\x0e\xe4\x86\xa0\x03r\xe1:\xb9?\'\xd0/O+\xea\x87\x8d\xeey\x82\xf0\x97\xfa\x1fn\x01\xca]\x19\xcaf\xc1\x8bZ\x9e\xda\x89\x99\xd7\r\xbe\xb5\xc5P\xc5|\xff\xcf1\xfa\x7f\xfd\xf7\xdav4Vq\x8b\x849\n\x9dM,\x1e\xb5\xa5\x121F\xfe\x95\x04\xd7b\xfd\xee\xeb,\xe2\x92\x86\xfe\xd8\xdf\xc9\x96:\xa8\xe8\xd5\x8d\x80*\xe6h\xf8\xf5\r\x05\x93q\xa5\xf7\xb5*\xde\xfa5\xa0\x90\x9e\x8e\x9d]\xd4\x8c\x851F\xa6\r?o\xcc\xeb\x03\x8a\x17g\x9e\x823\x833\x82\xc7\x00IM\xdaS\x86\xb3qc0\xefr\xe4\xd9\x99\x9a*\x95\xa9\xf3\x8aJ\xe5[\'\x91%\x16M\xf3SpI\xbe.K\xed&lt;\x9d\x1e\x82\xa6q\x9d\x9e\xcf4A\xfc\x03j\xce;\xbb\x98\x935sT\x91\xd5\xb0M\xf5\xef\x00\xd0\xba\xb2\x12\xb3\xe3\xa5F\xbd\x94h\x93\xb1c\x80\xb3/\x82\xdfd\x16\x9c\x17hcnM^u\xfa\xdaK\x97N\n;\rA%\xe9\xb8"\x0b\xae\xd2]\x15\xe4\xb6\xa5\xfe\xdb\x97\xa9\'\xec\xdae\x9e\x84c\x18\xd0\x16\x04\x15\x01\xf8*\xcdZc\xcc\xdf^\xfd\xc2\xab\x8d\x9c\xe7U\xa6\xde~\x99\xd6\xb0s\x1dw}\x87y\xff\xf0Q\xd4\x84\xeeH\xa3\x16 \x15\x8a\x8f\x19T%\xf8\xca3s\xe1\xa2\xce\x12\xb4\xf6\xaf\x19\xf3%\x82\xf2\xd1Hu[\xd2 \x80{\xee\xf3\xc3\x89\x8f\x15\x1d\x0f\x90%L&lt;a\xcf\xe2\xb3M_\xe6e4s\xa6\xabK\x91\nXB\x7fWHuLu\xff\xd0\x01.\xed\x7f\xdb\xb4\x17\xff\xe6=9\x92\xf9\xb3\x06\x8dS\xea\xca\xfb\x0f\x05\xf2\x80Z\xcc3\x85\xca\xa8\xfd=\x87`\x8dL\xf3\x81\xbb_\xda\x8f=I\xf0\xbf2\xc6\x98\x8f\x0f\xcdG#\xd5{\xd6\xe6\x04\x98\x9b^\xca#\\\xeb\x16\x9d\\!\xc9?v\xe9\xd6\xa3[c~\xc4\xea\x95\xe5\x97\xc6\\\x9d\xac\xcf\xcc\xf2\x8d0kM\xe6\xaf.@2\xa8\xa3B\xd8_\xb8\xfe\xc7\xe1\x07GNf\xcc\x02\xe5QC\xcao\x0b\x962\xe6\x86\x95&gt;\xd8\rE\xfd\xa0c\xaa\xa6\xc4\xc8\xc8\xae#\x1a\xe7\t\xd1y|TB?\xe3\xdcqQ\x98\xccS\xf5\xe6:\xbc\xfe\x1f\x8c\xf9\xba\x81)&amp;_Yv5\xe3W\xa0\xbfj,?\xd2\x98\x9f}\x1f\xffs\x17P\x01\xe8dkS\xfa3,N\x8b\x00\xd1\xf2l\xd7\xd6L\xd3\x81\xe8B\x99\xc6""\xd6\xfeec\xfe\xcfIR\xcb,\xae$\xdf\x02\xdb\x15c\xba\xd7\x94\x03\xe5XA\xcae\xe6R\xd1\xe5\xb7\x1c\xe8\x18\x8c\xf5F\xc9\xaf&lt;\x1e\xf3\r\xce+\xfd\xdd)\xc6i\x0cp\xa2.c\xcc\xdf2\xe6lmm\xf3\x18v\xdb\x11LF\x1c\xc9\xac\x93\xcb5\xba\x1bW\x10\xdfw\xe7\x9f\x1c\xe9\x98\xb7\xf2&amp;\xbdE\xc6\x90\x1f\x96T\xb3\xc4d*\xe2&lt;\xa5,\'\xccFk\x00j\xca\xbb\xac\xf0+a\x1d\xfd\x17\xda&gt;\xa4\xa6.\xbab\xbd\xf2S\x0c\x85\x9b\xfd\xdc\xf6\x00\x9d\x88-\xc6\x98\x8f}x\r\xc3\xed\x0cm\xeeX\x03\nu\xb2\xbe\xe0+\xa0\xfb \xfa\x8f\xc3Z\xbbq\xab\x91\n|\xdd\x02\xf4\x9f\x1b\x93\xc7\xa3R\xbb\x97`\xfa\xf5\xb1\xffq\xde\xe4=\xafU\x98\xdf\xb2\xc6|N\x06q\xa0\x14\xef[bo\xf8V\xc9\xf34\n7\xc5&lt;\xdc\x07\x1a&gt;lQ\x16\x17A&lt;.\xad\xc6\t\x85\x83\xe1P\x92\xe9\xe44\xf1\xed?w\xdbr\x9eq\xd7\xb3\xccl\xb2W\xe7\xad\x9a \xa5\xd2\xa8\x00\x18\x9d\x1c\xbd\xc5\xe2\xda|we\xb0\x0e\xde\x137\xb5\x99s\xe9/\xe4\xea\xa1|1\xd3\xcd\xdard\xa6W\n\x1cpY\x15\xfa\xe2\x1f\x19\xf3Q63~\x7f\xb7~\xb9T`Zj\xd85U\xc7\xe6\xf9(\xe4\xa8\x1f\xfd\xbd!\xf1\xedp\xc1d\xf9\x0e\xc0j\xb4\xd7\xcd@&lt;\x1c\xae\x91VNV/\xe4;\x7f3\xb0O\xec\x90\x9b\xda\xccjt\x19\xd3\x0e\xe0\x9b\x98\xf2\x1d\xc1\xb0.w\xd8\x82w\x83\x88\x04\x04f\xb2\xe2\xf9i\xfb\xbe^~\xdeJ&gt;\xffa\xfd\x94\x9d\xbe:\xf2\xd0E\xaes\\\xcb\xb0\x93\xc7\x1ep/]W\x88\x88hi\xa7Y\xea\x80\xeb\x93\x17PE\x13|A\x91\xbf\x97.\xb5\xc8\x8aV\x7f0W\xcb\xecE+|)\x91\xbf\xa2\xb76_\xa4\xed\x90\xec|\x8d\xa71\x9b+\x81\x12f\xba\xccV2\xdfo\x16%\x88Hj\xd7\x91\xdb\x1d\xa9\xb9\x13B\x0ba\x8b\xc0!\xbbk\x96\xfb\xb8\x9d\xcc&amp;\xcaC\xd0B\x17r/\xf2{5\xd8\xbb\x81fp\x85\xaf\x87wJ\x06:\x1a\xd0\xa8\x8a/\x17.\x92lI(Ty\xfe\xfed\xb2\xdf&amp;6\x9d\x84\x13\x1b\x8aU\xda\x9b+\xcf\xadj\xfd\xd1\x7fZ\xac5\xc6\xfc"c\xec\x93\xa5|z\xa2\xec\xc6R\xef\x15\xf2\n\xe3\x12\'\x1b\xec\xd3\x1e\x9b\xd5j\xaa8D\xb0\x02\x88\x881?`\xf5\xb3\x97\xa0\xdf$&amp;\xeb\x12\x17J\xbe3s\xc9.\\ \x1a\xe8\x1aU\xda\xb8\x91E\x12|\x03\xe5\xed\x924\x15:\'\xc7\xf9\x0c\xb5\xbb\xba#\x05\xeb\xf3@\x8f\x88\xf9Tc~\x88\x</t>
        </is>
      </c>
      <c r="E758" t="inlineStr">
        <is>
          <t>&lt;class 'numpy.ndarray'&gt;</t>
        </is>
      </c>
    </row>
    <row r="759">
      <c r="A759" s="1" t="n">
        <v>757</v>
      </c>
      <c r="B759" t="inlineStr">
        <is>
          <t>steps_per_sec</t>
        </is>
      </c>
      <c r="C759" t="n">
        <v>8500</v>
      </c>
      <c r="D759" t="inlineStr">
        <is>
          <t>3.019979</t>
        </is>
      </c>
      <c r="E759" t="inlineStr">
        <is>
          <t>&lt;class 'numpy.ndarray'&gt;</t>
        </is>
      </c>
    </row>
    <row r="760">
      <c r="A760" s="1" t="n">
        <v>758</v>
      </c>
      <c r="B760" t="inlineStr">
        <is>
          <t>Loss/RPNLoss/localization_loss</t>
        </is>
      </c>
      <c r="C760" t="n">
        <v>8500</v>
      </c>
      <c r="D760" t="inlineStr">
        <is>
          <t>0.05046007</t>
        </is>
      </c>
      <c r="E760" t="inlineStr">
        <is>
          <t>&lt;class 'numpy.ndarray'&gt;</t>
        </is>
      </c>
    </row>
    <row r="761">
      <c r="A761" s="1" t="n">
        <v>759</v>
      </c>
      <c r="B761" t="inlineStr">
        <is>
          <t>Loss/RPNLoss/objectness_loss</t>
        </is>
      </c>
      <c r="C761" t="n">
        <v>8500</v>
      </c>
      <c r="D761" t="inlineStr">
        <is>
          <t>0.007925918</t>
        </is>
      </c>
      <c r="E761" t="inlineStr">
        <is>
          <t>&lt;class 'numpy.ndarray'&gt;</t>
        </is>
      </c>
    </row>
    <row r="762">
      <c r="A762" s="1" t="n">
        <v>760</v>
      </c>
      <c r="B762" t="inlineStr">
        <is>
          <t>Loss/BoxClassifierLoss/localization_loss</t>
        </is>
      </c>
      <c r="C762" t="n">
        <v>8500</v>
      </c>
      <c r="D762" t="inlineStr">
        <is>
          <t>0.15728194</t>
        </is>
      </c>
      <c r="E762" t="inlineStr">
        <is>
          <t>&lt;class 'numpy.ndarray'&gt;</t>
        </is>
      </c>
    </row>
    <row r="763">
      <c r="A763" s="1" t="n">
        <v>761</v>
      </c>
      <c r="B763" t="inlineStr">
        <is>
          <t>Loss/BoxClassifierLoss/classification_loss</t>
        </is>
      </c>
      <c r="C763" t="n">
        <v>8500</v>
      </c>
      <c r="D763" t="inlineStr">
        <is>
          <t>0.13706076</t>
        </is>
      </c>
      <c r="E763" t="inlineStr">
        <is>
          <t>&lt;class 'numpy.ndarray'&gt;</t>
        </is>
      </c>
    </row>
    <row r="764">
      <c r="A764" s="1" t="n">
        <v>762</v>
      </c>
      <c r="B764" t="inlineStr">
        <is>
          <t>Loss/regularization_loss</t>
        </is>
      </c>
      <c r="C764" t="n">
        <v>8500</v>
      </c>
      <c r="D764" t="inlineStr">
        <is>
          <t>0.0</t>
        </is>
      </c>
      <c r="E764" t="inlineStr">
        <is>
          <t>&lt;class 'numpy.ndarray'&gt;</t>
        </is>
      </c>
    </row>
    <row r="765">
      <c r="A765" s="1" t="n">
        <v>763</v>
      </c>
      <c r="B765" t="inlineStr">
        <is>
          <t>Loss/total_loss</t>
        </is>
      </c>
      <c r="C765" t="n">
        <v>8500</v>
      </c>
      <c r="D765" t="inlineStr">
        <is>
          <t>0.3527287</t>
        </is>
      </c>
      <c r="E765" t="inlineStr">
        <is>
          <t>&lt;class 'numpy.ndarray'&gt;</t>
        </is>
      </c>
    </row>
    <row r="766">
      <c r="A766" s="1" t="n">
        <v>764</v>
      </c>
      <c r="B766" t="inlineStr">
        <is>
          <t>learning_rate</t>
        </is>
      </c>
      <c r="C766" t="n">
        <v>8500</v>
      </c>
      <c r="D766" t="inlineStr">
        <is>
          <t>0.039567385</t>
        </is>
      </c>
      <c r="E766" t="inlineStr">
        <is>
          <t>&lt;class 'numpy.ndarray'&gt;</t>
        </is>
      </c>
    </row>
    <row r="767">
      <c r="A767" s="1" t="n">
        <v>765</v>
      </c>
      <c r="B767" t="inlineStr">
        <is>
          <t>train_input_images</t>
        </is>
      </c>
      <c r="C767" t="n">
        <v>8500</v>
      </c>
      <c r="D767" t="inlineStr">
        <is>
          <t>[b'1024' b'1024'
 b'\x89PNG\r\n\x1a\n\x00\x00\x00\rIHDR\x00\x00\x04\x00\x00\x00\x04\x00\x08\x02\x00\x00\x00\xf0\x7f\xbc\xd4\x00\x00 \x00IDATx\x9c\xec\xfdw\xfc\xff\xdf9\x1f\x8e_\x8fO\x8d\x06\x15\x91\x84X\x11+1b\xd6N\x89\xbdEH"j6j\x94Dc\xc4\xaa\xa2(\x8a\x10\x8a T\xc8\xb7i\xc5L\x13-\xd1\x06\t\xb1\x82\xa8\x11{\xd7O\x08\x12\x94\xda\xd7\xef\x8f\xc7:\xfb\\\xd79\xd7Y\x8f\xe7\xb9\xdf\x92\xf7\xe7\xf9z&gt;\xcf\xe3\xda\xd7u\xe6\xe3\xf1\x00\x98\x18\x1f\x88\xf8#\x88\xc7\xe7\xfb\xee\x9f\'&amp;\x9a\x03=\xd1\x88\x88\xbe\x9fn\x0c\xb7k\x84=\x06\x04-p\xbb\xc6\xcc\x04*`]RT\xaa\x89\x89\x89\x89\x890\xf6*&lt;+\xf2Dw\x98\x13\x80\x89\x89\xfe\xb1\x8f\xfe\xe7\x04`\xa2; &lt;v\x06\xdb\xc4\x84\x05D\x04x\x8e\xfaE3QJ\xa2N\xf2\xcf\x12S\x17\xd3\xda\x13\x13\xbd\xe0O8\xa3\x7f\xb8\xd6\x04 o\'\xea"F\xe8\x16\xdc\xbd\xa9\x00%\x01i&amp;&amp;\xc6\x823s\xc6*\xdfs\x02\x00i\xbd\x14\xb3S\x9f\x98h\x85\xb1*\xd2\xc4\xea\xb1\xd62\x08 o|y\x05\x0bt\x0f\x99H\x93&gt;p8&lt;\xeeh-\xc0D\r,\xcbb|\xb3\xa6\x93\xfd}\xb7\xa8#\xea\xb2,\x9d\x17\x08n\x19\xec\xb0\xe0qO\x1a\xdc\x06\x8aZc\x04S\xcfx\x18\x0f\xcb@=H\x14\x89\xba\xcc\xb0\xad\x01\xb9H\x9b\xfeR0\'\x007\x04u\x0e\xbd\\\xaat\x8b\xa2\xef\x02\x91\xe0\xb6&gt;\xfd\xdc\xb7\x99\x1b\xa0\xc0\x1d\xb1\x07\xe9\xde\xb7\xb6\x00\x00f=\xea\x0e\x17Y\xe0\x8fb\xc9\xe9\x0e?XT\x94\x89bX\x83y\xcc\x80.%\xf5\xac\xb9\x13\x97\xc2p;\x1b7\x88\xcdG0\xc7|\x1a.\x1f\xba\x88\xb8,\x10\xectP\xb4K\x92\xa5vs\xb8|@N\xdc\x14\x8e\xd9l\xa1\x90.\x96/\xab\xd8Edn\xbb\x03\xf0JM\xb9O\x0c\x03\xfaB\xd4\xb2\x14\x1fU\xces\x84\x99\xd8\xd6\xdb\xe6\xc0\xe2\x06\x11\xc9\x1b\xb9\x90x\xfd9\xfa\xcf\xc2&gt;\x9ai-\xc7\xc4\xc48(3\xb5X\x94RF\x1fx\xf4&gt;JA\x80\xa7\xb4\x96ab\x0c\xdc\xc8N\xf4Mbzv\x82\x05^\xc0\\\xe0\xc6\xe2\x9a*\xa0\x8e:L\'&amp;*\xe0\xc6B\x9a\xa4\xe9\x8b0)\n\xceo\xe6\xda\xc2\x04\x15-\xb6\xa1\xe7\nbq\xf4\xb1\xca8\x1d=\x00\xf4\x9e\x1bY\x05a\xe8C,5\xcf\xe1\xbc\xb25&lt;B\xe4\x99z\xa25\x10q\xec\x80/\x87\x8b\x9a\xc5\xd7\x7f\x89*{c\x93\xa7\x89\x111W\xad\x06Cs\x7f!\xe2\x7f\x9f\x01\xd3=\x8ce\xe9?\xa7\xbalz\x96\x89\xbfG\x1b\xade\x9a\x98\x98\xe8\x02\xbeZ0k\xc4\xf8\xf8\x83\xdeO\x8cQ0\xc2\xe9\xfcW\xae\xc2\xa5s#t\x819\xbe\x19\x02i\xe3\xd1\x82\x8fT\xba4Lk\xcf\x04\x99\x98\x98\x90\xc2\xecq{\xc5\xec,\xeb\xa0\xda\xeb\xcc\xa67C\x98\x0b\x9c\xa3 \xcdS\xd3\xbfix\x866\xd7\xba\x98\xf5\xe6\x94\xe6r\xf8&lt;\xae7\xa7\xf7\'&amp;.\x8cY\xdf\x01f\x99\x8bb\xe8\x01\xa2*\xf9\xa0*\x10\xf1\xc3\xa9gQ\x86\xf6oK\\\xd7nW\xd5kbb8\\ou\xa1w\xfc\x93Y\xfb\xfa\xc1\xec\x8aJ\x83\xb0~\xd9\xcf\x1a\'wh\xa2\xb7\xefB\x85BH8\xfcc\\XH\xb0\x89Kc\x86\xcd\xc4DY\xcc\x1c\x9b\x98\xb8u\x14\x1a\xa85\x19\xfc\xa5qL\xb1\xc0-\x8dk\x93]9\'\x00\x13\x89h\x1c6/l\xca}bbbbb\xa2,\xd4\xe5]\xf9\x1e\xb7\xfe\xe0\xef\x9dx\x1c\xf7\xc6U\xd7\xaa\x11\xe0qU\x18ML\x8c\x8b9u\xec\x1f\x9a\x8f\xaa\xdf\xdd\xc1}\x1a\x81\xfb\x17A\x81&amp;&amp;&amp;&amp;\x9a!\xf9\x90F\xd2\xf0\x17\x01\xe2\x15\x1f\x11\x01\xee\xcf\xa4\\\r-\xaa\xffH\x8b\xe2\x88\x88\x7f?\x8c\xb4\x17\xc6\xb5\\@:\xf87\xef\x15\xee\x1d\x88\x08\x1fs\xde\x07U\xf7\xc8\x1f\x83\x91sf\xa2H;\xc3lB\x08\xce\x04@D\x80G7\x91g\xa2&lt;F-\x1fy\xa3\xff\x93\x00\xa5Q\x9a\x84\x97\xc48]N\xe5\x1e}"\x805f\xbe\xb6\xb5\x18"\x98AuA\xe8]Iq\xe7\xe6\x87P\xd9\xe2v\x8fQ\x8a\xfc\x84(\xfc\x13\x80\x896@\xc4\xc7N\xfb[\xc8/\xd6\xc4\xc9Cb\x9dM\xbaj\x84E\x9d\xdf\xebX6\r\x89\x93\xc3\xae\x8d?4\xae4h\xbe\x8c"\x13\x1b\xf4\xda[c\x02\x90\xc9%u\xf4\xffFd\xdaT\xe2}\xbe\x1b\xf9\x94\xff\xa2oo\x9e\xb86\x10\x11\x96e\xdb\xfa\xbbX\x0c#b\xa6FGz\xe7\xd0\xa1\x10Ic\x94y\x15\xf7\xc2!\x90\xeft.\xbb\xf5\x03\xd7\x05\xd7\xb3\xfc\xa0X=8\xdd1\xd11\xb0]\x07\x8d\x85\xc6\xdeJ\xe5\x04\n\x8b;J\x08\x91\x8dY5&amp;\x86\xc6VR\x96e\xb9X\x17\xb8\xd5\x17D\x80\xff\xd6\x84\xff\xf1\xe9\xb00\xa5q\x05\xa8\x92d,\x97v\xb9&lt;\xd9h\xf5\x97\x9b9\x17\xcb\xb5\x89[E\x97E\xe0r@\x84\xe5\xe7[\x15\x8dY\xa9\x82\x98\x07@G\xc1\xf4\x91\rD\x04\xf8\xe8\xd6R\x94\xc4\x03\xb3r39\xb5\x19W!"\xe2\xc7\xa4\t\x99z\x92G?\xb8\x92x9\xf7\xaaK\x82x\xb8\x0b\xe0\xffV\x13i\x82\x85\x19\xcc\x13\x13\xf5q\x9d\x91s\xdf\xa7i\'&amp;\xbc\xb8B\xfa\x05\xf1\xe9\xdd\x97\x98\xec"\x98\xf5D\xff\xaeJ\xf01!\xf1\x88\xd4\x8b\x9c,te\xe1\t\x0b\x95S`\x0e\x15&amp;&amp;\x0e\xfcdk\x01&amp;&amp;\x06\xc3\xec?\x18(99\x17\x1b\xa46\x19 fn\x02\x94@\x87s\x92\x89\x1b\x00\xe1Q\x9b\xbe\x1f\x98\xcft\x9f\xb1=qm\xfcm\xb1\xf0\xaer\x0f\xc0L\xce\x89\x9e\xf1\xcff\xf7\xc1\x03\xf1\x06\xa34\xda\xe4/c\x84Z\x1c\xb3\xd4\xef\x04p\xb7\xd9\xc6+ucn\xa0\xdbQ\xe6t\xe5\x12\x08\x05\xdb\xee^\xff\x1c\x80\xc5i\x99\xb7\x7fL\\\x16\x88\xf8"\xc5\x88\x17O\x1b\x9cO\x03(\x8c\xdd\xc2\x10\xf0\xe6\xf4B\x10\x81[\xf2\x11q\xda\xad8\xd0z~\x0b"\x96\x9cf\x14\x84:ru\xaap4\x98q\xe5\xc2i\xbfi\x9fK"\x9a \x13\x13\x13\x07\x8a\x0e\xde\xca\xee\x00\xccqgq\xd0\xd6\xc9\xbauA\x1fK}\x81\x89\xd3\xfaos\t\xaf\x0c\xa7y\x97e\x19ed\x10\x8ca\x87\n\xcb\x8e\xa2R\r\x8b\xcd,\xd3&lt;\xb7\x80YY\'&amp;\\@\xeb\xc3\xa8\x18^\x01\'\xfa\x19\x14\xf61\x86ND\xef\x92\xcf\xd3\x08\xa5P\xd4\xa4U\xfdU&amp;B\xde@\x90\xd6X\x87j\x06\x12\xb52.c\x96\x16\xf7\xa5\\\xc4t\x13\xb7\x87#t?\xac\xa5\x14\x13*.S\x8b\xaf\x8f\x82\xdd\x0c\x87\xeck\x0e\x1d0C\x0b/\x0cc\xe0Rb\x1c#JPv\xb05#\xa1!\xaec|ZL&gt;\xab\x924\x13\x13\xbdc.\x8bLdb\x06\x90\x04z{\xccKi\xcc\x15Y\x03\x96A\x8a\x1b\'\xcb\x05\xa2\xf7\x1c\xdfN\xd8O\x14\xc5YEgm\x99\x90\x04\x02&lt;\xb1\xb5\x0c\xf2\xa0v\x01\xb3\xb3\x9e(\x80\x19R\'\xe6\x04\xe0\x12@\x80g&amp;^Y\xd9 \x88\x88\xf8W\x17t\x81\x0f\xb7\xa3\xe9\xed\xa2\xc5)\xa0\x89\xcb\xa3\xfe|\xb2\x06;\xc6x\xe3hy3\xe3\x93\x89\n\x98\x91\xa4\xe1\xc6\xfa\xad\xabi:\xda\xe0\xe3_\\\xcf\x05A|\x1b\xb1\xdd \xee\xbbY\xc4\xdf\xe5\xac\x8flnhUe\xa2\x02\n\x87S\xb1\x1e\xe4a\x08\x88\xc6{%\xe9\x8a\xd0{\xb7Y?\'\xfa\x82TD\xce\xc8.\x87m\xd7~h\x0b\x9f\xf5\xf1u[\x8b\xd2)R\x8fg\x94\x9cS9(\x8f\x1c\x84\x17\x07\xc55\x9f\xa9\x0eS\x8a\xcf\xc9\x87.Y\x13|\x94\x1e\x06\x94\x08W\xf4 \x8dD\xb4a\x9f\xcfZ\x0b&lt;\x97}b"\x825\xee\x17\xf0&gt;J\x10\xe7\xd3i\xb3\xb0\x15\x16\xcb\x80/\x0b\xf0\'-\xe4I\x80O\x85\t\x00\xf3I\xed\x0c\x13U\xc9\xac\xd9;\\\x07\xa8\xbc\xee\xe3\x88\xba2\xf1skask\xfa\xb6\x00\xa2\xec\xe3\x8a}CvnF\xe8\xa9\x14z\xcdQ\x957\x01\xb31\x03w"\x19\xa8\xfdgB\x1e\xbe\xf4\x1ce\xf4o/\x05\xce`\x11@\xadm\xb7\xd9;\\\x07\xea\xeb&gt;\x96\xa5\xe8;}o*l\xe6\x16x\x15\x08\xc7\xaa\xcc\xe8\x1f\xf6X_\x96\x9fQ\xfer7,\xf7\x8e\xe1\x891\x80\xd6KX\x07\xc7\xb2@d^\xdeT\xdf\x8b,\xcc\\,fZ\x0b\xd0)8^\x96\\\xbe\xc5a\xdf\x03=\x91\x81\xe9n1t\\\x9e\xd7B\xd1\xaf|\xadp\xbe\x01}\xfd3\xe7=\xd9\xb4*|\xadi\xe2\xa5\x94\x99\xb8&amp;\xae\x95r\xa3b\xa8;\x80\x07\xc2\\N\x9a\x98\x98\x08bV\xdd\x00*\x1a\xe7R=\xe0\xa5\x94\x19\x06\xd3\xe6\x13\xa3bV\x8c\x89\x89n\xf0&gt;\x92\xc4f^OLDp\xad%\xb0\x1b[\xd2\xe3=\x16*LI\x80\xc8\xc4\xc4\x90\xe8:\xf8o\xa9\xa0M\xdc4\xf48\xcf\x8a\xf9\x995\x13U0v\x98\x1d\x03f\xd7M\xc0#+\xe6+\x1fb#\xe6\x0e\xb0\xfagl/\r\x89i\xf1\x8b\xa1\xe59TJ\xff\xb1,\x7fQA\x92\x89\x89Fx\xdc\xf1\xa8Y\xdc\xffE\x04\x80G\xa6\x12\xd4&amp;\x12C\x0f\xd1&amp;z\x86\xf4\xe3\x7fz\xc2\x90c\xe5\xad\x8e\xe4\xe5\xfc\x8b\x8d\xa1\xb5\xe3\xe9\xb0\xb3\xd2ML\x08\xa2}B\rX\x84\'&amp;8\xb0\x9et\x8ew\x12\xdc\xc9GD\xc4_#?\x13}\xa20\xa6\x0b\xba\xc2\xfe\xcc\x86\xb6R\x88#\xef\xf1\x11c&lt;\xa1%\xf9)\xdd\x13~\x8c\xe1\xfa\x89\x89\x89\x89\xab\x00\xd7\x95\xd4\x82/\xe5P:\xcb\xd9W6\x04\xae\xef\x9c\x9a\x8f\xf6\x9a(\x8a9\xcb\x9cH\xc0\x0c\x9b\x89\x89\x89\x896\x98\xe5\xf7\xd2\x10\xdd\x84A\xfa\x9bn\'\x00 \xbc\xf7\xd2\xe7\x8b\xc0\x12\xd1G@\xe0{w!\x06\r\x88\xaf&lt;\x90\xb4\xc2\xc0\xa3\xe3\x99\x8bC\x13\x13i\xe8\xa3\xeaN0A\x18?\xd5\x1bc\xcd\xf2{]\xc8\x87\xd0\x1e,\xae\xa8\xf9|a^\x97@`xs\xa9\xc4\xc3\x1a/\xa2\'\x89\xd1\xcd[lb\'[\xf6\xcd\xd7:\xd2Hc\x9e\xdb\x99\x98(\x0e\x0c\xbe+\xb0\xa7r7A\xc5\xdeW\x82\xcfq\xf3\xa0\xe9D&gt;\xf4(\x82\xf2Ub\x0e\tx\xb8\xd4\x0e\xc0\xb2,\xdd\x94\xaa&gt;\xc5x\xb0yg\xe1\xfa\xfa\xf5\x81\xf1\x06\xeaB\xfe\xc4\xc4\x848\xc2Eu\x8e\xfeG\x06\xd1q\xb3\xc0N\xb0a\xad\xfdW\xa8\x12\xb3\x10\xf10\xedeb\xbf[%\xc72s\x1a:Q\x1b\x9dl\x7fML\x00\xc0\xac\x81\xbd#\xfe \xc3s\xfc6\xab\xcaD\x02\x8c\t\xc0PQt+\xe5\xeb*;\x00\xdbi\xc5\xa7\xf8\x7f\xa4\xada\xbc\x02\x82\xc0r\xc7M\x84\xce\xc4\xc4Dkt\xfb\xb4\xd0Y\x03\xfbF|4\xb6\x1c\xa8!O\x04\xf3\x8e\xcf\xe10\xe4\xe8_\xb9\xbbx\xc6\xdb8\x08\xdc\x15n=l\x98D\xaa\x80\x8c\x13-\x80\xf3\x80\x90\x13\xd3&amp;\xd7\xc0\xf7\xb7\x16\xe020\xa6R3An\x0e\xb3\xeb\x17\x84:\xe8\xfa\xe9q\xac\xca\x1a+N\xf4\x02\xc1\t\xc0\xc4\xc4\xf51\x13\xe1\xca\xa8\xe3\xdcK\x85P\xa3\xde\xe1R6l\x05D\x04x\x80\x08\x9d9B\x90\xc3\x90\x83\xae\xf0XqD\x8dn\x11\xd3I7\xae\xbe\x08\xa6\ro\t\xa2gi\xdaFN%\xee\x17\xcb\x8e\xda]\xc6\xec\xa4&amp;\xae\x8en\x0f(\xa6\xe0\x1c\xfd_(m\xafr\x0f\x80\x1b\x89~\x1a\xbc._*\xeb\xda\xe1\xcd`\xf8H\x98\xf0\x02\xd1H\x93E\xf0\xd8z\xe3\xa0\xa9t\xdcv\x8cC\xbdd\xd4&gt;\xa4\xbc,\xc3\x1c\x8c\xee\x05\xb3\x1a\x8f\x04\x84\xef\x87\xcbU\t\x00\xb0J\xc5G\xcf\x99|g\xc8\\\\)\xb36S)D.9Om\x82\xb9DwU\x94\xde\xc9\xbdz\xd8\xcc%\x86\xd11\xa2\xfb\xde\xe6\xeaiu)\\\xcdY\xfe\xfeb\xe8q\xc2\x15\xe7g\xd9\xc0\xd8KRz\x86\x1a\x8b\xb2+L\x98\xfd\xc6\x9f\xb1\x0c\x8b\xc1\xf7\x1fM\x0c\x88\xed\xe1nF\xbdV\x1e\xfb{+O\x7f\x9b\x08`/SW\x8d\x845\xf8\x07\xd2\x0e\x01\x96\xd5+\xd7u\xca\xe5\x10\x7f\xce\xecD{\\\xfb\x08P"\xf6g\x9f\xb5\x0c\xdf\xe49e\xe1\x12yC)=;\x9b+a\x1d?\xac\x9f\xcdg\x1b.\xc7\xa6\xc0\xe5\x16\xae&amp;&amp;Lp\xbb\xb6\xe6\x1b&gt;\x0b@\x85#Z3\xf1E!\xe8\xaf\xcf\x1a\xda5C\x0b?\xd1\x08\xfd\x9d\xe1qt\x03i\xa3\xa5o\xecK\xaf\x89\t\xfdAa3&gt;o\x1c?1\x03\xe0\xc4~\xc2a\xdad\xa2/\x1c\x919\xebv2\xe6\x1ag\x10s\x1bk\x87s[&lt;q\xaf\x1c\x11\x069\x054q#\xb0\xa7\xb2\x95\xf7\x7f\xc69ovl\xa4\xcc\xe3RC\x82]\xb4\xe7\xd9\x9b\x89N\x81\x00K\xb93\xcf\x82\xc8?&gt;]\x08\xf3\x08P\x00\xdb\xec\xb2\xb5\x18]\xc0\xf9J\xc8\xc4|\xe3\x1e\xaf\xba\xc2\xe4\x1e?i\xae\xa2\xd5\xc5H\xf7f\x8d"\'\xc01\xfa\x1fI\xe4\xd6\xe8(\x14\x13\xc4h\xfe2\xe0+\xd4\xff\x89\x12\xd0\xc2\xb2i\x90\x86\xe2s\xcd}r\x08\xcfP\x17EN\xf1-\xfd\xb4\x10&amp;\xba\x12\xa6\x12:s\x81\x13N\xd9\xb4\xb7\x8a\xce=\xcaF\xf8\x01b;\xb4P\xd3Y}\x87\xf7D.\xfa\xa9`\x84r\x8ap\xef.D\x9d\x988\xd0I\xfax\x10\xc9\xa9\x11\xc60\x17\xc7\x15&amp;\x00\xda\xe8D\x9a\xb40A9\xa8*\xb3to\xe8\xb8\xe78X\x87\x97\xff\xfb\xb5?\r\xc3\xcb\xefDk\xa9D\xd1F\x9dqm\xf8\t\x92\xc4\xfa\x08\xa7Xl#"\xc2\x17\xe2\xef\xd4\x14\xb5\x03\xb3LH\xe3\xd6\x96\xba\x8e\x9c\xf2k\x1dm0\xd1!\xe2~\xad\t\xad|\xcb\x8a\xd4\x87\x82\x16\xac\x1e\x8b\xde\x8f\xa6\x8f\xe1(W\xc5\x89\xdfV\x05\xec\x0f\xa7\xfd)\x8epO\x00z\x18\xb4\t\x01\xdf\xf5:\xba\xd4\xc0\xb5\xbc\xbfA\x0f\xec\xbfr\xfe\xbe~\xa8)R5^\x13uPz\xd4$\x153.:\xf7.C\xf6\xf8\xe5\x82Ue\x0c\xa4\x99\xde\n\xe5\xc6\xce+6\x01\xe8\x17\x9b\xbe\\\xdfe\x0c\xe0\x82W}8h^`Kt;\x8ek\x08k\x10O\x9d\xd1\x99\x17^\xa7X_F\x91J\xb8d\xaa\xf2c[\xbb\xc3\xb2\x90P\x85\xe9O\xd4E\xf1\xd5\x13\xb1\xc44$\xe4v\x19i\x1c\x13\xcc\xf2\xfd\xd7\xe9\x86\xda\xe12s/D\xfc\xa9K(R\x1a\x05\xdc\xfd&amp;k\xf5\xc9\x99\x00\\#\x08{\x86{(\xcf\xbfdz\xca\x87i\x9fa\xc1\x1d\xe2L/O\xf0P\xbe~\xde\xb3\x08U\xb3\xf2\xf7\x12\xf6\xa5+mw\x8f%*\x06D\xec\xf7)Q\x13\t@D\xe5\x1d\xae\x92\x84Cy\xa1\xa7#=\xa2\xd4\xebf\x1c\x16\x83\xa3ZF\x83$Pa\xa7\xa7l`\xda\xc3\x7f\'\xfa\x00\xcf}\x85\x1f\x84\x8d\xec\xa7\xdf\x0e\xdc\x8fc\xaf\xcf\x82\x14\xc4QK\xc7\xd2T\xef\x9d\xb7\xed\xb1A\xc3\x8c\x85\xdby\x0c\xa8\xe7Yfs5k\x8b\xfe?\xf0\xfdx\xce\x86;3T\x99\xd1?D\xcaV\n\xc7|\xbbud\xf6\x9e\xe16s\xcce\xd7/\xf3\xa2p&gt;\x11X\x04]\x95\x97\x8b\x02\x81\x15\xf0\xb6\xa3\xef\xa5V\xb3,\x7f\xa1\xfah\x87\'\x10w$\x04\xf86\xc1.\xfa\xc5\x8b\x8dR\x19F\xd2t\xd9\xff]\x96\xe5\xa6\x8a\xd0HN*\x81Q\xd6e\x0b\xaf\xba\x85\xd6\xbc\x8d^\xb9g+\xd5\x01?f\xcc\x81\xcd\xb4a!\xf8F\x90Q\x83\'_8!\x8a\xe0\xe6\xdbD.0\x7fiS\xed\x89\xf8\xeb\xf7\x96(;\xde\x06\xe0\x87\xc9\xb5t\xac\xd5\xe5[\xc3\xf0;\x84\x888\xb4\xfc\x1c\xdc\xce\x0e\x80\x1b7\xe2\xe6\x186#\x847C\xa6\xa5V\xf0c\xe6\\1]\xfe\xa5\xb88\x13q\xcc\xa5\xe5A0kLQ,\xcb?\xcd\xed\xf2\xd4\xfd\x9f%c\xf8`\x08A\x1b\xfd\xc3^Kg\x9ct\x8d&amp;\xee\x11;\xbb\xdf\xfc\xcdw\x13\x13M\xe0\xbc\x03f\xde\xf3\xe7AG\xb7\nM\xacx\x84\xf3f^\xd23O\xde\xc5}\xe1\xc4\xc4-\xe2n\xc59\xccD\xbb&amp;(\xf5\xb6\xd0\x8d\xb63\x8a\xd8\x98\x13\x9d\x89\x13\x9e\xcd;\x81\x8d\xe3\t&gt;p-h8\xda\rUm\xe1\x1cLPB\xd7\xbe\xb0\xdc\x89\xbbqod\x9c\xb8&lt;\x94\xfb8\xcb\xde\xfe\xab\xfey\xd1t\xb8\xc1#m\xd1\xe2vz\xfe\xa2N\x1f\t\xb7~\x04h\x82\x80rw\xfd]\x1cy\x8b[\x8br\xe5\xb4\xfeu\xb0F\xc4\\\xf5\xcc\xc54`\x11\xd4\x18\xfd;\xb8&amp;-\tw\x9fD7X\xb7#c\x05e\xf4_C\x9a\x890\xe6\x04\xa09:*a\xcb}\x03u\x7f\xe6+\x0f\xf9\xcf\xcaX\x96e\x9eG\xe4\xc26\x17\xc5\x80\x1f\xe3X\xfe\xcf\xb9]#\xee\xf1\xe9\xd6L\xfcMk\x01.\x87m\xc3qY\x1eWz\xed\xdf3p\xe71\xfd\xf2\xdeG\xff\x13^4\xb9\x91c\x9e\xf0\x9c\x98\x98\xa8\x04\xce\x01\xf4\ti\x98\x0b\x8aw\xf17\xf4\xdc60\xb1bZ\xa3\x08n\xd4\xa43\xd1D\xd1\xd5}h\xb8\x1f\xee\xff\xb0\xd6\x928\xd0G\x91\xef\xc7Y\x13\x13\x13\x85!Xb\xca\xdc5u\x13p\x95\xfbo1\x7f;\xe7i\x85nP\x93BA\xd9&lt;\x9db\xb7\xa6\x98\x18\x12[~}\xc6\x8c\xab|\xbckk\x016\xb4\x1eX\xc7\xd1\xc1\xe8\xffr\x98v\x9c(\x89\x19]\'\xde\xb6\xebQi\xd7p\x94)\xe5\x1b\xab?\xc07\xb9\xcd\xa8{\x95\xd9/NLL\xa4\xa0\xf3\xb1\xb5"Xw\xb2\x95\x04\xc2\x0f\x94\xd4\xf7J65\x02\xb7T\x10\xf7\x97\x1b]\xe3\xdd\x870\xd7\x10BN\xd0\x90\x95\xa1\x83G\xc2\xacN\x13\x13\xad1\xe2\x98\x8a&lt;\x01h\xa5\x17\x9do\x8f\x13\x984T\x98\x8c]\xd3X%\r\x17!\xdb\xe7\x04zb\xe2\xe6\xf1\xfdWZ\xef\x98\x98\x98\xe8\x15\xe3U\x18\xdc\x8ePF\xcac\xa3\xfa\xc9\xe0x\x99\nO\xdd\x8d!*\xecov\x05c\x19\x98\xa3\xf0\t2\xe6=\xbe7\x81\xb3\x9eNwO\xdc4\x8a\xc7?\xa7\xff\x9d=u{\xd0\xfdU\xdbY_\xb2\x17\xed\x9f\xbf\xcd \x89\x8f\xed\xe9Ob\xba\xc1WZ\xdc\x14p\x80\x97\x13!Bg\xaf\xc4:*Z\xef\xa6\x9b\xc8\xc2\xd9s]\xf5\xa5l\xe8~\t\xe0D\x14\xb3g\x94\x05\xd2\xdf;\xf9\xa2\x88\x7f3\x83\xb61\x0e\x7fA8\x11\x10\xb1\xa6\xa7\xd4\xc9\xc6\x027\xfa\xde\x01D\x0c\xfb\x85\xfe\x1e\x80[4\xdf\xcd\xe0H\x96{\x10\xdb\x97\x13%\x84\x16\x0f\x0f\x9e\x980^Z\xdaJ\x8c\x82\x98\xcb\xa8\xc9\xf0[n.N\xa7\xe0\xed\x19m\xffv\x99\xa3\xff\xc6 \xc6x\xe5\\0\xd9\xa5\x05\xc9\xe0\xf9\xbb\x1ba&amp;\xc8\x04\x01\xb4\x14\xd57\xfb:;+U\xe7\xecVW*OT\xc0\r&lt;D\xa2\xafD\xbe\x04\x1e0M\x9a\x86\xab\xd8\xed\xc2\xe5B\x03\xc5_\x15\x8fU\xeb\xb7#_$\x96&amp;\x8aa\x9e\xf8gA\xb7U_\xa6\xab6\x01\xe8J\xeb\x89\xd2x6\xf1\x86\xaa\x89\t\x053`n\x1e\xa8\x8eG[\x0bS\n\xe2\xaa\xe5\x98\xeb\xea+5\x13\xf2\x98\xe1\x92\x83\xa1L\'S\xaa\x86Rybbh\\w\xe44\xe1\xc75\x9c\x8ep\x03\xa3\x7fY\xed\x98\xf3%\xab\xd9uM]\x02/\xd2Z\x80\x1e0\xcfH\xe5` \xeba\xf0~=\xfa\x81\xb9\x81T\x9e\x98\x18\x19\x18\xce\xd9\x89k\x02\x11\x00"\xf7/\x8e\x80\x05\x96\xb1\x15\x88\xa2\xf1=\x18vu\x98\xf7\x84p@\xbf\txbbt,\x81jE?.x\xed\x15\x9d\x89\x89~\x80\xc6\x7f\'n\x0bs0wsX\xbbh\xea0~\x0e\xf7K\xe2{[\x0b0Q\x07]\x1d\x82j8\xbc\xa6&gt;\xccxN\x00&amp;&amp;\xea`\xa6\xdb\r\xe2\xedM\x8f\x7f\x8a/\x0cn;&lt;.z\x9fkS\x8d\xba\x89(\xb4\xfe\xecA\xaa\x89\xcb\xe1\x9aE\xa4\x0c\xda\xdc\xd1\xd5KI\x9a\x98\x98\x98h\x80v\xb7\xd2\xf6;\xf0jy{\xf1\xca\xf7\x99\x9dZ&amp;\x19=\xdd\xb1m\x8c\xca\x8a\xc4\xe1\xdc@)\x87yx\xf5\x82\xc0\xed}IP\xd3\xb9;\xd3\x19N\x13\x13\x13\xb7\x88\xcc\xc2\x9b^B\xd7\xbbP\xba\xac\xbd\xad\xfa\x85c|&lt;\xfeM\x1a6\x10\xb0\x97\x93E\x9b\x7f\xa1\x17y&amp;&amp;V\xdc\xf2\x93\xb6&lt;\xcb\x03Xt7\xf66M]\x0f},\xf9LLL\xb8\x91\xb9.\xdbe\x87\x15\x94\xa7\xeb\x8a\x84\xfb=s=\x0by\x01\x14\x7f\x86\xec\xbc\tx"\x11]\x17\xa8\x82p\xdfI\x8c\xca\xbf%\x98\x96"&lt;\x11\xc2w\xcf\x89\xc1\xc4D\x078\x96\xff\x13\xb1\xf4\xf7\x16\xf9pi\xc1\xaeW%\x16X\xd6\xc7\x1b\xf5e\xd2\xab\xa1\xbc\xff\xa7\xff&amp;\x12\x81\x88}n\x8c\x16\x05\xa2\xfb\xe1t\xca\xae\xe8\xcd\xd9\xe4\xba@\xc4\xe9\xd0\x89\xa1A\x7f\xbaq\xe7\x90U\xc4\xa4\xd6]\x01\xdf\x8e\x1e\xc1%|7\x91\x82\nG\xad\xd4\x1d\x80Nn}\x98\x18\x03\xbd\x14Jy\xfct\xe0\xb7\xc5\xbdr\xd3Y\xe71\xc1\x83\xaf\xeeM\x7fN\x8c\x8d\xa4c\x89\x08\xf0\x07%\x84\xc9\xc3\xb2\xae\x8a\x0bm=\'o\x08\xd4\x1a#-U\xb9\xdd*F\xb1\xef\xec\x87&amp;&amp;j`\x94\x8a0!\x83.\x0f\x07OL\xc8`?@\xcc\x8a\xf0N\xd3\x011\xedH\xb4\\\x82W|D\xcc\xe9\xb8\x14\x8e\x08oYN\xc8\x0b={\xb4c-\xea&lt;\x8fh\xbe\txb\xe2\x04\xe2\xbc\xe1\xfevpn\xb1\xb6\x95cb\xa20X\x11\xde{:07\xe6\x16\xda\x04 \xfe\xd4\xbej\xa7\xa9\xd4\xc7\xfb\xe0\xca\x96\xd13me\xadPG\xb6\x12G\x80e\xf8\xce\x12\xbb\x8d\xf4j\x07\xd2.p\x13p\xbfs\xb8\x89\xe10\xcf|\xdc\x0e:^\xfd\x99\x98\x90\xc1\xb2\x84^\x7f&gt;\x08\xd6%|\\\x96dub#\xfbmQ;R\x116*U\xec\xb92\xf9\xf9]$z\xad\xdaF\xff\x05D2\x19\x95gQ\x18o\xda\xff\\w\x00p6)\xf6\xb9\xac\x87\x90\x88&lt;\x13\x13\x92\x98ay]\xcc\xbb\x9e\x00\x11\xe0\xa7Z\x0b11\xe1\xc6y\x10b;\xc8\xf4\xc3e\xb9HS\x15 \xd1\xf6\xd4\xd3J\xcd\xc1\xfd\x02\'\'\xbb\x95\xbf\x9f\x97\x91=VR\x8e@(\xd79\xf0T\x0e\xf3$\xf1%1zXNLLL\x08\xc2\xd3\xd3!\x00\xc0\xf3H\xf7\x1b\x90O\x90\xab\xa3_,\xfa\x90\x92\x12u^\x84`\xea\x04@\x16\x97\x1c\xdb\xf4`\xd8\x00\xde\xad\xb5\x00\x00 \x9e\x18\x1f\xe6\xa0\xa6\x85x\xa7\xce\x88\xa2\xe7H\x9aH\x86\xd6\xfd\xb4\x16fbbb\xa2%\x9c\xe3\x81\xa3\xef&amp;\x8e\x16\x88\x1d=\xea\x10\xaa\xc0n:%\xba\xef\x0bM\x00\xae\x88/\x98\x86\x05\xa0\x9c\x8d\xdb\xda\xf9\xcf\xbd!\xe7}\xd4\x91\xc6\xd8\xefk\xb7\xc3\xc0\x0b&gt;\x14?~S\xd4\xe5A\x89\xff\x89\x89\x89\x02\x98\xf5\xa7;8\xeb\xe1\xde\xa7\x9f\xa3\xfaX\xb5$y\xd6\x18\x99\xddZ\x05\xb6\x07\xa6\xb7f\x81\xd2`\r\\\xaf\x8a\xc8M\xc0\x8au\xdc\xf3faq\xd6\xdb\xde\x07\x9c\x93]/\x8c(7Ey\xaf\xbc\n\x96\x1d\xf4KF\x8c\xde\t\n\xa6gk\xa2\xa4\xb1\xa7\x1f\xb3`\xd7C\xf5EE\x84ZI*\xa7\x8b\x0eg\x9b\x8b\xae\xe0:\x94\x12\x1a^\\\xc9V\xb9\xba\\m\xc4\x96\x84\xe8S\x80\x0e+;\xcc\xb5\xa6\xe5%\x9e30abYR\x9fvp\x89`H\xebZ\xae\xd8\x1bMlX\x96/j-B\xd7\x90\r\xfe\x92}\xca\x15\nT\x138\xfb\xfae\xd1_\xaa\x15w\x9cv\xb6\xe7\xd9\xb3f\xeap\xdbC&amp;f\xaf\x14\xf9\xd9\xba\xcc\x81\xab\x13_\xa3\x04\xa0rL\xea\x7f\x8a\x10\xbf\xe8\x94}\xe2R\x98\xa7\x03\'&amp;&amp;&amp;\n\xe11b\x87\xfb\xafZ\xa2w\xcbH\xde\xff01a\xc21\x01R\x8fF\xcd3\xd0\x137\x85\x1b?x:111Q\x1e\xb8\xbf\xacj\x16X\x1b\xf3\xee\x97\x89\xc6\x983\xce\x89[D\xf0\xa9\x0bsO\xe0v0\x1d=1\xd1\x1a7ZooS\xeb\x89\x89\x89\x89\xd6\xf0\x8d\xf2\xe7\xb9\xa0\x1b\xc1\xf4\xb2\x07\xf7\x9f\xa7\x11&amp;\xea\xe2G[\x0b\xd0\tf\xd2\xdd\x1a\x10\x07~,~% \xc0\x1b\x00&lt;\xb4\xb5\x18\x13\xb7\x819.,\x88^\x8a\xdd\x9c\xe6\x850\'\x00\xb5p\x9c\x8f\x9f\x01ib\x9ab\xe2\xe2\xa8\x94\xf5o;j*\x8d*\xf7\xc4\xc4\x84\x03\x1d\x0cq6\x01\x06\x1co\r$\xeaD\x00\xee\x9bb3\x02\xb2Z`l\x8c\xca\xe5\xceP\xf98\x91\x85\xdf\xed\xa2\x02\xb7\\\xe9@\x1d%%\xc1\xe8c@\xbb\xc4\xbcsh"\x0b\x18\xfcs\xa26\x9a?Jx\xebn\x1e;\xce3\x0f\x10\xf5\xff\xb2.=:\x95\xa7K\x8a4\x91\x81\xbf;\xfc\xf8p\xed\xfb#\x14\xf9\xc3\xebZ1lI$&gt;z\xeb&lt;\x1d;\x18\xb0^\x07\xaf\xdcZ\x00\xe8n\xa7\xf3v\x1f\x88\xdc\x91\x13&amp;\xae\x01\xbbX\xcf\xf2=\xb1\xa3\x97\x93HQ(\x11\x9b\xfe\xb6\x8ay\xa6\x7f(\x18+\x83\xfd8Nt\x07\xa0\xcf\x98D\xfc~\xbf^\x9d\xb9cx\xd4\xb2\'\xbeB\xf1%\xf6\x04TMpu\x06\xd0\xdd\xc3\xa7\x10Q}\xc5\xe0\xc4-\xa0\xb4\xd31\xf1\x05\xe0k6\xceP\x9c\xe8\x07\x88\x98\xb1Y\x81\x88C\xecu\\\x1c\xab\x13\x81X[\x8caA\x0f\xeeCD\xf5\xa1\xe1\xd9"\xcdJ{\xe2\xb0\xed\x84$\xac\xc1uOF\xc6\xfd\t\xb9P!\x0b\xee\x80s\xc6Q\x9a\x17\r\x88\xf09\xc7F&lt;\xccBp\x83(\x1a\x8a\xcb\x92\x96\xed3\x0eC\xf0\x97\x8f\xedu6\xf3\x16\xea\x02\xc8:75\x9d\xd1\x1c\xcc\x9cp.U\xb6w\xa3\xf4\xd8i\x11+\xb6o1z\xcd\xc1\xc2\xe3\xd2\xa1\x8d\x93\x88_u\xc7D?\xa6X\xf6\x03\xb1U\x86\x1c\xbdm)\xf6#\xc9\x84\x0f\x85}T)\x00f\x98\xc9\x81\xe2\xb2\x0f\x9d\x06\xef\n\xb3\xd26\x07\xad\xf3=\x7f5\xcf\x00u\xe6\xc1\x02\xc2d\x11\xcc\xb0\xcf\xeb\xf64"\x14\x84uX\xab\xa7\xf8\xa9\x83\xce\x93\xa86z\xd4\xbf7y&amp;\x14\xa4\xe5L\x8fa\x06\xdf\xd0Z\x80\xeb\xa0\x97\xbe\xa4\x07\x19\x86A\x87)yC\xf0\x0cAL\x8f8\xc7+s\xec\x12E\x9e}\xael\xd8\x0f\x9f\xc13q`\xc6A\t\\\xd8\xaa\xc9\x13\x80B\xf2L\xac\xb8p\xc8\xf5\x8b\xbb\x173x\rW\xfe\x07\x14\xb9\x01nF]\x028\x03\xfa\xb1\'\x00r7Y\xb2\xc25\xd7&gt;\xef\xd4\xbda30L\xf0T\xc0\xb4\xc3\x86T+\xccHrb\x9a%\x0f\xd3t&lt;\xccx\xab\x8fB\x06/\xedJD\x84o\x92\x19A\xce\xa8K\x03oL?\xfc\x04@\x04\x1f\x8b\xf4mF\x11\xe3\xf4o\xdb\x89L\x8c\x92D\xfd\xe1\xb4\x9a\xa8\x05\x11&gt;\x99@\xea!\xd3a\x97G\x1d\x17_)\x90\xae\xa4\xcbMc\xad\xa8_\xc3.\xaa\xec\xc5Qt,\xa9&amp;\xec\xec\xcd\xc0c\x83&gt;\x01\x08\xb7\xbc\xa9\xb1\x8b\xa5lA\x0b\x0ca^D\xfc\xa3uR\xf4\xa1\xa1{H\xea\t4\x1a\x86\xf0r\xafP\xac&amp;eA\xa23\xa6\xcf\x06\x01\xcbG\xb5G\x123\x8a&amp;\x1a"\x10~\xdbO\xec\xe0\xbc\x0b\xe7\x12DD\xf8p\xb4\xbe\x9b\x03\xfa\x1a\xe0\x0c\xe8\xe7\x04\xc0\x8d\xa2\x16\x88\x10\xef\xc8\xec\x87\x9c\xfd\x884\x10\xa6\xdd\xba\x02\xee\x0f\r\x8c\xb4\xba\xe9\xc2w]&lt;c\xfdO\x1d\xff\xce(\x9ah\x08\xe7(?w`\x87\x08\xf0\x89\xb9"M\x94\x87w4\xef\x7f\x9c.\xb3\xfdM\xa0\\\xb8\x06s\xe1\xc8\xd0\x97\xefa\xf8xD\xc2L\xde\t&gt;\xba\x8b\x9b[_\xd8\x98\xa8\x17\x00\x17Y8QT\xf8\xfa\x0b\xa8s+@\xd9\xd1?\x1c\x0b\x93\xe9wse0\x9d\xe0\xc1=\xa0\xdf\x7f\x03\xf8\x18\xca%U%\x9e\'\xbev\xec\xc6\xef\xcd\x14\xbd\xc93\xd1;\x96\xa3\xecw\xf2.\xb4\xa3\xa8u"\xcfD}\xac1P!\x00\xaa1*\nE\x0b\xc4\x9cW\xc3N \x8a\xbf\xd6(\xc2o\xf7\x97:\x98\xcb\xf0 \xae%=\xf1%2|\xf5\t\x19d\n\x83\x88\x0b\xc8\xbf&gt;j8D\x87\xef\xb6U\xedK*\'\xfb\xd8\x05\x13\x11\x84^-\xda\xb9\x1dp\xbe?x\x82\x86;2\xf2A\xdd\x7f\x14\x9ez\xce\xf0\x9d\xa8\x80kD\xd9\xfe\xe2@\x00\x80\xd7o+\xca\xe0\xc0\x92\x87\n\x1c\xec\xe4Y-\xca\xbf\x1e\x9e\xfe\x95K\xbe8\x94+\\\xc2&lt;\x91\xcd\xe9\xd6@\xe9\x01\x9b\xf4\x92\x03w\xcd\xa2oW\xed\xd6\n7yz"\xfd\xdc\xa3\x14\x066{\xdafb\xb5-\xc8\x81-;aaz\xf3&amp;\xd1\xe7\x8e\xf9\x8a/h-\x00@\xa5\xe7Q\x84\x8e\x8e$pO&lt;\x081+\x00\x00\x04n\x03\xf0\xdb\xb3\xed\xf9\x1f\xa7&lt;\xadE\x18\x11\x08\xd3te\xd1\xe0\xde\x98Q\x1d\x9a\\M\xc4j\xd0\xbc\xe5w\xa2\x1b\xcc`+\x86F\x86\x1d\xc8\x9b\x85\xefh\x0c\x8f\x1d\xb9\x91O\x19\xb0ND\xe1p\xcd\x0f9\x1e\x04\xe4l\\YT\x0b=\xc80*\xfc\xa6\xeb\xdf\xa4\xa5%\xfc\xa4\xcc\xd0jR\x94F\xcd\x85\xb6\xd5\x84\xc2\x1d\xb1\xe0Y\xa3\x89\t\x15[4\xbe\xf2\x0c\xb3\xab`\xd0\xba\x9c\x85\xf8\xa3$\x05\x98\xdc\x99M\xaa\x8fak_\xb0\'\x00\xe7\xf0e\xfd\x8c\x08\xf7E\xf8\xd0\xae\x86\xfe\x13t\x94uV\xedx\xf8\xf7\x85\xe7\xfck\xc0\xff\x82\xa8R\xbf=\xf3\xc5\x8b\x96\'\xd9T\x1f\x0f|\xb2p\xe2J\x90\xbbQ\xecf\xa0\xde\xe5\xb9ft\x1d\xeb\xa5\xde\xeaz{\xb0{\xd3\xfcz\x9bP\xbd\xb1\xef[\'[\x81;\xd6\x99\x06\x9cP\x81\x15o\xf9\xbdR\n\xd7\xb4[\xb7\xb8#\xd6 c\xf2D\xabk\xea-\x8c\x13\x13\x8d!z\xa3\xd8m\xe04\xd7\xba|SkEj\xba)\x11\xe2\xf5V\xdf\xa4\x9d\xe0a\xd9\x00\x94\x9ep\xf6\x95\x85\xb1\x87\xf1\xaf[\x1b2\xad\xe1\xab\xab5C\xa2\xa3\xd1Z7~\t\xa3\xf3\xdaxG`\x0bi\xdf\x81\xc4\xf0\xddc&gt;\x90\x9b\x8e\xe1\xc8B\x98\xfb\xb9\x13\x97A\']\xc3eP\xe2\xc8G!\x17Q\x1e\xa0Tg\xf4\xd0\xcf\x88\x8d\x89\xed\tNN\x1b-\xc7,\xe1\xb6P\xdf\x8f\x9b\x85\xf1\xd5\x15!\xb0\x89$\x1a\xf6\xe4zB[1\xba\xc1:*\xcd\x1a&gt;U{\xcex\xd7KU\xb1\t\x00\x1a\x13\x00\xc1\xde\xa8\xea\x89\xc6\xdf\xea\xb4K0,0\x8fxNt\x82\xb4\x81\xd4\x16\xc0\x9f\\$\x86o-5\xf8\x15\xf2\xdd\xc2\x94X\xac\x89\xb2U](%\xa8\xd0\xf9\x92\xdb\x84\x01\x7f\xa45\x9e\xc8\xad\x82\x9d\xe1\xdd4\xa8\x8c\x91X\x13\x11Z0\r\xa0\xff\x97\x1f7t\x16\x191\xf9\x10Rw\x00\xa2|\xd3h&amp;\xceI\xba^\x16\xeaV\xb0\x89\xdb\x05\'1\xcd\x19\xact\xd5\xd3\x9e\x82"J\xb9w4\xd1\x97h\xe7\xe4\x1a\x9e\x08\x06\xa3\xdb\n\x92qQo\xea\x98\x8a\xdaA\x1e\x94C\x19SV\x16\xa6k\x1f\x15\xc51\xfd\xablvD|Ry\x8e\xcd6\'\xd4tb\xed\xc58\xf3\xf0\xf6\xf6F/\x00\x04\x9c\xa7Fz\x06\xf5.[T\xef\xa6B\xc4b\xf9\x88\x88\xcb\xbcE\xbb\x02\xc8N&lt;\xaaq\xe9\n\x8c\xf5\xee&gt;\x9c7\x97W\x82\x12&lt;\xd0\xad\xcd\x93\x07*\x85 \x9d\x08\x88\xf3\xe5\xf1A\xac\x9d\xcev\x96\xa7b\xa0V+\xad\r\xa0\xcd\xaa7=\x19\xcb\x8d\xb7\xb6\nxQ\xb4\xf1\xa3\x12r\x13W\xc1t\xe8\xd51k\xfe\x05\xd1`e=\x81W\x07\xcb\xff\x13\xcd\xd1,\x06\xae\x18x\x9d\xef\xfa%\xe3\xaazMLL\xf81S~b\xa2\x7f$\xf6\xce\xb3[/\x01\xdf\xb4\n\x11\xbftN\xb7*\x835\xb9\xb9\x995\xd4[\xd0q\\L\xef\xf00\x17\xb1\na.\x10\xd6\xc54\xf5\xc5Pkx=h\x92\x0e*v\x00\xc7\xce\xcfKX\xaa\xbd\xe4\x9ck\xb5\x00k\x8e\xdbm\x87\x97-\x98vm\x9f:Z\x18B\xc8\xe1p5\xabf\xa6\xc6\xcd\xcc\xf9\xd3\xd0\xb2\xd3\xea\xb6\x1a\xdf2\xa6G\xe8\xa8y\x13y\r.\xa28\x8fI_(\xcd\xfb\xbf\xf3\xfbv\xb0\xbd\x08l\x99\xef?\xb2\x8a\xf6\x08\xf7^`\x0f\x8f(\xee\x06\x82v\xe8\xdf\xf5&lt;\x1c\xb7\xe8&amp;S\x18!\xc8^\xb2Q\x1f\xdf\xc5\xa3\x14.\x8faf\xa1C\x08\xd9\r\x96\xa5\xd6\x93 \xeau\xe8B\x01\xa0&gt;\x1f\\\x86b\x17\xd8\xdfh\xd1\xb0\x93\xbd\x929\'4\xdc\x96k\xe7\xfa\xdf\x04\x11\x19q2\xc6mpC\x08)\x8b\xf3Q\n\x85\xf9\x14\xa6O\xc2(\xfe\x1dEN".\xa6N\x05\x88\x99K\xa33] \x04\xc7:\xc2QE_\xad\x8dH\xed\xf0"\xbc\xe6\x88\xdd?\xb7\xb1s\xf1\xd20\x9fLW\x01\xc3\x1b\x19\x11\x17\xf0.t\xbd.\x0c\x91\xbf\xe9\x18a\xcbN\x16\xd5\xc6\x04\xbd\x18v\x14\x17\x8f"\xe7\x848\x92F\xff\x9e\xaeG\x8b\xa2\x19QB\xd0s\x13\xb7\xc7\xaa\xc2\x08\x16\xa6\x0cQJ\x0ec\xfa^\x0c8\x96\xc3\xba\x95\xb0\x04\xc4\xeey\xb8u\x8c\x1f6\xc5\xe2\x7f\x1e\xd9\xec\x147Y\xf1\xfa\xc7tG\xd1r\x81\xd6\x87\x8e0\xccA\xb5\t\x00\xb8\xdc)J\xae:w\xb0Z\xaf\x0b\x1bJ\xaf\xd3\x95\xed\xb6y\xcf\xd7\xb5\x95\xa26rf{\xfdOy+b.\xdaE\xc0\xb6O\x7f%\xe2j\xb8\xa1\x95\xe6\xaf\x96\x9f\xd6J\x13&lt;\x90\xec\x94n\x93\x85%X\xe91\xf0b}\xe8\x08K\xbd{\x1a\x9a\xe3G[\x0b \x80\x8b\x95\xd0\n\xca&lt;\xf1\x9c\x00t:y\xeaS\xaa\x89\x89\xa2(6\'\xff\xf3\x9c\xe7g\x9f\x9f/\xb6\xd6\xd2\tn\xc6\xaa7\xa2f\x8f\xe0\x16\x96\x99\xec\xfd\xa0\xa4#\xa6\x8b;\xc4\xe3E\xa8\x84\\\x8b\nD\x98\x89\xa2[\xc1&amp;&amp;\xca\xa2\xd0\x04@d\xbb\xf5\x9dQ\x00\x00 \x00IDAT\xaa\xdf\xe5\x9e\xe1\xc4\xc4\x0cH\x02\xb8\xe9?\xbb\xe0n0\x1d1\x11\x80\xef\x08Ph\'\xa1\xe7M\x93\x19\xed\x13\xb7\x8cR\xf1\x9f\x9d\xf2{\xd1\xe8\xb7tL\xdc$f@\x12\xc0L\x7fO\x11\xba\xd1\xf9\x7f\xdb!x\xcf\xa35\x06\xd6\xc5\xa39\xbc\xeb\x07ra\xed\xdcO@\xf8[T\xf7\x1aX\xc4\x84\x04\x9b\x98\x18\x0b\xdc\xc8\x9f\x992\x10\x9a8+\x8bi\xc7\xc7D\x0b\xe0\xa6\x94\rbn\xc2+\xa8\xb0\xf3\x89?yuk\xbfH%\x05{&gt;\xd9~]\xb8\xce\x14m9\xd3\xf1Y\xa3n1\xcfZ4\xc1\xac\x1d\x9d\xc1\xef\x8b\x8f\x1d.AZ\x94\xc1\xbeo\xf4\xea\x0e\xb3\x9f\x1a\x12\x02.\x8b\xe4H\xe1\xee\xb8\xe7\xf3\xd8\xc3\xe1\xe6\xcc\x98\xfe\xbc\x82\xc3P\x81G\x8f\xb3\xf1\x02\x84\x97\xf1=\xa8\xf5\x12;Y\xe5q8fZ,\x01\xa4`CDW\x9b\x19\xa8\xfd\xe0J\xbeh\x95\xd1j_x\rK\x96\xc3\xac\xba#B\xa4J\x90\x89\xe0\xfe\x16\x16\n;\xea\xd3\xdcg\x92^\t\x88X\xd9\x89\xcc\x17\x81\xad0\x0f\xeb\xc8\x9d\xa3\xbc\x8b\x83\xd2\x0ck2nm\xfa\xda\x16f\xe0\xcf@\xed\x07\x92\xab\x12-\xb1etRh\r\xffb\xbb\x89\x89\xfe\xb1,\x0b\xad\xdf]\x16FJR3w\xd97\x17\xaeP\xed&amp;\xaa\xcf\x01x\xef\x01\x00\x80y\x9fm\x1e\n\x1a\xef\xa6\x1d\x13\xdbf%\xce\x8dH\xa9\xb7,\xcb\xb20GW\x15|\xf3\xe9\xe5Y\x8c\x83K\xf4\x87\x19\xa3\x7f\xb1j\xb0&lt;z\xcel\xa3\xe8\xa1\xf2\xf6 \xc3x\x10\x89m*\x91\x12y\xb4l\x98\xb3\xfd\x89\xf2@\x07D\x08\x7f\xedp\xa7r;\xc5\xad\x9e\x08\xc4\xc8\x9d\x0f7g\x90\x89\xb1\xf1\xa1\xf3\x08\xfe(\x10\xef\rS\xf0\x963N\x06\xc3-v\xd3\x13At~\xf7f\xb92w\x90\xddn\xfc\x95\xa6\x7fCh\xdf\x155C@\xe5+\x1b\xe4V\xdd}m\xdcl\x16\x0f\x07\xa5[l\xe7\xafv\xa1\xf2\x17\x8d\xf8\x8e\r\xa5\x9b\x9e9&gt;1\x01\xb0&gt;\xf9\xc7\xe8\xf6nx8\x9b\xfa\x10\xbdJ\xe6\xea|m\xf2\x86b\xe6v4\xbd1L\xb7\xf6\x0bD\x84\xa7\xe0\xfe\xb1}\'\xd5h(9\x87\xb0\x89PF\xff\xd3z\x13\xcd\xf1\xea\x9d\x06\xa2u\xdc\xa8G!\x0b\xa1y\xa7\xe2G;wl|\x1fNh\xd5\xad\xf5&amp;z\xc4\x0c\x98\x894t\x109m\xca\xdd\xca\xf4\xf3f\xd6l\x98v\x98\x18\x11Oh\xbc}\x19\x841\x05\xe8S\xc8\xdb\xc3\xab\xb6q\x04}\xe21cf\x82\x85[[_\x98\x18\x07\xd1:\xd6f9fV\xd7\x13\x88\xf0\xee\xd3\x14\x13\x83a\x80;\xc7\xd5\x12S\xe3\xe9~\xfb\xd3z\':\x04\xf2\x9e\xdc\x8c\xfbsT`\x88P\x9f\x98\x98\x980p\xf4\x80\xc1\xbaw\x0bO}\xbd\xae\x8e\x880;\xa9\x89\xeaHx\x0c\xa8\x00X\xcb\x06Z\xd5\x9bC\xf3\xdb\xc6\xfe\xc83r\xf3\x1f/(\xcc\xc4\x86{\xcf\xa5\xaf\xc6\x98\x9b]\x97\xc5\x8f\x13}\xdaa\xcf\xe8\x93&lt;9J;\xd4qbb\x82\x83\xc4\xe3\xe3?\xd4Q\xdf\xd6\xfdi\x81\x9eek\x82i\x10y(Y\xc02\xef\xf4\x858\xe6i\xb7\xab\xe2J\xc7_G\x97\xbf(\xe6\r\xc1e\x81\x88\x7f\xd3\xfb\xb0\xed\xb20\xec&gt;|-\x93\xb8e\xa2\'#\xf4#\xc9D\x06^\xbav\x81\xa3\xcf\xe4\xf76\xdf=Kp\x11T\x1f#N\'\xd6\xc0\x85F\xff0c&amp;\x88Y\x18\x0bc\x8e\xfe\xfb\x81\xbf\x9c\xd1=\xb4\x0e\xc1\xdbTF\x99\x1d\x80nj\xfa\xe3{\x90\xa4\x07\x19\xba\x013\xaaG1\xdd(r\xb6E\x8a\x95j\x0e\x13\xaf2\x1e\x1d\x02\x97\x99\x00\\@\x85:\x98V\x9a\xa8\x07\xf7\xa1\xba\xfdVKo\x83ld\xde\xcdc\x16\x93\xf9\xb2\xfa\xd1\x81\x88\xa39\xb1\x8b;\xd2\xca\xa7\xea\xc4\x84\n\x04\x04\x9c%\xb7\x16\x98\x8f=\x98\x18\x1b\xd3\xdd#\xa0\x8b\xae_\x04\x8e\x9b\x80\x8f\xc15b\xb9w\x0c\x11\xcc\x17b}\x11\xebO\x1c\x18\xae\xe4\xf5\xb0\x9e\xa5\xa6\xea\xc4D\x15,\xc0\xbb\x11\x7f"\x0b\xcc\xc7\x1e\x8c\x03s\x17\xfd\x1a\x1b\x1d\x13\xb7\x80p&gt;\x8e\x10\xc3{\xa29&amp;\x00G\xb9Y\x96eY~om\x1e Q\x08\x18&lt;\x08\xb1\xec\xa8#\xcc\xc4\x84\x8e_n-\x00\x805k\x9a\xdd\xe7\xc4\xc4\xc4\x18Xf\xa7\xed\x00g\xbe\x87\xfb\xbd\x88\x8fZ\xff,(\xd6\x04\r\xfb\x1c\x96x_\\;\x97\xc5bL\x95\xec\xb7\x8e?\x95\xf3\x88\xc5E\x9f\xeb\x01\x97\xc3\xb5\xbc\xd9Gp\xaa)9\xf3ebb\xa2!X%H\x1bH\x9cu\xec\xaeE$\xbb\x1a\x8c\xc7C}d\x13\x11\x92\xfb\xf4\xab\x8e\xee\xe8\xc3\xe3\xd2\x03i\xa2\x85\xe3s\xcd\x83\xca\xa2O\xd9\xaf\xb9/91A@_w,H\xbc\xba\xee\x1f!\xfe\xddL\xea\x89\xfa\x98\xaf@\xba\x14\x12\x8fG+\xc3\x8c\x84\xcb\xd7ko)\x84\x10q]\xc6\xc5A_\x8e\xa4\xc6\t\xee5`DE,x\xbb\xe33J\xd5\xa1y\x89&gt;\x97\x9eM\x8c\x17\x81\r2a\x1bC\xca\t:\xaam:\x8d\n\x81\n\x82\x7f\' \xc7\xc4\x04\x1f\xcbr[C\xb7\x8b#\xcd\x95w[\x00\x96%q0$\xf0P\xee\xe1\xb0\x9d\x14Z\x86\x1d4+b\xe3\xfe\xcf5\xbc\xe8\x19\xfd\xafQZg\xeb\xe3\x1d\x05i\xa1\x0b\x00_ \xc8B\x18\xd7\x08\xa3\x89\x1d\xc3N\x00\x86\x13xbbb\x82\x84~NqP%\x19\xb2\x13\xb9\x11\x1cs\xb8\xcb:\xc89\x90.\x99AB\x94]\x12\x0b\x0b\x8d\x88\xaf\xd7G)\x19\x07\xb7c\xaeQG\xff\x9d\xf4\x8e\xb7\x81i\xeaz\x98\x81=\x01p\xde\xf0\xd8\x1c\xc4\x81T?3\x96[B\x0f\x06\xefA\x86\xfa\x13\x00\x12^\x84{\xc1\xb2\x9d;\x93\xc4\xa8\xbbX\x15\xf1\xc7\x88wU\xcc\x84\x08\x0b\x08\x9c\xfcn\x04\xd69\xd1e\xcc\xc7\xee\x16&lt;N\x8f\xf3Y\xd1:\x10aY\xd6 \xc1\xfd\x04\xe64N)\xcc\xc0\x9b\x00\xe8&lt;\x0e\xd6:\xe0\x10\xb0\xaf\xdb\xb7\xae\x8d\xedh\x7f?\x08\r$\xf6^\x15\xaa\xf5\x1d=\xdc\xf6\x10\xbf\x07`\xd1\x01\xdb\x11\x1b\xd99\xc0&lt;\x06\x1a\xc1\xcb\x02\xa8\x8b\xca=\x84N2V%\x8eu\xfd\xe8$x\xd6k\x15\x87\xb9\x9a/\x1e\xf4\x83e?G\xbe\x87Vcy&amp;&amp;&amp;j\xc2\xe8!\xd4\n\x80\x88\xf0]7R\x11:S\xb3\x9b\xdb{\x8e\xd5v_\xa7Y\xa13u\x0cc\xba\xb0M\n\x8a\x18\x0bo\xf1^\x1e\x1eF\x19\xf3\xc5\xe5|\xc3c2\xf3r\xa3(%\nSe\xa2\x11\xba\xda=\xec\x10\xd32\x9d\xe3\x1d\xa7k&amp;\x04\x10\x89\xa2\xa3\x08\x18\x05!\xad2\x8cQR\x86&lt;([\x03F\xa7\xf9;.WV\xea8\xde\xc4\xe8\xbe\xbd\x92\x94\x15\xa3O\x84\xed21\x0c&gt;\x89\x18\xc1\xb7\xbb\x92\xad\xc59y@\x8f\x16j\xc8:\x1a\xa6e\xca\x00\x01\xfe!\x9b\xc8\xabL\xd7L\xd8`\x15\xb4G\xc5\x1a\x9f\xd4$\xaa\xe5(\xc5\xb6\xdd\xc0i\x00\xcb\x10\xba\xce:.\x8e\x04\xe4(\xc1V\x04\xbai\x867\x81\xe1\xcb\x9b\xf2kkM\xfb\xb1s$\xcfcU)rA\xb4\xad\x94\x1a\x12xr\x1d6\xfd)&gt;q`\xe8\xda&gt;\xa8\xd8\xdd\x83Y\xaf\x08\x8d\x99\xd5\xd5\xbaZ=\x89\xa0_\xfe!\xbd\xd6\x96\x0e\x0b~G8-\xf3\xa8\xb6\x86\x8a\x04\xe4\xf6\xfd\xf9S\xbf\x0eeK\xb6\xeb\x1c\x9f\xb87\x8f\xe3l\x19\xec\xd2\xd3\x85^\xd5\xd0V\xd3j\xdc)\xa3\x19_\x1bW\xff\xc4\xeb\xd2(M\xa9\x9aTAo\xf2L\x94\x86\xedqn\x0c\xf4\x143\xfdHr\xb5\xddr~\xb1\xa2T]\x00x2\xbf\x186\xac\x9c\x02C\x8eZ|\xbb\xeb\\\x06A$\x1a;\xec\xb5}H\x9c\x00\xc4\xd4\xc34\xe2\xb2x\xd7\xec\t\x805\xd5C\x14\xbf\xc3\xe1*\xd5\xbf\x00\xeaM\x00hq\x12\x1a\xd9\x83\xf4(\x878O\x98\x98\x98\x18\x163\xc1\xa9\x08Y\xc9\xb4\xa1\xbaTW\xd5\xb0\xba7\x13oT\xa8(\xf3\x0c&lt;\x1dd\xe3\x07\xec\xd6gF\x8bISS\xbd|F"r\xaa*7)+\xab\x14\xd59\xde\x12(qR=\xa5\xfb,%\xe5pk\xfa\x16\xc1\'\xee\xeb\x14\xb3b\x8c\x81\x19\xf0\x990\'Q\xc6\x9a]\x13Q\x9e\x91\xce\xba\x9e\xc0\xfd\x15[\x04\xd8\xc4\xca\xa2\x90x\xa9\x945z\xec\xc5\x04\xa5AD|&lt;Q\xbd\xf6V\xc8\x14`\x80S\\\x13\xb50l\x0c\xbcA\x17;rQ\\c\x02\xd0T\x0bu\xf03\xb6\x19\'&amp;H\xb0\x02\xbe\xf9\x04`\xdd\x82\xa8\xc9\x97\x83sHC\xab\x12\xb5t\xd9M\x97X\xbbz*zz\xec\xc9\x8a\xd4L\xc7.,\xcb\x07\x02\xbcUk\x19\xae\x04\xa9\t\xd5D]\xf4T\x1f=x\xc65F\xae\x8d\xb5\xf8;u\xa3r\xa2wL7e\x02u\xac\xdf\x01&lt;\xbfQ\nt&gt;\xfa_\xe3\xed\xb5\x81\\"\xaa\x9a1i\x02\xd0\xef\x92G\x81Y\xe8G\xb6R\xb3G\xfb\xd2\xd0d%\xa0\njk\xf4\xb9\xe2\xf7?x\xe0\x8e\xb4k:\xb1\x1e:\xad\x92\n:\x17\x8f\x84\x02E?Y\x8a\n\xd9\xda\x7fP\xd5\xc0\xab\xdf\xb6\xfaMaM\x00\x1a\xfab\x93\xe1\xb3Z\xa7\x7f\x00\xcclm\x91\xda\xc9\xa3\xff\xde\xaaP\x91\xbd \xea\xd1\x1ba[\x8c[\xe5\x11\x11&gt;\xba\xad\xe4\xf2\xdc\x1b\x85\xfb\xb7\xd4a3h\xa4\xf5\x8f\x1e\xab\xa4\x86~;N:Z\x8fB6\x19\xbc\xbe\xfeB9\xd9\xba]{\xab\x8b\x1bW?\x13\x96\xf5\xd2\x17\x80\x11\x11\xe01\xb2\xe2eHR6*\xd2\xb8\\,[u\x83\xdf\x0e\x08[7%\x88v\x8e\x1e\xba^\xeeB\xf5\xed\xc5\xee\xc4\x08\x981yE\x14\xa867\xd8\xfbN\x88\xe2-\xb6[?!\xe9Yj\x9c!`\xc1XE\x0b9\xc4\xe8\xec\xd8\xa4{\x18#\x89A\xb1v/%(\xc9#\x8f\xf4_\xe5T\xad\x84\xb2\xcf\xe9\xc5\x82c#m\xf5b\xf6\xa3\x13\xcd1#\xb0(\xba\xe9z\xc5e\x98aS\x1e\xcf\xeb$x\xb8\xa0\x8b]|)\x97\xb66\x9f\xc2\xdd1\xfaO\xd7\xe2\xdb\x01\xfe\'\x85\x1d]0\xf5\x8bT\xa9:\x05\xc1\xa1Y\xe4\x13\x84a\xc9C\x984:\xc3\xe9j~\xbc]\x8c8\x01h&amp;\'"\xbct\t\xd6=[&gt;_0VWQ\xcf\x0e\x1d\xdb\\\x1e\xf5\xcd\x9b\x8c?M\xf1\x0b\xbb\xa7\xe4\xb3\xb8q\x1c\xc1\xd3\xcat\tE\x92\xd5\xa9\x15\x9f\x00\x00g\xe8\xcc\xa5i\x8e\xe4\xbe\xb1\xec\x0e\x00]6\xf8\xcdk\xe7\xda\x91\x14\x115\x89\xae\xcf\x98\xc5\xb1\x02\x18\x1d\xec\xdc*8\xc9^\xdb\xa7\xb7\x84\xc3\xb5\xbdO\x00^o\x17\xaf|\x99vB\xcd\x93\xdem%\x87j\x9a\xd6\xb6g\xa3(\xba\x19$\x1bv\x8cY\xca\xada\x1d\x8e4L\x99\xe0\x18\xc5\xdb\x9e.0\xb7}?p\x8c\xfe33h\x90\x95\x82&gt;\x80\xb4\x92EuM\xf5\x08\x8cN6HyqG\t\xd1&amp;\x82\x10\x8e\x92eY\x96e\x91\xa5)\x89_\x80\xe5\xd9\x00]T\xa6\xddJ\xa3u\x15\tXU\xadP\x92j\xc7\xde\xf2\x13\xc7\xc7\x11{\xfd\xae\x91e\xce\xe5\xcc/2\xbfdf\x13\x0c\xf4\xd19Pbkm\xb3,\x10\xe9\xd2\xbe\x0b\x01\xb6\x89\x8d\x98|\xad\xb1\x1c\xff\xa4\x93\xb0s\x10\x01\xee\x94E\xf3\xa2\xd8G\xcet\x83\x7fc\xf8\xe7\xea\xc3\xb0e\xe3\xe8e\xba\x89\x13\x96\xaa\x8f\xda\xe0\x05v/a\x0c\xeb"\xbd\xea\x06D\xac?l\x92\x02\xa2?\xe0\xa2\x97n\xc5\xba\x81\xeeq\x9b\xb7\x8f\xb4\xbd\xf3\x13\x13C\x9c \x9dmY\xa6\x88\xb0,J8As\xdf5\xc1\xd0\x01\xd3(8\'\xda\x00\x11\x17\x80h\xdfaG\x05"\xdaA\xb2R\xb3\xc7\xfeE\xc2\t\x11\xcaT\x18c\xf6RB\xf8\x99eN\x10\x87"\xaa\x83\xaej\xc3\xcew\x00\x866\xfa\xb9u\xb4|\x98\xf2u\xe7\x0b\xf6A\xe4\xaf\xb7\xb4Q=f\xf3u\x9f\xbc\x9a8u\xb0*]]\xaf\xb2\xe1\xbd\xab\x83\xca7\xe5\xb8\xf5\x0eYC\x8fZ\x95z\xc7p\x01j\xaf\xacg=,e\xa3F(\x0b\xd62\xaa\xe3\xee\x05\xdc\xd7\xd4*\xe1\x93\xa1Pf\x94\x1f\x064\xb8\x01T\xe0 SyP,\x7f\xbd\xf1@IH\x1db\xbb\x10\xc6=\x9b\x18@\x8e.=\x9b\xa2\x13\xd9\\\x19\x94\x15B\x05"0\x8d\x94\x98\x00\x1f\xa5\xdc\xcbq\xb1\xfc\xea\xa0~F\x8d\xf9e\x95\x04\x99h\t\xe1\x9c\xcaJR\xebB3\xf9\xdbgM\x16r\x8bX\xe0)O\x8a}\xea\xd4\xc9\x8b\x15\xe4j\xc7\xcc2\x8d\x86Y\x0f\x8f\x92\xc0\xf5:\xe3\t7\xa6\x7f\xcb\xc2\xac\xe6\x99i%?P\xee#\x00\x06\x98\x00\xf4)U\x0cQ{\x0e0\xde\xca\xea\x0e\xfbVmL\xe4%\xa9\xbd\t\xf0\xd2\x07\xd9\x1c\xa9x\xf8\xc5R\xbc\xf2\x8aX\xe4\xda\xbau\xb2\xfb\xca\xd0\x07l_d\xfa(g\x02\x90\xb0\t\xe5&gt;-\x8d\xfb\xed;s\'\xb9c\x</t>
        </is>
      </c>
      <c r="E767" t="inlineStr">
        <is>
          <t>&lt;class 'numpy.ndarray'&gt;</t>
        </is>
      </c>
    </row>
    <row r="768">
      <c r="A768" s="1" t="n">
        <v>766</v>
      </c>
      <c r="B768" t="inlineStr">
        <is>
          <t>steps_per_sec</t>
        </is>
      </c>
      <c r="C768" t="n">
        <v>8600</v>
      </c>
      <c r="D768" t="inlineStr">
        <is>
          <t>2.9986115</t>
        </is>
      </c>
      <c r="E768" t="inlineStr">
        <is>
          <t>&lt;class 'numpy.ndarray'&gt;</t>
        </is>
      </c>
    </row>
    <row r="769">
      <c r="A769" s="1" t="n">
        <v>767</v>
      </c>
      <c r="B769" t="inlineStr">
        <is>
          <t>Loss/RPNLoss/localization_loss</t>
        </is>
      </c>
      <c r="C769" t="n">
        <v>8600</v>
      </c>
      <c r="D769" t="inlineStr">
        <is>
          <t>0.10116579</t>
        </is>
      </c>
      <c r="E769" t="inlineStr">
        <is>
          <t>&lt;class 'numpy.ndarray'&gt;</t>
        </is>
      </c>
    </row>
    <row r="770">
      <c r="A770" s="1" t="n">
        <v>768</v>
      </c>
      <c r="B770" t="inlineStr">
        <is>
          <t>Loss/RPNLoss/objectness_loss</t>
        </is>
      </c>
      <c r="C770" t="n">
        <v>8600</v>
      </c>
      <c r="D770" t="inlineStr">
        <is>
          <t>0.009099942</t>
        </is>
      </c>
      <c r="E770" t="inlineStr">
        <is>
          <t>&lt;class 'numpy.ndarray'&gt;</t>
        </is>
      </c>
    </row>
    <row r="771">
      <c r="A771" s="1" t="n">
        <v>769</v>
      </c>
      <c r="B771" t="inlineStr">
        <is>
          <t>Loss/BoxClassifierLoss/localization_loss</t>
        </is>
      </c>
      <c r="C771" t="n">
        <v>8600</v>
      </c>
      <c r="D771" t="inlineStr">
        <is>
          <t>0.13079679</t>
        </is>
      </c>
      <c r="E771" t="inlineStr">
        <is>
          <t>&lt;class 'numpy.ndarray'&gt;</t>
        </is>
      </c>
    </row>
    <row r="772">
      <c r="A772" s="1" t="n">
        <v>770</v>
      </c>
      <c r="B772" t="inlineStr">
        <is>
          <t>Loss/BoxClassifierLoss/classification_loss</t>
        </is>
      </c>
      <c r="C772" t="n">
        <v>8600</v>
      </c>
      <c r="D772" t="inlineStr">
        <is>
          <t>0.097488225</t>
        </is>
      </c>
      <c r="E772" t="inlineStr">
        <is>
          <t>&lt;class 'numpy.ndarray'&gt;</t>
        </is>
      </c>
    </row>
    <row r="773">
      <c r="A773" s="1" t="n">
        <v>771</v>
      </c>
      <c r="B773" t="inlineStr">
        <is>
          <t>Loss/regularization_loss</t>
        </is>
      </c>
      <c r="C773" t="n">
        <v>8600</v>
      </c>
      <c r="D773" t="inlineStr">
        <is>
          <t>0.0</t>
        </is>
      </c>
      <c r="E773" t="inlineStr">
        <is>
          <t>&lt;class 'numpy.ndarray'&gt;</t>
        </is>
      </c>
    </row>
    <row r="774">
      <c r="A774" s="1" t="n">
        <v>772</v>
      </c>
      <c r="B774" t="inlineStr">
        <is>
          <t>Loss/total_loss</t>
        </is>
      </c>
      <c r="C774" t="n">
        <v>8600</v>
      </c>
      <c r="D774" t="inlineStr">
        <is>
          <t>0.33855075</t>
        </is>
      </c>
      <c r="E774" t="inlineStr">
        <is>
          <t>&lt;class 'numpy.ndarray'&gt;</t>
        </is>
      </c>
    </row>
    <row r="775">
      <c r="A775" s="1" t="n">
        <v>773</v>
      </c>
      <c r="B775" t="inlineStr">
        <is>
          <t>learning_rate</t>
        </is>
      </c>
      <c r="C775" t="n">
        <v>8600</v>
      </c>
      <c r="D775" t="inlineStr">
        <is>
          <t>0.03955402</t>
        </is>
      </c>
      <c r="E775" t="inlineStr">
        <is>
          <t>&lt;class 'numpy.ndarray'&gt;</t>
        </is>
      </c>
    </row>
    <row r="776">
      <c r="A776" s="1" t="n">
        <v>774</v>
      </c>
      <c r="B776" t="inlineStr">
        <is>
          <t>train_input_images</t>
        </is>
      </c>
      <c r="C776" t="n">
        <v>8600</v>
      </c>
      <c r="D776" t="inlineStr">
        <is>
          <t>[b'1024' b'1024'
 b'\x89PNG\r\n\x1a\n\x00\x00\x00\rIHDR\x00\x00\x04\x00\x00\x00\x04\x00\x08\x02\x00\x00\x00\xf0\x7f\xbc\xd4\x00\x00 \x00IDATx\x9c\xec\xbd{\xfc~\xcfT\xf7\xbf\xf67R\x91\x12\xa9P\xe2v\x8ePJ\x11r\xaaD)\x89\x92\x94\x08)\xfctK"\x89r\xa8\x9b(\xe1F\xe4X\xddH\n\xd1Q\x07\x89R\xe4\x16!\x95D\x07\xb7\x90J:\xad\xdf\x1f\xd7\xb5\xf7\x9e\xbd\xf7\x9cg\xcdi\xef\xd7\xf3\xa1o\xef\xcfu\xcd^\xb3ff\xed5k\xcd\xcc\xde\x17\x1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7\x99k\xab\x00j\xb3\x1f\x1b\xd8MCT\xd8D\xb48"\x9e\xc4.G\xff\x96\xf6\xdaM"-J_\xd7|a\x01\xe736v\xfe@[\xc6\xae\xc9X@\xd7\t\xe3W\xda\xf2c\x8d\xbc\xfa\xcaR\x9d\xbd\xc0\xb6\xae\xc5%\xa6\x91\x9a?4)\xe3\x1e\x88\x95X\xefN\xf3\x85\x99\x89~+\xc5\xb03!r\xdf\x8d\x17\xdeF\\=\x00\x00\x88\xa6-o\x0b\x00PYE\x1e\x9e\xe1\x9a]\xe0)\xe8\xff\xeae\xf0g\x92\x1c\x17\xfa\xf8E\x96[\x99\xc6\x1c#\xa2\xe1\x1b\x9d\xb5Mp\xb7\xcb\x12\xffi\x9b\xb9\xadW\xeddKOn\xbe}\xa1\xae\xd4\xed\x824\\\xeb\xa3j\x1b2\xa6\xab\x96*\xff\x9c\xeb}\r\xcf9\x8f\xa2\x0c\x13=\xdc\xb3\x96\x9c\x9co\x9f K\xe6\r4`\xc6\x04\x00\xec\x02^/\x01\xee\x89\xbd\xb6\x0b\x1c\x8b\x88\xd8\xd7.\xcf\xfc\xb7ce\xda\xb7\x02\xdf0k\x11&amp;\x8e\x7f\\*\xaav\xed\xb7j\x0c\xaa)\xcf\xe3\xaa\xb9\xa3{\x15\r5r\x9c\t\xc0\xf5\xe7\x7f\xda{f\xfd\x95M1V\xfe\x1b@\xa0\xc3\xf7\xdd\x19\xd0\xb5\x8b\xa3\x95\x14B\x9f\xec\x05\xe5\x00\x9a\x04\x00\x00\x00v\xc1\xfdv\xed\xd4\xf6\xda.\xd0&gt;;\xb3=\x8f(yU\xda\xe1X\x16\xdb\x0ej\x1a\xb0-C\xdb\xc8XW\x9d\x8f\x1aJ\xf8k\x8c\xea\xe62\xbe\xbe\xf1\x99\xcb\x90Z\x17\n+\x0b\xf0\xbe=\xf9b\xa69?\xd1`\xeadw\xe7\x87\xc4\xbe\x9e\xc5\x96\x85?d)~\xfe\xdftI\xc8\xb9\xb2(4G\x9e\x82\x8cyu\xad\x90V\x00\x00P\x97\xbe\x9dZ\xa7j\x03P\x85\xf8\xfbE\xf1\x12\x9e\xeb\xc7\x8bb~\x1e\xc6T\xe6\xd6\x8a\x02\xc6P\xd8$s\xe9\xdf\xe6\xbf\x8d\xf1\xdc\x03\xd7e\xcc\xd5i\x1b\xf8\x17\x86\x8d\x94\xe9\x93\x07;z\xc3#kR\xd5[g\x1ar\x8b\xd6!Q\xb21s\xb3\xcb\xb7\xe8\x16\x11\xa3\x9b\x04\x111\xd1k\xc8eE.1\x8b\xce\xecv\xd2\x04\x00\x00"\xea|U\xa3S\xb5\x01\xa8D\xe8y\x8c\xcd\xba8\xd9\x97l\xb5\xd7\xfa_\xa2\x153_\x1b\xe2\xa94\x9aO\x0b\xcf\xc4s\x94\xbcP\xec\x07\x96\xf2\r\xeb\xd3\xdaUd5\xc7\xf0j\x94\xed`O\xc0\x00i\xc3Y\xa9\x04\xa0.\xf2j\'D\xff\xd3\xf5\x92\xfa\x00\x00@E\xfa\x9d\x1e\xfa\x02\xfd\xdc\x0f\x18&amp;\x13A\xc1\xd3o\x9f\xaf\x91\xb3|\x97(\xcb\xd2\xfe\xf6(\xd1\xa55\xd2\xfe}\xbcpJu\xbek&gt;\xb7\xb3\xd2\x84\xe8Q?\xeb\xf1\x84C]s\xf2\xe9\xfc\xdd\xf9%\xeb\x96B\xe6\xc6N\t\x06\x1c&gt;\x00\x00\x00\xa2\xd8\xf9\x00\xb3H\x06v\xdf\x9f\x91\xc7\x1b\xf2\t\x97\xc2\xf7v\x18\x8b\x19\xd6\xbf\xcf[\x01\xdb\xaf\x1e\xaeY8gEL\xe5h\x1e8\xa9\xeb0U;\x81\xdf\x06\x00\x00@\x9443\tN$7\x96\x13\x05\xd2I\x19Y\xf1\xf0"\xe2\\PJ\x943\x9d\xc9\t\xd0\xc1]\xdd\xfdx\xa5\x9e\xe9\x92en\xf0\xfa\xf5\xa7\x9b\x9ca\xf3\xf9\xc5\x1c\x9ad\xc3\xb7\xcf\x93\x1e\xba\xe8\x95\x94\x04`\x95\xe0E\xa4|\x06\xe3\x01\x00\x00pl\xa6U\xc9Z\xf5W\xaa\xf7\xb0\xf8\x9c\x0f\x89\x15\xdd@\x9c\x91\x18l}6os\x80\xf4\x16M\x12^b\x8d\xc6\xeeh\x88\xed\x8c+\xfd\xaa(\xe9\xce\x0f{\xa8t,\xf6dO\xb1Qe\x0e\xe7+\xcec\xfa}\x8b\x04\x80\xe8\xae\x15U\x02\x00\x00\x00\xfa\xe5p\x91\xc4\xcc}}\xd6\xb3SV+k\xe3\xfd\xb2\x1a\xdd\xa5\xa7\x18\xfa\xee\x9e\xe5\x83q\xac\xc5Z\x8f\x89\xfb*/\xaa\xb3^\xdb\xaf\xb4\x94\xf7\x94\xbbL0\xb4W\xfd\x95\x9f(:\xf4\xed\x1c\xc6o\xd7V\x00\x00\x00\x92\x80\xbb\x07 \x17;&gt;Sn:E\xb3\xfa\xa4\x98:\xc2\xe2\xf2\x9f\xf4P\xaa0\x1ea\nmW\xba\xbdE$T\xb9)\x90\t\xef\xf8&gt;\x05\x00\xec\x86\x0b\xa4\x05\x0e\xd2\x02\x01\x00g\x86a8\xcc-\xa6\x8d\xd3\x8a\xb5}h)\x80\xf3\xc9\x1c\xce\x05\x86\xffi_\xe8\xf7\xe9\xc0\xf9\xfaa\x18~e|4\xda\xe3B]}\x83\xb6\xc6\x8f\xc6I\xdb\x10\xacXLC\x82\xa3y&amp;\xff\xed\x16\x00\x00\x00\x00\x00p\xa2\x85\'\x16d\x89n\x91\xf7\x85\x99\xde$\xd3\xc8b\xb6V\x07&amp;"\xfa\xc7\xe0\x87nC\xcb\xbb/\xd9\xbe\xf2u_\xd6\x0b\x00\x00`g\xfc|m\x05\x00(LPdv\xd5\\Z\x84\xb1\x89/\x957\x17YJ\xeax\xb8\x94N\x150G\xd5&gt;a}D\x0e\x96?m\x03\x00\x00\x00*\xb0\x87)\n\x13\xad\x15tN\xdflBI\x91\xc8R\xeca\x80\x82w\x9fM\x07\xbb\x1a\x85\xc3\xf1\x02\x8f|\x00\x00@"\xe2\xcf\x00\x80\xbe\xd8\xc3\x81r\xc39\xe3\xe6)\x13\x1ft\x15\x84\xe0\xe9I-K\x03\x1f$\x0c&gt;D\x02\xab\x87\xda\xdf\x92\\u4\xb6\x07`l\xed\xa9\x14\x88\xf7\xea\x97\x00\x00\x00\x1c\x80\x8b\xd6V\xe0\xb0 \xcc\xd5\x80E\xd36a\xe6\xef8\x0f\r\x13\xdd0\xe8\xc2L*m\xabR\xfe\xfe\xda\x95\x0e\xe3\xa1\xfcPe\xe2_\xb9\x0bK\x06\x00\x00\xd02\x98\xa5z\xc7&gt;\x82\x18_\xe0C\x16;\xc9\xf2\xeb\x07Q\x8a\x14\xac\xe8\xfc\xd6\xa4\x06Z\r\x00\x00\x00\x80\xdd\xe2\x1dj\xf4\xb1$\xd9\x85\x92\xbb#\x8fm\xecd!\xbc\xf8+}\x98\x99\xe8\x1fK\xd6\x08\x00\x00\x00\x80}\xd2E(\xd6\x85\x92\x07#zDv\xf2 ,3\xd3sJ?@\\\xac:\x00\x00\x00\xd9\xf1\xd9\x17\x86\xeb\x07\x99\x80i\x11\xcef\x94d&gt;y\x1f/\xa0\xd4`\xb5\xf5\x06\xa1I\x1f\xdc\xb3\x00\x80|\xe0-@\x85\xc1{!\x00\xa8F[\xb7_3\xe1]\x96@s\xa0\x81\xd6/0\x8a\x91\x92\x1f{\xeb\x87A\xe4\xb5K\xbeL\xbf\xf6\x8d\xe8\x1f\x00\x00\x00\x00\xa9 \x9eh\x8c\x96Nzd{\x06\x80\xe8i9$\x1f\x86\x96\x8c\x04\x00\x00\x00\x00\xfd\xd0N\x00\xd1\x8e&amp;Y9H3\x9d\x08\x04\xaf\xe5\xc3\xdf\xa6\x8e\xe07\xa5\x0c\x00\x00\x00\x00\xca\xc3\xf4yG\x0f\x05\xfa8\xc1\x7f\xd4\x88\x8d\x99\x89&gt;%\x83\xcc\xb2\xfd\xd9\x85\x8d\x01\x00\x00\x00\xc0\xc2\x8e\xd6\xcfv\xd3\x10#\xae\xc1j\xe4\xa5\xf26\x9ay\xf3}y\xb0V\r\x00\x00\xa0K0{\x81\xbd\xd2\x81m\x8f\xa1\xf3\xedj+\x92\xc4\x8e\x12\x80\x1d4\xa1\n\xaf\x93\x13\xb5\x0fC\x02\x00\x00\x00\xc0Qx|\xf8%\xdd/!\xf3HmE\x04(\xdc\x8a}t\x1a\x11!d\x07\x00\x00\x00\x008\x10\xbb\x89\xfe\x0b\x83~\x03\x00\x80\xf2\xe0w\x00\x00\xd87\x08\xad\n1\x9c_\xe2\x9e\x8f\xab\x89J\x83a\xd4b\xd1\xf3H~\x00\x00\xe0h\xc4\xf8}\xcc\x16\x00\x80\x04x|\xd1\xcd\xe4I\xce?\xd9\xfb\xe5\xcc\xf4\x9bp/\x9e=\x80]\x0b\x00\x00\x001&lt;\x1d+p\x00\x80bL\x0f(\xbfyzV\x81y\x8a\xfe\xe7O\xca\x1f\xc8\xd9V\xd7\xfc\x83\xd4\xd6\xa7\xbd\x9b\xd6\x1c\x00\x00@M\xb0z\x04\x00(\xc5\xf4|\xf2\xc9\xed\xf0\'*\x11\xff\xe4\x8b\x98W\xc5\xc0\x89\xcb\x9a\x02}\xf4\x15\x00\x00\x80\x00tsF\x8eY\x043\xd3\x04\xba\x02\x1c\x17WX\xcf\xdb\x92\x88k}\xf0\x7f\xe5+3\x13}on}\x00\x00\x00\xb4L\xeb\xbb\xdb\xfb\x03\xd1\x0c82\xe7\x80\xfe\x19\xee\xbb\x00\t\x80\x99\xf8\x0eA\x97\x02\x00\x00\x00\xe2`Zu\x82.:.\x11\xd1\xe7|\tb\xd63)\xfd\xa0^\xfb)\xa9\x8a\x00\x00\x80\x10x\rhu0\xc5&amp;bz\xf1":\x96\x88|\x1e\xe9DG\xed\x96\xcd\xd8[\x93\x81\xf5\xdb\x81Z\xb6\x8c\xc2\xaa\xa9N\x86\xe9)\x01o\nZv\xf6\xfb\x05u\x02\x00\x80\x14.T[\x01\x90\xf5\xc5\xe1G\x06\x1d{\xc6\xferzf\xca\xfb\xf2z\x90\x04KY\xb2W"\xb8,\x92\xf9g\rR\xa8\xa3\xd8\xa9\x0f\xe3z\x85\x99\x07\x82[\x02\x00\xb4Bk;\x007\xac\xad\x00\xd8\x1d?\xd1\xf0:f~\x9c1\\#A\x1eNH\x1b(5:\xcc\xc3\xb0\x0em1([\x86\x80(~81m\x04\xa07\x01\x00\xa0\x03\nL~\x98_\x0b\x80N\x06\x87am\xea\xacC{\xa1\x89\x02J\xef\x9b\x87\xa03\x01\x00M\xd2\xc4\xe2\xdfaa\xe6F\xd6_\xc3\x11;\x99\x00\n\x82Q\xdb1L\xbc9\x9e\xb2\x89:M\x0b\xd8\xa6\xf0\xb4[\x07\xd5\x08s\xbf\x0e\x7fO\xf4\xe9\xe8L\x00@+\xb4v\x04\xe8X\xf4&lt;\xb9\xf6\xab\xf9aA\xf4\xbfo\x06\xcd\xf0.=\xcc\x95O\xc5@A\xe6\x11@\xf4\x0f\x00h\t&lt;\x04\\\x9f\x9e\xf7\x01\xba\x85\x99\x9bO\xc0\xa4\x0ccZ\x84l\xbb\xb9 \x1d\xdb\x007n\xed;\xe5\xd4\xe7\xf0\xf0\x00\x80\xe60\xee\x00\xe0\xd8b107\x94d\xb2jk\xb77a\xf6R\x86\x01\x03\x03q\xc0r\x96\xbc4nBD7\x02\x00\x1ad\xeb\x98\x98\x99\x06\xc2ja\xc7x\x04\xb8\xc7e|\x19\x9f\xfd\xcd\x98\xfb[\xb1\xc3\xf9\x9f\xe3\xe2g\xcf\x9a\xe0vww\x81\x0f\xc6;e\xe9:\xce\xdd\x15\xf2R \xbcs\x17\x00\xd0\x10\xf3\x0e\xc0\xb4\xe2?l\xdf\x06\xb7\xe6\xd7\xb13\xd02u\xa7\x98\xa6mC\x99\xb4\x9dE3\xabR\x18\x84\x1d\xc7e\x18\x06\x0f{^[\xc8!\xa3\x7f\xb2\xdc)\xea\xcc\xa88\xb9\x80^\xe2\xc6\xdd#\x00\xe0\x80\x84\x1e\xf8\x19\x0b\xe3\x8c\x90\x04IG\xadJ\xf7?3S\xcf\x83\x0e\x8b\x05\x07\xe4t\xdb\xda\x8d\x1f/\x00\xcd\x0c3\xf3\xef\xa2c\x01\x00m0\xd0\xe2\x19\xc1\xa0%\x1f\xe5\x05g\x07]+\x12 \xb6\xf3\x01\x00G\x84\x99\xc3\x8e\x9d\xa8Wz\xbf\x06TW\x0c\xa7\xc8R\xd9\xe3\xd9B\x00@\xaf\\`\x08@}V)B\xcb\x03#)\xb3\x02\xd6\xea|AG\x81]\x10i\xc8\xc30\x0c\x83&gt;\x88_G\xff\x9bb\xd8\x12p\xf0&gt;\x9fB\x88\xfe\x01\x00\r\x91\xb2\xe1\xdb\xcc~q\xafS\xd3\xe9\x18\x95g\xe1G\x1b:\xd9\xaf\xff\xdd\x15\xd5\x1e\xc4\xdcT\xb7R\x00\xfa\xe5\x8b\x12\xae\xdd\xff\xad\x17\xe4\xc9\x01\x00\xa0\t\xa6\xd3\xfc\xd1\xd7\xb6\x91\x03t\x89P\xa7y\x06\xf7\xee\xba\xda\x1bG1e\x1akW\xdb\xa0\xaf\x80 \xcdy\x15yv\xdf@\x00\xc0\xfe\x88\xf8%\xe0\xc9\x9b\xaf]\x1e\x9c\xe0\x88o?\x08\xec\x08\xf3\xe9`\xaeC\x8eq\xeb?\x9e+\x89J3!\xa6\xb3\xb6\xab\xb1n\xa7\x07\xe7\x14\x80 \xc3\xfe\x8f\xbe\xec\xbe\x81\x00\x80\x1d\x12\xba\x030E\xf9\xac#\x9b\x9a\xc0\xc45\xa5\x052\xbd,\xe3823\xd1U\xf3\xc9\x07-\x01\x87\x00\x00\x00\x004\x89\x12\xbb\x87\xcd\xd6\xd2\t\xc0\xaf%\\\x0b\xc4\xd0\x8ec\xff\xd9\x1dV\xfa\xd3\xe8\xde\x00@F`\x1b\x00\x00\xd0\x1fq\xe1\xbb6\xfa\x97\x9d\x06\x0e6\xa9\xfcFm\x05\xce\xf4\x1f\xebkA\x02\x90F\xe7?\xfe\x00\xf2R\xc26\xca\x9b\x1f\x0c\x1e\x00\xb0g\x065\xdaS~\xe7\xdc\x86%@\xc4Q\xc8&gt;ab\xaf\xa1\x17\xab\x0e\xc7\xcc\xfb\xe3t\xd7c\xe0\xc0\x11\xe0\xf1G\xc3a\xf0\x00\x80}\xb2x\x08\xb8\xe5\x15\x8f\xc6\x9f\xd7\xecq\xd5\xfc\x1d\xb3\xceC\xc1\xe8\x9f\x10D\xf6\x89\xf8s\xe4\x00\xb4\xc9\x9f\xd1\xcb\x88\x02\xcd=\xc7\x14\xd0\xe3\xb4\x02\x00\xe8\x86\xe5\x01\x1e/wc:\xff\x93\xd5[5\x7f4\xa5e\xdd\np\xf0\xe6\x1f\x81\x17\xe2$\xd5Ni\x7fL\x0fjx\x8d/{\x01\x00\xfa\xc6\'|\xe7\xcd\t\xe0\xf2\t\x00\xf0\xa7\xf7\x81\xe8]\xff]\xc3\x9b?@\xcf\xc4\x87\x98|\x9a\x17\xbc\x83\xd4\x04\x83a.\xf5\xdea\x00\x008\n\x17\xf2)$\xf1\xb6z\x1e\x06Z\xed\xa9j?\x04\xe9t\xdd\xa1\xa7\xe8\x9f\x99\xed\xa7o\x9d\x05@\x1eN}\x8e\xa78\xf6B\xe4M\xc4\xcc4\x0c\xd3\xba\x90\x8f\x90\x04\x83\xc1\x9d\x0e\x00\x00\xd2\xcc\xcf\x00X]\xec\xe2\xf8\xafi\x81\xd6\xe2\xa5\xb5?D\x95\xe1\xd7\xa9\x00Q\xe7k\xb3\xc30\x0c\x1e\xbf\x1c\x84\xe8\xbf*\xe8\xfcCs\x8a\xfe\xcf7k\xda\x9dxo\x9cr\x01\x00\x80\x1a\xcco\x01\xf2\xf7\xe3\xd6\x04\x00\x91A}\xb0:\x0e\x00h\x9f\x88\xd9\x07\x00\x00\x80\x08\x17LK8A\x07\xaf\r\xfe\x1aN\xbc\t\xca\xce\xa6X\xbd\x03\x00\xc4\xe3\xe3\xaf\xf0\x8c\x19\x00\x00\xc8r&gt;\x024\xe7\x00~N\x16\xbe\x18\x8c \xeb;\x0e\xe7\xc73\xa6\xbf\x01H!\xfd\x04\xd1\xfe\xc0\xdc\n\x00(\xc3\xfa\x19\x00\x0f\xdf\xb3.rq\xf8q\x00\x0e\xc1`\xf8;\x08\xc47 \x98\xc3L1|\x88V\x02\x00\x1a`\xfdZ\x9e\xf5\xd7CX\x01\x00\x00\x00V\xf0\x0e%\xa0\xe74\xc3\x9eg\xd5\xf1Qk\x00\x00\xc8\xc1\xe2\x97\x80\x87\x91\xf9#\xc3k\xfe5%\x01(\x01\xd6\x8f\x9d\xfc\x8a\xf6\x14\x01NQ7\x00\x86`\x7f\x88\r\xe8\x18\xfd\x9f\xff\xf9.)\xb9\x00\x00\x00\x008,\xcc|ID\x9fU\t\xfa\xc1u\xd0\x00\xce\xc1r\x0ee\xf0\xafd"E\x04\x00\x94\xc1\xeb\x87\xc0\x8e\x02\xb6\\\xc1~\xc1~]m\xa6\xc0\xae\xf4@\xe0\xbd\xc0\t\xd8\xfb\xcd\xd1\xabj0\xef7\n\x88\xfe\x01\x00\x85\xb8\xc0]\xe48`\x8e\x04\x00d\xc3\xe7\x17\xee@K\x04\r\x96&amp;v\x1f\x86\xcb\x06\xd5wJ\x18\xb0\t\x00\x00(\x00f#\x00\x008\x18\xd8\xed\x14\xe6\x1c\xb4o\x13\xbc\x90\x1f;\x9b\x84\x10\xa6f\x00@n\x9a\xdd\x01\xc0\x12\x08\x00\x00\xe4`\x1b\xfd\xbf\xa9\x8e"\x9da\x9c\x95\x9cK\xf6~\xd9\xd6\xf4j\rD\xff\x00\x00\x00@\xb3`\xa7\x1e\x00\xa0&lt;\xeak/UH\x1b\x00\x00\x00\x00\xe4\x043:\x00\xe0\x04\xbc\x01\x00\xa07\xf0\xc8\x11\x08\x04\x06\xd3*\xb8\x97w\r~\xcc\x01\x00\x00@S\xb4\xf0r\xeb\xea\n\x00\xe0&amp;k\x00\x87\xe8\x10\xc8\xc1\xc8\'\x01\x00\x00\xd8`f\xba6\x13\xd15l\x13\x06\xe6\x12\x00\xb2\x82\xe5a\x00\x00\x00\x00\x94\xc2\'\xec\xf0\x0eM\xde\x91v9\x00\x87\xe5\xb4d\x8b;\x05\x08\x02s\x02\x00\x00P\t\xbf\x93\xafX\xfe\xdc-\x18Y_\x1c\t\x00\xba\xb1\x06\xf5\x0e\xee\xf3\xd9\x1e0\xee\x00\x00\x00\x164\xfb;\x00\xd1`\xaa\xdb!\xf8\xfdT_\x1c?!\x94\xd4\x8d\xcd\xa7a\xef\xab\xad\x80\x9e\x8a\xbd6\x9c\xff3\xc01\x8a\x82\xce\x04\x00\x80R0;\x9eH\x1bw\t\xe0\x9a\x01\xc8\x02\xee/\x00\x88\x98\x9e\x80\xbb\x00\x00\x00\x00\x00\xc7\x00\xef\xa0\x04@G\xcaM\x81{\n\x00P\x87\xfd\x1d\x01\x02\x00lA\x90\xd1\x1c\x88\xfc\xf6B\xfc\xc9\xba\xd1\x04`\t\x00\x00\x10\x0cVP\n\xd0c\'w\xa7p\xe30}\xeb\xa9K\x9f\\Y\x91\xfd\x00\x13=6\xcc\xd8U\x03\x00\xd4\xa2\xfbg+\x99y "&lt;$\n\x88h\\U\x1d\x86\xf3\xd2\x1a\x9e\x1e\x16b\x8aQ\xd0\x9f\xadr\xb6xb\x86\xd9\xf7\xc1\x14\xfac\xbc\x00\x00\xe5\xb9Pm\x05R\x81\xeb\xdc\r\xcc,5\x9a\xa7\x89\xf5]\xa3\xd8\xd3\x870\x95\x04\xd0uqp\xb9Dt|\x01\x14\xcc\xbc\x17\xe0\x91\x00\x00\x15\x81\x03\x02{`\\\xf8\x1f\xceY\x043\x8f\xff\xdc\x16\xc6\xbc\x0b\xca\x80\xe4sf\xbc%k\xebQ\x0ff\xd7[z\x01\x00\x00\x80\x9c\xec\xe6}\x8e\xa7\x13\xb4\xd7b\xf6\xf8\xad%\x9e\xb0\xbfO\x16\x80\xde\xe8\xc2\x9e\xbbP2#\xbb\xf1\xba\x00\x80}\xd0\xdbj\x04\x16Q\xd2\x19#\xe5\xf6V\xe38hdC\x97WW\x19B{\xcd\xef\x0c\xc1#[\xfb\x84\xb9\xc0q\x9ci\xef+wE\x12\x84\xdd\xe0{\xa3\x88=\x00\x00\x80\'\xbd\xbd\x06t\x18\x0e=\x85H\xf0mD\xd4^\xc4p: \x10Pz\x8a\xfe\x9f\xef{\xd1\xaa\xc95^\xbe\x81\xf5\xbf#a\xb8\xc5D\r\x8f\xcd\xf54H7\x8af\xa1\x9fq\x02\x00\x00)\xae\x97x=^\x94\x06\x14X%\xfeJ\xbc\x80o?|\xdbn\x86r7\r\x01\x00\x00\xd02X\x93\x00\x9d\xa1FH\xa1\xfb\x18\xdb\xe8\xaa\xb5\x9d\x10ph\xf0\xa4\xec\xfe\xf9X\xa2\x7f\xaf\xad\x03\x00\x00tw\x04\x08\x1c\x1c\xe9\xf5Q,\xb8\xa6\xf1\x7fk+\xb0/\x06\x04\xff\xbb\xe7\xa3\xb5\x15\x00\x00\x00\xa2^v\x00\xf0\xb8!\x18\x99#\xf6\x08\x93\xc0[A\xf3\xd1\xe9M\xda\xd5C\xb4\x91t:4\x00\x00\x00\xf2\x81\x1d\x00\xd0+\xfe\x8b\xf78\xf1\x0f,\xec&gt;8\xee\xbc\x81\x9f_[\x01\x00\x00\x00\x8d\xc0Lt\xb5\xdaJ\xf4\xc0\xeeB\xde\xb8Gx\xb7\xcf\xfe\xe2Q`\x00d\xc0\x1d\x04\x00\x00\x1d\xd2\xe9\xca\x10\x13\xe3\xadjGd\xfd.\x7f":\xff\xfa/\xd9\x8d\xd9\x1e\xa3t\xbeD\xba\x17\xf0\xa2\xf4\x0e9\xc2\x19*\t\x8e\xfd\x1b\x08\x00\x80\xf6\xe8\xf4\x08\xd0\x80@\xe1\x90\xac\x83x&amp;\xfaV\xe6a f\xfbv\x87=\xfa\x97P\xad\x1e-\xad\xbf\xa6i\xd2\xfbH\x1c\x92A&gt;\xfa\x7f\x84\xa8\xb4x\xbc\xef\xac\x9f\xf0(\x03\xdb\x06\x00\x00\x90\x1ff&amp;zsm-\xe4q\x9d\xe4\xe1S\x99U2\xe0sU\xcf\xb4\xa2\x7f\xb6T\xe4\xeb\xe5D95Lj\xc2\xd1N\x94\xed\xb4\xb1L\xb3s\xf0(\xbd\xcfN\x00\x00\xec\x1c,K\xec\x94\x9d\x9e\xa6p\xce\xb5\xa7\xdd\x80\xcd\x92\xe4\xf9\xba\xc1\x10\xdf\xe1\x00C\x1aLt\x15\xa2w$\x89(\xf4\xa6\x9a\xd3\xf8\xe7\xab\xe8@\'=v}\xf8\xc7s\x1cyt*\xbb\xec\x04\x00\xc0\x9ei\xf7\x08\x103\xd3G\xb1\xb2\x12\xcb&gt;ge=\xc30&lt;j\xf1\xafm\xdb\x87\x13\xdan\xd9i\x04S\x0ef"\xfa\xa44\t\xd1wz\xe8OA\xd3\xef\xe5u*\x07\xb2\xa5\xf3=\xb5O&lt;\xdb5\x84\x14\x06\x00\x80\x86h\xd7s\xedzy\tD\xa3\x89\x15\x87a8}\xeei-\xeb\'\x89\x8fic\x8b="&amp;\x1a"\xef8\xee\xe8\xc7k\xa7q\xefB[p J\xed\x80\x01\x00\xc0\x99vw\x00v\xbd\xbc\x04b1.\xdf\x06X\x8bZ\xf2\xb8&amp;\xb6h\xf9@D\xdf\x13+\xa7\x87\xfbt&lt;\xcf\xfd3\x84\xe8\x1f\x14$\xe8\x99\x90\xf5\xc3K\x00\x00p0\xee\xee\xe9\x04\x7f.\xaf\x1a\xa0I\xd2\xdf\xe2\x8f\xd7\xff\xc7\xd2u\x8f\xb1\xf2_\xd0)\xdd\r_\x98\x9f\xd1\x15\x86\xa7\x02\x00\x1c\x05\xf8;\xe0`\x11\xfd\x07ZKJ\xe6pl\xd0]\xa0:\xbb7\xc2_\xdb|\x02O\x05\x00\xc8B\x83\xbb\xe1\xdb7*\xe0\x1d\x0b\xe9\xec\xaa\x0f\xd5\x191\xf4\xfc\xc9tm\x0f\x07W\x00\x00\x00\x00\x00\xe4i\xf0\x19\x00\xcd+\\*h\xb1/v\xb6\x84\xa4\x86\xeeX\x1e\x03\xa0\x12X\x9c\x06\x00\x80^i0\x01\x00\xe2\xbc\x7fw\x8b\xdd\x8b\x07O\xfd\x7f\xaf\x87\x99\x87\x01\xcf\x97\x9b@&lt;W\x9f\x9e~\x99\xae\x135\x0b\x12z"\x11=\x08\x008$\x886@"&gt;\x07\xfa\x13\x9f\x18&gt;\x14\xe8\x9f\x06\xe8h\x08\xbe\xa2\xb6\x02-0\x8d\xd7\x1bhz*\xc9\xe7\'\xc6\xaf\xc6\xef\xc4\xed\x06\x00\x00\x00D\xb3}/\x90\x96\xdaj\xb6\xcf\xee\xbb\xe8\xc1\xb5\x15(\x02\x0c\xbe\x1a\x1fGt\x8a\xfb\x9f\xe7\xda\n\xe0\xf1\x7f\x00\x00\x00\x00\x90`\x1d\xf7#\x18j\x83\xaeG\xe1\x11\xe1\xef\x9b\x02\xc7\xe0\x13j+\x00\x00\x00Y\xc0\x9c\x07:\x03K\xfem\xd2\xf5\x88t\xad&lt;\x00\x00\x00\x00\x8c`\x8e\x0f\'\xbd\xc7\xb0\x0f\xbe\x1b\x9cg\x1e@9v\xea\xcd\x98\xe8\x99\xb5u\x00\x00\x00\x00\x0e\x8e@\x90\xb1\xcb0\x05$\xe5u5\x82\xd7\xbf/^cn\xf6xgE\xfd\xecw\x0eE\x00\x00\xa0w\xf0\x1aP\xe0\xcbf*e\x12x\x99&amp;^\xc7\xb9K\x86\x94\x91\xd5\x99U\xee0\xee9\x99\xe5\x97g\x8fwV\xa8\xc3A\xf4\x0f\x00\x00Y\x80{=*=\xbd\xad\x1c\x00\x00:\x00\x1e\x15\x00\x00@\xc3\x08=b\x9bi\xb6\xc3$\nR\x80\xfd\x1c\x8d\xa6F\xbc)e\x00\x00\x00\x80\x05\x1fM\xbc~L!6g\x8a\xec\xbc\x19\xb3#\x00`\xc7\xc0\xc5\x01\x00\x0e\t\x0e\x96\x1c\x83\xc8\xd7t:/\xc1\x03\x7f\x00\x00\x00\x00\x00N\xdaz\x08x\x18\x92\x9e\x1dl\x15D\xa5r\x98C|D\xff;\xe2\xea\xb5\x15\x00\xad\x82\xdb\x1c\x00\x00\x00h\x83\xd0)9\xf2GU\r\x07\x87\xc0\xde\xc8\x9f\xcb\xc1\x84\\\xb4\x1bg\xa7)\x06\x07\x02\x00\x00\xa0 }\xbd\x13=\x0cy\r\r\x02\x91\x00\xd4\xa6\xe8\xef+g\x1e\xebg\x13](\x9bp\x00\x00\x00\x00\x80\x04\xdaO\x00\xca\x82\xde\xa8\x86\xd0\xdb\x9f\x02\xaa\xc3p\xe7\xa1\xad\x93\x9f\x00\x00\x00\x00\x00\x00\x9c\xf8\xaf\xda\n\x80f\xf9\x82\xda\n\x00\x00@\xdf\xec\xef\x89[\x00\x00\xe8\x82\xd3\xfe\x06\x9cp(\xa2\xfd\xc6\xcc\xe7\xf7O$\\\xaf\x90 \n\x00\x00\xca\x81\xbd`\x07\xdeg\x1epVaI\xd9\xe3"\x00\xf8\xc1\xca\x7f\xab\xb3\xcb\x97\x9e\x15@\xb4\xdffI1/&amp;\xde:9\xe5Q\xa5+6ci\x00\x00\x00\xf2P\xfc\xbcr\xeb\xf3J\xe1\xf3\xe2\x810\xd1\x93k\xebP\x8bW\xd6V\x00\x80&amp;\t\xf0W\xecOF\x85\x01\x00\x00\xc8\x11\xed\xaf\x0b8\xfa\x9e\xe6\x12\xe6\xc8w}\x02\x00@\x9b\xac\x82\xfb\xdfb\xf6I\x06\xfar\xdd\x00\x00p@n][\x01=\x98E\x00\x00 \x1b^\xae\xd5\x7fi_\x93\x03\\\x1d\xde\x1b\x00\xd0\x16x\x06@\xe5\x9a\xa5*\n\x9b\x0c\x86a\x18\x86\x81\xe8_\xd5%%\xec/\x03\x00@\x1a\xfe\x0b+s\xb1\xc1\xf5\xa4\xef\xe8\xb1\x95\x8b\xdf\x82\x17:\x03\x00\x00\x08\xe2\xbc\xf6\xaf,&amp;\xe1\x8c)\x00\x00\x14\xe3\xa7c\xce\xf3\x18\x8e\x03\x01\x00\x00\x00\x1e\xa83\x073\x13\xbdo\xfbm%\xd5\x80\x0f\x18\x9d\x02\xdc5Y\x02\x86\xa9k\xb2\x0e_d\xf8\x8e\x04\x00\x00\x00@&lt;\xf6\x99#hE*\'\xc2j\xecf\xa6\xdcMCr\x12\xd4E\xf7\xcfP?"3`D\xddz\x8d\xbb\x109\x00\x00\x00\x00_\x02"\xfb\xfa9\x80p\xed\xbb\x99&amp;w\xd3\x10\x00\x96&lt;\xb8\x92\xcfa\xfa\xa2\xd2\xf5&amp;\x04\xee\xce\x04\xe0\xaabZ\x02\x00@ \xf8\x19\x9a&amp;Y\xce\x12\xf6\x07\xce\xa6\xb2\x95~\x81\x92aEf\xf0S\xaf\x00\xc8R\xda\xe1\x9c\x1c\xec0Px\xbd\xfa\xac\x01?\x15\x0c\x00h\x01\xbc\x05\x88\xa8\xbds\x1a+m,\xea\xa9_Uj\x05&amp;3\x13\x88\xfek\xd1\xd6\xed\x0cD\xa9uC\xad\xea\x85\x8d\x01\x00\xfa\xa6d\x02\xd0\xae\xc7\xecwI\xc6C\xefv\xbb}\xef\x0c\xd9\x82\x15\xd91\xdd\x9f\x85\xf4z;\x83d,\xc6\xfc\xf8\x18q\xfaU\x95\xcbY\x17[\xeeL\xa2\xcf\x95\xb4\xb6&gt;\x05\x00\xd8\x07\xe23\xa5c\x7f\x96\x99\xfb\x8d\xb6\x8b\xb1\xf5\xf8\xeb\xb7J\x9fw\xa5\x87UI\xf4\xed\xbe\xc0\x1e\x02\x00U\x19=\xac\xeaZ\'\xf7\xeb\xbeLG\xa0\x97ff8v\x00\x80&lt;\xe2;\x00\x0e?\x05G\xe6\xc3\xaa\x97\xb6\x9d\xe6\xfc%\x9aF\xc0S\xb0)\xa0\xe7\x00\xa8\x8c\xce\xcd\xae\x7f\xe5Kw\x99T\xfdp\x02\x00\x80L\xe0\x19\x80FqL1\x86i)\x976\xa0\x02\xfcz",\xff\x03\xd0"p\xb6\x00\x80\xce\x81\x17k\x19\x8f\xcd_e\x81=\xea=\x15\x99a&amp;\x11\xad\x98\x8f7\xe3\xe2\xfc\x0f\x00\xf51\xbc\x05\xc8}\xd8\xd5\xf4\x15Vj\x00\x00-\x80\x1d\x80v\x7f\x06(\\\xa9\xf6\xe6\x95A\xe8A\xd8#N\x99\xf9\x9e!\x06\x00\x84\xb2z\n+V\n\xeei\x00@\x1b \x01h\xd7%\x0f\x83\xfb\xac\xa9\xb2\xfc\xdfh+\xc0\x1ei1a\x06\x12\x1c}d\x8d\xbf\xc0\xf8\xa1\xb0\x9e1z\xef\xa3w0\x00\xa0\x15\x90\x00\x10\x11\xbd\xa8\xb6\x02\xd1\x9c\xa6\x18\x04\xff\xa0$\xcc\xb4\x97@f\x1f\xad\x10\xe4\xda\xe6\xaf\xd2\xfa*\xef.\xab\xa4\xf0\x95\xa6\'\xef\xca\x17_\xd4\xe2\xb9\xe0\xb2*5\x0c08\x00\xc0\x0e9\x94g+\xdb\xd8\xcd\xdci\\\xa6\x02\xa0!`\xa2\xfe4\xdbWL\xf4\x8f\xf4\x94\xf4s\x92\xcd6p\x013k\xfdm\xf4\x0b\xcd\x94k\x99b^\xea\xdfG\xbf\x01\x00\x00\xc8\xc7\xdd\x89\x08\xf3\x01\x00\xa0\x18\xacP[\x97bX\x12\x80\xe0N\x88\xb8\xf0*\x07\xeaj\x00\x00\xa8\xc1\x91\xa64\x00\xcac\xba\xbf\x0e\x15M\xd6D\xa0\x9fc\x03_@S\xf4\x1f:\nODo\x03\x00\xda\x82\x89\xf6\xf3\xc3$\xbd/ku\xad&lt;8\x1el\xfd\'H\x84\xe975]*\xe4"\xe0j\xf4\x98\xba%y\xdb\xe4r)Z\x01\x00@4\xf7\xae\xad@"\xa3\xcf\xb5\xfa_$\x00{\xe4\xba\xb5\x15\xd8?\xae\xf5`\xfd\xb7\'[\rZ\r\x85y\x87\x90\xb1\xaft\xae\xe6J\x18\x1dm\x94\x7f\xb2\xf0\xe8\xf3B\x00\x00\x00\x12\xe1\xc9?\x9b\n\xfc\xb9!\x01@`\xdd3\x18\xb8\xecD\xde\x1d|\xde?t]^q\x04a&lt;Z\x10\xcb\x1a\x89&lt;\xe1\x03\x00\x00\xa0A\xc6\x04\xe0\xb1\xb5\x15\x01`\xc1~\xf3R\xa5]\xc2\xb1&amp;"\xd7L\xa0W\x83y(\xf2(\x00\x00\x00)\xb4\xb1 \xf7ky\xc4Vo\x17(\xccw\xacOP\x08\xda@\x9d\x94\t6\x0c\x00\x00\x00\x1c\x83\x92\xab\xb3-\xac\x04g\xd3\xa1~\xd3@YXz\xd5\xbfYdw6\\\x05\x1a\xf0\x12`\xc9iD\xa6\xa3\xa77\xad\xac\x0e\x00\x00\x80tZ\x08\xca\xcb\xd2r\x02\x80\xa78\xba!\xeb\xb3\xf8e\xcd\xa0\x1d\x93\xeb\xfb\xf5\x06\xa5\xa8\xd3?\xc9/\x08\x02\x00\x00\x19.\xa8\xad\xc0N\xf0\xfce\xf8\x1d\x91\xa9\xbd"b\x8f7\x1a\xdd2\x0c4\xd8\x06,!H:\x07X2)\xa5G\x99Vl\xee\xd4n\xdc\x03g&gt;M;v\xa7\xb3f5Cp\x8c\x0f\x00\x00\xec\x98\xe3\xac\xf1\x1c\xa7\xa5@\xe5\x8fm_&gt;+\xdd*\xa2%\x94Yd=\xa6\xd9\xbbZ\xdd\xc1K0\xeb,\xc0+k\xff-w\x0e\x00\x00\x10Q\x96m\xf4\xf6}_\x83\x1a6\xa8\x12h\na\x0b\xf1\xbb\xf1\x9b|\xa7\'NY\x18)\x13z\x9az\xfe\xe8\xc3\x81\xe8\x1f\x00\xd0\x13\x87L\x00\xa8U%\xdb\xd4\n\x1c\x0e\x0f\xb7P7\xd09p\x02p\xccV\x03\x00\x00\x10\xa6\xcct\x92\xad\x96\xfd\x04\x01X:\x02\xa5\xf9\xca\xf0K\xc6_\xfc\xad\xfd\x0e\xfe\xb4\x1b\xbf\xeb\x1b\xed:\x86\xcf\x99\xe8\x85%\xf5h\x9d\x87w=\xca\x00\x00\x00\xc2\xf0s\xfa\xed\xed\xd5\x1ecEs\xf7\r\xec\x88\xf8\xb1h\xc2P\xbf71\x01`\xa2\xab\x8b)\x03Z$\xd4B\x16?X\xd1\x84\x91\x03\x00\x00\xf0\xc4\xdbk\xabOk\xb5\xe0\xe8O\xca\xdc\xad\xb6\x1a\x00\xf4Bz\x02\x10x\x8d\xc6\xb7\xb4\xe0:\x8e\x86\xf7\xd8\xf9\xce\x05\xff\x836\x11\x7fk\xcbC\x00\x00\x00$i\xe9QB\xde\xcb\xeb\xedw\xd0\x04p\x10"V\x88W\xf7i\x1ek\xcf\xeb\x07\xdaqzY\t\x8d\xe0\xc5\x7f\xa3z\xf7=\x0c\x00h\x1a\xfc\x0e\x80\x8da\x18N\xef)o\x80a\xa73\xb2\xef\x86\x0c\x1em4\x91\xb8\x18y\x80P/\x0e\x0e\xef\xd4as\x9f\xe6q\x1e!\xef\x90\xdf\xd7\xf8\xfe\x80\x9c\xa8!ptB\xcb\xeb\x99w\x96\xf74,\x00\x80\x0ei#\xb8\x05.N\xb3\xf8@\xf8\xfd\x18\xd0)\xa7x\'\xddz\xb9\xa0\xd7*YWC0s\xd9\xdf\x11;R?+\t\x19~\xac\r\x00\x00\x80\x83c\xbc@z\xdf\xad;4}\x9e*ydm\x05N\x14\xee\xb7\xee\x86\t\x00\x00\x00\xa8\x8f=L\x8f\xffeS\xfa\x93\xddL\xcc\xa6G\xabw\xd3\xc0\x83\xa3\x19\xc7\xb6\xa3\xff\xa5nM\xab\xbaER\xdbc,4\xd4\x05}\x0b\x00\x00\xdd\xc0\xf41!^\x9b\x99\xe8\r\x19\xb4\xd8\xfd\xcc\xb1\xfb\x06\x1e\x81VV\xfac\xd5\xe8)\xfcU~\xf2XF\xed\x1c\t@\x9f\x9b?\x00\x00\x00b\xd8\x95\xbb\xc7\xaaX\x02\xa1\xef\xd9\x00\xbd\xd3\xca\x9d\xd2U\xd0\xf9\xe2Hm\x99i\x91\x03\xa4\x82`]\xc7ek+\x00\x00\x00`\x0f\xb4\x12!\x95`\'\xf1Dw\xad\xb8U\x95Z\xc7&lt;\xf9iUj_\x91y\xc8"\x84\xe7z%\xe89j\xef\xccD\xe3\xd9\xddr\xcc\x03k+\x00\x00\x00\x00H\x13\x1a\x875\xb8\x06\xd9\xa0Jm\xd2\xd8^Y#jLd\xd1\'|\xf9\xbf\x9d\x01\x8a\xa3)\x1b\x13\xe1\xd4\x9c\xc7\xd7V\x03\x00\x00\x8e\xc2M\xf65\x8b\xec\x84&amp;\xa3m\x91\x80\xe3\xa6\x02\x8a4\x8c\xecat\xe0I\xf8\xfd";@\xfe\xa2\x9e#Ves\xfe!\x11\xa6K\xee\xacE\x00\x00\xd0(}y\xdb\xbe\xb4\xd5\xd2Y\x136\x11F\xaa\xfe\x17k:,\x96QlN\x00Z\x8f\xcf\x98\xd6\x9b\x15\x99\x0f\x0b\x9d:\xa4V\xcf\xfc^\x91\xd6\xe5\x11\xbe\xbbX\x1f\x00\x00\x00\xf0\xa3\xf7)\xb0\xc7U\xe1\xf7\xac\x15NP\xfew\n\x84\x98)\x08\xc6X\xcf\x10|\x1a\xd5\x856\xee\xfcw\xbfK\xcf\xe1xwf\xd9*\x99\xfa\x10\xa3\x03\x00\x00-\x02\xd7\x0c\x9cp?\xab\xc2+\xaa\x9c\x91\xa8B[\xef|l\xf2\x00X\x04\xd7\xaa\xad\xc0&gt;h\xed1n\x00\x00\x00\xf5\x81\xfbn\x1f\xf5\x05\x85\xc5\xc6K\xb0\xa2\x9f\x93\x13\xd5,\xe2\x01w\x8a\xb4b\x1b\x08\x99IjB\xff\xcd\x97\x01\xfd\x00\x00\x00`\xc9N\xa2\x84c\x10=X\x18b!\nu\xa3H\xa6\xa7XK\xeb\xa3\x9f\xc7&gt;\xe1\xd9\x00\x00\x00\x94\xe0\x82\xda\nD\x80\t\xb2\'\x86\x81\x86a\xa8\xadE#|C\x8dJ\xcbu~zM\xc30\x9c\xad\xa5\xf9\xbb&lt;\x83U33\xe1^90x\xec\x01\x00\x004\xc03\x02p\x1c"\x83!\xa9\x15\xf4#\xad\xc4\x1f\xa7\xa5\x8d\xd3\xdd\xb3R\x00\x80\x8e\xe9e\x07\xe0H\xd31\x00 \x02\xd1\x93\x81G\xd9\xb6\xea\xe9\xccQ7\x8a\xc62`\x03\x08\x00P\x8c^\x12\x80\xdc\x8e\xf14\xb5|E\xd6:\x00\xd8/r\xc1\xd9\xfc$p\xd0=\x7fV@\xdeO\x9c\x1fl\xd04\x90\xcd_u\xc3\xd0Q\xa6s7Qi\x9d\x0f\x1c\x00\x00T"\xd1u\xde"\xac\xb2\xec\xef\x91\xe4\xf34\xdf\xcfj\xd8Hw\n\x97\xa6\xf7G\xc6\xdbW^\xf6EO\xb1?&amp;P+\x16o}t&lt;\xb8Zm\x05\xca\xd3\xe3\xbb\x89\x01\x00\xa0\tJ\xba\xce2\xef\x91\xc4d\x00\x1a\xa4\x8f\xecE"\xcb\x9a\x7f\xa07\xe6~\xef\xa1\x97Z%\xdf/y\xb5La\xf5~\xbclu\x00\x00\xd0"\xc1\x9e\xb7\x8b\x18\xc8\x86\x97\xfes\x99\xee\xdb\x0b\x80\x1b\xb6\xda\xbc\xd4-pu!9\xc7\x01\xce\xa7\x1a\xbdoW\x02\x00@\x10\xf0w\xfe\xa0\xaf\xc0nX\x9d\xc1\xc8\x94\x00tN\xd1\x1f\xd1\x03\xe2\x04\x0c_\xec\xe17\x00\x00h\x8ehG\x06\x0f\x08\xc0\x11P\xc2\xa3\xf8H\xf7Cr\xfa\x80\xd6\xa8\xf1\x84\xb2X\x08\xee\x1f\xcd\xbf\x1f\x8f%\x00\x00@s`I\x06\x00""\xbai\x1e\xb1\xa7\xfb\xeb\xcay\xa3\x9fW7x\x177\xa8RkTx\xaa[\xce\xe13\xd1O\x05\xd4\x8a\x89\x06\x00\xd0\t\xf9\xbc\xd5c\x0bzCw-\xde\x9a\xdc,Q\x15\x00\xbc1\xfd\xa8p\xe6\x97e\xb5+\xd6.\xe4\x8br\xba\x14\xc4m\x00\x00\x00@gtt\xc4\xf6\xc9\xb5\x15\xd8=}X\xc2\xe1\xcf\n?\xfdt^H\xe9\x01\xf7]|\xec\x1e\xeb\x96\xecC\x06\x93\x00\x00\x00\x90\x07\x84\x1d@\x9a\x83\'\x00s\x0e4\xfd\xd3\xf3\n\xff\n\x88\x88\xe8\xf7bt\x03\xdd\x90\xe3\xcc\xfd\x81\xefJ\x00\x00\xa8\x89\xed\xbd"\xa6+\x9aYd\xd2h\x12\xa4\xdbT\xf8\xbd\x87\x8e\x0e\x0f\xc4aG9"\x05\n-\\\xe6\xe7GZ\xe0\x08m,\x06:\x13\x00\x00\xf2"\xe6g\x1b\x88\x95ys\xa4\x01\x80c\x11\x16\xd0_\xa8\xc4\xef\xfe~\x94Yy7Q\xbe\xe7\x07\xf0\x16\xa3,\xf4\xe7N\x0f\xbe\xad\x07\x00\x00~\xa48J&amp;\xfa81EF\x99\xe9\xbf\x84\xca\xccD/\x11\xd1\x06\x80\x96\x10\x0e\xd6O/L\x0c\xbd\xe3\xa2~c8w\x02\xf0\xd5y\xc4\x1e\x1e\x04\xd3\x00\x00\xd0*\xfe3q\x17~\x9c\xe9\'\xd5G\x12\xc7\xbfB\x9e\xd7\xbc|\xda\x8cu\xf4s\xe1\xa0U\xc4-S\xb9\xad\x02\xc4\x16zx:&amp;\xcd\xa8@\x17J\xc6\xa2n\xddD]\x0e\x00\x00 \x13\xfe3q\x0bA\xadS\x87\xc5l\xca\xfa\x04`\xd73n7\xb4`ND$a\t\x8d4\xc4\xce\r3\xca\x8e\xda\x01\xc8m\x00\xfd\xe4\xe1](i\xe3\xfe}\xf43\x00\x00\x00\x17\xda\x10\xb9\x93\xd9T\x85\r\xffd\xa2Wg\xae\x0b\xd8)\xfd\xfe\x9c|u%H\xde\x99\xcd\xe4\xce\xabM\xf2w\xd6\x8d\x00\x00\x00\x80&lt;\x97\xaeVs\xfd\xfc!\xf8\xc5D~\xa2@$\xdb\xd0\xd9os&amp;\xa6\xf3\x9bL\x00\x00\x00\x16pg\x01\x00\x00Hf\x19\xa8\x89O-OJ\xcepR.\xbfxZ\xd5\x8dp\xf8\xd7\xea\x03\x00Z\x04\xcf\x88\x03\x00@\x93\xb4q\xac?M\x81\xff\xae\xae\x7fe,\x8f\x93"+(\x8e\xa11\x1aE\x00\x00 \x00IDATO\x87\x87\xfe\x9eW\xeb\xc0\xcc&lt;\xc0\xde)\x00\x00HrAm\x05@:\xc3\xf6\xa3\x80\x90\x02&amp;pF\xd3\x8d\xc3\xa0\xf9p\x174\x1b\x0f\xc9vx\x1f\xc3\xb7[+\x03i 3\x04\x00\xec\x03\xf82\x00\x9a\xa0\x8d\x9d\xabh\x9a\xd7\x1c\'\xca@28\x97\x08\x00\x00p\x82\x00\xd8i\xff\x1e\x11\xd4\xb0\xfd\xec\x85\xe9\x87M\xaf\x02\x03\t0\xd3\xaf\xa2\'\x01\x00\xa0\x03B\x7ft\xf3\x88\xac\xcf\xa07\xbd\xf0\x93\xf5WQ\x9b\xe5h\xedm\x98\x9e\xf6.z\xd1\x13\x00\x00\x00\xd8\x03}\xcd\xbb\xab\x80\xa6/\xe5\xfb%\xec\x17d\xf3\xe9!D\xfb\x1a\xe6 G\xab\x8f\xd9\x93\xbb\xa0\xe9\xa5\x93\x08\xf6\xd4\x16\x00@\x83\xf8;\xcd]\xf9\xd6Z\xdc\xa0\xbc[\xdf\xd7\xa4(@\xf8\xe1\xdav:P\xff\x8bT\x9d\x0fq\xd7\xca\x83v\xe8\xfdF\x18\x99\x7f\xb2\xba\xa3\xfd.\x00\xc0\x9e\x81\'\x8a\xe0\xc5\xea?\xf2?\xd7\xa5\x7f\x97\xe5N\xe6E!\x8avH\xfe\x8a\xc2\x9a\xd3\xa2%\x9cUbf\xfa\x9at\xf5\xb2\xfc\xa0\x9b0I\xbf\xe2\xdc\x80\xfe \'\xac@\xf4{\xb5\xd5\x01\x00\x80r8f8\x84\xb3f\x8c\t@\xddNkg\xc8\xb6\xbd\xc1\xcc\xf2a13\xd1\x8bH \xd9\x10\xef\xb7\x88\x08\xb2X\xd0)RK+\x966b\xf8}\x89\xf8\x87\x19Zk \x10f\x99\x00\x00\x00\xc0&gt;\x89pp\x9c%b3\xd4%#\xe6V-\xf8\xf1\xbbW\xac{\x9e\xc9\xeaOiEf\xd6Q~s\xb3xx`Q\xb0\t-uT:\xb6Nk\xcc*vNg]\x8d\x04\x00\x00\x002\xb2^\x03\xce\\[f\xf9 \x80"\xd3\xaar\xac\xa5\xb1\xd1gf\xa2_\xac\xadE]\xca\xbc\xcc\xca&lt;\xf4m\x07v\x88;\xc5\x88\xedI$\x00\x00\x80.)\x1e\xf4|f\xb2\x04\xbb\xb6\xafn-\x86\xdb\x82\xa9\xa2\x15\xd6\xdbS;\x1f\x97\xf3\xcd\xceLt\xe1\xda\xba\x84\x81[\xc6@s)kO,\xe6\xbe\xf8\x9eD\x02\x00\x00\x00:\xdcn\xf1\x80\xbf\xc2s\x846\xca\x909Amp \xd2#\t\xe3\xe5\xccL\xf4\x944\xe1916\x1c\xd1\x95\x96c\xfe\xd0\x87,\xa3{\xe1\xf8\xceD\x02\x00\x00(\xc0c\xebU\xddK\x10\xd6\xc8\x92X\x0b:\xec\x01f\xbe\xc3\xb1f\xd6\x14\x03n1"\x0c\x0f\x8cx\xfdG\x99]\xca\xf6\x0e\x80Y\xb9cm\x05,\x9cz\xf2\xb5\xb5\xd5\xf0Aj\xc4\xfb2\x1e\x00@o4\xbc\xc6`{\x84\xee\xfc\xdfb\xca\xbf\xb4\x87w\x0b\x06\x80\xa9%\x9a\xf2\xfd\x86\x91\xda\x92\xdc\'\xc1\xa1yT\x8d\x0f\xe7\xaa\xbfN\xa5\xadW}:\xa5\x1fx|\xf7\xc3\x7f\x95|\tDe\xb0\t\x00\x00\xc8H\x97\xfee&lt;v&lt;\xfa\xc7\x0e\x9bP\x15t\x1a\xe8\x19\x91\xa8\xc8_\x02\'$\xcc)\xaf\xfb\xf4\x91\x1cR^\xfdG\x87\x1e@}7\xce\x87z\x9c\xb6|a5I\xebr\x82\x06\x00\x80\x02\x1c\xcf?\x8a\xcc\xdc\xeaA\x88t&gt;WBH\xb3\x1c\xcd\xc0v\t\x13\xfd}\x92\x80\x8bG&amp;\x00UC\xed\xcd\xc1\xa7\x9e0&gt;\xbc\xd1gs\xec\xe8\x1fZ\xeb1O\x03\x00\x80\x82\x94\xce\x01&lt;\xab\xcb\xa4\x95\\H\xf1\xd3X^\xb23n1\x05\xf4\x12\xcfW\xed\x90\xe8\x93\xf7\x95\xa9wh\xa4b\x02\x90\xb2q\x01\xca\xb1_w\x01\x00\x00\x99\xf1\xf5\x9e\xa6_Wy|[\xfewT\xc6\xb2\x00\xf6\xc7\t\xf3\xfas\x9f0\xcb\xef/&gt;\x90\x1b\xa9\xaf\xf1\xac.\xe2y\xd3\xa6\xccI\x85\x99\x89\x9e\x90puh\xd3\x9a\xea\x87\xa6\x94i\x8d\xfe\\\x81\x10\xf5[}m$\x00\x00\x00\x10\x87\xd3{\xf2\x86U\x81\x87\x96\xf3\xbf&gt;\x15Y\x13\x80TU/\xa9\x84\xfe\xfd\xcd\xfa\x98)S\xc8\xf62P\xd3\xe7\xbf\x9cV\xdd\xc4\xffu|\x7f\xd7\x02V\xd1\xdf\xcd\x02&lt;\xb0\x0f\xeb;\xca)\x02\x00\x00\x15\xe95\xba\xb2\xaa\xbd\x8d\xfe{m\xe6\xf8\xdc\xb3\xc4a\x86\xf3S\xd4\x07y\x99\x06\x08%\xf0\xe0\x8a\xe9m3M\xe5\xd5\x00\xb4\xc1\xa3\x9cs\x10\xec\x19\x00\x90\x9d\x0b\xd5V@\x82a\xc8Y\xbc0\'\xd7oPq\x18\x06f\x89\x06\x0c\xe7\xff\x04\x9f\xe8h\xba\xef\xca\xc0\xccC\xdb6\x94\xce0P\xf2X\x97\xec\xa2\x9d\x0f\x07\x08\xa4AO\xc5g\xcf\xcd\xc4\xae9\x88\x99N\x13\xc1@\xadOW\x00\x80~\xb9@\xfd\x87pX\xf3\x92\xd5\x12`\xa6U\x8d\xc7\x84_\xd2\xa9K=E\xed\xa2\xca\xbb\x84-W\xaal\xa5{\xdeZ\t\xa3L\xf4_\xbb3C\xdax\x88ao\x95\xecv\xd2\xe9\xe86\xe7\x8e&amp;\xb7\xe1\x9f]\xf3\xf4\x1f\x00\x00\xe8\x968w&lt;\x9fS\xd7\xc6\x97&gt;Ag\xe8\xc9\x9fz/\x0c\x11\xe7\xe9\t\xd7\xaa\xef\xa1\xf3\xbb 0\x018\x1d29N\xda\x10\xca\xdc3\x1d\xf4\x8fNC\xe6\x0c\xef\x87m\xbf+\x8a\xd3\x81y\x94Fq\xf8\xe2\x9dS\xc2_-\xe7,\x8c/\x00\xa0&amp;w\xa9Q)O/U\xdcF\x8a=\x1f\xe8\xf7zb!wE\x8e+y\xce\xbb2\xd5\xc8\xccD\xff\x84\x19\xce\xc4h\x06\x7fC\x17j\xbf\x7f\x12\x07\xb1\xfd\x06\x82\xbe`\xba\xb2\xff:N\x88\xf9y9g\x01\x9f\x86\xe8\x1f\x00\xd0\x08U\xdc\x90R\xa9!,\xee3\x01\x98\xc9\xdc(\x81\x04 7\xbd\x0e_)\xb5=\x06\xe2\xcf\x9c2\xc4\xb4\t#\xd7\xde\x11(K\xefCS\\\xffd{\xc6\x1d\x01\x00\x00g\xac\xeb\xe2?QZ\x9bt\x98\xbf\xb9\xe3\x1d\x0c;;k\x8e\x892\xcd\xf4\\n\x8c\xf8J\x16M\x12K\x019\xe4o;\xa4\x17Ys\x05\t0\xd1\xf3j\xeb\x10\xc3W\x07\xfe\xc6_FU\xd4\x9a\xb0\xfc\x0f\x00h\x80\x92&gt;\xc8TWk\xb1\xb2\xccC\x02\xc5\x1b\xc5R\x9a\x03i^\x94vy\xe4\x98\xca\xd9\xdeB\x8ex\xf8\x92\x96\x05\xb5LJ/5\xd4df&amp;zJm-\x82iiNQ\xc1\xe9\x7f\x00@\x03\x94uC\xfa\x8aFo\xf8\xaeRj\x185\x91\xaf\xc6\xf1\xa3\xbf\x92\x1513\xbd\xa1\xcd\t\xafS\x8c\xf9j\x80\x88\xca\xc7\xbd\xc4\x12\x80\xda\xf1J\xa7V\xdd\xa9\xda\xddc]|I\x1c\x94\xc0\xcbu:\x8c\x1bh\x00\x00P\x8f\x1a\xf1b\xc2\x99\xf8\xcc\xe1T\xcf\xd13o\xfe\xe8\x8b\x9b\xd7V`E\xa7\xdd\xb8"1X\xd9G\'\x80\xc3\x91s\xed?L\xac\xf9\x190\xdc\\\x00\x80\xfc,}\xd0\xf8\xee\x97\xd7\xb3\xf4\xa9G/\x81\xa3\xef\xe3\xcd\'^Ul/\x0f\xd4\xd1r-\x96\xcf\t\xd3R,\x95\x9f\xea\x96\x93v;Q\x1d\xe2\xf8\xfb\xda\n\xf4\x85\xcf@\xf7\xb8@p=\xf3WM\x05\xd0/\xb2.\xe7\xef\xed\xcd\x16\x00\x80nX\xba\x9b\xf3\xdf9|\xd094\xff\x06\x9bk6\xd4kQ\x86\xe9\xed\xcb\xece\xbb\xb7\xfb\xea\xe0%\x99]\xfb\xdf~\x9b\xd6\x85\xe6\x02\xe7\x82\x96\\K9\x13\xfc\x1a\xe9\x83\xf5\xea\xffbd\xd4\x18\x14\xac\x8f\n\xb3\xf0x\xbb\xe8\xdb\xa6\x16\xd1\xc3\'\x94&amp;\xd4\x06\x00\xec\x1f\xf54\xe4Nc\xdf\x7f\xac\xad@yl)V\xa2\xe8oXI(7\xd7\xf6k\x99\x1f\xa3\xe6\xd8\xa1\x17/\xce+g\xb8=\x13\xa2\xa5\n#\xd2Tl\xd7\x12\x91\x1d\xc2\xccD\x17\x91U%\xa8\xfe,BmG\xfc\xdb\xa7S\xb5\x01\x00}\xe2v\x97?\xd6\x97W:i\xfb#\xa4&gt;h\xdb\xeb| I\x8e\x8d\x9d\xc2\x01\xd9\x8f\x1dn\x1c_\xa2&lt;\xdc\x92/\x01\xe8\x83Ul\x97EseAd\xef\xd1X\xdd\x06\xe62\xbc\xc6\x13\x00f&amp;\xba\xbe\xe5\xfb\xe5\xdf\x8d\xb6\x02\x00p\x08\xaa;\xd3\x14\x05\x96\t@}gZ5\xaa\xc84\x8eE\x9bs\x80\xb0LC\xde{\xd0!\xb9\x85g\x0fT\x01\x93\x01\x8c}\xf2\xd6,\xe7\x15\x9b\x8d \xa5h\xa0\x81\x87M\x00|\xcb\x1e\xd0\xd7\x01\x00\x00\x91\xe2\xcaU\xa7\x19\xe4\xdc\xd5\xc5\xc2\x0cS\xc2U\xa5\x05\xfa\x12\xdb\x1cL\']r\x1e\xeeO\xac\xb2\x03\xd0X\x02\xb0\x10f\xdf\x18I\xac\xab\xee\xe5\x05\xaa\xd8\xa77x\xdd\xc9\xa4?v\x9f\xad\x03\x00\x80F\xc8\xbbD\xa1\x8dN\xa2b\xdf\xa6\xd7\x84"\xd8Ys@")[d\x19\x0c)\xc8-$\xd4\x9e\x9a\xbax\\\xfe(&amp;zr\x88Ne(}\xf4\xae\x01\x1e\x97Mrz7\x1em,\x00\x00\x87\'.\x16\x9f\xff\x88:An\xad\xd4"\x8a9\xfc\x07V\xb2\x06\xd9\x9f\x9f \x1c\t\x00\x98I;\xf3\xe0sa\x87\xc66\x9f\x14\xb2\x961|\xb1|9r\x88\xeb\xd8\x16{\xad\xdf\x85\x9e\xf0\xfe\x963*\x92\xbf\'1L\x00\x80=\x12\x11RoeDTjr\xd9\xccL\xef\x92t\xb8\x99\x97\xd9\xba?\x91\x0f\xda\xc1\x9a\x15\xc7Y\x85za\x90\x84|\x85C\xd1\xb6}\xf5\x0c\xf1\xb6\xcc\xca\xc3\xecc}w\x07M\x90\xe7x\x1b)\x00\x00@Di\xee/\xa7\xebt\x88-v\xfc\xbd\xc7\x95\xb6(\x85\x9f\xb5\x92!\xa2\x89\x07\x9d\xf5\xed\xb1\x885\xfe \xcf0W\x91\xf0\xb2T\xabxc\x1acN\x006?\x8f\xf8\xa0]\x1aj\xe3\xb1o\xe3\xea\x01\x00@\xcfD\x07\xb8\xca\xb3\xb9;\xf7\xd1\xceG$\xbbJ\x12\xb4z\xe6\x18\xc4D\x817\x90\xd1b\xb7\x9c\x86\xecm\xb5\xd50\x11\x95\x00\xd0\xfb\x17\xd7\n\xec.\x12\x11\xd1?\x9c\x0f\xf0(\xf7ih\xca\xd1\xd1\r\xbe+\xd0\xed\x00\x00\x90\x8b\xd8\xe0\xf5(\xd1\xbf\x07=\x05\x07\x06U\xd7\xe7\x1f\xe8[\x12[t\xc5\x94\x8bs\xf6\'\x8b\x85\x95UQo\xbd\x8e\xccO\xcfZ\xff\xd3\ru/\xc9\xbc\x9a\xd7\xa8\xdf\xc9Ta\xa88\xa7\xf0b\xc0\xcf\x03\x00\xc0\xee\x88\x0e\xe2\xe3\xa3\xff\xf0\xc7pMO\x1a\x94\xca@\xf63\xff\x99\x13\x80\xe83\xe2\xe2%C\x0b\x83\xd6\xba+4p_\x9b\x1f\x8f\xaf\xe1\x97\xbd\xc1\x15\x81)2\xfd/\xf7\xef\x87\x1bi\x92\xf0f\xc0BOY\xeeP[\x01\x00\x00(\x8dq\x9a\xb923\xd1\xa7\xeb\xafa\xa6[\x97\x98\x9c\xba:\xe7#\xceb\xc5t\xb3\x98\xba\xec\x96O\xde\xf4\x12\xf3\x9bKt\xdd\xfeF\xa7\xdf\x16\x05\x9c\xff\xd1\xc5\x97Lb\xf1\xba7\xc1\xf9\x86Z&gt;Q\xc3\x8b\xac}\xcbq]\r\xc0\xd0\x03\x00\n\xd1@\\[]\x01_\x9cz\xfe\xef\x12Z\xe4\xc6\xef\x99\x87U\x0eP\xdb\x8a\xaa+\x00b\xb0\xe7\xd5%\xb3\xeeK.N\x07m+}\x1e\x0c\xacq\xec\x03\x94s\x1fc\x0f\xa7\n\x01\x00\x87\xc39\xc5\xbe\t\xae\r\x9c\xd1\x84\xfe\x9ad\xa0\x96\xc1\xc0Pk\xf2\x94\xb8\xcb\xda;^\xf2\xc9D\xb4\r\xe9\x0c~\xb2)\xcd\x81\rf&amp;\xfa\xd5\xdaZ\x00\x00\x00\x90\xa4\x9di8\xaf&amp;\xe7(\xe4\xb1\xa5\xdb\xeb\x15\xf8\x9b\xf2\x81\xdd\xb2\xe3\xa6Ep\xc4\xdeh/{\t\xa2k\xe5\xbd\xc8\xec\x828\xc4\x00\xd4\x92L\xf4\xa3\xcb\xaf\x00\x00\x00\x88R8\x00\xbd\x7f\xf6\xc07u\xce\x8eP,%\xfa\xef&lt;B\x02\xc0N\xcb\xb6\xfd\xc4\xda\nTG\xdc\xf9\xbc\x84\xe8\xf7\x15\xf1aO\x8c\x98\n\xef}\xa1\x04\x00\xd09\xddz\xa8\xd2\xef\xd6\xc8\xbd\xf2\xad\x08\xf7\xa8\xe2\x9by\xba\xe8t\xa4!\\\xb1M@\xcf\x93\xb4\x9fY\xaaa\xc9\x01\xdaDD\xb1f[\x07\x8e\x0c\xcc\xb2\x9bs\xf9X(\x01\x00\xb4\xcb\xd6C\xf5\xea\xb3</t>
        </is>
      </c>
      <c r="E776" t="inlineStr">
        <is>
          <t>&lt;class 'numpy.ndarray'&gt;</t>
        </is>
      </c>
    </row>
    <row r="777">
      <c r="A777" s="1" t="n">
        <v>775</v>
      </c>
      <c r="B777" t="inlineStr">
        <is>
          <t>steps_per_sec</t>
        </is>
      </c>
      <c r="C777" t="n">
        <v>8700</v>
      </c>
      <c r="D777" t="inlineStr">
        <is>
          <t>3.0559797</t>
        </is>
      </c>
      <c r="E777" t="inlineStr">
        <is>
          <t>&lt;class 'numpy.ndarray'&gt;</t>
        </is>
      </c>
    </row>
    <row r="778">
      <c r="A778" s="1" t="n">
        <v>776</v>
      </c>
      <c r="B778" t="inlineStr">
        <is>
          <t>Loss/RPNLoss/localization_loss</t>
        </is>
      </c>
      <c r="C778" t="n">
        <v>8700</v>
      </c>
      <c r="D778" t="inlineStr">
        <is>
          <t>0.031857513</t>
        </is>
      </c>
      <c r="E778" t="inlineStr">
        <is>
          <t>&lt;class 'numpy.ndarray'&gt;</t>
        </is>
      </c>
    </row>
    <row r="779">
      <c r="A779" s="1" t="n">
        <v>777</v>
      </c>
      <c r="B779" t="inlineStr">
        <is>
          <t>Loss/RPNLoss/objectness_loss</t>
        </is>
      </c>
      <c r="C779" t="n">
        <v>8700</v>
      </c>
      <c r="D779" t="inlineStr">
        <is>
          <t>0.002897649</t>
        </is>
      </c>
      <c r="E779" t="inlineStr">
        <is>
          <t>&lt;class 'numpy.ndarray'&gt;</t>
        </is>
      </c>
    </row>
    <row r="780">
      <c r="A780" s="1" t="n">
        <v>778</v>
      </c>
      <c r="B780" t="inlineStr">
        <is>
          <t>Loss/BoxClassifierLoss/localization_loss</t>
        </is>
      </c>
      <c r="C780" t="n">
        <v>8700</v>
      </c>
      <c r="D780" t="inlineStr">
        <is>
          <t>0.06994548</t>
        </is>
      </c>
      <c r="E780" t="inlineStr">
        <is>
          <t>&lt;class 'numpy.ndarray'&gt;</t>
        </is>
      </c>
    </row>
    <row r="781">
      <c r="A781" s="1" t="n">
        <v>779</v>
      </c>
      <c r="B781" t="inlineStr">
        <is>
          <t>Loss/BoxClassifierLoss/classification_loss</t>
        </is>
      </c>
      <c r="C781" t="n">
        <v>8700</v>
      </c>
      <c r="D781" t="inlineStr">
        <is>
          <t>0.021792427</t>
        </is>
      </c>
      <c r="E781" t="inlineStr">
        <is>
          <t>&lt;class 'numpy.ndarray'&gt;</t>
        </is>
      </c>
    </row>
    <row r="782">
      <c r="A782" s="1" t="n">
        <v>780</v>
      </c>
      <c r="B782" t="inlineStr">
        <is>
          <t>Loss/regularization_loss</t>
        </is>
      </c>
      <c r="C782" t="n">
        <v>8700</v>
      </c>
      <c r="D782" t="inlineStr">
        <is>
          <t>0.0</t>
        </is>
      </c>
      <c r="E782" t="inlineStr">
        <is>
          <t>&lt;class 'numpy.ndarray'&gt;</t>
        </is>
      </c>
    </row>
    <row r="783">
      <c r="A783" s="1" t="n">
        <v>781</v>
      </c>
      <c r="B783" t="inlineStr">
        <is>
          <t>Loss/total_loss</t>
        </is>
      </c>
      <c r="C783" t="n">
        <v>8700</v>
      </c>
      <c r="D783" t="inlineStr">
        <is>
          <t>0.12649307</t>
        </is>
      </c>
      <c r="E783" t="inlineStr">
        <is>
          <t>&lt;class 'numpy.ndarray'&gt;</t>
        </is>
      </c>
    </row>
    <row r="784">
      <c r="A784" s="1" t="n">
        <v>782</v>
      </c>
      <c r="B784" t="inlineStr">
        <is>
          <t>learning_rate</t>
        </is>
      </c>
      <c r="C784" t="n">
        <v>8700</v>
      </c>
      <c r="D784" t="inlineStr">
        <is>
          <t>0.03954046</t>
        </is>
      </c>
      <c r="E784" t="inlineStr">
        <is>
          <t>&lt;class 'numpy.ndarray'&gt;</t>
        </is>
      </c>
    </row>
    <row r="785">
      <c r="A785" s="1" t="n">
        <v>783</v>
      </c>
      <c r="B785" t="inlineStr">
        <is>
          <t>train_input_images</t>
        </is>
      </c>
      <c r="C785" t="n">
        <v>8700</v>
      </c>
      <c r="D785" t="inlineStr">
        <is>
          <t>[b'1024' b'1024'
 b'\x89PNG\r\n\x1a\n\x00\x00\x00\rIHDR\x00\x00\x04\x00\x00\x00\x04\x00\x08\x02\x00\x00\x00\xf0\x7f\xbc\xd4\x00\x00 \x00IDATx\x9c\xec\xfdy\xfc~\xdf5\xdf\x8d\xef\xf3m\x04i\xc5\\sT\xf1\xfb\x99"\xc4p\x9b\x87\x88\x1frK\xaa\xa5H\xddb(EK\xb5T5w\x0cu\x1b\xda[\x8aRm\x08\x15\xa2\xd4L\xd5T\tjN\xd5\x9c\x9fY\xee\xd2\x1a\x8aTbL)\xd6\xfd\xc7u\x9ds\xf6\xbc\xd7\xda{\xed}\xf6\xb9\xae\xd7\xf3\x91|\xbe\xef\xf79{\xaf\xb5\xf6\xdak\xaf=\x9cs]o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0\xddCDDt\xb4\x15\xf7\xc0\xbcN\xbe\x99\x18\x98\xa3!\xa4\xd9\xd7T\xa0\xd2B"[\xb4s\xabdB\xaa@\xd1\xf0hE-_\xa5\\ai\xa7\xcb\xef\xa92\xbb\x1ca[\x1c\xf9n\xf1\xc0\xc9\xe5\x8eSquP&amp;r\xab\xd8;\x9e\x04c\xde\xc7X\xcd\x8cj)\x9a\xea\xd9\x13+\xcf\xb4\xc7\x17\x17\xedY\x1d~\x90\xa2\x0e\x94\xd0R\x17\x00P\x0bF]\x1e\xf8\xe7\x10\xa6\xf2\xf9T\xc64\xf1\xf4\x9e\xeb\x80\x83\x88.\xef$\xc3\xf6\xb5\xa2+3G\x0e\xd1v\xfd3K\xeb\xcb\n\xb3S\xab\xfc\xf8\xba-\xbb\x94\xb7/\x18c\x8cy.\xc7\nGc\xa9LRJ\xcc\x03\xd1\xeb\xde\x95\xf0\xe7\x94:\xa6\x9f\xc3\x16\xe5c#yW\xd2\xa7\xd1Fm\xda]7\x86\xeaz\x8f\xca\x17\xcb\xdbn\xb5T\xd0\xe4k\xe5\xaco\xa5B*\xea\x02\x00*\xc1\xa8\xcb\x03\xff\x0003\xb1\x95\x87lE\x15]\x0ez\xb2\xad\x85QD\xf2k\xcbW?\xa5\xf2\x91\x95bfq\x96\x92V\xb0\xc77\xfb\xfa\x83\xd5LV\xbb\x12\xeb?g\xe5m\xef[\xbc\x92\xf6\xafyua\xc5\xfcv\x88bJ\xa3^\xda\x9a,\xea\xc4\xbcmQ.\xf7\xc2\x02\x15\x1a\x1by \x12\xccO\x94\x9a\x94lc\x15\x87\xf8\x01\x80\xfb\x859b\xed\x14yW\x1c\x95\x9d\x070S\xbb\xe6\xb1\x04\x8c@;\x99\x8c\x88\x9f|*\x10%\ng\xb5\x94X\x92z\x0b\xe8\xd8\xea*\xb9\xa4\x8e\xaa{\xdf\xec\xb3\x8b\xcb\x95\xff\xdd6)\xa1\xd7\xfe\x95?wX%\xb7_\xc5\x1b\x00Wc\xca-\x81\xde\xd7M6&lt;\xa6\xe1\xf5\x98\xfd\x98\xb73\xd4\x15\xba1_&lt;\xff\xfc\x81\xd4F\x10E\x03\x89\xe9\x84\xb0\x96\xa8"\x00\xe0`0b3 \xa3\x01 \xe1\xac\x83%=\xcc\x8b-r\x96&gt;\xact\xe1.\x95bI\xc6^a\xff\x95h\x99\xcb\x1a\xd1\xb8+\xf5\x8c\xb6\x8c\xdd\x91\x92\x11\x99\xbe\xb5\xfc\x05\x1f\x11\x99w\xc8\xbd\xe4\xb3^\xf9x\xc6+(\x91#v\xebV~-\xfb\x96\xd13\xeb\x88\xb5\x0c\x98m\x0fK\xa6k\xd1\xaf_Jf\xcd\xb3\x85rTsl\xe3*eHj|\x90\x02\x00\x00S\xd0\x90\r\'\xe0\xbc\x96\x030\x9c\xd2`\x0f\xae[\x85\x7fU\xb8x"\xeb\xdd\x95\x96\x0c\xc3^r\xa5O\x8b#\xeba\xb2\xaf\xfav\xbe\xca\xae%\xd5\xde\xd0\x15\x9b\x9cRc\xcb\r\xc9T\xdf\\\x11\x98G\xc9\xa6F\x9b\x908\x9b\x8f]\xe9\x98`m\xe7G\xefV\x87M(\xc7\xe6\xb7\x94\xde\x80:\xefY\x00\x00\xf7F\xff\xe1\x9a\x98-f&amp;5\xc3\x01u\xe0d0\x07\xff0z\xb5\x18\x9f\xd6r\xf9\xeb\x8b:\xb6\xac\xd2\x98a\xbc%WF\xce\xcf$\xde\xe11\xc6\x98Ob\xad\x8c\xbd\x8bn\x01\xe7\xc5\xa4\xe4\xc2:m\xbc\xcd\xb3\x83u\xbc])\x14\x93\xba\x9b\x92\x9fi#\xdf\xc8\xc3\x91[\xc5~\x14\xd0w%\x80\xe7\x03\x00LF\xffa\x1f}\xa6&lt;;#\xdc\x02\x8c1\xd2)\xe1#\x0b/\xc8\x9e\x88\xaa&amp;\xf4j\xf5\r\xf8\xb3D\xe5\xe9f\xe6,\xd6.&amp;u \x11\xbd\x8f\x92\xcf\xf3\xda\xc9\xdd\'\xd8\x8bx\xabi\xe1\xda\xd8J\x80\x91\x9b\x82\x95t\xca\xe2\xe8\r\x99\x1cW\xa6\xb4B\xbe\xca\xcd\x8c\x88\xfan\xeac\xc3\xcd8\x16\x80\xd33l4b\xe4\x83\x90\xea)Au\x87v\x8bay\xe2\xb1\xd6hy\xbcz]\xf2\xe1\x86\x99\x1b\xc3\xf5\x89.\x1c\x0e\xdeZ&lt;]\x89Q\xe0\xe3\\%\xfe\xa9y\xb8\xd2w\x8b\xdb\xd7s\x1f\x14\x966:cx\xecJ|\xe7@D\x86\xe8o0\x1e\xd7D\x7f\xce\x14\xbb\x01\xae}\xd4\xf0\x86\x8f\xf7\xab\xd4?X\xfd\x83\xdb\x01A\\\x07\xfc\x06\x02\xd6Y\xe1#\x8f\x99\x1bnwN\x9a\xb3Q\x1fR\xf4vK\x8f\x1c\xda\x9b\xac\x17r\xb2\x02"\x8bo\x95\xe7]\xfb\xaa\xddz\xe9\xc7\x7f\x85&amp;x\xbd\'\xb4!\xa8\xe5-\x07?\x9dg*\xab-\xbb\xae\xc8F%\xd9\xc6\xd0\xc2\x88X\xce&amp;\xe1c\x04\xdbH"2\xe6S\xf22\x8f\xa5\xe8\x96|\xdd\xc6\r\x00\x96\xfe\xe0\xa6@4\x03\xa0\x855\x94\x0e\x19S\x87\xbc\xebu\xfc:\xf5(nw\x03P\xb6\xa1d\x9b\xbf\x01XW\xab\xad\x8fD.r&lt;\xd2\x96\'o\xc5j\xed\x17\xfb\xac\xf3\xf82m\x8f\xb1\xe4\xda\n2\x05\xbc\xab\xdc\x8b\xdd\x18\x1a\xe1\x8c=\x15S\xd0\xdeA\x00\x9c\x1d\xc4\xf1\xdd2s\xd7\xab\xdb\xf6\xf8\x11\x8d\x9d\xd7\x9f\xfd\xa8\xec\xa9\x89c\x8fI\xd7\r\xc0\xe4\xc4\x9av\xb9\xf2\xaa\xf6\xef\xdb\xcf\xaf\xc6]\xce\xa6\xcb\xf8\x1a\xf7\x1dEla\xf7{\x191e#\xfa\x1c\xf4\xda\x02\x9d\rLn\x0f\x13\x97d\\Q\x8c*\\\x0b\x13\x12n3\x8c/\x08\xfd\xf6\x9d\x1dM\x01`8?2V\xdd-\xa7\x92sq\xab\xab\x130\x19w\xb7\xa4\xb8pW\x1b\x80\x03\x1b\x9bYF\xb7\x08\xack\x11\xf3\x98\x99\\R\x05\xd8\x1a}\xb1|\x83S\xa28\xd7\xb5\xe4\xe7\xabt\x8e\xab\xcdc\xb79T\xd5Y\x8e6\x00\x80\x02D\xb4,\xdd\x03u\x8c\x16\x00\x86C\xaay^W\xdaY\xb8\xedV\x13\x91\xd9\xb2\xdf\xb6D\xbb\x8d|h\xaf8\xa5-\xba\xd4]\x8c1\xd9\x8a\x0c\x155\xf1\xd3\xad#d\xc6\\\x9d\xe0\xdbp\xb5\xae\xe8\x9c\x92\x9cB\xf9b\x15"Z\x16\xb3\xb5\xe8\xc6\xa2\x17\x000b7_&lt;\x99\xb8\xd5\xf3?\x00\x00\xd8\xe8xL+\x91&lt;G\xbe\r\x0c\xde\x1fP\x10\x11=6\xf6\xf6\xceT\x0c8\xef\xe7\x04L\xc5\xd3\x0c\xbb\n\x11\x99\xefc\xd6U~\x82\x04\xc0i@\xe8\xf7c\xce\xfc\x0eN\n\xad\x9f\x80&lt;\xda\x90&amp;n\xf8\xc5\x18\xd0\t^\xc0L\x10W\xfb\x02\xd4\x7f-g\xbd"\xb4\x90\xaaj\x95\x0c\xd4\x92VT\x95\xb1!o\xc6\xb5\xc0\xb7JM\xadk\x1a\xde\x02\x02\xf7\n\xe6cE\xe0I\xd0\x8f[\x89\xae\xc7\x1cm@\rc\x9cOD\xc6\xfc\xb0\x8a$\r!%\x1d}\xe6\x8eS\xc79\xed\xe7\xfd\xfb\xb5v\x99\r6\x1c\xf3Q\x8d\x8c\xa2\xe2\x06`\xf0\x9a\xa4\xe2Q\x03\x007\x02B_\x118\x13\x80\xdbc\x9eq=\x89\x19\x17\x86\xbbe\x96^\xc8`Y8\xc4\xd4\xd0!\xb43\xd7\x03\xc3\xe0\xc3\xca\xf6\xaf\xc6\xbb7\xd0rl\x00\xc0\x9d\x83\xd0W\x04\xce\x04]\xc0C\xeaSr\xc3\x0b\x8b\x1bn\x9a\x0e\xca/\xf0\xecb\xfbl3fX\x07[\xcbq\xf1s\x8f\nU\x06\x1b\x00\x00\x00\x00\x00t&amp;\xbf\xce\xd8\x17=3-G\xe6\xb1\xe4\xa4(;\xb0\xdf\x9bW\xb7\xb2\x0e\x96|\xf6WV\xa5Q#\x00\x00\x80V\xda\x13.R\xf6\xd4\xdc\xc4B$\x8a\xf8\xcb\xdd\xa7\xa5\xf3#\xa9#=0\xb7\xff\x0b\x1f\x9f\xad\x14z\x13\x1b\x80X\x13\xfa\xb6\xe8\x06\x9c&amp;\xe2\x81\xa3\r\x00\x00\xdc9\xed_\xd8\\\x90p\xc2\xb4~.k\x0b\xdc\xee7r\x8b\xbf\xd4|Z\xec/S\xd7\xe6\x0f\x89\x8c1\x7f\x85\xed\x04e_\xcd\xfd\x95\xf0\x19\xdbhY\xea^\xcdR\xf8.\xfc\x89"\xd6\xb1$\xd9\xa2\xf6\'\x00d\xfd\xa5\x02"\x1a\xfegU\x01\x00\xe0|L3U$\xe0l\x00N\xb8I\x00\xe7\x00\xa1\xf5?o\xe2@\xba\x07]\xdcR\xe3\xed~\xdf/\xc4\xf8\x86\xd0\xf4\xdd\xd8\xfe\xa7{\x14\xdd\xc6\xf3\x13pg ^\xc1I\x99 t\x91\xeeu\x81?7\xb0\x98\xb80\x8f\x13\xe6\xb2\xa4\xdbg\x00Z\xea\xeb\xd9\x92\xd73KG\xb8`\x03\x00\xce\xc7\x1b\x1dm\x00\x005 \xd5\x82\xb9\xa9\x8a\xcfu\rq|x\x1fn\xc0(\x98\xae~\xe7\x83^F\x1a\x86\xc6\xfa\xf5\x80\xaf)\xeb\xfcA\x14\tx\x08\x00\x00\x00\xb7\x0c\xf2;`P\xb7\x0e\x98g\x01\xd1n\xc6&lt;m\xc9p\n#\xbb\xd0\xa1\xe1\xe3\x9d\xc9~\xf1\xa6\xb7U\x97M\xc8\xbd\xc6\x12\x00@\n\x92\x05\x006\x93\x8f\x08\xbey\xf7\xb0\xac,\xb6\xb1\xd9\t\xff\xa1\xa1.\x93\xfb=\xb2\xed\xd1\xf0N\xef&amp;\x01\x00\xc0\xad1\xd1\xb3\xcb\xb3\xd1y\xce~vO\xe1\x00\xe4\xb0VfS\'\x87\xf2\n\xf27\x9b\xecW\x18\xe3\xbc\x0f\xf1\xdf\xe7\x06`\xf2\xe8\x1a\x88\x8e\x1f\xee;\x96\x00\x00`\x14\xc8\xb3\xe0fY\x8fQ5^\xc8f*&lt;\xf7\xdbJ)\xf2\xe6\xfd\x03\xa2\xd3,\xda\xbe\x15_G\xd6\x05M\xbf\xa1\x0b\xc0\xe9\x88\x85,\x82\x18\x00\x00\xee\x87{\xcc\xf9\xa7Y\xfd_\xa6\xe9\x0f\x9c\xc8\xce\xb3\xf8\x8d\x07%~\x06\x00\x00\x00"&lt;\xf1h\x03\xc0M\x82%\xc8 \xd6Ul/\x87\xab.\x91g\x8a\x8a\xf8\xc6i&amp;\x0b%H\xbb\xe9\xb66?\x00\x00\x00\x18T\xe4}\xcc\x16@\x04\xa2e \x18\x9b\x95L\xf4\xe2\x00\xbf\x07\x05}\xed\xff\x81\xb3\x7fLxJ\x00\x00\xa8b\xb6\x0f\xfbb\xda\xab\x00N\x03YF\xfc\r\xd4n \xb6\x01\x97\xd8W\xfd&lt;\xe4\xb0\xf4\xc8\xd3\x9by\xdd\x8b\xb0\xb8\x07\x00\xf4\x03\xc7\xc0g\x07=\x08\x00\x00&amp;q\xfc?UzLY\x18\x7fs\xe9\xe5\'\xb2\x1c\x00pk`\xf9xr"\xef\n\xa3C;\x00\x97\x02\x00ZI$\xe7\xd3|\xe6\x1b\x00p[\xa4?p\x86\x9449c\xa6\r\x84\xc1\x06\xe6i\x00@\x1b\xa9\x04RN,\xd6\xd7\xc3"\x0bEx\xe0h\x03\x008\x1b\xcbr\xf9O\xecN\xe4"\x98\x062[\xef\xf5\xe4N\xc2\x803\xa7.\xcb\xbdx#\xc5\xd7\x9cf\xe5q\x16;\xc1]\x91I3\x85\xc4\x82E?\x00@\x8f-\xa1 \xb3\x9c\x92i\xbe\xef\xe2&amp;H\xcd\xaf\x98w/\xf4\xfenJ\x00\x0e\xe1\xd0\x01.\xf8\x8bx\xf6\xe8CR\x8a\x82\'\x00\x00\xb0Y\x9e|\xf9/r\xc9M\x80I\xa1\x89\xd4\xd1\xfe\x9d\x1f\xf9\x07$\xbd\x11\xfb\x0e\x16\x00f\xe7\xa8\x01\xce\x7f\x91g/G\xce\x7f\x00\xb8\x030\xa9\xdc\x19\x1a+Y\xacE\x00\x18\xca$\xcf\x07\xb0\x0f\x8e"t\x0b|\xd8\x17\xe1\xf3\xb4_\xa7\x80\xbe\xf6\x01\x00\x00\x12M\x91\xa2\x8b\x06,\x8c0%\x0c`\x92\x05.\xc8\x83\x81\xa0\x00|\xd8\x1f\xf1\x96\x0c\x1b\x80\x12x\x05\x08\x00M\xf0\xfeC\x91\xa2\x8b\x96e)~\xc0\xebni\x9b\xc9\xc6\xcf\x82\xe8Gc\xe6^d#e\xb5C\xc6\x18\xf3;\xad\x02ff\x82\x00\x96\x05*\xa9\xf8\xf4\xf8V\x03\x00@5\x0fi\xab\x8e\x0c8\x17\x93.%\xe7\xb4j\x16p\x00y\xe3\xb4~\x9c\x03\xe1\xa1\r\xde\xff\x01\x00\x00\x90\x04\x13\xc3!\xf0\xde\x01;\x12-\x03\xac\xf5\x07"\xed\xb6y\x83\xa3\r\x00\x11\xb0\xfa\x07\xa0\x12\x8c\x9c\xb3\x83\x1e\xcc\xd3\xcd?p{\x9c{;\x90\xc3\x19$\x00*`\x04\x01\x00N\x03\x12V\x15\xa7w\x1a\xfa=\x05g\x1d|{\x87\xe5x\x02\x00\x00\x87Lr\xf0R\x076\xd5Z\xe0C\xc0\x00t\x01\x1f\xad\xab\xe2\xecN;rNj}\x11y\x0e\xce\xdf\x02\x9b\xcb\x1f\x9f\x9e\xe8C\xedX6\x81\xc9\xb8\x06df\x84\xd8\x7fP\xbc.\x80\xb1a\x00\x00\x00\xe0R=+\x0c\x9fN\x8as\xd8\xe43\x1cg\x7f\x82y\x1a\x80\xf9\xf8kG\x1b\xe0P\xf1HM\x98X\x90\x82\xc0m\x81i\x15\x00\x8f\xb6G\xc9\xd3m\x00\x00\x00]\xd8\xc7\xdd\x90\x01\x88a\xae\r\x92\'\xb8k\x10\xfd\x00\xd8\xb4\xbfHz\xd215\xdel"2ovJ_\xa92\x8b\x07\xde\xef\x9cq{8\x8a\x1f\xe7\x10\x8cA\xbc\xef^\x86\xb2\xbf\x02p\x1fd\xd3\x04F\x85\x0e\x8e\x93_\xf7\xbe\xbdz\xdaiI4\xa7\xa6\n3\x85\xf0&gt;\xf9\xfa\x9aLcN\x08&gt;\x05\xbb\x01\'\x9c\x18\xcd\x85\xb8p\x03\xd0\xa0\xe7\xc6C\x0e\xbb#\x00\xa6\x06C\xf4\x16!3\xd9\xec"2f\xd8\x06\x80\xa7h\xc2C&gt;5c\xe6k\xda\xbc\xc0Q\xe7g\xa2\xbdn\xfbC\xce\xf9\xb9\xf9\x06\x02pn0Do\x8f9;T\xb4\xa6\xd7\xd0\xc5\x12\xc2|J\xa0\xf5&lt;a6R\x06\x9f\xae!\x03\x80O\x80"7=\xf3\x8e\xfdT\x06\x00\x00\x80\xa9\x198\xdb\xe9\xce\xac\x03\xce\xea\xa6;\x0e\x9c\xc7\x92i\xd0\xea\x9d\x89z\x19\x80\x1c\x08T\x00\x008\n\xac\x15"\x1c\xe0\x93\xcb\xea\xfc\xfd\x82\xee8\xfb\xa2\x10\x8b\xd1Fb\x0e\xa4\x0f-x\x15&gt;\xbf\x17\xeel|M\xf4\x86\x15\x00\xf7\xce=e\x9f\xe4\xe9\xe9\x8d9\xe1\xbe?\xb2yX\xc3\xe3\'\xf4S\x9d\xd9\xcb\xf9\xa8\x93\xdb\x7f8kH\xc0\x87 \xc2\x80gz\x18\xbf\x00\x80s\xd03[\xdd\xcbRf\xae\x17En\x9d\xa1\xae&gt;\xa2g\xcf\x1cKSX\x8e=\x008\x90\xc1\xe3\xd7:\x07\xe9\xa0\xf7\xc4\xb9\xa8\x0b\x0f\x1cm\x00\x00\x9al\x7f0\xbc\x8f\xec~\xc2\xc7\xc0J\x7f\xcb\xe2\xb4t\xf2\xc5\xc7I\xd7\x97\xaaf\xff!W\xa91\xe3#\xf8\xcc\xa3f\n\xcb\xa70\x02LL\xd7\x1c8r\xfc\xda\r\x11}Q\xea:C\xbd\x96\xf9g\xd9oB\x975\xe5\x943\x0b\x00\x00\xa81\xf9\x03\x81\x99m\xcb\xa0h\xf6I=\x00\xf8L&gt;\x06\xef\x8c\xb9:\xa2t@\xa3\xf2ug\xe3\xb84G\x14\xf0\x9b\x07\x14\xcf\xaa0\xe2\x00\x00s2&lt;1!\x15\xf2\xc0\xb4!\x02\xbe\n\xf8\x8d\xc4\xf5=\xae\xe0\xb4Y\xf8\xcc\xc3\xd6\xd6dQ\x9a\x0e\x88\x88\x12\t\x9c\xfb\xf5\xc4uF\xb62X\xaf\xaf.\xe54\x00\x008\t\xa9\x0c~\xa3\xcb\x88\x83\x1b\x95\x9ek\xcf\x01g\xbe?{\x1bO\xcb\xc5\xe7\xd8a\xde;\xe4\xc2)\x9f\xb9\xc9Q&amp;\xb3O\t\xc4\xf9\x00\xf0\x19\x00\x00\xc0\xad0\xc1\x941\x81\t\xd5pl\'c\x8c9\xf1k\xfd\xe7\xe5\xe2\xf3\x1b\xf8$R\x92\xa7b\xcdW\xc2[\x16s\x82!S\xa6\xec\xef\xe3\xc2\xed\x86\xe3\x1c\x00`\x83\xbc\x7f~0y\xe3t\x1c\x80\x13\xf0\xa3G\x1b0\x05\xec\xd7{\x90\xd0\x00\x00\xdd\xc0\xc3&gt;p#\x8c\xfdN\xcfq\xba\xc0\x14\xa0\xc7o\x89#{S\xf4\x06\x11&amp;\xe8[\x05\xaf\x00\x81I\xe8\xf5\x07P\xdb!"\xf3\xea"cf\xb1\x1c\x8c\xa6\xd3c\xeb\xe8\xa78\xbah\x02\xd3\xb2fD\xd1W\x9d\xacu\xfa\x98\x04Z8\xfe\x15\x17\xbcf\xe30\xcd\x92\x03\x80&amp;\xe6Y=\x0b\x98\xd5f\x1c\x81\x00\x00\x0e$\xf8\xca\x97\x8at\xd4\xed\x8f+\x9d\x0cx@\xca\x9dL\x7fDD\xe6\xf1\xf7\xd0Rp\xeb\xdc\xc7\x88\x1d\x06\x9c\t\x008\x1c$\xa2&amp;\xaa\xb6@\x97*O\xe9b\xd0hN\x14?\x07\xfc\xc1r\xfb\x9bv\xb1\x82\x02\xb7\xc9\x9c\x91\xdd\xcf\xaa\x03\xda\xfb\xca3z\x18\x00&gt;\x91Q3e\xde\x98\x8dT\xb6\xc1\xe9\xfb\xe14\xac\xea\x82o\x88\x07\x9d\xe1~:9R\xac\xe9O+\x84?\xdf6x\x03\x0c\xdc&lt;\x848\x07\x00\x0c\x80\x88\xc2\xf7\xaa\xb7\xc5\x04^\xb9&gt;\nt\xc1\xb9\xb8\xf4W\xbe\xb3\xa2c-\x14R\x94\x13\xd3x/k\x06|\x08\x18\x9c\x0f"z\x1b\xc1\x06\xfd.F\xf2\xa9\xb9\x93\xe3\x16p\xf3D\x97\x1a\xcbJ7\xb5\x18&gt;\xd3B\xe6\xd3\xd0;bbc\xc5w#s\xf5ox\xf3\xcbE\xd8Z\x12k\x06\x00F\x11&gt;q\xcb\x7fI\x19\xbem\xbd\x8a\xb3z\xec)\xe8k\x00\xfar\xcbC\x8c\xff\x95\x97\x9dT\x8f\xd7{~\x04N\x8b{X\xfe\xf7\x92\xd1Y\xe0\xde\x98"\xdc\x13/\xc8b4\x02\x00\x1c4s\xc2\xcb \xbd\xdc\x0f\xb3\xf45V\x99\xca\xa4\x17\xee\xfc\r\x80h\xab\x00\xc0\x99(\x1c\xa5\xcf\x04\x11\xbd\t\xd3\xa4\xa3-\x9f\xcduZ\xdcj\xbb\xce\x01\x9c?\x14x\x1b\x8c\x06\t\xb6\x8a\xb4\xd3\xd2kw\xc1\x9a&gt;R\x12\xdd\x04n\x825\xb2o*\xa0\x8fm\xd1\xb8\xa3\x82\xe1\xb3\x05\xe6\'p\x06\x10\xa5\x1epH\x86i\x9c\xa3\xf7\xad5\x872\xfa\xafvf\xe4\xe7\x0f\xef\xd7u\x02\x8e\xf6\xc1\xbd\x82\x07[\x1d\xb8\xd9\r\x00\x00\xf3\x83\x84\x06\xc0!D\x8f\xde\x8e]c`\x85S\r&gt;\xec|\xfb\x10\xe3\x1b\xb5\xc0!P\xe9\x8b\xcc.\xa50N\x018\x03\xd9\xa1Jd\x16\x83\xb1|N\xc8\xac\xa71\xf7&lt;\x93n\xebl\xdb\t\xd1\x8b\xe0\x14\xe0k@\xc1\x899\xfb\xabM\xbc\x8c\x89\xac\n\xae\x1cs\xd0u3\xa7k=O\n\xcb\xb2\x97\xa5\xcbX\xbe\x99\xde\x99\x9a\xe5\xba\xfa\xff\xd9A\xfap\xa4\r\x06\xf0\xa0\xa3\r\x00\xddY\x96\xf3\xcd\x11\xbc\xa3\xf1K\xc9\xe8w\x06kYq\x11&gt;\xef\x12|{\xbc\xc3\xf7\x98\x96\xe6\xdd-=\xfb\x00\xd8\x1cs\xc6v+\x9d\xdb3\x0b\x1e\x97ao\xa5w&amp;\xa7\xd7\xd0#\xa2\xf3\x9c\x9d_&amp;\x9a\xa3\xad\x00\x00\x08H\x8c\xd8\xf3\x8fd\xea\xfc\x07\x01\xe6\x7f\xb9p\xb3\xb0\xf81\xa9\x16%\ru\xc1T\xbc\xc5\xd1\x06\xa81\xd5\xc0L|\x0cq"\x0b\xef\x97\xd68\x11V\xff:\xc5N?\xc7\x9f\xbb\x99\x7f\x96\x04\xe0\x1e)\r\xcb\xa9\x07-\'\xa7\xf4~\x05\xe86R[C+\xb6\xad\xc5\xf7\x14UL\x1eN\xa0\x9e\xf3\x0f\x81\xfe\x14\xbep\xf0\x06\xd2\xc8\x199\xf0\x1b\xf0\x04\xdfA\xd9\xa6\xa5\xab|\x00\xc0Y9wv\xf8og6\xfe8t;\x9d7\x8d\x8d\x98\xea\xc0!\xa0g\x99\xf4\xdf\x00\x14%\x1c\xd8M\x93F\xc8\x81\xd1\xbb\xed=0|\xb4\x81?\x01\xb8;\xc6\xaf2\xd5u\x15\xde\xd5\x99\x93\xa2\xdb\xc7\x9cu\x81\xf3qO!!\x8a\xff\xb50\xb7\ng\x88a\x00F9\xce-\xcf&lt;\xda\x80[\x03\x13\r\x00\xf7\xcb\xe0\xc1\xaf\xa2\xcb\x16r\xb5\xff|\xf9\xab\xecv\xbc\x02\x04\x80\x9c\xafd\x96\xc3\xd2\xa7\x018\xedV\x88\xcc2M\x83\x02c\n\x00\xd0\r?\xbf \xdd\x00po\xe8\x9c#`\x8f]C\xe2\xc0\x05+\xbfSc\xf5]}?bSm\xf0w\x00\xee\rD\xfcP\x16\xef\xeb\xdd\xfc\xdf\xcf\x8e$\x96^\x1d\xcb\x97:0`O\x8d\xcasD\xef\xbf\x80\xcb\xb2\xe0kRo\x0fk\x1a\xad\x9eR\xbfM\xcd\x1a\x00N\x04\xd6\x13@\x0b\x9cJ\x0e\x00\x03\xf6\x9e\xd9\xcf)1\xd6\xe6\xe5G\xddn\x02\xb3C\x16G\xdb\x02\x00\x00\xa7\xe4\x05\xf2*H\xb8\x9dh\xfcS\x0f\xe8\x97\x19\xc1\x02\xa5\x96q\xcb;\xac&amp;\xcf\x07\xde\xa9\x03\x80\x0f\xb2\xdb\x8c\xa0G\x80\x06\x18\xda\xe0\xc6\xc0\x8a\xdc\xe6\xd6\xfc o\xce\xady\x00\x00&gt;\x1a\xa9\x90\x8c\xf9$\x1dk\x9a\xf8S*\xfd\xe1\xdb\x06\x90#@o\xb0(\x01\xa0;\xd9Qv\xea\xef\x92\xae\xe1\xe6r\x8e\xac9\xd8\n\x82\xfb%q\x16\xb2}(\xf3\xe7\x0f\xb0\t\x9c\x0f\xe4P\x05\xe6\x9c\x8a&amp;4\td(E\x11zs\xcc(\xc3C\x86s\x80n\x02\xf7K*\xf41$\xbarc\x1f\x08C\x0eU`\xd6\xd7\x12&amp;4\xa9\r\xbf97\xd6@"\xfa\x8c\xdbj\x91.\x99Q\xa6\x15\t\xe7z\xc5\xe8,v\xf6\x82\xfb\xba\xffMM\xd9\x00\xdc\x147\x93\xc5\xf6\x86\xbcD\xdf\x16\xb5{\xecD\x93\xdc\x19\x803\x8f\x01n\xef\xc7\x1d\xfa\x16Y\xf1FA\xb7\x82\x9b\x04a\rv\x10\x0c\x00\x00\x15f\\3\xd5\x99\x84e\xfdyaw\x1c\xfa\x17\xdc!\xc8k`\'\x0c\x86|x x@;\x88"M\xf0%\x86\xea\xc0\xa5g\xa6\xdcw\xe8_\x00\xc0M0nG\x87S1\xa0\x03\x02I\x95\xdd\x99\xe1\xca\xe6,\xae&gt;\x8b\x9d\xd5\xe0\xa9\xc2&lt;\xa0#\xc0\xfd\x82\xe8\x07\x15\xe8N`\x08B\x00\xd4\xe9\xb0\xca\x1c\xf7\xf7\xb3te\xbe\xcad\x19\xa6s\xc6\x9b\xab\xb1\x00\x809\xd9S-\x16aS\xf0\x042\xe6\x1d\x8f6\xa2L\x18-M\xf1s?\xb1\xf7\xcc\xbbi)8\x1a\xc1\x90\xbc\xfd\x01\xf8\x96G\x1b0\x12\xea\xfa]sX*\x00pk`TO\xc29;\x02O\xb4\xab\x81\xdf@\x1f\xda\x87d\xefA\x8d\xa4\xd1\x81\xf5\x11\n|\x9b\xe5\x8b1g\x01\xb0\x12\x1d\x0c\x18! \xce\x8f\xba\x81\x81\xf9\x06\x80\x95\x99\xde\xf0\xfe\xac\x96\xca\xbd[1\x8d\x97n\x8a.\xe17IO\xa9\x9a1\xd38\x05\x00\x00p\xbb`\xb2\xb9\x13\xe6YX\xf0,\x11\x9b\xaa\xd2:\xc1\xdb\xa7m\xea&amp;\xe9\x8b1\xcc\x13{\xba\x90\x05\xb30Sn\xabe\xb7\xc8\x03G\x1b\x00:q\xe3\x7f\x0b\x13\x809\xc1@\xbb\x1f\x96eY\x96\xe5h+\x8c\xe1Z\x12/@DON\x04\xadJ\xdb.v\x15\xc7E\xe3\xc0\xb9T\xbf\x9b\xd1G\xc6\x98Ib\xaf\x13\xa5\xd6\t\xf7?7\xed+\x00rX[\xea~\xf91\x90\x8c\xd7E\xce\xc9\xad\x9e-\x01pcXC\xb5~\xc0V\x8fwQ\xad^\x13\xd0t\x99\n\xb3^\x7f\x14f(\xf4\x911x\x02p\xa3\xa4\x83\x9b\xfb\xb8L&gt;&lt;\xc8\xadu\xfd\xe5\xb0mw\xd7\xafG\x00\x00\x80:\x9c\xd4\xb4.\x8b\x93)7\x9d\xc4\xdc*M\x99\xb6\xee,\xb9\xaa\xd2\xd3+\xea\xa8\x1b\xd1\x0fL;#\xd0y\xf2\xb6\xbf\x99\x86\x03/pcD^\x01\xe2Gy\xa2p\xfel#Q\x05C\xcbLxL\x95\x03\t\x11\x80~\xd8\x83\xeb5\xd7C\xf1\xaa3\x97s\x8cS\xd1[\xdd\xe7\xe7\x1e\xdax\x0eJ!\xe7l\x00\xa2\x85\xef#b\x01p\xa9H\xd6\xa9\xf2\x18B\xc6\x98\x13\xcd\n\xcc\x8f^\r\xb0\x04L\x08\xba\xbe\x13\xa5\x95\x8a\xe0\xc5\x92\xa9\xfa\x88\\\x8e6\x07\xdc\r\x82\x90\xc3\x06\x00\x00c\xec=\xb1\xfc\xd0\x1aC\xe5\xec`\x92\x06`&gt;0*\xc1\xd1t\xfe\x00a\x1f\xbe\xa6\xe23*\xfeEU\x83\x00\xe8F8D\x11\xbe\x80O\x98\x01\x11?\xe0\x1e9M\xd8\x9f\xc5N\x00N\tf@p\x1ap|\x0bTA8)p\xf2Q\xf9\xe7\x8f6\x00\x00\x10A\xe5H\xfe\xcc\xa9i\xe76Z\x01@\x13\'_j\x00p\x0c\xbdF\xcd}}19h\xa2\xea\xadK\xa0\xc9\x89&amp;P\xeb\x9d\xf5i\xbf\rs\xb0\'\t#\xa8\x02|\r\xe8\xed\xe0}/\xd6\x89\xd2\x19\x18\x8c\x13\x18w\x1f$\xbd\xfe\x9e\xce\xb2\x18C\xc3\xffX\xcf\xe7\xf0\x8a\xb5~y&lt;P\x85\xcc\x19:\x03\x13J\x15\xfaN{\xa41\xe6\x9a\xb8\x1a\xd3K\xbf\xec4"\xef\xad\x01y\xfd/9[\xa3bE\x043\xb8)&amp;\xfe\x08\xcb&lt;\x96\xdc\x08\n\x7f5\xb3\xab\np\x1c\xa7\xfc\xba\x98;\x07}q\x03\xec\xab\xcf\xde\xbd9b\xfd:\x7f@^\x17\xfa\x14\xa3P\r\xc3\r\x00\xd3\xef\x0f4Z\xf2;I\xbek4\xbcz\xe3]\x13m\x1dR\xbf\x05\\1\t\xcf\xeb\xde\x11\xe7\x0e\xfb\'\x9c\xc1x\xfe\x02\xf4\x04\x9c\xa4\t\x95F\xbeW\xdf5\x0f\x00g\xe1\x1c\xe3\xfc\xf6(\xbb\x1d\xfd\xd2\x06\x02\xbb\x08\\t\'\x9czIzj\xe3AO\xb0\x88\x07\x00\x94\x98p\xfe\x98\xd0\xa4\x03\x817\xc4\xbc\xf1\xf8G@\xe8\xa3a\x88]\x9d\xedJ,\xa0\x87r\xab;\x96\xd9\x1a5\x9b=\x00\xdc(\xebH\x93\x0f9\x0cQ\xc0\x01q"\xa3\xf9\x11\xb6\xfcE\x05L\xb7\'\xa1ea4\xfc\xd5\x88\x1b&lt;\xc4\xbd\xc9\x85i\xcd\xae\xa6{,i\t\xbf\xc1\xfe\x02\xe0x2)\xe3&amp;\xb3\xe4\x10\xd4\xfc\x86.8\x0bD\xf4\xa0\xce\x7f\xa3\xedo#\x18\x1cN\xec\x8d\xe6\r\x80\x9a4\xb6\xc6\x13{\xfbN\x10\x87\xc1\x07\xdd\xc4g!\x00\xb8m\x06\xe4wd\x01u0k\xde-\x92O\xed#B\xe6\xe4L\xfd\x82\x04\x0e\xea\x98*l\x8a\xdf\x0b4\xcc\x92\xa9\xc0\xdf\x01\x00\xe6\\\x13\x120\xc1\xdf|h\xe0\xf8\xae\xbf&amp;\xdf[L\xc1\x9a\xf3\x8a\xffg\xc58\x11\xa0\xf9U\xdc\xc5\xb6\xdc\xed$*\xe5\\~\x1a\xf8w,p\xa8qS\x14\xff\x04\n\x11\x99\x8f\x19\xd4\xe3y[\x96\x05\xe9\x0b\xdc\x02\xb1\x1cZ\xde\xfb\x16C_\xe9\x10\xe8\xbfc\x8c\tAVR\xe6\xdc\xfeT9\x8e\r\x85p\x16\xf7\x0c\xbd\x0fk\xb3\xeb\xfe\xb8\xc1\xd1}{-\xea\xcf\xb9\xc3\xe0\xd4\xc6\xef\xe0\xa1:8=\x15\xeb\x83\x1eq\x9f\xb2\x01\x9b\xec\x89\xc1\x83\xfe:\xce\xe5\xb4\xf8\xf7\x94\xf3N\xf7\xcf\xd5Rp\x08\x07~KD\xa3(2\xe6K\x0e\xca\x81g\x19Yg\xb1\xb3\x06L\x7f\x00(\x80wFO\x0bz\xed\xc6!\x8ao\x00\x98\x15\xf3\x05\xdaL\x03\xa0\x89I"p\x123z\x90&gt;\x05\xb8\xd9&amp;\xdf&lt;\xf8\x0c\x00\xf0\xd9RXu.[\xfe\x8b\x9e5`\x1c\xe3\xde\xf6\x1d\x03\xf6\xa2)\x8a\xaf\xe7F\xc98\xb3N \x98\r\xc9G\xcc+\xe5w\x92\xdc3\x02\x056\xb7\x9b1s\xd6J\xd8\xc5m\xb2\xdd\xaei\xdb\x08\xc0\x1d\x11\xff\xde\xb7\xda\x93B\xa3\x99\xbf\xdeFCH\x01\xa4\xa4\xf3\xc2\xe9\xaf\xdb~wE&lt;\xd6\x1eV\xf0F\xe6\xe5\xbd\xab\xae\xbec\xe4f{J\x831\xce\xb9~\xd6\xbcS2$\xff\xb3\xecga\x9c\xc1s;\xe7\xcf\x15K$\xed\x9fdc3\x83\r\x00\x9c\x81\x9a\xa1\xc2\x99&lt;.\xcb\xb2\xea=\x06\x00\xc6\x98l|\xb6&gt;\xc52s\x1f\xc5u\xa2\xbc\x01\x00\x071\xd2\xf9\xbd\xfb\xfaN\x03\x89\xc8\xbc\x89\xdey\xc41G\x1bw\xd9q\x00\xcc\xcf\x0cY\x95\xbdP8\xde\xd4s\xa1\xdc\xb9\x7f\x13\xfe\x07\x87\x80\xc0\xabc\xe8\xee\x0b\x9b\xbdn\xc0\xab\x00\x80\x03x\xb1\xa3\r8\x04$\\09\x08Q\x00F\xe3orn\xfa]AEtw\x86\xaa\xd2\xd0}\x00T0\xc1\xf7{Ti\xc1\x80\xbfe$!\x81Hp\xc0\xf1\xad\xcbmx\xe3\xdc\xa7\xf24\xd3\xdf\xfb\xbb\xed\x8f\x06\xf5D\xd3o\xd6\xfb\x02"\x99\xa9\xc2\xb6\x9c\xbe\x9fe\x07\xe0^\x18\xb6\x01\x98|z\x9b\xdc\xbc\xdb\x83\xed\xf0\xe1\x913y$\xcc=\x94\x86\xdb6\xaf+\xee\x89\x7f\xb2}\xbc\xf8hK\xc0t$\x16\xeb-\xa1\x82\xcf,\x01\x00\xea\x89}9\x12\xe8H\xad{\x91\xe8]f\x9f\xf9\xeeu\x030u\xa7\x88\xb9\xa5\xb6\xf4\x00\xfe\x11\xa0\xfb"\x90\x8d\x9eX\x00\xee%V8\xc7\x00\x00 \x00IDAT\x8f\xfe_\xfc\xb7+\xc2p\xbdg\xaa\x9f\xd8"lB\xe0\x93s\x82^\x03w\xc3/\xef\xaf\xeb(JuW\xff\xed\x92\xbfF\xc1&amp;\x00\xce\x0b\x96\xe6\xa07_\xd6\x94\xac\xa5\xef\x8f"\x98\xc11\x14\x13)2\xad1\xd3\xbfb\x074P]\xa6G\xc4b(\x01\xa0\xc0\xb0\xe1\x84O\xed\xdc7\x95]/\x8dLL\x0c`b\x10\x9c\xe0\\\x0c\xca\xdb\x02\xb9\xab\xe4\x1a\x15\xaf\x81\x01\x08\x80\x8fxT\x84{\x86\xe2.\x02+3\x00\xce\xc6_;\xda\x80\x0cg\xcc\'\xefy\xb4\x0124\x92\xf6\x19\xbb\x89\xcf\xed\xb4.\xda\xd7\x13\xcf\xdauo/O\xdb\x1c\x00\xaa\xd0\x19\xa2UBl\xd5\xb7\xf4T\xee\x96\xdab\x91hQ\xb0\x91\x1ba\xcb\t\x98\xc5\x0f\xba\x8f\xcen&amp;\xb6o\xa3\x15]\x11\xba(S\xb8\xfe\x18\xf8f\xe2\xed&gt;\x99\xb5\xef\x10T\x00\xac\xb4%Y\xbcT\xe7q\x9b\xdeH\xb5\xe8\xf6Zz;|\xb1~\x1c\xdeJl\xd3\xb0/08/\x13t\xf4m\x04\xdbH\x0e\xf3\xd8\x8d\xbd\xa3\xfb\x1c\x04\x1e\x00%\xec\x0f\xd5`\xc0\x18s\xa2S\xab\x93=\xb1\x05R\xba\x04\xe1mD\xc89F(\x00rF\x07\xf6e\xdd\xdf4\xeb\xcd?\x123\x7f\\\x0c\x80{\xa5\xe5\xb9\xc1\r\x1f\xbfay\xa1\x06&lt;Y\x0b\xfc\x96\xa1\xdb\x08\x85\xcfs 1\x82\x08\x08\t\x00\xee\x95\xfd#\xf9\xe7\x98\x1e\xc6Y8J\xd1m=\xba\x05\xa0H\xa7\xd7\x15t\xd3\xd79\xf2!\x00\x0c\xf2o\xdc\x8d\x88\xf3G\xd3Kh\xaf10&lt;\xc1\xb9\x98\xf9\t\x1d^%\xeaH\xde\xb1\xeb]x~$\xf0\xf6\x99\x19\xf0\x06\x1d2!\xb8\x15\x12\x13\xd0\x8fm\xf7G\x99\x80\r\x00\xb8W&amp;\x8f\xd7\xeb\xe0\xfcwS\x1by\xab\x10\x911\xbf\x7f\xb4\x15`\x1c\x93g\x83\x99\xc19\x05\x00\x1a4\x0f"\xf60$\x17\xbe\x82\xbcH\xb6\x9cS\xf2\xa0\xa3\r\x00\xea\x901\xcb1\x8a\x89\x8c1\xcb\x92\xd4\xbe,\xcb\x81\xe6\xdd9\x99~\xb9-.\x01\x96\x0f\xb3\xdb\x0f\xc2\x9b\x9f\xbaz\x02\xd7\x01\tD\xe6^\xb2\xab\x94f\xb7T\tP\xe9\x8d{\xc8\xa0\x0f\x1cm\x00P\xe6\xc0\xa8]\x96\x872\x06^\xc7D9\xd3\xa2g\x1eK\xee\x8d\xc5\xfa7_\x06p \xf3\r\xf7\x15\xcc\x97,2\xc1\x86\xf9\xad\x8e6\x00\xf08&gt;Tn\x18\xaeo\xb7NX\x96E\x92\xe1\xd1w\xe0VPX\x01\x8fZC\xef\x8f\xea~\xeb\xbe\x96\x17\xe7\xa4W\x1f\xe1\x93\t`:\xf0\xfe\x8f\x1e\xf0$\xf0@H\x000#\x97\xd5\xd8\xf3"\xe3\xb3u\xc4F\xc7&lt;&gt;\x13|\x16\xfa\xf5\x11\x02\x00\x00\x06\x1fx\xf9\x0f\xc6\xcb\xcdr\xf7\xdd\x8a\xd8\x06`.\xb4\xc6$\x066\x88\x82\xaf\'\x02\xc0\x98\xe2\xfa\xcf\xf92\xe5\x01\xe6\xf4\x87\xf2_\x1c9@\xfdQ\xaa\xa3\xe4\xbf\xc3\xad%CvN\xb0j\x01yC\xb1\r\xc0\x99\xa9\xfd@=8\x84\xce\x1d4S\x00 \x1a\xc1=\xc3\\4c\x98\xf0!"c~\xeah+b(\xfc\t\xde\x8b\x18\xado\xc5\x91\xa9\x15W\x98l\xb11\x9b==\xc0\xb7\x00\x81\x02\xf8\x8c\xcc\xe4t\xff\n\x8a\x99&gt;\xe26\xc1G3\x01PB&gt;t\x11\xff\xeaL\xebR2:\xabqa\x03\x95\xbc!\xff\xa2\xb5eY\xd6\x87\x15]{\x84\x88\x92&gt;\xb1\xbf\xc9\xf0\xf2OOK\x8e\x07\xdf\x02\x04r,\xcbR\xbb\xfe\xbb\x9d\xad\xf3\xdc\xc7\x00t\xdc\xfc5\xb3[\xfa0u$\x80\xb3q\xc4\xd0\xbd\xd77\xee\x8eh\xb2^\xba\x98u\x93\x92\xa6\xee\xeb;\xabkJ\x95(\x97\x04\xe0Vy\xec\x1d\xce\x16\xc6\x182\xe6\xbd\xa6\x99)\x1fgf\xdf\x87\x888\xf7\xabe\xa76\x1e\xdc\x03v|Z?\x93\xb9\xdf\r@?\xe2\xd9L#K\xe0-\xdcN\xfc\xe5\xd4\r\xb8\x1a\x00-\x90\xb9d\xa4\xdcu\xb9&gt;\xbf3\x13\xcb\x8eH\xb1S\xcfj\xa76\xbe\x1bp\xc8\x18r~\x8e\x86\xe5\x96=\xf8A;&lt;\xc2O\x1c&lt;\x17_}J\xf0\xd9\x0c\xad/\xcf\x08\xfb\x02\xf9G\x85\x84\x0f\xef\xcb\xb1\xf8\x0c\x00\xe8\xc7rIV\x13\xbcd\xb9\xbf\xf67\x87=2\xd6W\x12\'4\xdby_sY\n\xd3\x1e\xe7\xee\x94\xcdtX\xdfU\x05;\xf8[\xa8\x03X\x07H\xeen\xaa\xeaV\x869\xbe\xd6b#\xfef\xf6\xa9\x83g\xf3\'\x11-\xb1\xeb\x8a*z\x08\xbf[\x12.\x84c\x01\x10\x92:\x93 "c\xbe\xa6\x93FI\xd9\xfd\x1c\xe5\xfe\x96nc\xbf\xd5\x81\x88\xf3\x86O*Zp\xb8\x05\xe6\x83n\xe2\xb5\x99\xd4\xc8\xea\xf5\x05\xa3\xa2\x07\x0eZ:\x95\xe4\xccB\xcc3\xc8\x90r0\xad\x00\xd0\x0f\xb5\xc9c\xc4\x1f\x9cB"\x98\x97\xc9\xd3\xf4\xed\xeeOn`\x81\xdb\x93\xdb\xect\'+\xea\xc6\xf61#e\x90F]-Ri\xb7\x9a\x82:r\x13\x1bx\x00\x00\x00.#\xa7\xc3\x196\x00=l\xa0\xf5\xb9\x8d\xaeX07\xf6\xa2\x9fn\xe0\x944e\xbfZ\xbb&gt;\x855L\xfag\x89\xb7\xbb\xe8\xa9\xa9z\xf2.\xaef{\xfe\x1fv\xcd\xd9\xc3\x1e\x80\xc38t\xf0\xcc6c\x1d{2\x14\x95a\x0by\x0f\x05\x81\xf31rQ&gt;C\xbcu:\xcdRq\xe3\x0c\x1b$\xc0\xa4\xeb\x1bwc#\xa10"n\xf1\x8c\xe0C\xfa\xab\xe8\xca\xe0,AV\xbc\x13\x1d\xfa\'\xa8\x01\x98\x92g\xd7\x0c\x89\xe1\xf3=\xc6-\x00Cx\x9c|\xac\xfdq\xc75%`\xf1\xba\xb2\xaf\xfaIvVS\'n\x92\x87m)\xa7\x08\xb9\xae{\xaa\xd3\x91\n\x80Z\x17\xe9\xc4R42\xd1e\x00\xdc1\xa5O\xacn\x0f\x10G\x19\x04\x1a\xb9\x97\x9e\x9a2&amp;\xdf\xe9h\x03\xee\x9e\xe6eh\xcbB6\xb5\xcc\xaa\x90\xd4p\xf7\x18\xba\x8e\xc7b\xa7\xa4w \xe3}\x952\xb5n\x8f\xa4\xf6|\x12\xc7\xff\x00\x00\x19\x07m\x00\xb4\x0f\x93\xa6\xff,\x94V{\x15\xfd6\xe5\n\x1b\xccD\x87\x8fd\x94\xa2\x8e\xb5\x10\xd4\xb5\x8a\t\x96Y\tr\x0f[\x14\xf3^\xb4\xebgz.qTl\xd4l&lt;\xa6q\x1a\x00\xe08\x96#\xdetR\xcf\xda\xdb\xb1\xdc\xccym6\xdb\xee\xe4\xe1\xcf\xcd7\xb0\x1f\x1d\\\x97\xfb\xbe\xb2RZ \xf3\xe5u\x87\xac:\xa4\x0f\xa1\xf9|\x98\x9a5\x83y\xe7\xcc\t\xcb\xb1Y\x17\xa3\xbb\xce\xff\xf0\x1b8\r\x82\x10\xbf\xbf\xf9\xde\x9b\x96N\xd0\xfc\x81\'%\xbd&gt;\x08\xd8C\xec\x01\x9c\xe9D\x93\xde\xa9\xca\xce\t\x9f\xbd\xdc3\x197\xda\xb7\x82bd\xd3\xa0\xff\x91\ru_\xa6Q\xfbyC(\xd5p\x8d\x1e97\xff\xc2m\xfb\xfb\xde\xb77\x00\xd0g;\xdf\xed\xb9R9\xeb\xb8=c\xfe%"c\xdez\x88\x9eN\x9ey\x98\xb3\xb5\x90\xedN\'\xe9\xac\xfdQ\xcc,\xf1\xd3\xedk[z\x88\x05u\x91\\\xd1\x1dJK\x7f\x05\x9alX\xebj\xb4\xe2=\x0ew\x85\xc5XK&amp;jx\x84\xc6\x0c?C\x90\x030\x17\xd8\x00\x80\x99\xe1g\xedI\xd61+\xb3\xac\xab\xba2C\xebf\xb0a\x12&amp;p\xc5\x88\xf5Y\xe6\xbc\\&gt;\x8b\x1d\xee\xb1\xa98\xc4\x1b\xeb\nD\xa1\xd8+\xda\x05\xec\x88\xda\xd79Q\xb9\xc7\x0f\x1c\x00\x8e\xe0\x924\xb5\xc7\x00\x86\xd3\x85y\xfc0\x8f%\xbd \x17\xef\xe6Q\xc6\x98G\xdf\xbe\xe7A\x15\x03\x02\xe3\\\xb1\xd7h-\x19\xa2\x07If\xb1mQh/\x13\xdbl\xc8\xe9\xea$\xd9\xdc\xcb\x12\x96\xd9\xc6\xbdO\xb1\xaa\x01\xe0\x10\xce:T\xee \x8d\xda\xdc`c\xe78w\xbf\x9d\xe3\xff\xe0\xd8\x0c\x9f\x17j\xa590\xec\xeap\xf2J\xd5\x88\xb3\xc6i\xdf\x05\xba\xb0\xb0x\x1b\xa3\xd9\x04\xd5/CS\xcc\x03rQ\xaf\x9d\xbb\xf9F\xb6\xc7&gt;8\xaf\xf7f\xf29\x00\x038\xcb8q\xec\xc4\x08?\x05g\xe8\xa3\xfd3\x00G[\xa2\x8d\xf0\x0b\x03n\xd0\x03\xcd4.\xd74\x96z\xf5o\xda\x88\xc5\xbe\xd7\xa0Qp\xf5\xea7V\xe8\xeaba\xb5\xcc\x8a\x8a\xc3S\xcdQ\x8fX_y\x88\x16\x07r\x19o\x00\x00wJ\xd5x\xfb$\xf7\xd7\x9f4\xa5?\xf9nf96\xbe\x13\xce\xe5\xe4jk\xef$\xa2\x9a\xde\xf9V\xb4\xe3L\x9c\xa1\xe1\xe2\xe8\x8d\x17&amp;\xf3\x89\xe3\xbe\x08\xab\xf7A\xfeE\t\xc7\x8c\xb1c\x7f\x82&lt;s\xb8\x01\x1d\xc1\xea\x1f\x80\x9b\xa6\xff\x08G\xeeH\xd3?\xb1\xe6{6s\xb7!$ni\xce \x13mK\xffw\'\x8a\xdc\x8a\x87\x8f$\xea\xc3\xa9\xa3\xd75\xac\xca\xd4\xaeM\xa3\xfe*v]\xb9\xe6+\xf7\xa0\x8a\xb4Y\x83*AMt}\xd0\xc9\xda\x08\x80\x07"\xd8g\xde\xe9\xf0\xe4tql\xcdg\x01\x15D\x19\xab9S/\xa1\x84&lt;7\xb1\x01@\xa28;\xf3\x9cn\n6\x93\x8e\xc1r\xe3\x7f\xe4\xc0\xb8U~\x9f\xa4G\xf7\xcd\x13\x12\xe3\xf8\x94{j,\x00y\x0e?\xd8\x9b\x84;\xc9\x83\xb5m\x9c\xd43\xd2\t\x8c\xb2\xdf\x1eX\x1d\x007\x1f9y\xbf\x01c\xcc\xb4cdc\x9e\xd5\x9ex\xcc\xae?\xf52\xa8d@\x85\xd3\xc8E\xcb\x8c\x1e\x1b\x80\xf3\x0em\xac^z\xf3\xc0\xd1\x06\x80\xfe\xdc\xfd\x08\x9aaR\x9c\x9b\xe5h\x03tX\x8c1K\xb2-\x0bw\xb2\xf7\x0b,i\x99\xb3"[L,\xcb\x92\xf1\xdb\xb1L\xb3\x08\x98\xd4?+r\x17}\x89\xec\xd9Z\'3\x</t>
        </is>
      </c>
      <c r="E785" t="inlineStr">
        <is>
          <t>&lt;class 'numpy.ndarray'&gt;</t>
        </is>
      </c>
    </row>
    <row r="786">
      <c r="A786" s="1" t="n">
        <v>784</v>
      </c>
      <c r="B786" t="inlineStr">
        <is>
          <t>steps_per_sec</t>
        </is>
      </c>
      <c r="C786" t="n">
        <v>8800</v>
      </c>
      <c r="D786" t="inlineStr">
        <is>
          <t>3.0142963</t>
        </is>
      </c>
      <c r="E786" t="inlineStr">
        <is>
          <t>&lt;class 'numpy.ndarray'&gt;</t>
        </is>
      </c>
    </row>
    <row r="787">
      <c r="A787" s="1" t="n">
        <v>785</v>
      </c>
      <c r="B787" t="inlineStr">
        <is>
          <t>Loss/RPNLoss/localization_loss</t>
        </is>
      </c>
      <c r="C787" t="n">
        <v>8800</v>
      </c>
      <c r="D787" t="inlineStr">
        <is>
          <t>0.29309556</t>
        </is>
      </c>
      <c r="E787" t="inlineStr">
        <is>
          <t>&lt;class 'numpy.ndarray'&gt;</t>
        </is>
      </c>
    </row>
    <row r="788">
      <c r="A788" s="1" t="n">
        <v>786</v>
      </c>
      <c r="B788" t="inlineStr">
        <is>
          <t>Loss/RPNLoss/objectness_loss</t>
        </is>
      </c>
      <c r="C788" t="n">
        <v>8800</v>
      </c>
      <c r="D788" t="inlineStr">
        <is>
          <t>0.025221843</t>
        </is>
      </c>
      <c r="E788" t="inlineStr">
        <is>
          <t>&lt;class 'numpy.ndarray'&gt;</t>
        </is>
      </c>
    </row>
    <row r="789">
      <c r="A789" s="1" t="n">
        <v>787</v>
      </c>
      <c r="B789" t="inlineStr">
        <is>
          <t>Loss/BoxClassifierLoss/localization_loss</t>
        </is>
      </c>
      <c r="C789" t="n">
        <v>8800</v>
      </c>
      <c r="D789" t="inlineStr">
        <is>
          <t>0.13153666</t>
        </is>
      </c>
      <c r="E789" t="inlineStr">
        <is>
          <t>&lt;class 'numpy.ndarray'&gt;</t>
        </is>
      </c>
    </row>
    <row r="790">
      <c r="A790" s="1" t="n">
        <v>788</v>
      </c>
      <c r="B790" t="inlineStr">
        <is>
          <t>Loss/BoxClassifierLoss/classification_loss</t>
        </is>
      </c>
      <c r="C790" t="n">
        <v>8800</v>
      </c>
      <c r="D790" t="inlineStr">
        <is>
          <t>0.058430597</t>
        </is>
      </c>
      <c r="E790" t="inlineStr">
        <is>
          <t>&lt;class 'numpy.ndarray'&gt;</t>
        </is>
      </c>
    </row>
    <row r="791">
      <c r="A791" s="1" t="n">
        <v>789</v>
      </c>
      <c r="B791" t="inlineStr">
        <is>
          <t>Loss/regularization_loss</t>
        </is>
      </c>
      <c r="C791" t="n">
        <v>8800</v>
      </c>
      <c r="D791" t="inlineStr">
        <is>
          <t>0.0</t>
        </is>
      </c>
      <c r="E791" t="inlineStr">
        <is>
          <t>&lt;class 'numpy.ndarray'&gt;</t>
        </is>
      </c>
    </row>
    <row r="792">
      <c r="A792" s="1" t="n">
        <v>790</v>
      </c>
      <c r="B792" t="inlineStr">
        <is>
          <t>Loss/total_loss</t>
        </is>
      </c>
      <c r="C792" t="n">
        <v>8800</v>
      </c>
      <c r="D792" t="inlineStr">
        <is>
          <t>0.5082847</t>
        </is>
      </c>
      <c r="E792" t="inlineStr">
        <is>
          <t>&lt;class 'numpy.ndarray'&gt;</t>
        </is>
      </c>
    </row>
    <row r="793">
      <c r="A793" s="1" t="n">
        <v>791</v>
      </c>
      <c r="B793" t="inlineStr">
        <is>
          <t>learning_rate</t>
        </is>
      </c>
      <c r="C793" t="n">
        <v>8800</v>
      </c>
      <c r="D793" t="inlineStr">
        <is>
          <t>0.03952669</t>
        </is>
      </c>
      <c r="E793" t="inlineStr">
        <is>
          <t>&lt;class 'numpy.ndarray'&gt;</t>
        </is>
      </c>
    </row>
    <row r="794">
      <c r="A794" s="1" t="n">
        <v>792</v>
      </c>
      <c r="B794" t="inlineStr">
        <is>
          <t>train_input_images</t>
        </is>
      </c>
      <c r="C794" t="n">
        <v>8800</v>
      </c>
      <c r="D794" t="inlineStr">
        <is>
          <t>[b'1024' b'1024'
 b'\x89PNG\r\n\x1a\n\x00\x00\x00\rIHDR\x00\x00\x04\x00\x00\x00\x04\x00\x08\x02\x00\x00\x00\xf0\x7f\xbc\xd4\x00\x00 \x00IDATx\x9c\xec\xbdy\xfc\x7f\xdfT\xe8\xbf\xf6\'S4\x10\x19+C"i\x12Q\xe8v\x8b\xa4$QQD\xfd(M\\)\xd2p\xcd\xaa\x9bh\x92\x06*\x85H\x94\xb1$\xdcFC2\xdf\x8at\x13\x97\x06DJ\x08\xb1~\x7f\x9ci\xcfg\x0fkO\xe7\xac\xe7\xe3;\xbc\xdf\xaf\xf79{\xaf\xbd\xf6Zk\xaf=\x9c\xf3\x02`\x18\x86a\x18\x86a\x18\x86a\x18\x86a\x18\x86a\x18\x86a\x18\x86a\x18\x86a\x18\x86a\x18\x86a\x18\x86a\x18\x86a\x18\x86a\x18\x86a\x18\x86a\x18\x86a\x18\x86a\x18\x86a\x18\x86a\x18\x86a\x18\x86a\x18\x86a\x18\x86a\x18\x86a\x18\x86a\x18\x86a\x18\x86a\x18\x86a\x18\x86a\x18\x86a\x18\x86a\x18\x86a\x18\x86a\x18\x86a\x18\x86a\x18\x86a\x18\x86a\x18\x86a\x98\x83"\x00\x11}\x7f\x06\x00p] \x840?\xf4\x96\xb7s\xafY\xc4z\x99V\xac\x00\x00O\t\xd2\x1d_\x0e\xf0&lt;\x8f\x18\xb04R\xfd\xcc%\x92\xd8n@@\xfb\xfd\xda\x8d \xde\x0fpI\xaf\xa8\xb1\xe0Z\xf6\x8aO\x9f\x9b,;]\xb3S\x88\xad_`\xd1BB\x8d\x81\xd5\t\xf1R\x80/\x94\xfe\xf0r\xc4\xeb\xfbn\xdc-\xfc]\x88\x97\x91\xbb2\x9d@k\xf7\x13\xd2w\x89 bl\xf9j\x93\x84x\x01\xc0\x97Q\x8bU\x08\x9f)F\x97\xa5\x05\x9cr}\xc4\x04#w\n\xf7H\x10S\x04X\xc6\x0c\x92\xa07&lt;\x88\xfb\x03\xf7\xb8\x1c\xbbu\x00\xa0\xc7\x018vc\x8b"\xc0\x91\xc4\x08\xe9\x7f\xae$G\x88k\x00\xfc\xbd\xf9yHV\xe4\x0f\xdfS\t\xea5z\xa9!%\xccW\xba\xe70\xa0\xcc#\xe2\xcch\x16\xf2\xa3\x01\xfeS\xbe]\xceBf)\xa2mt\xbe\xedy\x00\xb7\xdc\xab\x7f&amp;l8\xdc\xe9\x99\xfdB\x96\xe1do\xf6\x95_\x9d\xbb\xbb\x83\x93nW\xf9\x8bu\x01I\xe0\xc8\x9c\x03\x04+3\x19\\\xeb\x89\xb9~\x99\xe1N\xce3L\xb2E6\x07\xe0\t@\x97l\xdd\xc2=b\xb0\x0e7\xce5\xac\x9b\x03\xbc\x90\xf5v`\xa4\x84\xe3\xc0\xf0B\x00\x15\x17\x9c\x7f\x11\xd3H\xfat\x8f\x86\x11\xdfXF*\x10B\x18\xb5\x9aB\x04\'^\x02\xc4\xfa\x8f\xf9W\x84\xb5\xb5qBN\xff{&gt;\x00\x02\xe2d\x94\x8aH\xab\x95Z\xff\xea\xe6\xaa\xd3\xa5\x88_\xee\xba\x051-\xed\xccv\x96\xa9_\xc2J\xd9\xcb\xfe\xe3\xee\x9d\x14\x98\xd8n\xb5\xa4\xdc\x02T\x92U:+\xb2x\xf8\x8a\xadC\xcc\xff\xcc&gt;h\xf5\x99n\xf1O\xf6S\x0b\xcd\xde("\x11C\xe5M\x05\xca\xec\x9f\xb9+x\xd0\xb7\xe0\xb72!\x84\xe0\xec\xff\xe8\x883\xf8\x86\xb6\xfc\xcf\xa4s\x01|J\x14\x00\xb7\x9b~\xf0\xaf\xb6\x03"\xdcdKp\xeb\xcc\xc9\x10\xc1\x88y\x88K\x8ah\x880\xede\xc0}Sk\xb3\xd7\x0f\x807\x05\x10 \xbe@\xadh\xfaI\x987\x84\xa4\x02oRn\xf9\xf4\xb9\x9e\x89\xcb;s`\x84\x0f\xe0N\xd2=\t%@\\\xcd\x95\xd4\x95\xc8T\x9c\x92\xc4\xde@q\xdcF\x89\x1e\x14\xc5\x81\xcb\xde\xc5&lt;\xe6\xfan\x8c\xcc\xcek\xf6\x8e\xccpQ\x96\xe4\\\xd6\xf4\xcf2\x0b\xca\x15\xe7\xd9\xf9"\xa9\\\x95\xba\xc0A\x10\xbc\xe9\xef@\xdcc\xf7\n\x8ajZE!&amp;\x84s\xf9\x05MJ\xc0\xa0\x81\xea\xe7\xe6\xdf\xb7T[J\xbb\xd1_\xa6\xa3\xf0d\x19\x11qJy\x9f\x08\x96\xf2\x8d\xea\\\xc2\xec\x1a\xd1_i\x17#\x00\xfegXs\x1c\x1aKj\xaaO~\\\xef\xd9+\xfb&amp;\xf3ewr\x94F\x89\xa3\x8a\x87\x85\x18\x80\xbd\xa5N\r\\\xcfl\x88\xa3\x8a"-UJ\xbeR\x98\xfb$T@&amp;\xaa\x85\x9b\x1dhh\xef\xac!\x89\x11\x8f\xb1\xc2\x9a\xcc\xa2H\xe8\x1b\x9b\x12\ni\xab\xe4#\x07\x9c\x92\x19\xcbi\xd0\x86$Kv\xf2\x1a\xf4\xfcU\xcf\xb1\xe64\xf4\xceF-\xd1\xa9\x8f\xfb\x1aWa\xfb\xf8K\xb8\xe7\x8e\r\xd9\nT\x7f\xf6\xde\x1e2\x07\xd0?\x89l\x9d6\xdb\x89\x15\xc7/[\x16\x0eiSn\xfe\xf5\xa5\xa5_\xab\x15h\xeb\xdf\x9dN\t\x99\xf5%\xe1\xd1a\xba\x1e\xaa0K\xf5\xea\xbe\xa4:\x08\xfdu\xf7\xc8\xb0&amp;s\xa0\x0f\xf2\xa3S`\xe0+5\xbe\xc4\xc9pPO)\x9a\xb1\x9c\x03Cu\xfe\\\xd0\xf1\xd7\xb4%L#auTd\xb8\x90U\n\x8bT\x1e9\xddw\xf9d\xfe\x88\xb3\xf9\x89\xcb\xf9\x80\xba\x1e\xccx\x11\xd4\xdaM\xf8\xc0\xb6\xec\x97K\x1b\xb9.j\xd7[ \x9e\x1b=\xe5\xb4~e\xcd5&lt;\r\xa4\xd70\x15\xa1\xf6\xe3\xb8\x9bX\x9a\x83\xc1\x13\x00\xa6\x1b^\xd7e\xfciHF\xdc\xf3\x95\xca._\x08[\xfe\xd3\x1d\xdd\n6\x81\x88\xf0\x0b\xb2\x84\xaf\xb4f\x96\xce\xb5\xf3L\xe3\xfe"Gi\xbe\xaeu\x9f\x001nQ?Q\xcbq\xdfe\xe5\x8a\xd6\xfb\xa2\x9a\x1f \xb5C\x86\x88\x1b/\x17\xd0\x160\xee\x8a\xd5F\x02\xb6\xf2#\xa6O\xf2-\xdf+\x7f\x1eo\x81\x9d8d\'bXH\xee}\xb4\xcfj\x1a\x0e\x81\x84\xf5"\xc0\x0fd\x97\x81\xf0\xf6~\xfb\x9da\xce\x0c\x16\x9a\x9f_\tK\x95|n\x8ct\xa5O\r\xf7)\x95\x1bG.hY\xb37\xb2\x04e\xaa\x10\xd2rW\xd2i\xfb\xf0\x1d\xea\xf2\xb6%\xc5W3KW9\xfef:%\xb5\xde\xb8\xdb\xc0\x95+\xd8%\r\x97\xc1q\x99\xd1\xe4\x80\xa3\xedA\n!Y\x9f\x96*\xf26Y\xfe\xc7]\x98\xd4\x0b/\x96\x8b\x8f\x94e\x96G\xfa\x87!\xc2\xd1\x83\xd8&amp;:\xe3%\xc8&amp;\xb1T\x1e\xf1\x12\x80/!\x10\x87a\x98a\xc0?\xeb7=\x1d\x98\xe0\xdc\x89\xd9\xc7\xf7\xa2\xfd\xed\n\x01\xd3K\xc1\xb7\x0f\x1d\xdf\xcf\xb5]\xf0\xf7\x00\xd7\x88\xf8~\xa8\xf5\xc5\x0e\xfe\xee\xdc}\x19\xbcp|q\xc1|\xdf\xc7\x00\xbe\xc7\xfa\xa7\x80g\xe7\xef\x8d\xf8\x93\x86\x18;X\xa4t\xbd\xa7\xd0Q&amp;\xca\x9a\xcf|\xfd\x85,\x8d\xfcM^\xb2\x90$\xaf\xa5\x0f\xf4IY\x15{\xf5\xe2\xfc\x9f\xe5\xbb\x16p\xb7\x17lB\xc8\xe6\xc1\xef\x0f.\xcf\xd4\x03\x95\xf5\xbc~\x7f\x01\xc30LY\xd6q\xc66\xa0\xe0\xd9^\xcbS\x01O\xf6\xc8\xc4\xa2|\x0f\x80\xf5M\xf9\x8bu[ow\xe6yxu_\xad\xa6\xa7\xac}\xeaI\xcb\x94\xbf8\xbf\x9a\xc0\xbe`7/4\xab\xd9\xbf\x98\xab\x0b3\x9d\x9f\xb2\x89\xe1\xc5&gt;\x0f1n\x7f\x8c\xffM\xact\xaf#\xd4f{\xeb\x02\xad\xf29\xc0=\nO\xa9\xd7\xefd\x90_1\xbfS\xe5\xd4}\xb0\xa5\x94\xfb_Y\xe6\xab\x9f\xa9C\x8d\xaf9\xb0T\xca\x1d\xcc4\x80W"O\x88\xbf\xd39\x12U\x81=/\x95\x0b\xea\xc1\x0fa\xe6Vb\xf9\\(\x9f\x18?\xc6a\x9b,o3i\xe7]\x8e\x9fI\xa4\xf0o*\x11l4-\xf3\xd4\xef\xd5&gt;\xffs\x00os\xe8\xb2(C\xb3\xd6-\xcaG\x01d\xba\x94\xaf1b}\xf9\xbd2\x03PE\xb3\xed\x9b\xac\x7f\xf8b\xa3\x92\xef\xb2&lt;2n\xabz\xb9\xcb\xf25sLo\xe4\x9c\xbd\xe1\xcee\xea\xd3\xbb\xd5-C\xdb\xaf\xb4\x16\xe4H\xcc\x9d.\xc4\xe76\x15\xe3D\x1c{\xec\xa6:\x86\x1dQ\x9f\xbc\x18,\xff\xc1vT\xda\xf2\x89\xf3\x84\xb7v\xa3q\xf8\xdbq\x97\xa7\xc0/\x08\xab9\x08\xad!\xb6\x0b\xec\x7f\x0eO\x8e\xdd5\xfa$)\x8d.\x95\xad/\xc8k\xd9\xear\\\xa9}f\xea\xc4S\x88M\x8d\xbb\x8f\x160]3\xf5\xe9\xddr{0\xe1\xf6\xaf\xe6\x05%\xa6\x1d\xa5l\xcf\x1d?\xd9\xda\x99\xc1\xd8\xc9\xd6\x86\xa1\xbd\xe4\xf2\x11\xa0\xbb*\x7f\xd9Vj\x95O\xcdO\xac\xd31\xfd\x1c\x11j\xd9\x993\xeax\x15\xf2\x12\xb9\x80\xd8\xe3u\xe6\xf7\xf2\xbaR\xd2\xe5\x02\xedh\xbc\xfd\x97\x08l\'\xf0\xeb\x1f_\xb3L\xa0\x0b\x1c\x9a\xb0Ubo\xa8p\xae\xc7\x7f\x9c\xb5d\xeb\xc9\xfee\x9fJ\xaaM\x04\x9c\x13\xf2\xc1\xf3\x87\xf6\xfcr\xce\xcds\xb6\x13\xdb\x89\xcf\xea\x7f)\x97\x80\xafh\xb0\xf4\xc0\xd8Y\xd6/0\xd1bC\xf0\x1c\xc9u=\x95\xc60\x9dr\xecM\x80\xaax\x96f\xe3\x8bY\xdf\xf0h\xfdc\x16K\xc9??O\x1fbo\xdf\x93\xc7\xfe\xa1\xf1\x16\xa0HEy\xc5\x88\x03\xe1\x7f"&lt;\xca:f\xe3\x92\xadF\x94O!\x92\x9f[\x18m\xff\xb6\x98\xdb}[4\x15R\xf3\xa9\xa2?\xe49@;~43C\xb5yq\x01\xf2\x9c\xda\xfai\xf9\xd4\xbc\xbc\xfb3\xfb\xb8\x06\xa0\xb2\x15\xd9\x06h\xf2\x1a\xbb\xe4$\xcd&lt;\r%]\xe6&lt;\x10\xe9\xce\x9d\x9cY2\xeb$\x96\xa40:\xfb\xffzD\x80\xbf\xd8\x15\xc9Slr\x884\x9a@Q\x8aw&gt;\x13;\x13\xa0\xc3w6,_\xa4\xa7\x92h2\x9c\xc4\x8axU\xb5#\xca\x9bJf\xf9vk\xa9b\xe1\xb5\xfc\x88q@34\xd0\xd4\xf5\xae\xa2\xb5\xb7\x80\r\x9ba\xf6\xb9 \xedw\xd3\xf8\x0c\xd2\x15\xa5\x97\x8c\x80\x08\x7f\x80\xd1\xa5?\x15\x00\xe0\x06\xf2pk\xddB\xc2\xe58\x8ayx$\xb9Qr9I\xbbV\xff\xc7\xb1&gt;\x83\x96\x9f\x96_\x97}\xe4\xeb\xa6T\x18\xcb\xd5\xe4aE\xde0\xd1\xae\xcb\xdd\xb3\xfb\xfa\xcc\xfbcI\xdadl\xf4\xdc\x01U\x1a\x81\x80\x08\x0f:\xce\xd8\xe9&gt;]FK\xb2\xc6\xec\xcf\xf7\xcfB\xdf\xb4hG\x88Z\xca\xa9\xc6\xa7x\xfeF\xb5\x0cQ\x88\xea\x1d\xa1\xe9\xe1\x13\xea\xd6^\x81#\x19\xf6@t\xea_\xcc.\xeb\xe2\xb1\xf3\x82\x9d\xd4F_c\xd0\x0f\xcf\x18\x8b\x10\xd6\xd2\xac\xd7:q]\x0f\x88p\x89\xed\xd7\xff\\w\x0f\x10\xef\xb9U\xed\x91\xea}\x8e\xbf\xa6\x90w\xfbe\\\x07\x96B\x14\x96&amp;p\x14\x0e\x05\x96\x12\xa3Z\xbb\x12(\xa6\xf9\x9d\xd2l\xfaO\xaa\xc6\xb4.f\x8f\x82\xea\xfa\xff\xb8\x17\xc8\xa8\x1c\x15\x83))\xcc\xd6Xs\\\xb0\xac\x1a\x15\x94\xa41\x07nZo\xb0\xaa\x07c}\x08X\xc0\xce:\xb7\xb8\xa5\xef\xaf\xfa\x94{J\xce\x9d\xd7:_i\x1f\xf4\x06P\xbd$\x03\x04\x80\xff\xdcn\xb9\xb8T\xca\xa3`\xdb\x06\xb0\xdc8\x9f\x03\xfah\xc2a\xc2\xba\xa5\x10\xcc\xbfZ[\xbe\xf4T_\xa3\x19\xcc\x02!\xc0\x95\'\xa9\x05\xf5\xe2\xd6\xe1\x96-\xf3A\xcfo\xe9\xe5\x9c\x94\xe8\x04\xf1\xd6Pl\xb5\xf1qO\xd9\xbb\xe2\xd1\xd9u\xb4\xea\xf4\xb6\xc6\xd6\x8f\xa9\x17\x0cek\xee\xbf[\xef\xd1\xa7\xfc\xbf\xdeZ\x80\xf3\xc0C\xf3\xd8\xf8\xc3\x00\x02\\\xcf\xbd]h]\x81v\xad@\xf8j\xb1\xa2\x88qMDD\xf8;\xdc\xbb\x05\xd7\x17,\xe8\rq,\x8d\xf8\xf1\x8a]\x88\xef\x97\xa5T\x9ez)%0"\xe2oD\xac%\xdb\xd4~JZ\x99\x8aRoz\xd5m\xed\xbc\x0fF2`\x029\xb3m&amp;\xbd\xe6\xcaJV|\xe4[\x87\xe8\xdf\\\xe4\x80\xbc\x17\x9a\xce\xed\xf5\x0c\xc3\xb8\xd1\x9e+\x8d8\xbd\x03_c9\x08\xb4\x1f\xfa\x83rY\xcb\'\xfa-K\x96\xef\xaa\xc1Q\x95\x8f\x1d\xc9\xdd-\xca\x1d\xf0\xd0\xf7\xe5\tvQui\x83d\xf0\x96\xe0\xe09\xf1\xb7\x1c\x11\x02;\xc9\xae7\xa3\xea6\xc2\xf7\x06v1\x01\x08\x11\x00\x01^\x9c[M#\x8b]\xb8a\xcd\xca\xa4\x966\xef\xdf*L\x8d\xbd\xa2\xbe\xd4\xd5X\xaaS\xc0Jf\x0e\x84\x117\xefm\xb9\xe8\xc7\x03s\xd0\xbf\x8a\xaa46l\x05\xde%\xb7\xc8"\xb7,\xbf\xf9a&lt;D\x91\xd7\x94\xc4\xfd}j\x8e\xc70\xfc\xd3\x00K9w\r\x12[-\xff\xbc4\xd1C\xbe}j\xc5P\nwx\xc8\xfb:\xc2~\xb2\xeb}\xfe\t;\xfd\x8d\xad\x05h\x82&lt;.\xcc\x1f\x9c&lt;V\x17\xe3\x1e&lt;\x0e2G\x03-\xd9\xbc~\x81#\r\xd5\xb8\x08\xc0\x83\xc2+M\x1d\x9c\xb4\xda\xd1\xf8\xa3\x99\xa8m\xc94l\x892j\x7fJ\x93\x87j\x88E\xbb\xe4\x00\x00\xf0\x02\xf7\x9f,9\xa2sWD\xbeFU\xc5\xbeh\xe5\xa3\x1e\x02\\\xaep\x15$\xe0\x9fT\x1c\x03\x8c\x8eK\xe4\x89\xd9%\x9c\x11\xea]\xaf\xeb:#\xa7\xad\xea\xec\xb34\x9e\x80\xc0\x1c\x87\xd5\xb5?\xc91&amp;\x8eB\xff\xe6\xfaH\x8e\xa2\x89\xb0\xde\xc6\x05\xad\xa8\x8e\x9a\x12z\xe8lB\xdf\t\xc5\x9d\x81\xd6\x1ae\x12\xd3\xac\xd0\x11=\x84G#\xa0\xbe\xc0/\x0bg\xad\xc8\xd65;\xd7D\x8a\x15\x9c\xb50\xd4PM\x00\x98T^CX\xd6\x13\x82\'\x00D\xb9;\x1b\xccI\xe8;o\x0e$|z\xdc\x0e\x0e\xc2I\xf0\xf85,\xf6\xf4?\xe9\x0czav\x85\xdc.\xf4\xcc\r\x10\x11\xde\xd7\xb6-)\t\xba\xda\xea\xdd]\x82\xb8z\x11\x11\xbe\xaey\xff\x9e\x13_\xb72c\x11&gt;\x91\xe3\x1eg\xce\xc7\xf5\xd8\xe0\x8f\xc9\xbf\x0c0\xb5;\x1e4\xafmr\rW{olD\xf5k\xc8\xaa\xbcCJ\x95U\x08p\xd4\x8b\x88\x9e\xbfB=\x81\x890\xfb\xc8\xec\x1d\xf9\x9a\xb1\xde\xb6\x89\x88c\t\\\x80\xe5\x1b\xf2|F\xcbt\xcf\xe2\x84\xbb\xf6&lt;]\xe8\x8dQMAdSdH\x19l\xcce"\xe1\xfe\xad\xcd\x85\xfdK\x02\xc8N\xbd\xa6\xdc\xa5\xca\xe4o\xf9\xb2\xdfEd\x97\xe8bod\x15\xd2s\x02\x03\xac\xc3\x99}\xe4Ye\x1c3\x97\xee\xbd\x0b\n#@\x88\xaf\x06^C\x19\x1c\xf1_\xae/I\xd1/\xd4\xfe\xdf\x19l\x86\x0c\xc3\xc4\xd0i(c\xf6\xf1\x1f/q\xf0Z\xb9\x80"b-\x85[\xa5\xfaHV\xae\xa4\x1c\x98y\xe1\x08{\xf1A\xc7\x9fF\xdd\x86\x1b@\xff\x95x\x04\xeb\xe1$\xf4m\xf3C\x86\x11\x86a\x98\x11I\x89\xb7\xb4S.\x84w\x02|B\x7f\x0b\xc8R\xaa\xab\xae\xeb\xe3\xbc\x90\x8f\xb1\x07\'\xf4\xe4yiqg\r7P\x0f\xf9@\xff\x023\x0c\xc3\xb4c&gt;Ywq\x80\x0fp\xc0d\x18\xa6?\xd6\xbc\xae\xfeA\xe8\x01\x96yB\x96\xbdC\x9e\xbas\x94\xd7\xf7:\x9c\x85\xb1\xa4e\x9832fl9\x18f\xa8\xff\xec\xd6"1\x0c\xc3(&lt;6\xf8\xd5\x11\xa7D\x8e\xe0\xf1\xef\xb7q\x15\xc7{\xdc\xbd\xd2U\xbf\xbc\xbe\x8c\x9d\xb0\xf9\x95\xa0#\x95\xfa\x16,\x988\x92uh\x9e\x9a&lt;vw\x1c\xbbu\x0csXx\xb5\xc8\x0f\x12\xe6La#\xc1:I\xe8\xbdW\x8e5\xb6\xf557+\xa6\xdbV\xcd\xecE\xb1\xbdB\xe6\xef\xe3{\xe5\xbf\xb7\x16\x80\x805\x86\x8f\xdf\x1d\xfbt\x159\x19\x86\xa1\xc3\xee\xd74o\x01\x1a\x011\xbd&amp;%\xe9^}P\x97\xdf"\xe4\xbbi\x84tI\x19\xd2\x0e\x10\xfd\xe9\xd5N\x95\xd2\xd1\xeaV\x88+\xd7\xb7\xae)C8x\x1a\x94\x07\xd9\x11\xcc)\xc2\x08qg\xe3/\x03\xac)\x00\x00\xc0\xc7\x0e"\xa7\x0f!\xa6Q\xe3\x14G\xff\x85\xe8\xef\xf9=\x86a\xf2\xe0\x11;\x8b\xe4\x03?C\x9c\xe2=\xd3\x06w\n\xd9\x9d\xf8\xf0\x82fP\xdb\xba\xd8T:\xe0!\x08p\xef\xd6B\x84p\xb0\xe5d6{\x86a\x06\x83\xc7k\x95\xf8\x9cIMzb\xf5\xd8\xbb\xde\x95\xd6\xb1\x95\x18\x10\xa5\xefe\xbe,\xe2\xa7kw\x19O\x00\x98`\x0e\x14O\x10o8\xc8yN\x86a\x98\x15\x1e\xaf\x15\x12\xf3\xb9#\xa7\xc8\x9c\xd2\xf9\xa0[\xbf\x9f\x8c\xe7\x7f\x10\xc8\xb4\x15Y\x7f\x8bI\xb6\x96\x9f\xa8X/3"\xc7\x08)9\x0b@\x0c\xc30\xcd\xe0\xec\xce$\xfd\xa5\x10\xc4\t\\/\xb0\x89\xf8\xc9\xd6L\xc6\xec\xd1\xdb5\xafk\xd1qev3\x98\xbe\xe0\xfe\xdd\xe0=\xd2\x0cXc\x0c\xd3\x10N\xed\x98\x1dr\x16\xb7\xd8\xb6$\x1cYB\xf2,|w\xe9\x11\x11\xe1\x06\xdc\x05L\x87\x1cj\x96\xc8K$\xf1\xf0\xb0\xc20\x1d\xe0\x0e\\\x17)Q\xdbI\xde\x99\xc0L\xf9\xa7\x10\xdc\xe33\x8f\x05\x80\xd9\x01,:)\xf1\x82\x8d\xfa\xdf\xfc\xc70a\x88#\xa5q\xech\xb1\xdc\x08\xa7\x08\x98\xa0\xb7iX\xa1\x16\x88a\xceIM_:\xfdY\xc9\xf1\xda\x9eqJ\x8c\x8f\xc6*\xfc\xc3vZXSH\xa2\x96\xf8\xf0\xf1P\xbc\x98O\x890L&amp;\x88x\xdd\xe6Nt\xb7\xd6\x020\xcc\x90\xbccMY\xbe\xa3\xb5(\x16~\xbel.U\xe20\xfd\xcf\x92\x96f!g\x02\xf0\xc1\xed\xd0\xcb\x83\xe9%\x1b\r)\xff\x9ftr\x83\xf5/\xf0\x97\x89V\xc1\x13\x80\x81\xe0\xceb\x98Lz\xf0 &gt;\xee\xc50\x89H\xa3`w^T A_\xb3\xbdo\x1et\xbd6c\x02\xf0\xa5\xf3\xcbmFkr!\x8c\t\x80\xf6Oz\xc1\xac\xde!\x18\xd1\xfdO\x06wM1\xa8\xb6\xbf\xd8\x83\x18f|\x10\xfe\xb9;O\x96\x923\xca\x02q\xfd\x8a\xd413\x80\xd4\t\xc0\x95\xa7\t\xc0\x88M.\x01\xea6@5;\xba#\xabw\x08\x96\xae\x7fqkA\x18;\x05\x16\x80\x8e\x00\x85Z\xe4\xd0\xc70\x0c\xb3\xad\x8e\xf7\x04i\xb6\x8a6*\x9c\xdb\xe9\x08\xea9\xd5\xb8X&amp;\x00\x80\x00\xbfNRt\xc8E\x04\x151Y\xf0L\xb8kN\x9f\xa1Z\xda\xaeF\xad\xe4\x82\xb5\xcdO&amp;\x07\x0e#Lg\xa4\x06\x88C/\x0f[\xd3\xff\x13\x86\xbf\x03wq\x04\x9a\r\xd4W\xc8s\xaa\xd7\xc8\x04r\xca\xb0\xd0#\xdc\x0b:T#\xd7\xa9G@RX\x87L\x1d"^\x0f\xb4Zd\xfc\x0b\xd1\x10\xb0\xee\xab\x88ja\xf5R!\xe0\xb8\xaf\xc5\xe47~z\xd8\xcc\xe1_\x01&gt;\xa1\x8d\xc1s\x07\xf5\xc9l\x1b\xfc6I\xa67\xe4Q,\xc7&gt;32\x84\xae@\xc4\xd6M@\xc4\x83\'\x12L\x17\\H\xb8\'~n*\x96\xec\xffh\x93\xda5J\xbc\x13@\x08\x10\x90\xfc\xe6\xe3Ax\x10\x1c\xaf\x13\xe9\xd8\xfa\xfd2\x00-\x14\x85\x80\x81\x87\x85\x98\xca\x1c7&amp;0\x83\xb3&amp;\xbb\x99Y\xaf\x10B\x88\xe1\x17\xfa\xba\x08\x9f\x83O\xa1\x98cB\xbd\xc1\xf7\xe5}x[&amp;|\xe4q\xe5\xec\x07\x81\x94M\xf0\x06\xc7\x81\xfc\xeey\xea\xae\xe9\x01\xde\xd6\xef\x83\x7fk-\x00\xd3/|\xfc\x869\x0f\xd1\x87y\x087\xb2\x8f\xb2c\xc8,,=z\xe6\x0e\x9dt`nx\xd5\xd0\xc9\x8e\xfe\xf9t\x10\xc3\x00;B&lt;s\\i,E\x15\xe6\x00~\xe2!\x8c9\x0f\x17\x89\xbc\xbe\x90_\x10F\xe4\x93\x06\xf7-\xefl\x18\xb9\xc42R\x9c\xf8\x9b\xdc%\x0f\xc1\xcak\xeeO\xda~\xb4z\xc1I{\x84aT\xd8\x11b\xd8\xce\xa3\x9f\x82\xf3\xb4\x94aZR\xe6\xa5\x01\x08\xcf9\xdd\xfe]\xeb\x97\xcf\xe8\xa2\xf0\x99\xa8\x99\xda\xaf\xc5\xe0\xb7p0LC\x92\xfd\xaeu\xdcv0\x05\x93\xff{\xbax\x82\xd2\x7f\x19\x86\xa1\x075\x08K\xa6+*\xa1\xea\xea\xb5\x7f\n\x91&amp;k$\xee\xe7\x0b\xa9ugee\x1cj+\xf8\x8c=H\x01\xcf\xcaNA\xba\x83`\x9fs\x80\xb3z\xfd\xd4\xdek\x9e\xaf\xe1\xcc\xb9h\xb7\xdd\xf5\x0e\xc4\xcb)\x1f4&gt;\xbeBA\x9b\xe3\x83Ff\x91"\x80TH9\xf9\x11\xf1L\xaf6S\x1e\x01\xa8Wk\x91Gk6\xfb\xe0\xd3\xb1\ttqB\x8fa"9Y\xc4^9\xe9Ab\xa6%-\x1e\xa1Ly\r(\r\x9f\xa8\x7f@1\xd7\xbev\xeb\xe5\x7f\xed\x87*PX\x8b,q\xb9\xa5\xca\x13%?\xcbI\xa8\xfa\xcbg\x93\x92\xa9U-\x96boM[\xeeI8\x8f\xe13G"+\xfb\x1f{\xcb\xeb\x84\xfb\x1eLC\xc6\xf6\x96\x14\xf4\x93+\x99GP\xee\x9b|\xf2\x81\xcc\xd5\xdb\x9e\xc0\xceQ`\xb1\xe3X\x95\xe9\xe0\xf9\x87\xe9U\xfc\xba&gt;\xc7U)\xc30\xfdP9\x98\xa4W7\xeeP2\xfe8\xc8\x8c\xc6;\x0f\x90}EbN\x00r\x1a\x9fZ\x02i~6n\x17\xd6NX\x8b\xd4\xd2V\xf9\xd2$\xf6\xb4\x13\x80\xf3\xb4\x941\xf9\xaf\xd6\x02\x9c\x01\x04\xb8W\xc5\xda\xd2#\xea\xb0q\xef\xa6\xa7K\xc5\x98\x0e\x98M\xee\x15\'\xb2:\xdb\x04 {\r;\xf6&gt;\xb8;\xf1\xe3\x92cF=\xed\xf9\xd1g\xd7\xa9\x8c\xbc\xd4\xab\xb4\x8c\xdak\xaeO6\xad\x1d\x8dS5\x96a\x0e\xcf\xa8\xc3Y\x0e\xe7\x8b\xdb\x0c\xd3\x02\xcb\x0c \xcb\xeb\xce\x18\xad\x08\xa9\xb9\\]$\xc2"\x02\xdc\x8d\xb8\xcc$\xd6\xad\x80\xcao\x01j\xcd\x1bNx\x94\x91a\x98\xc3q\x9e\xa0\xcd0\xcd\xa0\x9d\x000\xe3\x80\xf8\xf3G\xee\xeb\xf5\xbd~\xa7\x9a\x00\\\xe24-e\x18+\xcfo-\x00\x05\'\nY\x0c\xc3\xb4\x83\xf0\x14\x103\x14\xe7\x18c\x10\x11\xf1!l\xd2\x0cs\n\x10\xe0\x91\xade\xc8\xe4Tk\x16\x0cs\x18\x86\xf4Y\xde\x048-\xc7\xef\xe8w\xb3I3\x0c3\x12\xda\x04`\xd9\xcc\xfcS\x9e\x150L\x9f\x8c\xec\x9b\xb6\t\xc0mZ\x0b\xc5T\xe0\x04\xbb=W\xe5\t\x00\xc30\xc5(\xb2\xc4\xa0}1\x0c/\xcf1L\xcf$ze\'_P\xa3D\x95Y\xa6\x13}k\xd4iA\xc4\xbc\xef\x9a\x19\x01l\xf2\xfd\xd0&gt;\xf8{.\x99\xb1\x98\xbf"\xb3\xb1\x14]\xb2\x8e\x9d%#\x0c\x02n)\x06\x7f\xa15S\x07D\xeci\xdc\xec\x90)\x83JWQ\xbbo\x02V\xd8\x9a \x04\x80\x10 `\xe0\x1d\rf\x1f\x84?B@\xf8Pk9\xca\xd3\x9d\x19O_T\xd0Z\n\x86\tGp\xf6O\xc7\xa3\xe3o\x11 \xc4:H\xe3\xfa\x1f\x86)\xcciv\x9c\xa2\x9bI\xb2\x1b\xc7Q\x95i\xc4b\xbdG_O\x9a\xdb\xd9\xcfJ\xc6\xb2#\x01\xec\xfe\x0c\xc3DQe\xc3\x81a\x00z\xdc&lt;/\xc6r\x16"\xe2\x86%\xfb?\xc0\x0e\x00s&gt;\x84\x98\x17\x95\x0e\xee\xdeB&lt;\xac\xaf\x106\x0bs\x92\x85\x15\x86\xe9\x87\xcf\x18\xf7Y=]\xec\xd3,\xcd2\xcd\x10\xd2\xbe\xd3\xc1\x89l&amp;\x95\xf3\x9dC\xb9\x0c\xc3(\xf0\xa1j\x86\xa9\xcf\xf0~\'\xe7\xfdgI\xce\x18\xa63\xa8\xdc\x90w\x00\x18\xe6\x84\xf0\xa1\xea\x12\xec/\xcb\xf0\x1b\xd6\xcf\xcd N\xf7\xa3\xce\xf3\xc5r\xb2\xc1\x9b\x00\xa3\x81\x00?\xd6Z\x06&amp;\x1b\x9e\x843\x0c\xc3t\x06z\x7f\x05\x00@\xc4\x8fp\xdatb\x10\xf16\xdd\x1b\x80\xff\x8d\x9f\xc6[A{o\x0e\xc3tL\xac\xfb\xf0;y\x19f\x00xh&lt;/\xbe\x00\xcdQ\xfb\xb4\x8c1l\xef\t\xf9\xab\xfc\xcd\x00\x0cCB\x9c\x07\xe9\x8e\x97\xedz\xbc}p\x02\x10\x81_\xf9R\x15\\_\x95\xc7/\xdb9\'\xa4G\xa5?\x19\xe0-\x99\xf20}\xd0\xdd;\xc1\x92\xd0\x13\x0f\x8er\x0c\x93DT@0\xbe/+\xdb\xef\xd8i\xcf\xc0\xf0O\x9e\r\xc6Y\xdep\xca8\x91\xde\x96\x08\x99\xaew\xa2w\xe11\x83`.=\xb2}2L\x02\x11\xe1]\xf2:*w\xe3\x87\x80\xcf\xc0\xfe\x13\x9f\xbc\x93K\x89\xfc\x8d9\xac\xd5S2\x05h\xd2\x95Q6$\xa6\x178\xdbg\x18\x12\xe6\xaf\xbd\r\xbc\x14\x00\x00\xde\xae|\xfazZy\x98S\xf2\xa7|\x9a\x93\x14~N\x8e\xb1\x83\x10i\x0f|\xd2\x9a\xe9\x15~\x0c\x80a\xb2\x89|\x06@\x1e&gt;8\xbb`\x88\xb8\x15[\x92\t&amp;/\xe1\xf3sr\xa3Q\xa3\x8f6{\x880\t\x9eC\x06\xc0.V\x86\xfd\xf0\xc5k\x1c\x0cS\x07}\xec\xe0\xec\xe2\xecp\xdf\x17$\'}\xe7\t\xc0`\xc4%\xe5\xd1\xa5/\xae\x9a0\x01`B`}\x16a2\xd7o\xf3\x9a+\x87\xb8F\x98:\xe7^86\xfa\x99\x82\xe5\xd7G\xa4\x15\xc7G\xf9\x0e\x00r?\x16b{\x94\x13R\xce\xbd\xca\x83"?$\xd7=E\x9f\x95\xc7\xf5\x9dP\x0c3\x10\xd2\xe3\xecN\xebED~\x11Pux\xdc?#\xf3C\xc3 =j\x88\x98\x9c]\xf0C\xc0\x87\x80p\xf5\x85\xf7sm\xa4\xa9c\xf5JN\xfcF\xa0\xe8\xb7#\x0b6\x82\x92\xbc\xb2\xb5\x00\x87e\xb2Z\x7f\x86!\xc4\xd9\xbeY\xbc\x87\xf1\x91X\xe1\x88\xf8}]l\xe3p\xfa\xe1C(\xff\x9b\xe1\xfd\xb7sr\xf5\xd9[\xe8Rv&gt;\xb2"\xc3\xda`r\xe1\xd3&gt;\xc5a\xf52U9\xde\x1a\xd9\x0ft3\xd2u"Fav\xb4\xbdg`\xbfa\x96F%\x193\x16K\xf6Od\x01R\xca\xcb&amp;\x05\x84\x8ae\xceH\xca#\xbfL\x14\xac\xd8J\x1c"3#Is{\xc9\x95I\x99Z\xf4\x80\xd6b\xc09\xa2\xe5\xce\xc3\x81\x87\xb3.\xa6 H:\x05|1\xa7,\xa9\xfczk\x01\x18*\x88\xa7\xd3\xc7\r\xe8\xf8Q\r\x9a\x86\xdb?\x87U,\x15l\xc9\x124M\x18_\x0f&amp;\x1d-\xf9u"FY\xdc\xde\x14\xd8\xfc~\xfa\x8bi\x0fm&lt;z\xe4\xd1\xa2[\x15\x0e8*\x9c\x17N\x9b\x82h\xd34y_\xe5\xa0\x8a\xa5\x83-Y\x86\xa6\t\xe3\xebA\xe7\x05\xc7j\xce\x10\xd8\xac\x08/\x15\xf3zhb\x81\x98\x91akh\xcb:\xb4\x1c\xa0#\x8e\xd1\x8a]nR\xbe\x8a\xd8\x84c0\xcd\xb7\x9d\x00\x1c,\t\xeb\x19I\xe1\xa3\xeb|t\xf9\x87\x81=4\x05\xd6\x18\xc3\x8c\xc8\xb1\x92\x92c\xb4\xc2C\xb5l&amp;\xb8\x8a\xe3\xe4X\xa5\x91v\x00\x98:\x1c*\xb8\x1d\x06\x7fw\xbc\xae\x92\x14vn\x94n0\x1c\x03\x19\x86\x19\r\xceK\x86`\xfb\x1a\xc5\xbeF\x1a\xce\xb1\x82\xe1\x99\x12\xc3xb\xc5e{\x08&amp;\xa9\x024\x92\x9c\x83\t\xc30\x19\xa0\x8d\xd6Bm\xf4&amp;O\x03\xfa\xeb\x14&amp;\x15\x9e\x000\x8c\xc1\xa5\xa5\x05\x8e1\x1d\x84Ct\x004\x9d\xcb_\x046\x81\xb7\x9e\xd6\x93.\xc1f\xc7$c7\x9e\x8bu\x16\xcbN\x1d[\xb3\xbf\x8d\xeb@\x87\xa1G\xe7T\xdf&lt;\xd5\x066\xf5\xf1x\xf7\xea\x17\xa3~;\x9b\x10"\xf9\xabmO\xc3\xa8\x9d\xdb%[\x98\xe3H\xc7$b]\xfe\xefj1\xa37y\x1a\x81p\xbdt\r\x98\x9d{\x8b\xb3\xeb\xb3!#j\xfe%\x03\xa5\xd4\x1c1\x8e\x0e\x02||\xd9\n\xf8Ll\xc7\xf0\x1cbP\x90\xfb\xae7&lt;\xc3dO\xeb\x19\x08H\xb0\x10~\x08R\x9c\xc8\xda\xcb\x02X\xa5\xf5\x99:b8\xb5\xcf\x16\xd4SLp\xb2Z\xfb\x10\xd22\xdd\xb1\x18\x90\x10\xd0\xc2U9M\xda\x81\x8f\x00\r\t\xcf\xa8\x07\xa2\xb3\xa1S\xf4&amp;P#\xa6\x95\xa9hG\xb2fB\xec\x8e\xf5\xf9\xe9Q\x95&gt;\x1b\xd0\x10+\xebb\xa1\xb5 \'\xa1w{\xc8\xe0\xec&amp;\xd4\xe7\xbe\xdf\xd9{eXZNm\x11\x91\x97&lt;\xad\xd8\x97\x87\xdb,~0&gt;\xe4\x9eJ\xcdo\xf4\xde\xe6&lt;\xa9.\xe3.\xefm\x96\xc3\xc1\xa1-SOt\xe1\xb9\x88\xd8\x89$\xc4\x8c\xeb\xa7t\xcc\x9d\x0b\xbd\xa9\x82w\x00\x06\xa5\xb1\x19a\xaf3\xda\xb68\x16\xcb\xfa\xf2y\x86h\x07\x8d\xbb\x95\x84\xe4\xbe\x18Q\xff8\x9f\xc1[\x7f\xef4\x82v*V1\x9a\xb7\xb7\x9by\x081\x9c\xfd\x03\xc0\xbaZJ\xa7\x8a_\xe4\xec\x8bi\x07?\x1c\xe6\xa5\xc7\'\x80\x99\x15\xaaG\xb4\x8dr\xb8\xaf\x03\x90\x1e\n\xcc\xee\x82\xef\x18M\xe7\xb8,\x9e\xcc|)q|\xa02\xc2\xb1\xb4\x9a\x03\x02 \xbc\xa7U{\x0f\x1e4x\xf8\x93 \xf7t\x02xr\xc6@\xea4\x9d\x1f\'\xf5\xb0\xac\xf3\x89K\x03\xfc[[Q\x18\r\xe5\xfc\x0f\xe4\xd8\xb02\xc0\xf1\xb9\xb80\xb6\x87w3\x9f1\x95n\x87\xb1\xc6\xb2\xa4\x86\xd7\\L\xe5\x85\xdb\x1a,\x07\x90\xe0\xb0\x0f\xc8"\xc2h\xbe\xd9\x1eD\x1eG\x98j\xf0[\xba\x98sA\xb8?\xa3\x16u\x7f\x12\xf1\xce\xc4\xadsz\x81~\x9f\xad\xd7m\x9c\xea[L\xbc\x81Y\x8d\x86\x9b\x0f\x07\xab\xe80\xb0\xc6\x0eB\xff\x1d\xf92@\xbc\xfc\xa1\xa2\xfc\xfbZ\x0b\xc0\x0c\x00ar\xc3\xa9R\x1e\xe9\x0b\x10\xe4\xe7\xaf\xba\xed\xc7\xca\x13\x00&gt;\xdb\xc60\x0csp~s\x8a\xef]\x8ey\xa9\x1c\xa9-\x0c\xd3!\xe4\x11#\xb94[\x92\x9a\x93\xc4w:\x01\xa8=\xc3D\x83\xec\xb8\xda\xa1V\x19\x86\xd9\x87]\xf7\xb8\xa4\x04w^\x10\xb2\xf2w\xad\x05`\x1a\x83\x07\x9cN\x9b\x94HF\xf3\x93K\xe5\xc5:\xc7Z\xb4\x8e2*\x04D\xf8\x03\x04D\xf8\x19\xf3\x96`\x9d\x983\x80\x9c\x1e?Z\x8f0\xcc\x89`\xbf=\x0c\xd6\xae\x8c\x08\xcd\xdb`p\xf0,\'\x8e\xeb\xb2N\x98\x12G\xd2\xbb\x84\x8f\x85T$n\x01^Y\xb0\xb7\x18aD\x97QN\x00``\x8f\x18$\xb0\xf7/!\x13\x0f"\xc0\xff\xb0\xffa\x0c\xb3d\x86!\xcc\x98\xce\x91\xe2\x04\xf3\xd3\xd2\xf0\xcc)\xd1\x99A-e:vt&gt;`\x04@\xbc\x03\xe2\x92\xaa\xe67\x8d\xa6\x90\xc8`\xab\x9a\x1f\xc5\xb9\x1d\xd2i\xc0\xa0\x0c\x11\xd8\xfb\x97\x90\x89\xc6\xe5q\xca&lt;\x9fa\xeaB2\xb4\x1c\x82\x0f\x9evP&lt;&amp;\x19\x89\xbb&gt;\x018\xbcU\xfc\xd0\xc1\x82\x00a\xdf\x11M\x02\xa3\xe5\xd1\x9a\xf0\x0fd\xbds\x9e\x99mwL:\x7f\r\xeb\xfc\x8c\x04L\x00~\xad\xbaP\x0cs\x10\x10\x11\xe19\xb9\x83\xfd\xa1\xd2\xa0s\x93\x9d\xfcu=\x01\xe0\x15#7\x94\x937\xb5\x9c\xf4\xa2r\'\x00t\x10*\xc7U\x03[\xa6\x15\xd9\x90\x10\xf1I\xfdE\x15\xa6\x11l\t\x0c\x93A\xb7\x89\x1a\xd3\x92\xca\xab\xb6\x15\xe9S\xaa\x1e\xd0\x12\xdc?\xecq\x02\x10\xfb\x0c\x00-E\'\x00\xfd\xbaL\x0f\xcc\x9aa\x151\x05\xb8\xd0Z\x80c\xc3\xee\xca0Ca\xff\n\xc6_\x80\x9f\n\xf2\xe5\xb4o\xb4eb\xc9O\xaf\xe5\xa2\xb4O\xbe\xa4\xbfND\x84\x90\xc6\n!\x84\xd0\x8c\x90$k,\xa6\x10D\xfe\xdaS?b\xeeT\xfe6]\x86\x19\x8cK\xb7\x16\x80qB\xb2J\xc7\x9c\x81\xc8\x15\xca\x9e\xd7\xea\x10\xe0\x1b#\xaf\xef\x90E\xc3\x04J\xd6V\xff)\xcb\xa49.\x9f\xbb\xf4N9S\xa26l\xb9\xc0&gt;-\xad+z\x0e,\xc7\xe4V\x9c\x1e0\x0c\x19?\xdf\x93/\x15\xdc\xd4f\x0e\xc5\xa1\xec$\xa2\x15{M^R\xb7\xfa\xb3h\xaa\xee\xd0\xd3\x7f\xa2W\x00-\xd9\xffT\xd4?\x92\x14\xd8\x87\x05\x92\n\xb05\xeaC\x94\xc5\x1e\x97&gt;l\x80\x02Dx\xdd!\x1a\xc20L\x18\xf9c\x18q\x9eA7\xe43\xc7\xe6\xcad\x0b\xba\xc7\xe1\xb3\x8c\xd4y8\xcc\xfc\x9f\xaa\x15\x08\xf0j\xe9\xe7\xdc\xd2\xe8d\xfb|O%\xd5#\xe1\xd0\xc6sx\xb8S\x18\x86\xa1#3\xd6\x07\xe4\xeb\x1f\xc3\xfb\xa4L\x07\xe0\x19^l\xd2\xf7\x04`_\x9eb\xd9?9\xeb\x96\x02II\xaer\x9aX\xec+y\x15\xa6G\xbav\x07\x86a\x86\x04\x7f5=\xac`\xc0P1\xc4p\xce\x1c\x1a\xc5\x02O`\x84\xfd\xb9\xdb\xa6\x7f\x8fT\xaf\x1d%\xfb\x87\xe5\xabWh\x8a\xea\xae\xa5\xe7\xf1\x94P\xda\xab\xa2{\x8f`\x18\xe6 \x84\x06\x9a\xbd\xa8\xf4U\xfa\x9b\xb09\x841\xf5\xd1\xd3\xca3\x18a_m\x0cI\xeb\xc7Y\xfe\x9f("\x9e_?%j\xb4\xd6\x04\xf0\xc2Ju\r@\x85a\xeb2\x01\xe6\xd4\xbfG\x1c\x96\x98p\x84|\xe4\x81\x19\x1d\xca\xc5\xad\xa1\x06u\xe6\x90\xfc\x88j\x81\xdf\xdfZ\x9e\xe3\xb13\xadJ\x9d\x00\xa0y\x01\x99\xc8\xb9\x94\x90\xe4\x1b\xdd\r\xac\x19?\xfbQ\xf2\xf1\xf9\xe8\x88\xc1\xf1\x065\x04"\xe30\xab-Q\xae\x97\x9b\xed\xf0\xbbe\x99\xe6 \x89\x1dZ\x1d\x80\xdf\xcb\x0e\x00\xc0\xaf\xda\xae\x8bl\x8a\xc7\xb5@\\\x1cw\xcc\x06^\x0e\xf1\x1d\xca\x07rO\xad=x\xdc\xee\xf3\x83\x88S\xdf\x9e\xb3\xf9\x87e3l8T\xe7\x1e\xc9a\x111\xbc\x15\x99c\xcdEbo`\x18\x95\xc9\xfer\xbc\xee\xc64\x82\x18\x08\xf1\xecB%\x0f\xc4\x14 \x86\x0f\x8aC!\xc4\xbc\x8d\x7f\x80\xd1\xc8\x85\xf4\xf6v\x14\x95\xa6\x014+\x053\xff2\\\xe7\xe0\x12k+\xc8mU\x0e"\x1e\xd9\xa4\xbb!\xd9\xcec\xc6b\xca~$u\xcc$\xa6\x90{\x0c\xd3\x8c\xea\x99u\xaca\x98&amp;\x94\xb6\xbe\xd0}=&gt;\xfcc\x87\xb5\xd1\x84^\x1eA)%\x83\xff\xfcL\xb9\x1aK\xd7"\xd7\xa5U\xd7A`i{\xc8\xa1\xf6KB\xebV\xd7\t_\x9c\x117\x1e\x11t/"\xc0\xd3R\xab\xb0\x15\xd7\xde/\x18\x8695\x8f\xe0\t\x00\xc3\xc8\xdc\xb2\xb0#\xc8\xee\xf6(\xba\x8a\\3\n\xac:\xa7\xd2\xc3H\xcd\xa9\x0es\xee\x18\x9e\xd3\xf0\xaasr\x00\x00\xf8\\v\n:X\x93L\r\x8efdz\xf6\x7f\xde\xc1\x83a\xa4\x03:\xc5\x1d\x01)\xdfR?\x95\xd8\xe5\x1c\x9e\'\x005\x99U}\'Vu4\xbc\n60\xef\xa8\xdde\xc784\xc5\x9c\x96\xe9\xf4\xa1\x1e\xebj\x1dJf\x187\xcbs\x94\xad\xe5\x18\x8d\xc5\x9b\xfbzNq\x95\x8aL$\x9c\xff\xc3Fb\x80\xeb\x93K\xfd\x18\xc0 \xc8c\xa1{\x1cl\x7fj\xff@L\xafC\xb8&lt;\xc0;\xf6\xaf\xed\x8c\x0b\xad\x05`\x98\x04P\xfe\xe2\xfa\xd4\x95\x8e\xa9\x84\xef!\x13\x8a9"\xa9\x8b\xbe\xf3c\xc0\xd4\xe2\x9c\x80&gt;s&gt;1CR\xd8\xbaO\x89\xe9\xe1\xeb\xc8\xdcl\xfa_\x9f\x960\x12\xac\xc0\xd2\xac\x13\xae\xf1\xb2\xffjp\x84;*MzV;\xe6\x88&amp;Q\xe5H\xad\xe0\xb3C\x8c\x8e\xdb\xa2\xd8T\x98D\x92\xe2\xd5!\x99\xb6A\xf8`\x15\x19g8\x04\x8b\x88OT\x1ax\xe4\xc62L\xa749\x11k;\xeb\xff\x88\xd4\xa1\xd4\x0c\x94\x1cJ\x18?\xf3\xb4\xb3U\xd6B\x925\xaa\xd9\'\xdb|\x03x\x02\xb0&gt;=rn%\x1c\x90\xd2\x1dj\xccp\xd8x\x98\x14x\xf0\xcb\x04\xe1\xa1-\'\x00\xd22\x00\xa72L\x1d\xd6\xd4\xffs\xdbTO\x91\xb8\x1b+\xd0\xec8\xb59\xdb\x04\xc0\xd2L\xb6\xc0\xa1\x08\xdd[8\x99a3\xe3\xc2f:"\x1c_\x98\xb6\xb44&lt;%qvQ\xc2\x00\x00 \x00IDATqL~\xfc\xc5\x80VH\xc6\xc1\x9a\xe9\x9eA\xf9\xdf\xaf\xfcfi\xe6\xe15p$B;\x8b$@1L\rx\xf9\x81a\x18b\xca\x86\x14\x92\xdc\x11y\x9cn\xc1}\xa4W\x17\x1c&gt;\xfd\ri\xd7\xb15p(B{\xea\xef8\xb0\x0cC\xfcC\xe2\x88x\xe8\xaf\xb8g\x18\x86\xc9\x01\x11\x0b\xbf\xc1p\x1b\x883B1I!L"r.un\xfd#\xe2\xc95\x00\x00\xebk\xc3\x8e\xa4\x87\xedu\xbe\x8cDGj\xb9H\xf4\x1db\x92\x9f\xdf#\xcb0\xc0\x8e\xc0\x98\x94\xff\x1a\n!D\xfe\xd2\x1a\']L\x0f\xb0\x1d\x02t\x95\x15\x92q\xac\xd6\x90\xc1ja\xce@\xbd\xed?\xdegd4\x96w\xf50L\x97\x9c\xe0\x08\x10\x13\xc5!\xcd\xc0\xf2\xe0G\x03)\xb2\x18\xf3\x94xXT9\xc9\x17\x81\x8d\xd6yG\x00\x11\xea\xcc\x01\xa6\x01\xb4\xdb.\xeeV\xb0c#\xa4\xff2Cs\xcc,y5M^\x00g\x00\xe0\xa0\xc1\xcal\xd4p\xcd\x14\xa0\'2\xd9\xb1\xe8J\xc5\xa3\x19\xae\xff!(\'\xe8\xb2\xa3\x05h&amp;\x89\xf5%\x89\xc5\xd6\xb7\xd4\xe7\xb6\xa5\x87\x8d\xfa4\xc2\xab\xb4\x16\x80a\x86&amp;\xf2\x81\xc2\x91\x96\xebF\x91\x93\x19\x1d\xb6\xb4~\xf8\x95\xa2\xcb\x19R\xde\xb5_\x0b\xc9l\xecM\x80W\x85\xe2\xc7^\x99\xfeA\xf9A&amp;\xe9\x11C\xa0\xb3\r\xf9\xc9EKJP\xfe\xf85\xc30U\x99|&gt;\xf0\xb9\xea\xf9b^Vg\x98\r~V\xad#\x10\x914@I\x9d\xab\xce-vk\xc99\x02\xb4N2\xae:\xd5\x95Q\x143,\xd2\x0b\xbf\xa4o\xe5\x02\x00\x10?\x01B\x10g\xe4\x01_BBU\x15\xc30]\x105X\n\xd1C\xf6?\xd0.\x04s\x06\x9a{\x04\xb3A\x9b\xfd\xcb9O\xc5\xa0\xa3l4p\xb0;)hP\xe7%\xe8\xda)#~\xa2\x8ea\x0e\xce\xab\x87rm\x0eD\x0c\xc3\xd4`\x0b5\x15s!\xa5\x9a\xe7\x94\xac\x89\xe9\x97\x8a\xa9\xff^\xed&lt;\x11e\x18\x86a\x98&lt;\x02O\x903\xbdadDu\xaa\xe2\xd5\x8e\xf3\xf2\xe0\xb6\x91\xa2\x8a\xad3\x0c\xc30\xcc\x19\xb8?\'u#S\xa9\xef\xf8\xe8\x05\xc3lDz\x01"\xe2%\xd9k\x18\x02\xd6\xfd7\x86a\x18Jx\x89\x8d\x9a\xfag%\x9cu\xe5&lt;\x04l&lt;\xc7\xc0#\x10sV\xd6\xd4?p\x0e0]\xf5\xde\xe0\xeb\x19\xc6\xc9\xf6\xce\xe7\xc7\xec\\\xc8+5\x0c\xc3\xc4@\xfe&amp;\x8f\x85\x8f\xa5.p\x0c\x10\xa1\xfa\x17\x17\x95z\x04\xdc\xfa\x08\xe6\x8d\nU\xc60\x9db\xf1\x82\x88;*\x08\xc8\x1c\x17\x84H\xab\xab \x13\xc30\x8c\x8de\xf1\xfb\xbc\x9b\x96\xae\x86\x7f\x9d}Z\xd0\xf3\xf6\x8be\x06p\xd2Ne\xceK\x9a\x0b\xb0\xbf0\x91\xb8L\xa5\xe3\x11\x82a\x18\x06\x00\x00&gt;\x1e\xd7\xc3\x8a\x08w&lt;\xed\x04\xc0\xc5\x80/2\xe1\t\x00S\x85\xae\x8d*\xd5\x05\xd6h\xc80\xbb\xe0w\xb1\xa90LQ8\x87)\xca\xf6\xb2&gt;\xd6\xf0A\xe0\t\x00C\x0b""&lt;\x7f\xb8\x18\xc1\xa1\x8d)\n\x9b\x16\xc3\x94\x85s\x18\x86\x89\xc36\x018\xa4\xff\x1c\xb2Q\x1a?\xd5A3y]\x9c\xb1b\r,l\'\xe3\x81\x88\xf0\xbf\xb9\xe3\x18\x83\xe6a\xff\xc8\tL\x02\xe1\xaa\xe0!\xfb\xc4\x9cc\x13\xe0\x90\x8d\xda\xa81\x7f\x0b-\xfc\xe0\xaaV8\xa6\xb3\x90c{u\xdaaC\xcd\xe1\xe1\x1c\x8b\xa1\xe2r\xe6G\x1c\x16\xc2\xa0\xd3\x12O\x9c\xc6$\xe75\xa0\x1bB}\xcbP\xa9w\x0e5\xe6\xa0\xcdZx_\xf9*04\xdd=\xb8\xaa\x15\x04p\xdc\x0c@\x18F\xc1\x83\xbc\x95\xae\x86a\x97$\xe2\\&gt;\xce\x14\xe4_\x1c\x9f\xf7\xe3\x05\'@\x08\xc1\x0e}n\xe4\xe5\xffon-\x0c\x93F\xf9\xa0\xc9i\xdbht\xba\xa7w\xe4\xcd\xc6\x1c\xfa\xd1\t\x9f\n`\x98ny\xd0\x1b\xe8\xdd\x93\xfd\xbd\x1cx\xf1\xee\xc3).\xefv\xdd\xf9&gt;\x1a\x86aF\xa1\xd3&lt;\x1b\xf9Y\x11\x17\xfd\xe8\xa4\x1fI\xdc\x94\xb5\xa2\x114\xc0\x9c\x8f2\xc7}\xd9\xdaK!\xf5WW{\xbc:&lt;*39\xb0\xf1\xf4H\x8f\x13\x80\x8e\x96\xba\xfb\x84\x95\x13D\xe1\xf9-\xf7B\tX\xaby\xfcy\xa1\xc75\xb9_J\x81\xeb\x82W\xebg-\xfcu\xf3\xbe&lt;\x93\xce\xa1\xdf"\xe5\xe1l\xed%\xe1\x84v\x12A\x7f~\xd4\x9b&lt;3&lt;`\r\xc8]Z\x0b0:s\x9e\xf6XJ\xcb\xef\xd4\xc1\xfb&amp;Tc\xca+v\x9a\xc6\xab\xdd\xba\x11\x11\xe1\xb1l\nL4\x8a}\xb76\xf4j4w\xe9QPs5\x1eo&lt;\xb4\x1f\'4z\x93\x87a\xceL\x99T\xb2\'\x07G\x84\x07\x15]\x8fF\x80\x8f\xf6\xfd]\x10\xbe\xf0\x105\xc2\xeej\x04\xc7z&amp;\x8d\xd3N\x00\x1ep\x8e\x96f\xb1\xc5&gt;\xe4\xa3b^P\xfa/\xc30\x8c\xce\x00yd\x1ej\xba\xbc\x84\xc4\xec&amp;\xe3\x92\x9cP(0e\xf9\x1f\x11\xe1\xb7\x8f\xdcqLs\x9a\xad\xad\x0e\x1a\x95\xb2\x8f[\xf0bv\x10g=!\xc60\x0c\xc3D\xf0\x1aDu\xcdh"{\xf8X\xf3\x93J\x0b\x94\xf3\xd4\xa5\xc8\xf2\xff\x80\xb9\x16S\x01\x04x{k\x19F\x81\xc4-\xd9\x0f\xc3\x18s~\xc80\x0c\xc3\xd4D\xd9..V\xc7\xc8c7\x0f\xa6\x0c\x93\x0b\xc1\x04`\xd0}\x0f\xa6W&gt;y\xe4a)\x82\x16\x8es\n\xc52\xcc\xe0\xbc\x87$8\xf8\x07wD\xfc\x82\xb1\x07\xee\xa1\x85g\x8e\xcc89q\xee\xb9\x94\x02[{\xf5\xe0\xb3\xf8\xdd\xa1\xda\xd2\x91{\x87\x8f\x841\xc7\x82-\x99\x8a\x87!"|Q\xf1\t\x00\x0f\x7f2\x1c\x8b\x19"\x06\x1b\xda]r\x06\xbd\x07`\xdc\t\xc0\xb8\x92\x1f\x983\xf5\x08\x9b\x1fs,\x10\x11\xf1\x97F\x1a\xfb\x8a@1\xb7\'\xd0!"\xc2\x9bO\xdd\x11\xb1\xb0\xb2\x18".&gt;\xba-\xe1u\xc2BX\x91\xe7{j0\xa8\xd8\xccq\x98\xcd/\xdf\x02\xb5m\x136i\xa6\x05\xeaX\x10e\x84\x9dX,M\xda\x9d\xaa\x04\xc6D\xd3a%}r\xcf1\xe7f\ra;Q\x0c5\x06r\x1c\x9e\x00T\xa1c\xf5\xf6\xd2\xf5$b4\x18&amp;\x99\x93\xb1kW\xae\x81`/\xd2v\xe2\x89\xe9C\xd8\xda\xc0g\x1a\x03"\x93B\x82\x1a\xbf\\z\x87\xf4K\xf3\xeb\xe60\xca\x90\xb1oN}\x05\x8b\x97\x04\xa6\xf5z\xfe\xcf\xab\x8fV\xce\x1cO\xfa5\x89\x13w\n\x93BW!\xba\x01\xa1\xfeb\xbe\xbef\x8c\xe5\xa1\xe4\xac]\x1e(\xc7]\x11\xdb\xa3bs\xcc\xbc"\xea\xee,)y\xf6\xc6\x14\xa1\xf3\t\x00\x1a\xbf\xe2n\xe06\xfc\x14\x01.SA\xd6\xc1\xe0x\xd2%s\xa7\xfc\x16\xf7\x0b\x13\xc8\xc9M%\xbc\xf9W\xd3.\xbeK\xe8\xdaPt\xa8\xbc5]hMO\xfc\xd4\x1b\xe5\x01\xf1=\xc7\t\xfbO\xfd\xceZm\xd1\x93\x8a\xcbV\xd4\xe1AgoL\xe7466w\xe0\xf3\x05n\xdb\x04\x801a\xe5\xf4\t._\x88\xc3]\xc30y&lt;\x07\xbdGh.\x16TH\xfcPB\x18Z\xa9F1\xce!3i\x99TpB\xc3\x9c\x8fDk\xd7\x9c\xe5\xd5\xec/NX3\xa1\xd4\x1d8y\x84fN\x0b\x99\xe5+)\xd3\xcb\x89\xce_ N\x1f\xecl\x1d\xf47\x01X\xf6\xf3\x7f\x86@\xa6S\xf2\xbe\x863(\x9e\x000\x91\x90\xd8hcK#\x99\x004o\x053&gt;\x1c{O\xdbpfT\xa8\xb2&amp;[95\x87\x95\xf0Q\xec\x85\xc5e9;x\xdf&amp;C\x00O\x00\x12AD\xc4\xfb\x9dOc_@\x90\xfev\x90@\xa7Y;{\xca\xc1i\xd0\xad\xa7\xb7\xa8\n\r?\xadn\x19\r\nK@\x1d\xa2b\x02\xcb\xa9\xfe\x9a\x81I\xb6C\x05\xa8\x80\xb6\x9cf\x81\x8fs\x9a4^tJ\xa5}\xe2f-\xf1/?\xfe\x05\xc4\xeb\x16\x9fp\xaee\x16\t[\x92\xe4o\xa0-\x99i\xce)=\x9aa\xce\x02\x89w\x9b\x89{\xdabV\xea\x04\xa0\x01i\r\xec\x05#\r\x08iN\xe7=BI\xff\xf6\xd7+#{E"R\xb4\x8a\x9f\x008B\'\xb1x\x00\x7f(\xd7FZ&gt;\xc0\xcfiA\xffl\x06pH\x94I#GB\x008\xd6\x82\x1f\xc3\x90a\x1f\xc6\xf2\x0f\x94\xb2\xc7\x95A\x1e\xaf\xc3\'l\r\x07\x82\xda\xd3-\x9e\x00\x90\xf1\xe2\xc3\xeb0-Z\xdd\x13\xe0O+N\x00\x94\xd7\x93\x91\x96/\x95\xcb\x13\x80\xe3 w\xe2E\xb9O\x19\x86qA4\x8a\x15\x1d\x07\xfb\xe7\xdf\xab\xd5\xe4\xe8/C\xe1_\x8do\xd1??\xc9\x89\xd0\x17\xf3\x04\x94\x88S\xe80!\xeb]n)&gt;\x01\xa8\xd6\x05\xec/\xcc\xa9\xe0\xb9.\xc3\x00\x18\x83\xd8}\x12\x07\x823g\xffUqL\x00\xde\xe8\xba\xaa\x8d\x94\x86\x1c\xe6\x9fDx!s\xac\x16a\xb7,\xb5\t\x11U\x0bc\xf0\x01\x84\x8b\xb3\x02=X\x0c[\x04Z)\xc30\xcd@\x1e\x1a\x18\x06\x00\xa8|a\x1a\x0b\x85\xf4/S\x105\xf50\xb2\x8e\xed\xcf\xad\x13\x12D\xb4\xcbp\x11\xeb\xd5\xa6\xe9l\rE\x0c\xca\xe9\xc5\xb2\xb8\xc3A&gt;\x13\x04V\xa2\x17\xd1\xdb:\xe2\xea\xf7&lt;\xfbe\x187%]\x031t\xad\x8aar\xd1\x06\xa0\x04\xc3\xa3\xb1U!\xd6\xd1\x90\x8d\xbf&lt;B\xac\x99\xb1M\xdd\xfdd&amp;\xce\t\xc8\x05\xc7\r\x9a\xdc\x17W\xfe\x16\xd4\xa8\xa5F\x8e\xc2\x99\\\xbc\x1b+\xea\x13\xd7\x97\xefv\x00\xce\x937\x86a\xea1\x1f\xc8m\xbd\xf3\xce\x9c\x83\xf9\xb03n_\x8aM\xfc\x10Z\xe4\xf5\x82\xb3\xff\x06\x8c\x99\xe8\xba&amp;\x00\xa0\x9a\xdd\x07RZ\'D\xeb\x8d\x8fC \xc4\xa0\xb6\xe5a9\x91\xf6\t\x04\xc5\xd8\xff\x90Wp\x1el\xf6\x87\xa3\xfd9N\x86a\xba\xc4\x08\xf7t\xe1\x1f\xe7G)9\xf8t\x8a\x98\x134{\x97\xf7\x9f\x08X\'\x00V\xa99\xaba\xa8\xc1w\x16,\xbb\xe93\xe8\xdb\xe4w\xde\x04\xe0\xe7\x1d\x0f\x00\xf7 \xc30\x06bb]\xac\xa3J\x95\x1a\xbf=\x86\xd9G\xf8\xf7[\x04\x00\\\xad\x96,\t$X\xea\xd9N\x98\x9d\xad\xbdu@@\x9a\t\xf2\xee\xeaH\xeb\x99+\xceg\x01\x89\xda\xcb0y\x9c\xe2\x81"D\x14\x10\xe8q\t\n9\x85\x0e\x99x\x08\rC\x1f\xd9Z\x0fdL\x1a]\'\x90\xd6\x87\x80\xfdD\xbc8H\xb6\xe0.\x9fL\x0frW~\x9c\xac\x00\x82\xca\x10\xa4\xb0\xd8\xe7N\xa9\x98\xff;\xbc\t\xe1\xe2.\xc3\xb7\xe4\xbc\xcc.\xe2y\x91C\xab\xd4\x96x\x98\x8c\xc9\x96\xd8\x9e\x99D\x10Q\xb54J[\x92\x9f!\xfd-\xc2r\x99\xaat\x1d^\n\ng\x7f\xedh_\xa9t\xd8h\xc73\x00JJg\x18\xd3\x1b\xaf\xe6\xe3?\xfc\x1e\x1eR\xba^\xcc`\xc2\x90\'r\x8a3Jo\xaf\xaa\xde\xc5\x88\xd8\xdd\xe8\xc00&gt;\xe6wn\x966Zv\r\x1ew\x8a\xe1y\x08\xf8\x0c\x84\x99T\xba\xef]9\xf5\xc6\x03\xf3\xab\x85\xcb\x9fN\xdf/\xa72\xbb\x8e\x1a=nXx\xe9\\\x9fL\x08B:\xb7\xdaMo\xf2\x0b#\x18\xc6\xca\xb9_\xa6\xb2&lt;\x06\xddZ\x0eFe\xbfC\x1c_\x96\xf6\xc2\n\xc2\xb5@}^\xe7?\xe6\xf7\x815\x13\x87\x19\x006\x0f\xa6\'\xfa\xf8\xdeJ\x86a\xe29\xac\xdb\xf2\x0c\xa07\x9e\x84a\xd9\xadm\x02p\xe0\x8eT\xe6\x00\'h/\xc30\xc7\xe3I\xad\x05hH`\xd0\xc6?\xe6\xd8\xce\xf4\xc5SZ\x0bP\n\xce\xa3z#j\xa1h\xf9n\x8c\xd3%\xc4W8Sc\xa3\x98\xd4\xf2\x8c\xb6B0\x0c\xc3\x18\xc4-lq\x90g\x98\xf2\xb0\x97\x15!\xf1lY\xca\xe3/\xcb\x8c\xe1\xcc\x07\xda\x98\xf9!]Hy\xb2"\xe6\xd5~%\xe1\x87\xc2\x99#\xc3\xef\xb8\xdcA[\xfc\xe2\x11\x8d\xe9\x00~R\x96\x89&amp;\xf1!\xe09\xe2\xfdT\xc4\xb4l\xbb\x94\x8fs\x9d\x1a\x01\x19\xd3y\xec\xe1e\x9f\x1cc\x99\xa32\xef\xec\xb6v\xb1\xc1`u1\rA~R\xb6\x16\x9f\xddZ\x80~\x98\x8c\xee}\xa1\x07\x81\xd4mS\xe6\xc4\xa4\xda\x00\xdbO\xf7\x04\x9d\x9f\xfe\x1a\xee\xc1^a\x17\x0bA\x7f\xb0\x8d\xd5\xc5\xb4\xe38\x07\xd2\x06\x88&lt;i\x1a\x96\x02E\xef\r\x0c\'n\xa8@P\xcc\x94\xbf\xd7\xe2\xdc\xf0\x04\xe0\x88\x84\rB\x9c3\xf5\xcbA2\x89\xe2hS\x00\xd6\x15\xd3\x8e\xde\'\x00\rE"\xa9Z\x7f\xb9Kt\xb1\x07],\x88o\xd2Gs\xb8L\xe2U\x87\xb2\x9btx\xb8\xed\x1b\xce\x87\x0e\xc0\xf1\x06\xaa\x12\xb8\'\x00}&amp;a\xcc\xb1\xb1X\x1d"\x02&lt;\xa4\x894\xb2\x0c\r\xa7%\x14#\x91&gt;\x9c\xcd-zqL\xc9_\xde\x</t>
        </is>
      </c>
      <c r="E794" t="inlineStr">
        <is>
          <t>&lt;class 'numpy.ndarray'&gt;</t>
        </is>
      </c>
    </row>
    <row r="795">
      <c r="A795" s="1" t="n">
        <v>793</v>
      </c>
      <c r="B795" t="inlineStr">
        <is>
          <t>steps_per_sec</t>
        </is>
      </c>
      <c r="C795" t="n">
        <v>8900</v>
      </c>
      <c r="D795" t="inlineStr">
        <is>
          <t>3.1265726</t>
        </is>
      </c>
      <c r="E795" t="inlineStr">
        <is>
          <t>&lt;class 'numpy.ndarray'&gt;</t>
        </is>
      </c>
    </row>
    <row r="796">
      <c r="A796" s="1" t="n">
        <v>794</v>
      </c>
      <c r="B796" t="inlineStr">
        <is>
          <t>Loss/RPNLoss/localization_loss</t>
        </is>
      </c>
      <c r="C796" t="n">
        <v>8900</v>
      </c>
      <c r="D796" t="inlineStr">
        <is>
          <t>0.15195963</t>
        </is>
      </c>
      <c r="E796" t="inlineStr">
        <is>
          <t>&lt;class 'numpy.ndarray'&gt;</t>
        </is>
      </c>
    </row>
    <row r="797">
      <c r="A797" s="1" t="n">
        <v>795</v>
      </c>
      <c r="B797" t="inlineStr">
        <is>
          <t>Loss/RPNLoss/objectness_loss</t>
        </is>
      </c>
      <c r="C797" t="n">
        <v>8900</v>
      </c>
      <c r="D797" t="inlineStr">
        <is>
          <t>0.022693262</t>
        </is>
      </c>
      <c r="E797" t="inlineStr">
        <is>
          <t>&lt;class 'numpy.ndarray'&gt;</t>
        </is>
      </c>
    </row>
    <row r="798">
      <c r="A798" s="1" t="n">
        <v>796</v>
      </c>
      <c r="B798" t="inlineStr">
        <is>
          <t>Loss/BoxClassifierLoss/localization_loss</t>
        </is>
      </c>
      <c r="C798" t="n">
        <v>8900</v>
      </c>
      <c r="D798" t="inlineStr">
        <is>
          <t>0.14183767</t>
        </is>
      </c>
      <c r="E798" t="inlineStr">
        <is>
          <t>&lt;class 'numpy.ndarray'&gt;</t>
        </is>
      </c>
    </row>
    <row r="799">
      <c r="A799" s="1" t="n">
        <v>797</v>
      </c>
      <c r="B799" t="inlineStr">
        <is>
          <t>Loss/BoxClassifierLoss/classification_loss</t>
        </is>
      </c>
      <c r="C799" t="n">
        <v>8900</v>
      </c>
      <c r="D799" t="inlineStr">
        <is>
          <t>0.13769338</t>
        </is>
      </c>
      <c r="E799" t="inlineStr">
        <is>
          <t>&lt;class 'numpy.ndarray'&gt;</t>
        </is>
      </c>
    </row>
    <row r="800">
      <c r="A800" s="1" t="n">
        <v>798</v>
      </c>
      <c r="B800" t="inlineStr">
        <is>
          <t>Loss/regularization_loss</t>
        </is>
      </c>
      <c r="C800" t="n">
        <v>8900</v>
      </c>
      <c r="D800" t="inlineStr">
        <is>
          <t>0.0</t>
        </is>
      </c>
      <c r="E800" t="inlineStr">
        <is>
          <t>&lt;class 'numpy.ndarray'&gt;</t>
        </is>
      </c>
    </row>
    <row r="801">
      <c r="A801" s="1" t="n">
        <v>799</v>
      </c>
      <c r="B801" t="inlineStr">
        <is>
          <t>Loss/total_loss</t>
        </is>
      </c>
      <c r="C801" t="n">
        <v>8900</v>
      </c>
      <c r="D801" t="inlineStr">
        <is>
          <t>0.45418397</t>
        </is>
      </c>
      <c r="E801" t="inlineStr">
        <is>
          <t>&lt;class 'numpy.ndarray'&gt;</t>
        </is>
      </c>
    </row>
    <row r="802">
      <c r="A802" s="1" t="n">
        <v>800</v>
      </c>
      <c r="B802" t="inlineStr">
        <is>
          <t>learning_rate</t>
        </is>
      </c>
      <c r="C802" t="n">
        <v>8900</v>
      </c>
      <c r="D802" t="inlineStr">
        <is>
          <t>0.039512724</t>
        </is>
      </c>
      <c r="E802" t="inlineStr">
        <is>
          <t>&lt;class 'numpy.ndarray'&gt;</t>
        </is>
      </c>
    </row>
    <row r="803">
      <c r="A803" s="1" t="n">
        <v>801</v>
      </c>
      <c r="B803" t="inlineStr">
        <is>
          <t>train_input_images</t>
        </is>
      </c>
      <c r="C803" t="n">
        <v>8900</v>
      </c>
      <c r="D803" t="inlineStr">
        <is>
          <t>[b'1024' b'1024'
 b'\x89PNG\r\n\x1a\n\x00\x00\x00\rIHDR\x00\x00\x04\x00\x00\x00\x04\x00\x08\x02\x00\x00\x00\xf0\x7f\xbc\xd4\x00\x00 \x00IDATx\x9c\xec\xbdy\xfc~o1?&gt;\'k\xa5=\xc9\xb7\rm\xca\x12e\x0b\xa5\x94\xd2Fe\xcd\x16\x15\x11Q\xcaRDY\xa3R\xd1f\xf9Z\xfa\x8a\x88\x12\xb2\xe4W"\xbb\xaf\x92\xf4m\x93hA\xa8\x84v5\xbf?\xee\xfb\x9cs-3s\xcd\\\xd7\\\xe7\x9c\xfb~\x9d\xe7\xe3\xd3\xbb\xfbu\xceu\xcd&lt;g\xae\x99\xb9\x96s^\xf7\x0b`\xc7\xc5\x06\x8e\xe8\xaa\x03\xa0\xa7\xfc&amp;,G\xac\xaf\x935\xda\xbb\x10xT\x07\x99kb\xce\x08\xa3\xbb\xc6&lt;\xdal\xa8\x9f\tJN\x96\xaaYC\xad[`X\xd7\x8f\x9c\xees\x81\'n\xb2\xb8F\x04\xb8\x07\x00\x02\xbc\x13\x82B\xe1\xed1\x8cec\xacH\xabk+Cy\xff\xae\x1c\x04\x87,\x93\xb0\xd2\x88d\xe1Q9\xb3D\x1a\xa3\x18\x98\xe50\xd1\xb2cG\x19}\x03e\xcb\x81x\xe5\rss\xc6\x87\\\x18K\xdb\xd0P@\xe7.[\x8e\xf9\x13\x87b\\\xbc\x9d\xef\xbf\xb5\xfb\xcbx\x16/,\xef\xf6XJ\xd1\x7f}S\x16&gt;\x8e\x97\x81\x86\x96s\xbe\x92\xab\t\xbf\x89\xde\xdf\x1a;\x9e\n\xae.\x84A\xef\n\x1c\x8e\xce_\xb3\xba\x10\xae\xea{$\xf4q\xf1\xfe!\xddZd1\xb3c\xc7\x0e\x1a+\x9e\x1c\\8\x9c\xd2\x81\xc4L\xb5\x820\xce"N\xc5\xde\x13\xc3\n\x13[\xed\nL\x12\x88\xd1,\xee\xbd\xc1\xd8.|l\\m}\xd3\xaatP\xeb\x91\xf7\x84Z "\xbc\xe1D\xe3\n\x01\xfe\xad\xd4\x84\x9d\xc4\x97\xdc\x00\xf0\xba\xcc[D\x8d\xe6"\x99}\xf6\xd9!\xa3K|\xac\xb1\xefl\xd1\x85T~\xd2\xcf\xd7j\x84_\x94\x19]\x85-\x9c\xd8\x11]\xbaQ\xbaH\x070\x8b\x99\x89\x00O\x10k\xd7\xa98\xfc\xc2\xce\xd0\'\x9f\x14\xa74j\xc7\t\xe8\xff\xad\xa4\xbaYD\xb0\x9c\xd8\x9e\xdb5\xabm\xdd\xfe\xed\x15c\x83\xef\xa8\x7f/(\xde.J\xaf$\x9dz\x02\xeep\x00\x1b\xb5\xa6i\xe9O\xd3\xc6\xae[\xcf\x85\xc24\xe4Ll`\x1a\xde\xd5\xe3\\1]\xbcP\xd9\xd8~\x94\xa5Qbk\xfe\xc4}\x87vJ\x90\xa7\xdbS[R\x9b\xa8&gt;\xac\x17\x8b\x1d\xe7\x8bq~9\xc5\xe7$\xe9\x03\x901\xb5\xb7S\xb1\xcbg\xed\x9a\x15\xf9\xa1\xdd\xd4\xba\x85\x8b\xc23\x17\xf6\xdcaG\x00!p\xa7\x90}\xab"P2\t\xd8\x14\xc4\xeb!\xdd\x00\xf4-1\x93|A\xd7\xe9\xf9P\x81\xae\xdb\xc2\x9a\xe3\xff\x0b\xb5\x01;\x03\x14g\xdc\x13\xc2\x13l&amp;\x9c\xbc\xbd\x17\x15\xbdbU\x93\x05\xaf\x8a\xd7\xd0\xa7\x06\x04\xf8\x15\xea\xe2&amp;lA\x85o\xe71z[\x03\xe7\xff\x92\xfb\xa2\x86I\xd8\xbc\x9e\xc9\x8e3\x00\xc60\xdd%\x1b\xe7}\xfdI_D\xb8\xbc\x86t\x94\xa0.\x10\xcb\xcd\x16\x95\xa1rW\xa6K\xed7\xf6\x9c\xec\xecx\x11\xd1s\x03\xb0h\x0c\xecu\x92\xc2\xb9\x1e\x88t \xaf\xcd\x82\xb3,qm\xef\xe5\xfaPP,\xbb\x0fw\xc7\xd3\xfd\x06\xd5\x98\x7fF\xc4[a\x8a6\xc9;.\x06\x94\x1b\x80:\xd9\xed\xf4v\xb8C[#&gt;?lc+X\x15\x01\x83\x88\x00\x1f!\xdc\xee\x1cN\xcf\xdb\xf6~u\x9b\xacVA\xf4\xc4\xac\xd3\xa8-\x1c\x06\x16\x13.J$p&gt;\xd9p\x92\xae\x06u\x16L+\xd4\xd5\x1dxV\xcfZ5\x85(\xde\x1e\xb4\xbc\x8b\xc5&amp;EL\xa3\xe6\xfc\xab\x8a\xcf\x8es\xc1\x1e\x01\xe7T\x95$(&amp;\x8c\xb0\x8eX\xabC\x8f\x05YEQ3H\x9e\xe7\xc5\x8b\x11\x00\xa7\x8b1\x14\xfb\xad\xfes\x95\xd9\x8f\x9d\xc2{G\x80;\xd3\x0e\xd9}EB\xed\x16\x04x]w6e\xe0Tx\xcfa@\xcb\xcbn\xbd\x99\x15\xe5\xa5u\xf5\x0f\x00\xcf:\xf5!\xd8\xb1\xa3\x1d\xc5M\xfc\x19\xed\x10,/t\xad]\xa3\xc9q\x19\xaf4-\xc8\xfam-vt\xc5R\xab\xffT\xa9_\xa8l.\xe4N"\x17\xcea\xbd\xd8\x05?\xaf\xab\x84/\xe2n,\x9fJ\x0b\xee\xe1\xfbBe\x85\xc2\xc6Y\x8e\xc9!?V\xd5k\xc7\x8e\x03\xce#\t\x9d \xd7\xd0\x8b\xe6\xa2\xd9\xde\xaf\xb3\x86\x87s8\xb1\xaf\x02\x8b\xa1\xab;q\xd9#\x7f\x87\x16\x8e\xa1\xb2\xb9\xa8;\x89\r\xc0\x19\xe1\xf7|]\xad[\x05JG\xd4\x8ed48\xb3\r\x80\x97\x1cq\x10i\x8f\xedi\xbb\xa3\x1e\xe7\x91\x84;.&amp;\xd8\xd0UF\xf5\x1e\xf9;6\x8d\xc5\x82s\xca\x97\x1f[J\xe3\x0e\xd3aS\xe1pJ7\x8f3B\xd6\xa9\x81\xa7[x\xbb|\xa1jq\x04\xe3\x1dB;\x81\xfd\xad\xd7\x1dm\xd8\x17O\'\x08\xd3\x92\xd7{|\x17\\pk6\x00\xfb\xd6w\xc7\x86\xb1\xe8\xf4\x1c\xac?&gt;e1\xa5;\xd4@@\x84\xbfP\xfe\x9a)\xf3&lt;\xc7\xed\xb0/\xff\xc5\x98\xad@\xf1\x18\xa4YA/\x15\xc5Gp\x18\x7fn\xe5\xb0?\xf4\xdb\x01\xe3\xf0\xd7\x05\xc1\x1e:\'\x06\xdd\x93\xe2\xbe\xfa\x1de\xc1\xc3\x11\xe0\xb1\xdc\xed2\x95E6\x00\xfb6cG-&lt;\xd6j\xba\xd8[\xbb2\xec\xd0@X\xae=&gt;\xf8|\x05\xba\xb8i\x17|\xc5\x06O\xc9\xa4n"l\x16}\x9da\xd6\xb5\t\xdb+p\xea\xfcw8\x00\x03LW\x00\x11\xde\xe7\x94#c\xfdz\xf4\xac\xad\xce\xa6\xbdK\xe4\xc2&amp;\xd7;Y\x9a-\xfc\xbe/o\xd19i\xc7\xb9\xc1k\x03\xb0\x87\xdf\xc5Bu\xd9\xb1/\nGE\xb6\x07\xcb]\x02r\xc1\x15\xed\xbcj\xfa\xec5k{\x93\xb1\xfb\xc4\xb4\x03\xb2\xd7\x07\xc3\x1f\xf7\xe0\xa8\xc6\xc6\x1dh9\x14\xdc6\xee[\xebg&amp;\xc8\xc3\x1d\xb1\x8f\xed\xdb\x8e\x84\xdeh\x9d\x9f~6\x1d\x85\xef\xb9\xd8\xfe\xdc\xb1C@\xfc\n\x90\xb9\x82\xd5L\xfdT\xa9\x94\xba\xcb\xc4\x84\xc2\xbb\xa1\xf9(\x9a#\xd68\xf3\x9a\xb4\xbb9\xe4\x8b\xf7\xa2z\x911\x8e\xfdK\x9cW?\x9b\xc4\x19\x9b\xe6\x89s\xdf\n\x12\xd5\xf3\x02\x04\xff\xc9\x80\x8a\xbdK\x04\x17\xf71\xdaq\xae@\x00\x84\xe7WGx]\xddFxNR\x12\x0fB.17\xa0\xc5\xfe\x93Y\x11\xdf\xbe\xb8\x01\xd8Lq^\x89\xcc&lt;\x04\x7f\xbe\xb4\xea\x1dg\x019d\x0b\xb5c3\xe9W\x8d-/\x1d.\xb56\x81\x14\xde\xc7\x0c\xcb\xc36\xd3ll\x8e\xb9\xe0 R\xf5\xdcF\xe7dl9\x15\x9e=\xf0!\x86\xa8\xabXv\xc3_\x06]\xdc\x9e:\x1aK7Y\xf7"\t\xc1\xa9wa\tA_T\xff.\x8a\xb0\xf6\xd8\xd2\x99\xd4\xdf\x14\x97R\xae\xea\xc2\x08\xa9\x90\xbc\xbf\n\xb8\xe3\x081\x08\xc4\x0c?\xb7\xd9w\x87\x16\'7\xe8\xf3\xa4\xc57\xc9&amp;\x92)\xf8o~r\xf6\x9e\x1f\xe8R\xf3\xa8\xbd\x04\x9d6No\xecL\x8b\xce\xda\x13\x04\x7f\xb7\xa8\xd7\xebQ\xfb\xfc\x95\xc8\xe9?\xcd\xa6BT\xa7\xa1\x81/T|\x0f\xa6y\x0f\xe0_1\xca\x7fr\xc1\xb5L\xb5\x9e\xc15\xec\xdcv\x9c\x1b\xca\x1b\x00\xb1\xcd\x1e%;\xb6\x0f\x04\x98\x82Y\xc2\xb5\x84\xb7W\xf7#\x93u`[\xb8\xec\xd8\xd1\x15\x9a\x85o\xd2|\x0bu\xa3n\x03\xf0\x00\xd3\x89\t\xa3\xb1\x82\xed$\x81w2\xe6P\xca\xf4\x1e\x91\x17\xd4lB\xd6\x85!\x80w\x9c3\xe8\xb4\x99\xa3\xb9\xcb\xbc[\x9f\'\xc2y\x00\xad\xa9\xc8\x1f\x11^\xe6\xfc\xbc\xf5$p\x11\x97S{\xc9;5T\x9e\xf0\xed\xd8\xd1\x13\x9a\x15\xe7\xf1\xee\xfa\x1bWL\x96\xca\x86\x9em\xeb{\xa3F\xaa\x99D\x80\xdc\x00\x14t\x05-_\xaccUF\xc5&amp;dm\x9c\x10\xd5\x1d=A\xa6ME^5j\xe4\x1a\x8a\xaf\xfc\xee\xe1[\x8f=\xffw\x9c\n\x8e\xb1z\x01\xc2u\xdf\xe4\x9c\x15\xde\\=\x94\xaa\xf9Q\xd5\x86\x98\xca\xbd\xa0\x91\xc97\xf8-\x0c\xef\xd6q\x0b\xfb\xea\xab\x84\xd3\x92&amp;\x14rb\x1b\x80\x97wX\xd7\xed8=\x1c\x12\xe6n\xaa\r\x80$&amp;\x93*\xe7\xa1\xe9\xbdI\xa4ol&gt;\xd3\xb6\xcd\x10o\xbe]n\x8b\xe14\x02i\x87\xe5\x81\xe1I\x0f\xe5\xb1r\xae\x17\x90\'\xed\xbdSD&gt;W*\'8\xd5\x02.\x9f\xc7\xabB\x0b\xc9\x04\xd4\xca|\xe0\xe1\xee\x8d(\xaa\x93\tMu8b\xa2\xff\xc5\xe2\xc6,;\xe9\x05\xb4\xddc;\xce\x10\xdc\xf0g%C\xf1\xa0s\xc4\xf5\\\x16UTq\x89(\xfd\xee\xd6\xa3\xf6\x02\xad,\x9f\x80\x00\x0fN/\x12\xb6o\xcb\x1bm\x93\xe2\x8e-b\x1f\xca\x06\x9c\xf2\x82\xe64\x11/\xc2\x88\xd3z&gt;\x9e5S\xb3^\x9a\x96(\x00\x02\xbc\xc8\xc2a\x16\xc1\xbc~9\xbf%UK\xcf\xb0V\x89\xf0_S\xe3\xdbT\xbd\x93\xfc%\'\xbct\xae\xf3\xd8\x8e\xb3\x03\x9dx\xc6\xaa\x91&amp;\xb6\xd8\xb1 s\xba\xc5\x08i\xaeeK\xe1$H\x92827\xbf*\x9a^\xaa\xaa\xaaK\xe2db\xa9\x1egl\x1a\x85s\x1e\xca%0\x1f\xc7\xfa\xfd\xbe\xfb\xfem\x83\x1c\xbek\xae?\xe3\x7f\xea%\xbbf\xf5\xa6\x10\xa5~;\xdfa\xa5HO+-\xd3\x84\xde]\xac\x84I\xce\x89F)V\xfe2\xc3\x05\x98\xfbv(A\xae\xf6\x14\xf5%\x96\x90\xf5\x15\xd6\xee\n\xc9\x85\x00\xddc\xb7\x1f*JC\xa9\xfd\x06G*\x98w\x95\xad\xb7\x18o\x98}\xe8$\xff4@\x96\xb2\x0b\x04\x97(}\xb3\xc7jo\xc4\xbe\xce\x10\x10x\xe6\xe8p\x1cW\xc9e\xa7\xa5\x0b_\xfa\xb8\xedX\xe8~\x84~\xfdf\xf1|\xf1\\d\x13\xcb\xff\xdag\x08\xd4\xbbXZ\nU\x1a\xbd\xf0\x89\xd5\x04\x94\x0b\xbc\xa1N\xfa\x8e\xd3\x07\xeaG\x1f\x11\x87\x01\xc6\xf6sL\x0eC(\xc1 p\x92\x12K\xd0\xde\xdd!\xa2&lt;\x10\x88h\xf7\xeda\xd4\xb7?"\x088r\x9d\x83\xb6\xd4\xc7\x16o\xb6PwB\x0f\xff\xafbH\x0b\x10\xf08\xae\x17\x11\x88\xc8F\xe9\x8aCyrQ\xb4&gt;\xca\x05\'[\xfaY+\xf6\xa8\x02Nst\xe8\xa5o\xc3\x92@\x1f\xa58\xff\xff\xa9zO\x8bK\x94\x9b\xec8O\x18\xc2z\x18\x0e\x9b\xe7\xc3\x19Fx\xe7\x8b\x8c\x02\xb5\xfb\xf8a\x18\xf6\xd5\x7f-\xca~\xab\xf2\xedp\n\xa5\xf0\xb1\x885gP\xc30\x0c\xc3\xa7\xea\x9b\xafqv\xde\xc3\xff\xdb\x1f\xd0\x04\xc3\xc5]\xfd\xc31L\xb9{\x8b2\xd9\x8a\xea"6\xfa\xe2Gy\x82\x8boVD\xfd(\x7f\xcb\xa3\x93\xa00Xm\x96X{\x1fJ\x8d\xbe\xd7\x16\xc3l\xc7\x85C\xfe\xe8\xe7\xf0c\xe3\x83\xda\xb0;\xf3tiO\x80\xd5\xb1\xf1!\xe8NOx^|\xa6/*\x9c\xf7+1[0\xed\xee+\xe8\xbc\xc9\xa1\xba\xfe\xe3\n\xaa\xfd\xf1\xf6\xb5\x14\x07u\xe0k\xdb^F_\x07\xd2{/\xd7\xd3\xbdG\x14\x08;\x05\x0fD\x8b\x96\xe0\x15\xa6\xe9\xbb\xb3\xb6L~\xc7\x8e\r\x80{\xf7\x0b\x11_\xd3w\xad\xb0br\xee\xa5a\xc7\x01\xd2\xea\xdf{\x03\xb0\x85\x90;\xcb]\r\xc0V^.\xe7^\xbc\xee\x85\xeba\x84m\xc4\xd8V\xa1\xfbM\xb3\xe97A\xef}&gt;.=n\xfb\x83 \xb97\xc0\xcf\xccwO\x1e\xe1\xea\xff\x80+\xc5?\xee\xd8\xb1\x83\xc26&amp;\xce\xfe0\xcf\x94\xe7\xee\x90\x1d\x1c\x98g\x02\x8dB\x7fh\x1b)\xd65\xd3\xd7[0}\xd3\xb6\xebX_\x9fo\xdb\xf6\xad\xa0\xc6?\xdbri5\x99\xb9\xe3C\xc7\x03\xf2\xa3i\xe7\xb3\xc9Ip\xae\xe9\xe05X\x15r\xce\xd2\x9f\x17\x1eg=y\x1c\x1fb\xfeh\xf0pP}0p\x96\x0e\xd9\xa1\xc1\xf6\x9f}\xabA\x84z7\xbb\xd6\xa8$\xf1\xbe~kg~\xf3;\x90\x06\xb7\xcf&gt;\xd4\xbe\xadq\xbe\x05&lt;\xc1\x16m\xec\xba\x80\x9e\xa2\xbam\x9a\x9e\x18\xfe\xf44\t\xce\xa26\xb1\x01p\'\xb0\xbaE\x1d\xe0W\xe5\x0cA\xbb\x9f/\x9c7\xf2C\xf1\x93\x1fo\x8a9"\x02\\uy.;\xb6\x80\xb8\xde\x9d\xe4\xa1W]\xdd\xffb\xb1\x8b\xff\x8ay\xe9\xa2\xb1\xe5\xd5\xff\xe4^[9\x9d\xaa1"\xc2\xa7m\xcb\xa2\x1d\x14\x10\xe0\xfa\x9db\x0f3T\x14\xae8\xfcL\xa7`\x9e\xa0\xf8\xcf/&amp;\x9d\xf0zc)L\x8e\xfas\xd7G\xd3\xe2\x8f\xe9\xa8\x9d\xd0o\x88\xefP\x01\xb3/\xff\x9aR\xb1\xe2\x1b\xc1\xb0\xe6\xfb"]\x81\xc27\xdf\xed\xb8\x80\x98g\x961*\x8eW\x84 Y?\x8cc \xe2\x005_\xedQ4dk\x96\x1aqx\x8da\xfa\x16\xd7M\x19\x12-i\xf4\xdc\xc2n\'\xfb\x9d\x8c\xe7\x01\\\xdd\xf9\xc7\xd99X\x97U\x04y&lt;\xc5\xafe\x14[u\xe7\xf5\x06\xf8|cou\xb5\xdc&lt;\xca3W\x9b\xe0#\x84\xafk\xdf\xbf\x06\xf4\xdc\xf0\xd6l\x9a\t\x86\xdf\x18g\xe3k\x85&gt;\xcc\x8c\xba\xeb\x8eF\xd6&gt;\t\xde\x8f="\x04GA^\x9e\xc9cx\x18\x06\xb9\x86&gt;\xc3\x95\x80\x03\x0e\x8c\xed\xfd\xca&amp;\xf0_\x12\x9f_\x1b\xbf[c\xfd\xac\x990L_\xf4\xb9\xbd\xe9&gt;\xac\xa8\x96n\x0e_h\xbc\x91\xd19u\x8c\xc3\xb0\xf6\xe1t\xcb\xea\x7f\x16\x82\xc0\x07\xc6\xf1\xa5\xc7\x97J\xcf\x19\x1a\x9d0p\xdfd:\x8cp\xda\x98Hv\x9e8X\x1f\xb6 \x7f\xf8\x92l\x07|\xd5\xed8G\xa4\x8f)\xd7\xd1?\x9e\x08\x1a^\xb7=\xdbZ\xb1\x04\xfc\x9f#\xcf\xefr|\xbb\xaf\xe4\xe3\xb3f-\xe1\xb5\xa7|?4\xbe0\x90^\xdf\xe8\xf3z\x03\x9fe\x99\xd7:j\x8bN\xbe\xb8\xe84\x10e\xb1\x18\xfc\x02@[QR\xbc\x8a\xc6k\xa9\xca\xfa\x95\xe6\xd6\xfa\xc4\xc1qFC\x80\xff\x1d.\'6Z\xf4\\\x804\xd6\xa6\xb5\xe3\xa4\xb0~\xf4\x18K\xe4\xf7m"\xc4\xb7\xc0\xa1\x1e\xc6\xe1V\xb5\xec\x1a?{iS\xa10\xac\xd8kjwX\xe5\xa8\x94\x9cD\xde5\xc7\xea\t\xd8x\xe1q\x08\xc5\xc7\xa8\x9az\xe4E)\xa8\xb8\xd4\xa8\x98\xd9[\x16\x03\x08\x8f[+zq\xac\x0f\x87\x0f\xaf\x89V5g9w\x90\xab\xff\xcb\x9f\xa3\xa5;:\xe1\xcas\xaa\x9f\xc6\xe4\xba\x05d\xc5\xf1\xe4\\g+\xf1A\x84\x14\x1a~s\xb7:{\xfb\x13Y\xfc\xa5X|\xdf\xb2\xcaN\xa9J\xe9\xbfV(\x01\xf8sk/A\x9c=\xa2J\xed\xc3C\xdf\xdap\xdd7\xba:\x9cfA\x00\x80\xfa$\x9dMVJ\x98\xeb\xfc;,\xea\xea7\x00\xb0\xa1A\t\x97\xc5\xdba\xd5\r\xc5!\xdb\xdf\x07\xba\xe8@\xfa\xb7\x06\x11\x11\x86\x01\x0e\xff\x9a\xfe v\xaf\xdfk\xd9\x18\x12\xbfMiv\xb8\x88\xc7\xdf\xd3\xd28\x017\x92\x86\x16\xcef\xb9}\xe2\xe1\x10\xa5\x9b\xf0\x9e\x1eI\xa8l\x18\xd6\xc8\\:\x92\xbd#\xb6\xa2v\x15M\x8e\xe6\xdf\xf8\x97\x1b\xd4\xee\xea\x98Ag\x06\\\xf5\xf7b\x9b\x80\xf5\xbf\xea\x8a\xd3\xef\xcd\x83\xf8\x1b\x9f\x93"\xaa%\xcd\t\xc2\xd9\x7f\xecI.\x18\xd6\xfe]d\xa0\t$&amp;\x8c]\xb6\xf9kF\xce\x98\xc7\x0b\xb8\xd1\xd9\x7f\tx\x07P[\xe1\xc3\xef\xa6\x1cR\xe4*e\x01\x9f\x9e\x1f\x0f\xd4o\xaf5\'\r\xab\x1f\x89%\xd5c\xf4\xd70\xff\xa8\xac/\xef\xf4fV\x8b\x12g\x04x\xb9^\xda\x12\x03T\x8a\x91\xee\x04tH\\q\xf0q\xe5z\xee\xc7\x973J\xfc-C\x12KO\xa8\x95\xbfJ\xcd \x18%\xfdC0\x80wK\x8d\xd3$\x18\xd9~\xea\xa1\xef\x8bt\x8a\\\x9a\\\x08\x0c\xc1\xbf\x136p\xd6\xfb\xe6\xf2\x93R\x80\xea%\xe9\xfc\xeb\xb6C\xb0V?\xc4g^\x87\x8f\xbf\xa0[(\xf5\x13\x9f!\xbc\xca\xb67\xd7\n\x1fL\xc6q\xb3\ruy\xa8\xfd\x0e\x86\xd3Bz\xf2\xb0c\x07\x89\xf6\xbc\xc5\xa9\xe0\x04\x1f\x1a\xc4\x15\x9f\xd0}\xad\x83\x96\xcd\xe0d\xac\xb0\xf8&lt;l\xd9i\xa4\x8a1\xf0\xb8\x0eJ\xcf\t\x08\x80p]\xc1\x81/k\x90\xbd\xe5\xa8&amp;#\'x7\xc0\x12\xe4r\xa5\xc2\x18\xf9u\x95\x9e\x17\x9d\xe9\xfb\xca\x8b`\x1b3\xc5:/\xe0Y\x829\x15\x90s\xe6\x83\xb6\x9c\x086\xddjQ\x98!o\xe2B\xe9\xd4\x10\xbev\xf8\xcdk\x93\xd9\xb1M\x88\xa5\xc14\x11\x02\x00|\xd4X\x02\x9c6\x002\x81m\x94\xf5\xde8a\x1b\xa7"\xdeo\xa4\xdaf\xb8\xd5\xb1\x05\xda\xb7\xec&amp;y\x0b\xd6\xb1\xe0\x96\xe3\xd6X\r\xba\xd0\xbd8\xb1\xc6\x05\x13\xde\xdd\x14\xe4\xa7\x9a\x11]\xd0\xa7\xfe \xbc\xd1\x16\'\xde\x04\x14\xb8J\xfb\x17\r\xc5?\xb3A\x9b\xa4O\xab\xb1V!\xbe\xdaw\xec\xd8\xf1}5u\xd3\xaf\xcc\x95\'\xe3\x0b1\xc9\x9d\xf0\x06`*\xc4]\xb7j\xa7\xb6\x0f\x9cw,\xa7\xbcu9}|b\x186\x95\xab\x7f]G\x14\x0eSMj\x84\xbb\xa1\xfc\x93\xca\x88Ex\xae\xe7\x90\r\x8fE\x1a3\xbf.\x05pY\xda\x9c\x05\xeb\xac\xc2\xc7\x8a:\x7f\xe1\xcf6\xdd\xde\x82\xf3\xb3h\xc7\x86Q1\x1d~g0\xa7\xbah\xdfj\xf5\xdca\xc0\xbe\x01\x98\x10\x1eS\xed\x1b\x00\x0e\xd3J\xa2\xe3\x9c7\xab`\x0f\xe9\xd5bJ\xabs\xea\xaee\xf4\x0b\x1b\x8c\xf8n\x9f\xb2y\xb7\xad\x07\xea\x94V\xdc\xfdE\xd9LZ7Y\x9d\xd2\xa0u\x98j\x1f&lt;Jxq\x05\x9d\x06\xbd\xb4\xc0\xcc\x9c\xdb\xd5\xc9\x89\xff[\x19\xfb|\xb1\xc3\x809\\\xb2G\xcf\xca02\x16\x85p\x12u\xa8z\x99\xf6\xc7o\xb0\x92\xee\x00E\x9c\xf4\x9d\x05\t\xe1\xa7\x10\'\xdbX\x19\x849\xbb\x05.\xc7\x8f\xf7\x1dW\xe7\x1d]4\xabkq\x82XN\x91\x93|\xbch\xa9\xc3|\xb4\xbc\xf9\xd0j\x99\x07n\x1b\xc6F\xc28B8\x10O\xd8\x0e=D\xf8\xc49\xfc\x10\x11\xde\xdbHL\x19\xcfi\xa1.\xc5\xb6\x03\x99\x06\xf9\xd1\x13\x92\xf5\x17\xdf\xf9B\xae\xe6\x0b\x8b7\x13\x84;\xfa\x01c\xe4\xb7\xf4\x12\xacJ}_:L\x85\x9f\x06\xb8\x1c;\x15\xfeF\xbc^YS\x16|\xdc\x7f2\xa1\xb2&gt;\x96\xdc\x03lshZ\xcc\x1f;\x1256\xae\xc0\xfd6\x00\x1c\xa5\x0b\x88M[\xbd\xb1\xe0\xc7/B\x04\xb8\x11\x80\x0b\xab\xbfV\xa9D|I\xa4\x0bo\xc9\xc56\x1b\xf0\x08\xf0\x88\xf1\xc3\x88\xdb\xa0\xe9\xeb\xe9*\xd0\xabB2\x8b4\x0b\xa5\xf9\x82\xba\xeb\x07Yu\xed81\xccQ\xf5\xf4&lt;,4q\\\x17\x97M\x19"O\x8a\xf3\xdd\x9b\xae\xb5\x13@\x80\x1b\xeaZ\xbe\xf2bm\x00\xb4x\xe9\x02:\xe6\xb8\xf5\x0f\x923\x1e&gt;\xf7\xb9M\xcc\xe2s\xf3dn\x94n\x03\xa0\x97&gt;\xb7/x\xafn1\xb1c\x01ll\\\xc6W\xec\x16d\xc5Tf"b\x15a&lt;\xdd\xad\\@\x9b\xd0cN\xc9J\x84\xb9\x7f\xe9\xa1\x1fCx[\x1b\xd1\x1d[\xc5\x92s\x89!\x13Nv\x86;\xc7\xa5\xcf\xf6P]O\x15\x92\xfde\xf6\xc7\x1cu&gt;\x9ea\x9fn\x85\xc2\xfbl\xc0\x04R+\x0e\r\xcek\xa9\xc93\xe9\xfa\xbf\x89^$G\xac!.\xeav\\Hh\xdf\xde!7\xb4z-\xea\xf8\xb4\xbfz\xd0\x11\xd8f5\x8d\xc7\x8d\x19]\xdc\xea\x14\x13\x9f\xbc\xcb\xbae\xaf\x0f;t\xa0\x03(H\x06\xc34/F\xb9\xdbd\xd9\x01\x8e|\x10&gt;|k\xd6\xed\xd0b{\x91\xa9\xc4qnp\\\x8f2Y\x1fNB\'\xea\xab\n\xb0\x152^\xb5\xd7\xcb\xcf!7\x85\xef\xed\xe2|\xf7\x05\xd0\x0e\x0ft\xfe]\xf9\xa3\x92c\xd49nk\x1b\x88\xe4\xf6v\'\xe3\x1d\xfc\xf6\xa7\x7f,\x01\x96X0F\x08\xf0\x7f\xaax\xee\xb8\xb0`\x92\x9c\x98\x8e\xd4o\xb2\xf2q\xbf\xe5\r@#~=?\x17\x84\xe0\xe7};\xae\xc5\xda\xeb\x0f&gt;2\xd7&lt;~6\xe5\xcb\x99\xa6\x98?\xb4\x8eB\xfc&gt;\xf1\x95E\x0fo\xdf\x80\xaa\xb7=F\xb0|\x0c\xb9\xb1\xc8A\xf8\xe1M\xf1Y\x1e\xe1\xea\xb0\xbb\x1e\xa0f\xff\xbezI\x1et\x16\\iY&amp;90\xf8O\xd3R!J\x95\xf5\x9aQ\xd8\xb7\xee;\x8c`c.\xaf\x01\xcd\x85\xc0&gt;\xb7\xcd\x8dU\x04\xd6\xa9V\xb3\xfa\xd1\xa8\x94\xc6\xf6\xe6T#\x96 \xbf\x91\xe2\xf5\x8f\xdb\xa0\x11\x81\x89\x9f\xf2\xa36\x17\xe5\x00\x08\xf0\xc2L\xe0\xe6\xbcT\x01u9\xe2\xfci(\x8c\xc5f\xbe\xc5V\xd0\xb1T\xe4xA?_\x9c&lt;\x98h4M\x9a\x84L{\xc7t\xda]8$\xb2DXd\xe7\xa3\xb2\xf1\xf7\xbd\x8f\xa8\xa25\x83\xe0\xe7\x96!\xd8XF\xefp\x820\xaew\xca~\x05G\x10\xc3\x8bO\xf3\xf0\xdf\xda\xa20JiE"\x99\'\xc5\r\x05z;\x13\xbc\xc56\xcc\xa1\xdc~Ew%}\xf6\x00\xe7\xf0\xecE\x19\xf9\x88\x08\xef\x87\x86.:\xe5@g\xdf\xc9{\xf5\x88\xb6\xf7v\xd4m\xca\xe5+\xaar\xf5\xac\xfe\x8a\x93\x1e\x9c\x8f\x94iX\xc7w\x89UZ\x13\xb6\xcc\xed\x08q\xf4\xd7\xa9c\x86\x99\xb7\x9b\xde\xe6\xd0\xd2\xf07\xb9\xf7\x04b)\xc6\xd2\xc3\xb7c\t\xc8a\xdd6\x8bHJ\xab;\x9aW\xf3\xeb?\x8b\x8c\xb8\xc0c\x1c\x8bH\xd6\xf7t\xd0s b\xb1\x0e\xd5\x7f14\x92\xd4&lt;,.\xca\x88\x1e:\xc1\x83=\xfdF\x0e\xc4\xe9\x8c\xce\xfaP\x15\xe4\xb9\xca=\xbeN\x890\x1c\x86\xb5\x94\xfa\x80&amp;\x14~\x06;m\x1dz\x95&gt;\x8f\xed\x9fJ\x8f\xa5\xad\xcb\x12\xbc\x12\x9f\xe6\xa3z#\x93\xc8\x9aK\x97}\x03p\x86(\xac\xc3~\xdfk\x03\x9d\xaa\xb5\xb6!\x16\xf1\x86\x15\xe46\xe6\x95\xf5\xb7\x1f\x9b\xc2\xc1\x15\xffo\t5&amp;\x9fo\xa2\xd0\xeb1\xe5\xe6i\xd1\x9e\xf0/\xba\xc5\xca\x8d\xfd4\xee9(\xa3\xe8\x1c\xf3\xab \xd45\xf5\xc5\x1d\x06\x843c/gZ+\xea\x06\xce\xddN\x0c\xe4\x8a\xab\xb4\xaf;\xd1\xfa\xbfc]|\x88\x94\x99s \xaa\xdf\xb4)*t\xdaN\xac\x1e\xeb\xf3k\x12J2K\x1c\xcc\\\x00\xd8&amp;\x92Wl\xe4\xe4\xa6\x17jg\xd6M\xf9dQ2\xcb\x9eG6\xab\xd8h\xf4\xb6\xaf\xe76h\xd4y\x00\xa7m@\'\xf9\x15\xb9\xb3p\x11&gt;\xe1\x9a\x1f\x1eqR\x97\x85~\xa7j\xf2\x8e5\xe1\xb65\xd7N\xab\xdb9\x0f\xa8\xa4\x11\x999}~\xbe(jA{k\x8cZ\x7f,,\xa8[\xef\xf2\xf7\xb6^:\xef\x00\x00\xdc*\xb9.\x867\x92\x80\xeb`\xd1\xfaCO\xe7\xa7\x0c\xf3\x8b=\x9dqd\xb2\xc6\xf1\x8a\x8b\x13\xdc\tc\xdf\x08\xaf-8\xca\xd7\xc6\xda7\x96\t\xda\xa4-\n\x91\xb6\xfbs\xb9\x1d;\xd6\xc0v2s\xb9\xc5\xd3\x82\xf6V\xb8w\xf3+`\t*K\x0b\x06n\xdcva\xc95\x8d\xf5G\x8c-u\x12\xb7\x91\x803\xd6X\x94/\xa2\xabk\xb9\x1be.\xbb\xea\xdd\\\xf0\x00\xc0\x1c\xd2\xaf]\x9b\x88\t\xd3\xa6\xc5\xd9\xa5\xd9\x18\x1d&gt;\x0f^\xb2+:)\x1a]s\xa4]\xeb\x8at\xf1\xbf\xc5@-`Q\xce\xe1^\xf1;\x12\x12\xfb\xab\n;:\x01?=8A_\x8b\x03@\xcba\xc66@11\x16&gt;\xdc\xec\x8c\xde\x1d\'d2?)\x06S\xa6\xa2jowj\\\x98\x12\x02&lt;\x9f\xb9\xee\xac\xa8\xe4\xedz\x8d\x81\xcc\xfa\x05S\x95\xda\xad\x05\x0f\xc0\x06\xf7\xb4:,\x92\x8f\xc7\xea\xf1\xa5[\xf7\xcf\xe4\x07\xc3\xe4\x15}\x8e\x9cy\x92\xf1\xb0(bw\x01&lt;;\xaeW\xbb\xf7v\xb8"\x0e,\x04\xc0W\xae\x96\xa2A\xa0\x9b\xe7\xd1\xad$\x06\xb3\xe0\xab\x99N\xf8\xb5c\x9d\xb1\xcf\xdb\x8e\x97h,V\xe3&lt;\x14\x89K\x84@&gt;\xe2\xaf\xe8\x9e\x87lr\xb5t\xeb\xad\xc7\x8c\x04z\x88/_^\xde!\xc0?T\xaa\xac&lt;\x88\r\xcb\xdd{k\xf5nn\xa4\xf8\n\x16\xb5\x12\x7f\\\x03\xd6\r\x80\xfaW\xf2\xf4\xca\x0f\x1f7p b[z""|A\xf8\x10,\xfc^\x90\xee\xbb\xa93B\xbaw\xf2^\x0c\xec\xd8q\x04\xe6\xd8\x02\x15\x00\x04\xf8\xee\xb5\x98\xb8\xa3\xc2\xab\xdcX\xf4\x1c\xa0\x95+i\xff\xd8\x9b\xe6\xe9\xca9{bX:\x95\xb1\x89\xfdU{\xea\x8dSB7\x8f\x9d\xf6\x13g\x89\xb9\xa2\xd0-gx&lt;\xb5\xd7\xe9\xf5\x1a)\xe7\x11\xd7\xc4s\x98A\xab\xce&gt;\x91jur\x05\x13\xd6U\xbd\x98\x1f\x99\xcc\xcb\xbeu2\xb1nP\x90\xf9\xdc\x0f\xa8\x1e,p\xdc\xa7-\x855\xd7c;\xce\x0cl$\x85+\xef\xdf[5\xe0\x82\xcd\xee\x1e\xf7+\xe0\x86\x9b.7\x0e\xd50\x96\xf0\xc2\xeaEOi\x03P#\xcd\xc2$\xdf\xb4{\x0f\\\xab\xcc\x95\xcf\x11\xc8;\x00\x08\xf0s\x9d\x9e\xb74\x8cB\xeb\xc3(\x97\x05b[ q\xbd\xfe\xb9\xa8t\x1b\x1b\x00\x08MP2\x89\x13P+\\#5W\xa2\xee\xee\x82\xad\xcc\x02*\xf7\xaa\xdf\xadU\x0f\xd6)\xc1\xe5\x97Hv\x9c?\x10q\x18\x80\x0c\x980%\x86a\xdd\x88\x9a\xb9\xf4a\x82\xdbH\x99\x83\x91+\xbbzm\x02V \xe2\xea\xf1y\xc4!L\x87\xe0\x7f\x0e\xd2L\xa6!\x1e\xd4v\xce\x97T\xebAU\x7fE=p\x08x\x04\x04\xec\xe0.D\xdcDp"B-\x8d\xa9\xf8\x1e\xfb/m\xceV\xa2K\x9f\x8f\xb3\xc7\xa2\xc6Ii\xa5\xec:\xe6o\xae"\xafr\xc7x\xe5\x18,&gt;L\xcba\x1c\x08p\x8b\n\xc4\x1e\xb9OjZ&amp;\x92/\xb1\x80\x8e\x1d\x1bC\xcd\x16v\xe0\xfb\xb9\xe6C\xe3\xc1a\xef\x9c\xd9L\xad|\xff\xb5\t\x9c\xde9\xc8\xb0\x89\x05V\x8a\x12%\xcf\xd3\xc1P\xed\x000\xac\xe1\x93G/\xab\xce\x11\xc3\xf1\xdfaS\x81\xe4\xfd\xf4\xa6\xc1\xb2\xd9-\xc3\xf1WXj%\xd5u\xfc\xbb\xc3o\x8a\xc2\xbf\xa3\xbf[,\x18\x06\xb8\x92\xb2\xe5\xd8~\xc6\xf8\nOp\x05\x88Q9.j\x0fn\x0e-\xcd\x83s\x90\x96\xf8K\xef\xd1\x16=A\x1f\x06\xd7\xd5?@)\xf7\x9b\x03\xaf\xe7c\x86\xfd\xe5\x88\x8b\x81\xdb#\xbc\x9f\xfc~jU\x04\x14B\xd2\xe1]\x82\xfc\x91h\xf6\xa2\x82V\xc6\xb9G\xf9\x13\xce\xecA\xa4\x05=\x0c_\xe1\x1dY\xe5\x08\x06\x91\x7f\xd2#\xce\x91\xb7\xa6j?\'\xd0\x92\x17)&amp;\xf5s\xfef\xdfI\xa8f\xd5f\x11\x02 \xfc8\x02\xe2\xcfo\xff\xb7P\xb8y-\xbd"\xcf\xe6r\x83m\xa1\xd3\xec\xbc\x8dI\xff\xb8\xfaGD\xf8\xc1\xb6\xe0\x0f\x7f\xab\xc7\xcf\xaey\x1d\xb5\xbe\xafv\xf4\x84PC;N\x18\x87\xa8\xfaR\x9f\r\xc0!Ls(\x85\x9cw|[vD&gt;\xea\x96Q\xe4\x82\x12[|i\xd6\xa0sR4\x8b\xc0\xfc\x9c\xef\xb4\xc0\x86\xeb\xb6\xb3\xd5Pv\xaaU\xfcsR\xdf\xael\xd3\xb5a\xef\xd5\x01\x9dBb\xd1\n\xd9\x80m\x92\xfc^D\x04\xf8[W\x99\xc7"f\x98\xcd\x0fK\xd5\'\x15\x9a\x99\x96\x07\x9dq\xdc\x8f\xf91\xf1,\x8f\xc9\xcaj\xdd\xa7d;\xd6A\xa7l\xb1.\xd3E\\\xe1\xde\x99\x90\xcddx\x19%\x92\xd7i\xcb:\\d]\xb2\x01\x98\xad{\xcc|\xa2\xc6\xf7\x9d]\xf7JL.n\xb5\x1aN\xc4\xba\xd2\xeb(\xbc\xe4\xde\xad\xb9\x1d!\xa9\x93\x9d\x13\xcd\xb5x\x9e6\x16\xf3\xf9\x0e\x01\xae\xf50\x17\xa5\n\xf58#\xf4-\xbb\xe2\xd4c2}\xb2t\xc1\xab\xcd\x05E\\dq|\xcc\x94\xe1\xc5\xda\x12\x80\x19\x9c\x19\x07\xaa\xb6\x9f\x84a\xc1"\\\xf1(\xb7\xb7\xa4\x10\xf1\xb1g\x97\xc0(\x9eL\x14\xbf\x14\xbf\x18\x81\xcaI\xe5\x80\x0f\x90\xd45y\xfe\x82U\xdeG\x9e\x92\xbd\xc9\xcaC\xbb\x12\xaa_3\xe9\xd7:\xae\xf8%V\xd7\x03V\xfb\xe2H\xefID5p\x9d\x8d\x1d\x0b\xdag\x9eJ\n\xd8\xfc\xff \xe5\x81Kv#\xf99\xef\x06\xa8\xfa\x0e\xd3\xa5V\xff\xe7\x88\xddi\x17\x16\xc5%{|\xbd\x9c\xe1&gt;\xb5\xfb\xbc2\x99\xb2\xa5u\xe1\x18\xe2?O\xc6W\xdaa\x95C\x08\x11\x01~\xac(Bt\xb2\xc1c"\xe7\xfaG\xa8\x8b/\xf5\xbcpr\x84kP\xbb\x16\xaf_\xc1\xaf\xb4\x82\x11\x96V\x08p\x99E\xb9\x1c\x94:o\x84TB\x02\xcfwLI\x1cW\xb4_\xb0\xf9\x8am\xf4\x7f!tU\x0b\x83L\xe3\x1a\xe9\xb0c\xc7E\x84\x98f\xea\xcd\xb7\xe3\xea\x7f*@U\xd3\xc0\xba\xeb\xaaL\xbb\xf7\x06\xe0(\xb4\xef\x8a\xe1\xb02\xb8\xb9\xb7\xd4\xd6\r\xc0y\xcc\n+\xad\xf6&lt;\xb0\xdck\xa3k\xa6p\xf3\x00\x9d\xe0\xc8\xae\x8f\xec\x0f\x97\xb6\xba\xf1\x16Z\xc5\xb3\xba\xee\x8f\x026\x92\xf8N\xfb\xabY\x9e\xac,\xce)bB\xa4\xee\xae\xef\xa5\x1d;v\x14\xe1\\\xd4\xd2\xbd\xc4(Y\xa9\xc5\xbb\xb4\xf9\xc3ei\xdbo\x11\xb9\x81\xe5i4\x13$\x9f\xb70}\xb6\xc0iq\x13\xe0f\x88\x88p\t\xfc\xb7\xc5&lt;sE\x04\xb8\xbb\xbau\x15\xabUG\xf9\x0c\xc2l\xdbH}\x8b\x14Zu\xa8%\x04\x13M\xa8\xf7\xbf\x1b\t\xb0\x9a\x96\x08\xadmM\x82\xf2\xc8\xfa\x8e\xfb)`[\xa3\xb3\xe3\xfc\xe0\x96H\xeb\xe4dT\x0e0\xbb\xb6J\x99\xe8\xab1\x98\x84\xb4=\xfaP\n&lt;L\x93\xf1TzP\xf4&lt;\xe1!\xc9\xbd\xc20x\x08\xa3\xfd3\x1d)\xf5\x07\xc2k\xdc\x07\x0e\x1dS~u\xd8sa\x07\x9c\xd2\x92\xe2+\x89%\xe0\x14\xc3\xbd\xca;\xbf\xeb\x8e\x95F\x93\x8e7\x85\xb2u\xf9\xc4\xb7i(\xa8b\x06\xb2\xc9\x8b\x10\x11\xf1\t\xa7b\xf8\x8e\x1d\xdb\x85\xd3\x0c\x1ad\xec\r\\xyp\xe9\xba\x01X\xaf\xfale\xc5#\xaf\xfe\x1d\x7fu\x15\'e\xef\xa3~\x7f\x94\xd1\xfe5\xa74g\xf8\xcfp\xb2@\xcf\x07\xfd?\xb9H\x88\xee\x1b\x80\x8b\x8a^\xb5]\x9e5\x92x\xeb6\xb9\xe8\x1f\xae~\xdb\x98\xd4uL\x96{C\xaf\xb8]\xc9\x0b8\xd3\xf8\xb8\xfb\x8a~\xf7\xf7\xc4\xaa\xfa\x8e\x1d\x9b\x81[%\xed\xb8\xda6\xa2\xff\x06\xa0\xe7\xd6\xe2d T\xf3\x1e\xbaJ\x0eG\x00\xf8\xe6\xee\x1b\xbf\x13B\xbe2\xfe}\xa1\xf1\x97tYL\xef\xa30a\xf5\x98&lt;\xa7\xb1p\xb2%\x1d\x91B\xf5\xd8JaA\x04\xb8\xe4\xf4\xc31\xd3m\xc4\xa4\xb5x\x0f\x14gdf\x03\xc0\xca\xf3\xfe-\xf0e\xb0\x85\xf8Y\x9d\xc0\x8e-a+E\xad\x0c\x03\xcf\xde\xab\xc0[K\xc2\x11\x9aNe\xdcq\xbf\xb38uP\xfb\xf3\xbf\xf6\r\xc0\x01j\'\x94\'\xdd\xec\xe2\xee^\x0b\xb6\xb1R\xd9\x87L\xc4G+\x97\x9e+#\xa5\x87\xf3RX/\x03\xe0.\x1d\xa8\x89*\x15\xbe\xad\xde\x00ly\xbc2\xacG\xf5\xe0\xa8\xf17X\xbe\x1a\x11\xde3.TN\xc9\x81;&lt;\xc1\xa6\xd0\xbay\xf5\x84l\xca\xbc\xe6I\xa5z\x1bUg\x1bMs\xc3\xa9xX\xc6yX1\xa2zP\\6\x00\xd3\xc5y\xf2@Dx\xe29y\xb8\x02J\xf31\xaa\xb1g\x15\x96\xe7\x04\xfd\xd2sK\x18\x83\xaa)\xb4\x16\xb1W\xe9[\xfd\x06\xe0$\xc7kU|Z\xf6\xfb3\xbb\xeb.:\xf88X580^j\xc4\x9c\xb2\xb6\x1a\x92\x1f\x02X\xf1\x9c\xb4\x16\xa9K\x0f\x9fm\x8f/:Q\xdb\xaa\xeaS)C\x0e&lt;M\xc1\xb0P&amp;\xfe\x9bb&gt;\xd8\xa7\x8d\tG\x0f\xfc\x1fKs[\x11\xa8!t\xc1\x07\xa5\x05w8\xc1\xd8\x8e\xf3\xf1=\xaa\xe8"\x1a,c\xb2\xde\xbd\xda\x96i9:\x91Q\xdb\x02\x10\x11\xf1\xc6\xc65\xc9\xee\xe13D\xb7\xfc\xe9"\x16\xa9\x15\xbcB\xcb\xbfcZ,\xba#f\xe5\xf5\xbbJ\xbd\xdf,\x12\x9c\xe3\xaet\n\x8f\xedO\xba\x0b&gt;\x90\xb9!\xce\x8d\x0en94\xde\x8e\x7f\xb6\xc3dE\xcc\xc5m\x0b\xbb\xfaS[\xb9n\x11\x98f\xdc\t \x98d\xc9y\\eHr.\xd6w\x9d\x87\x88p\x05Y\xbe)\x98\x97\x9e\xd6/0v\xf7\x9e%\xcc\x99\x83\xcc\xe7\\j\xb2;\x8f:\xfea\xfd+\rR\x85\xe2l\xc1\x0c\x06\x95\xc5\x85\xbb\xf2\xb5\xe9\x1d\x11\xe6\xa1\xdct\xf9\xee\xb0\x8f\xd5j\x8db\xd5\x91@\x9d\xc0\xad\x0e\xd0jhw\x88\x97KOk\xd9\xba]\x9c\xb4\x1b\xb3\xa9\xadj?\xb3D\xad\xbbcU/vf\xb7\xff\n\x84\x8f\xea\x1d;\xce\x1b\xf2\xd2\xc7\xf0&amp;\x1f"\x02|b~\xbb\x8e\x95@\x898\x05\x91(\xe95\xee\x80\xe9\xb7\xcd\xe4F\xea\xbb\xa7\xf1H\xf1\x18*\x8fYx\xb9\x9cG\xabY \x99\x08\xff\x14\x1d\xf5\xed8e\xfc\xf2&gt;\x82M\x18\x17\xc7\xdbq\xe3\xfcD\xb4\x8aUzdP]:\x16AJL\xa4\x8a\xdf\xcbO\xeb\xea_\x81h\xad\xa8F \xbc\xb8~(\xfd\xe9\xec\xd8aGu}\x9c\xd7\xe2\xe1\xa2\x9c\xcd\xc0\xf2\xb22o@\xbc\x0b$l\x00\x92f\xa7{\xd2\xd3\x05\xf31\xb3\xf8tE\x982\x11\x01n\x05\xf0DQI\xf5\xb3\xa6\x164\xc9Y1Z\xda\xa6+.\x11\xf6\xb0\xdf\xc1\xe3\xb77\xb5 \xee\r\x04\x00\xf8\xff6e/\xb3\x01\xd0V\x80g\xcf3`M\xe9X\xd6\x15#\xb1\x03C\x91\xea\xcb\x8e\xf3\xce\xdf$\rB\x1b\xb5o\x16\xe9\xda7cRd,\xdd1\xbd\x0b\x95\x8f;\xce\n\xf3y\x06\x89(\xb2\x15\xdb\xf7\xf4G*\x87\x11\x11\xe0k\x8d\x0c5\xcd\x96\xc7\x86\x95\x12\x9e\xaf(\xa9\x8a\xc65\x0b_\x02\xef\xdfP\xee\x8f\xb1\xfa\xa6u\xaa\xf0h\xbe\xd5\x0f\x0b\xces;j\xb0\xd1A\xa9\xdaj\xee\xf0F\x96\xb6\xb70\x8c\xcbq\xd1i;;\xb8:\x9eH\xd1\xa0N446Z\x1d\xe2\x83\x9a\x93\xa3i\x08\x16\xdd\xae\xec\xd8\xd1\x07\xba\r\x80}\xa7\x8b\x88wR\xbd\x94R\xe6V\xdb\xbd\'\xb4\xbfW\xb0I\xf2!\x1a\xdc\xeb]\xaf\xcd\x01\xd6\xf08~e\xcc\xae\xdbfx_p\xf8\x0cJ\x87\x91\xa5\x7f\xb3\xb9\xf8xv\x87\'\x1c\x8a\x9ei\xe1H\xaf8\xe1t\x8e\x9f\xf5&lt;\xff\xa9$g;Hwqk\xcd\x83;v\xe8\x81\xf0\x8bi\xa4\x92\xab\xffk\xb4\xaf\xab&lt;\x12C\xd1}#\xd9\xf2\xf3\x00@\x90\x89\xc8o\x84j\x8c\x9d\x95\xc3\x08\x00\x00 \x00IDAT\rm\x00\xcc\xfa\x0f$\xa4\x16\xfaYv\x07\x8bSq\xe0\x86\x1f\xca\x99\x9f\x11\x99(\xc8\x03t\x12cwJ\x08\xb6\xee\x0b\xf8\xf6-\x81"\xf2\xd4\x80~\xeb\xc6\x8f\xc0E&gt;\xa4(\xbf\xf8\x10L\x82&gt;\xa7\x06\x88\x08W\xba\xb0\x0e\xdf\xb18\xc8\r@sus\xdb\x16\x9f\xc4\x02\x0e\xc7\xd7:\xb3\xcb\x18\xfdp\x12\x95\xf4AZ\x92G\x8bn\xd1\xcb(\x97\xe0\xf1\xf6y\xd7\xe9p\x8b\x11\x12Lo\xf8\x15\x0b\xfcf\xde\xe6\x93=\x86\x8e\xed\x8f\xf5\x1b\xd9-\xc6\xcc\xb6\xe1\xe0.\xa6\xe0\xf7\xc0\x07\x843`\xbe\x01\x98\x7f\xcc\'q\x1f\x9c\\J\xfa\xe0\xe8\xc3\xd7/k{\xb4\x9d`=\x7f2k\x89\x1d\'\x81p\xdd\xefw\xbca-CR\xb8\xb71\xe9\x0f\x8aa\\\x8b\xf5\xdeX\xd9\xd8(\x0cJ\xbfv\xbc\xe0\xd0\xd4*\x9a\x1f\x97\x1f~rx\xe2q\x02\x01\xe9\x88\x8f\xea\xb4\xb08\x1bL\x99\xd2*Gqe\xc7\x85\x03\xc6\xcb\xfd8\x01\xd3\xf9%\x99t\xb4:^\xbc\xb9H[\xaa\xd4ldvK\xd4\x06\x83\x98q\x98o\x15\xfeb\xc3\x8e\x1dv\xb8N\xf3\x17|\xc5\x10\xd7b\x9d\x1f\x8a\xcbn/n\x02\x81\xf3Z\xf0%\xfe\xc4\xe0\xe2\xdc\xe6\xc9\xa5\xf9\xb2\x97ON\xe1\x01\x17\x008&gt;\xd3#E/\xf3\x9a\x81\xd3J=\x97\xda\x85\xfcbn\xd9\xb1a|}\x18\xb4I\x00O)\xf9\xc8`\xbdX\x91\xa7\xe6\rCo0k\xdf\x1e\x9ax\xab\x1b\t\xd4\xf5\xcd\xa7\xdf\x94!w\x1d\x00\x86Z\xae;\xce\x01\x888\x0c\xe0\x11\x06\x87\xc0\x1a\xb2\x8bf\xc9a\x19r\xe2vb@\xc4a\xf88\x80\x17\x99:\x01@W_\x95B\x05\x11a\x18\x86\xc3\xf0\r\xc3\xa6F\r\x01\x8f\xc1di\x0f\xa1\xb1SX\x0eq\x11\xe5,\xcdg\xd3\x01L\x1c\x14$7\x9f\x1a\xb3\xd3\x96\x88\x07\xd1!\x88\xae\xce\xef\x83\xd1_\xd5uo\x93\xd9\xb7\xc3\x05sE\x91\xc7WN:r\x95o\x8c\xb7Y\xc6e\x01\xfe\x0b|\xcbZ\x1d\x8e\x94\xbck,\xa7\x07\x80t/"\xac\xb1b)\x8e\xe9X\x16\x8ew\xc2f\x97\xe8Km\xc7\xb61\x0c\x83S\xbc\x92rZ%/\x7f\x98U{2\x97\x9e\xf5\x8e\x1f\x9eS!k\x18\x06\xe3\xea\x1f(\xff\xfb\x1f\x87\x88\xf2\x86CA\x1c\x86\xc1i\xfd\xa1:\x91\xba\xae\xca\xc6\x81j$\x1e\xdeg\xc6\xbe]\xd3mjC\xb2"\xe6\x8b\x963r\xb7i\xa6\xdfI\xde\xa2+Q\x84\x92\x15\x9b9\xad\xe40\xfa\x8b|=\x90\xe9S=v\x08\xf0\x91U\x1d\xdb\xb1\xd6c\x8a\xe9=\xd5-\x1d]\xab\xd0\xe9\x89\xd1\x049O\xa7\xaf\xe6\xc3\x84\xc9\x7f\xe5\x97\xd6\xc0\xa4\xdf\xc6\xc3\xf6\xc4\x00\x0fv^+\xbc\x92\xb6X\x07\xc5*;M\xcak\x0f\xd4\x8eE\xb1\xdch\xdb\x161\xf2\xa2\'\\\x15-\x1b\xb0\xb5K1\xfa\xb7\xa2W/\x8b\xbe\xe8\xb7LL\xf4@\xf4\xfb\x0f\xf7S\xb02\xab\xb8a)\xba\xc8\xe1\xd3\x0f\xb1\xaaer\xb71Z\x9a\x7fQ\xa1I\xfb\t\xc07z\xb7\xb2\x82L\xc6N=\x94SL\xae\xb3\x10_W\xf5\t\xd5\xe7\xb12\x188\x97\x9a\xe9\x8a\xd8|=o\x1c\xfd\xbe\x9fC\xed"\xc8\x1fU\xdb\xba\x19\xc7t\xd2\xa5\xf7\xead&gt;\xd5\xe5p\xf1!z\x02]\xf0s\\r\x9dL\xcc\xef8-\x84\x07\xde\xba\x0e\xa5\\E\xc4\xdb\xb7\xcdO\x99p\x9d\x9c\xda\x0c!jj\x1b\xffDr\xb1M\xa3\x96\xed\x01}\xe7\x15Bz\xc1\xb1\x7f\xc3\x95Q\x18\xdf\x9a\x95\xe8\xfdwp\x17\xf1Q\xba}\x82\xc5\x82Mc\x83\x16m\x8d\x8f\xd3\x16\xa2\xd1\xa8\x15\x1c\xf2DD\x80\xa7\xae\xb9}\xfa\xeb\x93\xca\xb8^;\xa5\xf0\x90\x85=\xe9\x98\x16\xbb\x8by\xac\xba$\xd6L\xb8\x96\x9dF\xe2\x13n\x85m\xd0\xae\xa48\xcb\x9c\x9e\xc0\xd8C\x02\xf1\xc3\xd1\xe5kZv\\x\xb8\x14\x02U\xba\xd6+\xaa_|\xd7uD\xc47\x85e\xeb\x9b\x16\x9dcNc&amp;3\xa1\x7f\xa9\nFGZ\x9d\xbb\xa8*&gt;j\xa8V\x84\x88W\xdc\xdc\xe8\x9f\xd4\x02\x0b\x00\xeaV\x0fA\xef*m\'\xe6"7l\xc1\xe4\xa6\xe1\xae\xd1gl\xff\x89]X(\x11\x06\'\xa6XN\xb7\xf9\x00\xa8\xcf\x98\x8e2\xa3\r\x00\xb9{7\xfbG\xfb\xa4\x8e\xd8\x86Y\xde\\\xba\xb8\xa5fG\x1f\xb4\xa7\x996"\x17\x89\xdaH\x85\xbd\xee\x1c{\x8d\xa5\xe1\xd5\x81\xc0\xb5Rn\x19\xbd^\x0fg\x12\x99\xd3\x11Kvk\xf1\xf7\xc16}^\x12\xbf\x18\xb0\xa5\xfa\x1eP\xfa\x9e\xed\xb0\x12\xb0\xa8\x0f\xb3\x15\xd5I\xb8\xc8\x0f\x1b\x08\xd4\x8d\xe5K\x82\x95\x89ek\xfeE\x8bL[j\xf8g\xd3\x91\xc9\xaf\x97=\xd0\xcb?\xd4(|\xbdN\xd1&amp;g\x87\x1d\x17\x17\'\x10\x8b\r9\xc3\xb6\xff\x93\xb2\xa8\xcb\x1bu\xf1$\x96\xf0pSY\x91k(\x19$\x17w\xb5\xa4\xc2\xd6\xaa\xfc\xa2+\x86\n$\xc4ll\xe7\'\xe9?\xe5@\xa2\x9b\x8b\xb6\xea\xffNo\xb3\xd8\xdao\xcf-!\xfex]\xf5\xd4\x823\xfc3/\x8b*\xaf\x90\xb0\x12\x9fw\xf5\xf6\xcf#"\x1a\x86w\x96\xf6ysG+\x9c"{\x8bsR\x96\x1e=r&amp;\x7f&amp;\x10\xca\xbf\x9a\x9f[\x96\xf0p\xef\xb2B\x9b\xb0W1\x1a\xc9\xe3i\xa1!\xf3\xe4\xba\x07\xa7\x93\x9auVZm\xdc\x99\xd1\xeb\x90\xbf\x17g\xee\xdf\xe0\x84\xb2\x11\xa4\xa3\xafvT\xba\xe6-&lt;\xb0M&gt;\x8c\xf8\xfa\x9a\xf3{\x8b\xea\x9c\t\xf7\xe8\x98V\xa1\x14\xa8N"k\xae\xd5%\xa6\xb6W\xe6\xc6=Gv\xd4\xc1&gt;;\n\x8d\xb1\xea\x05\x9b\xae \xe7\xe0~\x9a\x00\xae\x0b\xb7N]:gi\x96\xabAK\x8d\xeb\xb0\x93\x87\xbf4\x92Y\xbd`\x12\xf0\xf4\xe8\xa7\xe87\x9f\x12\xec\xe5,\xc4\xe8\x8a\xe7x\xcd|\x8c|s\xaf\x13\x1a\xa3\xab\xac\xa2\xf58\x1c\xd4\xc3\xaef\xef]\x94\xb9?3\xb0\xc7\xa9\xcdf\xa1\xfa\xe5"4\x9e\xdf+\x97\xe0q\x80\x11\x9bXk\xa9A\n\xfa\xbe\n\x1b\x95\x92\xa7\xac\xa4\x1fG;\xa1kt\xc5\x96nl\xc5\xb5c\x01\xac7\xe4\xbd\x12\xa6\x17\xbaexQc\xb6\x01\xa0^|\xaf+\x88\xddQ\xbb\xb0x\xaa\xf9\xd7\xa4\x98\r@\xbb+~p3\xce\xac\xc71$\xb2eP\xd6hnp\xeaV\xcf\x13sg=\xebd\\Y\xa9\x96\x12\xc6\xe3^n\xae\x13\xbb5\xf4\xa2\xbd^\xbd5\xacz\x0b\x0c\xbf1\x99;\x0c\xe7\xd3\xc5\xf6\xf2\x94d\xf5^:\xcf\x1d\xba_\xd1\xe6\ny\xb1\xab\xf4C\xd0fcs\xae\x01\xb1\x1bY\x13N\xd4\xba\x1d;\xba`\xc1d\xb8\x8b\xb9\xb4m\xa6\x18!\xc0\xbc\x010\xb3\xaa7!(gs\x8d\xbeV\xad\xb4\r\xbd&lt;`\x9c\x9b\xe3\x9e\xe3oM\x00 \xc0\xa3\x99&amp;}-\xb5//N\x00\xabf\x1c\xa34\xa5\xc4\xce\xeba\x07\x80+Rm\xbebJ%\x00\x80\'n%\x17\xb6\x83\xe5\xab\xaer\x85\x9a5\xfe\xa0r\xa3\x0e\x19Zr\x8e\xed\xa0\x87\x84E\xc8\xdd\x01\xde[\x18,\xb5c\xbf\xcb\xf0\xc8}\x9bP\xb9q;3\xe0\x8e\x1d;hd5qe:0\x1e9\xe3\xb8\xf4\xb4\xb1B\x04\xb8\x1d+\\\xea\x97M\x0f\x1d\x9f\xfe/\x8a\xb6\xe9\xb9|\xa0\xc54psW\x10\x9c_\xb5\x81\x10\r\xb1)21\xec\xe9\x9c\x15\x81\x0f)t\xb8J\xe1\xf0\xcf}QX\xc2\x86\x87#\xc5\x92U7:LA\xc4\xdb\x974\x96\x97wH~\x83\xa7\xa3!\xd3cX\x07\x99ym\x1f\xcb{\xa5\x9c\xe0\xdagU\xd0\xb1w\xd9\x1aT\x83\xbeHl\xefX\x05g5\xae\xa7\xb7\x11\x0f\x12\xafu\n9t\xff\xdfKL\xd5\x7f\xa6o\x8a\xc1I\xfc2E\xa4&lt;Il\xea\xb0\xd6$b)7\x06N\xf3\x0c\'b\\\xce\x16.\x06\x16\xa7g\xfa\xbai%\xd7a\xcd\xd7\x84M\x91\xd1`\xb9`\x8e\x9f\xa6\x16\x95\x86\xd5\x8fiO\x16KG\xff;\x0bt\xa5:\xf7\xbd\x00\xe5\x88\x05o\xfb5\x93\x16\xcb\xf2\xda\xd1\x1f\xd1\xd8W\x1d2u\xa1U\x0b-\xa5M\xd0\x0eJ\x18Fe\xa8E\xe6"\x13g\r\xc9\x85+l\xa2+\xfe\xd1w\x86\xab\xa4\xd4&amp;f\t\xfe\xc1\x90\xbd\xc6]f\x87\xa5\xc6\xc6\x10\xd9\xe8"\x84\xde\x00&lt;\x96\x92?V\x15\x95\xea\xf3Z\xfd\x84o\xfd5\xcb\xaa:].\xca\x0c\xca&gt;\xd6\x95\xd3I\x8eL/\xaf{\x89g\xf2|&lt;\xe0yNV\xbf\xc0?\xb4n\x10U\x0f\'\xc9\xcbU\xa4\xade\xd9_&amp;\xceLf\xc9\x15^o\xdb\xb1\x1c\x92\xb4\xb7\x85~M\xfb\x17\n,\x0c\xa2Zq\xcdr\x93\x9e\xc8\xdc\xee&amp;u\x81\xe5\xd4\xed\xaa8o\xa7\x88\xac\xc5\x84H\xb1\xc3\x95\xb7[\x99\xbc\xddm\xf2{\xaey\xcf\xdf\xa6\x8f^m\xb4\xc9\\\x14/\xb1pvZO\x8c\x1a?\x8d\xde\x000\x91`\xde\x00x\x94\x8e\x8d\x0c\xe5B\x95\xb0\x0eA\xf2\xfea\xf5\xdcW\x97;\xd9@\xd3\xf9\x88\x88\xf0\xf1\x9e\x0bk\xef\xb1\x08K\x87\xbd\x821\x1b\xe6\xfeEi\xab\x15\xefA\xa3\'K\x9eY\x9e\xda\x8e\xbe\xc8\x82~\x851\xbe\xa8\x11\xe6n\xf2\xc7.s\xba0\xd3\xb6\xa8\x13\x87\xf8\x93|\x98\xe9\xf0\xe1\x07\x1a+\x04[\xea\x81\xca\xbcs\xcbYk\xf89\x94\x88|\xa2\xddB\xd6\x1b\xedr^\xcd\x94[\x88\x8eB2\x9eW{\xc9m&lt;\xd26\x13\xd8D$,\x01)\xd8\xb4\x1e\xa8\xcb\x9dC\x97+\xcd\xa3\x93g"\x8e4\xdc\x8e\xa5&amp;EN\x02Gq\xf6\xea\'\xf4r-J\xecF\xdd\xb5\xdc-\xb9Z\x0b\xbe\x03`\xc79\x81\t\xfa^#\xfdMT\x18\xcd\xda\xf7\x083\xe3G\xad\x1d\xa6\x81\xae\xaeDS\x01\xf5\xa8e\x08\xf0u\x00\x08?}*C\xdf\xba\xfc\x85\xdb\x91\x1b\x00\x03\xbe)\x9f\xac\xec\xeb\x00S\xfbC\x1f\x00\x04\xf8\x16\x00\x80OG\xf8\xbc\xfa\xe0I\x99\x9fn\xd6\xd7l\x9f\x88\xab\x92\x1c\xc4\xe2\xd2\x81\xb9\xbb\xa2Wk\x16g\xa7\xbf\x01\xe8\xb7vd\xd5\xd5\xc9\xd7\x0c\x8d}\xf8da&amp;\xb6\xad[b\xb9\x0b\x97\x86.E)P\x119\xf0x\xf1U\xc4\x93\xba\xe7V\xe9z%\xe2=T\x1dO:\xa7vt\x06\xb3\x8c\xe8\x154\\\xfa]\xc6\x90\xcc\x08\xf0\xf1\'3U,\xfbPEU\x13\x11\xe12\xd80\xdd\xfa\xad\xd8\xd2\xd8\x93\xc5ni\xc4\xfd\xc2\xafn\xa2E\n\\\x1bJ\xc0\xa7$M%\x0e\xd1\xa4\xf8\xd7V\xaa\xb3\x8aq\xdb)\xd3&gt;)4.p_S\x8c|Mv\xc4\xab\x96m\xf8\xf3\xa4\xf7u5\xf0\x89\xe7?j\x95\xe0\x98S\x8e\xc3\xe7\x1f\x96A\xc0[:H\xce\x89\x8b\xd2\xd3*\'G\xaa\xbe\x89\xaaU9\xcb\x96w\xb9\xef\xb9\x94\xd9\x1d\xdd\xb0\xf0d\xec\xa5\xe5t\x02z\x15\xf7*\xf6\x00\x9bX+\x1c\xd9~\x8d\xe8\x1c\xb2\xd6\xafW\xd4Vw\xda\x11\xd4LC4x\x1a\xef\xa5\x1f\xd0\x1d y\xf8\x99\x98\x0b\xf7\x99\x89u\xc2\xc7$\xd1\xae\xd9\x1b_\x10\x7fn\xc7:\xe29^^\xa6l\x12\xa3\x11LGSW\xdb?\x02\xb3\xda\xae\x9a\x11N\x11VW\xbf\xa8\xfc\xd0#\x18\x02\xcf\'\x9c\xad\xb1\xc1\x97w\xcc\xa6E\xb8\x0e&amp;\x05\xa1\xa2,\\\x8cb\xb2c\xc4b#=F\xd5]\xf5\xed\xbb\xf2!u6t\xcc\x93\\\x93\x84\x186\xaf\xd5&gt;\xe1M\xc5\x16\x9b\xc9meY\xbc4\xc0\r\xa8\xae\xe7\xb9\x010\x15\xdf\xea\x12\x7f\xe8\xac\xd4`\x11\xfa;a\xcf@\xc5Y&gt;\x01h\xc4\xd3)\'\x1c\xaf\xfc\x80m\x152\xfb\xf3S\r^=\x03\xe7\xafc\x02\xce\xa3\x93\x04s\x05\x9fT\x14\xb9\x9d\x1b\x85\x0b\xf2\x99\x06A\x0e\xd60|\x89\xb2J\xcb\x10\xa7?D\x807\x02\xe0\xba_\xce\x11\x8f\xe3\x7f\xba\xc8\xe9W\xdf\xf2\x90;\xfe8\xc6I\xfcc\xab\xf0\x1d;D|\xa8.P\x0eQu\xcd~Q\xd5\x1a\xb2|\xdc?L.\x82y\xc2?\x19S(:^\xb4|\xc3\xbf8\xf1%\xa0\x7f\x95\xac)\xbev\x02\xff\xa1\xedr\x9cE\xd4\x1b\x12\xfdS\xe9\xae\x13\xe4i"=\xba\x9b.\x96{\x8e\xf3\xbd.x\xea\x17\x07;\x8e\xa0\x9eh\xc1\x83\xea6\x00\xb9l[j\xcc\x83.\xf5\xaaY\xd55\xe6\xa9\x9c\xe9\xa9\xf7F\x97\xae\x11\x96\xaeE\xa9RN\xb0p\xd7\xebH|\xf8\</t>
        </is>
      </c>
      <c r="E803" t="inlineStr">
        <is>
          <t>&lt;class 'numpy.ndarray'&gt;</t>
        </is>
      </c>
    </row>
    <row r="804">
      <c r="A804" s="1" t="n">
        <v>802</v>
      </c>
      <c r="B804" t="inlineStr">
        <is>
          <t>steps_per_sec</t>
        </is>
      </c>
      <c r="C804" t="n">
        <v>9000</v>
      </c>
      <c r="D804" t="inlineStr">
        <is>
          <t>3.0795145</t>
        </is>
      </c>
      <c r="E804" t="inlineStr">
        <is>
          <t>&lt;class 'numpy.ndarray'&gt;</t>
        </is>
      </c>
    </row>
    <row r="805">
      <c r="A805" s="1" t="n">
        <v>803</v>
      </c>
      <c r="B805" t="inlineStr">
        <is>
          <t>Loss/RPNLoss/localization_loss</t>
        </is>
      </c>
      <c r="C805" t="n">
        <v>9000</v>
      </c>
      <c r="D805" t="inlineStr">
        <is>
          <t>0.16342221</t>
        </is>
      </c>
      <c r="E805" t="inlineStr">
        <is>
          <t>&lt;class 'numpy.ndarray'&gt;</t>
        </is>
      </c>
    </row>
    <row r="806">
      <c r="A806" s="1" t="n">
        <v>804</v>
      </c>
      <c r="B806" t="inlineStr">
        <is>
          <t>Loss/RPNLoss/objectness_loss</t>
        </is>
      </c>
      <c r="C806" t="n">
        <v>9000</v>
      </c>
      <c r="D806" t="inlineStr">
        <is>
          <t>0.03558359</t>
        </is>
      </c>
      <c r="E806" t="inlineStr">
        <is>
          <t>&lt;class 'numpy.ndarray'&gt;</t>
        </is>
      </c>
    </row>
    <row r="807">
      <c r="A807" s="1" t="n">
        <v>805</v>
      </c>
      <c r="B807" t="inlineStr">
        <is>
          <t>Loss/BoxClassifierLoss/localization_loss</t>
        </is>
      </c>
      <c r="C807" t="n">
        <v>9000</v>
      </c>
      <c r="D807" t="inlineStr">
        <is>
          <t>0.072398864</t>
        </is>
      </c>
      <c r="E807" t="inlineStr">
        <is>
          <t>&lt;class 'numpy.ndarray'&gt;</t>
        </is>
      </c>
    </row>
    <row r="808">
      <c r="A808" s="1" t="n">
        <v>806</v>
      </c>
      <c r="B808" t="inlineStr">
        <is>
          <t>Loss/BoxClassifierLoss/classification_loss</t>
        </is>
      </c>
      <c r="C808" t="n">
        <v>9000</v>
      </c>
      <c r="D808" t="inlineStr">
        <is>
          <t>0.08938666</t>
        </is>
      </c>
      <c r="E808" t="inlineStr">
        <is>
          <t>&lt;class 'numpy.ndarray'&gt;</t>
        </is>
      </c>
    </row>
    <row r="809">
      <c r="A809" s="1" t="n">
        <v>807</v>
      </c>
      <c r="B809" t="inlineStr">
        <is>
          <t>Loss/regularization_loss</t>
        </is>
      </c>
      <c r="C809" t="n">
        <v>9000</v>
      </c>
      <c r="D809" t="inlineStr">
        <is>
          <t>0.0</t>
        </is>
      </c>
      <c r="E809" t="inlineStr">
        <is>
          <t>&lt;class 'numpy.ndarray'&gt;</t>
        </is>
      </c>
    </row>
    <row r="810">
      <c r="A810" s="1" t="n">
        <v>808</v>
      </c>
      <c r="B810" t="inlineStr">
        <is>
          <t>Loss/total_loss</t>
        </is>
      </c>
      <c r="C810" t="n">
        <v>9000</v>
      </c>
      <c r="D810" t="inlineStr">
        <is>
          <t>0.36079133</t>
        </is>
      </c>
      <c r="E810" t="inlineStr">
        <is>
          <t>&lt;class 'numpy.ndarray'&gt;</t>
        </is>
      </c>
    </row>
    <row r="811">
      <c r="A811" s="1" t="n">
        <v>809</v>
      </c>
      <c r="B811" t="inlineStr">
        <is>
          <t>learning_rate</t>
        </is>
      </c>
      <c r="C811" t="n">
        <v>9000</v>
      </c>
      <c r="D811" t="inlineStr">
        <is>
          <t>0.039498556</t>
        </is>
      </c>
      <c r="E811" t="inlineStr">
        <is>
          <t>&lt;class 'numpy.ndarray'&gt;</t>
        </is>
      </c>
    </row>
    <row r="812">
      <c r="A812" s="1" t="n">
        <v>810</v>
      </c>
      <c r="B812" t="inlineStr">
        <is>
          <t>train_input_images</t>
        </is>
      </c>
      <c r="C812" t="n">
        <v>9000</v>
      </c>
      <c r="D812" t="inlineStr">
        <is>
          <t>[b'1024' b'1024'
 b'\x89PNG\r\n\x1a\n\x00\x00\x00\rIHDR\x00\x00\x04\x00\x00\x00\x04\x00\x08\x02\x00\x00\x00\xf0\x7f\xbc\xd4\x00\x00 \x00IDATx\x9c\xed\xddy\xec6]c\x10\xe4s^\x1e[ZY*\xc6\xb2\x84\n\x08\x15A\x12\xa8-\x9b\xb4P\xd1\xa4\xda"\x12\x82\x88V\x05?\x05\x83hCPT\x82%b\x11\x8a6bE\x10\x02\x16\x14\x85` \x1aH1P\xd9\x84j\xa5H@S(\x08\xa1\xb6\xb5\r\x8bV\xb4i\x8bA\x8f\x7f\xdc\xdb\xdc\xfb,g\xe6,s]i\xdf\xefy~\xcf\xfd\xbb\xe7\xcc\x99\xb3o\x13\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b0/\xb1t\x00\x9a\x91R:\xfc!F\x91\x06{v(\n\x94\x030\xc7\xb92\x1d\xafx\xb5\x9b\xa5\x01\xf0\xe2\xc6W\xb9\xc1\x97\x11]&lt;J\x1b5\x8c\xd4yqx\xf8\x86\xe1\xef\xde&lt;\xa8\x97_\x9bR\n1\x86\x17\x15\xd0\xf8o\xfb\xe8mX9\x881\xc6\xcf\x0c\xb2\x0c\xec^\xd4\xfa\x87\x8cbxZ\xb7\xc6\xf8\xd5\x9b6USJ)\x9d:\xf9\x97\x1fe\xf9\xee\x8d\xdb\xdc\xf7\x81\x8e\x07\x13C\x92R\n\x99b\xa0\xa0tR: Gw\xc9\xec\xe8m\xeb\xff\xf0\xa9,a\xd0\x01\x98\xe2+U\xfc\x000\xdb\xa3\x16X\xbc\xea\x02\xc4x\xfe\xbf\x18\xc2\x8f\xda0l\xc7\xc0\xdd\x0c\xa1\xbe\xf9\x95\x1c\xcd\xca5\x1a\xa6\xf1\xe7_\xff5\xfe\x88\xf3\x9f\xa6\x7fW\xe3-\x9f\xcf}3\x81SdV*\xa5i\x89\xa7\x9a\xce\x0b\x00\xc0\x14\xe9\x91\xd2\x81\xbax\x1c\xa4\x17A\x9d{\x0b[DB\xe6\xef\xcf\x1e\xc8s\xc0VO\x00\xef"aB0\x8e\xdf\xf3\xf3\xe7\x87\xf9a\x16\x18\xf3\x8c\xa6~,\xa5\xf49/?\xdcx\xafn[\xe9n\xe5\x16\x000^\x9a\xb0\xe2\xb9\x80\x94\xd2}\x90^\xd4\xfe\x0f??\xf2B\xc3\xbff\x8f\x87\xe1\xf7\xbf^5&gt;\xe9\xdb\x0e\xe1\xbc\xb9\xeb\x19\xad\xa3\x9b/\\\xd9%2\x1e].\xa546\x18\xa7;\r\xb3\xe3\xf3Y\x0b\xfem\x00\x8e\x97\x0eo&amp;d\xc6?wK\x80&amp;[\xa5\xa7\x0e\x00;\x10\xe3\x17\x85\xe3:\x9fX[\xeb?&lt;i\x87\xbd\x08j\x96[X\xb5\xf5\x1fB\x08\xe1\xe7.\xfc\xbe\x17\x97\x18\\k|\xebh\xe3v\xd4\xeb\xe8}\x9f\x0eo\x86\xde\x974\x03\xe3\x9d0.\x01\x1c?\xfc\xee\x93#;2\x9b?\x82\xb6\xad9U\xc7j&lt;2`\x87\x94{\x95[u\xfd\xcf\xa4\xb5%\x93\xbep\xf8\xd70\xff.\x16\x86m\xda/^\x07\xf2\x8f\xcf\xb9\xd8\xdd\xfd\xbe\xfddA#\x82\x91BH\xd5u\xbe\xabu=\xab"\xde\x00\x80\x99f,\x9b\x99\xfa\xe5\x07o\x17\x8dL\xfa\xc2\xf3\x12\xa0\xe1\xbf\xce\xb8\x8b%K\x80NQ\xf7)!|\xe3\xa4k\xbd\xb8\xdc\xb3\xc7q\xf7\xbbi\xcc\x11\x9cW\xdfs\xfa\xe9fM\xc7\x91qk\t\x10\x00\xc0v\xd6\x1e$\xbej\xf8eZ\xa44\\\x07u\xbf\x88\xa5\x84Q\xad\xff\x10B\x8c\x7f\xf9\xf5\x07\x1e&gt;\x8e\x9bA\xf4\xf3\xadO\xfa\x92Ph\xa9\xcd\x98\xc3^u\x00\x00\x00\xca\xca\xbbt\xe4U\xeb\xbc\xf8\x1a\x950h\x9e\xce\x08L\x8c\xbfdb\xaf\xe3{^&gt;?\xffulo\x17\xdf\xc7\x9b?\x849w\xf7\xc9o\x7f\xe5\xed*\xa31[\x05\x82S\x80\xc6\xb3\x04\xa8\x944\xf7\x8c\x05\x00\xa8\xd3\xcd\x9a\x93UW\x04\xdd\\t\x83\x0b\x8d\xb4qxRJ\xe3\x17D-_\xe6\x14\xa67\x1d\x87\x11\xf2,rr%\x95\x0f\x0b\x7f\x7f\'j\xe8.\xefV\x1d\xc5\x14\x00dsZP\xbe\x9d\xa2\xad\xff\xe32\xf8\xcd\xaf{\xe7\xe5\xabv\x1f\x86\xf0ut\xbdj\x8e\xcfm\xfd\xdf\xfc\xeeJt\x00&amp;\xab\xa4\xdf\xbc\'"&lt;\xbfmF\x9b\x00x\xeeR\x02\xf7&gt;\xf6\xff\xa6}\x9c\xcb\xeb\xdb|q\xef\xa7_\x9c\xba\xe2\xe0t\x0b)\x85G\xe3\xf4o\xaf{\x15\xbca\x8f0\xc6\xf0\xa4\x9a\xce\xf5\x04u\x00\xa6\xd1`\x02\x00\x1aR\xba\xf5\xffX\xf6\xe6\xff\xb0\xcd=o\xf1\xf0O\xbd\xfb\xc9\xc8\xaf8\x1c\x11\x1aF\xb5\xd7SHO&amp;"\xae?\xba\xf6\xc3\xd2\x01\x18\xa5\xaa&lt;\x03\xb9\xd8_\x01\xd0\xbd\xb7\xe7W\x96\x15\x7f\xfa\n\xdfyU\xb5\x1d\xbb\x06/\xea\xbb\xa7\xc7\x83N\x8e\xb5\x14B|\xb6n\xfc\xf2\xf3\n&amp;\xe1+M\r\xc0\xaa\x06\x03Ba\xfdr \x8d\x7f\xd1:@\xb5\xea\x1cJo\xd4\x06\x91\xb9`#\xef\xe5W_\xfd\xd6]K\xff\\\xa5&gt;\\g{\xdf1(\x98\x90\x1c\x03\n\xbb\xb6\xc9\xfe\xf6\x82\x07E\x03d\xa6@k\xc2\x92c|F\xd6\x8c\xf7\x9f\x1av\x1b*O\':\x00\xb0k\x7fG\xe9\x00\x00\xb4b\xe3V\xdd\xdb\x13\xdf\x9bv\x88\xca\xd5\xe2\xf3\xba\xf5?\xf7w_\x87nj\xd8\xab\xea\x12\xe8\x00\xc0\xae\xfd\xc5\x05oc\x01\xc8\xae\xefV\xefx\xe5"!\x85\xcf\xdd\xea\xd2+.\xfeYt\xa1\x18\xcf\x9d\xbd7o\x07\xcb\x7f\x03\xdf$\xf1\x03k\xba\xa9]\xd4\xb8\xc0\xb5\x7f\xbb\xc8Uu\x00\xc2)\x12\x8aDE\x17\xf1\xffo\xa6k\xab^l\xd2\x85^|x\xe3\'^\xd1d\x04\x00P\x87b{\xf7\xbd\xa5$\x14\xddm|\x8c\xff\xd0\xf0k8\xb3\xbc\xc4w\xc6\xe5\xc6^(\xa5\xf4r\x7f\xf0&amp;\x87s8\x06\x14\x00\xb8vh\x8d\x149)x\xe7M\xff\x83\xe2\x91P\xef\xa1\xa1\xef}\xda\xf0/\xdb\xc4\xe4\xb4\xab\xbc\xfb\xf4\xdd[\xc5V\xd1\xec\xf3\x05\x00\xd6\xe1\xbc\xcbFeyp^\x11\xb3\xbd\x8dg-\x82M\xc0\xabj\x7f\x15\x1d\x00\xd0\x9b\x94\xd2\x8bW\xf1j\xfd\x17\xb7A\x03R\x07`E\xf1\x87\x96\x0e\x01\x00\xcc\xa5!\xd8)\xa3\x93\xd5\xd9&gt;\xab\xc9\xdb\x00\x00=\x18\xb3\x85\xd76\xeb:\xdd\xad\x02\n\xab\xb6\xd2\xcd\x00\x00\x00t\xe4e\xeb\xffp\xc8\xfd\x96\xc1a\x8c\xbb\x97\xccyF\x00\x00,\xd5\xc1\x19\xff\xdd\xf3\x8c\x00\x00\x00\x00\x00\x00\x00(\xc5\x9c5@Kl\x02\x06`\x11\x8d\x7f\x80\xe6(\xb9\x01XF\'\x809^\xbd\x8e\x8a\x85\xcc\xcb\xf1\xc2G)I"\x00,\xe3T\xc1\xcd\xfc\x96~\xaa\xec\xf3\x99\xf5dwj\xda\xf5\x93Z\xc8,%k7\x01\xa0\r\xaal\xc6\xd0\xbac\x0cI\x04\x00\xa0\x1f:\x00\x00\x00\x00\x00\x00\x00\x00\x00\x00\x00\x00\x00\x00\x00\xe4a\xdfj&gt;6\x01\xf3\x9c7\x01\x03\x00U\xf0n\xa2\x8c\xc4#/\xe8\x00@\x9d\x14\xdd\x00\xcc\x17\xbd\x9e\x8f\xe7&gt;\x94\x0e\x00p\xeb\xfc\x06\xc7\x85\xc5\xf7\xe1{\xd4\x01\x004G\x15\xb6*3\x00P\xa9\x85\x85\x9eit\x00\xe0!\x1d\x00\xa8\xd6\xa2\x1e\x80Q\x13\x00\xda\x15\xa3\x8a\x0c\x00\xa0w)%\xb3\x97\xf0B\xae&lt;b\x06\x00\x00\xa8\x82\x01_\x00\x00\x00\x00\x00\x00\xda`U\x1b\x00\x00P\x94\xd5v\x00@\x08\xe1x~\xb0\xa3Wv\xee\xbc\xc7TJ\xe8\x98M\xc0\x00\x14\xe0\xb0\x97\x1aE\xe3\x82]\x90\xb9\xeaP\xf3\xa9V:\x00\x00\xc0At\x10O\xeb\x0eM\xcej\xdb\x9d\xfbq~\x04u&gt;\x8b\x0f\xa5\x03\x00\xc0\x1eY]\x00\xd9eik\xca\x9b\x19\xfc\xc1\x1a\x1b\xfdC\x9e1\x00@\x0f\x86\x1d\x00\xed\xf8\x82nzb\x15&gt;\x0bK\x80\x00\x00\xbaRa\x8bs?\xeao\xfd\x073\x00\x00\x00\x90K\x13\xf30f\x00\x00\x00 \x8b\x06Z\xffA\x07\x00\x00\x00\xb28\x8f\xfe\xd7\xdc\xfa\x0f:\x00\x00\x00\x90Q\xe5\xad\x7f\x00\x00 \x8f:O\xfd\x07\x98FYV\x87tz\xa3\xe4\xb3\xc7\xf1\xe2\x9f\x00\xe0\x8a%@\x005\xfb\xd3\xc3w\xc9\xa7\x14N\xdd\x80o;\x7f \x84\xafM\xe9\xfcO\x07\xbfx\xf3p\x02\xd0\x8c\xf1K\x94RJ\x964\x01l\xe9\xf1\x04\xcc\xb0$\x1e3C\x13cp\xe83\x00g\xd3:\x00\xc1\xb6\x06\x80\x15\xad\xb8\xe4*\x86\xeb\xae\x03\x00{\xf5a\xf4\'\xa3\x05\xa6P^J\xdap]\xda`\xafE2\x0b\x00@\x08a\xd6\x1e\x00\xdd\x00(#\xd9\x90\xdb\xa9\r\x1f\xac\x14\x04\x80M\xc0\xd0\x8e\x18\xe3\xbb5x?x\xa3\xa0\x90\xcf\x96\xdd:=H\x00\xc2\xd4\t\xe1CEe\x1b\x00l/\xa5\xf4v\rwJI\xf6lM\xb1i\x1dI\x05`\xb7\xe6T\x00\xe7\xfaJ\xfd\x01\x1b\xb2\x84\xbb?c[\xff1\xae2x_\xcf\xe9@F\x97\x00\xb6d\t\x10\xb4B\xdb\xa87\xa3N\xf0&lt;\xcd\xfa\xdc?\xfe\x9f\xbbI\x00\x00\xe8\xcf\xcc&amp;EJ\xa9\x9e\xa1#\x80\xe6\x8c\x19\xfc\xbf+f\xd3\xe1?\xc7\xc9\xa0\x18\xce\x7f]Ba\x0e\xb073g\x00b\x8c*\x0c\x80Y&gt;\xf3m\xeb\xff4\xf0\xff\xb1\xfb\x1f\x87\x18N\x05\xf0\xe1\xafo\xb7\x86\xbf\x91\x92\xb9\x00\x80}\xd1\x88\x07\xd8\xd0\xb8e\xff1\x0c\x07\xf9\xf3}\xef\x8b+\x9a\x07\xa0\x04\xdb?\xa0\x08{\x00\x00\xb63\xa6\x95\xfe\xeb\xc3\xd4\xd6\x7f\x08!\xc6\xaf\x9c\x15\xa0\x93\x94\x82\xb7\x04\xb0\xb1K\xb7\xf5\x0b\xa5=\x00\x98\xe0\x97\x96\x0e\x00\x13\xa4GBJa\xf8\xe7\xb9\xdf\xfd\xf8\xdb\xa7\xc8y\xab\xf0\xde\xd2\x84\x97R\xd2q\x85\x19L\xba\x01l\xe6qS\xe7z\xf9\xc3\x82byq\x13\xdeJ\x0c\xda\xe2H\x12\x98\xc7\x12\xa0\xae\x19\xcf\x83\xba&lt;h\xa6\xc4\xcb\xff.&gt;\\A+\x88\x9dq$\xc95\x95&gt;c\xe9\x00t\xcd`\x1e\xecK\x8c_T:\x08@!v\xf2\x00t\xce\x8a\xedF=\xde\x00\x10\xbe\xe0\xe1g_\xd6\xe5)\x84\x14&gt;\xed\xfe3\x8bv\x02\xe4\xbc\xd5q\xa4d\xc8EV\x02\xe8\x9cfS\x9b\x1e\xb4\xb9\x7f\xe6\x83]\x8c#Z\xe4\xa7\x0f|\xaf\xe3\xaf\x9f?\x99\xc2\xcf^\xd2\x01\xd8:QI\xc9\x00\xdb\xb3D\x04\x9a\x94\x1c\x9e\xdd\x9e\xf4\xec\xad\xbd\xa7\xc7\xf8\x17B\xf8\x81\xe1z\xf3\xce\x93G|\xdbf\x1e\xbc7 \x85e\xdb\x7f$*\x80\xee\xd9\x03\x00M\x8a\x8b\xdf\xff\xca\xf6\x86\xcd\xf2\x18C\x8c!~m\x08!\x84\x9f|\xf8\xd9\x0f\x0c#O\x01\xbd\xfb\xcc\xe0\x07\x9f4?|\x00\xec\xc3\x87\xd2\x01\x00\xe8\xdf\xff\x9c\xd2\x0f\x1b\xfc\xf5\xbb\x85c\x9b\xfd\'\x84\x10?+\x84?\x1a\x0e\x83\xf77\r\xfbg=\xbc\x9f\xf8\xf0\xa7)\x84\x98e-M29\x0c\x00\x00K\xfc\x9e\xa7k\xee?5\x85\xf0\xbf\x84\x10BH\xff\xf5\xe3\x15\xf9)\x84\xf4\xc9\xe9z\x95\xff\xc3\xaf\xfa\xd7O\x9f\x9f\xbf\x05\xe0|]\x00zf\x98\x07`u\xcfZ\xd5\x97w\x18\xfd\xc3)\xfd\xae\xfb\x7fz\xb8\x1f\xe0\xfc\xa3\x9b\xbf\x9e\xaf\xb5,\xac\xb6\x01\xf4.\xa5\xe4\x11\xc3\xce)\x02\xa0u\xc7\xb6\xa5\x1a\xbdjOz\x00\xa7\x0e\xc0\x0f\t\xe9O\xdf\xae\xff\xb9\xef\x00\x0c\xfe\xff\xe15\x0e\xffY&gt;\x80_mZ:\xed}\x0f*\xaf%\xea\xeb\x00\xa4\xf3\xff\x1e\xfeTY\xf0\xa0C6\x01C\xdb\xbe\xab\xf5\x1aMx\xd3\x9e\xf93\xf7\x8f\xf1\xbe\xc7\x90B\x08\xff\xe2\xb3oHW\xff\xb3@\x95m\xaf\xc3\xd1F7S\x1f\xccT\xdf#&gt;\xbe\x06\xfb\x92z\xadC\x83\x95\xd5V\n\x00\xf4\xe8\xba\xf5z\xf9\xf3iU\xcf\xc3\x06\xcf\xe1\x1f\xff\xdb\x14&gt;\xeb\xf4\x93\xbf\x12\xc2\'?9\x18\xf4\xfc\xbfK\x9aN\xf1|\xd5j\xa4\x94*\x0c\x15k8g\x83\xfa\xba(\xd0\x1b3\x00\xc0\x16v\xbe\xbbtx\xe7\xdf\xf4\xf4_n}\\\n!\x84\x1f?h\x0b}\xf2\xe3v\xd1\xe9K\xfe\xf3\xa53\x00\xb5=\xa1\xd3\xfa\xb6\x0c\xdf\xb3\xe7\xe4\xd7\x8axR: \xd0?\x1d\x00`;{m\x84]\xdd\xf5\xf7\x1e\xfdk\x7f=\x1c\xcf\xf5\xf9\x05\x87\x15\x12/\xd6\xbe\xa7\x10\xbe&lt;\x84\x7fbA\x18ktZ\xd7\x94)\xd5\xec5\xf9\x01\xdc\xd2\xcf\x06\xb6p\xdc\xbe\x19\xf6\xb8\x96\xe3E\xbb\xf3\xdc\xa4\x7f\xd14}\xb7\xf7\xf7\xea\x97{\xda\x030\x8c\xb7\x85\xa1\xb2\xb6\x04`\xc8\x0c\x00\xb0\x85\xe3\xc4\xfe\x1e\x9b_\x0f\xda\xe4\xd3c\xe1\xc5o|\xfe\xe3kt$\xfe\xf6\xd2!\x00\xe8\xcb\x0e+c\x80\t\x96nB}4\xfe\x7f\xbd\x0f\xf8\xf0\xb1\xa7\x8d\xf8\xf7\xa7^f]\xdaR\xcf\x18y\xc6a{3\x00\x00Cf\x00\xa0\x0b\x97\x17\xc7\x92\xdf\x92h}\xf8\xbb)\x84\xdfz\xfd\x93O{\xf2\xeb\xa3\xce\xbc\xff\xf5\x93C\xd5\x84Cc=K\x93\xdd\xeeR\x80!\xa5!4/\xe3Ri\x1eHi\xc9\xca\xa5\xa7\xef\x00\xbe\xfa\x9f\xc7{\x00F\xbf\xf1*\xfd[)\xfc\xcc\x10\xfe\xf6\x19\xe1{pQI\x08\x00\xa0b\xe9Z\xe9\xe0p/=\x13~Yz\xf6\xa1\xa9\x97x~\x91\xc9\xf2\xde&lt;\x00\x152\xd2\x03\r\xbbi\xae\x19\xbb\xad\xd3\x8bV\xf5`\x8c\xff\xf2\xa9\xd1\x03\xff\x97+,|\xff\xd7u\x90\xa4"\x80\xce)\xe8\xa1u\x87\x86_\xd1\xbc\xbcl\x91\xcc\x0e&lt;\xee\x02\xdc\x9d\xef9|Yp\x9eKL\xa5\xf5\x0f\xb0\x076\x01C\x93\x06\xab5b\xe9\x9e|J^\xb1\xf4\xc6\x83\x07\xf4\x7f&lt;\xf8q\xac\xe0i\x96\'-\x01\xacM\x07\x00\x9a\xb6RSi\xd2\xd7fk\xb0\xe6k\xf9U\xd7\x82\x8c\xf1\xebn~\xf2=B\x08?\xe6\xf0\xc7\xbf\x7f\xe3\xc0\x00\xb0s{\x1fj\x82F\x1d\xda\xca\x95,\xd8\xc8\x15\x98\xaan*\xbb\x87\xdd\x9bxs\x18\xd0|\x7fsH\xdf\xda\xc1k\x80\xfbN\x03\x00\x95P\xc8B\xabRJ\x9d\xb5\x93\xd2\xc2Wn]\x7f\xd5\xe1\x0f\xd37\xd4\xae\xe4\xe9\xf4\xc6]\x17`vh3\xcc\xa0\x14OQ\xfd\xa5j\x80\nY\x02\x04\xad\xea\xaf\x9d\x14c\xcc\xbe\x99\xb8\x9a\xf5\xe4O\xef\xeb\xf0\xfe\xb6\x94\xceA\xfd\xec)_\xfbS\x86\x7f\xf9}\xd3\x835TC\x82\xea/U\x03THQ\x0bt(\xd5\xf8r\xb4Q#\xf4S\xa6,\xfe\x81\x10\xfe\x9b\xe1\xf7/&lt;\x0c\xb4\x9a\x88\x1a\xc5b!\x80\xd9\x14\x9d@\x87\xea[\x024v\x81\xce\xa3\x00\xff\xa5\x10\xbe\xe7\xe1;\x86\x1f\xbc\xfe\xcc\xc7\x85\xf0\xd7w\xd5\x01\x00`\xb6\x0f\xa5\x03\x00\x90_}m\xd9\x1f1\xf2s\xdf?\x85\xaf\x8b\xe9\xee\xe5\x00\xe9\xf2\xc7\x07w\x96BE\x8b\x9d\x00\xa8]mu$@N\xa7\x85"aTq\xb7\xe6\x1b\xcd\xc6o\xd1\x1d\xec\x84&gt;\xb6\xfboG\xfe/\x1b\x87\x1f|`\x9e\xf8w\x85\xf0g\xd5\x08\xec\x9bw\x1a\xb2\x1b6\x01\x03\xdd:\xb7\xb9\xc7\xb4\xbd\x0foV[\xef-T\xe3\'%N\xa3\xfdoC\x92B\x08?\'K\xeb?F\xad\x7fv.y\x05\x1d{\xf2f\t\xd0\x1fM\xe9\xc7\x85\x10j\x9cO\x07\xc8)\xfe\xf9\x90~\xd0\xbae]\x8cqd\x1bc\xf8\xa9x\x19\xea\xbf\xf9P\x8e\xa6\x7f\xa8\xe3\xf4\x1f\x006\xf4f\x06\xe0\xc7m\x13\n6\x94\x92a\x0e\xf6\xe2\xdc\xb2\x1d\xd5\xac\xff\xd4\xb8\xc1H\xc7\xccK\xc4\xf0sN\x7fL!\xfc\xba\x14R\x8e\xd6\xff!@Y\xbe\x06Z\x17c\x8c\x7f\xa4t `+\xef\x8b\xfe\x94R=\xc7h\x90\x87e\x8et(\xa5\xd4\xcc\\e=\x9d\xf0Vb\x0c\x80\x8c\x14\xfd@\x17R\nM\rU\xd4\xd0\x07\xb0\xfe\x07`\x9fl\x02\x06Zt\xd7z\x8e\xb1\xa1\xd6\x7f\xa8`\xe8\xfd7\x07\xad\x7f\x80\x9dR\xfa3t\x1c\x94,\xde4iTJI\xd4m#\xa5\xd4\xc7\xe8u\xc1y\x00i\x15`\xb7\xcc\x00pqn\x8a\xd4\xb08\x01\xde\xe8\xa2\xf9Z\xaa\x15\xae\xf5\x0f\xb0g\xea\x00\xae\x9c\x9b\xfe\xda\x07\xb0\x95\xad{\xdcr7\xc0\xce\x99\x01\xe0J&lt;)\x1d\x10\xd8\x8f\xab\xfcv\xd8\xca\x10\xbf{\x881\xc4\x98\x7f\x90F\xee\x06@M\x00\xac\xae\x9b%\xfbk\xfa\x07C\xf8\xa6\x10\xfe\xa7G\xff\x94\xc2\xb8\x97\x19\xbf\xa5\xf5\x0f\x00\xd5\x19\xbf\x14\xc02}\x9a"\xb9f\x90\x06BJ\x7fOz\xe5\xd4m\xb8\xf9\xe1\xd2\x00x\x94\x00\x1d0\x1aT\x97\xf1\xc7\xc8\x1c\xear\xe3y\xb0s7\xcd\xfax\xf9\x9fx\xff\xef\x0bK\x0c\xc5\x0e\x00\x94d\x06\x80\xa6H\xae+:L\x08\xbc\xf8\xd7,\xc3\xff\x00\x000\xd6\xeb\x16*\x00\xb0%\xa7\x00\x01[\xd0\xfc\x07\x00\x80\xfd\xd0\xfe\x07\x00\x00\x00\x00\x00\x00\x80\xed8,\x02\x00\x00:v\xb5\t\xf8\xe7\x9d\x9a\xfe\xfa\x00\x00\xc0\xee\x19\x15\xa5O\xd7\xefs\x19$s\xafz\x01\x00\xf6\xcc\xcb\xef\xe8\xd5\xf51\xa0R8\x00\x00\x00\x00\x00\x00\x00\x00\x00\x00p2\xf5\x80A\xfbnam\x1f\xbd\xff\x08\x00\xc0L\xd3Z\xf3\x87\xd6\xbf&gt;\x00;\x97NV\xfa~\x1d\x00\x00`=1L?H\'\xfe\xd6u\xc2\x02-\xd8\xa0\x03\xec\xdc\x1f\x00\xa0\x16N\xded\xef\xae\x9b\xff+\xe5\x053\x00t\xc8\xdc1@\xa3b\x8cZ\xff\xec\xd96-\x18\x1d\x00:\x14\xe3?Y:\x08\x00\x00\x8b\xac\xd7\x19\xd6\xc9\x06\x00\x80:\x9c\x961\x98\n\x03\x00\x00\x00\x00\x00\x00\x00\x00\x00\x00\x00\x00\x00\x00Fr\xda:\x00\x00\xb4e\xfe{\x00N\xad\x7f}\x00\x00v\xc4\xe0\x17\xd0\xba\xf9\x1d\x80\xd3\xe1\xa4\xce(\x05\x00\x00\x00\xa0Of\x00\x00\x00\x00\x006\x93R\xb2"\x13\x00\xaa\xa2j\x86jY\xc1\x0f\x00dvn\xfd\xc7\xa8\xa5\x01\xd5\x99\xbf\t\x98\x07R\n\xe1\x93K\x07\x02\x80~4=\xcb\xad\xf1\x0f\xf5:\x15.\xad\x96/\xf5h\xba\x98\x06\xa0B\x8dV+*D\xa8\xd9e\x06 \xa5\xa0\x0f\xb0\xdcp\xaeS\xd9\x07\xc0B\xed.\xa1\x89\xbf\xa3t\x08\x80\'&gt;\x0c\xff\x92\x92\xd9\xba\x9c\xe6\xc5\xe5\xa1\xdb\xd0n\x89\x0f\x00j1\xa8\x99=\x00kj\xb0\xf83i\x0b\x00\xb0\x0b\x9a}\x1cH\t\x00d\xa26\x01\xa8^\xce\xd6\xbf^\x04\xb4F\xe7\x9f\xbc\x9c/\x02\xe3\x14\x18{\xb5\x04\x88\xa3\xbc\x89/iL@k\xfeJ\xe9\x00\xd0\x99\x18\xa3\xd7\r\xc1[\x87\xe6\xd2\xc6\xad&amp;9\x93\xa3a\xca[\xbcy+\x9d6\x94K`\x00\xb4\xc4Q\x1cl\xacH\x92kn\x06\xc0\xa0\xf2Z\xaeS\xde\x92x\xbe\xbc\xffqIx\x00\xa0\x14\x93\xd8l&amp;\xc6\x02\xfd\xcd\x8f\x1aI\xe2\xc7@zY\xc1\xaa\xce\tpI\xa2h#A\x01\xc0s_T:\x00\xec\xcc\xe6=\x80\x16:\x00\xce\xa5i\x8c\xe7\x05@\xa3\xd2\x89\x01G:\xf6Q\x0b\xab\xdc\xea\x0f!WZHT\x00\xf0\x8a\xb1,:\xd6\xc6\x1e\x00\rJ\x00\x00\xc8\xa2\x8d\x0e\x00\x00\xc0\x06\xce#\x8e\x06\x1f\xa9\x95\xc9)\x80L\xbc\x06\x1b8Q\x14\xd093\x00,\xa5\xd9\x04@_\x8c\xfd\xd3\xb9\x0f\xa5\x03\x00P\x05\xd3\xfd\x00\xec\x84\x19\x002\xd0p\x02\x00\x00\x00\x00x\xa1\xcc"j#\xb7\x00\xbdI)Y\xd1\x04P\xb7\xcb\x0e\xca\xedKl5\x04\x00\x00l\xe7\xe6\xf4\x94\xed;\x00\xf6\x00\x00\x00\xc0v\xe2\xa0\xd1o\xc2\x16\x00\x00\x00\xe08a\xea\x8d\x13\x00\xb0\x94%@@\x03\x0e\xcb%\xbdq\x0e\x00\x96\xd3\x01\xe0\x15\xaf\xf8\xa5\x06\xd2\xe14\xa2\x0b\xd6\x93\x92\x12\x89\x0e\xe8\x00\x00\xf4C\xdb\x04V%\x7f\x01\xc0\x16\xd2I\xe9\x804@,\x01\x00c\xd9aI\xc5\xb4\xfe\x01\x00r\xd3\x01\x00\x00\xe61LS\xa1\x17\x93\xe7\x1f6\x0e\n\xd5\xf2\x1e\n\x00\x80&gt;\xbc\xee\x92\xd9\x04\x0c\x00\xc0"\x86\x11+cB\x06\x00 \'\xad+\xeag\xfb\x1c\x00\x00\x00\x00\x00\xc0N\xa5\x94\xbc@\x14\x00\x96\xb0\xe8bK^\x113\x9bM\xc0\\\xc8C\x00\xb0\x98\xea\x94\xda\xe9\x00\x00\x00d\xe4&lt;\x9c\xed8}\x08\x161\x89\x06\x00@\xe5\xbc\xb9vcb\x1b\x00\x00v\xc3V\x1b\x00\x80\x0e\xd8\x03\xc0XV\xd9\x01\x00\x00\x00\xec\x9a\xc9ah\x8e\x19\x00\x00`\x19}\x00h\x8a\x0e\x00\x00\xb0\x8cE\xa2\x03^\xac\xc9A\xcd\x93c:\x00\xc0vj.\r\x81y\x1c\xc4\xfe\x808\xd9\xbdC}Wm\xad\xa7\x03\x00l\xa5\xd6r\x10 #="\xce\xaaM\x0c\x95\x06\x0b\x00\x80\xf1\xce\x83\xcd\xd56:\xa9\x87\x19\x80=\xaavB\n\x00\x98\xa1\xbf\x9a\xdd\xdb\x87V\xa5\x03\xb0;\x95/J\x03\x80\x86\xd4\xd6N5\xfa\xcf\x18:\x00\xfbRU!\x05\x00k\xd8me\x17\x7fh\xe8iuw\xfc[K\x87\xa0_\xfd\xa4\x12F\xb2F\x10\x80\x8em\\\xcd\x1d.\xa7J\xa5-\x1fJ\x07\x802\x14U\x00\xb0\x9c\xfa\x94\x16\xe9\x00\xec\x8e\xa2\n\x80\xee\xa9\xeb\x9ac.\x05\xaa\xb6\xdb\xb5\x95\x00\xc0Jj\xdbN\r\x00\x00\x00\xed\xd0\xab\x06\x80\x11\xd4\x95\xec\x82c@\x01\x00\x0e,@g\x17l\x02\xee\xdbe$C\x91\x06\x00\x00\x00\x00\x00\xc0\xe6\xecT\x01\x80m\xd8\x03\x00\x00\x00\x00l\xcb\xf0?\x00d\xf4bj\xdd\xd6P\x00\xa0+\xc7w\xca\x06/\x04f\xbf\xceM\xff\x87/W\xb6\x04\xa8I\xc6J\x01\xe055%&lt;\xe3\x18\xd0\x16\xa5\xd3\x7f\rl\x00\xc0cF\xff\xd9\xb3\x87\x03\xff4\xcca)\x00\x00\x00\x00\x00\x00\x00\x00\x00\x00P!\x0b}\x8b\xd9S\xcc\xb7\xba\t\xf8x\xc2\x97\xfd\r\x00@?4o\xca\xd8O\xd3\xff\xc01\xa0\x00\x00\xb5\xd0\xfa/\xe2\x10\xeb"\xbfv{\xeb\xa81\x89\xe4\x01\x00\x00;\xa2\x03\x00\x00\x00@oRJ\xdev\n\x00\x00\x00\x1c9V\x88{6\x01\x03\\\xf9\x85*K\xa0/\xb6\xb6\x02\xc0\x1b:\x00\x00\x00\x00\x00\x00\xb0/f\x06\x00h\x9e=\x00\x00\xa3\xfc\xbd\xb6\x06@A\xb2\x1f\x00\xb0-\x07n\x02\x00\x00\xdbr\x9c\x1f\x00\xcb9\x17\n\xa0\r\xc3\xa6\x7ft\xaa\x1f\x00s\xd9\x03\xd03#\x85\xd0\r\xd9\x19\x80\\t\x00\x00\x1a\xb3\xf6\xe8\xbf\xce\x06@\xdfL"\x03\xb4\xe1\xdc._{\xfd\xcf\xe1B\xf3\xafr\n\xa8uJ\x00u2\x03\x00\xd0\x92\x7fa\xab\x0b\xcd\x9e\x078\xb6\xfe3\x06\x05\x80\xac\x14\xd1\x00mX:0?\xf1B\x07F\xf1\xa1\x03)\xa5\x18\x83V\x1fg\x1fJ\x07\x00\x80Q\xb4\xc5\x81\x19RJ1\x04\xad\x7f\x86,\x01\x02X\xaa\xeb]\xb3\x1d\xdf\x1a\xecB\x8cq\xf5\xa3\x03h\x8d\x0e\x00\xa0\x85\xb7T\xe5U\xeb\xbc\xfeI\x0c\xe1\x87\x85\x10\xc2o\xca\x1c\x1ah\xc0\xe1\x8d{}\x96\x8d]\x0fX\x000\x827\xcb\xee\xc1\xd4G\x9cR\n\xfd\xb6~\xe0\xadtR: kH\xa7\x0c\xce\xae\x99\x01\x80]\xfb~\xa5\x03\xc0\x06\xa6n\x1e8-\x18\xa8|b\x03\xd6\xd5\xe9\xaa\x19\xdb\x01\x00\x00`_\x0c\xff\x03\x00\x00\x00\x00\x00\xd4\xa9\xd3=*\x00\x00\x00\x90\x97\x0e4\x00\xb07N\x01\x02\xd8N\xbfg\x0b\x02\xd0\x0c\x1d\x00v-\xfe\xc1\xcc_\xd8\xf1\xbbc\xc8H\x1f\x00\x00\xa0\x13^\xb0\xc2k]\xbf`hE)\xa5\x10~T\xe9P\x00t\xe2C\xe9\x00@w:}y\x0c\x19M}3\x17b\x0c #K\x80 \'\xcd\x14\x00\x00\x00\x00\x00\x00\x00\x00\x00\x00\x00\x00\x00\x00\x00\x00\x00\x00\x00\x00\x00\x00\x00\x00\x00\x00\x00\x00\xe0(\x9d\x94\x0e\x08\x00\xa3(\xb1\xab\x93R\x08\x1e\nd\x91\xc2?$7M\x10g\xfc\xce\xb0\x16\x89q\xce7\xb0\x8d\x94\x92\x07\x04\x84A\xb9\xadL\xa8\xc6\xf1\x99x"\xc0\xf6&gt;*\x1d\x00V\xa4^\x01\x86\x14\t\xf50\x1f\x03\x14d\x06\x00\x00\x8aH\xf3ja\x802l\x00\x00\x00\x80}\xd1\x01\xa0&gt;\xd2$\x00\x00\x00\x00\x00\x00\x00\x00\x00\x00\x00s\xd9)\x01\x00\x00\x8c\xa7\xff\x00\x00\x00\x00\xc0|\xc9\x00\x13\xec\x997\x01\x03\x94\xe1\x85*\x94\x92\xb4\xffa\xdft\x00\x00\n\xd0\xf4\xa7\xa0\x18B\x88^B\x0c\xfb\xa5\x03\x00\x00;\xa3\xf5\x0f\xfb\xa6\x03\x00P\x80\x06\x18\x00\xa5\xe8\x00\x00\x14\xa1\x0b\x00\x00\xb0\x80\xfd\x94\x00\x00c\x98\x01\xa0\x07\x9a\xfe\x00\x00#\xe9\x00\x00\x00\xc0\x8e\xe8\x00\xd0\x83h55\x00\xc08:\x00\x00\x00\x00\x00\x00\x07v\x9a\x01\x00\x00\x00\x00\x00\x00\x00\x00\x00\x00\x00\x00\x00\x00\xd7\xecB&amp;+\xc7\x80\xd2(E!\x00{\xa1\xce#/\xafO\xa2=\xe94\x10\x12c\x90\x86\x0bH)\x88y\x80\x99\xfe?\xc3\xaf\x14\'\t\xbe\xa5\xd7]/3\xa2\x05\xa4\x94\xc4&lt;\xc0|\x9a^\x94\'\x15\xbe\xa1\xa1\x03W\x8c\xfb\x03@\xe3t\x00\xde\x88Q{g\x15\xe9d\xc6/\xae\x11\x1eF\x93#\x80\x1dY\\\xe9\x8c\xfe\xf5\xeb:\xf10\xdb\xba\xec\xd2O\xaf\xb3\xc6\xd7\xd2\x16\x1d\x00\nXR\xfa\xfc\xdd\xb3.\xa7\xbc\xcb(\x1ew_\x00t\xeePw,\xabA\xc6\x16\x97\xe9\xaeh\xfd\xe7\x93\xc6:\xd0\x91\xf3\xf0\xff\xcf\x9fU\xb4\xa5\x81\xbc\x1f\x06\xdaw\x95\xd3\xe5}\x16\xda,\xfd&lt;\xba\x90\xd4\xcbZ\x8c\xe3Q\xc0\xe0\x18\x9fY)\xf0\xf4\xfbc~}XzZ\xd0\x05}{\xd1Z\x8a\xc1\xd4\xd58\x878\x14W\xd0\xb5\x0f\xa5\x03\xc0\x1e-m\x88k\xc8\x03\x13\x1dVr(&lt;\xde:\x0e\xaf\x14\x0e\x05\xb9$\x0f\x93\x87\xec\x01\xa0s1\xc6\x18\xe3\x9f\xd2kX\xc6:\n*t\xbfK2\xc6\x18\xe3\xab\xf6\x8ed\xfc\xd6\xa1\xcc,\x1d\n&amp;x\x96\xaak.\xb6\xd5)\xc5\xc9\xe4\xc0\x1bK\x97lAn\xef\x96\xf6\xbdiZH\xc9t$\xa5\xf4$I\xa7\x94\xa4v\x9e0\x03\x000\x8a!\xabj\xbc\xdd\xd8s\xfcq&lt;\xcd\t\xbc\xf8\x06h\xdc\xf3\x16\xbe\xc9\x1c\x9e\xd3\x01\x80\\\xbam\x1d\xc6\x18?\xce0\x12\xd58nR}\x93&amp;\x0f\x8b\x81\xe2\xe5\xcf\xd7\xdfp\xea\xce\xf5\x99g\xd9\x99\xf8k;\xad}X\x8f\x1a\x1d\xb29t\x004\x94\xfb\xf5|\xaa\x9d\r\xa5\xb9{y\x1fv\xd1=P\xda6\xe5X&lt;83\x03\x00\xd9(\x7f{g&gt;}\x81\xc5\xafS\xfdgS\n)\x850\xff$\x9f\x87\xcf\xaf\xd7\x89;\xf6\xa0\xd9y\xe7\xb4\xb8@\x00\x00\xaa\x97\xd2\xfc*?][\x1e\x92{\x0b\xbf\x13\x8ah4\r\x9f\x02\xfcy\xa5\x03\xb2kO\xc6QR\xf2\x12\x10\x00jp\xd3\xb8\x19\x8e\xe3\xcfXwg!\x10\x14\x95\x06\xef\x9a\x93\xef\x8ay\xb4\x04\xe8\x0bS2+\n@\r\x9eWF\xb3\xea)U\x1b\x944&lt;\xc2\xb7`0x\x1c\xfb\xf62\x02P\x83\xfbV\xfey\xe0\xf0XU\x9d~\xf4\xfak\x86\xbfrO}\x07\x1b\xf1v\x82:&lt;\xdd\x04\xbc\xa7g\xf3\x99\xa6;\x00Zq(\xb0\xcf\xe5\xf6\xdb\xe2\xfb\xb0\xde\xb8\xb9u\xd2\xd0\x93\xf3. \x99\xb0\x12\xfbi\xe5?e\xba\x03\xa0N#\x9b\xec/\n\xf0\xe5\xdf\x00,ty\x9d\xfc\xa9\x030n\xe2\x8e\x159\x06\xf4L\xa7\x14\xa0+\x86\xfc\xc9M\x8a\x9a\xe3\xf4B\xbe\xc2\xc1`\xe8C\xe9\x00\xd4C\xc2\x04\xe8\x87\xd6?y\x9d\xd6\x0b\x94\x0eG\x8bNSl\xe9\xdc\x83\x12\x8f\xa5\x99\x01\x081z\xb9OI*i\x00\xea\x97\xab\xb5\xa0\xd6\xa3\x06:\x00\x00t(F\xc3;\xd4\xe2\xb4\x07}\xefs\x08\x87\x0c)[\xd6@\x07\x80\xc26/\x08\x9c\x04\xf2F\x8b\xef\x95\xa4W9J\x07\xdd\x00n\x14,\xdf\xe2\xe0\xbf;%3VB\x07\x80}\xb99@\x10\xa8\xda\x88\xc6\xc2\xb8\xf6\x84F\x07g\xf1c\xdb_\xd2\xb0\xf7\x85x\x00\xde\xfb\x82\xbc_\x97\xae\xe5\xfd\xf2&gt;\xa4\xd3\xa9\xe9\xa5\x03\x02!\xdc\xe5\xd9A\xe6=\xa4\xd2\xb1\t\xf5\xd9\xf7(\n`\'\xe4\xf4!\xfd0\xf6\xe5&amp;\xff\x1b\x92\xb9\x97R\x12-T\xe5\xd1\xcb\x80\'\'\xd1\x17u\xbf\x04\x0f{\xb0]\xed\x96R\xfdK\x9d,\x01b_n3\xff\xe1\xc5\x84F\x05\x064\x86\xa8\x8d$\t,\xb7Y\xed\xd6D\x93B\x07\x80\xdd\xb9\xdb\x12\xa8\x0f\xf0\x80u\x11\xd4dy\xb5-1\x03\x1b\xb9\xebi\xd4X\xfe\xe8\x00\xb0S\xc7n@\x0c\xe7\xb6\x85\xf6\xee\xd9\xf1}7\xa5\x83\xc1\xe6\xea\xed\xf5\xad7tg\xca+\x87\xbf\xad\xe0\xb5\xabM\xb4\x10B\xf8\x96\xe3\xae\xba\xeaR\xa9\x0e\x00;w9\x93X3\xe0\xe0RN\x89\x91\xddi\xe6\x89O\xdd\xaa^_\xe5\xdb\x8f\x94RJ\x7f\xb9l\x18~\x96\x07L\xad&gt;\xa9t\x00\x00Fq.\n\xf5\xba?\xbd\xe7qB=\xfe\xebO&lt;m\xf2q\xf8\xcfz\x8aG\xe3\xb7\x95\x0e\x00\xbcSc\x12mf\xbc\x07\xd8\xc0\xb0.\xb74\x82\n\x8d9\x11h|\x93T"\x07\xf6\xe9C\xe9\x00\x005\xd20\xa2\x15\xb3G\xa0%rjs\xdc\x7f%e\xb2&gt;{\x00\x80[j\x9f\xf6\xd58\xe3\x9cE\xae\xc4\xa9\x8dEm\x8a/\xa6bW\xcc\x00\x00\x17ZE}h\xe1-4\xb3\x1d\x12\xe9\xa2\xc6\x92t\x0e\xec\x9c\x19\x00\x80\xde\xec\xa0\x81\x1b\xcff\xfc\xdaJa\x82%b\xfc\xd8\x8f\xddE\xe6\xa5\n\xd2\x19\x00\xcd;\xcf\x08\xc4\xbb\xf5OZT\x14uH\x8f\x12!\x00\x00\xecB\xeaxO\xce,b\x03\xa8\xc7\xe5\\\xf0\xefZ:(\x00\xd0\'{\x9d\x81z\xa4s\x0f\xc0\xe0\x04\x00\xac\xe4\xc7\xe9\x00\xacH\xdc\x024\xc0\xcbh\x81}Q\xe8U\xc21\xa0\x00e\xa8\x07krl\x96\xd81L\x16^\xe9\xf5\x90\xd6\x7f=\x1c\x03\nP\x94\x1a\xb1831\xacC\xc2\xa2Z:\x00\x00e\x1cG\x07W\x1e#L\x97\r\xee&lt;v\x8e\x1a\xc3\xb5d!\xbb=\x13\xe3\x0f7+R\t\x8f\x01\xa0[\xc3\x86H\x8cA\x99\xffLJI\xbb\x84\\\xae\xf3\x9dtE\x8d\xcc\x00\xd0"\x83+@NZi\xe4b\xf8\x9f&amp;\xe8\x00\xd0"U5\x8cr\xdd\xae\xdds\xc6\xd1&amp;\x03\xb8\xd0\x01\x00\xe8Y&lt;)\x1d\x90\x92Rj`\\\xd6{H:\xf5+K\x07\xa0#\x9f\xb3\x87\x1dM_\xd9\xfb\r\x02\x15\xd8Aa\xda\x00\x8f`m\xef\xd2y\x15\xf1/3\xcep\x88\xb4\x1fRS\xbc\xa5;N\xfa\x9a\xedK\xae\xa3\xee6b\x01\x98M1Z\x94\xca\x0c\xe6\xab3\xef\xdc\xb5S\xab\x0b\xe1&lt;%\xa2\xfa\xfb\xde\x87\xa1\xce\x87\xde\x9c]O\n\x03\x14u[\x8b\xed|\xa1\x0eLU\xef\xf1M\x83\xcc]*\x84^F\xc6\x0b\xf6\x00\x00l\xcf\x18\x16dPo\xe3\xb6\xf4\xbe\x9bs\xf9\xa2\xa0\xe1\xa1\x0f\xa5\x03\x00\xb0;jd\xc8"\xa5\x8a\xfb\x00\x05\x07\xdf\x151\xbcc\x06\x00\x00\x00v\xa4\xde\x8e3\x15\xb2\xa0\x10\xb2\xf3\xd2P \xb7K\xb9\xa2T\xe1!K\x80\x18\xc5"BX\xdb6\xf5\xb4n&lt;\xac\xea\\]\x16\xcde\xb1\x9b\xa3\x87\xea\x93\x9a\x1a=\x7f\x1aZK\x80xO\xeb\x1f\xd6\xa6E\x0edt(R\x14,+h#J\xdf\x1e4\xd1\xc6mP\xd6`&lt;#H3\x00\xf0TJA]Ii&amp;{\xc9\xc5$\x00\x00@\x03\xac\xdd\x00\x00`k\xb5\xbd\xee\xa4\xaa\xc0\x14g\x0f\x00\xd7:zi9\x00P\x96fw\x9dt\x00\xb88v\xd5eU\x91&lt;\xb3\xe4\x00\x00 \x00IDAT\x00`\x89\xfa\xda\xfd\x16\xc4\x0f9\x06\x94;r\x08\x00td\xb3\xc3I\xcf{O\xcf\xcd\x7f\xcd\xee:\xe9\x00pE&gt;\x05\x80\x9el\xb9\x08\xe7\xa6\xb9\xdfi\xeb\xbf\xadW\x01&lt;f\t\x10\x17\xf1\xfc\x9f\x1eT7\xf9\x08&lt;\x92j\xdb)\x08s|n\x8d\xc9\xb8`\xe6\x8a\xb1\xd7\xd6\x7f\xe8\xa3\xa5\xd4\xc3=\x90\xc5\xa1\x8c\xf8\xc4\x10\xbe\xbd\xdb\x1c\x0b\xd4\xa8\x8e7\xa7\xeeWJI\xcc/5heW\x15\x99\xf7\xad\xff\xaa\x82GAf\x00\xb8\xf2m\xa5\x03\x00\xec\x8d\x16IA\x15\x0eZ7\xa9\xca$\xec\xe1\xf2\x82=\x00\x00\x14\xa6\x0fP\x90\xc8\xcf!\xc6\nO\xbd\xb9\xe3Ysf\x06\x80\x10\xc2\xe5\xb8.\xa5\x03\xc0~(\xf3\xb3\xa9%*\x1ftCb\x081\xc6Z\x02\x08T\xc5&gt;\xbc\xcey\xb8\x00\xfdS\xd4\x03\x00\x00\x00\x00@\xb3~w\xe9\x00\x00\x00\x00\x00\x00\x00\x00\x00\x00k\xf9\x1aG&gt;\x00\x00\xc0\x9e\xe8\x00\x00\x03\x9d\x1e\xf4\x99\xe1\x8ez\x8c\x16\x00fR)\x14\x91NJ\x07d\x17\xbc\x15b/\x869*\x86\x10\xbc\x10\x04\x00\xa8F\xf2N\xd2\r}\xa4\xa7\xb5\x131\xc6/?\xfc!h\xfd\x030^\xbaQ:&lt;\xf4\xe9\xdc\xee\x97\xc66\x10SJzZ\xb4,\x99\xc8\x02X\xcf\xc3\xd6\x98\x96\xc3n\xa5\x94\xd6\x1bI4\t\xb0\x99\x8fJ\x07\x00\x00\xa8\xd6\xc3\xd6\xff\xf6\xc1\xa0\xa4\x94\xd21%\xa4\x14V\xdbel\xe0\x7fK\x1fJ\x07\x00\x16R\x11\x01\xac\xe72\x14{h\x9f\xc5\x18\x14\xbc{sJ\x04\xc3\x16\xba\xe9\xf7\xb6\xe9\x00@a\xa7:UI\nTM1\xb5s\xdf\xf5j\x80^b\x00\x8a2i\xd8\x04{\x07\x01Zw,\xc9[.\xccUF\xd0\x89\xcb\xda\xc4\xdd;\x17j\n8\x80}Z\xbfNl\xbbr9\xd5\x8fm\xdf\xc5r6\x013\xc9\x7fW:\x00\x0fX\x90\n\x00\xe14\x0c\xb4\xf2\xf8O\xdb\x15n\x8c1\xc6\xd8\xfa]\xc0\xb6&gt;~\xef=\xe6Q~e\xf9X2\x03\x00\xb0C+\x16\xfeF\xcd\xfb\xa2\x03\x04Y\xa5\x94*\xd8*gc1@k\xea=W\xe7X\xa7\x84\x10b\xdc\xa0~\xf16\x80\rX\x02\x049\xcd*\xbf\xd7\x1bS1Z\x03\xd0\x806fmc8W++\x06w\xf0\xcd\xado8\xae\x99c@[T\xef \x011\x84\x10\xbf\xcf\xf8\xcf\x9f\xca\xd0\xcc\x03*\xe5GM\xea\x98\t\x01hA\xedm\xdc\x18c\xd8bw\xc1\x03\x1d\xb4x\xea|\x81FEAa$\xab;\xea\xf6\xa0\xb0z\xf1\xc8n\x06Q&lt;V\xe0\x95\x94\xbc\x86\x97\x92N\x95\xd6\xaa\xcd\xd9nj\xc6\x9ao\xc4\x12 l\x18=\xca\x12\t\x0f\xbf\xe3t\xe6\xc0\x84\x90x"p$/\x0c\xd5\xd4\x80`\x8fbt\x8a\xcex\xc3\xaa\xbf\xaa\xd6\x7f\xd0\x01hQ\x8cc\xab\x00\x8d\xc8I\xb2d\xce\xd9\xdf\x11\xe3uI\xb1&lt;(\xd0&gt;]\xe1\n9C\x9d\xb5\x9d{\x1875c\x8bb\x8c\x9f^_\xeb?hftl\xfc\x9a3k\x8a\x80\n]\x9d\x04\xd2\xe7\xd2\x97\xf6\x967;\x9e\x05\xfa\xb0\xdd\x0c\x80q\x9cB\xde\x97\xd1\xcaq\xa0B\x87\x92\xe9P@\xa5\x1e+\x91\x94:\xbc)\x80+\x965\xf3\x9c\x84\x01\xbc\x92R\n\xe1w\x97\x0eEn\r\xae\xa59V\xe5jsh\xdcvC\xbfu\x9e\x82\x04eY\x7f\x05YX\x9a\x020\xde\xe6\x9b\x80?~\xeb\x0bB\xcd\x8e\xcb\x1b\x0c\xa7\xc1\x02r\x10\xc0$\xdb\xcf\x00\x18\x9b\x01 \xa3\xab\xf6\xbfZ\x06\xe0\xad\xedf\x00\xa6\x1e\x85\x0e\xd5\xb3\xad\x05\xca\x9b\x97\x0be^\xa0\x0f)\xa5\xf0]&amp;\x17h\xde\x03\x003\x1d\xdb\x0f\x9a\x11P\r\xc3L\xc0\xde\xc4\x10\xc2\xb7\xce\xfa-`\x96t:\x9a\\&gt;\x82bl\xff\x05\x00\xa8\x94\xb3\x80Y\xc5\x1f\x94\xae\xfa\xa7\xf4\xa0}\xbf\xa0t\x00r(\x9e\x15\x8b\x07\x00\x00\xd8Fj\xf0\x9d\t0T\xdb\x0b4f\xee\x01(2\xd1:\xcc\xff\xa6z\x01`\'b\x8c\x16[\xd2\xba\x8a\x9a\xff\x00\x00\x00@s\xde\x8c,X2\x07\x00\x1c\x98P\x83\xe6\xbd=\x05\xc51)\x00\xc0\x99\xf7\x00\xc0^h\xfd\x03\x00\x00@\xb0=\x0f\xd8\x95\x15f\x00~\x85b\x14\x80\x96\xd8#\x03\xecJ\x0fK\x02\x0e\xeb\x9b-o\xa0O\xa7\xb7\r\xf7.\xf5Q\x1c\xb1\x86\xe1\x16vE}\x9dRJ^\x8b\x0e\r\xf9P:\x00\x19\xa8\x0f\xe8\xd2e\xe7n\xd9pl\xe1p\xafI^\xe6\x11\x83\xf3\xb5;f\xe0\x9d\x0cV@\x17l\x02\x06\n\xfb\x91\x1ax\xbc\xa2Q\xd9\x06\x1d\xf8J\xa4\x94\x9c\xfb\xdc#\xcf\x14v"\xa5\xbd\x94\xe3\xe9J\xe9\xd0P\x9d\x11\xc9\xe3?n5\xe54\x1a\xeck\xadF~\xa7\x14\xa4\xfdY\xe3\x99\xea\xaf3\x9eU\xda\xac\xe5\xa6h\xdb\xe5P\xe21\x0evy\xef\xaf\x8cI\x1b\xad\xee\x04;\xdd[{!\xef\x90\n\x8ez]\xf6\xd8\x9c\xea\x89\xe5\xdf\xd9\xc3\x1e\x006p\xaa_K\x87\x03:e\xc0n\x89v\x1a\xd0W\xadL\xcf|\x84\x94R8\xed.^\xeb)\x9f*8}\x00*u.\xe2\x8eC\x069\xbe\xb3\x86\x0e\x80,\xd7\x16\xcf\x8b\xfc\xdai\xc0\xb1\xb5\x18/\xbd\xa3\xf6\xd3I\xeb\xe1/#\x85\x10\xd6\xdfal\x133\xbbR~\x13pJ\x87\xce\xb7\xa1\x90\xaa\xc5\x18OU\xaf\x02r\x15\xff\xd11\x17\xc8\x08;\x15OJ\x07\xa4B\xe2d\xcf\xb6{\xfar\x1f\x1bX\xd8\xe2\xed\xaa\x9aHw\x9e}n\xdbpQ\xa9\xe7\x89\xe4K\xb7\x0e\n\xb0\x89\x8e75v|k\x19\x89%\xc8\xaep7\xe2a\x96\xeej\x8f\x17\xd9\x99\xa6\x85\xbd\x19,\x03\x07\xf6Lk0\x97\xdb%@S\xfa\xd9[w\xc7c\x89\x8b\xe6\xd3n\xc8+#\xdbW\xce@\x1d\xd9\xc5\xa8\xf5O\xa5\xaca.\xc1\x8c\xd0rW\x1d\x80\t\x11\x9a\xd2i\xed\xfe"\x87\xb5L\xc3\x16\xdd\xb3^\xdd\xe1sY.Z\x88\xda\x8b\xfe\x99\xa7\x07\xf6$%\x83\x1e\xb4\xe9\xea\x14\xa08\xba\x1b\x9b5\xb5\xc70uT\xd7"\x10\xa8\x92iYV\xe3\xfc1\xaasZ\x9b&amp;e\xd2\x9eE\xc7\x80\x96\xaa\xec\xd5\x03\x00\xfbq\x9aX:\xbd\n\x87&gt;e&lt;\xe2|#\x86&lt;\x96\x9a;\x9e+\xe6\x97\xbb\x8d\xc1\xfawW\x0c\x97\x18\xe8y\x03t\xef\\\xec\xd7\\7\x014\xa4\xfc{\x00\x96H\xe7\xff\x00\xd0\xa9\xd3n\xb1\x12\xad\x7f\xeb\xbb\x81\x1e\xddt\x00\x8e%\xdd\xe0H\xfe\xea\xca\xbes\x1dp\xf8_\x853\xc0\x0e\x14\x1a\xfb\x8f\x1f+s]`\x1f\n\x9f\x9dq\xff6\xae\x87J\x06\xf1\x91:C\xb5\x07\x95\'\x0c\xba$\xa5\x01\x94\xf13\x92\x01\xd7\x95\x94\xaa\xda\xe2\xd4\x0bW\xb5\x04\xb3\xfe\x1d\x0b}\xb9\xec\xbe\xbeI6v\xe6\xb16\x99\x1d\xa0\x14%p\x7f&amp;w\x00B\xd6\x14pLR\xc1^\xdeV\xbc\xe8\x03x\x82\x00\x00\r\xb8t\x00\xc6\xbf\x04 \xe4k\xed]\x1d\xe9\xa3\x05\xd9\xa4\x94\x92g\x07\x000U\xb1\xd3o?\x8a1\xc4\xaf8\xbeg\xf7\xe4\xfd\xaf\xe5Z\xb1\xf4-!\x84\xe3\t\x0fZ\x90\x8d\xf2\xecv\xe1\xf0\xea\xef\xd2\xa1\xb8\xb0\xff\x84,\xa4"\xa8\xc4.3c\xc9\xd3v^5\xdd\xde&gt;\t-?N\xbc\x9c\xads\xb5-\x00u0&lt;\xcb\rRQX\xb5\x04\x93\\\xe1\xad\xdaj\x99M\x94\\C\xf1\xea=\x00o\xc3\xb4\xbf\xbe\x1a\x8fI\x08\x95\xcb\x92U\xab*\x97c\xfcIA\xa7\x93l$%\x86L0\x16\xb0\xcb\xc5 %o\xf9\xdd\x85\xdf\xe5\x80\xfd=-\x1eX\xa1\xe3\x9eB\xba\x9d\x16{\xf1\xfd\xa7\x00\x04\x15\xf9C)%Y\x95\xe9\x8a-N\xdd\xc6f\x03\xf3\xbb\x1c\xda\\*\xa5T\xaaH7c\xc3\x1e\xbc{\x13p\x8c\xf1\x9b_\x7f\xe2\'f\x0b\x0b\x84p^\x078c\xec\xc5x\xcd\x13\xe2\x859*\xdb\xf7\xb1\x8a\xa8\x91W\xa5C\x13\xbc\xfb\xe4G\x95\xf6\x92\xec\xc6\x14|of\x01\x94\x9ed\x19\xdf\xb2\xe7\x04\xaab\xdc\x9aR\x1c\x11\x0ek{7\x03\xa0\x0b\xce\x08\xcb\x8bh\xab-ke!\xec~\xedrI.\xb58\x1cNX:\x14#)$i\xcf\xdb\x0e\xc0\x88d\xbd\xa0}\xb0\xde&gt;\x9b\x94\xd2\xc7i\xb8l\'\xc6\xcf\x99\xff\xcb\x9a\x98\xb5:&gt;\x19\x0f\x08\xd8\xd2J=\xcf\xd5\x9a\x1c\xadtT\xe0"\xcf9?\xb3\xf3\xeazS\xcc&amp;\xaf[\xb1v\x1ac\t\xbb\xab\x81nh\x18\xc0\xd9G\xcf\x9b_[L\xfd\xaf\xb7\x01\xeb\xf0f\xb35\xbe\x99\xedy\x92\xa5\x9c2\x91\x07\xc0~\x99\x01\xeb\x86\x86\x01\x9c\x1d\x96\x00\xdd\x97n[\x95x+fE\x99\xbc\'\x9ef1\xea\xcb\x194\x19\xa1JJ38:t\x00\xee\xb2\x84\xca\x8bjh\x7f\xd2\x16\xad\xff\xce\xf4\xd5\x07N*x &lt;\xdb\x04\xfc\x89\x1b\x87\x82+\xcd\x94\xceY6T\xbd\xae\\\xad&gt;g=\xeb\xec\x08\xfc~\xe7o\xcf\xfd\xcd\xb0\xd4\xe1\xdd\x0e\xfa\xa8@\xbc{Eh\n!N-\x1e\xfa\x1a )\xa9\xf8\x9e\xcb\xf1o@\xcc\xf8\xae\xc4\xfb\xe4\x96\xf7\xa5\xc2)9O\x9a\x07V\xda\x11\xb8\xea\x11\xe6\xd7a&gt;f\x1d%0#=)\xb7\x93q\x16\xd8\x9b\x8fB\xb8\x8cT\x1d\xdf\xc0\xaa\xf5_\xce\xe9\xe0\xed\r\xa34\xa5I\xe3\xa0\xe9\xf4v\xd0\xf8\r\xd9\x82\x10\xefd\xfb\xea\x10\x0e\x91\xb9\xd7\xf1.\xa7\xf8_l\x1d\x15\xeb\x17\x8c\x9e-\xb3}O\xa9\x07\xf6m\xb8\x04Hq\xb0\x1f\x83g\x1d\x9f\xfc\xfc\xcd/\xa7\xf4)9\x03\xb4\xaa\xfd\xbe\xcf\xe8\x0b\x0e\xff3\xad\x8f\xd7\xb3M"a\xd5\xd4\x16\x7f\x801\x172\xf8KW\xa9H\x8a\x82\xdd9,\x01\n\xc7Q\xd2Y\xb5c\'\xb5QJ\xfbY"r\xb7\xee\xeb\xf8\x93a\x02x\xf6X\xcf+\x102.\x01b=)\xa5x\xea\xd8\xed|CE\x7fG\x80\xf7wGl\xe0\xbe\xfc\xa7u\x8a\x02f8,\x01:\xfe\xe5\x9cz\x06\x7fx3z\xdaK\x82K\x1f+\x1d\x82-\xc5\xf8\xe5w?\xb9}\x8e\xcfz\x83\xe7\xf4\x10\xbfx\x8d\xa01VJ\xe9[\xd2\xfb\x03=b\x8c\xe7\x9e\xed\xce\xe7\x00:)\xab`\x99x)\x10L\x0c\xf6\xc0Cd\x9e\xab\x19\x80\x17\x1e\xa6\xb0\x9d\x0f(\xf6\xe7\xe6)\x8f\xdc\x07\xdcK\'\xb0%</t>
        </is>
      </c>
      <c r="E812" t="inlineStr">
        <is>
          <t>&lt;class 'numpy.ndarray'&gt;</t>
        </is>
      </c>
    </row>
    <row r="813">
      <c r="A813" s="1" t="n">
        <v>811</v>
      </c>
      <c r="B813" t="inlineStr">
        <is>
          <t>steps_per_sec</t>
        </is>
      </c>
      <c r="C813" t="n">
        <v>9100</v>
      </c>
      <c r="D813" t="inlineStr">
        <is>
          <t>2.932001</t>
        </is>
      </c>
      <c r="E813" t="inlineStr">
        <is>
          <t>&lt;class 'numpy.ndarray'&gt;</t>
        </is>
      </c>
    </row>
    <row r="814">
      <c r="A814" s="1" t="n">
        <v>812</v>
      </c>
      <c r="B814" t="inlineStr">
        <is>
          <t>Loss/RPNLoss/localization_loss</t>
        </is>
      </c>
      <c r="C814" t="n">
        <v>9100</v>
      </c>
      <c r="D814" t="inlineStr">
        <is>
          <t>0.1630249</t>
        </is>
      </c>
      <c r="E814" t="inlineStr">
        <is>
          <t>&lt;class 'numpy.ndarray'&gt;</t>
        </is>
      </c>
    </row>
    <row r="815">
      <c r="A815" s="1" t="n">
        <v>813</v>
      </c>
      <c r="B815" t="inlineStr">
        <is>
          <t>Loss/RPNLoss/objectness_loss</t>
        </is>
      </c>
      <c r="C815" t="n">
        <v>9100</v>
      </c>
      <c r="D815" t="inlineStr">
        <is>
          <t>0.019779315</t>
        </is>
      </c>
      <c r="E815" t="inlineStr">
        <is>
          <t>&lt;class 'numpy.ndarray'&gt;</t>
        </is>
      </c>
    </row>
    <row r="816">
      <c r="A816" s="1" t="n">
        <v>814</v>
      </c>
      <c r="B816" t="inlineStr">
        <is>
          <t>Loss/BoxClassifierLoss/localization_loss</t>
        </is>
      </c>
      <c r="C816" t="n">
        <v>9100</v>
      </c>
      <c r="D816" t="inlineStr">
        <is>
          <t>0.17225045</t>
        </is>
      </c>
      <c r="E816" t="inlineStr">
        <is>
          <t>&lt;class 'numpy.ndarray'&gt;</t>
        </is>
      </c>
    </row>
    <row r="817">
      <c r="A817" s="1" t="n">
        <v>815</v>
      </c>
      <c r="B817" t="inlineStr">
        <is>
          <t>Loss/BoxClassifierLoss/classification_loss</t>
        </is>
      </c>
      <c r="C817" t="n">
        <v>9100</v>
      </c>
      <c r="D817" t="inlineStr">
        <is>
          <t>0.092017405</t>
        </is>
      </c>
      <c r="E817" t="inlineStr">
        <is>
          <t>&lt;class 'numpy.ndarray'&gt;</t>
        </is>
      </c>
    </row>
    <row r="818">
      <c r="A818" s="1" t="n">
        <v>816</v>
      </c>
      <c r="B818" t="inlineStr">
        <is>
          <t>Loss/regularization_loss</t>
        </is>
      </c>
      <c r="C818" t="n">
        <v>9100</v>
      </c>
      <c r="D818" t="inlineStr">
        <is>
          <t>0.0</t>
        </is>
      </c>
      <c r="E818" t="inlineStr">
        <is>
          <t>&lt;class 'numpy.ndarray'&gt;</t>
        </is>
      </c>
    </row>
    <row r="819">
      <c r="A819" s="1" t="n">
        <v>817</v>
      </c>
      <c r="B819" t="inlineStr">
        <is>
          <t>Loss/total_loss</t>
        </is>
      </c>
      <c r="C819" t="n">
        <v>9100</v>
      </c>
      <c r="D819" t="inlineStr">
        <is>
          <t>0.4470721</t>
        </is>
      </c>
      <c r="E819" t="inlineStr">
        <is>
          <t>&lt;class 'numpy.ndarray'&gt;</t>
        </is>
      </c>
    </row>
    <row r="820">
      <c r="A820" s="1" t="n">
        <v>818</v>
      </c>
      <c r="B820" t="inlineStr">
        <is>
          <t>learning_rate</t>
        </is>
      </c>
      <c r="C820" t="n">
        <v>9100</v>
      </c>
      <c r="D820" t="inlineStr">
        <is>
          <t>0.03948419</t>
        </is>
      </c>
      <c r="E820" t="inlineStr">
        <is>
          <t>&lt;class 'numpy.ndarray'&gt;</t>
        </is>
      </c>
    </row>
    <row r="821">
      <c r="A821" s="1" t="n">
        <v>819</v>
      </c>
      <c r="B821" t="inlineStr">
        <is>
          <t>train_input_images</t>
        </is>
      </c>
      <c r="C821" t="n">
        <v>9100</v>
      </c>
      <c r="D821" t="inlineStr">
        <is>
          <t>[b'1024' b'1024'
 b'\x89PNG\r\n\x1a\n\x00\x00\x00\rIHDR\x00\x00\x04\x00\x00\x00\x04\x00\x08\x02\x00\x00\x00\xf0\x7f\xbc\xd4\x00\x00 \x00IDATx\x9c\xed\xddy\xf0?O^\xd0\xf7\xee\x1f_\\Wq\xc3\xb1"Q0Q$h\x16PVDE\x97\xd52h0\x88Q+A\xe3\x81\x94\x82\x1a]\x8f D\x11K#\x08%U+&amp;\x1e\xa0@Bp\r\n\x82\x06D+\x1a\x14\xc1\x05\x91\x94G\x14\x15\x04/ * \x1b$\x80\xcb\xc2\xbe\xf2\xc7\xbcg\xdesOwO\x1f\xaf\xee~&gt;J\x97\xef\xef\xfb\xfd|fz\xfa\x9e\xbe\xc6\x1ag"b\xad\x1d\xff`\x8c\x18c\x8c\xb1v\xf9\x03\xc6\x98\xf1g\x96\xff\x9a\xc8\x14\xaa\x14W\xfenc~\xe8\xe3!\x92?H\xebD\xc4\x18c\xa6,d\x868M\x9fCp\xd3#\xb1:N)\x97\x18HW\x11\xd5OD\n\xe7\x9fG\xed3sY\xf9L\xbf\xa2&lt;Y}\xc3Y\xcbs\x01PdS\x87\xae\xab\xd4"\xb65{,\x1f\x97\xec\xca\x80&gt;r\\\xa2%])\xab\x82\xcb\xe3\xf7\x12ERCf\xf8\xf8u e\xc9\xb1\xf1\x92*\x1e\xd6\xc7,\x06:\xb6\x8c\x04\x111\x1f\xd5w\x84l\x91IP\x896\xb3\xa9WC\x05\x00\x19T\xd1}\\\x05\xf2\xd5\xb2V0l\x05u\xfe\xf8\x83M^\xa0\x91\xdd"\x9f\x00E\x89\xc8k(\x81\x00\xee\xe9\xb0!_u_\xf6\xfa|=j\xe5\xd9o=\x059\xc1\xc1\x189\xc4\x0fz\xa3\xa3Rx\xd4MC9\xfc9*\x82\xe4\xad\x89\x1a\xa4\xf6\xf0\xa3k\xf7\x078\x1b\xe8\'\xd1\xe7\x1bd}\xfcd7\xba\xdf\xac\x90\x19\xce}\x0c\xf1\xd3\r\xb6\x01M\xe4\xb9}Y\xcd\xee\xa8U\t\xd4\x130\x17\xaab23\t\xdb8+\xc2\xaeh \xaey-\xdam\x8d4\xc5B\xae\x18\x90\xfb\xbd\x8b)\xe1\xfaM\xb5\x92"\xa4 \x94{\xc9\xf7\x17Z}/l\xf1\x99\n\xa3\xd6\xf6F\x8c\xa1U\xe5\x1a\x8e\xa9"\xea\xbaF\xb2\x0f\xd9\xeew\xfb\nc\xef\xff\xf6\x85\x10\x84\x88o\xdf\xfe\x0b\xc0\xb6\xa6n\xb2\xd3\xbf\xb6;j\xdb\xdc\x83w\x91\x94\xa5\xe5mk\x01\xe52W:b\xcc\x07\xcf\xff\xbb\xf3\xf2X\xf7\xb0]\xc7\t\x07\xe8\x92\xbf\x1e\xf1\xbecP\x08w\xab\xc8\x83zsv|X\x85\xb5j\x86\x14\xac\xbb\xbdA\xdfj\xcc\xba\xcaK\\\xe6%\xc5\xcac\xe36\xefG\xab\xb4\xa9\x02\x90\xd4\x8b\xa3\x7f\x08\\\xc4\xac\x81\xfd\xdf}\x7f\xc3\xbd\xb5\x18\x7fr\xfc\xf9\n\xe3\',M+\xce\x0f}\xb9^\xb8\xd9\xf3\xde\x0c\x17\xf5F\x8e\xda\x94\xb5\x8f/Gf\r\x9b\xda\xd8\xb8\xcd\xfb\xa1\x1a\x8d\x87\xbb\xd8c\x80\xce\xed\xe4\xfb\xa1\xde&lt;\xea\xf0M\x7f\xdfX\xf5*\xb3\xcf\x18\xbb\xfcxo+\xe4\xbc\xeaJ\xc9\xf5\x1dh\xbdro\xb9;\xf7\x08\x8b1\x8f\x80\xe9\x08\x15\xee\x9a\xd7\xd5\x03R\xd6\x14\xef\xd8\xb1\x95\xbf\x06\x94\x1a\xe0`\x13\xf0\xa3\x97\xbf\xff\xf7\xb3\xffjgV\xd1Z\xbb\xd7\xa7\xff\xbe\xa3\x1fO\x1b\x9a,\x02\x92\xcf\xa3\xa2\xec\xbbJ\x9db\xb6t\x19\x99\xd6B\x8c\xc9\xd1\xf7b\xe8\xb6\x91\xb2\xc6\x98\xb2\x9bG\xc7\xf2\xd6N\xcb\xd8&lt;J\r\xbau\xf0\x02\xf0(\x12\x9b\x82\xd1]Qy[c\xfeq\xe90\xa4\xe2U\xf1y\xed\xa2\xeb-\x97(f\x0f\xdel\xa3\xa0\x97S\xd8P$\xc7\xf3](v\xc6\xcc\x07\xa9JD\xc8\x98\x10\xa4\x05\x00\xed\xa8\xa7\x10\x9f\xe7z*\x00\x88C\xed\xc2n\xb6Q)\xb1\\\xfccR\xb7S\xa4;\xd4\xf2\xfe\x0e\x00\x8a(\xbd\x92\xc4_m\xe1\x05\x80D\xa6\n\xbc\x8e\x9a\xbc\x8a@\xfa\x9b\x1f\x0f\x95g\xae\xa6\xb2t?\xc4\x87\x81\xdb\xc4\x0b@5"\x17\xbf\xc7\xc1p\xc9\x8a\xf4\xd5\x80G\xa9\x8f\x8d\xf3\x91\xf3ca\xd1\x92&gt;&amp;I\xac\x1a\x1c\x15+\x99\xc9\x1f*\r\xd6\x0f\xae?\x1eZ\x1f\xae\xce6\x1e?\xfb\x08]\x9e\x1b&amp;1dX&amp;1\xdasx\x0c(T\xb9_\xf6\xe6\xcbr\x9e\r\x92\x18c\xe2\x9f\xe6\xd4sM1N\xf8\x9a\xeaV@\x05tKf\x0f;\xff\xcf\xd8\x0f^2;-\xb7P\xe3\x86\x9c\xd5\x82\xea*Hq\xd0\x14\x9a*\x99\xa9\x82R\x9d\xb8\x1bu\x85vW\x03\x8f\x80]\xeb\x17\x80\xf9\xe1\x9e\xac]k\xc9Q:\xa6K\xdd\xb0\x9d\x00\xa9\x8f\x97Mz\xf1\xd9\x84o\xe1!\x9f\x80\xc2\xeb\x1b3}\x0c\xe8\xf6R\xfb\xdd/wG\x85=s\x0b\xa2\xbc\xc1\xaaqh@\x83(\x95\x8d\xf2\xbc\x01d\xb6Z\x02\xf41y\xef\x9er\tJ\xd3n\xce\xa7/j\xc1dubX\xef\x7f\xf8\xbf\t\x82\x93U\x0f-\x8d\xb5\xfby\xe72g\xf6\xf1\xe6P\x99\x189\xb6\xfd&lt;\x1f\xcc\xda\xf8\x8b\xce{XU\xb5z@\xdbG\xd5\n\x941/o\xa9\xeb\x97\xe1\xfa\xafo\xbd\nK\xe1~\xd2DJ\\1\xe6_\xdc\n\xc0\xe6\xcb\x12r{g\xc2\xf6\xb2\xeb\x1b\x9c\xfc\xc0m5\xb6\xca\xd1\x02\xec\xb6\xd4\xbb\xba\xf8\xe9Y\x8d\xf9\xb9\x13\xcd\'\x8d,%\xbdS\x03\xa3N\x80\xaf\x92/\xd3S\x91n\xef\x9d&gt;\xf5:\x96D\xbc\xd6\x8d\xcckd\xff\x87\x95q_\x91\x99g\xc2\xfb\x0b\xe8/3\x15\x0b\xdb\\\x04\'\xaeS\xf4\x16_ \xf5\xd4\xdd\'\xbd}Q^\x90\xdf\xb6\xbbO\x0e\x04\xa2c\x13p\x12\x95\xd6V\x8f`\x8f\xb5\xef\xc9S\xdc\xeb\xfd\xcf\xc6\xdfw;`\xb7{e\'A\xaa4i\n\xf2z\x9b\xad-z\xeb\nm5n\x8e\x80\xf0\xd6\xa1J\xa9\xe4 \x03\x00I\xb9\x1c\x03\x9ajj\x8c\xe2\x9dz9J \x87t\x99\x9dn\x16\xd0\xfb\x9f=\xaf]\x0f\xff\x9b\xc3\x0c\xe7\x14K|\x12\xb5\x02\n\x12\xa8\xa2\xb5\x13\xcd\xaf\xf4\xb8\xd0\xf3\xb3\xab\x91\x7f\'7\xd58\x90\x9a\xcb\x0c@\xadG\xb2\xe8\xb5Z\x02\xa1/\x12\\\xd2%,\xed\xc2\x16\xf9L\x9b\x83k\xcb0"R}&amp;\xaf=\xfc\xbb\x9a|\xa8D\x02\xe2\xea\xf6\x81B\xd3\xaf\x8b\x9eEZ\n\x17v\xfa\x06)l,?\xf4\xa9\xdd\x93NO"\x03\x88\xa6\xd5\xc1\x9b8\xdb\x92VW\xe8z\x9c\xef\xe10\x06*\x1d\x07\xad6\xcc\xe97\xde\x05\xf2\x0b\x92\xcaGp5\x04\xbe\xf4&lt;\xe1\xf5}\xd3E\xf2v\x0f\xe8\xd1\xbd\xd2g\xd7\x08\xe7\x13\xc4ugwl\xba\x9d\xb5Sv\xf5\xb9\xbe\xa2X\x05\x10\x87\xd6&gt;D\x88\xf9\x83\xe48\x97\x00(\xa5\x89\x8c\xad\xad\xbb\xe6k\xaaa\x82\xaa\x1a1\x1fS\xf1\xb3Of5\xedYT\xe4\xaa\x90uE\xe9\xed\xa7N\xd6\xfb\x0f\xb9\xb2\xae\xb8\x05\xb0\xc3\xab\xbai\xaa\x97\xbc\xf7\x02\xe0\xfbtME\x88n\x85\xa2:|\x98PM\xc6h$\x8b6P\xd6\x1e\xe1\xd7]\xcf\xa4\xbd\xd1/[\x0f\xff\xef&gt;Z\x9f#2\x1a\x9f:40\x1a\x9f\x05\xc0$\xa0\x886\\\x9eE\xe4\x9f\x85\xce\xbd:\xfc\x08U\xe1-\xe5\x9a\x93\xe0\x9b\xc6\x0c\xf0\xec\xf1\xcf/H6\xabC\xc0\xb0K\x86\x94\r\x1e\x07\xb9\x7f\xcf\xa3\x90\xa4\x1eH\xcep\x0b/m\xb4\x14\xd9\x92o\xf7\xb6\x89.\xde\xc6&lt;*\xda\xe6\xba\xf3f^N\xce\xb7\x04\x89\xbe\x9dR)\xb8G\x88\x86\xcbv\xe6\x19\x8b\xf5\xc4\xa1D\xdc.\xbcj\xd5\xee_6^\xa1f\xb7_ry\xea\x90\xe8y\xec\x8el\xd5\xa6\x88\xdc\xf9J\tvI\x89cF\xa7&lt;SO\x1b\x01D\xe6\xfd\x1d\x80\xcb\xd2\xd2[iJT}x]UD\xac\xef\xefTnl3\xcc^c\\c\x95\x1e\xf3-r\xfd\xdf1\x0ee\x8f\xd4w\xaf/a\xaa3\xa4u\xda\x81\x18M\xbd\xff\xb9\xb8\x01\xd9vL\xf5&lt;iK\n\xc6*\xe9\x89\x9e\xbdpi\'\xa2O\x93\xcd+\xd6Jg\x0c\x92\x869\xe0d\xb7\xcc#\xab\xb3\xe1\x13C\xaf\xeei\xf6}\xe3B\xf7Ow\x1e\x0b\x8deM\xd2V\xaa\xd6\x1aM\x03\xa8\xd6\xda1\xe7G\x9e\x8c\xb5o\x88u=\xe8\xa2!\xdf\x02\xda\xc9R\xack\x9e\xfe\x13\x8b\xe7&lt;\xe4_\xef.\x1b\xd9n\xbd\nC\xfe\xfb\x9e*\x19!\xcb\xfb;\x07\xe0\xf2\'\x17\xd7\xd4\x16\xe1z\x89\x881\x9fW:\x14;\xa2eNu\xa5/2\x11\xf9\xb4r\xcf\xa8\xafr\x03\xd0\xab\x0c=\x9b\xb2\x1d\xcaz\x15\x8d\xb4o9\xba\xb5\x94&lt;\xb9\xbc\x8ce\x06\xce\xfa\xec\xb3$\xf0\xca\tNA\xa5T6\x84\xa4\xac@\xf1\x12\x97\xa8\x06\xeb\xb0Q\x00Ts\xacerTF\xa5k\xbdJih-D\xc4\xbc\xf2|V\xa7\x0b\xbc\xc4~P\xaf\x0f\x0e\xc4\xa2\xa2&gt;\x8f\xfd\x02P\xb6b\xec\xb6B\x8e\xa1\xcc\x0c\x7f\xfe\x9bv\x88ep\xd5\x9b\x8a\xcajQ\xa3\xe4\xda\\1/\xab\xd6\xda\xb1\xbe\xb0\xf3\x7f\xedd\xab\xc0&amp;*\xda1\xa6\xa3\xe3CI\xc4C\x8d\x00L\x92V\xec\x9e\xc5\xbc\x0eM&gt;\x14p\x1fE\xa2\x05J:\xd9J\x82\xf10v\xc6s\x86g5n\xd1R\x93\xd3\xf0\xbb\r\x9aq\xd9\xd5\xcb6,\x92\x12g\xe9B!\x06}\xea\xf3R\xe9\x00 \x02e\xa5NE`f=\xf1\x06\xcf\xe4\x01\xc2\xf4\xb7&gt;\xad\x9awr\x97E2"b\xfe\xabl!\x02\x8c1\xc3\x8e\xff\xcb\xadb\xc3\xffvU\xb7 .\xc5\xb9\xe7Q5+\x0e!\x9c\x0c\xe9\xf8S\xd2\xa4\xa3\xac%\xb9K\xa8\x9bAr|(mO\x8d\x85\xaf\xcf\x91:\xa52\xbf\xc2B\xe7Ng\xa5\x81\xce9\xbe\x97\x92{ktk8$\xfat\xaa\xe2\xb5z\xcf\x8c\xad2xm{[\x91\xef\x1b\xfe\x14%\xf2\x9f\xbb&amp;L\xf43\xfb\x17\x15\xa0\xaa\xacr\xb4W\xc4\xf7\xd7\x83\xaf\x00\xa4V\xff\x12 \x96\xf7xkx\xe1eq\xb3V\xc3\x9c\xe4LZ\x87J\xa9[\x02t^w;\xfeet\xf3\x9b\xf0\x8e\x9b\xdb\xd8\xfb\x8fe\xcacI\x13R[=\xf8|j}\xe34\xee\xe1\xd1\x10\xf8\x88a\xd0\xf08-\xb1\xd6\x9e\x97;m\xa5r\xc3)x\xfa\xf3L\xaevy]|\xd4\xa7o\xbd\x8e#\x96\xde\x7f\xb5n\xbd\x00DO\xec\x80\xba{\xf6\rHcr5\xa8\x8e\xb7\xd0_M\xd7al\xd4#\xe67;\x8au\xc1\xd1\x87\x19\x87^H)\xc1\xa1Z\r\xf0\xbc\xba\xe3\xd9\xde\x88O=]\xaa\xcf\x98D0\x9d\xd5\xcb\\\x86\x10Rj2pi(I\x86zi\xafG\xfc%\x9fBu_\xa7\xa4~\xba\xb9S\x8aW\x9a\x9d\x90(g,\x84.\x04Z,\x81\xbb\xb9\x9a\xa8j\x11\x9f\x9dys\x0cR.Jl\xd6\xee\x0b\x00\xe5\xa8\x08\xe7&amp;5N+\x86X\xd4-\x01\xba\xfdZ\x9f&lt;o\xb9g\xdf\xdd\x9f\x9c\xed\x95\xe1\xcd9\x89\xf3\xc1\xe9\xbaV\x9bL\x1e\x01\xf9\xd8\xfd\xf0\xb8\x07\xf5\x07\x8c1!}\x8c\xc7/&lt;\xa6b~\xd2\xf3\xcf\xdb`\xe8\x894\xcc\xcd\xd2\x85\x04Rd\xb9m\xe8\x97\x94\x0bHe\xb6\xf5\x0f\x1d\xcbR\x1c\'\xbdi\x19\xa0N\xe6\xfe\xca\xb3\x93Di\xb8\xe7\xe8%\xea\xa2\x1bZ\xe7\xabW\xac\xb7\x1a\xdf\x1f\xde\xbd\xc0\xc9\x95g\xe1\x94\xed?\xde\xbbo&amp;9\xc3\x99\xfa\x95iye\xef\x15G\xbc\xce\xa5&amp;K\xa5\x83\x93IW\x0f\x0b\xa8\xa5n\x06 \xbfb\xc3\x06\x8cW\xdcc\xad\xddN\xf8\\\xb7+{\xbf\xa5\xdf\xf9\x10\x8b\xcf\xa4\xeab\xc3\x8c\xcb\x8f\xad\xff\xe1:\x82\x87\xc0\xd8\xcd_W\x11\xede\xfa%\x89\xfaC\xcb8\xb7{\x7f\td\xe5\xbe\x83\x8e\x97\x84\xb6\x91\xc4\xc5u\xf7\x02\xb0\x97\xe1\n4\x87\xb4\xc1\xb7\xedW\x1cD\xeb\xb9\xe9s-cAx\xd3\xd1\x8f\x1dM\xb0\x9c\xbf\x87\xd4\x9e\xb1\xa7}\xb9yn7\x8f.\xda\xc2\xce\xd5^v\xce\xad\x16\xbe^&gt;l\x03\x95\t\xdc|D\xe9\x00\xa0\x1b\xb4\xb2} \x95w\x94^iPA\xa2\xcc\xe3\'ODi^\x01\xa23T-\xd1\x99\xfa\x89\xc2s4\xa6\x80N}\x8e\xael\xdf!uo\xd8\x92\xf8\xe4\x9c\xf9\xf5\xc5m\xebz\xea \xa5&amp;"G_\xf1p\x8c\x014\xe1Y\xd9\x96Kq\xbes\xb46o\x02\xb5\x95\xc4)l\xda\x02\xd6\x0c\x9d1L\xbbp\xa9\x9e(zd\xb1\x1a\x82\x8a\xdct,\x01\xfa\xc2\xa3\x8d\x83\xf1\xed\x1e]\xb2\xf9\xf3z\x14\xb0\xea\xf7\xd4\xdd\xb5\xf2\xd3?m"\xa4\xe2\'\rP\xef\xa0\x94\xef(\x9d\xcf\xc7\xecf\xa3\x92\x1f\x1f7rt5B\xf3\xd4/U\xc6\xa7\x02\xa8\xb6\x85V\x1b\xb0fh\x8b\xe0H)^e\xbd\xea\xa6\x96G\x9bz\xff\xa5\x03\x02\x9c\xf9M\x8f~v\xcef\xf8h\xeeu\xb5\x0c`\xfb\x9f\xc1\xf7\xba\x13\xda&lt;\xaa\x08d,\n\'\xdf\x1d\x05\x84\\\xf6\xb8\xfcp\x8c\xf0V\xa0\x9f\'u\xd7^\x9c$x\xa2Tgj]\xfc\xda\xa3l\xe69?\n\x0b\xd5\xd4\x8d\xfaC\x08L\xb2\x17\xaa\xfd\xdb\x1d\xbc\x00\x14xEA\x1f\xfe\x94g\xa6\xba\xf5\x16\xca\x0b\xc0V?O\xda\xb96R\xb9\xb7\xe2\xa9KM\x91\x9f)\x845D\x05\xfceNW=\x85j\xfb\x02\x10\xbd\xce\xd5\xf3\xb0\xbe\xa6\x90\'\x1d\x82\xba\xe9\xcfh\x8e\xde\xd7\x16;k\xd25\'/~Fk4\xa2Q\xe9J\xae\xde:\xc1S\xbd\xcdG\x03\xeay\x01\xc8\x84\xa8\xa8T\xb4\xa5ars\xa7\xacH\x94ujr\xbc\xe1\xd5\xff:\xd6\xec\xe5lV\xc4NqBT\x84\x91B\x1b\xc8\xbc2\xf3\xfc\x87Ih\xb4\xe1n;\x05\x00\xad\x88\xb6\t\xd8\xda\xdf\x15\xfc\xbb\xc3\xab\xf4;\xb8mLt\t\xcb\x8dP\x8c\x97\xb8\xb13/l\xe8\xb4\x9eA\x85\xa1\xf3\xfaohG\xab\xb3J\xb1\xf3\x14\xb43i\x83\x85&gt;\xd4P\xb9\xb5\x81Y\xbb\'\xa61\x81#i\x9bv\xc7\xf1\xf8q@\xf4\xe2\'\x97\xe3\xa6\xf9\xce\x13\xf4\x1d\n=\xfa\xf9\xf3\xc1\'\x86\xd5S\xd3\x13\xc3"b\rG3\xd4\x87\xf1\xe3;JM|!3U\t\xad*0\x80*/b]h\xb7it,uA?\xa6\xf7\xf3\xbdG?\xe6\xb8\xdc\xc2\x1dU[\xa0H\xeb\xcdn\x05A\xdb\x89\x98i4\xd6cn\xe9Y2\x9bWq\x8e#&gt;\xa8\\\'\x95\x1cP\xab\x98\xdf\x01`\x867\x94_\xbc\xd5\xb3XH\xa9\xef,|\xffj\x12\xee~6\xa3\xc7\x8cc\xe4\x8dI5u\x82\x0bk\xad\xb5\x9f\xaf$}Y\xc4\x08\x1c\x89\xb9\t\xd84\xda\xde\xa7^:\xb2\xeac\x9d\xdf\x85M\xc97\x88\x86o"\xeaY\x89t%Jt\xa9\x88s\xe8\xf0\x18\x12n\xb8\xb1\x00\x80ZD[\x02\xd4|m\xae\xf0\x01\x99C\xf7\xb4\xfd\xea\xb1H\xf6\x94=\xbb]\x89\xf0\x1c\xb3\xf7\x07&amp;\x99\xa6\xc2\xcc\xfcd\x05r\x06\x00\xa0s?\xc3\xe1\\\xf6\x95w\xa4\xf9\xbc\x8d\x95T\x899}p\x00@/\xa8\x07\x80\xb6|\xc7\xec\x9bYeC\xd2\x0f\x9f\xa8\xa6\xfb\xb5O]\xdfTU`bh\xf1\x05@f\xff\xdb\xa9\x86R\x139\xc8R\x8a\x1b\xbc\xb1\xc2&lt;I9B;\xdaj\xe6+sr\xceq\xcf\xe9\xf2\x7f]=\xb8\xaa\xc8i\xaf\xbb\xdc\xd8\xe3\x0c\x9e\x0f\xf5\x01\xe1\xcfUu\x9cT\x1dxd&amp;\x1b\xa5C\xa4\xc2\x18\x15U\xc7\x06\xa9\x89\x11e\xbb\xa0!\xe6\xd5&amp;\xc13`\xa5C\xf8\x08\x89\xc6Xj\xb0\x8dl\xe9Y&amp;\x9d\xf7f:|\xe4\x88\x0e\xf2\xcc\xaf\xae\xbc#x&amp;\xf7\x0b@%\xbd\xea&amp;j\x0f\x9d-)\xd0\x85GMWQUR0\xa8\xc3p\x8b\xe6\xae\x9b{\xd8D\xc4\x98\xcf\xcf\x13\xaa\xa7\xafQ\x17c\xa5\xf4\xf6\x0e\xd0\xc33\xe6\xd1I\x86\x99Y\x8dsw\xf5\xec}"\x89k\xa2\xe4\xbc\x11x\x9b7$j\xce\x8dQL\xc4X\xbbm}\x15E\xdd\x188\xf7s`\xf3\x07^\xda\xfa\xb0\xd7\x1dSB4\x1e!o#\xf2\xfd\xad?c.\xc2\xf9\xa7h\x17\xd9\xbb:1?\x04\x06_\xf7G\x83,\xe5\xcdQ\xf2X:LJ\xd7a\xbf\x1a\x921\xcf\xa70\xaa\x90\xa1\xdc\xa9\x88\x96\x1f\xa0\x82\x89EAj:P\xbcNR\x0b\xa9d\xa1\x11p\x8e\x17\x80\x1dy\xda\xdd8w\xa1q\xf6\xb1\xed\xcbx6u\xfb]\xf9\xb1\xc5\xdc\xbf\x8e\xf3\x97(\xad\xb5\xde\x9f\x81\xd3\xe0f\xa8t&gt;\x94\x8b\xd4\x1f\x19U\xd3\xf5V\x12\x8c\x08\xc6\xb7\xf1_S\xe2\xe6\xd6\xd4Sa\x7fF\xe9\x00\xa8%\x8f\x1dw\xa5\xc3\xa1\x0f\x1f]\xae\x0e\xa9\xb5\x83u\x0e\x8e\xea\x9d\xf2[u:o&gt;B\xce\xd5 \xdaV\x9e\xdc\xce\x03\xa2\xbe\x16\n\ta\xbdE\xa3me\x8b\x8f\x88L_o\xd4V\x90\x81#\x8e\xb5\x19\x1d\xa7\xea0\x03p\x80\x17\xfc+\xb3&gt;t}q5\x1f\xaa\xb8_g\xd9\xd1\xdd`\xb9\xde\xab\xc48\xe2\x7f\xb6\xbf\xe7\xf5\xf6\x83\xabl0&gt;c\xfe\xa4},\xf5\x89A\xff\xc6\xe8!\xafZ\xfb\xc7\xcb\x06Cs\x14\x01K\xaey\x95\xde\x7fuH\xb0bj\x1f#\x9c\x8d`\x192R\x07\x1e\t^o\x8eu\x17et\xd6}&lt;\xec\xfe\xc8\xd9X\x99\x98\x82%\x91c\t\\-\xbb\xff\xd4\x9f\xe7\x18~\x06\x12a\x06`\x9f\xfe\xa1\xac\xe2\xf6j[\xfd\xd1U&amp;Y\x9b\xd8Tw4\xcb\xc1~\xb8}\xee\xdd\x91\x08sP\xab\xff[\\\xf5\xb9=\xa1u\xd4\x10U1\\\x15"b\x19X\xe3\x05\xa0_cW\xf8\x1f\x05_a\xec\x11\xda\xf1\x82\x91Bv\xe4\xf6\xd9\x0b%\xbb%\xf1F\xa74\xbd\x97\xbe\xdb0&lt;W:\x18\xddS\xb0\xfdn\xfe~\xa8\'\x83V\xa0\xdd\xd2\x13s\xb4\xe5\xeeI\x03qB\x01\xb4dQ\xf7\xd4\xbe(%\xa2\x0c;\xb4\xee\xcc\xdaGI\xa9\x04\xcb\x06Rn\xe8\x14\x91\xba\xce\xd1HCY!\x15\x11c\xc7\x0f,\xa8\tU\x04\xac(\x08\xf2\xec\xef\r\xb1\x177\x1a\xe7\x9bh\xeb\x15\xf7\x04\x02\xcd\xb4\xb6S\x1774\xd2{+\x83N\xf0\x02\xb0\xaf\x99#\x1a\xda\xeb\xc7\x88\x88\xaa\xd7\x00\xcd\xa5&amp;y\xd8\x86\xb72kV\xdd&gt;\xb4W\xee\\$\xdd\x17\xd4R\x9d&lt;\xfd\xb9\xf6g9\xd1Lz\x01\xadb\t\xd0\x1aK\xffS\x8a\xf4\x89\x19M-\xca4\xd2\xa9/\xe7\xc4\x0c\xcc\xf8t\xbf\x7fu\x03E)\x91\x9eW\x12+\xcb\x0c\x99u\x95/\x025\xdc3V\xd6\xfbo~\x9f\x92\xb6\xa6\x07(\xe4NI\x90\x8d\x88\x01\x83Y\xc6p\xe6\x9bf\xb8\x85\xaa&lt;\x137H{\xd7\x19\xfeF\xe6\xb7\xba\x7f#\xcd\xdc\x9f\xb1\xf9\xa8\xc8\xaf\x93&lt;\xd6\x06U\x89\xa5\'$\x89d\x7f\xc0\xaf\xde\xf6\x94\xd6\x1d\xa7G\xd3\xf0\xe1\x19C\x05\x18s\xe7]\x9f\x17\x80\xd4\x96q\x9b)z\xf3$\xa5\xb6&lt;\x13?\xaa\xff\xd8\xf2"\x1f\xfbx\xd8O\xa6\xbcl\x11\x15\t\x90\xc7\x94\xd3\xd9z\xaa\nL\n9\x1f\xf0\xb2\xeb\x7f$O\xf0\xe0\xe5lzN\xfa[\xc6*\xe3\x99&amp;\xcf\x8f\x00u\x16\x03I\xadj\x81&lt;q+)\xd6\xc1\xcb\xb0\xf6\xdd.\xff\xe2AI\x9e\xc9\x16\xdb\n\x9f\x1d@~\xcb\xaa\xc0\xb0\x12\xac\r\xb1\xba\xef\xaa6\xef\xc1\x9c\xec\x01\x18\x92\xbc\xb7\xf7\xb6\xe1$\xbb\xbe\x9e\xb9\xb0$\x91-\xb3\x9d\x06)\xbe\xd1K\x0e\x99\xb3\x7f2\xe4\xb7z\xab[\x005&gt;-\xd1u\xedLg\xbd\xfffk\xb3\x88\x15\xb5&lt;\xaf\xd6\xfc\xae\x8c\xca\xf5&lt;k\x13&lt;i\xd5s\xa4]\x9a\xc5\xaa\xcc\xff6\xe6=^\x19:\xe7\xe8\xb9Hf\xf7\xfa\xca\xe6:\xb3\xce\xc0jzp\x00g\n.\xcc\xd8i\x02Z\xf3\xbb\x1a\xab\x0c\xcfV\xf5\x8c\xff;\xff\xf9\x8f:\xf9\x85\xe7\xcf\xb7\x13?U\xeb\xea\x1d\xdd\xc5\xb3\xe4\x06\x0c\x1b\x8b\xe2\x13!\xcb\x1ac\xc6\x84f\xb9G\xba\xb8|\x10~\xfa\xb3{B\xf8&amp;\\\x05\t\xbdl\x82T\x07\x15@Fa\x95d\xc4\xfb\xb6\xbe\x14\xa4\x9d\xd3\xd1\x8e\xded\xac\xfd\xc1\xc6\xbc\xd9\xff\xf7\xc6_\x9f\xfd\x7f\x14\xf4\xa2t\x00\xb4\x88\xf2\xcaN7\xeb\x88k\xcc\xc8zm\xfd\xf8\xf7\x01w\xf4\xfaa\xbf\x84\xab \xa1\xe7\x87\xf3\xdf\xd2Nc\x86\xdaU\xf0\xe2\xedI\x0e6\xda\xdd\x7fR\xd5q\xa53T\xd1\xb4\xfctn9\xea\xa2\xf9\x11c\x8c\x18ki\\\n\xe3\x05 \xad\xa3\xfa\x1d\xbbv\xab\x0c\xafw\xb3Z\x86\x1624\xcf\xd6N\xbb\xd9\xef\xdc\xc5\xe9wE\xd9\xd7\xd9\x80Z,\xc7\xe3\xa3-\x8a&lt;\xaa[\n\xaeN\xa1)\xac\xcb*\xab\xf8M\xe0;de\x11c\x8d\xd0j\x14\xc4\x87\xc0\x1eVu\x93\xb5\xffm\x8a\xcb\xf6\xe2\xef\x04.\x82\\o\xd8].\xa6t\x8a\xcc\xee6\x9f\xed\x9b-\xf1u\xed\xc1\x07/]\x1d~\x8bE\x9d\x93\x96V\x00k\xd3R\x85\xba\xcd\'13N[+\xd1\x91\xdbN\xe6\xf1\x9d\'\xbf\xfe\x052(B$\xa9\xda\xf6v\xb4\x8c\x7f-\xc6\xfc\xfc\xf8wlT\xc4]P\x8b\xcdCMI\xf8D\x01\x91v#\x92[M\xa0pD\x05\\\x1c\x97S1\xff\xe9\xdd,4\xdbp\xb9\xfe\x97\xe9\x07\xe8\x80\xe1\x80l\x85]\xc7\xe5\xc3\x01\x91\xc3\x0eDDN\r\x127\xae\x88yW\x99\xb3+\xa5\x03\x08s\xdcG\x8fz\xfd\x85\x0fLt/\xb4$Z\x1f\xfd\xb7;t\xffE\xccg\xd3v\x94\xd1\xd0|j2\xf3\xdc\xdf\xe9\x92\x1e_\xa2sa\xdf\xfd\x05\xf1\x95\x18\x8fL*\x1d\x0e\xa0&gt;\xa2y\xfb\xac\x8f\xf1AL\x17\x95\x1e\xe2Y\xf5\xf8\x1d\xca\xc2\xd1v^\xd7w\x87\x06\x8a[\x8d\x88\xf4\x9e\xf5\xb4\x07\x7f\xac\x88\xbak\x0e\xe5\xe0`%\xc0\x93tp\xa4\xc1\xd4ai\xe3I\xc3\x92L\xa6\xcdCMD\x02&lt;\xad{\xed\xf7\xca\x82\xd3;@\x1b\xc5\xad:l\x02\xee\xd9\xa2\xc8\xb9LF\xd7\xbb\xccc\n\xf7\xfd\r\xab9W\xd7\xdc\xbfB\xad\t\x86\rm\xeb\xac\xb4\x85\x07[\xc1\xbd\x7fSr\xd9\xe5\xe2\xced37\xd1\xa2\xe8K\xd7\xbd\xff{\x97s\x0c\x17I\\\x02o]x\x10\x87\x93\x1ck\x1f\x02\x8c1\xb2%"\xb5\x0cW&lt;\xdb\xcdJ\x02\xdc\xb2F\xca\xce\xf2\x90\xae*\x8e\xdc\xf5TQ\x01O\xa2\xf8\x92\xd7yIilB&amp;\xa5h\xf3\xf9W\xeb\x7f\xfcV\xd2\xba\xbf\xbc\x91\xc4\xf9\xf1\x1d\x00&lt;\xac\x8a\xdf\xaa\xbd\x9f\x15\xe3\x8a\x17\x0e\x8dG\xe3\xdf:\x17?xL-s\x05\xc7\x90\x8a*\r6o\xed=\x911\xc6Xk)9%5XRr\xc8\x13iS[\xe6\xd8\x8cR\x94Tkd\t\x10\xe7\x90D\xb7&gt;\x92\x7fT\x7f\x1cgo]\xca\xc4X\xf5\xe9\x04Uz\xea\x95u\xf4\xa8\'4t\xc4#\x86AR\x1f{\xda\xec\xb1\xaa\xcf\x87\x9aZ\x7f\xc7n@\xfd\xbd\x85\xc6\x95/\xe1QD\x9c(l\xe6\x08\x88\xe8\xfcO\x06@\t"\xc6Z\x12\x0b@\xa8\x8a\xa7y\x0f$\x9a\x86\x8d\xbb_V\x85u\xdb1\xfd\x1fY\xbc\xdf\\\x1e\xa7\xe1; \xdb@\xd4Ug\x9c\x01X\x0e\x9fw;\x9a\x1e\xf6\xd49\xa3\xab\xcft\x81\xabM\xfe8\x9a\xc9\x01\x02P\xffL\xc6j\xbf\xc9\x08i\xad\xc6H\x96m\x9f_\x9e\xffj5]X\x111\xe67\xc5\xbc\xe2\xa6\xf7?\xfe-\xea\xb6X\xe1=_\xf0\xad$+;\x8aulY\xd8\xf0\x7f\xb6I\x83(7\nK\xdc\x9f-\xf2W\x97\x7fSW\x0e\xe9G\xf1=|\xd8U]\xa5\xba\x8b\t\xd2I\x8a\xfd\xa9.\'1 T{\xd3\x1aG\xee=\xe9\xf2-\x7f\x1a\xe8\x9f\xff\xadK.e\x06@\xbf\xc7\x0c\xc0&lt;\xeakl\xa8\x1e\xc3\x9c\xb7\x83\x1d6\\Z\xd7 kXP\xffZM\x8f\xd85k\xad\xfd\x90\xc7\x1fJ\x87\x05O$GKR\xcc\x84\xc8xD\xb1\xcb\x89\xcc\xf0\xd7O\x01\xbc7D\xb8\xfa\xef\x8f\xd8\xbdC?\x91\xd92RqE\xff A\xe0\xe7lE\xe4e\xc6|\xdf\x8dr\xbb\x18Z~Wc\xbe\xe5\xe4\xd4 \xfd\xd1\x08\xc0\x1b3\x00\x83\x14\xf3l\t\xf6\xedP\x0f\xc3\xcf\xce\x06\x00;\xfd\xd3\xf8\x97n\x87\xffz\xbd$3\xf1UD#\xa7\x00\xdd7\xac\xe6\xbc\xff\x95\xa8\xf4lX\xef\xdf\x18\xf3\xe6\x9b7\x9e\x97\xcfo9\nC\xe0\xfb\tP\xb5"\x8b\xe3\xf3\xafA\xafk\xb6S\xbb\x8b&lt;s\xff{\x85w.\x00Lo\x00\xf6Q\xf4g\x7f{\xe9[\xfdnD\xadR\x00\x91\xbe\xd0\xe4\xf8V\x9eE\xe1MF\x9d~5.\xd8C,5\x16:u9VD\xee}17\xf8q\xf6\x92o\xd1k\xbf\x13Q\xb7\xf3\x06\xb3\x07=\xda\xbe5\x86g!\x9f7P]uB7Bf\x00\x18X\xa8\xcb\xf4\xe6\x9e\xb4\x8c14\x98\x9f_I\x94\xa7d!jAE\xf1c\xabj8u\xe6\xbd!@\xa5\x02\xb6I&gt;;\x17|\xd9\x18\x8fSM\xbe\xd2\xa3\x81\n\xd6\xda/\xda\xfc\x9d\xd7\xe3\xfc\xe6\xc7\x0e\x16\xaf\xde\xbf\xcf\rP\xd8y\xcaV}&amp;\xe6\x10\xf8/\x1fV\x02-/^u\xa9&gt;\xd2@\x85\xd51\xd7\xb4\x93\x8d\x0c\x81\xab\x11\xf1\x93\x94\xc2\xe8]\x14\n\xcf\x80\x8d\xcf\xa2\xe8q&amp;\xb3\xa8\xfe1\xa5\xc3\xd2\x91\xe0\xbc\xa4\xca\xba\xb1\xf0y\x96\xf9o\xb9K\xf7,\x88\xef&lt;\xc1*O\xd1_=\x05^_\xe5\xfe\x13\xa3G\xec\xac\x04\xca\xf4\x9f\xe6Sn\xa7\xa0\xe2\xa6\xb1\x1d\xef\xe2V{R\xe1:#~\xd66Qq#~t\xc6m\xb3\xe5\xa2\xbd\'\xaaD\x03q~\xa7\xbdX5\xfd.\xbd\xff\x06b\xac/\xff\xf3\xe9\xbf^\xe4\x18j\xa50\xa9J\xcb^\x81\xbc\x99F\x8f\xeb\xa4I\xe8\xfdx\x10\x11\x91\x9f\x960k}f\xb2+\xdf\xe1\xf2\xbc2%G\xb7}\x02\xc7\xa7n\xb2#x\xe0\xfd.\x7fb\x19\x15?\xefvGYm\xc4\x8a1\xd2\xde\x9eY\xb59\x99&gt;\x9f\xa3\x82\xd5\xd1\xbaK\xf0W\x83\xc3p\xd5\xfb?~\xba\xdb\x15\x0e\n\xa1\x84W\'ba\xfb\xa7\xcf\xeb$\xc8\x03\x07\xe1\x9c\xfde\xfc\xf5\x84TCusN;Ryn\x15\x1bw\xab\x88U\xc3\x8f\xc4\x12V\xc2\xf74\x94\xfa\x17]\xd8\x08W/T^\xf6;\xeb\x07?\xfb\xfc\xc3\xfb\xae~\xe6sw\xaf\xe3\xf8\\\x8f\x1fh\'\xb7\xd4cJ\x98.+\xeb\xf0\xe7\r\xc8\xaf\x11\xa3\xf7~b\xed\xfe\xba\xaa\x0cpTw&lt;\xff2~h\xdf@\xaf%5\xd9\xdbu\x13\xf5\xf2\x8b\x8el\x9a\xbb\xd4.\xdf\xc6\xad6\x92@\xf9\x83Pk\xa5\x96:\x86\x0b\xbe\x00\x98\xdf\xba\xd7Y\xbf\x08\xc6\xf2_\x7f\xede\xe7_^\x909Uzf\xb8n\xab\x8f\xb0\x07\x97\xa2#.Ij\x8a/\x12\x111\xbfFQ6\xd8\xd6\x89&gt;\x95T\xe0\xed\x14\x0e\xa45\xa3P;\xd7o\x82v[\xab\xc7\xb2\xcc\xb1z#\x93\x17\x80\xa4\xf6\xa27fl\x97|\x018\x9a\x04p\xcd\xf0\xd7\xbd\x7f\x86\xf6\xf5\n\xc8p\x8dU4\xd5U\x9d\xc9j\x8a\n\xcaj\xd2\xf6X\x7f3\xdf\x80\xa4e-[Y.\xd8Z{q\x0c\xa7\xfe\x07)b\xdd\x8f\xd1\xeeCJ\x07\xa0\x0b\x8f\xcc\xf07\x93\xec\xd0\x8b|M\x8f;_u\xe2\x17\xcd\xa2\x98\xdf\xf7\xdcN\xe3\xf3\x8b(&amp;\xda\x82i\xb9\xf7y\x97\x9b\xbf\x1e\xfd^C\xa9\xab\xeb\x8cmSU\x80#\x9aW\x91\xd1c`\xbax\x9fq\xeb+gAv\x91"\xf9v\xcbZ\xd2L\x18\x97c\x9cDM\xca\xe1\x8e\xaa\xa3\xc5QE\t]\xbf\xf3=]"2|@\x96THb\x99\xd5\x8d1v\xf7m\xc4\xfaw\xe7)8J\x84|\x08l\xd7\xcd\x14\xcd\x9e!.r,\x9f\xb5j\x90\xfa\xa9\x8c\x06\x14,5yFd\xa7[\xac\xee5T\x18C\xad\xa1y`\xf8\xf1\xf6\xf2\xa6\xbc)\xa57&gt;\xbcE\xf9P\x17\xdc\x9c\xc7\xf0\x90\x04\xa4B*\xcb\xacn\x8d1\xd6\xfe\xd9\xed\x8fy\x15\xee\xa1\x92\x8c\x14@\xdc\x95vTL\xa7\x8a\x82\x8aK\xdb~\xd8\xf9\x0f\xdaW\x18\xf3]\x1eI\xcf\x0c@-Ddh\xa3\x96\x7f\xf7\xf8S\xac\xe4\xdbv\xee\x8f\xa6\x02tf\x18j??\xe3 3\x00sot\x83jG\x9bh3\x00u!#6\xe94U\xc7\x7f\xf3\xe9\xfd\x1b\xb2J=\x86\x11\xf8\xc5_e\x19x\xd6&lt;\xde\xbf\xa5j\xe8:\xcaJ\xfa\xb4\xf1\xaf&amp;\xae|U\xb2E\x01u\x90q\x07pXy\xb0\x9fGK\xaa\xd1\x8b\xd2\x01(\x80\x8c\xd8\xae\xd37\x80\x1b\xe9N\x9e\xa9\x92\xb5\xf9\x17}\xd9\xe1\xa6\xe4\x97+\xf3\xee\xa9\xb6\xad#\x8e4\x07\xbbT\xc0D\x84u\xf9M\x92\xc7\xff\xf7X\xf4ONP.\xe6\x1e\x00\xb5U!.\xad\x86\x8bD\xc4\x98/\x9d\xfdY\xaf\x0cKr\xaf\xb6J\xaa\x8e\x1f\x18c\xec;\xc7\xbb\x94K6\xabyi\xb2\x94\xd8*s\xa7\xec\x16\xec\xe9\x0e\xff\xa7\xc8\xddu\x92\xc7\x07=J\x87\x03Q\xad\xdb\xb8\xcf4f\\\xcd\x7f\xd2\xf4nwh,\x0f\x02\xda\xbd\x8f\x98\xbfA\xee\xc9\xa7\xd6V\nQ&lt;\x16\x04O\x87t\x8c\xef\xeb\xf3\x91-Ft\x86h\xda\xad\xe5\x94/\xf8\x861\xc6\x98o4\xe6\xdd\xe3^\xd1y\xe7Ia\x01C\xd4\xd9\xb2\xf4T\xf9T\xba\xcc\x86\xdd\x14\xfbvvM\xc4\xdf\x8a\x13\x82\xed\x1c\xa1\xee\x9f|u\xb9u\xca\xd0\x98\x02\x99-\xde\xc5\x19\xb79p2hQ\xefB\xdbzC\xae\x85\xfa\x03\xad\x03\x93x/\xb7\xa7\xc8-d\xbf\x1e\xc8R\xa9\xf2""\xefI~+\xe6\xbd]\xb2A\xd9\x1c\xd2\'\xde\xb4p\x97\xe6\x85\xb0\xf1\xec\x9fH\xcd( z\x90&amp;\x9f\x9f\x9f\xf2\xaeN\x1f\x15]l\xcb\xf7\xbc2\x13&gt;c\x18H\xbe(\x02\x86\xeak\x992\xed\x8d\xa2M\xc0\xb3\xea\xb5\xb2\x86\xa1s}\x14\xe6\xfdg\xd4\xf4\xec"\xa2*&lt;\xa8\xd8\xaa\xc7\x9f\xa6\xdfVY^\xa5p9\x93\xa3\x8fF\x19\xfb\x19\xd9\x03\xf3\x1cR\xe6\x15\xee\xbe\xb0\x89\xbb\xe1\xfb(\xc3\x1f\xe3\x86\x07whJ\x0c\x96\xe8\x01\xa1\x98\x8b@D\xac\xc7E\xb0\x93&gt;b\x91\xect\x7f\t;&amp;DfKJ~\x07\xe0e\xabj\x82\xcc\x04\x84\xe2\x18.Dg\x7ff\xe9\x10\xb4\xa8\xf5\x85\xce\xbaz\xff\x00\x8e8\x14\xc8\xe3#P\x00\x00mbJ6\x81\xd9\xd4\x8a\xd15\x03\x1f\xcf\xee\x0c@\xd1.\xc4#Dtc\xeec\x06\xa0%\xa4_\xef\x0e\xca3\xdb0\nc\xb9*z\xd5l\xe5\xd3\xcfV\xc8\x1e\xdes\xb2Q\xb5\xbc\x93\x94mI\x81%@\x9c\xfe\xa6\xd9\xd9g:\x90\x9c\xcc\xff\x90:\x19\xbe\xae\xcbd\xee9\x7f+\x7f\xf0\xa9\xf2Q\x1e\xce`G]\xb8\xba\xf2\xa4Khg_\x88J\xd5G\xac+\xd2\x82){\xc6\xf5\x91N\x81W\xa1\x9f\xa1C\xa6\x178Y\x7fX\x8a\x17G-\x963\x00\xcf\x8f\x01\xf0~\x8fv9\x8d176\xd9\xadj\x1cq\xeb\xcd"?h\xf6\x9fq\xc3\xa9\xe7\xd9w3\x95\x9e\xe09`9\x8d\xc9{\xa0\x8d\xa6\xe3\xddb\x1c\xa8\xdaX\xbdZ\xb5\x1c3\x00\xf2\xf8&lt;x5/|\xb5\x843\xba\xf9s\x0f\xe3p\xad\xefW\xbb2\rT|E\xd5\x91PM\xd1\xcb\xe5\xa2\xd5I\x14]\x15\xd5\x81\xf9\xbdl\xd6\x15\xb0\xff4\xe6\x95gq^8\xf2\x8fR\xbf\xaa\x1d\xfc\xd6\xda\xde\xfbm\xd37\xac\xb3\xd0\x937"W^j\x9e\xab_\x05\xbe\x03PI\xaa\xbf\xb5\xec\x11I\xd9X{p`\xf3\xa4\xad\x15\xb9"\xe2&gt;\xb9\xf1\xec8\xfc\xccZ\xe3\x80\x1e\'&amp;\xca\xab\xde\xf1\xb0\xf0t\x8bF\x8c\xb59\xab3\x99M\xa8\xaeo\xaa&lt;-N\xd5\x19t\x11\x13iZ\xbb\xe6\xb4\x0b\xb4\x18\xb6\x7f\xdd\xadK\xa5.\xe6p\xd7Z\x1aT5\x97\xaa\xc5\xfc\xcc\xefm\x7f\xb1\xa9\xc8\x9c=\x9e\xcbs\xd5\xbf\xe1\xe9{D^&gt;\xfc\xe9\xe8\x11(2[\xc32\xc5\xe8S\xd5aQ\x1dk\xcd\xa4\xd2\xb5\x97\x19N\x99\xf3,\xf5)\xee&lt;\xdcw\xb5\xde\xb2\xce*\xa5j\xf4;\x03\xf5\xb3\x7f\xbd+\xad\rrW5\x97\xaa\xcbn\xbcU\x17\x972\xb3\xf3\xcf\x8b\xe7\xb9\x1e\x1a\x9f\xc5Im\x111\x18{\xff\xe6t\xfa\xb6\xbaT\xce\xc3\x1a\xf3S\x8c\x89\xb8\xe0!\xb8vjy\x1a\'C\x8dm\xad\xb5\xaf\x9fG~\xd8Z\xac\x80_\x99\xed\x85\xdd\xf9G\xdf\xaba\x9f\xe3\x8e\xd2\xa6\xf7\x97\x03\x80\xb7YwyU3\xfe\xab2\x01\xba\xe3\x9bd\xe5\xc6\xb5d:\x8a\xa7\xea\x8d\x10\x91b\xa3+\x12{\xb1\xeb}\xda\xc2\xe3\xed~\xf6\x8b\x98\x81\xb3\xbd\x00\xec\xde\x97\xc2x\xdf\xacN\x9eG\xe9Y\xac\x12\xf97DlX\xbdo\x9d\xf1^\xddim\x06\x00\xc1&gt;t]\xd0\xfe\xc3"\xc1\xb8C\xde5\xee\xf5\x9eCt*\x9b\x8c\xb1.V\x19\xb8\x9a\xd9\xde\xe6DV-z\x8a\x06^I\x8c\xde\xe9\xbe\xdc\x9f\xa9\xb03aW\xa8}&lt;"\x96\xfd\x05T\xa7\xb12\xc5\xb9\x8e\x9cX\x97\x7f\x9b\xff\x96\xf2l\xdfz\xcf\xed=\xba\x99\xead\x1a\x1f\x8d\xf4#\xdfg5J\xf1\xe5\xb7\x9fh~5e\xf1\xe38\x1e\x93n\xd8&amp;\xde5s\x0c)\x15\xa9\x10bEQ\xfc\xc0\xcf.\xb8\t\xa4S\x8e\x8a\x1c\x1e\'qb\xf2VqH\xf6\xe0^e9Q\x18*\xe5\x19-\xc4^\x88e\xd3z\x18\x87\x113g\xba\x96\x0b\x93\n^\x86\xc5\xe7\xd8\x96\xe5oU\xf0t0\xc6\\\x1c\xab\xfcB\xe4-\x8b\xbfH\xba\x7fN\x16;5\x17\x95\x8f\xae\x1c5\x0b\xday\xc0\x96O\x14\xf9\xfe\xba\xe2\xc4\x183\xd6\x18\xab\xc3\xb3\xab\xae\x10\x92\x06~/\x1d\xcf\xf7J\x86\xec\xa4\xd4\x93[\xa6r\x13\xb0\x1b;\xec\x17\xdd\xaej\\.."\xd6\\\xcf\xa7\xe8\x89\xed\x0c\x8a?l\xd5u\x8b\xbbyN\xcd\xf0\xbc\xb3\xe2f\xaa\xe8\xa9\xd6\xa8\x96%@\xde\xc9\xdfAy\x8c\xa9\xf0\xf8\xa8\x18c\xfe\xd6\xe1\x8f\xbde\xf37bR\r\xe4\xac\xe3a\x95\x8d4\rEXk\x8d\xf9H\x87\xba8\xd1\xcex\xabt\xa5\xcc\xb0sc\xfd\xb7U\xb7\xd0I\x03\xbf\x97=\xceo\x17\x12\x98)\x19!\xdf\x00\x00 \x00IDAT\xac\xc738\xd4f\x1arC\xc0\xe0\xa6u.u_\x14\x12\xa2*\x95\xfd.\x81\x8c\x9f9:\xfa\xe7\xac\xa1i\x93\x86\xc2\xda\xa6\xeb\x81\x84\xe2\r\xa7W\x184\x04\xb8\x94;\x03Ta\xd3,7\xad*\xcd\xd3`\xfb\x8d\x93E\x94y\xd8\xa3\x16iFC\xa3P&lt;i\x83 \xbeM\x80\xd9\xa6\xbb\xc8\xd4o.&gt;`l\x0e\xfa\x8b\xe4\xd5j\x1d\xcd\x89\x9d\xcel\xab\xb6\xffD9\xcb\x8e\x86r\xda\xbc\xb3\x19\x80\x1a\x97^]f\x16\x111olpw\xc1\xcdPYk\x13\xd7S\xeb\xe0m\x03|\xfa\x08\x8f\xe1\xc3a\xb0\'g\xa5p\x7f\xdf^\xc3T\xc6\xc83P\xa4X\x7fv\xea\x90\xf9&lt;\xa3Q0s\xb5\x1d\xf8\xa0z\xa9\xdcQ\xda\xa5nU\xe3\x9bV\xdd\x1f\xbd\xa3f\xcb\xa8\x14\x8a\x0c*\x88\xdf\xb8\x83\xfa7\xaf\xa6\xf6\xadT\xf1\x88\xec\xe0[\x8c\xf9Q\xb3\xff\xdc\x8e\xe8\x9b*r#\xaa\xa0\xb6\x9c"\x80\xcf\xfc\xe4\xb3b\xb1\xcb!\x7f\xa3&amp;?\x9093\xd0\x96\xe8\xa5\x9c\xc7\xc36+F\x98\xf1v\xde\x9c\x86\xe2jH\x9e\xd9\xec\xed\xd5\x0f&amp;\xafXu\xd7\xdd!\x9b\xf3\x8ah{]M\x91\xf5T\x8dz\xe4\x14\x9d\x99\x84NF\x1e\xee\xa36\xbb\x15\x0b\xc9\xd4\xa1;M\x8c\xef\xf6S\xcd\xbd\x82G\xd8\xcc\xce|\xe8n\xb9\xb8\xb1\xf5v\x7f\n_g\xb4`\xf0\xa2t\x00\x1c\xf8\x97\xdetyNwn\xd6\x1c\xb6\x05\xdd\xd1\xe8\xe4\xa8\xd2\xff\x1dR\xef\xbaO\x85\xac\xae\x8d\xd7s*\x97\x026\xc9\xbd,YkO{c\xd5\x0c\x91 \xa2\x1b]\x02\xa7\xdf\xd2\xdc\x9c\x9d\x84m\xf7\x9f\xc26\x10\x1a\xd6[\xd6)B\xa2i\x1b_\xd1\xfc:\x0e\xc0\x93\xda\x17\xaa\x9d\xd5&amp;@\x00\xda\xac\xe8|N\x98\xd8\xff\xf5\xdafq\x8b\xbd\xdc.r\xeff\x1a\x80\\\xadY\xbec@\xb3\xed\x9d\xbd\x9f\xe1\x12\x04\xf5\xff\x9c\xae\xa9s\x0f1\xa0\x95\xda\x8dt\xd6\xda\x0f5)\x87\xbeD\xdf\xe7\xe7t\xf0\x8d\x93\xbbq(\xfe\x1f\xdf\x9d}\xc3\xc8\xfd\x17Ik-\xd2\x9f\x8a\x11Y\xd9/\xe6&gt;;]t\xf7;tY\xcd\xcdjC\xedR\x84s\xde\x12T\x11\t\x08PK\x0eG:\xb1+:\xb2\xd3 &lt;\x1e\x86\xe4x\xf5\x90(\xdf\x9a&lt;&gt;e\x8f\xe3o\xa5\x0e[W|\x93\xa0r\xaa\x1e\xb3\xab\x98\xaf[\xbe/\xb3T\xb11\\\xdbr&amp;\xd4"_\xceq\xde\x13\x8f\xfcV\xd9 \xe9~\xa4\xfa\xb9.Z\xb8\x19\x8dw\xf6\x83\xc6\xb8W\xf8\xda\x0c\xf2O\xb0\x9c\x89^\x9c\xc6~\x8b\x88\xa8\n\x0fJ\xab\xe0\x8d0\xd5kk\x84\x0b&gt;\xe6\x10N\xc2\xa6?z\xe7\xea\n\xed\xa5\xc6\x1e\x07a\x18\xf7\xea\xddk\xa2e\x002\xd2]\xfe\x0b\xb7j\xe6\xf8\xa4c\xfe$k\x01ydX\x15PQ\xcf\xe3_\xb79?H\x95\xda\x9dm\x06&gt;\xce\xd8\xe4\x8d3mU\x05\x11\xb4XC\x86#\x1e\xa2!_a\x86\t\x9a\x1c\x98\xc9\x9d[N\xce\x9a\x162\xe1xX}\xe9p\xe4 \x9cX2"*b!&amp;\x81S\xa2\xe1\x8b(\xee\x0b\xab\xbaZ\x82U\xaf\x97x\x17\xcc\x80\x02\xf0\xb4\xccom\xe4\xbe\xaef\x9a\xeb\xc5\xd0\x97Z\xd6RG\x02;VC\xf6\x95\xd4`\xabV\xfe\xf1\x9f\xbf\xb8\x8e\xc0w\xe4\x85a|\x1a9)\xfe\xb2\x93\x1a"\xa2\xfa\xa5Qq\xd0\xf6U\xd2jv\xae\xb6\\\x85:T\xfc\xf57m\x15\x97\xb5\xd6%&gt;wC-\xd37\x89\xa1\xc6\xe3;\x00\xda\xf2\x19\xdae\'\xa5C\xa2T\xba\xb2\xe8[\xcc\x8f\x87\xcc#\xa7]\xd2\xb1y*\xb7{\x88\xbdj\xc4\xcd\xea\xcc\x98\x05i&gt;\xc6\xe6\x95\xff\xfe\xe4\xf7\xaaq\x1f\xfe\xcb\xda\xfaF\x8e\x9a\x97\xefC`\t\xcd*)\xea\xac\x8a\xcc\x8e\xc9[P\x93\x82N\xc1\xf8\x84\xd8\xa1M\xf4v\xf4\xbd\xe2\xf5\x19\x8a\x02{\x9a\xd5\xa4\xbb\x87\xe6[\xb4\xed&gt;\xe7"\xc1(\xaa\x8e\xfd\xfd\xe2W\xc0\x9d\xae\x16\xf1\x82\xe5d+\xa3\x7fn&lt;_\'Z\x8cm\x1b\x02]\x03g\xc7c\xfaS8g\x9fT\xab\xec\xdbj]h\xe0\xb4\x81E\xe0k~\x90\xc64\x95\xafN\x7f,\xe5\x93\xc6\xbbx\x8cpJ\x9a\xf3\xe3\x92\xc6\xa1\xcct\xd9\x7f\xbde\x9d(\x95\x17\xea\x86\xc5-D\xcbRS\xa9\xac\xe1\x97\xa5&lt;7\x8d\xc2!\xc0_\x1c\xf4[\xd0\xeeE\xd9\xdb\xcb\xed\xc3\x1f\xd6YP\xd5\xfb1j\xdea\xe2\x18\xec\xa4O\x17\xb3\x82\xb5\xf6\xee\xe5\x86!\xc6j\x87q\x1a9r\xaa\xa48\xf9\xb1\xde:\xc1\x18c\xbe]\xcc+5\x06\xdeq}\xb6\xfb\xd5\xe6\x93\x005\xa6\xd73\xb3\xf2\xf1\xc43W}\xb0G&gt;X\xe7\x81\x1a\xb3\x04V^\x90\x8a\x99UZ\x99\x06\x88\xdb \xf5)z\xa3~\xe7\xd7\xefv\xfe\xe4\xf0\xdb\x90\xf7\xdfMNtR\xdc\xdc\xc8\x8d\xfd\xe5\x12\xeb \xc2*Sd\xe8D\x8e\xebl\xac\x899\xd8\x14\xafQ\x88\x19\xb1\x8a\x92I\xc4\xdcy{\xcf\xfe\x1c\x8a\xa2\xee\xdaU`\xabz\x18x)\xbc\x07\xe0g\x15\xbd\xfb\x7f\x10a\xb6\xce\xfbwk)M\x91\xd6K\xd4\xf1\xb0\xba5\x12\x87\xa7\x99\x89}\xe19\x04Tu\xb3$\xf9O"\x86D\x03\x111\x1f\xed\x1c#\xd6\x9aY\x1e\x16cbT\x8fps\xb3b\xc8\x92Pv&amp;\xc7\xfd\x80\xda\xdd_Cv\xa7\x07\x7fs\xb9^\xdbk\xe0&gt;8\xfe\xa3\xcdw\x955\x1bo\xad\x0bO\xb8\xb6\xcbK\x15^\xe7\x1b\xff\xcb$kn\x1f\xc5\xb3Fr\xcc\x9c5\xae\xf0\xee\xd6bE&gt;I\x06\xb4\xe7N]L\xd5\x90\xcd\xac\xeb\xf0\xa54\xa2u\x89\xbb\xad\xb0\xa1\xee\xa31\xe3\xdb\xec\xe0\x0f6\x98\xa5e\xdbKn\xaf\xf0\xfa\xbe\x004\x96\x87\x9b\xb4\xce\xaem\xe5\xd8z\xb5W{T\xad\x89c@CYk\xec\xecpZ\xf2erb\x8c\xf99\xc3\x1ci\xdcy\xd2\xe2\xb5\xfc\xac\x0f\xd1Z.\xba\x97R\x1f\xb4\xfa\xef\xc6\n\x99\x9d\xfe\xc7\x98\xbfU2 \x89\x9c\x9c\xdc\x17\xf9\xb8\xc9*\x8c\xeb;t\xaf\xf1\xa8*JS\xd8\xc9T,\xcb1\xc6\xe8(n,\x91B4\x1a2tY;1\x90$N\xee\x1e\x1f\x99\xec\xd5\x7f50y~\x8b$\xb9\xe5\x83d-\xc5]j\xd7d\xcc\xcc\x9e\xa8\xb5G\xdb\x08\x1fR\xddM\xfa\\\x85\xc5\xe30\xdf\xf8\xf7.\x91\xe7\x9b,h^6\xf5q\xd7\xb1\x01 \x91\xf25\xcbn\xcb\x1a7`q\xea\xd0\xf4\xbd\xff\xf3\x07O\xdb\x12,\x83\xf1e49\x1bM6\xc3M&gt;\xd4\xb1\xc0N\xd5\xd1\xcfG\xaf\xa9\x0enQ\xf0\xf3\x05\x05nJ\xdf\x97\x18\xc8\x80\x18F\xd7\x14g\xfd\xf5\xbe=\xad\xe1|\xb8\x11H\x8f\x91\x9e\x0c\xf1\xe0\xf2\x1e\x82\n\xbc\xe4\x9a|\xcaKV\n\x11_\x00R\x9b\n\xe32\x00]$\xd9\x97\xd7P\xf3\'\xb2l\x11z\x8c\x814\xbej\xfa\xd3\xba\xdd\xed2\x9b\xa1sb\xcc\x8f+\x1d\x86K\x15\xd4\x83wBX\xb6\x0e\xda\x0b\xb6\xdexF/\xde\xa8+\x13\x96\xeb\x1f\xec\xf4Q\xf2\x05\xa6\xc5^\xd1\x8d\x9a6g3TA\xab\xa7\xde\xba\xd4\xcc\xcb\x11/\x00@\x1dTW\x855\xd7\x1d\xc7u_\xadO\x84V\xe8\xca\x81E\xcb\xb8,\xba\x83\x19+\x9c6;F\x9f\x13\xd2\x94d\xee)\xd2+\xbdo\x1b\x87\xdbN?/\x00\x80vz_\x00~\x94\xce\xba\xc35HGu\x1f\xd5"\xa0\xcaT\x07\xe6,\x95\xd4\x00\x83\xbc=\xc5\xf9\x8dj\x8a|\xb9u\x8a\xdd\xef\x8d\x18\x92\xd1:&lt;\xf4\xfeQ\xd0\xa7\x96\x0e\x00bSY}x\xd4k\xff|\xffg\xa8\x1c\x01]J\xbc\x00`rR\x19\xc6M\x8eZ+\xde\x9ba\x9e\xcdn\xa5|pz\xff\x801\xa6\xcb\xcd\x7f\xdd\xb8[\xbb\xa9\xa9\x1f\x9d\x02@NV\x8e\x04\x8a\x82\x17\x80\x92\xf6\x87\xb7\x7fH\xecJRI\xc5\x1b\xe0f\x98\xc5\x181\xdf\x98\xfc\xd9\xf7z\xffu\xc53\xaaV_\xc1\x86\x06\xe1\xebV\x03\xef\x17T\x11\xc7\xcd\xdb.aH\xd9ZPN\xe3\xa0\xc6\x0b%\x8by\xe3_\xd5i4\xaa\xed\rG\xef\xacW\xdb\xfb7\xc6\x18\xf3\xea\xdd0\xff/\xcb\xc79{\xb4\xba\x1f\x1f%T\xf6I\xb6!gW\xf0-F \x84\xc4\xcb\xd8\x8fV\xe0\xfc\xb3\x8bc\x81JQ\x9a"&gt;Kr"\xc2\xf7)S b\x8bKY\xc6o\x99\xfa\xa9Q\xc26\xef\xf5Z\xd3\xc8\xa7\x7f\x97QtQ\xa5/b\xa0\x89\xc7Gj/\x95\x0e\x80\x9fG\xae\x16c\xe2\rl\xf0\xc6\x0c5"\xd6\xdaN\x97\xb2\xd6^4\x15\xe1\xa3J5\xb5@\xb4\x97\x894\x1f\xb1\xfa\x9b\x8f\xeb2^\xc8\x10\xaa\x18a\xdb$\x81\xca\xe7\r0$\xdd\x18E\x17\x0fe?3C\x88\xd0\x94\x8a\xcbI\xac\x81\r\xde\x9bQJ\xd2\xc1\xb9\xc7\xc5\xcd\x9d\xe6p\xd1\xb063\xae\x06\xc4\xf3\x83\x8d\xf9\xde\xaa[\xd2\x81\xda\x89\x82k\xb3Z\xaa\xca\xf0G\xf3\x8c\x88\xbe\xe3\x01\xae^\x94\x0e@\xb8\xb2Y\x9c\xa9m(7\xcc\x1a\xdf\xe9\x9a,z\xff\x15\xad\xbb\x131\x15\x85\xf6I\xc6\x80W\x17\xf2\x9e\xfd\xfb\nsZ[h\x89\x1f\xecl\xe7UM+0QJeK\x80R\xa0\xf6\xe8\xc0\x9d#\x96\x13J?;\x7f\xeb\xe2\xcb\xa0USL\xe4\xf0\x1b\xac\x1a\xf3\xc0\xd3\x10\xba\xc7*G\xddA\xbd\xa2\x7fa\x0cVfKMP+\xbb\xfbG\x00\xe7\xfc\x9b\xabL\x9f4\xcfr\x97\xcd]35\xdet\x11\x12x\xc3^\xac\x86v\xc8j\xec\xc9=\xc2\xbc\xf7\x81\xb6"\xe1q\xf4\xdck\xc1\xe1z\xfe8\x02\x05X(T\x16(\x86\x15\xe15Q\xb5"\x0b\x8d\xe2\x1e\xcep~\x17\xc6\x9c\xf2\x88\xbc\xd1ED\xf92\x95\xab\x82\xa3q~\xbc\xf9\xcdHIk\xb3\xb0\xd8\xdb\x06i\xfe7\xd4Q-\xc9\xd3\xae\xe9\xb1,\x11&amp;O\x8d\xd7|%\xd6\x98\x8a\x97\x00y\xbdeV\xfa&gt;\xaa\xa3\x08%\x89:\xb5gS4)jT?\xbe\xa8\x14\xef\x82\xf1]=oXl\xfc\x97A\xbf\x85\x07\xfb\xdf\'\xb9\xec\xaa!\xf0J\xda\xcbrA\r\xd5\x86e}\xa5\xba\xeeJA\x0e\x96E\xfe\x89d\xf3f4\xeeH\xcd#\xcb*\xef\xaf\xa8\xb2\xaa\x11\x1a\x88:\xcd3\x92y\x03\x16\xed\x83;y\x1b\xd1\x97e\xbc\xd7\xa1d)\xb5\xc8\x9cC^}\x7f\xad\xd9U\xa1\x84\xa5\x9bTH/\xcf\x8a\x91\xe5\n\xb1\xd6\x92\xf5 \x02\xc7\xf5\x84\xfb\x9fa\xd6\xf3\xc5z\xe0\x81\x8c8*W&amp;s\xbf\x00\xa4\x7fL\xa5\x15\\\xfd5o\xed\xe1\xd7a\x1d\x87D)\xba\xf1\xec\x80\xfe\xbe\\\xef\x00I\xefR\x88ly\xfdN\x86 B!u\xd34\xc2\xf1\x9a\xa5W+.\xee."\xf5O\xe7\x89\xd6\xb5\xbc\xb5\xe7\xf6\xb2\x11\xab6Y\x018\x9a57&amp;}\x87D\xe3\xe6\x9f\x88\xfc#s~\xf4\x18\x00\x05\xca\xbf\x97/\x86\xff\x19\x1e\xc0\xae\xef(\x9bK\x19\xbb\x02\xb2KQ\xe8(\xc5\x00`\x8c\xd1\xf0\x02\x90@\x15\x8f\xc3\x0b\x8f\x97\xe2/\x00$V\xe7\xaa\xa8UZ\xf2(\xf2D;P\xbf\x8aO\x01jU\xd9\xf5?\rz\xc3\xfe\x91\xf0\xdb\xae\xc3\xf87D\xbb\x9fR\x9d0k\xed3\xb1\xe8\x91\xa8\x96$u\x86\x8c\xd7\xea;\x80\xfe\xe7jo\x94\n\x00Jjr\xf8\xdfhj\xcfZ\x8d\xe1\xccT\xed!\x1bF%5\x84\x04+\xee\x135\xbeyIO\xf6\x8b\xed\xef\xe9~\xae!`c\xe4\xeb\r\'\x00TFs\xd5\x1f\xae\xc9\x87\xcaKWs\xab\xaa\xfb\xf5\xe8e\xf2\x1ap\x83Kj\x86\xc4\xad\xcf\xd7Zf\xd7w\xf8-\x11\x11\xf9\xe5\xb9\x92;k\x86\xd7T\xd2\x8f\x8c\xb1\xa1=\x9c\xc8`\xbfh\xa8\xcf\xc3\x00r\x10\x11c\xfe]\xe9P\xd4J\xd5p\xbbBS\xb4\x10K[\x8e\xb1q\xf9z\x99&gt;n\x9f\xbd\x7fm\x89H\x01\x04N\x1c\x14\r\n\x8bj]\xef\x01\xa06\xcf\xc9\x1ac\xcc+J\x87\xa2J\xe4R\x17\xc4\xd2\x11\xc7M-\xd6Zs\xbc\xefh\x1e\xbd\xc9\xa2\xdan\xfe\x00\x14\xa3j\xc6U9k\xed\xde\xaeE\n\xb2j\xfd&amp;\xcf\xaa\rc\xc7-t"\xa3\xba\xd8\xc4\x92)X\xb9I\x8b\x1f(\xd8\xed\xf4\xa7|FuG\xb6O1\xd0X\xca\xe2\xc0#\xc1In\xb4\xaa\x99\x19\x00\xef\xd7\xf4y\xa1\xa6|C\xa5\xf5\x0c\x15M\x91\x0b;\xfdO\xc104\x97R\xd9\x9f\xa8\xa9\x08d\xad|\x85\xacm\xb1 \xeb\xa3ko[W\x9ay\x01\x08(\xa5vdN&amp;\xbe\',0@YGM\x11}\x0bc\x8c\xfd9\xc6\x18c\x7f\xf2\xc5:\x96L\x81)\x1d\x80D\xe6\xb3\xfc*\xfaFU\xd5\xc9U\x05\x16\xc6\x18\xa7\x8eA\xbdD\xc4\xbcCX\xa6\x8c\x99\x95)\x17x\xf2Z\x97\xff\xf33\xe6\x1d^\x00T\x12\x85\xfb\x05#r\xd9z\xc8Y\x1c\xe8P\x94R\xefy\x91\x9bw\xfc\xde\x1b\xbf\x0b\xc4\x15\x98\x99\xd3\xb4\xb64^0\xc6\xf8\xd7\xc8\t\x83\x82\xd4n\xd5#\xb2\x15-`j</t>
        </is>
      </c>
      <c r="E821" t="inlineStr">
        <is>
          <t>&lt;class 'numpy.ndarray'&gt;</t>
        </is>
      </c>
    </row>
    <row r="822">
      <c r="A822" s="1" t="n">
        <v>820</v>
      </c>
      <c r="B822" t="inlineStr">
        <is>
          <t>steps_per_sec</t>
        </is>
      </c>
      <c r="C822" t="n">
        <v>9200</v>
      </c>
      <c r="D822" t="inlineStr">
        <is>
          <t>3.0432029</t>
        </is>
      </c>
      <c r="E822" t="inlineStr">
        <is>
          <t>&lt;class 'numpy.ndarray'&gt;</t>
        </is>
      </c>
    </row>
    <row r="823">
      <c r="A823" s="1" t="n">
        <v>821</v>
      </c>
      <c r="B823" t="inlineStr">
        <is>
          <t>Loss/RPNLoss/localization_loss</t>
        </is>
      </c>
      <c r="C823" t="n">
        <v>9200</v>
      </c>
      <c r="D823" t="inlineStr">
        <is>
          <t>0.38168764</t>
        </is>
      </c>
      <c r="E823" t="inlineStr">
        <is>
          <t>&lt;class 'numpy.ndarray'&gt;</t>
        </is>
      </c>
    </row>
    <row r="824">
      <c r="A824" s="1" t="n">
        <v>822</v>
      </c>
      <c r="B824" t="inlineStr">
        <is>
          <t>Loss/RPNLoss/objectness_loss</t>
        </is>
      </c>
      <c r="C824" t="n">
        <v>9200</v>
      </c>
      <c r="D824" t="inlineStr">
        <is>
          <t>0.020459432</t>
        </is>
      </c>
      <c r="E824" t="inlineStr">
        <is>
          <t>&lt;class 'numpy.ndarray'&gt;</t>
        </is>
      </c>
    </row>
    <row r="825">
      <c r="A825" s="1" t="n">
        <v>823</v>
      </c>
      <c r="B825" t="inlineStr">
        <is>
          <t>Loss/BoxClassifierLoss/localization_loss</t>
        </is>
      </c>
      <c r="C825" t="n">
        <v>9200</v>
      </c>
      <c r="D825" t="inlineStr">
        <is>
          <t>0.17211536</t>
        </is>
      </c>
      <c r="E825" t="inlineStr">
        <is>
          <t>&lt;class 'numpy.ndarray'&gt;</t>
        </is>
      </c>
    </row>
    <row r="826">
      <c r="A826" s="1" t="n">
        <v>824</v>
      </c>
      <c r="B826" t="inlineStr">
        <is>
          <t>Loss/BoxClassifierLoss/classification_loss</t>
        </is>
      </c>
      <c r="C826" t="n">
        <v>9200</v>
      </c>
      <c r="D826" t="inlineStr">
        <is>
          <t>0.09070819</t>
        </is>
      </c>
      <c r="E826" t="inlineStr">
        <is>
          <t>&lt;class 'numpy.ndarray'&gt;</t>
        </is>
      </c>
    </row>
    <row r="827">
      <c r="A827" s="1" t="n">
        <v>825</v>
      </c>
      <c r="B827" t="inlineStr">
        <is>
          <t>Loss/regularization_loss</t>
        </is>
      </c>
      <c r="C827" t="n">
        <v>9200</v>
      </c>
      <c r="D827" t="inlineStr">
        <is>
          <t>0.0</t>
        </is>
      </c>
      <c r="E827" t="inlineStr">
        <is>
          <t>&lt;class 'numpy.ndarray'&gt;</t>
        </is>
      </c>
    </row>
    <row r="828">
      <c r="A828" s="1" t="n">
        <v>826</v>
      </c>
      <c r="B828" t="inlineStr">
        <is>
          <t>Loss/total_loss</t>
        </is>
      </c>
      <c r="C828" t="n">
        <v>9200</v>
      </c>
      <c r="D828" t="inlineStr">
        <is>
          <t>0.66497064</t>
        </is>
      </c>
      <c r="E828" t="inlineStr">
        <is>
          <t>&lt;class 'numpy.ndarray'&gt;</t>
        </is>
      </c>
    </row>
    <row r="829">
      <c r="A829" s="1" t="n">
        <v>827</v>
      </c>
      <c r="B829" t="inlineStr">
        <is>
          <t>learning_rate</t>
        </is>
      </c>
      <c r="C829" t="n">
        <v>9200</v>
      </c>
      <c r="D829" t="inlineStr">
        <is>
          <t>0.039469622</t>
        </is>
      </c>
      <c r="E829" t="inlineStr">
        <is>
          <t>&lt;class 'numpy.ndarray'&gt;</t>
        </is>
      </c>
    </row>
    <row r="830">
      <c r="A830" s="1" t="n">
        <v>828</v>
      </c>
      <c r="B830" t="inlineStr">
        <is>
          <t>train_input_images</t>
        </is>
      </c>
      <c r="C830" t="n">
        <v>9200</v>
      </c>
      <c r="D830" t="inlineStr">
        <is>
          <t>[b'1024' b'1024'
 b'\x89PNG\r\n\x1a\n\x00\x00\x00\rIHDR\x00\x00\x04\x00\x00\x00\x04\x00\x08\x02\x00\x00\x00\xf0\x7f\xbc\xd4\x00\x00 \x00IDATx\x9c\xec\xbdy\xfc\xbf\xdfP7&gt;o7Z\xdc\x11\xb2e\xbb\x93TR\xca\x9a=\xb2e\x0be)\x89\xb2e\r\xd9[H\x88\x12\xd9\xdd%\xca\x96\xdcv\xa1PB\xb2\xb5)*d\x8b$\xcb/T\xf6\xcc\xef\x8f\xd7\xb5\x9ce\xe6\x9c\x99\xb3\\\xcb\xeb=\xcf\xc7\xd7\xc7\xeb}]\xe7\xcc&lt;\xcf\x9c93s\xceu\xbd_o\x00\x83\xc1\xb0g \xe2\xda\x14\x96\x03"\xf2\xe3\xedn\x87%M\x8d\x88\x0b\x8ch#X\xdb\x87g\xa7\x1a\x1d\xec\xa8,\x9f\\5\x86&lt;p\xc4\xdaD\x0c\x9b\xc2\xd5\x0e\xff\xb7\x80c\x98\xef\x19\x0c\x86\xbd\xc0\xa2\x15\x0fi(\xd7\xda\xd0l^\x88\xe2\xda\xae\xa8\x17"\xa2\xd8\x07\x0c\xb0\x11\xc7\xe6\x9dd\x13\xf4\x0c\x1b@WO073\x18\x0c\x86\x14\x8e4J\xbey\xeb\x07\x90[\xe6\xc6\xa1\xa9I\xf1\x0b\x8a}\xdd\xdb\xb4\xc2\xd5t\x0c\xadq\x94\x8f\x86\xf6\x8cmM\xc4uS\xbe\xd1\xc2m\xae\xb5\xad\xf1\x1a\x0c\x06\xc3\x1e\xb1\xcbHj\x1b\x001V(\xd4\xb64|\x12\x1b\xa7\xb75\x10\xe6\xf2\xdf\x02\xb2\x9d\xc0\xea\xc0\xe8C\x99\x98\xfa\xb8\x8a\x00\x08_M\x08\xc11(\xdd\x98\xb9\x9bS\xb0\xed\xe0o0\x18\x0c\xa7\r\x16\x91)l\xe0\x94t\xef\'\xb5\x92|o\x05AO\xfc\x0f}\xf9\xd3\xc3\xbcT\x17d6w\rQe\xcc\xe2\xf7\xf1\xd0\x87\xa41K@\xa6\xab\x80\xa4\xc1`\xd8\x08l\x01\x9f^\x90\x11\xfcH\xc3z0\xa8\x15\x06\xb8\xeb\r\x80\xac\xa48J\xcf\xd9\rv\xed`y\x98k\xe5\x10U\xffY\x8bM\xdb\x8cs\xf0\xb7R\xfa\x8e\xd9\xdf\x0c\x06\x83\xa156\x1517E\xa6+V\x1f\xe9\xde\x8bcAA\xf0\xd2\x82\x82`\xd761\x1c\x1fv\xec\x90N\xdd_;\n\xf11\xd0\x8e\xcde0\x18\xd2X\x7fy\xef\xbcl*\xc6\xe9\x1c\xf51\xe3\xb4z\xb2a\xb30\x874\x10\x10\xbeAth\xda\xc3\x8b\xce\xd0\\\xa2\xc1`\xd0\xe3d]\xf5\x9b\xaf\x99\n\xde\xd4\x14\xb6_\xd9\xf2\x86\xe689YnN7\xbfp\x0cm1\x05"\xf9\xbc\xe3\xd8\xd6\\\x056f\x84M\x90\x91\x84+\xec\xf3f\x96m\x00\x0c\x86Ma\x9d\xb7\xfd\x86\x18\xb4\xd5j\x06\x87\x1c\xaaJ\xbdV\xd9\x1b\xbac\xc1\xbd\x86ae \xe2X\xcc\x0f\xbf\x0c,\xedy\x02\x00\x08\xe7\x00\xfb\xfa\xa0\x11f\x04\x00\x80\x93\x93\xc3i\x85\x05\x11\x83\xe1\xd8\xb0\xc7?\xf7\xa39\xd6Z\x10G\xfa\xfb\xb2.\x8e{t\x06\xc3\x11`\xfa&gt;\xc7r\t\xc7\x1e\xc7\x04(y\x9b\xc56N\x06\x83\xc1\xd0\x13\xdd\x92\xd3*\xb1{/\tc/&lt;\r\x1b\x80\x95\x8f"$\xfe$\x93aM\x8cG9\x97Pu:\x9e\x8d\xd3\xf3\x8fb\x14\x06\x83\xa1\x0e\x9b\x0c\x04\x1d\x83l7\xc9\x1f\xb6do8J\xd0\x7f\x8e\xca\x1c;\x8d\xbff\x9e\x16\x8a\xbf\xb1\xd1\xd0\x0b\x8a\xdfy5\x18\x0c\x06\xc3faq\\\x80=\x99\xc8&amp;t\x87\xb0)\x8bAW\xf9C\xe9iN\xbe\x16\xbe{\xa8\xfe\xff\xc7\xa6\xc0`0\x18\xb6\x04\xfa/U%*\x0c;N+\x02i\xb1M\x98\xb1\xc5\x06`\x13\x03\xd9\x06\xcc\x14\xa7\n;\r\x86\x17]L\xd3\x8a\xc7\xff\xb6\xf13\x18\x0c\x86\x04\x0e\xa1\xf9\x15\xe1\xa5\xba\xbfan8"\\km\x02\x86\x8d`\xe3\xc5\xeef\xb8)#\xe4\x1d\x8e:\xa2\x8e\xa9\xe4\xcfWQ\x1c\xcc\x85\x9d^\x19\x0c\x86\xe5\xc0W\xd2[\x8bDO\xddSe\xbf#\xaa*\xec`\\\xdbgh\xe8\x87v\xb3\xbf\x03W74\xc1v&amp;\xda^\x063\x18\x0c\x0b"\xf9\xf4s[\x91H\xbc\x01(~\x9e\xdbj\xbcG\xfb\xfbd{\x18\xd7\xf6\x19\x96\xa1\xed\xb8\xae\xdfF\xcc\xcb\xb6f\xed\xad\xf1\xd9\x02\xcc&amp;il\xc5&gt;\xf1\xf1\xff\x1e\xe2\xad\xc1`\xd8-\x8e\xf2\xdb\x0f\xd6\x1dQ\xd2\xa47\xcft~\xad\xea\x0fy.\xfe\x94\xe6r\xc7\xe6*\x86:|hm\x02\x01\x10\xd6^\xfe\x0cV\xfb\xc6\xe1MZc;0\xe3\x18\x0c\x86S\t\xfeez\x0b\x8b\x04\xfa\xa7R\xfb34\x06C5vX\xf2Z\x99\xbe\x1f&lt;.\xba\xa2\xfaK\xf0\x06\x83\xc1\xb0\x01\x1c\xf5\xf7\x1f\xef\xf0e\xca\x1f/x\xfe\xbb\xb71\x1a\xbaa\xf1\x85|duO\xc7\x81\xe4\x7f\xb9\xb3\xd7\xdc=\xb2\x8fX\x83\x87e\xbf\xcbu\x87\xa9\xcd`0l\x10;\xfc\xda\x01\x19a\xfb\xf3:[x\xbf\xcbfa1XMP\x87\x9e\x8ezX\x05\x97\x8b\xaf\xf7Qg\xe8\x0c\xf6k3\x9a\xeb!|2\x17\xd5\xcd\xa9\x0c\x06\x83\x04C(\xf9\x95\xb5ytA\xd7\xda\xb7\xee\xe1\xc9B\x07E#\xc3\x14\xcf\x1eu\xcfgfu\xdb\xfd\xf3\x02\x86\x08m\xe7\xc5f\xf9\x80/!\xb9\r\xfe\xe5\x86\xeb\xce\xde\xe1,F\xa5\xa1\x16x)t\x17\xdf\xd1g0\x18\x8e\x07k\x9f\x1c7@\xef!l\xff\xed)\x11=D\x94\xbc\'P\xf1W\x17,W\xed\x02\xc74M\xdb\x1a\x0bsX\x80\xcc\xe7\x12\ru\xddO+j\x03xA\xdf\xa1\xcbM\x0f\x1bB\x85v\xe29\x80^\xbb\xc1`0l\xe1\xe5\x90:l\x83\xfc\x168\xd4\xa3|\x14\x12/\xa2\x8f?\r\xcd\xb0\xf2\x17^\xd9\xabG\x02d\x0e\x0b\xb6\x11\xcdN\x1d\xea\x92\xe0k\xebU\xf7&gt;\xa2\xb2\xb5i0\x188\x1cSt\xd8W\xb0K&lt;\xb2\xdf\xda\x17\r%e\xe5\xd3\x18jR\xdd\x8ef\xd0P\x8d=-\xd8Z(K=\x9de\xc6\r6\xdfk\xd5\x1d\xf8f\xb77\xeb\x9d\x82\xfd\xf0\xa0w\xe7\xc7p\x06\x83\xc1\xb0&gt;\x169P\t\x15\xd6\x0b\t\x05\xdeb\x7f\xf9\xa0\xe9\x06\xc0`8F\xe8\xeao\xedY\xc0\xb8\xbe2\xbf\x18\xba\xfc\x02\xdc\xfe\x92on\x96\xed\x0f\xd9`0\x18hX\xfc\x92\xa3\xd6V~\xce\xbe\xc9n\xdf\xa6\xb0\xd7{\x0c\x86\x151m\xb0\xbf\xb86\x93\x00\x9b\x0f\x0b\xed\x1f\x8cl~\xc8\x06\x83\xc1@b&lt;\xa6\xb5\x92n\t\x10\xbf\x14x\x96\xd3iv\xed\xef\xc3\x19&amp;\xd8\xa3\x95=\xa3\xc5\x93\xb13\xcfO\xd8\xb6\xe6\t[\xe3\x13\x83`(x\x9cb0\x18\x0cG\x07{UcQ\x1c\xb5\xa9\xcd\x97\x16\x80\x19y\xe7h\xf0\x1a\xe1T\xb0\x8a&lt;\xc1\xbc%\x0b\xc4\x0b4\xb6\xd2a;aKU\x81\x93\xb5\t\x18\x0c\x06\x83\xa1\x10\x87lwr\x02\x16\xcc\x8f\r\x88\x87y]C3\x9e,\xa4\x1a\xf7\xe0\xb7CIy\x02\xb0\xd6\x8c\xf4D\xd7)\xc0QCw\xbb\xb9u\xffR\xdek0\x18\x0c\x86\xd3\x8c\xfd\x1d8\xed\x8e\xf0\x8ep\xa1\xe2\x9eK\x9d\\\xce\xaf^8\xbf8~S\xf7\xfd\x16{\xe2ah\x82\xe5\xbe\x99\xc0^(*\x82\xed\x93\x0c\x86\x850\x1e\xd6\x16.:\xef\x84\x03\xd6&lt;\x8b\x9a\x0e\x08+N\n\xb9c\xa7]\x9c\x08\x1a\x8e\x00\x91\xa7\xadw\xe2\xbe$\x12Q((\xd4\xec\x18\xf5\x88\xb0N\\\x9d&lt;je_\xda\xc0\xd2\xae\xcc\xfe\x9dp\x86\xb5\t\x18\x0c\xa7\x03\xf4\xe1D\xee\xc4b\xec\x15\xe4f\\\xf5[\x9f[D\xb1m\xc5A\xc3i\x02s(\xb9\xb1\xdc\xdc\t\'\'\'\xdc\xfa\r\xae\x1f\xfbC\x80\xfa\xd1=\xb8\xb3\xfc\x86X\xc5\xb7\xf1\xe4\x84\xf1\xb7\xa6\xae\x95w\xd4\r,\xed\x93M\xb00\x18\x0c\xcbc\xfe\x96v\x0c.\x0bC!R\xe8\xc3\xf5\x98plV\xb2y\xaf\xc7F\x97OOJ\xf2\xf1F\x11\xa6\x86\xd2\xc6,\xdc\x1a9\x93\x1e\xf9\xf0\xb3\xe0\xfd\xa7\xdd7)\x9dk\x93k\x99\xc1\x06y\x9eqm\x02\x06\xc3)\x00s\xe6&amp;=J\xdf^\xe0\xd8\tN\x92\x99fz,\xde\xf9\xf9x\x83\x07\xd08\xbe\xf6e\x87Hm\xb05K\xf6\xfb=I\xd5\xbb\x07\'\'\'n\xa1r\xf8M\x81R[\x85\xbd\x16\xfc\xdd\xe2-\xe0\xb4\xff\x16\xf5\xc9\xf4\x8f\x0f\xc4F\xabo\xf4\xd3\xbd\xf8\xd4\x06y\xda+@\x06\xc3\xe6\xb1\xa5\xc0\xb1\xc1c\x8c\x04$\x99\xe6\xaf7? D\x00x\xc1\xda,\x8e\x04\'\xaf\xd8b&amp;&gt;99\xe9\xb1\xce\x8bVk\xf4\xceF\xa3%\x7fd\xd5\xff6\x86s\xe2\xfc\x85\xb2m\x81#\x94\xb6\x9b\xf8\xa9\xf8\xb0\xad\xed\xb4p\xfa`/&lt;\r\x06CcT\xc5h{\x05\xe8\xd8\xf0p\x9b&gt;C_P\xb1B\xfab\x8f\x85\x1a\t\xfe~\x13\x96\xd9\xe0\xdf&amp;+D\xf2\xc5\xb3\xe3\x19\xa6\xc1`0(`\x1b\x80\xe3\x07?\xa1\x17\xb6\xe96\xe8\x11\xc7\x8a\xe1s\xda\x97\x10\x01.i\xd1F\x02\xdf,f\xa2\x06\xe8\xe3i65\x06\x83a\xd7\xb0d\xac\xc5\x19\x8e\xc4P\x88\x08\xf0\xac\x86\xf2\xda\x892l\x14d\xf9\x9e\x0e \xe4)\x83\xc5\x1c!\xa2\xa3\xeb}X\xac\xcf\xe4nk\xec=\xbdw\x92|\x83\xad\x8d\xda`0l\x08~\xa8=\x85\xc1\xe2\x14\x0e\xb9\r\xa8\x04VaL+\xe6N\x01\xc8\n&gt;]\xed\xd9\x06\xa0\x06\n\x13\x89Z~z\x99\x80\xd9|f\xcf\x84\x08\xd7=M\xde\xd2\xf9\x0f\x90u]z\xf6K\t\x06\xc3\xe28\x17\xe2\xc77\xf2;d\xa7\x1a\xb8\xc9?\xce\x92\xc5Ni/\x0f\x0c\xbfvf\xbb_\x99\xd2\x1cq\xddpr2\x14*\'\'\'\x91e\xe8.~\xf7\xd3b\xba"`\xc7/r\xd2\x82\xfc\xda\xb1E\xff\x18\xd6\xa9[h;]\x1d\xbb$m0\xec\x1c[\xca\x16\xa7\x1d{\xc8U~\xf2\xdeu\xcaY\x13\x1b\xf8\x83\xa0\x8b\x81\xd8\x00DG\xca\xaa\xbf\xfc\xb5a\x7f\xdb\xc8\x12.\xa01w\xe9\xbf\xa8\x87\xef\xcc\xec&amp;\xff\x94b\xd7\xd1\xd8\xbe\x06\xd4`X\x1co\x078\xb9\x1du\xe34=9\xdd\n\xf6\x10\xb8\xfd\xec\x92\xf8c\xae\x06\x07\xd1j:\xddFs\xcdA\xba\xd0N\x9d\nq#o\xb5\x9d\xa0\xe8m\x10o\x1e\xe6O\'\x9c{6z\xff\n\xa7\xff\xfb\xc1\x06\xd2\x04\x9aV\xc5B\x1czT\xff\xf6\xba\x9d\xc1`X\x12\x97\\\x9b\x80\xe1\x00\x0b\xfdm`\xaf\xad\x17\xbf\xcd\xbf\xbf\xdf\x01\xa8\xfd\x8b\xc5\xadp\xb0R\x96\xc9\x1b\xb9\xee\xbc\xd4&amp;\x1b\x80\xfc/\x81@\xea\xcf\xf7\n\x95\xa0l\x17\xd4\x1b\xcb\x10\x10\xce\xf8v\xb1\xcb\x1d\xbf\xc1\xb0\x0b\x04/\xda\x0e\xa7\x05\xce\xff\xeaeJz\x9c\xcae~:Gm\x18\xa0_&amp;\xeb\xa2\x8b\xbb\x06\xa5\x1e\xf7\xea\x7f\xba\x97\xdb\xbd\x19\xb3\xe3\xc2x\x0c|\xf8\xa9\xc8J\x888\xfe\xadoy\x1f\xfd\x1f2\xc7\xe9\x97@\x92b\xa1\xfc]&amp;\xc4\xe1U\xb3S\xe0-\xbb~\xf9\xe7\x00{\x05\xc8`\xe8\x0524\x08\x8f\x0b\xb8\xa3\x9aT\xb8\xc1\xe8@\xe2I+\x9f\xdc\xad\xa7~\xc7A\x19`&gt;\x86]\x9b\xc7^\xb1\xb7\xac\xbc\x04\xdb\xd1\x9d\xcc\xa9\x00 xk\xe8\x106\xf9\x15\x97\xfc\xea$\xe7\xa7\xd2c\x9d\xa1\xf7\x9b5\x9dN"\xedMP\xf7\x87u\x0f\x7f\x97w\xe5\xd5\xb7\xd0S\x08{\x15\xd3`0H\xa1z\x98\xce\xb7\xcc=\xc0\xf5z}\xef\x98\xdb\xd6\x81\x95\xb0\xa5\xb0\r\x80\xa1\x1e\xd4;&lt;\x7fP\xf2\nPw\xa6K\xc3;+9|N\x8e\x94\xbd^\xfa\xd2\xcb\xf2&amp;=\xe2\xd9\x0c\xb0\x85w\x90\x0c\x06\xc3iGU\x18\xa2"u\xa6\x9a\'_I\xdc\xc6K\x99\xeb\xe3\xc82\xdf\x91\rgY\xec\xddtR\xfe\xca\x9ao~M\xfc\xd87\x00\x01\xb2\xef\xc7\xeb\xeb\xfb\x87n\xc8h\xdeT\xeeu6U\xb4w:\xc6\xa5a\xcf/\x0c\x86M\x01\xddg\xbb\xda\'\x8c\xb8\xb3W\x9f\r\x04\xc4So\xbf\xe7`\xc8c*j\xe5\x91!\xae\x83O{T\x19-rR\xf1\xeb[\xab\x02\x0f_\x81;~\x11\xee\x1e\x87`h\x9f\xdf\xedw\x00\x0c\x86\xdeP\x9dF\x0c\xdf\xd6]\xb6\xccO{\x9e\xde=p\xac\xfe%\x8dm\xae\r\xed\xb1\x99\xf3\xfe\x8d\xd0\x00\x80a\xa9\x9d\x9c\xd4\xbd\x1f\xbf*\x0e\xe4w=\x04Cs\x98+\x18\x0c-A\xed\xd1\xed\xa4\xd6 E\xe4?\x87\xa3;\xf3\x9f*\xec\xf9\xc9X\x93\xbf\xdf4W\xf5\t;p\xa5\xff\x06L\xb7\xe5\x10\xbaen$vGx\xcbhb\xcc\xd5f\xc4\x9e\x00\x18\x0c\xcd\x11\xe4\xd1-G[\\\xf7\xb7\x84\r\x01\x88?\xcf\xb4\n\x8f\xe5\xd1\xf1\xe0y\xd7\xdf~\xd3d\xfe\xe7\xaf+\x19\x7fM\x88\xfc\xfd"\xbag\x0b\x02\x95\xd8\x02\x07\x0e\xf1q\xcf\xc6\xb1ec\xc2\x1e\x0c8`\xfc\x9d\x91*\xc2?\xdf\xf7\x81\xdbn\x8ci0\x1c\x03\xc2\xdf$\xdb\xca\xf3t\x83a\xe38s\x07\x99\xe3w;.\xba\x0c\']\xdc\x9f|\x9a\x1a\xae\x10\x1c\xc8\xdf\xf1%~\xeb\xf7t\x05.\xf7\x97\x80\xcb\x06\xbe\x98\xb9\x8e\xfb\xbc\xa6\xdb/\x9dw\x90\xb9\xc9\x95\xb2)2\x06\xc3i\x83\x1f\x0e\xb4_\xc1\xd1\x19\x16\x1d\xb6\x03\xdb(.\x86\x85m+\x7f\xe0\x80\x00KO}\xba\xdc?\x1d\xdf\xf9\x13\x03\x01\x00\x9e\xad\x1d\xfb*\x11\xfb\xb87\x00M~\x05\x05\x9b\xfd\xf9\xe4\xa4\x96\x8a\xed"!\xed\xb8\xa7\xd5`0$p\xef%\xea\x80\xd3\x98\xda\xfb\xa1&gt;d\x8bk\xc4\xe3\xc1)y\xe5\xec\xdf\xc4-\x97.\xb8\xe9\r\xc0i\xc7\xf0\x04`m\x1a}q\x91c\x1f \x04_x\xda=\xcet\x96\xff\xe1\xad=^0\x18\x0c\x1d\xd0;\r\x1f}n+B\xbd\xcd\xcd\xaaI,\x91\x83\xf7\x0e\xcb\xf1\xdbA\xdf\x97\x7f\xc4%\xe9\xa6\xfcax\x9c\xb5\x9b\x8d\xe2\xf08\x0b\xf7\x1f|\xf6\xce\xdf`0\x08\xb0\xc8Y\xc5\x06\xb0\xb1\xfc!Ii\xfb\xc8y\xcd\xb0\xa3\xc16\xa4Z#\xaa\x05\x8d\xcd\xbdvb8@k\xeaT\xfbkl\xeb]P5\xb6\xf7\xb2{\x16\xfbb+\xc7\xb1\x8e\xcb`8- \xd7\xb0ha\xefw\xb7p\xca\x8a\xe9\xfd\xe1\xb4NP\xf9\xa8\xeb\x9f \xa9\x0fVO\xe9\x1c\xad\x02\x9d\xa93\xf3\xa8\x8a\xdbK\xff\xce\xfa\xf19\xd5\x06\x7f\x9d\xa3\x01v\xf3\x1c\xc6`0\xf0\xa8y\xd6\xac\x8e\xd7\\\xc8\xd8\xef^\xa2?\x16\xfcN\x0f\x0b\xe8;A\xb4\x8e\x84\xc9X^\x17\xdaz\xf4q\xed\x9dZ\xa3\xf2\x85\x19\xb2o?S\xe0\xf2\xbf\x88\xd2\x1fG\xb9\x94\xf4\xd3\xb4\xc5\xef)2\x18\x0c!\xba.Q.\x04 \xc0\xf7\xf6\xd4\xdb\x16\x9b\x8bb\x8d\xb2\xe6\xe6\xc6e \x11|k\x938\xb3n\xf3\xdcw\x178\xad\x06\x89&lt;a&lt;\xac\xe9d\x10\x04+\x13\x8f\x11K\xfd2\xb4\xc1`\xa8@\xef\x03\x98\xa3;\xe0\xd9\x04\x8ef\x03\xe0\x0cd}2;\x80\xee\xcbs\xe4&amp;\xcd\xb7d\x94z;\x13\xb1\xbaS\x8c\xf5\xeb\xdd\'\xa8Z#"&lt;t\x19\xc2\xe6?\x06\x83\xc1\xb0 D\xc5DE\xc6\xb2\r@\x1d\x18\xeb\x99U\xf7\x81V\xd3\xf4\xeaA\\\x8b7q\xe3\x939\xd1\xaf\xa4\x1f\xf3\xaf\xad\x9fsm\x02\x1b\xc6Y\x16\x9a\xd6=\xfbO%v4\xf0\x1dQ5\x18N\x19\x86&lt;\x1d\xbd1\x9c\xec!&lt;\xfc{}\x03n\x16&gt;\xb6\x8b\xd31;\xe7\xd8\xf9\x18+\x8b$\xe6\x0b\xf8e\xdfI\xb5s\xd3m\x0e?\xbc6\x81\xe6X\xd7I\xeaU\xdf_*\xa4\xed^\xe5\xe7\xf7\xb2\xb2$\xdf \xb2\x97\xb1\x18\x0cG\x87\x82C\x94\x0e\xe7.\xd9M\x85\xc5\x88\xcd\xc1\xbe\xe4\xe14`\xae\xfe\xefV\xf0\xdb\xfc\xa9.\xe6&lt;\xa7\x12\x08\xf0\xbc:\x01\xad\xdc\xa6\xfe\xc5\xaa\xae\xbf\xeap\x14`-lF3\x18N\x1d\x12\xdf\xf0c0\xac\x8f\x82J\xf7\xa8A\x1f\xff\xcb\xfb%\x96\xbc\xad\xfa\xe3@\xffon\xd9\xa3\x9f\xa86\x06\xf5\x03\xdc\xe8&gt;\x84\x8f\x00\xf6e\x03\x06\xc3N\xe1\xaf\xc9\xbb\x8e\x99^\x90\xd4\x13\x1b\x80\xbd\xacs\'\xdbYl:F\x1cuazX\xa1\x97\xd1u(1\x88\xb3s\xe8f\xcf\xa3\x9e\xa9Nho1D\x048W\xb7\xb9\xd8\xe5F\xf1\xda\xcb\xfe\xde\xf6vMT\xf7\xf7\xa4\xed\x98\xc0`\xd8\x03\xa4\x1b\x00\xa6\xb3\xa0\xe3\xa1A\xae\xe5"\xc1\xc2B\xd2^!\xcaF5)g\xfb\xe9\xaa-\xc3\xc4z,|t\xc0\xc8\xe2n4\x10~\xa4X\xb8x\xea\xa8\xae\xa1#9B\x9bJ\xeb\x87\xb6Gc\xab\x8c:\xa7\xf4\xf6\x89\xcd\xd2^\xa6\xc9`\xd8%\xea\x1e\xcf5a \x8b\xef\xe2\x87\x0c\x06\x00\xe8\xb1K95f?\xea\r\xc0\x92@D\x80\xd7\xd6Ki\xc2\xa5\x85\x90=\xe1x6\x00\x00\xa5u\xf0\xde\'}8\xf3j)\xd0\x02\x94\xc1`8\x80\x0f.\xcb\xbc\x933\xbd%\xbc\x9d\xa8\xb4)2\x06\x83\xc1\xb0:\x04!\xf14T\x96\xc4w\xe5\x9d\x82Q\xd7\xe2\x8cv,b0l\x13\xa5+3\xb9\xa47\xbc\xe07Kl=lw\xb2\xf48\xa6\xb1$\xf0\xe4\xd31LC-v\xfe\xf0dK\xcb\x99z\xc4\xb1!z\x9b\x85=\xb47\x18N\x15\x16Z\xf0b-\xcf\xea\xcb\x83\xc3\x9e~\xb3y\xa7\x08\xcd+t\x89\xfe\xdf[\xd2\x1b\x8d\xc9o&gt;I?rQm\x9b6\x85\x06\xfb\x1e\xc8\xf0\x1b\xe4\x9b\xf1\xcc\x8d\xd0\xd8\x1d\xb8\xd7\x8c\xcd\x9e\x06\x83\xa1\x1c\x1b\x8f \xdbI]\xa7\x06\xe2\r\xc0\xc2\xafG/\xa6\xab\x0c-\x0c\xd2\xf3\xab~\x166\xe0f\xe6\x0b\x8f\xe7\x10A;\x8a\xe3\x18u\x16\xe8}\xde\x8c\xe3\x19\x0c\x06\x83\x1a\xcbe\xac\xfb\xe3)\xce\x8e\x1b\xc0\xea\xb9\xaa\xa2f\xdd~E\xbe06\xff\x04`a\x94\x7fqak\x1c\xc9\xa4\x08\xbc\xeb)K\xf0\xd8,6\xb4\xfa\xb6\xc3\xc4`0\xec\r-\xbf\xfe/\xa7\xa9\xbb\n\xc3VQw0\xdc\xf7\xcb@w\x88\xe3;}\xec&lt;\x9c\x8d\x98\x0b\x11\xae\xd4\x8a\xc96FT\x88WW\xf4\xdd\xf5\xc0[\xe3Vf\r\x83\xc1P\x81\xc5\x0e\x14OY\x95f\x98Q1\xf5\xba\x07G\xfb\xff\x85\x81S\x8b\xa7\xadM`\x01\x1c\xcdS\xd0:\xd8\n\xdd(n\xba6\x01\x83\xc1\xb0,J7\x00\xea.\xb6\x018\xbd@\x048\xfb\xda$\x0c\x86U\xb1\xc3\xef\xa59\xda\xa0\xdd\xe6\x95\xd4\xe32\x0e1\xd7\x7f\xc8\xef\xd6\xfe\xad/\x19\x83\xc1\x10a+\x11g&lt;j=\xf0\x11\xfe\xd9\xaf\xad\x90\x17`GT\xdb\xc2\x0e)\'\xc4vX\xc72\x8d\xff\xba\x90b\x14\x9b\xf6\x84\x1d\xd6\xa6\x1b\'L\xd0\xab4\xf2\xd7\xe3.~\xfb\xab\xe6\xfb\xb57&gt;49\xe8\xb1$\xff\xfa\x90\xc1`X\x1b\xd5\xef\xf0\xbcw\x90\xd0\xe09\xc0q\x04\x85#\xfc\x1b\xc6\xc9\xf9=\xcaI\xac\xc66\x1c\x00\x11_\xde\x90\xc9b\xbf\xf3\xd3\x19\xc71\x8a\xdeP\x99\x88o\xfc\xa6\xa4\x9c\x94\x8aq\x9al\xa6\xe4@\x80\xd7\xac\xa7\xba\x19N\x1a\xca2\x18\x0c\t \xe2\xc9\t\x00\x9c\x00\xa0r\xe9y\xb1\xfd\xe4\xe4\xb4/[\xd7\x1c\xdb\xb6\x86z\xa2\x01\x01JF\xa4Udh\x05D\x14:\xa1t\x8e\x0e\xee=\xc6\x8a\x1dc\x1c\xc8\xbeG\xd1\x19\x0b\xac\\\x0b\x0e\x8d\xb1\xb8c\xff/\xc0\xaf\xc0\xc9p\xdcq\x04\x91\xc1`0\x08\x81\x88\x08g.:\x14&lt;\xd3\x11\x9f\xeb\\z\x0f\xe7\x8b\xe4\x89\xfe\xc69\x1b\xe4\xb0\xa3\xd3\x04\xfa=\xc7\xb8o\x07\x99G\x04\xfb%\xfb#\xc4\xf0\x1eo\xe9\x82B\xf8Ns\t\x83\xe1\xd4\x01\xdd\xa8\xb1\xf9\x8ay\xc2b_+\xb9\x98A0\xfa\xb0\x15\xec\xc7+6\x083]\x0c\x84\xe9\xc5\x92\x1e\xae\xd5X\xe6^\xb6p\xef\x14\xb6\xb3M\xe9\xe9E\xe65\xb0K.\xc7\xc4`8\x95(\x8b\xbc\xef]&amp;d;\x7fR`\xdb\x19b\xa1\x92\xb4\xb1\x1d\x12\x86\xdd\x81\xcd\x8f\x11\xb6\xb7Y\x0f\x9d\xce\xa1\x1b?U\xd8\xe1\xc2\xdc\x17[\xc3r@Dx\xa9% \x83a5\x14/\xb3\x85J\xdef\x1b\x80c(\xad\x1a\x0f!c\xd8\xef\xda\xfe;K\x06\xc3V\xc0\xbfAt\xca\x17\xd1\x91|C\x94\xa1\x03\xc87N\xcd\r\x0c\x86e\xb0\xf6\x8b\xe9Y\xed\xed^\xcc\xb5\xb0\xa2\xc7\x91\x1c\xc3\xdcum\x02\xfb\xc0\x1e~Me\xb3\xd8\xd4W!m\x84\x86\x16;\xa5m0\x18\x0c;\x04\x95\xb4\x96\xa9\xf9\xb6\xf2\x96\xbf\x92@W\xb6\x96\xffVB~\x9fs*\xa6fK%\xec\xbe0U\xff\x9fX\x9b\xc9y\xd6&amp;P\x03t\xfe=n\x1c\xc7\xc1\x8a\xc1`\xd83Z\xa4\xfc\x97V2\xd0\xb4\xedp\xccv\xc6\xa3\x0f\xc4{\x1c`\xe6\x8b\xc0\x17\xe3q\xaa\xd0jq\x9d\xc2\t\xb2\xbdS;\x98\x19\r\x11lq\x19\x0c\x1b\x04"\xc2\xf9\x16\xfa\x1e\xb7\xdd\xfcN\xb0\x01\x10\xe0\x8e]\xe4Z\xa5e\xd8"\xb6\xe6\x93\x0e\x9f]\xad\x17[\xdd\x0c\xb6`\x96-p0\x18\x0c\x9b\xc1\xd3\xe7x\x1d|\xa8\n\x16\x89:\xcf6\x00{@\xbf9\x1aw\x80V(\x18\x0c)8\xafY\xeef\xb1\xa4\xe3\x06\x8eo\xeb5\xfff\xd5\xe6-\x17@\xfa(dST\x03X\x067\x18\x8e\x0c\x88\xce\x19}\xfd\xf2\xb6_\xdc\xdc5:\xc6w\xbdwY\xb2\xd9&gt;l\x8e\n \xfa\xae\xfd\xa3yh\x86]\xaa\x7f\x85~\xe7\xc36\xec\xc9Mk\xf5srMw\xb5\xa2\xe3\xf0F\x83\xc10\x01\x03,\xa6w)E\xc7\x84\x05&amp;h;\xf3r$\xd5\x8f\xc1P\xb4\xac\x84].`\xcbD\x8c\xad\xbe\x86\x1a&amp;\xe1\xca\r\x80\xa2u\xb1"W\xca~\x9eS\x19\x0c\x06\x1f~\xdcY\xeco\x0bX\xc8\xd0c\xc5\xec\xf5\x036_\xa7\x00\x96\xc8{a\x85\x07kG\xf3\x00a3\xb8h7\xc9~\xf5\xff\xb7\xfb\x9a5\xdb\x00\x18\x0c;\x86\xfb|v\xb1\r\xc0\x96\xe0\xfe:\xc4\x9a\xb1,\xabz\x8fv\xdeo\x15\x82\x00g\xdd-y\xc3)\x81\xbf\xbe\x86\xcf?\x00\xf0\xef\xa7\xf8{\x17&gt;\xd7M2\xfd.S\xf5^\xab\xfe\x0c\xce`0\x18*Q\x1e\xc5\xf6\x1e\xb6\xb6\xc2\x1f\x11\x01\x1ep4u\xe7\xe2\xaf\x96\xb5E\x13\xf2;\x1d{\x02\xc77\xa2#\xc1\xc1W\x9f9\xfe\xf6\xf0mD\xae\xbb\xecl\xee5\x14\x00L\x85~X\xa67)\xdc\xd1\x11\xee]\xad\x13k0\x18\x0c\x9da\xa7\x17Z\xec=\xb2O\x89\x90/\x91\xd1}\xb2\xbd4\xbfF\xd85y1t+\xf7\x14\x18d}\xa4\x1d\x8f\xbe;V\x90*\xa7]6n7\x7f\xc4\xba\xa8+\x0eA\xafGLx\r\xf1\x04`\'\xc1g\xfb\x0c\r\x06C#\x90!\xa9k\x9d\xa7\x11;\x87\xd1\xcdG\xcf\x0e\xdcZ\xfdR\x97H8\xba \xdb\xf3\r\x96\x99\x1d\xdb\x916\x84W\x97\xc8\x1b\xef\x0c[\t\x1a\x7f\x99\xa3\xc1\xbe\xf7/Y\\~\xa1\xb9\xe4x\x85\xe6\xdd\xde\x83\x8b\xce\xda\xb989F\xdd\x1e\x83m%s\x0b\xeb\xc5`0,\x82\xf81\xa5{S%I\xa1Q.s&lt;\x06\xb3\xfa\xaf\x14\t\xa35\xb3\xe7!\xdb=~\x13\xc5\x16\x83-s3\xf4\xc2F6\x00\xf5 \xb6\xdc\xd3/z\xb5\xdd~\xc7G\xd7\x1ab\xe5Z\xdb\xc8Y\x14\x08p?E\xeb=\xfd!\x08\x83\xc1\xb0;\xe8\xe3\xcb\xb2\x8f\x8c\x8b@\xfc\x8d3C\x13\xacg\xcf\xa5\x13\xe1&amp;\x9e 5\'0\xbd"\xd2V\xaca\xe3\xc0\xf9Xd&gt;mn(\x1c\xee\xb7XR\x98\xf70\xc9\x06\xf5Z\xf0wE\x99\xeeo4\xa1I\xc9\xed\xc9\x08\x17\xady\x02`\xcb\xdc`0\xb4\xc2\xa6\xbf!g\xd7\x90\x8f\xeel2\t\x9b\xdf\xa4\xe9\xb1hE\xae;\xd4\xecH\xa2\x07\x87vbo\xd7B\xc8\x96p\xa4[#\xe7\r\x93\xa9\xa0l8\xd2\x05W\xcaa\x82~\x12\x01N\xe8\xdb\xcdf\xf0#YQ\x0bE$D\xb8\x87m\x00\x0c\x06\xc3\xaaX\xf3\xe0\xb0\x97\xea-\x04\xd6\x9e/\xee\x1f\x17\x96\xf5\xc0\xb5M\xda\xed\x05\x80&amp;\x1b\x80-&lt;!Q`GT; \xda\x00\xb4\x97\xddBr^H\xce\xe5\x9eX\xcdA\n\xe6\xad\xfdS\x0b\xd2\x0e\x0f7\xfb\x18\x0c{\xc4\x16\xd6\xede\xfb\x88E\xe63\x80W\xd6l\xc1\x02\x06\xc3\x02(\xac\xde,\xbb/\x85\xf4\xaf\xe5\x08\xa6/U\xaar\xb7&gt; b6\xd5\xc1Rg\xd0\xd2\x10v_\x1a\xfd\xab\xff\xfc\x9cR6w\x9da1[\xd1\xa6\xe8\xb6\xe74\x18\x0c\x86\x0e\x98\x92\xd9\xe2\xc5M\xfb\x93\xb9\x95\xfa.\x8c\x863\xf5\xb2Fr\xfa\xe0\xaa;\xf4\xc9\xa3\xda!\xac\xf5\x10\xf2\xcb\xc9yW\x15\xdf\xbc\x84\xe2\x9es\xf5\xdf\xeb\x97\x80\xb7\xba\xcf\xe4\xb7^\x89\xf41~\x91hFt\xaatF\xa7I\xac\x08o?w|zZK#\xb0SoOH\x0c\x06\xc3\xbe0\x86\xf5\x8b,\xfaVk\xdbX\xf9\xb01\x7fl\xf9\x00fs\xdcNQ\xba\xeaU\xab\x1d3\xe6\x05\xd5Vjj\x15| s\x18\xf1O\xce\x97\x9e-\rt\xa0q\x95\x8d\xad\xfar\x94\x15\xbe\xed\xc6Nk\xb9\xde\x96\xe2\xaa}\x8b\x91\xc1\xd0\x05\xda\x98\xbb$\xb6\xb0\xe6\xdd\xc7\xa0Z&gt;\xebdS\x80W\xb5\x168|l(V\xa0N\xd5\xa9)\xb7\xdbUJ\x1b\xf6~\xbb\xd9\x06&lt;\x1d\x01\xfeP\xdf\xad\xd5\x00\x11\xbem\'\x86\xda:X3:3\xf5\x1a\xaf\xd9\xa7\xd0;\x03.\x9f\xd0\x9ab\x91;\x84^F\xfb\xcaH\x9c\xd0\xaf\xb5%\xdb\nN\xf3\xd8\r\x86\x05\xe0\x84\xdd=\xbd7\xb9\x04\xd6;\x12#\xf0J)\x8de\x8a\xce~ZJ%\x7f\xebVf\n\xe0\x8fq.\xaa6\xb3d\xd24\xcaH6Z\x1d\x88p\xa5\x8dX)\xc6:\xc4\xfcU \xe3 -\xa0\xbdYC\x1fu\x1b\x80\x1aT-\x96\xb1\xef\xbd[\xcc\xd7\xe21\xff\xb7\xd9\x97\x7f\xb6\x14@VA\xf8V\xd2:,\x0c\x86cEu\xdc\x17\xab0TakOi\xbaj\xb9\xe8\xa4E\x98\x02\x0bO\x10\xfb\xb9\xe5\xa2\xf9{\xb5\xc5\xc5\x18\xdc\x16\xfb\n(\r\xe3[yT%^,\xc40[l`\x1c\xf9\xa7\x13\xabm6$\xeew\xca7B\x06C\x1f`\x97_T\x8d6\xee\x1f\xb2\xd5k(\x81\xd03\xc3\x83\xccv\xfa\x8b:\xf5`\xd2\x04\xcd\x97\xf9\xea\x1b\x80\xfdV\x06;\xa5\xdd\x0b\xd2\xc7\x17\xf3\xbf^\xdf\xb1\xfaWX5\xde0lo\xc1.\x89u\xc6\xfetQ\x9c\xb4\x87!\x06C\x0f\xf4\xd8\x00\xfc\xfb~\x17j\xcb\xda\xf1\xa2[I\'\x1c\x8d#{\xc0\xea\x96\xddk\r\r\x01\x00&gt;\xb6\xd9\r\x80\x16\xc5C8\x82\xb1w\x83\xbeT=t\x8b&gt;@N\xc8\xa9\x9a\x02\xb5\xcb\x85G\x06\xaf\xd2J\x88\x83\x0c\xdd]\xb99\xd1qh\x1dj\xda\x96\xda\xcdDY&lt;1\x18v\x82=\xae\xd5\xbb.\\\xb1\xed\xd0D[@.9m\xe1M\x80\xe9\xa9\xda\x11$-,:"u\xc6\xbe{\x0b\xb4F\xadc,x\x14\xba\xa7\xb9+\xb4j\xeb\xea\x99\xf8\xac\tGz2m7\x00\xd2\xd5-\xdc\x85\xb6\x0c\x80\xfb\x8f\xa5\x06\xc3)A\x8fxZ\xdc\x9e\x11\xe2\x06\x94\xf91\xc8\xea\xaf4\x1c=\xaa\x8d\xb9\x87Lp,O\x00\xaa\x91\xb0\xc0\xe94\x0eN_\xdf\xbe\xd2\xf05\xbfT\xa3\x91J\x88m\xb7\x1b\x971\xe8\xaeHb:\x1c~K\xa1\xf4\xd1YA\xd6[\xce\xc8\x03&gt;\xb7\xa0.\x83\xc1\xb03t}\xea\'\x17\xae;w\xe9\x99?Ne\xadCcyST\x14[\xa5.q\x1a6\x00\x88\xf8\xa0\xaaBv\xb93\xcb\ra\x1f\xaf2\xb7=T^\xa8.?\xef&amp;\x96\xdbX\x8e\xb7\'\xf3\xe3\x8c\xb6\x84\xae-\x18$\xc0\x06)\x19\x0c\x86\x19\xa7m\x89""&gt;&amp;\x13\xaf\x0bl\xe2?a0\x90X\xbb\x1e\x1a\x0b\x1dz\xab\xa9\x7f\xddb(\x9b\x92b\xb7\x8a\xdb\xb0o0\x93\xe5\xe0_\xe2x\xd8Y\x8b\x8a-\x84\xad\xac:p\x8e\xdat\xef*\x11\x85\xff$\xd4\xe8\x11\xc6\x92E\xba\xc4yy2\xa4 \xc2W\x9b\x9d\x91\xc5ks4Hi\xfcY\xf7\t\x95\xc1`X\x15\x08\xffd\x8b\xff\x00\xe7Uf+5v\x82CF\xfcZ\xe9|e\x0f;\x0b\x1f\xe5\x1f\xd7\xf1?S#^\xe5\x98\xc6\xd8\x1c\xdb7\xce\xe8\xfc\xeb\xfb\xaa\xa6\x8e\x9f\x08\xb7|\xce\xf6\x06U\xeb2\xa3\xa1\x0fm\xf7\x00\xcfn\'j\xc4\xfc\xcbK\xd7^\xdf%\x0c\x06\xc3\xf2\xf8\xe0\x0e\x0f/;\xe04\xbc\xc5q@\xe9\x18\xb7i\x99 )\x8a^wN\xdd\xfe\x8c\xd0\x070\xfaq\x9b\xf6aq0\xda\xbfj~aq\xc3c\xdc\x02\xb1-pHb^)=\xa8\xca\xc5\x0e\x0f\xcdzZ\xac@\xf2[XY\xa5Fk\xbb\x01p\x0e/\x16\xf5\xb4\x99y4\x04t\xbe\xff\xe04\xa4N\x83a\xdf\x98V\xac\x1bDl\xe96\r\xd3\xa7\x10+\x1a\xcd}=@\xde\x85\xbf\'M\xb1\xc7\xe0\'J\x87\xdf\xe8\x90W\xa9\x8aH"\xc2vwX)\xc8\xe8C\x9c\xca\xaa:\xb1]#\xed\xe8\x0f2\xfe\xe3[|\x89\x16\x15D\x96\xcf,\xb5\x8a\xe2\xf2\x80#\x7fh\x19\xa3\x92\x80\xc1`\xe8\x8a\xf8\xfc\xf2T\x83\t^\xa7\xd3,\xec\xfb\xacK\x139\xa5\xf6_\x12\xf2l\x8ds\x87M\xbcC2\xe2l\xcd\x8eW74\xa8\x01m\xf9l\xad&gt;[\x80\x86\xdc\xb7\x0ff\xb9v{\x06:\x9b\xd7O\x90\xeb\xc6*97t\t\xe0\xf8\xce\x95H%\x05\x8dj\x83\xc1`X\x15\x8bV6\xed\x7f\x05y\xd7 \xc6\xfb\xe0^sq\xdal\xdb\x18[\xd8\x00\x04\xbb\xf4&amp;\x05\x07"\x02&lt;\xaaRHVIg\xf9I\xdd^q\xd6ue\xb5{C\xbd?\xfe\xbf\xc9 }\x1c;\xef\x9cN\xbd~\xd3\xb0z. \x13.\r\xd9\x88pz/\xab\xb8\x8e\xef\xb1\x078\xa9\x17a0\x18V\xc7!\x1c\x9c\x9c\x10+z\x8a\x14\xe4\xdd~\x8c,\xbcl\x11\x88\xb8\xb4\'T\x01\x11w\xc4\x96\x04"\x9e\x9c|\x16\xe0l\xf2\x1e\xeb\xae\x1dD&lt;9\x81\x91\x03"\x82\xf3\xa3Z\x18\xc0I":\xad\x8d\xc3\xe8\x1a\x10s\x0b\xb2\ns\r\xc2\x0ebRwqP\xa3\x14&lt;,\xff9)\x0c\x92\x1aM\xcd\xe8+\xbe\xc2A\x0b4\xb0\x8c\x9eP\xa3\xf9e\xa5\x8b\x07\x15\x94\xec\'\xa0\x9e\xc1\xb8\xe8\xaf\x1c\xda\x19j:\x1b\x0c\x86\xd6\xa8&lt;="\xfa\x9e\x8c\xa8\x10\xab\xe7a\x07\xc1)\xacg\x9dBOX\x8b\xb0\xf6\xd7\x0f\xb6\x86\xe1\xa0\x0e\xf1\xac\x9aQ\xac_(\x1fX\xc3\xbc\x90\x0b)\x1d\xe4\x9c\x9cl`H\x11\xae5\x9f\xa26?L-6\x17\xe6\xaa\x7f\x008A\x8c\x19\xcb\x8e\x84\x07\xa9N\xcb\xb6\xa9\xe1\xe4\x04\xe0\xde\xc1\x85\x93\xc3\xff\x06E\x9d\x1c\x81\x1b{\xdf\xc4\'\x17^_\xfdk\x80\xf0P\xc6 \xe3w9\x9c\xcd2\xb4\xc1\xb0=Tl\x00\xfe\xb3\xf8\xb1\xe0\xc6cA\x96\xde\xc2\xfc\xeb\x1f\xbf\x1e\xe5\xbb7\xd3\x9b\xbe\xab3\xd9\x04\xa2\xe7\xf5\x8b\xbc\x93\xdd"\xaf#"\xc0\'\x07\x81u\xb4\xcf\xb1\xe9:\xa3\xf9\xeb\xd4u\x02\'W\xb9_\x91\x84\x9bl\xc5\xd4\xad\xad\x9a\xc55W=p\xca\xab\xae|\xf3\x87\x13U\xc4\n\')r\x0e\x06\x83\xa1\r4\x0bo\x99%j\x81 \x81\xa7R\x17\xd7\xafq)/\xfa\xed\xd5Y%q\xa7\xb5\t,\x8e\x96\x1b\x00\xe1\xdf\x12j\xb9\xd3\x18E\xad\xebT\x15\xda\x7fmx\xeb:!\xbcm\xa9Z;\xd1\x93\xab,\xb7c\xac\x00\xcf\x10\x11\xdfTf\xd5\xc2\x81o\xdbP\x9a\r\x80d\xf8e\x1b\x89@\xc6\xf6\x8df0\x1c\x1b\x10\xf1f\x9b\xdby\x1b\x9f\x83\xdauc\xa2\xa4\xd8B\x00\x80\xcb-y\xa2\xdc\x04\xd8\xeadz\x8f\x98J\xba\x82~\x05\xca\xd4]\x8e\x1d\x8b\x9dtV\xd7d\xb3\x90]&lt;IK\xed\x0fK\x8dPj\xc0\x1b\x95\xa9k\x8d\xd4\x8e\xa8\xf8\t@VZ\x8d(\x83\xc1`8\xbd\xf5\xd9\xee\xf0\xac}\xc6\xfd\x88\xf0\xce\xf8\x17\xa3x\xa6\xb6_\x02\xea\xb0C\xa7U!S\x90\xa9\xbe\r\xb6p\xd3\xd8\x16\xc5/^\x162\xdf\x7fE\x9b:\xd7g\xaavg\xbfwi\xd1\xd8\xdb\xee%\x0c\x06\xc3N\xb1\xb5\xfa\xc0\x82QGl\xa0 h\x8d#\x1b\xce)B\xd9\xc4\xdd;\xdfq\xa7{\x1e\xefk%I\xfeSl\x94n\x03\xcaj;l\xb4s\xa8\xab,+&amp;\xf1e\x9df?E\xa9\x7f\xda\x8a\x8b\xf6\xb9\xee\x8f\xab\xf9$\x1f\xba\x8b\xc1`\xd82z\xac\xd2}&amp;\xcb\xcd\xa0i\xe8\xec;\x11M\x03\xbd\xf9\x8ca#\x08\\\xf11\xd4\xc5UPS\xfb\x92\xb8\xf0t\xb4/\x92RR\xdb\xfd\xd9\xdc\xeb\x1b\xdb\xf2g\x7f\xff\xe4\xa0\xee\xa3{\xaeA\x17\xa8\xa1\xe9\xf2\x9f\xab\xe0\x192\xdc\x86\xc16\x00\x06\xc3\xe6\xc1\xaf\xea\xe6\x0bxSAA\xccd\x95\xcdL\x8d\xc6[{r\xf4ox\xab\xb4\xf7\xde\x00\xcc\xb9d3\x9ech\x85=M\xebOo\xe4PC\xc5\xc1];\xd9\xdf\xe1Q\xbc\xe3Q\x10"\xfa%\x94X\xec6j\xd0\x07(\xb5\xc7\x8d7\xb2\x01\xc8\xccxNB\xd9\xaf\x18ma\xad\x19\x0c\x86\xa6\xd8\xcc\x06`\xf5\xf4\xd0\x0b\x95\x83\xa2\x82//\xb0q\x96\x8d\x0f\x9c\xe2l\xb4\x1b\xec\x8e\xf0\xf2\xd8\xd5\xb4F{\x95;\xc9*\x95\x15\x07\xf8\x80\x96k\xa7\xb8\xaa\x93q\xf8\x9b2Ri\xb5\xf0\x86\xe6\xc6\xc7\xfeGB\x93\xfc\xee\xa5\xb0d\x03\x90\x9e8\x89\x84qP^\xbf\xb4@\xdb\x00\x18\x0c\x86=\xa0\xfb7\x12~B\xd5:\x97h%g\x81\xd9+\xb3\xae\xee5\\\xf7\x1aQ"&lt;\xf5\x94\xacO\xc6:=\xf9o\xa7#\xed\xef\xf9\r\x80Mx"\xb1\x15\x97\nL\xb5\xb7:/\x83x\xe2*\xcd\x85\x88\x08\x97\x9d\xc5\x8a\xcbw^\\\x99\x84\xd4\xd4o\x7fY\x19\x0c{\xc6^\x16X"\x82lo\x08\xf2\x17\x8aVG\xaa\xa0W\xcbj3\x11\xe7Lh\xe8}\x06\x96\xbe\x0f\xc1k*\x99l\xb7\x85\xf9]\x00\xa7a\x98\xa7a\x8c$\xc2\xd2\r\xe73\x0e\xd4\x1fKs\x8d?\xbd\xbd\x18\xae\x04""\xbe#a\x8d\xda\x01\x06\x92\x9bD\x18/\x9a\xfdjq\x05\xefr*\t\x89;\x9fz\x83\xc1\xd0\x13\xc3\xc3\xc7\xfdl\x00$\xb8@\xc1\x0bQ\x19\xe9\x88\x00\x00 \x00IDAT\x91=x\x08\xacW\x90\xe9\x8f\x18\x82&lt;\xe9\xe5\xbc\x1f\\\x9bp\x0f \xf3\xf9(q\xf4\x03Lapc\xe7\x9c\xd85\x88"\xf6&amp;\xbf4\xa6\x98\xdeFp\xb0\xd2\xa5\xa61\xee2%\xd5n\x00$"\xa8N\x17j&gt;\x12\x83\xc1`p\xb1\x9d_1\x1ci&lt;\xaa/\x1fYn\x16\x84u\xba\xc1\xdb\xc7\x80\xbe\x11\xab\xc2\x02Lt\xb5\xbf8kn\x06\xa7\xaa\xac7H1\xb8\xf1=\xa9\x83\x18\xf1\xafn\xefj!\x04\x10\x1c\x91\xbc~\xbf\xa3\x9b\x91\x8ec\xcf#f\x10\xe5\xdd\xf9`x\x0c\xa63\x18N\'&gt;\n\x00\x00\x08\x17D\xf8\xa8\xadd\t\x10@\x918\xdb\xa8+\xbc\x9b\x13\x8d\xf8\xe5EFq\xcf\xccN\x03E;\x99\xb9\xb1\xf0\xa2\xd7\xa0\x18\xb2\xef]1\x9c\x1e$\x8a\xa16\xd2\xdb{\xd4D8`\xae\xd5\x95{\xcb\x0e;\x06\xc6B\xb1=)m\x0b\x9a\xaa]\xd1\xbd@\x94\xc1`\xd8\x05&gt;\x0f0/\xfd\\\xe3c[\xff=C\xdb]\x9aH\xe9Zg\x8c\x03\x9fT\xf4\xacir\xaf\x10\x08GZV\x1eIr\x9b&gt;\xff\xe9\xcduz3\xe8\xf9\xd7&amp;\xa0\x07;\xe9\x98\xf3\xe7Z\xb5=Vbq$q\xf8\xa4\xe2d\xdf21)\x96\xbau&gt;\xf7v{&gt;\xa3\xe8n\x92K \x08Y\x85BzM\xab\xc1`0\xc8\xd0+\xafXt\xab\xc3S\xb3-\xd6\xb5p*\x9f\xfd\x7f\x89|g)\xb0\x0bvbFw\xd2\xb7I\xf8ZM\x0f\xef\xe3\xe6\xae\x05.\x0e\xf9U\x8c\xd0\xd7b\xce9\x85\xa3\x02\x11\xd7\n\xe3\x1b\xf4\r"d}G\x9b=@\x0f\xb6\x06\x83a\xbf8\x86\xa0`\x01\xae\x08\xda\xe7\x06M2eJ\x027\x83T&amp;\x0b\xcftU\xf0\xfb\xfeT\xdd\x88N\'\xf6\xb1\xd6\xe6\x19?\x9d\xc1!Z2\x82 \xa9\x88\xa5\x17\x19%\xabb/\x1f\xae\x9b\x94\xaa]\'z\xa1\xdd\x82\x17\xac4\xef\xff\x90\x12ZX\x15Nj:\x1b\x0c\x86\x08xJ\x96\x15"\x9e\x9c\xa4GZe\x8a)\xb4\xe5\xb4\x18f \xe2\t\x00\x9c\x9c\x1c\xec\x976\x9d\xde\xc2E\x13\x8a\x08\x91\xfc o\x9d8\xff\x0b5\xa2"9\x0f\x03ADs\x9bS\x00A\x08\xda\x01\xc6Q\xe0\xb8P\xdc\x11\xd1+\xae$6R\xcb0Ai\xfa&lt;\xaa\xc8\xac\xfd4\xa5-\x07sD\x8c\xcc\xdeO\xd5\xfc\x83\xd6\x14\\\xad\xef\xc9\xf1f9\x1f\xae\xcf\xa0b`0\x18\x0c\x07d\xe3\x17\x15\xaf\x14\xc7\x15\x07\xf9\xdb\xcb\x17\xab \x08\xd4\xec\xc1\xcf\xc9\xc9\xc9h\xb2\x93\xec\x04\xcdm\xa5(\x9a\x0c\xa9\x0e\xb2\xd9\t\x9c\xa8\xb4\xe2AcI\x9dq$\xc7\xc9\xcfo,o\xc3\x07\xed\x1b\xac&amp;\x8b1U\xc8\xfeer\x80\xda\xe9\x18\x16\x85\xbc\xc3\xc9\xc9\xc9\xc9\xc9\xdf\x8d\xc4\x102\x8b\xc3\x0bG\x9ac\xe9\x06g\xd8\xf5899idg\x89\xaaY\x113p\xfaqD\xdcx\xcc\x8f&gt;\xf3\x93_\x1bZ\x8fOq\xe0%\x9b{\x1b\xca`0\xec\x05\xf3\x0b\x9d\xcaH=\xff\x82Z\xa1\xe2\rW\x1e\x8b\xe23\xa2| \x87\xc6\xb0\x8a\xe7\xd4\xb3\xd8\xdc\xaf\xe4\x86\x8f\xb0s\xc5\xc5\xd8\x80|\x00\xde\xf0\x81\xf8)q\xb6\xe2\x82\xa0\x93}\xbe\xd8G\xec\x86\x90\xf3L\xa5a=o\x17\xf4E/\x86K{9]\x88\x13\x07_Hn\x19"\xfb"\xd0\x9a/\xeb\xaf\xa6Z\x18\xfa\x82\xc6\xf2@\xe7O\xf4\xe5\x01~\xb1\x1dw\x83\xc1`\x90\xa0\xae\x1a+\xca\x9a?Y\xa1\xb1\x00UU\xb8\xb0Z\x1d\xe28\x95S\x8b\xb5\xb7\xc4p@8\xe5\x1b/\xb1y\xa9\xc8i\xa0I\x81n\x03.\x1b\xbayq\x1bf\xd9,\xcaM\xd4\xd2\xb053\xf5\xa4}\xcc2N\xff\xc9\x17\xbbL\xb0\xb4\x10\xe4\xfaU\x1f\xac\x84\x11)Q\x9e&amp;n\xad\x8a\r\x90\x11\xd8\x84\x8fr"\xc1\xad\x19\x1b\x0c\x86\xc6(X\xa5c\x97.+\xbc\xea\xd8\xbe\x11\x85~\xc5\\\x13\x81\x93\x90\xaf\x94\x8b\x10\x07h\x1c\xbfL#\xe2P\xf4&amp;\x80\xacY\xa0\x8e\xa7:\x94\xf5\xeep\xdc\x89\xe3\x12\x98\x9f\xcc\xbc\x12?CN$\xd0\xc0\x02\x11\xe1\xd7b\x13\x95\x1a-cm\xd6Kk\xa7\xa9W|h\x88\xe9\xe0\xbc\x13\xc9\xc1\xd5Q\\\xd0\x97/\x90G\x07+\xf4\xab\xe3\x87Pr,\x7f\x03\xcb\x93\x89\x9c\xf5L\xaa%H\xa2\x99g:yX6\x18\x0cG\x85y\xb5wJ*\x0f\x86\xb9zk\xb0\r(N~c\x9e(\xd6~\xad\x14\xa5\xea\x03\xb0\xa2\x1c&amp;\xe9B\'H&amp;\xc1o\xa7\xfa\x19\x1df\x9c\xb2\xb8\x02\x98&gt;\xdc\x93\xad\xd7\x15\x07\xa5\xf94\xa9c~\x8a\xe0\x98\xa8`\xe0\x9f+S\xa7W\xd4WxkJ+\x17a\xd5\xd1R(\x9f\xb8\x1e6b\x9a\x15\xad\xcdn\xd8\x02\x87\x11\xd9P\x963\xdd\x86\xc6b0\x18\xba\xa2\xefj\xbf*\x12\xd5[1di)L!MU\xebnu\x05\xd6\xee:\xa8\xbe\xaa7\x88\xca\xf1LN\xb0\xf3!!\xdf38\x91\xd5~\x1b\x01\xe0\x875%\x82 S*\x9eu\xe8\xf7\xba\xbd\xfd\xa7\xeb\xb6\x84|\x9a$Z\xadE\x0b\xa7\xe3r\xabp\xec\x1e\x16\x9e\xf7\xb1-\x85J\xe3\xc6*\x85 q\xd2O\xb7\xd3\xacn%\xbeF\xd6l\xbb\x85r6\x9aM&gt;\x907\xe0\x96\xf66\x06\x83\xa1\x18\xda\x95\x8c\xb2\xdc\xb3\xd8\x91\xe7u\x11\x11\x9e\xaa(\xaa\x1a\xa6\x87\x9c(d&gt;7GgS\xaf\x1c\xee\xa5\xda\x91\xd9\x00\xb8\xef\x0eijwA\xbeTl\x00.\xa9\xab#\x1f1\xb7\xfc@\x97\x82&amp;\x8b\xf6\x1a\xbb\x15g[\x00\xb3s\xfe\xe3\xbd\x0c\x96\xdb\xf9o\x85\xff\xe46\x89\xa5\xe7\xafMZL%\x8b\xea\x06[G\xf5\n\xdd\x90\xcf\x18\x0c\x86$tK}+\x0b;J\x06\xed58\xff&amp;\xda\xc8\x83\xdd#\x05\xea\x96\x83\xd2h+o\x00n=%\xf5\xfb(6\x03s)\xf0t\x0c/e\xdd&amp;_\xfc#*\x1e\xb6\xe0xD\xbd\x95\x15\xb4\nx\xcb_m\xf7\xbb\x02TE\x83\xc5\xc0\xd6\xc1\x12\x83\xfb\x1e\x9eh\xff\xeb\xb2\xe9k\xf9d\x92\xd4\x98Y\xda\r\x92\xc5y\xea\xba\xbb\xd8\x9a\xabL\x10\x12\xfbUn\x0f\xf6\'{_\xcb\x06\xc3\x9e\xa1\xcaC\x7f\xd1A{wL\x87@=\xeb\x86\xacp\xd5\xbb\x1c{~\x02\xb0\x01hwzL\xad\x9f\xdd\x00\xc8\n\x7fZx\x02\xff\xa6\xf7\xd5]\xcd\xa9\xe6wC;1ha1\x81\x90\xcc\x13?Q\x9dZ\x07\xc9\xd9\x84\\N\xb2\x05:\xdf\xb7\xbb\xd1\xaa\xce\xb5\xf9\xb4\x1eY\xaa\xbb\xdfg\x0e\xe88\n\x8d\x89\xe8\r@C2\x06\x83a\xc7\xc0)\x7f\xb4\x16;\x06\x9a\x85\xf6\x1b\x85C\xf0\xca\xc4V\x05JF\x8e\x85` 6\x00H]\x1c\x9ar\xbd\x1aU\xff\x83\xecv\xa5\x9b\x81B\xbd\xdbK\x16\xa9J\x8b\xdaI\xf2\x12\x05\x11\xa0\x99:*\xee\xb9\xda/.}G\xc8\x13\xd2\xd2\xff{n)I\xbc\xe0\xb4\xac\xdf\xedn\xf9\x0c\x06\xc3^\x80\x08\xdf\xd7\'\x8e\x14}YAi)_\x93f\xe2\xbe\xfd\xdeY: \xf1\x07\x8f\xbe\x9a( \x1a\xedR\x02&lt;\t\xe0n\xade\xe6\x11\x96\xe9\xce/\xb7\xa5k\xf7n\x1b\x00P\xda\x16\x01&gt;\xb1\xad\x1c\xbc)2+\xa0\xb4\x9a\xff\xfdE\xed\xd6\xaa \xfe\xe5\x96\xbb\x97t`)W\xe1\xae\xee\xe9\xc2i\xa9\xd1;b\x9a\xfa\x8f\xad\xcd\xc4`0h\xb0\xec\x89\xc8\xac\x96\xb8\x84\x92p|\xa1N\x84H\x04)m\xa4\'{\x1a\xbea\xa8\xd2^j,\x8fh^\xd1\xae\x95\x8f\x832\x1d\xa3k41e\xf5\xdfkh\xd8\xfd\r\xb7-\xc21\xe96\xffj\xef\x1e\x8eE\x1b\x95\xec\xc1\xc2i\xe7\xea\xe8|h\xf0L\xecYSH?\x90\xdc\xfe\x04m\x1d\xd3\xa4|0\xd1\xe6\xb4\x85&amp;\x83a\x1f\xb8\xed\xb6V\xa6&amp;s,\xce\\~\xc45\xe5\xc2\xa2\xa3\xdf\xcd\xa3h8\xff\xa4\xf8\x15\xd8\xce\x88\x98D\x95\xfa\xc4\x04\xa7\x06\x8c\xa4Ml\x00\x02\xb6\x9b\x84\xe8\xdd\x0f~\xa5\xd0\xbb\xaf\x8d\x17p\xc7\xb6\xf0Y|\x83;A=\\\x1d\x11\xe1n\xcd7\x15=pJf\\\x829x\xf6\x8f~\x06\x83aI\xf4\xa8k\xb7^.\xab\xb8\r\x1b\x80\xb2\x1ae\xb0\xc3\x99\xb6\xf9\xb4a\x11\x8d\xfdrF$\x99\xd9\x00\xc8\xa6O\xb1\x01 \xba\xb5\x1a\xd3\xde\xf1\x9a\x82mR\x85\x874\xb5&lt;=\x8f{\x9f_D\x04x\xd8\xe1\xa3\xce\xce\xc5\xef[\xee\xb7F\xdcY\x8d\x8b\x00wYN\xd9\xc18\xe1\xafv\xec\xc5V\x06\x83!\xc6\xe6\x8f\xdf*\xc0\x8ekc\x19\xfd\xa7\x81\xa5\xf4\xeevZ\xb8`\xbd\x80)\x9e\xe2+l\xa6q\xcc\xd6\xde\x19\x15S\x80f\x95\x96m\x00\x1a\x16\x885B$e\xd9"`\xb6I\xcd\xb5L\xbf\xe0\xc1\n\x17\r\xf9\x1c\x02U\x8a\xf9\xddX`\x01\x98)}\xb9\x89\xa3F% \xa9N\xa2\xa5\xa3\xa1\xd4[\xd0\xa0\xe3#77\x89\xdb\xc0\xdfPA\xd5\xf6\x00\x06\xc3\xce\xb0\xe2\x8a=\x84\xe6\x0b,\xa3K|\xb1X\xfe\xaeb\xdf\x83$\xc7\xd5\xf11Okx/\xe7\x14\x8a\x98? \xba\x9b\xd8D\xa5\x9eeU\xb3\x01hQ\xf9\x95I\xc0\xafx\xe5\xce;\xaai\xa8\tx?D\xd6h\xb7A\n\xb5P\xc2\xdd\xcf\xf7\x94\xc8\xc96Q\xcdKA\xe9\xd9\xc3&gt;\x9c\xa2\xfax\xd5\xceb\xf5d~\x9c\xe1S\x1a\x01\xc6\xbeu\xacN\x15\xf0\x0f\x97\xf2^\x83\xc1\xd0\t\xcb-`Y\\\xde\xc8K\xa2\xd2\x97Fd\xc2\x16\x8e\x92X\x96\xcc\xba\x94\xb3\xfc\x9b\xf7\xd5ZB\xc2~\xa5\xaez\xa3CP\xfb\x93}\x11\xe1\xdbV}\x8c\xf6to\xf8\xad\x99\xe8\xa4QVj\xfe\x1b\xff\xf3\xe4.V=\x93,\xa8k\xea\xe5\xb3\xec\x06`\t=b\x9f\xa9\xe2s\xb0\xdb\r\x89A\r\x7fB\x10\x9e\xb2\xd9\xc2\xf4&gt;k\x13h\x870\xd2n\xd6\xe6\x06\x83\x81\xc6\xa2\x8b6[\xa3\x8c\x89\xaa\xb6|\xefP\x0cy\xd2\xa3\xaf\x97qn\xc5\xe4\x1b2y\x87|\\/\x8d\xae\xbc\x02\xe0\xce\xcd\x98\xf0\x08J4\xae\x1c?\xb4m\xa5k\xfc\x89/\xd63b$\xd5\xffu\x9b\xf3o\x8d%\x1eL%l\x9b\x9c\xeb\x8cP\x91^gf\xd7\xdc\x000\xd0\x0f\x7f\x99\xf3\xf2\xc50,\xf6\xbe\xf32\xadG\xe6\t@G\xd5\x95\xc8\x04C\xafiw2\xa4R\xb5\xf56lm\x83\xc1\xc0\xe3\xb2]\xabd\x06\xf8\xeee4^K\xaa\x85,#\x9c\x8b\xa9Z\x87\xdc\x00\x94\xd7@\x02\xf4/z\xc2\x97:b\xf5\xaa\x8a$m\x8d\x1e\xc3\xf1\xe6\xe5\x9a\xf4y\xbf\xff\xe3U\xe0\x87\x85\x1b\x00C\x06gY\xd0\xf9\xb71#M\x1f\x97\x057&lt;\xdf+\xfc{&amp;5\xcc\x8a\x80\x97a\xab\xf3S\x0e\x7f6\xfd;+Q\xf2\x81\x08\xf7:0y\xb9\xbcO/2\x06\x83aO\x90E\xb1m\xa4\xed\xf9YDn\x03\x90\x11\x13\x8f\x9a\x8d\xf2\xcba\xd4[\xf4\x16P\xe2G\xe7\xfc\x15\xe9\x06z}=\x92_\xb6p\xf7/\xea\xab\xffOm\xc2\x877\x88\xae;\xa5Fee;z\x95;\xc3\xdca9\xce\x95\xf4r\xc1D&gt;\x1c\x9c\x1f\xc8\xdc\xf1pa\xba\x8e\x88\xf7\xec\x18\xe7\xa7\xdf\xfc\xd9\xec2\xe4\x1eMpya\xf5\xb1\x04\xda\x9f\xb9\x0e\x0b\x83\xc1\xb05$k\xd9K\xf8\xcdD\xf2\xea)\xb5\x830\x85+8\xa7K\xcfE\x10\x96\xe9\xaa\xbe\xc9\xb3\xc6\xb6\x83\xeah\xa5L\x05\xef\xe2\x8a\xca\xea?\xa9vc\xee\xbd4Fs=\xfa\xf0\x93\xb6\xb7D|\t-\x06/\xaf\x95V\xe5\xc0\x98\xdb\x00\x1c\x1a-\xecQ\xc9h\xef\xe33\xd3\x06\x00\xe7\x8e\xe3\x92\xb9\x86\x82y\xc9\x00\x8bbl;K^#-\x8a8\x15\xcai_-n\xf8\x81\xee\xb4G0\x83\xc1\x10 \x11\x11\x9c[\xdb8\xdaW"\x9bE\xa6\xdc\xa6\x17\xba\xfe#\x11ZrB\xe3T\x94\xf0\xfc\xdbf\x88\xbc\x95\x14\x15I,:Q\xd3\xfb#M\xb5T\xe0\xfbj*Br\x0c\xe4\xa8\x9a\xc9\xf7E\xf7\x11+V\xdfq!\xbc\xc9\xf9|\xeef\xcf\xaf\x8e\x11\x156\xc1Q\xc0TJ\n\xba\xdc\xbc\xd0\x9f\x8b\x96\xa7Tv.\xca\xc5z\x9d4Q\xc8j\x13\x1b\x80n&amp;5\x18\x0c\xbb\x02zG;+s\xe9)\xbb,\xe4\xfdh2\xc9i"\xe9\xa3\x96?t\xf9/\xee\xc6\x91%\x03Q\x81\xcf#!\x98\x99\xb2\xe6F#\xdf\x16\xd82z=\xcfi\xb9\xf3\xfc\x08\n\x8a\xbc\x90B\x1b\xd5m\xd0\x81\x0c\xce\x87\xf7\x1a\x1aDc\xcc\xbc\xa9\x85N\xc3I\xa3zD\xfe"mb\x10\xd5\x06f\xbe\xeb4\xc6\xa9\x7f\x0b&gt;\x9d\x10\xcd\xceq\xc5|\x83\xc1\xd0\x04\x18}X</t>
        </is>
      </c>
      <c r="E830" t="inlineStr">
        <is>
          <t>&lt;class 'numpy.ndarray'&gt;</t>
        </is>
      </c>
    </row>
    <row r="831">
      <c r="A831" s="1" t="n">
        <v>829</v>
      </c>
      <c r="B831" t="inlineStr">
        <is>
          <t>steps_per_sec</t>
        </is>
      </c>
      <c r="C831" t="n">
        <v>9300</v>
      </c>
      <c r="D831" t="inlineStr">
        <is>
          <t>3.111238</t>
        </is>
      </c>
      <c r="E831" t="inlineStr">
        <is>
          <t>&lt;class 'numpy.ndarray'&gt;</t>
        </is>
      </c>
    </row>
    <row r="832">
      <c r="A832" s="1" t="n">
        <v>830</v>
      </c>
      <c r="B832" t="inlineStr">
        <is>
          <t>Loss/RPNLoss/localization_loss</t>
        </is>
      </c>
      <c r="C832" t="n">
        <v>9300</v>
      </c>
      <c r="D832" t="inlineStr">
        <is>
          <t>0.06786223</t>
        </is>
      </c>
      <c r="E832" t="inlineStr">
        <is>
          <t>&lt;class 'numpy.ndarray'&gt;</t>
        </is>
      </c>
    </row>
    <row r="833">
      <c r="A833" s="1" t="n">
        <v>831</v>
      </c>
      <c r="B833" t="inlineStr">
        <is>
          <t>Loss/RPNLoss/objectness_loss</t>
        </is>
      </c>
      <c r="C833" t="n">
        <v>9300</v>
      </c>
      <c r="D833" t="inlineStr">
        <is>
          <t>0.004474506</t>
        </is>
      </c>
      <c r="E833" t="inlineStr">
        <is>
          <t>&lt;class 'numpy.ndarray'&gt;</t>
        </is>
      </c>
    </row>
    <row r="834">
      <c r="A834" s="1" t="n">
        <v>832</v>
      </c>
      <c r="B834" t="inlineStr">
        <is>
          <t>Loss/BoxClassifierLoss/localization_loss</t>
        </is>
      </c>
      <c r="C834" t="n">
        <v>9300</v>
      </c>
      <c r="D834" t="inlineStr">
        <is>
          <t>0.07260197</t>
        </is>
      </c>
      <c r="E834" t="inlineStr">
        <is>
          <t>&lt;class 'numpy.ndarray'&gt;</t>
        </is>
      </c>
    </row>
    <row r="835">
      <c r="A835" s="1" t="n">
        <v>833</v>
      </c>
      <c r="B835" t="inlineStr">
        <is>
          <t>Loss/BoxClassifierLoss/classification_loss</t>
        </is>
      </c>
      <c r="C835" t="n">
        <v>9300</v>
      </c>
      <c r="D835" t="inlineStr">
        <is>
          <t>0.026358273</t>
        </is>
      </c>
      <c r="E835" t="inlineStr">
        <is>
          <t>&lt;class 'numpy.ndarray'&gt;</t>
        </is>
      </c>
    </row>
    <row r="836">
      <c r="A836" s="1" t="n">
        <v>834</v>
      </c>
      <c r="B836" t="inlineStr">
        <is>
          <t>Loss/regularization_loss</t>
        </is>
      </c>
      <c r="C836" t="n">
        <v>9300</v>
      </c>
      <c r="D836" t="inlineStr">
        <is>
          <t>0.0</t>
        </is>
      </c>
      <c r="E836" t="inlineStr">
        <is>
          <t>&lt;class 'numpy.ndarray'&gt;</t>
        </is>
      </c>
    </row>
    <row r="837">
      <c r="A837" s="1" t="n">
        <v>835</v>
      </c>
      <c r="B837" t="inlineStr">
        <is>
          <t>Loss/total_loss</t>
        </is>
      </c>
      <c r="C837" t="n">
        <v>9300</v>
      </c>
      <c r="D837" t="inlineStr">
        <is>
          <t>0.17129697</t>
        </is>
      </c>
      <c r="E837" t="inlineStr">
        <is>
          <t>&lt;class 'numpy.ndarray'&gt;</t>
        </is>
      </c>
    </row>
    <row r="838">
      <c r="A838" s="1" t="n">
        <v>836</v>
      </c>
      <c r="B838" t="inlineStr">
        <is>
          <t>learning_rate</t>
        </is>
      </c>
      <c r="C838" t="n">
        <v>9300</v>
      </c>
      <c r="D838" t="inlineStr">
        <is>
          <t>0.039454855</t>
        </is>
      </c>
      <c r="E838" t="inlineStr">
        <is>
          <t>&lt;class 'numpy.ndarray'&gt;</t>
        </is>
      </c>
    </row>
    <row r="839">
      <c r="A839" s="1" t="n">
        <v>837</v>
      </c>
      <c r="B839" t="inlineStr">
        <is>
          <t>train_input_images</t>
        </is>
      </c>
      <c r="C839" t="n">
        <v>9300</v>
      </c>
      <c r="D839" t="inlineStr">
        <is>
          <t>[b'1024' b'1024'
 b'\x89PNG\r\n\x1a\n\x00\x00\x00\rIHDR\x00\x00\x04\x00\x00\x00\x04\x00\x08\x02\x00\x00\x00\xf0\x7f\xbc\xd4\x00\x00 \x00IDATx\x9c\xec\xbdy\xfc=?U\xdf\x9f\xf9\x82\xb8\xa1\x05\x17\x90\x82u\xa3\x82\xb8aE\xd4"\xa8h-X\xd1\x9f\xa8E\xdc\xc0\x05\xb7\x8a\xd2Z\xa1P\x04\xad\x15\x10WPQP\xeb\x8aKQp\xaf\x80XTT\xc4\x15\x11Q\xa8\xc5\x15EE\x14\x85\x8a\x0b\xe7\xf7\xc7\xbd3\x93\xe5$9INf2\xf7\xbe\x9e\x0f\xfcz\xdf3\xc99\'\'\xc9\xc9If\xee\xfd\x18\x03\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d\xa0\xbd\r\x00\xf5\xd0\xcc\x8e&amp;\xec\xa4\xf7\x07v\xd2\x1b\x85\x88\xcc\x9e\x1d!e\xef\x01\xd3\x91\xb9i\xf2\xd6}gGk\xcc\xd9\xa0\x84=U\x1dA\x12\x84\xa2X\xe1&amp;&amp;\x8ak\x8bP5{+\xac\xfb\xd9\\u\xab[\xdb\xc7--"\xb9[d\xeek5\x84(R\xd2\x0f\xbc\xc2\xd6ye&lt;E\xe6\xf5\xdd\x92~\xc5\xbc\x93C\xbd\xac\xc7x\t\xac\xb9\xb9F\x9d\xe4gk\x01\x00@\x14D\x8dj\xe0\xba1\x19\xb6Sbi\xc1%\xb0\xa6S\x97M$Y+L\xbf\xc2\x91\xc0K#\'\xc9\xcbZ\x13\xd3\x96\xaf\x98\xde&lt;\xf8w?*\xd1\xd2\xc0\x12\xb2\xfe\x97\xc2Mm\xf3M\x96\x88re2\x05&gt;\xff,\xc7\xc9\xf2YE1Q\xac\xd2\xe5J\xac\x98\xfdglP\t\x1ae\x8c1\xcf\x8aW\x01\x00\x80(\x08\x1c-\xc0uc\x82NQ\x06\xfe\xb4\x083\xb0\xaf?\xa5\xc8E^\nB\xc7*\x93\xcf\x06c\xa1&amp;[@\xd2\n\xae\xe2\xe9:c\xc3\xf2\xe1m\x13b\xc3\xeb\xb7\\/\xa6N\xc7\xc9\xdd\xf6\x18\xf7\xf9\x9e\xb0\xb1q\xd7\x85\xc7\xf9\x14VJ\xd8\x93p\x97\xaf+f\xa4+-T\xc7\xb7\xee\x07\x99\xc2\xb6\xd0\x847\x00\x00\x80\'\x1bL-&gt;)\x1a\xfe\xf4\x8c9N,\xcb\xafC\x17\xc5U5\x16\xd8\x1c\xb9\xdf{\x0c\xdap\xe2\xebha\x0e\xcemu\xd1\x03~IN\x1c\xabs\x9e\xd7\xaf\xf5\xeb\xfe\x9fY EXJ\xbe\\\x9a\x9d\x93\xf9\xe5T\x81\xa0\xfa\xc7\xc4T{\x12\x02\x81?\xb8^\x8cl\xcc\x189\xc1\x15\xb7L\xbai\x8c\x19Yo$\x0b\xc4n\xa5^|J\x1b&amp;/\x0f\x00\xb8\x16\xc4\xa1\xe1\x1c\x04\x0f\x9d\r(r\xfc\xa8\xfaG\xc7\xd9k\x81]\x91\x0e\xf2]\x86S\xe6\xc8`\xf8\x19\x9a0\xcf:\xb7\x8e\xbf\xde\xe3\x06\xa2WK\xb5\xda\xb5\xe6\x1c7,`\xacL\x9aOX\x1fN\x99\x02\x9cZAC\x8c1\x0fZ\xff|4\x91/\x9f\x8cy_\xcfT\xeb\xf3M\x85\x1e0\xf7\xe0_\xf8\t.f\x9bf\xc2=\x9b_%"&lt;\x90\xe97\x96Q\x9a\xb1\x84\x91\x86h\x0f\x00\x00:\x08\xd6\x83#q1\r\x01G\xa0q\xb0]\xc0X\xf5_\xb0\xe1\x8a\xd0\\\xf2\xfd\x82;d\xbe\x99\x7fYH\xe6\x1cO\xa9\xb4"1\x07@\xab\x19\xc2c\xf2\x98"\xb7\tN\x8b\xc2T\xf8\x16\xee\xdd_\xf2\xdf\xd2y~L\xf8b\x00\xaf\x8b{y\xc9\x10\x99w\xa7\xc0i|\x0b\x9cm\x9b\xbb;\xf5\xda\x1e6\x8a\xeb\xcf\x98K\xa3\x96\x84\xd7sf\x03\x00\xc0\x16Xa\x88\xe8\xcb\x14\xa3\xd2\xe6\x01.\xbb\xd4\x1d\x8b\xe36\xe4\xc1\x87\xb5\x1cD\xb8\xa2\x0e\xf5\xb2\xd2\xd35\xef&gt;[k\xfd\xc3}SF\xae\xf4_I\x0f\xb6\xe5MX\xffL\x94\xb6c\xb5\xd7\xf6t\x06\xecI\xf6\\\x97pB \xc1\xde\x00\xac\xf7\x97\xe2\xcc&amp;\xc7\xaf\x12\xf5BP\xd1)\xc2\x1a\xb5^\xbb\r\x99\xbf\x8e~\t\x84\xd7kIc\x95\xda\xf6\x03\x00\x00\x83 \xc4(\xeb\xea\xa5q\x93Vt\xb4\x1f\x14R\xd3\x11\xe7,\xe41},\xda\x9da\x87\xa5\xa8\xa7\xae}Z\xa5\xden_\xef\xb85\x88\x88\xfeA\xfc\x9a\xc7\x9a\x07\xeb\xc4\xb15\xabN\xdal\x17\xb6\x8aZ\x89\xb8s\x85O\x82#\'\xe8\xb9\xa4Y\xbe\xe8D\x8a\xd1\xe9\x9eW\xd2\xfe\x83\x15\x16-\x9fa\xde\x84\x94\xd8\x1cI\xf4\xaf{6\x01\x00\xb2h,\x03\xc5\xea\xe8\xd8\xdf(8\xae\xe5\x17E\x98\x19\x94\xd4\xdbt\xd8oCm\x8bR\x87\x97\x82\xf2"\x15\x97\xe7\xed,\xf7l\x18c\xf2\xf19\x97\xfc\xfa\n\x1d\t\x91\xe6\x8b\xdc\x17Z\x9e\x9c\x1f\x15\x02\x9b\xfd\x17o\xf8\xec&lt;\x9a\xd3\x17&lt;. ?G\x17v\x04\x19s3\xb6qA1\xb6nD\xe8j\x8f\xc0\x0cw\xf7\x92.\x8a\xc5\x08\x80\xce\\\xdf\xd2\xd5\x95\xc7^h\xfa\x05\xb6\xc5O\x0b*\xaa+Z\xf3\xe3W3\xa4\x8f\xd1L\xd9\x11C\xc3\xf8\xb1%\x14\xdf\x92\x89\x95Uw\xc3i[he\x12\xe8\xf5O\xe9i\xb4\xa0\xcc\xdd\x02\xe1\xc6\xca\x8f\xe7+LN\xcf\'\xfa\xeb\xff\x98\r\xc0?\x08\xa3D\xc1!}D\xa0m\x8c\xcdW0V%\x85\xcf\xc5\xd2\xe53ws\x8a\x00\x00\x02$\xb1\x0f\x14\xd1\xbe\xee\x82\xeb\xc4^\xf3\x96\x95\xb2-\xe9\xd1@\xba\xba_\x06\xf1f\x0e\xe3\x01Qw|J{\xaf\r\xd2\xef\xe7p*\xce2cb\x98\xdczI\xbbo\x91\x17\xfb\'\xa5\xf2\x1d\x83_\xbc\xbe\x0ed\xfco)|\x82\x9d^{\x16\xc6\x94\xb8\x9fs\xc6\xcb\x9d\x16M\xd09\xcf\xbb\xef\xf3\x10\xd1/\xa7\xd3\t:;\xfc\xf4G\xfa\xa9B\xec\xc9\xc6\x18c\x12\x80\x8b\x00\xd3\t\x80!\x99\'\xe6\xfe\xd3s\xe73\x02\xc4(\x0f\x89CZ\xd3e\xb3\xe4\x82\xa3x\xfe\x8e\xa9\xe6$\x1aK^\x99\xd53K&gt;*\xf1\xd2+\xa5\x0e\xf7\xb5p\xd3g1\x80\xb1\xd3\xa9\xcbk\xf1\n\xb2\xe6\xe4[\x14oJ\xe4M\xc2\xc4`\xf8}c\xee\x9d\x1bo\xe4\xf5\xc5\xb9\xf9\x7f\x9dj,\xeb:\xf3\xc2Q\xc6$\x00Gg\xbf(?\xd2\xea\x02\xb2\x1c(\t\xebi\xeafN\xc0\xa3\xb9\x05a"\x1b\xc9\x84\xca\xdcx\x00\x9f\xb3\x89QX\xa6y\xe34\xa0+\xa2]\xcc\xb77\xd8\xc3\xb8e\xc2,&lt;\xae8Yl\x96\xc3J\xe6V\xd8_\xc8I\x93\xfdz\xe9\xb99\xbf\xc5e\xc9mx\xcedv5\xb9*Y\x81\x9ed\xb6R\xad\xf9\x00\x00!\xad\xebD\xbd\xd6\x8d5n\xab\xee\xd2\xd8m\xa38\x16\xf0\xc0\xa0Ds\x88+\xddG\xedw\xb2\xd3\x91\xcc\xeb%l\xce\xda\xdf(O\x05\xb97SIs\x9b\xda\xc8\xb6\xa7D\x82\xc4\xaa\xdf&amp;\x9f\x84=%\xaa\x9d\x8a\x1bu\x16\x00\xe0\n\xd9&lt;\xbe \x96\x01\xb0\x1d\xf1C\xc4+\x9c\x89/3\xcf\x1a\xac\xd5\xddc\xaf\x17\xde\xf7\xcb)\x99\xfd\x00\x19\xf3\xe6-\x12#z\x1a\xdb(\xad\x1e\xe4\xffQ{\xe4\xaa\xcd_\x8e\xd1Y\x00\x80k\xe0A\xdb\xc6\x17\xe9\x91\x0fB\x1e\x00\x00(\xb0\xc6\xd2/\xed\x9eP\xde\xf2\x94\xb6\xfeA^\x05\xf3\xde\x8b\x1e-\xcf\x16"\x8f&amp;\xfe\xcf\xf2:\xd3r7\xf7\xaf;\x07\x92+\x8c\xb9\xca\x8d:\x00\xbbr\xc0\x9d\xf7\xad\xf76@\x93Cy\x1e\\$\x91&lt;\xe0\xf8`r\x81\xae\xe4VO\xe6]\xa0\r\xac\x92@D\xe6\x01\xcc\xc4w\x8e\xf9\x19\x83C\xfb\xd9\xaf\x1ftj\xe6(\xde\x03\xe0b8\xdc\x06\x00\x80\xcbc\xb7\tx\xa9\xd9\xbf)}\'\xe1by\xab\xa2\xd6i/\x07\xf7\xdc\xf6!g\xd7\xb5\x8c\x15.\xff\x92\t\x19\xf3\xcd\xca\x16UC\xe4\xbex\xb3~%W\xa5\xbf\xaaBJ*\x15\xb9\xc7\xbc\'i\xb7\r\x00\xb0\x80\r\xc0v\xc0\xd5`4\xf6\xc8\xfe{\xaa\xbb\xfbE\xcd/\x8d\xedYY]\x89\xbaa\x83\x18\xf5M\x133\xd1{X\xb7\xc48\xbb\xeb\xe3\xa2?\xba\xdf"\xb9\xce\x18\xe7\x11DpW\xcf@\x00\x801\xa6{\xd0\x04\x0e\x88b`0\xb6\x7f\x02\x80) E!\xef\xe9\xf0+\xa8\xc3\x06\xb1\xfd\xd2\xc4\x9c\xdeQ=v\xc6\xff\x19\xd3\xde\xda8Ev\xde\x7f\xb9\x8f%\x01\x00W\xcc\xe0+\x01\xb8:p\xb4v\xc1\xb0\xafh\'\x8a\xbb\x83\xe1\x88\x03\xe39\x07\xb4y\x04\x88\xe6\xd7\x99z8\x10/\x1a\x00\x00\x00\xb8$2K\x1a\x16&lt;\x96\x01\xdd2\xa0I=\xf8F"2\xe6\xe1\xf1\x02\xce\xeb\xe0#flD\xc6\xdc&gt;y\x7f&lt;\x9b;r\x98\xc6\x0e:\x9c\x00\x00\x00\\\x17ZK\x11\x96\xb4\x8b\xe0jR\x13\xf9\xf9\xee\xb0G\xb6%O0:YP\xa1\xa2\x8bU*\x8d\xdd\xaa\x8b\xf3_\x9f\x18p\xb0\x01\x00\x00\x00\xb5H\x13\xa9Q\x97\xc0!\xb3@m\xae\xa1\x8d\xc6\xc8\xb3\x7f3\xe8\x91mv\x8e\xdct\x03\x1bh\xfe\t\x1d\xf9\x84\xed\xe0\xc9\xd1\xba\xa6\r\xee\x8b\xbfE\xf55\x8d\x01\x00\x000 \xe3%%\x19\x84\x0b\xdb\x90\xf9\xd6\x891\xad\x02}\x19r@\x0eaO\xec\x97j\xb6\xb4\xa0\xfe\xeeNt\xf8\xa1\x11\xb2?\xdc\xa0*\x1a\x80\xab`\xbc\x10\x0f@\x82\x1f\x9b&amp;\x1dA\x9b\x8d\xfci2\x93\xcch\xad\xa6i3\xa8Y-\\A\xdc\xbb\xc8\x06\x0e1\x14\xa7\x0f\xd9{\xaa\xc6\xd5\x97lJ\x8e\xfe\xc3_C\x0c\x06\x00\x0e\xcc\x15,\x84\x000\x0c0\xf2w7@\xc8Q\xec\xbcr\xfc\xdfM\xaf\x15\xb3\xbe\xe22\xc0\x1cYx\xfe\x98\x07\xdb\xdb \xef\x08"2\x1f%\xdf\x02\xec\xeb\xd2\xeb\xedP\x00\x00\x00\xd7\xcc\xa0/\xfd\x83\xa3\xd3\x92\xbb\x0f\x96\xf7\x9fQ3i\xc8\xd6\xe5\xf8\x9an6\xef\xe5\x8aF\xbd\x88\x9c\x00\x80\xcb\xe7\xfd\xf66\x00t\xa4\xcfW\x03\x7f&amp;W\x00\x0c\x9a\xe6\xc6(\xfd\x8d\x94\xe6\xdfT9\x8cg&lt;\xb2}\xaa\xf4\xee\xfe\xa6\xfe9\x1b|\x9c\xe1\xba\xd2\xed\xb7\x8f\x0e4y\x01\x00\xa0\x06D\xbanl\xe3\xd5\'l\xa2\x05\x14s\xb0iUjm[\xeb\x0e\x1avf\xb33?7\xd9\xfe\x8b\x93[\xfef\xe5\xfe_8\x1e\rx\x03\x00p\x1d \xd2ua\xa3%&lt;\xdbw\xe8\\\xc0\xb0\xf3\xa8X\xb3d\x9d\x83\xe7\xc2\xb96\xfc\xcbK%\xdf\xb3\xcd\xfe\xf8}^\xd7\x05\xe7\xbb\x97\xda.\x00\x8e\x82?\x03\x7f\x10s\x12\\&gt;\x18\xe4\x00D8o\x8f\x15\xe7H\xe9\xfbKU:\x0e\xf7\x9e\x8c\xf8\x85\xa5\xc3%\xca\xa2\xbe8`\xbb\x00\xb8(d3\x10\xb3\x14\x80n`\x15\x04\x03\xb1\xfb7,1\x1d\xce\x1c4\xfb7{\xbcE\x86\x7f\x07\x00\x80bd\xbfP\x8e\x1f\xdc\xed\xc7\xf1\x82;h\xe7\xf7\xed\x132L/0\x0ed\xdem\xcf\x98D\x98\x0f\xdb\xa3\x9e\xacO\x93\xf0\xdf&gt;\x01\x00\x80\xab\xe6SG&gt;\x03&gt;\xe2\xf9\xd3\xe0T\x1f\x8f\x1d\xf48\x10\x1c\x08"2\xe6\xbbvT\xbf\x9b\xea\xe1\xa0\xe5\xdfd\xd8\xdb\x12\x00\x00\x00=\xf8\xd2S\x94\xff\x1f{\xdb\xc1\x83\x8cS\x17$\xf1@\x17\xe5\xe1\xb4k\xc6\xf9=\xc8w\x01\x00\x00\\\x0fH\n\xaf\x07"z\xc9v}\x8dA\x05\x00\x90s\xa0\x88q S\x01\x00 \x026\x00WB\xd8\xd1\x9d\xbb\x1e\x83\x8a\x01s\r\x80\xe3\xf3\x94\xbd\r\x00\xe0\xda\xb9\xff\xde\x06\\\x02\xd6\xaf=\xb0\xa9\t\xb6\x07\x97\xc0\xa9\x8b\xdf1\xec\xca_\xee\xd5\xb9\x186i\xb0\xf1\x8e\x03\xb7\x00\x00\x00`\xc0\xf2\xa0O&lt;\x1d!c~ikk\x806\xc9=\x1ePG\xf4\x03\xc7\xd8\x00\xb0&lt;\x91\xa8\xdf\xbe\x14\x00\x00\xc0q\xf9\xfe\xbd\r\xb8\x1c\x96\x14\x04\xb9\xc8E\x83\\s;R\x1b\xado \xf3m\xe8\x888\x87\xfd\xedy\x83\x10\n\x00\x00\xe0@\xcc\x8b\xd6Q\x17\xdd\x9e\xbc\xf7\xde\x06\xa8\x11v\xee\xf1\xfe\xe1\xd2\x8b\xa0\xe1!\xccUt\x96\xe4\x1f\x9f:\xee\x0e\x01\x00\x00@\x00\x02\xfa&gt;P\xe4\xf3h\xa8\xd9\x86\xd4\xe1\x04\xfc\x00\x86$\x9f\xdc\x0f\xba\x01(0i&lt;\xe3\xb7e\xd0\x1e\x04\x00\xec\x04\xc2\xc1X\x84?\x17\xb3\x97%\xba\xda\xf7h\x08\x99w\xc8+\xdd\xd60L\xb7\x9dA\x0e\xd4\xc4\x07\x8f\xe5\xba\xc2\xde\x1c\xcb\xf8=(\xf7\x00\xbe\xbf\x04\x00\x00\x1b\xb2\x06\\$+\xf5\xc8\x92\x83\xcd&lt;|A\xa9\'\xcd\xffk\x10\xb1\x93+.\xa8\x17\xbar\x0c\x17!\xfb\xef\r^Y\x04\x00\x00\xe0\x83D\xaa\x94\x8b\xf1\xd8\x11\xd2\xe8\xf8\x16et\xcbY\xb6\xb3\xf9\x08\x9d\x0b6Be0\xb4\xfe\x0c\x1aF#\x00\x97\x0e&amp;\xf9\x80l\xd0)\xe1\t\x13F\xc2\xf0\x1c`I&amp;\xf3g=\x8c\x1c\xaa\xe1]\x1a\x88\xec\x1f,(\xed\x061\xa2\x00\x00\x00\\=H\xb0\x86\x84\x88\xc8\xfce\xfe\x8b\xb0\xdbX#A\xd7\x18\xb2@\xc6V\xcb\xe5\xb9n\xd8\xe6\x0ck\x18\x00W\xc9P\xab#\xe8\n\xfa\xba\x9a\xbe\xae\xdb\xa8_\xfe\xf5&amp;Z\xb6\xc0M|\x8fE\xaf\r\xc0\x01]\x01\x00\x00`,\xb0\x90\xe80\xde\x92\xbc\x87=\x8aN\x18\xce\x9f\n u\xab@x\xe6}\x05\xdf\x86D\xf6\x0fB\xbeyo\x03\x00\x00\x17\xcb\x95/6\xf8\x15\x8b\x9d\xf8\xcd\xdd\xfd\xa9o\xc0(\xd9\x1b\xd1\x7f\x98\xff\x9d\xbb\x9d-\xc9!Ny\xaf!3\x1e\xba\x8d#\xdb\x06\x00\x00\xa0\x1aDv \x05y\xc0\x9e\xbfo#\xc8\xc3\xac\\m\xf4\x9e\x92\x9fy#\x01\x05\x00\x00p\r`\xa9\x03\xa0\x0b\xed\xdf\xb3\xec\x90\x89J\xdfo\x11\x9e\x97\xb7\x1b\xb4\x19%\xce&lt;R\xbb\xae\x8c\'\xf7\xec\x9dw\xee&amp;yW\xb0\xa1\x05\x00\x84\xe0\xac\x0b\x80b\xc4\x07\xc9\xb2\xf9\x95\xf8\xf7\xb66\x7f\x1f\xfd\x17\xfa\xa8\xdb\xf5\x07g\xf0s7\x07$\xda_X\xb3\n!\xf3\xfad\x8c\xb9\xb3\xfe\x17?2\xd1\xc9\xd3\xf51\xf8\xe6\t\x00\x1b\x93\x9eo\x98\x8d\x9b\xe0E\xbd\x8b\xff\x96\xe1\x8e\x0c\xe1\xd8\xc2/Y\xa6\n\xeb\xaf\xd9\xeb\x7f\xb7c\xc78\xd3\xfe\x1c\xe6\xa2!c\x9e3\x9es\x90&amp;\xeac\x05%\x1d\xdf\x96\x86&amp;d\xff\x00lK\x97\xecA\x9dkX\xa1/\xbbu\x8d\x90\xb9\xa0\xbdha\xf6\xbfV)\xbdU_\xecR\\-A\xee\x99\r\x8c\x19\x14\xe9s*p%t\xe9k\xf9\x81Hx\xe9\x06]S\x00\xb8\n\xa6i\x9a&amp;Eqz\xa2,^i\xcc\xe5\xbf\xa6\xd8\xc7u\x97\x03i\x8eSUJw\xa7\xa7v\xc8\xe6\xddY\xec4\x99Hq\xe5Yq\xb2\x8a\x8c\xb9\xbdt\xbe}\x8f\xae\x01\x19\xfalN$=\xa1\x1a\'\x8f\x86\xa0\xed\x97\x1e\x9fO\\E#3t\xebi\xf1\x14\xbb\xe2\x99\x08\xc0\x15\x82\x87\x83W\xcc!\xba\xbe\xc8H\xf9\x86A\xf0\x9b\xf4B^\xbf\xec\xdb\xbdB\xc9\x97\xf0h.\xfeh\xe5\xf0M\xdb\x8eCLR\x00\x00\x00\x00l\xcd%\xe7\x07\n\xc9\xa2\x9f?\xfd\x92X\xaf2\xeb\x06\xa0\x7fJW\xf16\xd4\x86\x8ci\xd5\xb0\xc8\xdd\xf5\xb3yY\x83\x0e\t\x00\x00\x00Z \xd0Gy\xd8\xde\x06\xa8r\xe1\x1d\xbdW\xebz\xbd\x8c\xcb\xe6\xe5\xea\xc9\xfa\xee\xa7\xec\x03o?.\x81mF\x11\xb8\x120r\x00\xb8\x1c\x88\xe8\x81\xd7=\x9f\x13\xbf\xba\xb0qn\xb4K`E4\xf7=\xb0\xa7C\xd6\xf1\x16\xfb=\x90\x8b[\x80G~\xfep\x01l\xf7(\t\\\x03\x98\xad\x00\\\x0e\x83O\xe6\r\xcc\x1b\'\xa2\xed\xb6\x01\x18\xa3\xf9\xc7D\xf90\xde\x1d\x03\x1b\xf5\xcb\xbeS`\xf7G\x10\x9a\xbc\xf9p\r\x19\xfb\x15/p4\xce\x03\xe9ov6\x03\x00p\xf9`\xdd\xaa\xe0ud&gt;\xa9\xc5od\xcc;\xa9\x19\xd3\x93\xcbHk\x96\x0c\xb81Q{P\xe5\xe6\xa1:A\xbc\x04\xe7_\x01\xd8\x00\x00e0\x9c\x00\x00\xe0\xd28V\xaep S\x13\xf4x\xad\xbfD\xe0%\xf8\x10$\xd8\xef- \x0c\xadZ\x06\x8el\xb1\xb1\x84\x7f\x07\x00\x00p\xb5\x8c\x1b\xb2\xc1\xc6$\xbeX\x122)\xffK f*\xfb\xc9\xfc\xdd\x7f\xd2;\xe5\xa5\xcb\xd8\xe3u\x86\x82\x0f\x89B[\xee\x04v\x1fZ\x87e\x99\xbf\x1a\x9d\xa5q\xc4@f\xdeFN\x86\xffW)\xb0\x01\x00\x00\\-\xaa\xab]y\xbcVI\x95\xd4\x93\xd1\xaeX\xa6\x8e\xf9\x9e\xc3N\x9e\xec\xd0\x83R\xf7\xd6\xf4Bh\xed\xbaw:\xd0h\x1c\x00\xdeW\xb6\x0f\x894\x0e*\x86\x9bh C\xc34\x9a\x1f \x9d\xfe\x88\xcb\xc2\x06\x00\x00]\x10g\xaf\x95\xc2\x80=g]W\xfb{\x7f\xa1\xbf\xae\xa1\xd5\x1b!\x1eBZCm\xc2\xe1q\ty_\xd9\x1b{\x05\xcf\x1eiWv\xf0\x1f9\xd0p\xf54\xd5O(\xcfyG\xeay\x00\x00Pe\xd8\xb5ds\xc3F[VG\xb2\xe7\xf2\xf6]\xa27\x9a\xaa_4\xbf,_\x81\x91\xf8\xc3\xad\x15^\xd0`v\x7f\x8c\xf8r\xda\x05\x00P\xe7\xd2\x92\x9ef.\xdb\x1b\x97\xdd\xba&amp;.o\x03\x00\x00\x00\x00\x00\xc0p\xac\xa4\xa7\xd6\xd4\xc34\x10\xec\xcd\x0e?\xbar\xa0\t\x08\xb6\xe6\xb6d\xde\x83\x7fQ0\xcdE\xfdC\rW\xc8V1\xe1\xc6\xdb\xa8\x01\x000\x10\r\xf1\x82^`\x06\x11\x8d\xf9M&gt;\xcb0\xc2;\xc7@\x9b\x9e#*2\xd91\x88\x01\xcb\xb23\x9c&amp;"2\x93\x91/\x16\xcb\xaf\x07\x91\x99\x0c\x86\xd8\xe1\xc0\xda\x06\xc01\xb8\x80\x03\xbc\xb2\xe3\xa2\xb7\xdd\xf3\xdf\x1f\xbd\x00o\x83C\xd1{\xbc=\xbb\xb3|pT\xdc\x7f\x0f\xb8\xeeD\x9f\xcc\x97\x8c\xf9[[\xa3\x80G%\x00\x80z.!\xb6\x1e\xa9\t7\xdf\xdb\x80\xad\xb9\x84\x01\x06\x00\xa8\xe1\xb7\x95\xa6?b\x08C\xfd?\xa7\xbd\xdb?\xd3\x06\x008\x0e\xa7\x03\x86\xc1s\xb8\xde\xe6\xfd\xde\xae\xcd\x1f\xdc\xf9q\x0ej6\x18\x0ev\n\xe0\xec\xb3\x91X`\xc1\x89\xfb!p\x1f\xb0\x14\xd7\xbe\x99?}\xd0\xe3\x00\x00\xc0\xb0Mp\\\xb4\xfc\xec\x90\xe1\x98\xac\xff\x01\xb0\x1d\x9f\xc7g9\x18\x8a\xf5$r\xc7\xb6\xcc\x12l\xc1\xdaGwC7\x01\x00\x80\x18&lt;\xfdl\xe3\xb7\xf66\xa0\x1e\xa45\x00\xa4\xb1~\x85\x1d\x0c\xca\x18\x9b4\x0c\x12\x00\xc0~\xb0A0\x1b\x1c\x07\x08\x9d\x97\xc7A\xfc\x89~\xdf\x94\xab\xf5\xf6\x9f\xedm@\x96\xa7\xed\xac_m&amp;\xee\x9e\x04o\xae\xd2b{\xed\x9e\x15\xfb\x19\x00\x00\xb8r\xb8\xc3*+8"&lt;m\xc3\xe5\xf8\x19KZ7.\xde\xb1\xc7\xca\x87F4\xb5\xc6\x81W\x98\x86\xee\x9f\xfdG\x16Y,\xbb\x00\x1c\x9a\xf4\xbb\xa1#\xcf\xed\xe3.\x03\xc7\xb5\xbc\x82\xabj\xec\xf1@\xef4\xa0&gt;\xb61Y@\x84\x11\x07\xc6\xf6\xdb\x92\x1b\xb6T\x06\xc053\xe4\xbf\xac\xe5 \x8f&gt;Dd\xfe\xae:Ti\xc6\xb8\x8bX\xe3\xe5M\xb8\x80\xc6^2\xe3w\xcf\xc8\xf3E=B\x8e\xf9\xaf\x19j1rW\x8e\x0c\xd1\x98\xff\xd0\x16\x99`\xc4\xa2\x8b\x018\x12\xf3&amp;\xfe\x7f\xecmH_v\x7f\x84\xba\xa0\xf06ga\xdd}\x9f\xe4\x0c\xe2vpT\x9e?\xfa\xf8\x19\'\xb6\xc4\xd9\xdd&lt;2\x08\x05\xf5\xc0o\x00\x00m\x92\xc9(\x82N\x01Ek\xdb\xd6\x0b\xe1\xd8\xafr\x01ph.#\xaf\xdd\xa2\x15\n*.\xc1\xd5[\x11\xfaj/\xef}\xeaNz\x01\x00q\x06\xf8m\x81\x8d9|K\xbd\xce"\xe1/\x9c\xbe\xe6\xf0\r\x07{1@|\xd8\xdd\x80c#y\x068@/\x83\xce\x10Y\xdf\'\xde\xb8\xbb1\xba\x00\x18\x8f\xab\xda\x00\\hcuZ4\x96g\xf0O7\x0c\xc3\xfe\x03cw\x03\xbaAD_\xdf\xbfu\xf1\x84\xef\xdf\xf6Vm\x19\x00ZP\xfb\x11\xd5\xce\x8b ?\xd2\x04J1B\x00\xd8\x9a\xaf\xbe\x80\x9c\xb8\xe8\xab\xc0\x9b4\xf6x\xcfU\x96c\xa1\xfc\xe1\x90f\xbb\x82\xa7\x19\xf6gF\xd1\x91\\:0\xf7\xdc\xdb\x00p\xa6\xffYl\xe2\xc4\x97\xcc\x8b0\xa1\xc6\xa7\xa5\x8f\xb6\xee\xdf\xd8\xc2w\xb8\x05\x11\x80+ 1-os\x81\xd3u\xb30\xd4\xf8n\xd5\xe6\xb1\xf2\x7f/\xd6\xe6\xde)*jT\xbc\xe4\xdbr\xb7\xf2\x92/pL^\x0b\xf7\xbc\xe4\xbe\x1b8\xb9!6\x16\xcd[\x02\xfc\xbe\xd9\xe8\xa8x\xf57*\x84\xdc\xdc\xaeRa\x03\xb3\xe1\xdc\xe3\xd5#\x00@@v*\x1ek\xcb.\xb4\xd6)\xd6\xb3u\x07\xfcr\x85\xcc\xda\x1f.iTP\xf2\xb3\xe7=Fqg\t\x94\x89K\x82\xedy\x8c1\xcf\xab\xad{\x84\x9e\x1dx\xa6\x0bb\xd1\xb1"\xd5\x15q\xee\xb8\xd6\xde\xa9\xaa\xee&gt;\x8fUY\xce\x84\x120\x1a\x01\xe8\xcb\xd1\xd2\xd3\x0c\x17\xd6\x9ca\xd0w\xa9x-9\xdc\x0e\nt\x81\x88\xcc\x831\x0cZ\x10L%\x9d\x89&amp;\x112NW\x8ecI\x94\xb9\xe3v5u}\x86\xb4\xd5\xf7\xb2~\xec\x00]\x03\x00\x18\x97c\xa7\x8f\x9c\xe5?4_\xdc\xb0]]7\x00\xf9\x07P\xc7\xeeD0\x02\xbb\xe7O\xfbS&lt;\x89\xe6\xf2\x05\xb5NS\xf5\x87E/\x10\xee\xdf\x1dG\x89*c\x04\xc0\xb3\rc\x18\x03\x00\x00Y\xf6K\x1f5\x95\xda\xa2\xfe\xeeBrbI+\xb0\x01\x00J\\\xfb\xf8\xa9\xca\xb9\xe7\xaf\x03\x95h\x11M\xd816\x00\x07\xa2[\x00D/\x00\x00\x80&gt;\x9a?\xd9\xe6\xfdy!\t1\xf2\x00\x00.\x88\x83l\xd7\xef\xbd\xb7\x01\x85\xa4\\\xda\xe6\xea\xd1{\n\x00\xb0-K\x04\x1f&gt;\x8e_\t~\xf4?\xc2\x12\xbb-\xa7W\x0e\xe0\x13e\xde\x11\xc3\xec\x1aP\x8c\'\xc2W\xfb\xf6fd\xdb8"\xbds\x90\xed\x96&gt;\xd3\xde\x06\x00p\xb1\x9c\x02\xca4a\x96e\xa1\xadb\xd1f\x8a\x06\x81\x88\xcc4\x19q\xabOK\xe0U\xb9\xa8;W\x16\x07\xaem\x8a-\x9c\xe6\x9aF\xdb\xddTT2\x7f\x89\xe8j\x06\x98&gt;\x1dg(\x91\x99\x96\xb0\x8a\x0e\x02\x00\x00\xb0\t\xe7c\xad\xeb;\xd9\xea\xcc\xb1\xfcy\xb5\x03`\xcbV\xab\xe9r\xdf\xfe\xbf\xce\x8e\xeb\xc4\xd6\xfe$\x97\x0e\x1a~\xa2\x83L\x00\x00\x00\xd5\xdc\xf6\xf0\xcb\xf6\x15&gt;\r\x1f\x85\xdb\xab\xfc:8\xba\xef\xb0`\xeau`\x8f=U\xef\xec\x1f\x000":Q\x06\x0b\xf9A\xd9/\xdcc\xb4\x00l\xde\xc0`\xbcv\xf7\x85l\x8fD&lt;\xab\xeb\x0e\x98\xa7\x00\\\x1c\x91@S&lt;\xdb\x07\\\xc8\xed\xaf5w2o\xc0V\x97s\x01M\x00,x1\x03\x80Rv\x9f/\xa9i\xdbg\xc59\xd6?\xe2\x06\x00\xd0 v\xd2 \xf99\xa0\x8b\xc8}\xc1n`\xfc\xf4\xe6\x10\x0f\xf4\x077\xef\xfa\xd0\xfc]\xa0t\x01\x15E\x97Gf\xd3\xae\xed\xb7\x03}\xf3\xea\x86\xbd\r\x00\xe0\x828\xff\x98@\xec\'\x1b2?\xd4\x80\x9fq\xe8\x86$o;@\xbcNQ\xfe\xaf\x8d\x82B\xce\xbe\x1dy\x9e^E\x16\xc8\xb5\xf1\xe3\xc6m\xf8F\xa3e\xe0Q\xb9/\xb9]\x93\xa6\xe3\xacUF*v\xd8q\x0b\x00\x00\x17B\xeaHf\x8d\xda[\xa5\x11Dd\xcc\x1f(I\xc2\x12\xb2\t\x879\xfe\x1f\xda\xc2\x1e\x8c\xdf/\xed\x8c\xd7\xc0e\xa4\x8dfX\x80$\xf2kh\xe9v\xf6\xff\x8e\xda\x02\x01\x00\xa0\x84\xf1V =\xd6\xa6m\xb9\x01\xd0\x92t\xb9\xfd2\x18pu\x00\x1c24\x9dG,%\xffm\xdd1h\xb0\xb0hcy\x9d{o\x00\x80\xcd\xf0\x01\x11\x8c\x0b\xdd\x06\x83\x07\x1c\x07\xc4\xba-A\x8a\xb91\xc9\r\x00\xfa\x02\x00\x00@g\xf0\xe5?0&amp;Dtw\x0c\xbf\xad\x086\x00\n\xbf5w\xa1(\xf9\xa1\xeb\x8e\x0b\x13\x07\x00\x00\xba\xb3\xdd\xc9\xd9\xd61\xbd\xdb\xdb\xcfX\x9c\x80\x10\x0c\x95\x1d\xe0&amp;\xbeVG&lt;]I\x8e\x88\xce\xdf\xdf\x18wpn\xf2&lt;\'\xbd]\x04\x00(\xf3\x13vD\xc3\xe9\xac\xc5\xbe\xaex\xec\xae\xda{\xd1c\xf9$\xa2\xd7a\xdc\x0200\xa5\x13_\\x\xeb\xdf\xaf\xecw\x841\xfaoq\xbe\xc3\x06\xb6\x91!2\xaf\x18\xd8\t\x00\\\x1a\x8fZ\xe3\xce\xe81\x08\xcc\\\xcc\x0f\x89\\LCv\x84s \\\n\x06b\x80\x95\x85\xd7\xfe\x1a\xde\xaa]\xde\x98\xc7k\xfa\xcbrp\xed~\x00`\x070\xf7\x0e\xc41\xf3f\xe6\x9f\x9c;fCF\x06.\x05\xffwo\x03\\\x9aV\x96\xb5b\x87p\xc1J\xbb\x05f\xd0.`9\x00`7bs\x0fs\x12\x14\x12\x190\xde@B\xb8W\x00\x0e\x04.\xd2i\xb5\xed\xc8\x91\x1e\xee~]N\x86,\xb6\xb4\x81\xb3\xb0\x0b\xfa\x86\x18\x00@\x04\xa6\x1fP\x00q|\x1b\x06x\xb3\x02\x0c\x880\xd5\xde\xe3\xed\xf9\xfcpM[\x1e\xfd\x99\xcb\xaa\x98s\x8f\x98\xac\xd3#\x0b\x89\x1bUb\xdd\x90\xb9/6\x00\x00\\\x1e\xc1\x1c;\xc8\xac;\x84\x91\x8d\\C\x1b\x81\x12X/\xc11 \x95\x17\xdc\xd3\xbfs\xaf8\x17N\xa2h&amp;kT\xbb:\x99\xaeK\xe6\xca\x9b\x0f\xc0Fx\xd3l\r=\n\xd3/\x13+\xb9e\x00\xd3~\xe1=\xf66\xa0\x0bx\x98\x0e"`T\\\x00\xf9\x03\xf2\xf3\xe2\xa2\x94(W\xd4[jW\xa8\xeb\xb7&lt;\x8d\xbd\xf0m\x1d\xb4%\xde\x986\xb0\x03\x80\xcb\x85\xc2IdO\xbci\x12M\xb1S\x15a\xe1P\xd5Zq\xd6].J\x9f\xdaF\x81\x14\xcb\xe8\x82c\xf7\x80\x99\xef\x00$ \xa2\xc9\x183\xcfV"\x9a&amp;\xe3\xc7m\xaf\xfcdb\xc3l\x9d\xfe\xd6\xff\xc9m\xf1\xca\xb7\x84\xe8\x8a\xba\xfdc\xd7\xb8\xd3sv\x97\x19\xca\xc2\x1b\xf66\x00\x80C3\x19\x13\xfd\xb2T{\x94\xcb\x9d\xf5\x06\n\xa63#\xbc\xc7&lt;M\xc3&amp;\xa9d\xcc\xdb\xefmC%\x83z\x14\x00\xc0\xe0\x7fG?[A\x9a#NSy*\xe9\x97?/\x16U\x14\xd6\xdd\xe6\xb9\xf4\xb8\xc1q2\xe6w\xce\xff\x1f\x00pAh\xbd\xb3\x18^\xae\xad\x88\xb7D\x92\x14&lt;\x86\x1e\xcd\x87B{\xfeh\xec\xa7\xe1`\x1cv\x1c\'W2D\xdf3\xbc\x94{\x13\x86\xac\xff\n\x19\xf7\xcdOr\xb9\x9a~\x07\x00\x80(\n?\xc6&lt;l\xd0\x07=(\xe9n\x0c\x0c\x00\x06%3\x91+\xdf\x95\x1fv\xca\x9f\xbf\xb4\x80\xaf\xa5\x02\x00.\x80\x0f\xe3.\x16\x87\xb6%\x1a*}c\x18\x00\x00\x80\x042\xe6\x8d\xf7\xb6!\xc6\x85%\xca\x97\xd4\x16\x00\xc0u\xc3\x9ed\\V\xc8\x06\x03\x83\xb3\xb4\xad\xb8\xa87\x16.\xa9-\xed8\xd3\xe78n\xc1\xac\x07\x05dF\x0b\xbe\x04\x0c\x80\x0e\xa3~\xe1\x95\x05\xa9\xc0\x91Y\xbe~w\xcd\xd9\xc0\x16m\xa7\x8d\xf4l\xc3\x9d\xf76`(\x9cp}\x9c\xd0\xed\xaf2\x173:\x812\xf3\x19\x11F\x08\x00\xaa\x1c\xfb\xfc\xf5\xb8\x96\x03\x87\xab~\x0e\xd0\xb5\xe1d\xfd\xbbE\xfd\xb4H\xec\x10\x96\xebk\xc6\xb5\xa3\xeb^\x95\xa1\x85\x1e\xdf\x82\xee\x11\xa0\xa3p\xfb[\xd7Q\xf0\x04\x00\x80fvO\x14\x8a8\xd2\x93\x8ak\xc4\x1eK\x89_yZ.o&gt;\xf6\x86\x18\xea]\x1f\xb8-\xc2\xf7z\xacW\xf3m\xef\xaf\x18\xa2_.\x11\xdd1P-\xcd\xee\xdf\xce\xc3\x92\xc8\x98G\x07\xd7\xf0\xdc\xb8\x1d\xd7\x81\xd3\xad\xbb\xea\x99\x0e\xf6b\x02\x00G\xa0\xf9\x0b\x00\xdb\x85\xd1#\xedL.\x81fo?\x84\xf8\r\xc0\x7fr$\x07\xbf\xac\x07.\x8e\x92n\xc5\xaf\x08\x1c\x86\xf9\xe1Ry\xac8~\xff^\xeb\x10\xdd!Vc]\x00`&lt;6\x8a\x02H\x08vA\xb1g\xed\xb7P\xe61\xe3o\x0c.i\x03\xc0\xb5\x82\xae\xfc5\'9D\xf4\x9e\xf0\xd2qh\x18\xd2e\x15/m\xee\x1cp]\x0bb\xf5\xc1\xec\x07\x00\xe8\xb0i\x088Z\xa0\xdc\x15Y\x96\x99/\xa3\xe7sf\x03\x10\x16\xb9\xa4\xfcx\x83\x86\xa8\xcb\x7fSm\x81\x95|\x07\x12\x0b\x10P\x12\x1c\xc6\x0f#\x97\x91@\x1f\xdax\x00@\x03\xc7\x8f_\x95\x0c\x9e\xa7\x8a\xcd\xdb\xba\t\x92\r\x00\xde(\xdb\x8dOo\xf7\x86\x92?k\xe6\x17\xbar\x14\xea\xa6U\xb6Va\xd4\x1d}&lt;\x0c\xbe\x88H8\xba\xfd\x00\x009\xad\xbf\xf3p\x01!o\xe5b\x1a\xb2-\xd11\xb0\xc7\xf1\xff\xe5\x8cF\x1d&gt;\xb7\xa5\xb2J\xf7\x11\xd1-\x99\x91\xf0\x8d\x92\x8a\x8d\xaa\x81\x1e\xed\x1b\x00\xf6 \xe0\x10\xef\x0bQ\xfcg\xa9/j\x88V\xcdwu\x0f\\\x94K\x01\xb8P\xe6H\xf1\'5A9\x15h\xb0\xf0\x17\xf3\'Y\x8f\xddM]\xa7\xf6\xf1\x1e\xd8\x99\xb0\xb3\x8a\xde\xd0\xc8}V,/\x00\x00 \x00IDAT\xc9\xa6\xf8\x9f \xc2\xe5xI\xe1, "a\x03\x17\xd1&lt;b/\xa6;b\\|\x03\x01\x00\x19\xb6\x89\x02\xd1\xf5\xe0\xe0\xc9\xc1\xd0\xc6\x13\x911\x1f\xa6%,\x14\x9e~#\x08\x8c\x8c\x97\xe2\x94\xbd\xbeU\xfa\x8b@cO\x93a\x80\x97l\x98a\xb3\xd9K\x86g-\x08k\x00\x80\x0bf\xa3\xd4\r9\xe2\x1e(/\x96|\x0f\xee\xd5\xb3g\xbd\x18W\r\x9c]w\xce\xabz\xbd\x9f-*\x1c\xef\xc7\xef_&gt;}\x15\xfa\xba\x95\xa1\xe2\xf0C\x8ak\xec\xb2\x8e\x0c\xe41\x00\x00\xd0C\xe9\xa1\x7f^\xcbH\x0b\xcf\xb5\xb0\xc9\x06`g\xaef\\u\x98A\xee/;\xa9\x08d\xdf,\x92\xd5\x13\x15\xab4l8vl\xc8\xa1}\xb8\xc3\xa9\xfc\xd1F]gk\x0f\xe6\r\x00\xae\x00\xeb\xd9h\xf6\x9bX~=\xa1|\xb5\x99\x8f\xcd\xc0\x05p\xbd=xq/\x06\xe8\xcc\xc7\xe8\xcb`\x02\xe1\x1f#\xde\x81\\\x96\xe7w\xe5*\x82\xf0\xbf\x1a\xe4\xf5\xb3\x9dl\xe8\xd0\xc5]\x87\xcd\r\xfdD\x03p\x05L\xee\xbf\xca&gt;\xa5\xff\x91v\xf9\\\x9e\xa6\xc9\x14\xfe#\xde\xd1E}\x953Bh\x065\xd0\x95$\x10\x0c\xc5\x13A\xc2\x9e/\xcaO\xd3\xd4\xdc\xa2\xafi\xb2\xfd\x0e\xc6\xe4\x9dJD\xe9h\x06\x8ah\xef\xf4!q\x07\xe2\xaf\x86+\xa0\xf0A\xd3O(\x1b\xd5\x1e-\x89\x8a\xf7\xeaN\x17\xeb\x84\x97\xcb\x1c5\x00\x00E\xca\xdf*\x06\xc7\xe2\xb2{\xf6\xdc\xbaG*\xe7\xe5\x17\xeb\xb4\xa6\xaf\x83\xaf\x15S\xbf\x15v\xad\x1b\xcek\xe6Bz|\xab\xa1[\xfa\xd5|\x00\xc0\xb5\xc3&gt;\xb2__\x0e\xce\xd5\x8e\xfe\xb6\x0f~\xfd\x03\x1c\x1d\xe4\x9dBZ\xbeH\xe0n\x1e\xb6\xf9\x9dG00\xe7Q4\x0f\x89\xde\x13\xf0"\xe6x\xf9\xdc\xf91=\xcd\x87\xf7\x1e\x00\xd7H\xec\x9d\xddS4i\xc9~\xb4\x97\xf3MC\x8c\xddpD\xb7\x0b\xa5\xe4\xdb/\xef\xd78\x06\x0e5\x84D3\xf7\xe1\\%2\xe6\xa7\xd3\x82\x13\x1a[\xb6\x10\xac\xd0\xa4\x19\x87\xea\x91\x81\x08\xfd\xd6\xd3\x93\xd6\x97\xd4{*9o3\xfah\xb9{\x07\x99,\xa7\x9d\xd2\x1e\xdf\x90\xc6\x12\t\xc0eA\xc6\xfc\xa9\xc6\x06@TL{\xed\x07 Kn\xbc=\xdd\xda\x016\xff\x93F\xc6|b\x8b\x84\x8b \xe5p\xfd\x08\x90\x11\x85PS\xcc^!z\x1b\xbdX\x80l:\xed\x88\xb0[\x00@\x9f\xf8D\xddg\xb2\xb9\xcby\xd2\x06\xa2\xe7\xad\xb1\x06\xa1\xa1\x89N\x0b\xd8\xd5\xaf\x8b\xad\xcd\xe7\x1cx\xe5.\x8d\xa1\xe3\x16\xd5\x11\x8b\x9e:\xb1\xdb\x19\xcdVz\xabU\\\xe8\x08\xe9\xe3\xf6O\xba\xf6\xd5\x04\x00m\x92\x13u\xfb\xf96\xf4.\xff\xea\xd3Yp\xf1`\x84\x83C \x1b\xa8\xd7\x1a\xb1\xc3C1,^\x00\x80\x90\x86\xb8\xf0?\xb3\x1b\xfd\xa3&lt;\x1b=\x84\x91\xa3p\x90&gt;\xad\xa4\xb0u\x17\xe5\x8a/\xc0\xc34c\x8c1\x7f|\xd1#|\x17.\xee\xd1\xca\xb0K\x1b\xfb\xbceLS\x01\x00\x97\xcb\xf6O~\xcb\xd4\x15\x14\xee\xf7\x86\xcc\xd1C\xf3\x85\xbd\xa1\xfe\xf1%Ch\xd8$\xa0\x9a^\xcd9\xd4{\xd2\xbb\xd9y\x1c\x17\x15sYM\xb3\xbe{6b\xbb\x064\t\x00\x00\xbas\xa4\xd8W\x92\x15\x1d\xa9]\x87F\x9e\xa9\xec\x98\xd4\x1e+\x9dR\xfd\x9en\xef\x86\xef\xbaQ\x19\xb2[/\xe2\x9c"FU\xd3\x86\xec\xa6M \xe7\xf3\x91v\xf5\x00\x80\r\xd9!4\x8c{$\x93`\xe7\xa7\x10\xdb2V&amp;AD\xe6\xe6\xa1=\x8f\x96W\xc7\xfa\'A\xff\x87z\xc0\x96\x8c\xf7oQ\xa9\xa9\x14\xedm0n9\xf6\x9c\xce\xe8\x11\x00F\xc7zNj\xfe|3\x95G\xdb\x00\xc8\xb9\xd4v\xedEkVZp2\xaa&lt;&amp;\x8f7\x12\x0es\x8a\xfc\xc8\x16#\xb7j\xe0p!\x0e?\xc5\xd6\x82\xc4oO\xecn\x05\x00\x00(\xb2\xd3\xc9\x1f\xd6! \xa0}d\x16W\xbf\xe2Sp\xb7\xe1d\xe1\xfc\x9bMD\xe6\xd1\xc7\xcd&amp;\x8fh\xb3\x807\xcdw\x87F\x9c\xbfP\xef\x19ct\x9e\x87_\xb2\x7f\x00\x00\x17\xc8\xbc0l\x17\xbc\x0e\x9b=\x80\xadi\\\x95+\xaa_\xef\x06\xe0\xcc\x9a\xeb/\x19\xff:a\xad\x7fB\xfb\xb0o\r\x1d\xce`%\xfc\x9e\xba\xd5&gt;f\x00)X%\x01\x00\xfd\xa9[\xc5\xfd\x9d\xc3\xef\x92\x91\xe5\x04\x07L\x1a\xc0N\xe4\x87\n\xc6\x92\x1a\x14\x10/{\xab\xf6=\xc0\xa1\xe2\x00\x99\x9b\x1c\xc8Z\x86Cy\x9bG\xed\xe4\xe8\x10\xae\xd03\x92\x88\xcc{\x1f\xa1\xc9\x00\x00\x0ef\xf6\xea\x1e\xbf\xbdE\xa5(\xf2\x0e*\x8ey((\xe5\xb2[\xb7\x90h\xa3w\xebJ\x1c\xd2\x04\xef\x9f=\x9d\xc6&gt;\xf4\xf3S\xff\xc2\x9fZ\xba\xecap\xf1\r\xecJ\xb9\xebb\xde\xfe\xb2\xf3r\xf3\xd2\xa6\xef\x05]_o^Uc\x01\xb8\x0e\xd8\x85\xbcN\xc8\x85\xc6D\xe5ov^\xa8\x97|\x12\x83\x8a\x88\xcc\xb7^\xbe\x07\xf4\x18\xee9~,h\x88\xcf\xfey\x81\x17=5.\xbbu\xdd\xa9p]\xb2\x8a\xcez\xd7"\x04,\xc0\x93\x00\xec\n\x911w;}*\xafZ\xb9\xea\x1f\x8d\xd6\xa6\x1d\xd6Ku\xbf\xb9\xf4\xaaV\xa5:\x1c\xcb\xd5G &gt;\x80\xb9P\xe0?\xdf\x13W\xbc(.\xb8i\x9b\xf0\xf3\xc6\xfc\xfaV\xba\xd0G[\xd3~\x04\t\x00\xd8\x81\xf5,\xb0r\x0e\xdbG\x89\xef\xaal\xdc\x90\x1c2\x0f\xe0\x0c&gt;@+^;\xbc\x85G#=z\xd9$\xfe\xf4\xe7+r\xc3\xfe\xa27\x00\xb7Y\xe3d/:I\xbe\xbc\xbe\xf0\xb9\xd0!\x07\x00\x00\x07\x80\xbc\xe7\xe3G\x8d\xc82\x9bU\x9b\xb6\xbd\x97\xbe\xd0R:t\x1f\x11\x911\x1f\xb4\xb7\x15\x17I\xa4\xdf3\xa7\xf8\xf9\xe7H\x17\xb8\x01\x98\x1f\x83\xb4\xb5+\xff-\xf6NN\xbb\xa8\xbe\xe0\xe9\xbd1\x03\x00\x80\xfdiX~\xb6]\x06\x8ez\x16\xb8\xb1\xb5\xdd\xfe5\xb4\xc4\x8a\xe8\xbe\xda\x01\xc6a\xe7\xc9B\x01f\xfe1\xd0y\xa8\xe4-&lt;\xea\xc4\x17\xa0\xd7"\xfe\xeb\xe0=&lt;v\t\x1d\xf1\x06\x07\xb7\x1f\xb8\xdc\xb0\xb7\x01\x00\x1c\x92\x86H&gt;\xfd\x81\xa2\x1d\x12}\xd3\xb6\xfa\xb4\xd8\xd8\xee\xc9\x98\xe9MzJ\xe7\xaeN\xd34=\xf8\x02\x12\x83\x8bc\x9a\xf6\x9b6\xech8\xfd\xfa\xbfY#\xcf\xc9\xc0\xd8\xb8\xf1\x87\xd4\x85\x8d0\x95\xde\x99\xe7\xdd\x93\xfa\x88g\x84j\xcb\xdd\xbcO\xff_Q\xe9\x8b\x1ar\x00\x00p\x86\x88\x8c\xf9\xc5\xbd\xad0\xc6\x88\xf6"\xfd_\x99\x05M\\X~V\xce\x957\xdf!&lt;\xfe\x0f\x9e\x06\xd4\xd4\x1d\xf0\xe7\x8f\xf6e\xd4#\xf9\x01M\xaa\xe2;1\xde\x00\x00\x97H\xb8x\xdcs\xa7\x0c{\xa8el\x1cK@/\x94\xbbX\xb65\xbd\xeb\x15\x8d\xab\xe2\r\xc0O\x91\xa4\xea\xb6\x8d\x18\x9c!\xdd2\x941\n\x901\xd3\x15\xef\x01\x88\xba\xbdV\n\x00\xd8\x91\x81\x16\x0f.\x7f\xca\x7f\xcbMV\xac\xce\x98\xe2:\xeaf\x04\x1a\x86\xe8\xa9\xb1\x91\xbbh{g^W\xf7\t6\x00\xa2\x9f\r\xf5k\xd1\xf2-\x82\xc7l\xdb\xa0\x11I{r\x0fFYP\xb4\xb9\xc8F]\x08\x07};\x18\x80}!"\x85\x17EO\x11\x7f\x9a\xcc\xa63\xd1Zgv|\xd1\xf9\xb2\xa0\x9dc)Q\xe7\xafL\x10\x91\x99\xccq\xbfPr$$\x89 \x1b4\xb2\x15\xa7i\xea?T\x8e\xc1\x1c{\xc7t\xc5\xa9\x1f\'\xeb\xcf1\xed\x94\xa0\xb3V^\x13\xdbu7\xbe\x04\x0c@\x05\x9a_\xe7:\x1d\xcc\xf9W\xbfV\xe1\xe0\x84\x7f\x04i[~\x99gN\xdb\xb3\xf3\xf2\xd6\xbb\x17?\x96\xb6\xd0\x02\xe4,\xdf\t\x96s\x9e\xf7H\xc5\x8c1]\xbe\x92\xab\xc8dO\xb6\x8a\xbe\x1e\t\xb9\x9b_\xd7\xd5\x8e\xe3\xc0\xf8\xeb\xc8\x03\x00\x00\x10\xe5\'\xe7\x0f\xe7\x07\xf4\x8a/\x0e\x8e\xf3\x9e\xd2\x90\xd4yfH\x7fn\xf2\x1a\xd5id\x96\x8c\xa8!}5&lt;\x82W\x80\xa2\tA\xb6"\x18\x06\xe1\x8b\x9a\x87\x0e\xe3\xf2\x7f\xaa\xa2O\x03\x8b\x82\xd5\xc0NN\xba\xe8\xde\xd5\x0e\x1cv\x07\x0c\xc0\x15AD\xde\xb7\xa5\x06&gt;\x9d\x02B6z\x92KD\x83\x8e\x16"\xc2H.\'\xcc\xf6\xa6\xe5\xff\xce.5u\xc7\x84M}\x81w\x87\xf6\xe1\xdc\xab\x92\xbe\x1b7\x14D \xa2i\xba\x9d1\xbf3R.J\xf3H\x1f\xc7$\x8e\xf3\xb0X\xb7-\x15]\x7fcU\x8b\x00\x00\x95(\x1d&gt;\xbca\xe9o5[\xfa\xc7\x8ewG\x83\xc8Lf\x8b\x9ci\x9a\xfe\xa1\xb7\x8aJ\x8e\x95\x8c\x0c\xc34M~*\xbf8ru)\x19\xf2\xde\xe7\xf1\x0f\x11B\xb1\x8df5U\xbfv\xc2\xfe\x12r\xc9\xb3hn\xdbP-\x9c\xe6\xce\x1azM$\xe7\xffU\x82\xef\x00\x000\x16\x931\xd3t\x8b\xca\xca\xf4\x1a\xf3\x80\xba\x90p\x93J\x8d\x80\xe7|j\xb7\x89\xaeh\xdf\x1d\xf6\xcd\x01u\x0e\xe6\x87\xd3\x0b\xea\xd3\xf4Z\x13\x1dD\x93\x97\xfd\x9f\x9f\xb6\xc4J\xcf\xd71$vb\xef\xaf\t\x1d\xf8=\xa2\x1e\xa4\\q\x9a{m]\x06W\x03\x00\xe4\xac\xaf\xf15\xbe\x10yY\xa1\xe7\xfc\x8d\x88\xe5\xbd\xe7\x07\xeem\x901k\x16uY\xae\x0e\xb8\xb0w\xc7\xbf\xeb m\xf1\x8c\xfc.\xd9\x0b\xbe\xf6{\xc0x\xfb\xff:q;\xda^P\x94\xbf]v|6\xf0\x03\x99\xcf\xe3\x1d\xae3%\x1f\xb5\xce\xee\xcfC\xb7\x02p94\xcd\xe7\x0b\x8c\xf2\x03f0\xf3jz\xf4\xec*a\xfc\xa5\xa5\x8f\xaa\xcd\xd9\xce\'\xfe\xb7$#\xf6\x7f9E\xb3\xff\xca\xef\x08^J\x</t>
        </is>
      </c>
      <c r="E839" t="inlineStr">
        <is>
          <t>&lt;class 'numpy.ndarray'&gt;</t>
        </is>
      </c>
    </row>
    <row r="840">
      <c r="A840" s="1" t="n">
        <v>838</v>
      </c>
      <c r="B840" t="inlineStr">
        <is>
          <t>steps_per_sec</t>
        </is>
      </c>
      <c r="C840" t="n">
        <v>9400</v>
      </c>
      <c r="D840" t="inlineStr">
        <is>
          <t>3.0914545</t>
        </is>
      </c>
      <c r="E840" t="inlineStr">
        <is>
          <t>&lt;class 'numpy.ndarray'&gt;</t>
        </is>
      </c>
    </row>
    <row r="841">
      <c r="A841" s="1" t="n">
        <v>839</v>
      </c>
      <c r="B841" t="inlineStr">
        <is>
          <t>Loss/RPNLoss/localization_loss</t>
        </is>
      </c>
      <c r="C841" t="n">
        <v>9400</v>
      </c>
      <c r="D841" t="inlineStr">
        <is>
          <t>0.20335212</t>
        </is>
      </c>
      <c r="E841" t="inlineStr">
        <is>
          <t>&lt;class 'numpy.ndarray'&gt;</t>
        </is>
      </c>
    </row>
    <row r="842">
      <c r="A842" s="1" t="n">
        <v>840</v>
      </c>
      <c r="B842" t="inlineStr">
        <is>
          <t>Loss/RPNLoss/objectness_loss</t>
        </is>
      </c>
      <c r="C842" t="n">
        <v>9400</v>
      </c>
      <c r="D842" t="inlineStr">
        <is>
          <t>0.015861474</t>
        </is>
      </c>
      <c r="E842" t="inlineStr">
        <is>
          <t>&lt;class 'numpy.ndarray'&gt;</t>
        </is>
      </c>
    </row>
    <row r="843">
      <c r="A843" s="1" t="n">
        <v>841</v>
      </c>
      <c r="B843" t="inlineStr">
        <is>
          <t>Loss/BoxClassifierLoss/localization_loss</t>
        </is>
      </c>
      <c r="C843" t="n">
        <v>9400</v>
      </c>
      <c r="D843" t="inlineStr">
        <is>
          <t>0.09368598</t>
        </is>
      </c>
      <c r="E843" t="inlineStr">
        <is>
          <t>&lt;class 'numpy.ndarray'&gt;</t>
        </is>
      </c>
    </row>
    <row r="844">
      <c r="A844" s="1" t="n">
        <v>842</v>
      </c>
      <c r="B844" t="inlineStr">
        <is>
          <t>Loss/BoxClassifierLoss/classification_loss</t>
        </is>
      </c>
      <c r="C844" t="n">
        <v>9400</v>
      </c>
      <c r="D844" t="inlineStr">
        <is>
          <t>0.09995678</t>
        </is>
      </c>
      <c r="E844" t="inlineStr">
        <is>
          <t>&lt;class 'numpy.ndarray'&gt;</t>
        </is>
      </c>
    </row>
    <row r="845">
      <c r="A845" s="1" t="n">
        <v>843</v>
      </c>
      <c r="B845" t="inlineStr">
        <is>
          <t>Loss/regularization_loss</t>
        </is>
      </c>
      <c r="C845" t="n">
        <v>9400</v>
      </c>
      <c r="D845" t="inlineStr">
        <is>
          <t>0.0</t>
        </is>
      </c>
      <c r="E845" t="inlineStr">
        <is>
          <t>&lt;class 'numpy.ndarray'&gt;</t>
        </is>
      </c>
    </row>
    <row r="846">
      <c r="A846" s="1" t="n">
        <v>844</v>
      </c>
      <c r="B846" t="inlineStr">
        <is>
          <t>Loss/total_loss</t>
        </is>
      </c>
      <c r="C846" t="n">
        <v>9400</v>
      </c>
      <c r="D846" t="inlineStr">
        <is>
          <t>0.41285637</t>
        </is>
      </c>
      <c r="E846" t="inlineStr">
        <is>
          <t>&lt;class 'numpy.ndarray'&gt;</t>
        </is>
      </c>
    </row>
    <row r="847">
      <c r="A847" s="1" t="n">
        <v>845</v>
      </c>
      <c r="B847" t="inlineStr">
        <is>
          <t>learning_rate</t>
        </is>
      </c>
      <c r="C847" t="n">
        <v>9400</v>
      </c>
      <c r="D847" t="inlineStr">
        <is>
          <t>0.03943989</t>
        </is>
      </c>
      <c r="E847" t="inlineStr">
        <is>
          <t>&lt;class 'numpy.ndarray'&gt;</t>
        </is>
      </c>
    </row>
    <row r="848">
      <c r="A848" s="1" t="n">
        <v>846</v>
      </c>
      <c r="B848" t="inlineStr">
        <is>
          <t>train_input_images</t>
        </is>
      </c>
      <c r="C848" t="n">
        <v>9400</v>
      </c>
      <c r="D848" t="inlineStr">
        <is>
          <t>[b'1024' b'1024'
 b'\x89PNG\r\n\x1a\n\x00\x00\x00\rIHDR\x00\x00\x04\x00\x00\x00\x04\x00\x08\x02\x00\x00\x00\xf0\x7f\xbc\xd4\x00\x00 \x00IDATx\x9c\xec}u\xdc}Gq\xf7&lt;A\x8aC\x8b[\x82\x17\x8a\x05\xd7\xb7\x04\n\t\x12\x08P&lt;\xb8C\x91@ \x10\x82\x84\x02\xc5)\xae\xc5\n\xc5I\xb0\x06\x82\x93\x16(V\\\x8a\x13\xa4\xc1)\xee\xf3\xfeq\xef9gev\xcf\xca\xec\xee\xec\xb9\xe7\xfby\x08\xcf\xef\xdesff\xc7g\xf7\xdc\xfb\xec\x013p\xfa\r\xb57\xf6\xf6\xf6\xb8y\xf1a#\xabd\tw\x158\xb8\xd1\xde\x1e\x00\x9c\x0f\xe0\x9b\xaa_\xed\xed\x01@\xa7V\xdb,\xa3S\xe1c\x80\x18\x1fYxV\x84\x1f\xb67.V\x14 \x90WM\x91V\x90XM\xb0\xa2&amp;D\xf9\x9b\xda\xd5\xc9\x91jQ@\xa5\xc51\xdaf4\xba\xeal\xec\xc3J\r\xc7\xfft\x86\xbd\xbd\xb5\xfb\x97\x89\xfb\x8e\xbf!\x18\xdd?\x00\xf4\x96\x83P\t\x8f\xbd\xde\x84\x9f\x85#\xf2S"k\xef\x87\xff\x93\'K"p\xfcAD@\xa8\x98\xceZ9\xc3\xb4d@,\xbf\xde\x1e\xcb\x83\x81\x85\x85\xed\n\x81@\xef?[\xa2F\x92\xd8m\xd4\xd9+\xdf\xdb\xe3g\x84\x80c\x15\xf97@\r\xbc\x9cV\xec\n&amp;\xffA\xed\xdf\xfcN\x85z\x83\xce\x8do\x18\x0bi-\x8fp \xfe\xa9A\xd2\x98\xba\x7f4\x1do\xa9\xd0\xc2\xaa\xab\xc5v$\xea\x8a\x15\x11\xd0K\x9b?*+G\x81\x9a(\xd6\x00,\x08G{\x83\xf9\x00@\x80\x1f\x16\x91Y\xefZ\x14\x96\xeb\x00\xb0"\x05\xc3\xc6\xa4\xd6\x9a\x14\x1b\x00\x8a6@q\r%\xde}W\x1aP\x1a\xc3\xda\xdf\xdb\x8e\xf9\x8e\xe9\xbf\xb3,\xbdK\xa6\x91\x80\xceb\xa1\x179]@\xc7\xef\xf6\x85\xb5\x8d2ut=\xa5\x8b\xe5 \xaf\xef\xafa2\x04\xb8\xbb*\xec\xf3zJ\x1c+\xa4\xc1\xe5\xb8o\xe4v\xaa\x0b\x0c\x8c~\xc5Jv\x04"\xe2\xa3\x83b\x01\xe1\x9dz\xe8\xdes\xe7\xc2g\xb3\xf0{\xc7\xd5\x18&gt;-\xedZ\xf7/\x1d\xb6\x156\xd6\xb9q}Qv\x15\xec\x1b.\x85\xf0p\x00\xd8\x99\xfd\xe9ri\xcaGp3\x00\x0c\xac\xbf\xcc\xcdz\x85\x0fy\x03\x80\x89\xc0g\x80\x92?\xb0\xb8~dd\xc5\x8a\r\x10\x11\xf6 \xe4\x99x\x044\x835\xfb\xe3\xce\x9d}\xe6x\xec6D\x7fy\x800l\x94\xb6#\x1aC\xc4\x1dYi\x06\x10\xce\x0c\xf0c\xe8(\xf0{C\xdbO\xe8n\xd3\xe4\xdew\x00\xce\x0b|\x92\x0cd\xc1S\xad\xa6yp\r\xc3\xaaH\x1d\xc4Ik\x06~\x088\xd6\xc0\x17\x19F\xf0=\xe5g\xc5\x8a\x15\x1e(\x9f\x0f\xde\x83=\x80\x0fj\xef\xde*\x87\xf2\x85\xb6\xcf7e\xee\x15\x19\xa71\x05\xf7\xd86\x99j\xad,1\xd8\x85-\xcf\t\xc1\xbe\xb1[jQpJD\xc0\x1f\x01|\xa0\xb5 +x\xe0|H\x15\xcf\xc3\xc9\xe6\xf5\x03\x07o\xe4\x14\xc9\xcd\x88\x08\xef\xd9\xcd\x80\r.\xcd{\x89\x03\x17\x8e\xff\xa9\x82:\xdf)\xb1bE/x\xc4\xdcY-\xfd\x9c\xc3p~\xf7\xfa\x0c\xd6\xc6Q`\x06\xfef\xb3\x84/U9d\x0f{\\jM2\x03\x18\xec\xbb@\xec\xaaB\xd6\xc7\xd8j\xa3\x9c\xaa\xb7;/v\x80OY\x9d\xd5\xd0\n\xcdY\xc1v\x13\xb9\xda\xce.\xc7lO\x01\x95\xc3\xabk2\xe3\xc0\xac\x82\xd6d\xba\xe3\xb8q\xde\xed\xb3\xdeE\xbc\xc8\xd1\xd5M)\xe0\xa9\x13\xa9&lt;\x9aRz\xcd5$U\x08\xffd\xde5Z\x0b\xb0[X\xbb\xff\xa5\xe0z\xfa\x000\xd9\xb4D\xf7?\xd2\xe6&amp;\xb8b\x0b\xbe\xa6|\xfbi\xec\xd0\x01\xa0Qu\xe8$\r9\xed\x81\x00\xef\x18~\xe9a!+\xba\x84\xcb\xb5\xf86\x1b\xf4/S\xca\xa1\tM\x13\x8a*\xc7\x1a\x92+V\xacX4\x86\x14w\x07\xbb\xd7_\x13`\x87\xe0\xde\x95\x0f\x1e\x01\x9ax\xcb\x87F\xc6\xc7W\xe7\x1d\x03\xe70\xbd\xc6\xd8\x8a~a\x04\xff\x1f7/R.}\x03\x80\xfd\xa2\xc86\x8d\x8b\x86\x19mI\xc0\x8a\xf9\xed\x1f\xaapY\xb1b\xa9\xa8\x19\xad+\n\x82{W&gt;\xea\x10\xa0\xae\xff\xb4\x9e?\xc21(H\xac\x9c_V\xacxlH.\x10\xb9\x8a\x15UAF\xdf\xc6\xc9\x1fb\\\x19\xe90\xd7\xe1\x110\t\xdffN\xa0~,8\x8ej\xb6\x14\x0bVc+llw\xa6\xda\\\xa7\x94\xd2)\xa4t\xd2\xf1\x19L\x84\xd8+(D\x98F\xef\x8a\x99\xb8w0\x00\x88N\x19\x83v\xda\xcc\x00\xf3\xec\xe2m\xf9I.\xe1Vt\x0c\xe7\x00p_\xfb\xd2\xaa\x82\xf90\x93\x19k\xa5\x14\x9c\xd2B.\x1e\xce \x0e?j&amp;\xba\xb5wa\x07\x02"\\\xa7\xb6V\xfb\x1f\x00@\xf7\xc6f\x0b\xe9P\x8dRf\'i\x884%\xb917sK8M\xef\x00P\x1b\tKm\x82QB\xdb\xc5\xdfX\x8b\xf5\xfce-\x87\xb9\x15]b\xf4\x96\xa7\r\xaf\xbc_\xb8\xe7\x84\xa4\x8b\xe1\x9a{\x14\x15\x03\x10\x99z\x85\x1d\x8f\xd6\xc5\xf4\r\xbc\xab\xb8\xa8\x00\x9d\xa4\x08\xd0a\xe7\xea\xc1b\x16R\x07\x08\xb0ok\x19\x04\xe2\xa9\x91\xd7\x8f{\xcd\xe7\xe3\x93a\xb6\xfb_]\xdd\x87\x96\xcf4+\xbf\xff\xc4-I/\xd3\xd4\nI\xa0?\xd9r\xcd6\xc2\x04`\xeb\xe1Wl\xec\xe1J\xa0\r\xc9z\x8d\xbb\x144\xdb|*\x03^\x1fh\xae\x96\xe6\x02\xac\xa8\x8c5\x89\xc9\xc4Y\x87\x03\xe7,8\x07\x80\xf5\xe3\xe3\x8b\x00\x02 |j\xb5\xdf\x8ap\xb4u\x95{\xc6\xde d\xc4\x1d\xda\xd6\x83G\xa1\x9a\x8b$\x18\x0e\xe5 \xc2uW\xd5U\x00J\xff\x9a\x8d\x15\xad\xe1n\x07\x9dw\x14\x97I:\x025pf\x16^\\\x85on\x00\xb8\xc9j\xd9\xaeA&gt;\xa7\xb4"\r\xdd\xfd\xc1\nv\x88\xf3"\xe5\xc8\xb2\xb1 \x9ar\xb6"]\xb0\x9d&lt;\xdd\x01\x11\xf1\xcb2\xc6\xb9\x1d\xc0\xaa\xe1\x1d\xc1\xcb\xd3n\xd3\xdb\xc1\x05\x83\xaf;\xaa\x9a\xb8r\x06\x00\xea+b\xb5Sk\xf5)\xd6\xcd\xcf\xe5\x19D^\x01\x00\x00\xf8UD\x80gVc\xb7&gt;\x8d\xc0\x84U\x87\x12!\xa9J\xa9\x1e\xf2F\x00\x04\xf8\xbb\x96\xe2\x04A\x8eW#"~n\x1d\x00\xdacW\x95/%\x8d\x88\x80\xa4\xbcZ\x14\xf8p\xbeo\xd8\xac\x15;\xaf\x9d\x9e5\x8d\xc4\xb1\xd1s\x1d\xc2\xd3%\xec\xaf-\x07i\x15\x0e\x01n\xa2\xfc\x0e\x00{\x00\xcf\x0f\xbaq\x1d\x00x\xb0\xeaP\xe8\xf2\x85&lt;\x05\xd4\xa5\x87\x1c)*9 \x9c\xb41\xe5\x95[K\xb2\xb3\xd8\x91\xb6O\x03\xdfn\xf7\xb3x\x04j\x0f!nP\xa1\xf5d&lt;@\xbel\xadD\xfa\x85\x8c{c-\x8b]\x0c\xc67d\xa2#u\x9dO\xb0\xcfe\xc2\x81p\xb0\x9c\x1a\xdf\x17r\xd4\xbe0\x88\xea\x14\rH\x96M8\x84\xccN#v|\xb7\xe9c\xad\x05\x10\xd2\xf9\xd5\x84\xeb\xe9\xe7\x04\xbc\x8fM\xa8^\xc1\xa2F\x18w\xb8\x8b\xbb\xe2\xcby\x13\xe0\xf2\x02\xa7\x8f\x84\xc0e\xc2\xd4g\xaa\x00\x01&gt;\xc7!\x80\x03\x0fW[\x1c\x04\xb8LA^\xb5!\xf6\x8c\x02\xd7\xceR\x81\xe4O\x92\x8cI\xea#\xad%\xe9\x11\x83\xf6\xa4dy!b\xd4\x07\x02\\\xae\xb9\x0c]\xd4{N(\xdd\xffW\xdbg\xfb\x8e4\x8f\xd6?\x8dQ\xaa\x0b\xf0Z&lt;\xf6[\xe0\xbf\xc4$C9m\xff@\xd4\t\xc0?QK\xc5\xd0\xee\xa4T\x9dsy\xfc\xd7y\xb9\x00 \xc0\x15\xba\xca\x11\xf3`\xdaz)\x01c[\xe8v\xad\xe5i\x8b\x07\xca3\xd0\x80\x94\xaa\xf3\xa8\x82\xf2\xf4\x86I{"\x12\xbd\x04\x19v\x16\xbb\xb7\xe5\xa1f\x8f\xf6k\xefD\xf3\xdf\xdf\xe8\xea\xd2\xc3\xbf\xb7z\x13\\\xcd\xa5aR\x14\xc7\xc8TR\xdb\xbfk0\x00\x90\x0eD6\xfa[\r~"\xec\x8f\x01\x15\x1aO\xbb\x1ayeAX\xf3\xa1\x81#\x9de\xde\xbb"\x00G\x97\xdevZ\xbc!$m\xda\x99\xdfD\xd17\xf8\x9a\xa1\n\nY\x94\xe6\x83a\xb4\x06\xeb\x000\x0b\xeakd\xb4\xb7V\xcc\xe1\xd3\xd3\xc0\xa98\xde\xd3\xe6o\xac\x8f\x16AAv]x*\xa2\x1b;U\xe0cg\x19A\x1er\xf1\x9d:\t]\x81\x10\xda\xfd\x03\xd7\x00\x10\xbd4%\x99\xcar*i\xf2L\x90Q\xbcw\x02\xa5U-yG \x01\x1c\x03\xc0g\x8b\x84\xde\xd6\x88\xef3^e\xe6\xd2\x07P\xed\x0f\xde\xb6\x08\xc7+\x88ml\xde\xa1\xb5\x1c]c\xda\xce\x16^\xbcZ\xc9\xe6?\x04\x98}\xd1\xba3}\x00\xf8d\xcc\xc5+\x12p\x85\xd6\x02\xd0h\x14\x99*\xbb\x93\xea\xb2\xf6C\xee\x00\xe0\xd82Xa"\xdb\xa5\x1f\xa0eQ~\x9d_Y\xcf\xd2\x0b0h\xc6\x12\x88o\xe6f\xc3\x92\xa6,\x05\xe9\xbaJm\x0fV\xac\xc8\x83h\xaf\x93,[\x1c\x92\x07\x80\x15\xbb\x8b\xd5[V\xf0\xa1\xbd#\xe5\'@\xa4P@@\x95\xf22&amp;\x81h\\r\x9a\x82\xf85\xb0\x0e\x00\xf6\xbdk{\xd03\xba\xb3\xda \xb0\xdc\xcd\x8e\xb7.,"\x96\xb4\xb1\xb4b\xa7\xf0\xef\xad\x05\xe8\x0e\x02\xbfK\xbe\xecc3\x00\xd7\n\xbd4=\xa1\x93\xfd?g\x85\xb0\xc8\xee\xe6\x83\xe9#\x86\x11\xe8\xfd\xecJ\xd8E\xadz\x1b\x80E\xf5:]\xe1.\xe6\x0b\t}Zg\x86\x9b\x8eOE7\xa5\xcb\x1a\x00Vt\x84\'\x01\x00kT,\xcf\x89\x97\xd1\x1bI\xf8\xf2\x8d:@\x80#\x8a\xd0\x8dJ\xd3Y\xfb\xbejG\x8e\xcf\xab4\x00\xf4\x0bC\xfe\xcc\x8f\x12u\xad\n\x11\xa0\xdd\xf5NEF\xd9\x15\xc1@\xe5\xbf\x90z\x14\xd3\x95\xe16\xab{Q\x07\x9f\x01\x10\xf55\xa0iHH\x9dk\xb6]\x1c\x16XA\xf1\xb8\x96\x87\xf8c#\xf8\x8f\x00\xdfO\xa7\xb2\xc9/\x9d\xa7\x98\x00\x14lg#\xdb\xe5d1&lt;\x9f\xcb\xe2\x04w7\xd6\xca\xb5\xdeg9v\x8e\xda\xf3W\xb1\xbc\x04\x98\x00\xe2\x1bl\xac\x99sEM\\H\xdfV0\xc2\x7f\xc1\xe6\xd8\x1e\xeb\ts\xbc\x82b42\xe7\xa8\xdf\x19\x7fB\xebg\xc70\x13u\xe1\n\xb9\x04\x9bH\x9c\xd8I\x9b\x16\x03[\x82~v&gt;\x9d\x0e\xccZ\xb2\xa4%\xb4/\xa2c!\xbe"\xba\xaf\xfc\x17DD\xf8\x98\xdc\xc5\x06\x80\xcbX\x08\xf0M\x0e:]\xc3\xd7\xfd\xc3C\x11\x10\xe1\xcf]{K\x8f@e03\xb2\xd9.\xd8b\x17\xf6\xbf\x00\xdaU\x1d|\xa89\xe2\xbb\x1a\xdc\x1dq8\x02\xe4.\xc8fjJ\xaa\xc7;\xaa\xc6\xdd\x01k\x82\xbe^\xde\xedw\xe3\x90\xa1,\xa6 \xe2\xcf\xf5K\x1b\x00"\xe1Yx\xe0\xd6O\x16\xf3\x1d)\xde\x0b\x81\xe9\x0cF\xecl\xfe\x12\xf3Nw\x02-\xf0P\x005NU\x8b\x9c\xd8Z\xb6\xc5\xa3\x88\xab\xbb(6\x89\xab\xed|\xa9\x87\xfa\x97\xa8+y\xffvo/x\x07Z\x18\xdeB\xf8\x92\xfd\xe6\xac\x11\xd7\xec\xb9\x03\xe0\x1c\x002q\xf1\xd6\x02\x90\xf0\xf4\x19\xcc\x8c\xe2\xa7\x8bB\xa3H# \xc2S\xc8\xb5\x9c\xbbp37\x1a\xf4\xbae\xe8\xaf\x00n\xf3aX`\x16\xfc\x02\xd6*\xe8Pl\xc4+o\x92RD\xa7\xb1"\x0feJ\x92\xc7l\xad,\xfa$\x00\xbc8\xdd\xe3\xca\x04\x96\xde[\x8a\xec\xe9\xcd[\xfc\x17\xae\xcfS\xed\x00\xe4\x98\xf5)\xad\x05\xb0\xa1\x86\x95}\xae]\x86\x19"\xdc.b\x00\x10\x9f\x03\x13P\xd9\'G5&gt;4\xe4\xe2F\xf1\xf2~\x80\x93\xb5\xe0\xcb\x82\x82\xc3\x9b\xb5\'X\x8duit\x1a\xdd\x08\x07XF\xe9o\x15\xdd\xa0\\I\xdaD\xceM\x88\xd7\x8b\x9e\xc6\xce#\xba\xe5m\x86O\xa8\x01\xc0/\xaa\xd9\xfd\x07\x7f\x7fH\x98\xc7\x1c\xb3\x0e\x00+v\x18FdU\x1c\x00\x82\x03\x8d)\x07*G\x85\xdb\x9f3\xe6\x11\xccD\xed\xc4&gt;\xa8\xf1/\xaaq\x8c\xc7\xe3\x00~\xd4Z\x06qP\xe3\xf1+\xb3&gt;\xf3\x1e\xb1%\x8c\x90\xea\xb1\xc5\xf2L\x15\x18\xbdI\xa7\xab(\x05\xb6\xfcVX\xc9\xc4&lt;-\xa3\xf9\x9ed8Z\xb2o]\xb0\xe0\x00`FX\xe4\x97m\xada\xb9b\x85\x1b\x08\x0f5\x82\x0b\x8f\xa8Q\xd2b\xb3D\xa6$\xd3^\x1d\xe8\x07\xf7\x1943\xd1\xa0\xac|\x82\xbf\x9c\xad\xa9\xb5\x06b*`s\xc7\xf6\x80\x90\xcaZT\x17\xfb\xe8W\x1a~\x11\xd2(\xca\x04\x97+V\xd7\xf0\x81R\x8c\xeay\xc2,\xf3\x93\x88\xbcP\x8a+\xfcS\x11\xd2Y\x1d\xc9\x1a\x96+V\xb8`\xd5\xb0\x99pC\x80;\xd6\x172/\x8a\xb5\x15\xbd^\xc4\x00\xd0\x02\xfc\xab\xe6"\x85\x88\x08\xc7 \xc0\xfd\xd2o_\xf6\xf9\xad\x88\x86$\x19N\xd3\xd8\x03\xc0\xd0HT\x06&gt;\x0c\x11\xe0:\xd1\xb7M\xf2\xdf\xb1\x80T\xbd\x83\xa1\xfb\x1f\x0f\xa5\xe1\xbe\xb5\x0fK\xf1]\x8d+D\xf1\xe3\xf8\x91K\xae\xa9\x8a\xa5\'b\x000\xf4\xb0y\xf1\xf7\x1e\xbe\xa5\x15\xb8\xa24l\xc3\xbd\xb9\x81\x14\x8b\x85\x1aY\x08\xef\xf3\xe4\x9c.{,"\x87\xbc\xa1\xf8\xc7\x96DB\xf4\x00\x90Z&gt;\x1e\xa3\xdf\xbek6\xed\x02n\xd3\x10\x9d\x03\x02&lt;\xbc\xa2l0\xeez$8\xcf\xdaZ\x94\x84\xfaPI\xed\xd0\x16\x92JP/\xcfEX\xfce\xfe\xa7\x1d\xca\x0c\x00v\xe5\xb6;\x12K3\xb3\x0ft\xad\xe8\x0e\xe4&gt;\xf4\n&gt; \xee\x8b\x08\x9fA5\xe1\xb8\xe3\x059\xbeI\xe6\xc9\xd9\x14&lt;\xd0\x13\x91\x91@\x86\x13\x00wF]\xaaw\x9dV1\xeb\xef9\x08\xf2**\xad|(%r\xb1\x86[\x00\\\xd61\x86\xb7zF\xa4Z\x8bu\x00`\xc7\xacV\x9d\xa9X7J\xa0\x86\xd7$\x10\x0b\x9e\xde\x1d\x01\xf1\x13\xac{KVp\xfeqx\xeb\x8b\x1ei\x87\x8bo\xe6\xa1\xc5\'\xe4\x8a\x15\xcb\x80\x9e\x859\x82\xc5\xdbaC\xe1L\xadv\x12j~\xbb\x9e1\xe1\x10B/\xba\x95\xcclwlz\x0c21`\xe1V[\x04fJ6"\xc25\x92\x07\x80\xf9\x16\x13\x11\x0f\xd6\xe3\xdd\xec\n4\xffyz(\xe3\xb5\xa90\xa1~}\xce\xecW\xe9\xf8\nM\xacbW[$\xe1O\x12;c\xa4`\xbc\xe5\xb9\xcfO-_:\xea\x87\x1d\x08\xf0\x90\x02dW\xac\xa0`\xa6\xe9L\xc7\x9e\r\xb7\xd2\x03\xc0q\x86\x18\x88S\xb4:d3\xae\\ \xac\x8e\'\x97\x1e\x83L\x1c@D\xb8\x81\x14a\n\x00\x01\xf6m-C&gt;\x1c\x06\xd2\x1cr\xa6S\xa4j\xee\xf9g\xf9Z\x19\x00\x00\xe0\'FW\xf0\xcb\x91`L\xf8\xa7d\x8c\xa8-\xed\xe68}|\xae\x0e\x7ft\x873\xdf\xf25x\xbb\x05\x89e\x0f\x03@\xdeg/!\xf8\xdeD\xe9\x8a=\xa6&amp;\xc8\x1c+VDb.N\xcb&gt;\x82?\xd5\xf2\x98\x1c"1\x13\xf2\xc2J\\\xc9x\xe9\x82\xb5$\x0c\xe5\xf6\x98\x1aBY\xce\x9b\xe7\x83Ns\xda\xa9\xe0\x9e\x10\xc6\xeb\x16\xce\xb8\xa6SA\x94\xc2\x933F9\x83^\x88\x8f\x94\xa1p\xe1Xr\xeaN\xc3\x8b\x00\x10\xe0\xaa\xdek\xc4\x95\xbd\x99\xa2\x1d&amp;mL\xe1\xcf\x15p\x1b\x1e\xefG\xb8\xc9:\x00\xacX1\x87\xaf\x05f\x9b\xe4\xc23\xde\xf2GO"\xa0(#\x1c\x84\xf0\xa3\x86qW\x96\xf5\xb4\xf6g\xe6\xa5\x97\x91\x8e\x98\xaa\xb1\\l4\xfc\xef\xad\xc5\x88B\x8cK\xcc{\x11Y\xbb\x9f\xab\xdf~\x037_\x7f\xc8_\x81\x12&gt;vG_~\x08\xa4H8\xc5\xf8\x1a\xe9\x82q%\xef\xbbsfSCK\xc6\xe9\x89\xbfw\x0f\xe8\xe03o\x8f\x96P{\xe2\x8d\xf9\x10`\xc52p\xfb\xd6\x02\x88BH\x89\xcd\xe9/\xb5\xfd\xbcBI\xa0\x00\x8aWY\xbd\x13Jgdi\xd21M\xad`\x00\xdf\xfe\xab\xd0\x1en~#\xc0\x1d\xb6\x01Nh:*\x8bH\xec@\x80\xf31\xd1\x89z\xddGJmo\xa4\xe6\xcc\x82\xe8\xe5\xe0\xc3F\xcc\xf0*\xaf":+\xf6\x9c\xa8!7\xb2\xac\xd4J:\xd8\xb9\xb7\xb0\xcf-\x92\xb5!S\xaa\xb2\x90\x16\xe3\x00\xdf\x0b\x1a\x00\xbe\xce 0\x99\x01\xee?\xb7\x89P\xdd\x81\xd5\x94R\x81\x0b\xe4,P\xcb\xa5\xe2\\k\x85\x0bbs\xf2\x0c\xfem\xf0\xb1\x1fNn\xf6N\x00\x80;\xab5\xfdq\xc39\x80\n\xce\xba_\x0c\t\x93?}\xd6\xe1\xa0s\xf2\xe4\x13\x00eS\xb8W\xe7I\x86\xe4&amp;\x86\x0b\x08\x80\xa7\xcb-&lt;\xcc\x1bWA\x1d\xbc\xf2\x99\xe0\x91u\xc8\x8d,\x89`K\xe4D%6\xdao\xae\x1c\x9ct\x97:\xdc\xf3\xc8?XGf\xf8\x9c[\xa4T\xa5!\xbf\x04\xda`\xf4\xc9\xd8\x0c\xc0\x1c\x11!\x98\x04\xfbM\x05\xa6?\x1cSV\xdaJ\x155\xe2\xb8\x8bTH\xd6\x15+tG\xc5\xe3\x87\xdf\x03"Z\x1dP\xc5\xba\xe8 \xe1v\x15\x97w_y\xf3\xcd\xf5V\x15C\x85\x8c\xfa\xfaS\xa4\x16\xe2r\xe0kD\x97\xae\xb5\x8bp\x10\xf9\x11r\x07\x98\xa3i\xa7K\xb8\xc67\xf0N\xae\x01@\x19\x8e\x1b\xe5\x97CU\xa1R\x89\xa4\xff\x19\x14\x07=\xe1\x9f\x1c\x12(Rqpy~1\x9c\r\x00\x01\xce\xa1\xbf\xc8y*\xa5\x87\xbf\x87\xb2z\x99\xbd\xa1X\x08\x81\xb2qr&lt;\x8f\xbay\x1f\xeb\x18\x84;=\x88U\xbc\x15=\xa2\x82\xeb&gt;\xca[\xd3\xefM\x89$6\xe9M\xd0\xc3\xdf=\xcc(\xf3\xb6\x92+\x86\xdf\xad\xa8T\xa2\xdb\x97\xf1\x18\x17\xd2\x1aR\x9ec\xef\x02\x0f\xe4 \xc2\xd9X\xdb\x04=\xc8\xb9=_H+\xa8J\'\x9a\'\xd1b\xc0eJ2M\xc3\x90\xa7\xf6\xd6P\x94\x03\xae\xf0,\x84\x1a\xe3bX\xf879\xcdSSS5\xd6\xa8\xf3\x8d\xbcY\xb4;\xed\x12\xe4n\xb5\x14\x01]\xd0\xcd\xaf\xf1\xe9\x0czs\xe2\xb2&amp;\x1a1\xbb\xbd\xf8#\xd3]F,\x07\xa5\x14\xd1g#\x1e\x90b\x0b/s\xcb\xc3\x7fz\xe20\rA\x1d\xbc\xdb\xcc9\xf7J\x06\xc2\xd9\x8d\xd4 5\xef\x8b{\xfeG\x8e$+V\xd0h\x95\x9azN\x89+\x00\xcc\xcd\xe3\x9d\x80\xbeds\xe1\xef\xe9P\x15zs2s\x08`]&lt;\xed\xe4\xbe\xdd\xe8\xc1\x82T!M]\xfa\xb1\x06}\x89\xab\xdb\\SYm\xf0\xf7\xd6\x0c\x1d\xbcrM\x8b\xee\x1f\x01\x8ed\xa7\xf9N\xc4\x93\x9b\xc7y\xf6W\x98\x95\xc3\xad\x03\xd3\x04\x9aB&amp;`f\x8f6\xae\xda\xa5|\xbejM"+*cm\xc4W\xa4`\x1d\xe1,\xf4\xa8\n\xa3\xa7\xf7\xe3w\xc2\xb6\xd8\x18\xa1}6\t\x11\x01\x9ec_\xb3}\xeb\x83\xd4\xf2\xd7@\x00\x80\x9a\xce\xa1\xf5\xd6gB\xf5\xe54\x19\xc2Z\xff\xb9s|7\xb5\x04\x91\xe2Ph\x07""A\xb4\xc5F\xc2S\xa5\xde\xb8\xf99\xb7\xf3\xa2H;\xc6kL\xbe\x86W,\x12\xf8\xfb\xb5z\xad\x88\xc4\xda\xfd/\x02\xff\xc5\xb1q\xb6\x00\xe0\xbd\x8c\x01\xc0x\xb8\x0b\x11n\xeao\x84d)\xb0\xa14\x15Y\xbf\x8e\xb4G\xa2\x00\x01\xdd?\xd5\x05N\xeeb\xf2\xd5(\xb4\xcf\x95\x17O\xd5\xcc\xe2\x13\x84:\x00\xbc\xcdyQ\xf4 \x14\xab\xb1*\x1aN4\xe5\xd9\xf9%Y\xb1bE\xbfXxQX\xb1k\xb0\x07\x00\xfai\x0e\xf7\xed\x82 v\x00\x90\xa5&amp;\x80\xa7+\xbfG\x0c\x00\xe3\x8b\xfe\xa60\xc0o\x8a\x02\xad\x9f\xab\xa4\xd2Y*l\x15\x91\xa7\x9cvj\xe0\x19;\xeb\xe2\xd6k\xd9^\xb1b\x05\x00d\xe7\x81\xc5o\x0c\xad\xd8)\xfc\xcez \xca\x1c\x00\xbc\x0e\x1f\x14\x08\xafb\x92\xb5G\xa0\xc8\x94a\xca\xe3\x1f\x00\xa8Gf=\xcb1\xfc\xa9\t\xfc}\xed\n\xd5\'O\xd8\xbe\xf2@[Q\xd7\xb4R\x83\xe9\x15=\xe8\xb6\x0b!\xdb\xa3u\xcc\xae\xe8\x05\xfd:\xc9&amp;\xef\xfd&amp;\x97H\xaf\xcb_\xb1b\x83\x8d\x0f\x1f\xb6\xf9\x9d\xdc\xae\xe5\xda\xc3\xdd\xe5\x0e\x0c\xc7\x13\x16a\x1a\x98yt\x87j\xf7C\x9f\x00\xd9\xe0\xaf\xda?\xfc\x03\xc2t.\nvT&gt;Q\x99\n\x8e\x99^~}\xef\x03\xc0.\xe7\x9f\x08\xe8\x81\xbfQ\xd7\x99\x01&gt;\xd8X\xac\x15\xe20n\nv\x8a~%7\xd0E\xfa]!\x13x\xb4r\xaa\xef\xe8\xf5\x13]+\xe4\xd1\x82\xdd\xc11\x00\xf89q\x81Jgpk\x00\xc0\xcd\x8b\x81\xc2;\x86\x87\x15\xbd`\xb0\x9d\xef\x13?\x08\xf0\xc4\xdare`\xb3\xa2\x97\x89\x0b@q\xa0b\x7f\xd5\xd8\n\x05\xce\xed!\xf9X\xa03[\xe3\xfa\x8a\x15\xe1\xd0j\xbd\x16\xd7\x91\xa1\xbdg\xd0\xddz\xe3\x9e\xff\xb2\x15\xcdA\xdb\x89\xcc\xec{\x00\xb0\xe7\xb6\xa0u\xcf\x9e\xe7\xe2\x15\xe20X\xef\x9b\x80\xfbm\x7f\xdd\xfb\x16\xc0\xf9l#\x8ev\xee\xc5\xbe\x93k\xee\xed\x81`\xb1\xb1\xb9lt\xe0\x8bV\x9a\x0f\x9b\xe5\xf4+\xbf&lt;h\x0e\xd2\x95b\xb7\x92wU\x95\x10\xd0\xae\xb9Z\xc9V\xed\xd1\xd5\xd2V\x88\xc0\x94!\xd1\x9c \x87\xe8\x0e\xaaJ\xfb\x184\x87C\x05\x80KO\x04Y$^\xc1\x8a=\xd2.{{\x7f\xf0\xf4}@&lt;*\xb0v\xff}c\xdaBz\xc5\xe4\x10\xb8\x1f,nc)\xd0-K\xef\xa8\x91\xf4\xdb\x87\x0c\x19\xb5\x88\xd0\xf5\xee)"=\xd8\xac\x88\xc4\xd4#&lt;\xba\xb3\xee\x7f\x0b\xaf\xb8\x02=d\xcf\xde\x9a\xfb\x0f\x04\xb8\xa8z\xc5\xf0\x8bue\xd71\xbb\xa2\x0e\xf6\xce\xbeq\xa1\xef\xd8\xb11\xa4\xcc\x1fG\x135\x8f\x12\x9e^\xd9\x11\x11\xe0\x9e1\xd7\xbfd\r\x15\x07\xd0\x06\x9c\x9bx\xd1zr`\x05;JkUyN/\xe3(P*\x04\x9e\x92\x1f\xd2Z\x00\x07|q-J\x81\xf3\x10\x96\x97\xaa\tp\xed2d\xa7\xccP\x86~9t\xda\r\xdb\xe9\xd7z2S\x8b\xcd_\xd5\x15/\x04=\xaa}\xa70\x1a\xc8\xca\xf6\x19a\xae\x92\xa8\x1c{Q\xb5J\xfeG\x14\xda?\x12\x10\x8b\xb6\x02/\x13\x95\xda\xaf\x8b/w\x00X*6^q^\xd7\xbb\xa9n\xe3\x89\xee\x9e\xfc\xa1Xj\xba\xaaQ/\x02TT3\x9a\x8a\r\x00\x9b\x06\xb4\xcb\x9c\xd0\x9f\xcc\xa6\xdf\x0e\xff\xbc\xba\xf7\xbb\xb9\xc5\xe0\xe2\xf0\xce\xce\xd2\xc5Nb\xe8\xd2\xb9\xfd\xa7Ic\xad\x04\xc3=B\xf8"\xec7f\xb4\xc4J\xe9\xbd\xab{\xef\xff\xadY\xd5\xbc\xad\xff\x9d\xba_\xafPT\xed\xbd\x8c\xee\x7f\xb5\xa9d\xf8\xb70\xf0\xa2\xc9\x16T|\xa0\xdf\x19\xa0\x98\xe4\xa6\xb6\x89dh\\\x7f\xf5\xfe\xb47@\x15\xf8&lt;\x1d\xca\xdf+6\x0e\xf32\xfd\xaf\xee\xe8\xc9Y\x89\xd3_\xd9vie\xa9mt`\xaf\xb3\xe2\x02\xf0K\x00\x08\xebi\xb7\r\xb0\x95\xb2\xd8P/\xe5Y\xe1\x11v\x08p\xf9\xe4^gvr\xe81\xdd\xdb 2\x8b\xbb\xd4\xed.0k\x92\x9c\'\x0fpR\x01\xb2\x14\xa7\x0e[=\th\x13\x0e\xaa\xd7\xdd\xd1\xe6\xfe\x19\x16\x16\xbaK\xf4\xe4\x15uF\x17j\x00\xd0\x9e\xd3\xb8x\xb3\x98\xea\xc9X%\xd1\x9f\xeb\x1a\xfb\xb2\xce!\xd3\xf7um-\xb0\xc9H\xc7#"&gt;\xc3\x95\x0f\xd7\xce\xa1\x14\x10\x11\x0f\x1b6\xf5\x03\x94\xfc\x8f\x00\x08\xffU|\x00\xb8o!\xea\x1a\xa7\xf4B\x95\xba\xfd\xefK\xe8E\xdb\xc1\x15\xe2\xb0\xa4\xbe\xb9\xcfU$\x1f\xe2\xb10o\xd8\xe1M\x07t\xe5\xb8\x0c\xf3m\x9f L\xc3k)\xbb=3[7\x18\x1f\xa1\x81\xd3\xf0\xf1\x9d\x97\xaa\x16/\x89\xd0\xcc\xd1eN\x9b\xe0\x1d2\xc7\xf07&lt;\x1c\xdc\xff,\x85I\xdbn\x85+\x16Y\xc1\x02\xf3\x98(\xe6\xe3:c^*$\xd9\xcb\xaa\x05\x1e\x8aq,2JW,\x19\xa9\xc3gQ\xc8\x91\xa4\x02b\x17;\xda\xeb{\xf9\xac\xed\xb6o\x974\xdf\x13\ne\xe6\xd0\x01\xa0\xee3\xb1\xf0\x80\xdduB\x8fE\xfc\xf7\x01\x1c[V\xb2t "^\x15\x11\x11o\xaf?\x1a$\xe8\x88C\x9b\xb8|\xd7U\x92g\xe9P\xb4\x8d\xc7\x12&gt;?\xab\xe7\xb2\x9eSs\xf2\xe6\xcd\xec\xa3^\xee\x9d(\xc7:\x03\xec\x12\xda\r\x00\xaeT\xdb\xfd\xa6W$\xe2\x0e\xfd\xe2;\x03\x17\xde\x06\x1fY\x83\xbd\x1bL\x96b6\x96\xa7\xddDD\x84+\x8e\xdb\xb4W\xe0c*\x07\xa2\xdc\x1e\tsD\x0c\x00=!r\x8d\xe7\xac&amp;Q\xc3}\xd8]\xea\xbet\xeb\x1b\xcep\xf0f\xf9\x8f\x9d%RTK\xcf,GZ\x07\xa3\xc9\x13\x12\x07usDG\xb8k\xed\xda\x02\xb1\xf1\x96\xfbUN\x7ft\x0b\xfb\xc1\xddH\x7f\xe9p\xf4j\x99\x94V\x85KGRS\x98@\xdb~\x00C\xb8c\xe4\xed"\x8b\xf3|\xa3\x08\xa7\xc9&amp;jE$\xb45\xbe1b\x99\x05\x0f\r\x86\xc8j\xa3=\xd3\xf0\xed\x9f\x07)\x8bq\x99\xcf\xd4g\x80\x1e\xbc\x97\x19&lt;+7\xbd\xa7\xce\x00\xf0\x98\x12\x05iE\x03T\xef\x05I\xb7\xd9\xdd,\x10\x0c\xb6.pw\x8a\xcd2`%g.\xfc\xb8[OPb!-"\x04\xa6\x9a^m\x11\x0e\xb4\xcf:\xc4Ya\x8bk\xe8\x82\x95|\xe8\xdc\x82T\x9d\xc4\x82v\xe6\xeb\x9b}f\xbf\xdf\xd5\x9b\x0b\x84\x1f1\x18\x9b\xc3{\x0c\n\xa1w\x01"\xfcI\xd2\xf3|\x9cxjk\x01\xaa!\xcdsx\x83\xf6\xc4e\xe5\xbe"`m\x0ev4\xe7v\x8ab\xada\x97M\xe7$\xf3\xdc\xc77;\xc2\xf1\xcb\x1f\x00\x06|\xc8\xfc\xba\xde\xd6\x02\xd9\xd0\xbfo\xbdlm\xb2\x07\x80"\\\xca\x90u\xb2\xd3\x82\xd4\x87\xa3\x97\xd8=\xd6\xc4\x1d8f\xc7D\n\x86\xe3^/\x91\xfb\x8a\xf6\x88\xb5\x1d\xfe\x1fkN&lt;\xcd\xaen\x03\xac\xa8\x08\xd4\x7f2\x08-g^\xedl!Z\xc5A\x04\xc4c\xbb\x1f\x03\xac\x16p\xe1\x99\xf0\xed\xe2\xcf\x01\x0c\xc1\xca\n\xa9\xeba\x11\x03@\xdcH#\xd0\x01v\x11xd\xb4\x97\x7f\xb4\xfc\xe4\xba#X\xe4)J,\x1e\xd4\x8c\xf3\xe12\xeb\x90X&lt;\xa4\xb5\x00i\xd0v\xf5r\xcc-\xb8wY8\xccf9\xae\xd5\xc8\xe2\x0c\xf0\x1a\x97&lt;\x99\x94\x89\x85h4\x8f\x02\xb8C\x1e\x0bq\xb0\x0c\x17\x12J\xd5b\xcd\x1c\x00:\x1f\xc9\x1a\xa4\xa9\xc8\xa8D@\x84\x97w\xad\xe4% \xc1QP\x89\x96\x15\xc9\xe8b\x07+|J9\xbe\x9f\xb5h\x8f\xa5\xb6\x16\xa6\x17H\x135P\x1e\x04D8\x0b\xcb!\x80\xdd\xabI\xd3\xc92av\xc9\x9b\x9f\x1b# \xc2%J\x9a\xc0l\xcaQ\x95&amp;\x8f\xb0k\x98\x19\xc9\xee\xbb&lt;\xefz\xaf5\xf0 Q\x01\xb5=xK-%a2\xaa\xfd\x08\x8d`j\xc1\\#\xec\x95b\\3\x15|\xa2\xaf\x1a\xba(\xac\xaa\xcfB\xd5\xd4\x96\x88\xd2\x8fBV\xc5\x988&gt;\x87\xca\x04\xdbh\x00h\xcb=\t\xd2D\rw\xcb\xeef\xad\x156\xeao\x97l\xd8\xddh\xfa7\xe2\xc1C\xea\x80\xfdK\x0f\x00K\x04\xb9\xe4)\x07\x0e\xba\xbd\xac9\x00,_3\xda\x01#\x0f=&amp;:\xf1\xf8@\xdc\x00\x10\xb5d\xcay\x16\xee\x18+\x96\x89\xa4\x16\xf0\xc6\x85\x84q`Q\x9d\x93\x998\x9a\xd6\x15\xeet_\x01\xd2DM\x18\x00\xd4\xeb\x8f,"\xd4\x8a\xe5B\xe9D\xf3c\xc13\x00H\x0b4FxWm\xber\xb4uYwHim\x01nG\xbe\xd5\x95c\x04\x89\xca4\x00\x9c,U\xc8\x9d@GN\xb3k\x88\x8d\xea\xbeR\x80Dh\x89\xe3\xf4\xec\xfa\xbcIx.\xdb\x88q\xbd\xc6U\xad\xed\x91w&amp;\xa2\xfep\xd2\xf8s+\xe5\x95\x1e\xd1\xaf\xe4\x0b\xc0\xb1\x9c\xca\'[\xe1^;\xdd@8\x06\x80\x97"\x10\xfb\xfd\xfa+\xa7\xedQ-i\x03\x00\xfd\xd6"\x02_[B\xc2\xbaL\xcf\xe9I\'\r\xc4\x1d\x87\xa4\x15\xbd\xe3\\\xf0\x98\xf5\xc0\x8b\x0b\x08\xf0\x0e^\x82zV\n\xba\xa3}`\xea\xd2F\x08\xdf\x1e\xc3\xd3\x02)\x87\x00\xbd\xacQC\x9f5o\x85\x17t?\xbc \xfb\x9a\x1ek\xb6\xf5\xdb\xf5\xfe\x9a\x1e\x00\x9a?\xa8Y\x13\x9e\x95\xb6\xf3\n\xb6\x93.*\xf7\xa6$\xb4\xc9C\xea\xe6\xc3\r\x9b+g\x91h\x90\xbe\x17\x97P:\x00\xbb\xb6\xb5Tx\xde\xd5\x9a\x92\xf0\x15\xb2~\x07~\x07Bk\x18\xc9\xa1V\x82:\x82\x83\xc5/\x95\xdd\x8d\x90\xb6\xfe\xb0\xed\xff\x9f\x18\xb3\xc0\x06\x19\xdb\t\xbd7:Skqv\x1c\\.\xf1Y0\xf2\xc6\xb2\xea\xb5\xe2\xb4\xc4\x8bf\xbb\xff[5\x7f\nQBE1(]\xb5\x06\xeb\x00pf\x86\x01\x80\xa2]\xda[LO\xcd\xa2\xd3\xe6\x10@\xf9$\xd3\n\xd9\xb0=\x04\x01\x10\x0eer\xc2\x05\xa2\xa5B\xa8\xfe_Z\x12w\xe2\xe9\xd4\x00@9\x18\xaf\x86\x19\xa9)\xddC\x04\xf7\x18\xeab\xac9\t\xf3\x905\x03\xb4\x05\xa3\xf2\x1ff\xf5\xc1%\xb8\xb4\x05\xb1!B\r\x00g\x93wFWu\x14\x11\x95m\x060\x14\x82\xc9\xc4\x8f3\xbfS+{\xbd5\n.\xfe\x0bgi\x17e\xdd\x15\xa2\xa0~,\x95\x08\xbc\xc9\x03e\xe5\x88&amp;\x18Rs\xa9\xa1(\x94\xa0j\x94\xee\x06\x00\x0b\x8fr\xf6"\x9c+zk/iP\x985\x95\xf0\x97"\xd2\x06\x02E\xea\x05v\x1f\xac\xe2O\xb3\xb7\xf7\x12J\x16\xe4\x973\xf4V\xe4L\xca\xc4\x8b\xc2\xb2\r\x89l=\xe8\x03\x00\xf7#F\xfcx\xae\xbd\xc5W\x82M\x0b\x88:h[\x01p\xec\xe0`\xbfv\xd9\x05\x11\xf1\x1c\xbdZ\x8dUl#$[\xea\xc4H\x0b\x9dZg\x80\xb3\x17\xb9M\x1by\x18\x90c\x91\xcf\nnP\xe4\xa0l\r^4\xec\x8d\x83I\x8ds\xfd\xc6\x1b\xeb\x88X\x08\x7f\xe0\xc9\xdb\xc5\x1f\xff\x80{q\xd2\xa7\x8a\x05\x9a\x1b|K\x06\xfb\xea\xb6\x11t\xad"z\xb3\xba\xff\xc5\x98G\xcf8\xe9d\xd6\xa4\xcf\x88\x00\x8b\xf4\xab\xf0\xcct?&amp;\xca}\xad\xdd\xa3N\x15"\x14\x83\x13~Xy\xed\x84f\xd2,\n_j-@!\xe0\xf0,\xd6\x8aX&lt;\xde\x9e\x01\x94\x12`\x0e\x9fK\x1a\xb4\xb6k\xf9a\xd6Z\x0eA\x84\xf3\xd2\x9beu\xb5\x14\xc8n\xb4\xefc\x95\xbb\xb4\x19`\x19\xc6\xad\x05Eo\x15\x07\x80%X\x88i\xa4\xb1\x1e\x15X\x91\x8b\xa5\xea0\xf3 \x95\xd8)YL0\xca\x83\xfd\x04\xda\x8a|\xacj\xcc\xc1"\x83}\xea\xf5\xb5\xb4\xa6m\x12O\x17/i\x0b\x92\xa3\xdf}\xb6\xa3\n  \xc2\xeb+\x0f\x00a\xd7i\x16\\\xa4K\xd7\x842*\xcfa/\x8d\x01\x19n{{i\xd4DaZZ\xc6r6$\xf6\xac\xdfW\xac`\xc7\xd6\xc1\xd4\x98Lu\xdd\xd5WY\x80\xab\x0eW\xd4\xc2\xf2bv\xccc{\x00f\xafAe6D\x84\xbd=X\x96\x12\x92\x810&lt;Rn\xe9\xe4g\x88g\x04\xa1}\xda\xc6\x88\x02\x05\xeb\x14\xa15h\x9f$\xea?\xa1i/a\n\xdf\xdb\xdb\x83\xcdO\x0e\x11E\xfb\xabO\xaf\xa8\x00\x1c=6gnE\x84u\xf7%\x1bgS~_\x95\xb9\x9b\xa8v\x02\xbc\xf4\xfa\xb2\xb7\xb7\xb7\xf7z\xea\rc\xbf#H\x0f\xfa\xbe\xf8\xc2&gt;\xc7b\x1d\x93\xc0\x03\xf5\x0b\xceTW\x9e(\xec\t\xee\xfe{t\x92\xe2\xca\xc4\xdb\xd3\x0f\x02\xf1\x10g\xa2\xb3b\xc5\xe21~\xd9H\xee\xd3Dv\x01)\x00\x048W\xaa\x90\xf9k\\!\nK5\xa5\x12\x92\x8bz:%\r\x0c\xcbw|\x0c`|\xce!\x88\x85\xf14\xd1\\\xc7\xd2\x99\xd5\xa8f\xec\xdb\xf6Ubf\x9e\xb7\xb6\x16\xc0\x83\xb3+\xbf\x9f\xc4\xe7\t\x12&gt;\x9b\x87p\x1a6\x19\x92\x07\x80\xd9\xcb\x9a\xfbhs;\xadX\x11\x06\xb6G\xff\xc7\xee\x7f\x96\xc8\xcfr\xb8\x00 |\x14\xe1T\xb1\xa2" \xc2\x0b\xd7\xc0\\\x0c\x96;\xcb\x11]f\xce\x87|4\xb2\x00\x9f\x1c\xfe\xfdX\xf9:\xe4\xdcS\xb8\x86\xf6\x988"^\x18\x11\xe0(\xb8F(}\xb3WY\xd6\x17KP\xcdXO\xf2\xd7\xc2\xac\xb7\xa8\xdacT`e\xbb\xb8X0\x0f!\x85|n\xf5\xdd\x15+\x02\x81\xfa!@6)/\x91\xc8Q\x9f\xc4\xe9R\x03|M\x0bK\xc2\xc6\x94\xdfo,E\x19\xa8-\xa6\xd2k\xa2u\xc9\\\x03\xaa\x04\xb5UaQ\xff\x91\x89r\xb2m\x17\x1e\x9e\x91"{\x95\xabs\tZ\x0bv3\xb6"\r\xec[\xf5x\xa0\x88\xc1\xac\xd4_&amp;\x89r;\xc9\xd9j\x85\x8d\xd5^\xbb\x03\x9c\xdd\xdd_\xab\xcb\n&amp;\\\xb2\xb5\x00\xa5av\xa8\xa8U\xdf?P\xdd\xc0\x87\x00\x11\xee\xa5^\xec\x1a\x00\x8c\xa7\xfev3K\x7f\x1d\x00\x8e\x0fn\xaa\xcc\x06y&gt;\x8fM\x16\xecA\xbd\xa4\x9b\xadh\x0f%r\x9b:R\xf9\xf1\x03\xe1B\xeb\x00\xb0\x14&lt;\x13\xe1\xd0\xd6.\xbbB\x18\xd6\x01`\x85\x17Z\xb7\xba\xf3\xbd\x08\xc2\x8f\x9d\x1d\xa7\xd1\x16 "\xfczR\x9a\xd6\xeb+\xd7\x8f\xb7L\x13B\xa5\x90L\xef`\x8a\x89\x97 R\xd4\xdf&amp;\x9f\xe678,\x9cK\xab\x8a\x89W\xe0\x7fpe\x05\x03\xf4\xd1\xbd\xa5 \x12\xdc\xa3\xbd\x04+B \xc6kKb\xd7\x1b\x944\x9c\xaa\xb5\x00+db\xeaP\x83{\xac\xc5\xc39\x00\xd8\xd7\xcc\xb4\xf2\xc3\xbb\x7f;N\x08\xa8\xb5\xb3%W\x01\xfa\xa3\x86q7\x96\x14\xef\xc0\xe4\x81\xc4]\xe0\xcc\x89+\xa6\x0e^S\xc8\x89\xc1\x1az\x92\xe0\xf7\x87j\xde"\xe1S\xc8+:\xc1\x0e\x0c\x00\xb1\xc9}E\t &lt;\xa7\x99\xfe\xf52\xf9\xed\xd5\x13\xf2\xb0\x0e\x00$\x0e\x9a\xed#\x83\x1bMmT\x00Dx3\xd7\xe7\x7ff\x91v\x02 b\xd3\xd1\xc0\xec&lt;\xa6^\x05g\x1f\xcfa\xec\x8b\x9fL\xdd+\xa1\xa6\xac\xa1\'\x1f\xd3Q^-KM\xd9\xa3\n\xbb\x15\xddc\xe9\x8e2\x15\xdd\xe6+]\xe6\xa7!\xe7\xf0\xda\xa63\x98\x91|%\xb8A\xd7@\x00\x84+\xabUm\xd5\xe7\x06\x01\xaa\xd8\x16\xe6\xe7\x04S3~JB\x90)\xf9$\xf1\r\x008\xbc?=\x88e\xf93\xc2\xbb]\x92\x08P\xd7\xda\xe7UE\x88\xaa\xf5\xf3\xba\xcf\xb3|yw\x1cdn\xca\xd4\x8f\x96K\x0e\xa7!w\xad\xcbw\x85\x0b\xad&lt;RD\xf7\xbf\xcb\xddR\xc3=\t+\x1b\xf2\xc8\x10\x9f\xd4\xdd]J\x00\x00 \x00IDATa\xd9M\xdfl\xa0\x1a~\x9e\xb5\x9b\xce\xdc\x02w\x05\xb8QY\x0elM\xc3\xd7\x98\xbc\xa2\xc2Y\x87\xf5\n\x91\xa6Dw\xd8\x02\xfb\xbc%"\xa2\x83G\x1d\x00\x08\xf0\xc7\n"\xda\x82\xc8J\xce\xbaF*\xf1\xac\xf0\x81\xe8\x151\x084\xc4\xd3\x0b\x9b\xac\x91K\xec\xf0\xc1\\\xc3\xe1\xa7\xd0v\xc8\x1cM|\x80\xb1^~1\x9e\xc2G*\nkR]"&gt;\xc5\xe2\x9f!}\x12\x02\xdc\'\x8fK!\xbc\xd8!|\xd8\xbeo3$\xb0^\x83\x97\x84\xc3\xfa\xf47\xfc:q\xb31\xd5\x9fe\xe7\xf4\xec\xd4Q\xf6\x00\x90\xb6\x89\xbb\xd6\xaa\x156Z&gt;\x8b"\xcf\x1b+\x0e\xe4-Ph\xf6\xf8\xb2\xb7[\xb2\xd3\xdd\xf4\n\xc3\x0c\xd0\xd6\x85\xd6\x0f\x99I\x03S\xef~\xe3D\xb3\xea\xbe=\xdb\xfdKv\x1e\x04\xb8\xb9\xf9\xca\xf2\xb6lRVt\x13~1|h\xe2\'6G5\x8d\xc7\x08\xb3\xab\x19r\x13-?"\xde\xc8\x1a\x00r\x1e\xa2\xdaE3\xac\xf0\xa2aNo\xdd\xba\xfdp\x08\xc3\xdb\xb7}\x1c\xab"\xbf\x16\xa7\xe4\xfa)\xb0\xf1\x02\xcb&amp;k[H\x90a\xc5\x80\xc9\xaf\xae\xdc\x82\xfd\xd9G\xc7&gt;\xeb\xbco\xcb\x1f\x00\xb4\xe7\x7f\nm\x1f\xb4F\xc8\x8a\xccV\xb8\x85\x12\x1ar\xfc\xf6\xf0\xcf\xb4\x85\xb7:\x9e\x8d@\x19\xe5:\xa3%y\xf7K\xddZXX\x1c\xae\x18\xe11.\xbb\xd17\xeetwn\xb2\x10\xe0\xa2\xb7-\xc04\x1c8\x96\xb4\xa3\xda\x8d@\x9d\x17\xd4\xd0D\xa4oy0\x0e\x00\xbf\xefY{+\x8a\xa0\xc9\x94;\xe2\x92\xa1\xdb\xff\x1b\xf4s\x82\x94\xb5k\xd9;\xccYh\x07\x94\xa0\xaeq\xf1\x8bm\x80$\x9djA\xf8en\x91Vt\x01\xdeh,W\x81\xba\xc8\x92mK\x1a""\x1c\'_K4\xa2\x1e\xe3\x19;\xfe/j\xdd\x7f\xafk_\xb1\xc2\x01\xd4\x7f\xbc\x97\x9a\x93\xf0\x0f\x12\x88\xd4B\x9d\x8f\x11\xfeQ\xcczU\xa8\xab\xfeGIF\tG\x9c\xc0\x88\xf8\x8c\xe5=\xee\xd5;\xa6d\xb1\xd6\xce\xdd\x82\xfa\x8d\x99\xd7\x03\xd8\xcb\xa3f\x1fh\x96\x00\x02\x9c%F\x8c\xddD\xbfJ \xbf\'\xc4{\x83\xd2\xf7\xb7\xdd\xa6]\xb1"\x18\x08\xf0\xa1\x88\xcb/\x11&gt;\xdf\x1aGa\xfa\xcf\x05Q\xde\xf9@\x05yD\xadw\xc4(U\xb5\xbfB\x1d\x85yO\x93\xaa\xd8\x1518\xc6\x1c\x00Nl-\x11\xac^U\x03f9Y\x80\xce\xe3z\xc7\x1dC/\xc9:\xa1!PJi\x1fk\\\xb1\xd3\x88\xec\xf6\xd0@\xf8\xc5TD\x08\xec\xdbN_e\x06\x90\x86\xcd\x92\x9f\x07\xa6\xbdX\xc8fS\xd1&lt;\xed\x06\xf4EWY\xabm\xff\xb0\xf2\xc5\xcc\xe5\xa5\xc5)L\x7f\xc5\x08\xfc\x0bY[A\xf9\x10\xb8\x8f"\x07\xd2v\xfe&lt;\x90)d/\xda\xf3c\x19\xab\xe8\x08\xef\xb1\x9frQv\xdcfaw\xffQ\x8f\x00\x91\x17\xef\xa0\x03\xc4\xb9}\xad:\x82\n7\xa6\x01\x80-\xc9\x07v\x83k&gt;\xe9\x1d\xbe\xdd\x02~f\x00\xfb\x15f\xb1"\x10\xfd\x87\xee\x05\x10\xdeF\xeeou\x81\x9a\xa2\x9e\x0f\xbe\xb5i8\x1eV\x83\xdb\xb6\xb9\xb9D\xfc\x9dW\xe2\x17\x86\t\x7f\\\xc8l\xb9n\xda\x15\x85UF\xe9\xcd\xfb`_\x8a\xdf\x1e\x8e\xdc\xd1\xdb\x11\xc4|\x84z\xdcH\n\x9b\xd0\xd4\x1b\xd3d\xa3&lt;$\x90\xa9\xf5:"\xfc\xddj\xf4\x15\x11\xa86\xc6\x15b\xb4\xba{2n\xd3Z\x80\x0c\xbc\xbe\xe7\xfd\xfe+\x14\xdd\x8f\x7f\xcd\xf0\xcb\x18q\xe1\xf5\x8c\x01\xf1\xf5\xac\x0b\x8c&amp;\xfbnkI2\xb1$\xa3H\x83\x1d\xd7\t\xed\xdd@\n\x10\xbe\x10}\xeft="\xc0\xf3c8\xa6\xa1\x8b1\xe3\x951\xf96J\xe7C\x8eM\x9f\xb8\xbe\x1f\xed!NF\xd7\x02@x\xa7Ps\xacC\xe9\x8e\xa3\x90\xed\xf9h"\x0e_O\xbb\x0b8\xa4\xefP\xec\xb9\xc5TR!\xbb\xfcoQ\x92l\x9b\x01\x00\xe8z\xd6\xa5\xa5t\xe0\xba\x83\xbe\xc2\x0br\xb0O\xc8T\xb7S#Wv\xa2\xeb\xa5\xa5\x8b\x903X\xe7\xca\xf7\xa7G\x1c\x1a8\xd9\x85\x9f\x00\xb8\x9bi\xb9\xe6\x90\xed\xc6\xbb\x85V^"\xda\xfcU\x9b\xa4\xf6\xe8\xfd\x01\xbe;\xf6+\xbc\xb2E\xc7n\x02G!\xa9\xbb\xf5\xb2\xd0\x01\x00\x86\x877\xfa}\xf0,\x07gk-\x80|\xb8":\xd9=\xe4\x0f\x00.t\'\xb0\x86 \x9d\xbfW\xdd\xc7A\xb8~z\x1e\x88\xdd\x1dw{\x85\xf0\\$Y\xb6\x9d\xc17{\xcd)+\x18\x81\xf0\xd3\xdeg\x80^\xa1\x9f\x00\x9c\x9b\x91\xf2\x1dg\nCM[\xbb\xc6\xe9\x9f\xb0\x10G\xc4O59P\xd6&amp;7\xe5\x80e\xc9q\xe4\xd9q\\\xa1\xe2\xbf\x86_\xb8F\xc4?:N\x15d\xe2\xb7\x9b\x95\x1e\xa2niw#\xbc\x81\x80\xed\xff\xc3\xd5\xa4Zw\x99\xe8\x0e\xc9\xc6}]\x8f\xb6\xceE\xe6w\xa8\xd7\xc6\xd8\x1f\xec\xedAw\xc2\xaf`\xc0\xe0\x01{\xca\xffVT\xc3F\xfd\xac\xd1\x87\x03\xe5\xed\xbf\xf7\xf6\xf6\xcc\x0bP\x82\xad\x99\xc4\x18\x1d\xd8\\f\x05 \xa2\xb9\x02\xc4%\xe7\xd2\xb5^\xc4c\xca\xafRQHB\x04\xaa\x05\x15\xe69\xa8\xad&gt;1#\xb5\xcf\xa8\xa7F\xfc\xcd\x9e\xac\xe4\x83\x88r\x84\xa9\x86}Z\x0b\x10\x85]\x1c\xd1\xfaA\x8d\x9d\xda\x89\xfan\xc5\xa9\x81w\x0f{\xb7\xb5\xb1\xb7\xb7Q&lt;\xa3\xf6\x0f\x06\x00\xd8V\x02\xa0\xba\xe2=\t\xb6F\xdcl\x98g\x13\xda\xdb\xdb\xdbk\xd2\xfd\x03\x00\xdc\x12\xc6\xc2\xbf\xfd\x19\x04\xe9t\xb3s\x06\x8aS\t\xf0\xa1&gt;\xb0g\xe9J\xa6c\xb0KE{\x08\xe2f\x8cL\x7fP&gt;\x1b\xda\x93\xf6\xc3\xc9]NF\xb23j\xed\xf0\xff\xcd\x98w\x10\x00\xceX\x93\xb5\x0bk\x96\xe8\x02\xfd\x1e\xcc-\x1eUL3\x9d\xccV\xf8\x9a\x08\x16&lt;\xab\x00\xcdW\xed\xc0\xc3\x1b\xc2\xe09\xb9\xee\x06\x08gv\xc9_y]\xcf\x06\xf8\xc3\xc0\xb7\x0e\xee\xd0\xb3\xe1\x92\xc1\xb2dQzC@\x84S\x16\x12\tCP\xf7\xa1\xc4\x10y\x12)\xeb\xbf7\xb0r\x9e\xfc+V\xac\x10\x83\xabt\xfc\xd0d\x8fX\xb5]\x1f\x0b(W\x126\xdb\x10\x11\xcf\x819\xdf?\xb8"\x10Q\xba\xb5m\x91\xd9b\x16B9\x9f\t\x1a\x00.\xc0\xd0|sJT\\\x86\x15ra\x8f\xa3kF]\xd1\x00c2Z\x9d\xaf\x1aVm\xaf\xe8\x0ek\x07S\r\xb1{\xd5\xd6\x95;g\xa0\xa0\x01@w\xdd\xe2\'\xde\xeb\x00\xb0\x82\xc4\xe4\x00\x88\x00/R\xdf\x01x\x01\xc0G\x00N\xd3L\xb6\x92\xc4\xbfT\x92\xf8\x8a4\xa8\xbe\xb8b\xc5b\xf0\xadu\xcab\x05\xd5\xc1\xacI\xa3\x14\x10\xbe\x1a\xde\xa7z\x06\x80\x1d1\x90\xd5\xdc7\x1e\x00\x8e\x9fF8\x86\x01`G\x8c\xb8+\x08p\xc2vOv\x95d\xbc\x16\x0cix\xc9\xee\x95\x8a\xc5`5\x99\x1f[\xc7\xbe\xe1\xf4\x84\xdb\xe6)\x9a\xb4\xe7\x80%&lt;\x7f\xdf\x12c\x96Hmb\x08\x92l\xc2-\x13\x19\x03\xc0\xee\x9d\xeb\x1a\xcd\xbd\xf6O\xad\xc6\xdd\xa0I\xd8\xe6\r\x00+6\x10\xd5@N\x03\x9e\xfe\x1d\xcd\xf38f66\x11\x1fW1x\x156%\xb9Ju\xfa\x1d\xca\x926\xd4,\xd9Z\x16\x81\x10\xab\x93\xd3Z~K4\x01\x01tj~*\xae2\xa8\x8a\x9b6\xee^\x16\xdfBF\x87F\xeaT,B\xa7\x82\xb7\xdb#\xeb\x19\xbb\x9f$Q\xdb\xad4uT\xea\x8d;\xd8b\x0eK\xbe\xf3f\xd5\xd22[\xc2\x00 m\t\x8d!lp\xb2\xad\x19\x9e-\xe7\xcc\x9aP\xa42\xc0\xce\x06\x01\xfe\x92z\xb9\xea\xaaB\xb1\xd3\xbd\xef\xb3\xd7\r\t\x0b\x86\x1e\xbe+\xcec\x01\x00\x10\xae\xab\x84\x12\x91\x86\xee\r\xdf\t\x99\x07\xfe\xe8\x98\x1c\xee\xc9-p\x03\x10%7\xed\xf3\xeeSt\xa0\xf52\x9e,?p\xf6\xe3\xc8\x8a\xcc\xa9u\xd8\xdc\x12\x06\xc5\xc3\xe5\x95\x12I\xf8\xa6\xc0R[\x1c\xc2\x97\xbc\xdd-v\xeeAh/\xaeu\xd9\x82$\x85\xc4\x8fs\xd1\xd4\xfb\xfd\xb2\x10\x97\xdc\x08\x1fC\x80\xab\xd4\x16\xc7\x8f\x07\x92\rP\x97z\x8f\x87\xe1\xc1\xa7l-\x8f\x04 \xc0_\xeb\xff\x94\xe9\x0c\x08p\x9b\xedoD&amp;2\xba7\x84\x17h\xd5E\xea\xa28q,9\x00\xa4,\xdc\xd5t"\xe2F\xb1\xf1\x04\x11\x01~;Q\xe1\xa9\x1f\x8b\xb7)\xc2\x19\xb6&amp;\x90\xd3\n\x94\xc4\xe2\x17\xd8\x04Rw\xd6\x95\xecT\xaa\xb3\xec\x1d5\xb4\x11\xe4\x1b\x9a\x81\xfe\xaf\xc0\x1ez\xcf\x03\x00\x00\xdc\xbd\xb5\x00\xe1 \x8a\xfa\xaeD\x9d\xd9\x1b\xdd\xac\xb5@\xbb\x00\xf5\x91A&amp;\x8a\xf4V\x84}"\xe9\xe7x\x1b\x80\xc7q\x89$\x04e\xf7i\x00\xe2\t\xa2\xbd\xbb\xb3C\t\'\x0b\xa8\xfe,\xbd=\xda\xaeQ\xe0!L\x0f\xd88\xc9%}\xefJ\xec\xae\x10`\xff\xedo\xf5\x06\x00\x81zh\x05\x0c+\x94\x9bk+\x18\xe8\xe5\x15L\xb3\xda\x1e\x1c\x03\xc0\x0eh\xa6do\x94 \x88W\xe7R\xb7mbQ`\xb2\xcf\xebq\xaf\r\x80\x00Gl(1J%\x05\xa3Zn\xdb\xd6\x7f\x0c\x1b\xa1\xf1\xc62\x95\xcf\t\x84\xd7t=\x00\xfc?xp\x94\xb4\xf6\x00\xd0\xd1b\xdb"\xc4=6\x8et\x91zB\xc5\xa0Z]Fk?b\'q\xb5\xf8[\x14\x03\xf5\x94\x85V\xcc`\x97\x06\x00)G\x8dtcd_\x02\x88\xf0\xe6]1M\x14\xae\x97hGc\xcfc\xc7\x15\x8b\xdf\xe0\n\x84\xc1\x16_\x1d\xa8\xb9\xba\xff\xcd\x9b\xe7wz\xfe\x8e[DE\xef\'\x00\xf9e\xa5\xa3\xc5\xb6\x84\x8c\xa2\x96\x85\x8d\xf0\xe7+/\xbf\xa3\x8b\xbdri\xbe\x82p\xfd\xc4\xa8\\\x80\x9b\xad\xa0\xb0K\x03\x00\x00\xbc\xa9\xf5zQ\x87\xe7\xc2/\t\x1d\xb8exK\x8a\x11w\xcb\xd5gp\x15\xff\x14\x1a\xa1%\xbb\xdd\xa7\xaa,}\xab\xf5\xcf\xd5:6z,\xbd\xf9\xa6\xech\xb1-\xe1\x1d\xb6;B\r\xc9\xa9\xca{\xe0n\xa5\x9d\xf4\x1c\xd2c\x16Z\xb1B\x18\xcc\x01\xe0\x82\xbe\x19@`\xbc\x89\x11)!k\x1f\xda"\xd1K\xd0\x15\x85\xc1\x03\xbf\xb5\xed\x1b\x8e\xcd\xa0u\x92\xd5\x82$\xd5\xd4\xee\x9b\x98B\xf82\x00\xc2\xcdx5\xd3D\xc9\xa7Z\xaeq\xf7i\xe5\xbaK\x19\x00*\x81\xaa_\xeaV\xc5\xe2\x15\x98\xbe@1\xa5\x7f\xc5\x8a\x8eq\xc6\x13\xc7d\xfd\xfcq\xa3\xf4\xea\xe4\xa5\x02\xd3z]\x91\x9c\x8c\x04jf\x80!\x95@\t70\xfa\x06\x16e\x1e\xcf\'\xcf\xb2\xd1x\x81\xedj\xf9\xe2-[\x1d\xcb\x1f\x00\xca?\xb5\xbf\xa5\x7fDA\x16\x00\x8b\xb0\x8e\xdc%\xc8\x95l\x85\x03O_\xad\xa6|M\x8a\xebMQ*\xaaYi\x10\x11\xe1\xf5&gt;\xcd\xc8\xabyj1\x96\x0fU{m\x05\xfe\x81\xf5\x19}S\x1e4/\xd8\xaf\x89\xa0\xf9\x90\xe1\xb7\x02\x9f-\\\x91\x06|\xb1\xd0d\xc8\x85W\xd6)7\x00\xef.\xcf\xa5\x1c\x10\xe0\xcd\xd5\x1fg\xfayE^&gt;,\xd5\xf5\x17\x0c\xc6}\xc7\xde\xe1Q\x82\x9cVr\xfbh\x07z\'\x16^\x8e\x9e\x92\xb6\x11\xe3x)\xca\x81\xad\x11\xb5\x0eU2DE\xdf\x17\xac\xf6\xde\x16l\xf6\x82nP1\x82|R\xf4\xab\xc0\xf2\x90`\xa0@\xa8Q\xbc\xda\xb4!$\x843V\x1f\xec\xa5\xf8\x9b}\xec.E\xb2\x154\xfa/\xe4\xb5 D?\x08\xf0\xd1\xca\x03\x807\x90O\x94\x14\xe6f{\xca4\x00\x94[`\xa0\x1d\x0f\xacr\xa6q\x10\xd5\xdf\x9f\x96\x14\xb8\x93\xf9\xca\x8b\xc7\x0b\xc9{\xcd\x05\x10\x8a\x9e|\x8c\xf8\xee\xd4\x1e\xc4^ \x9ak~\xec\xfek\x8aqHE^N&lt;P\xffg\xcd\x1ee\xf9(\xa4\xcc\x05\xec\xe4\xed\x18\xb6f\xaah\xb5r\xe9\x8c\xfc\x1b\xf5i\xbc&gt;A\xf4\xfej\xf7\xf0\xe3\xe4%\x8cqWB\x03\x9f\xdb\x08y*\x7f\\\x17\x99j\x828\xf9\xaf\xe8?iD\xca\xbf\x84%\x17\x02\x0e_\xe4\xc2G\xb1\xa3\x01\xe0\xba;\xbb\xf5\xb9#\xcb\x8cB}\xeb\xb7\xb7\x82\xef\xb0X\x82|\x9d\xc3U\x92?\x99O\xfa\x0f\xcb\xb1\x91\x9c\xa7)\xca\xa1vf)\x16\xc5d\xaf\x89gO\x9arMR\x16\xd9\xe1\xf7\xb3%\xc8\xd9\xbc\xed\xb3\xfa\xff(a\xe2$\x0f3\xf7\xe2\xa3\xcc\x85\x9d]\xb8\x</t>
        </is>
      </c>
      <c r="E848" t="inlineStr">
        <is>
          <t>&lt;class 'numpy.ndarray'&gt;</t>
        </is>
      </c>
    </row>
    <row r="849">
      <c r="A849" s="1" t="n">
        <v>847</v>
      </c>
      <c r="B849" t="inlineStr">
        <is>
          <t>steps_per_sec</t>
        </is>
      </c>
      <c r="C849" t="n">
        <v>9500</v>
      </c>
      <c r="D849" t="inlineStr">
        <is>
          <t>3.0833232</t>
        </is>
      </c>
      <c r="E849" t="inlineStr">
        <is>
          <t>&lt;class 'numpy.ndarray'&gt;</t>
        </is>
      </c>
    </row>
    <row r="850">
      <c r="A850" s="1" t="n">
        <v>848</v>
      </c>
      <c r="B850" t="inlineStr">
        <is>
          <t>Loss/RPNLoss/localization_loss</t>
        </is>
      </c>
      <c r="C850" t="n">
        <v>9500</v>
      </c>
      <c r="D850" t="inlineStr">
        <is>
          <t>0.09741541</t>
        </is>
      </c>
      <c r="E850" t="inlineStr">
        <is>
          <t>&lt;class 'numpy.ndarray'&gt;</t>
        </is>
      </c>
    </row>
    <row r="851">
      <c r="A851" s="1" t="n">
        <v>849</v>
      </c>
      <c r="B851" t="inlineStr">
        <is>
          <t>Loss/RPNLoss/objectness_loss</t>
        </is>
      </c>
      <c r="C851" t="n">
        <v>9500</v>
      </c>
      <c r="D851" t="inlineStr">
        <is>
          <t>0.003514037</t>
        </is>
      </c>
      <c r="E851" t="inlineStr">
        <is>
          <t>&lt;class 'numpy.ndarray'&gt;</t>
        </is>
      </c>
    </row>
    <row r="852">
      <c r="A852" s="1" t="n">
        <v>850</v>
      </c>
      <c r="B852" t="inlineStr">
        <is>
          <t>Loss/BoxClassifierLoss/localization_loss</t>
        </is>
      </c>
      <c r="C852" t="n">
        <v>9500</v>
      </c>
      <c r="D852" t="inlineStr">
        <is>
          <t>0.13504916</t>
        </is>
      </c>
      <c r="E852" t="inlineStr">
        <is>
          <t>&lt;class 'numpy.ndarray'&gt;</t>
        </is>
      </c>
    </row>
    <row r="853">
      <c r="A853" s="1" t="n">
        <v>851</v>
      </c>
      <c r="B853" t="inlineStr">
        <is>
          <t>Loss/BoxClassifierLoss/classification_loss</t>
        </is>
      </c>
      <c r="C853" t="n">
        <v>9500</v>
      </c>
      <c r="D853" t="inlineStr">
        <is>
          <t>0.06634335</t>
        </is>
      </c>
      <c r="E853" t="inlineStr">
        <is>
          <t>&lt;class 'numpy.ndarray'&gt;</t>
        </is>
      </c>
    </row>
    <row r="854">
      <c r="A854" s="1" t="n">
        <v>852</v>
      </c>
      <c r="B854" t="inlineStr">
        <is>
          <t>Loss/regularization_loss</t>
        </is>
      </c>
      <c r="C854" t="n">
        <v>9500</v>
      </c>
      <c r="D854" t="inlineStr">
        <is>
          <t>0.0</t>
        </is>
      </c>
      <c r="E854" t="inlineStr">
        <is>
          <t>&lt;class 'numpy.ndarray'&gt;</t>
        </is>
      </c>
    </row>
    <row r="855">
      <c r="A855" s="1" t="n">
        <v>853</v>
      </c>
      <c r="B855" t="inlineStr">
        <is>
          <t>Loss/total_loss</t>
        </is>
      </c>
      <c r="C855" t="n">
        <v>9500</v>
      </c>
      <c r="D855" t="inlineStr">
        <is>
          <t>0.30232197</t>
        </is>
      </c>
      <c r="E855" t="inlineStr">
        <is>
          <t>&lt;class 'numpy.ndarray'&gt;</t>
        </is>
      </c>
    </row>
    <row r="856">
      <c r="A856" s="1" t="n">
        <v>854</v>
      </c>
      <c r="B856" t="inlineStr">
        <is>
          <t>learning_rate</t>
        </is>
      </c>
      <c r="C856" t="n">
        <v>9500</v>
      </c>
      <c r="D856" t="inlineStr">
        <is>
          <t>0.039424725</t>
        </is>
      </c>
      <c r="E856" t="inlineStr">
        <is>
          <t>&lt;class 'numpy.ndarray'&gt;</t>
        </is>
      </c>
    </row>
    <row r="857">
      <c r="A857" s="1" t="n">
        <v>855</v>
      </c>
      <c r="B857" t="inlineStr">
        <is>
          <t>train_input_images</t>
        </is>
      </c>
      <c r="C857" t="n">
        <v>9500</v>
      </c>
      <c r="D857" t="inlineStr">
        <is>
          <t>[b'1024' b'1024'
 b'\x89PNG\r\n\x1a\n\x00\x00\x00\rIHDR\x00\x00\x04\x00\x00\x00\x04\x00\x08\x02\x00\x00\x00\xf0\x7f\xbc\xd4\x00\x00 \x00IDATx\x9c\xed\xfd{\xf0}\xef\xa3\x10t\xadu\xf8\xe2\xd8`\x193\xcc\x98(q\xf1\xe41\x1dD3.i\xc9X\xa0\xe8\x10\xc6 \xd1\xb1"\x9c,a\x02=D\xa1\xcd\x99\x18\xca\x99\x18\xb4\x0b\xa3!\x97\xd49js \x99\x11\xc6,\'\x92\t\xcb\xe0\x0c&amp;\n\x15 \x06\'*P\x02\x0eP\xd6\xc9\x06z\xfac_\xdek\xef\xbd\xd6\xde\xeb\xf2\xdc\xd7\xeb5\xe7\xfc\xbe\xef\xcf\xfb\xbd\xf7Z\xcfz\xee\xcf\xb3\x9e\xf5\xaca\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8e,\x1d\x00\x80\xc6\x84\x10\xc6Q\xe5\t\x90O\x08\xe1\xfe\xf38\x0ca\xee3\xf1k\xe6\x10\x86\xc91\xefa\xd8t\xa2i\xc8\xef\x0e\x06u\xdf1\x7fW\x08?\xe6\xf6\x19m\x18\x94\xa7C\t\x00\x8b\x1e;\xbc\x97\x16\xf3aH\x90\xa0\r}\xed\xee\xcf\x0e\x00B\x08\xe38\xbc\xefQ\xbf\xf6\xd7#\x0e\x006\x1cj2\x9e\xf9\xe6\xc8\xe9\x81\xe3.\xc5\xd8\x18\x00\x00fe\x9a\xef\x7f&gt;\xfe07\xcf&gt;|\xdf\x9eC=\x8fXb\xd9\x16\t\xe3x\t\xc38\x8e\x06\x00\x00\xdb\xdc+\xd0\xd2\x01\x018\x85q\xd2s\xcd{\xda\xd7\x7f\x87\xa7\xc9\xfe\xfcmA\x94\x81\xc4\xb7\x1c?\x04p\x84~$\xa7\x95b&gt;\x0cH\xaf@\xc9\x1d\xc7\xb1\x8e\xe6r\x7f\x18\xee\xdf\xac\xe1B\x0c\x00\x006\xd0g\x8d\xa8\x86V\x10\xd8N\xc9\xdde\x1c\x86\xa8\xf5\x9e*\x14 \x93pS: \x00\xb4$b\xdb1w\x9cmGv\x07\x00\x808\x8c\x8b\x00\xd688\x18x\x9a\xfb\xdfq0\x0f\x01\x03\x10\x87\xfb\xd1\x00K\x12\xd5\x90\xf6\xa5\x00\x920\xad{g\xfd\x0fo\xc8\x1b@f\xbb\xab\x1dw\x00\x00\xd62\xc5\x02@=\xc6a\x18v5L\x9e\x01\x80\xaa\xd48}\xa8\xd7\x0b\xebE\xbd\t\xe0\x96\x02\xd4\xa8\xa2\xdb}{\x1bhw\x00\xa0*\xba\xda\xc0\x9d\xd17T\xaa\xf5\xc2\xe9\x0e\x00\t\xd52&gt;\x06\x00\xfaT\xe6\xaddq\x0f\x98\xf2\x96\xc2\xfca\r\x00\x00 \x82K\x9f\xe0\xde30\x03\x02\x13\xa9\x8aC\x08\x97\xffoX\xd2\xba"\x84\xa1\xce\xd5\xc5\xf4\xac\xa2Er\x00@\tI;\x03}t3\x92\xc6\xcf\xec\xc1\xdd\x01 \xa1\xd6W\xc8\x01\x005\xeb\xa3\xa7\xb1\xf6*\xe2\r\xa5\x0c\x00H\xab\x8f\x92\t[\xf51)\x05@=\xc2\xd3\x7f\x9f\xfe:\xd7\xee\x8c\xe38\xdb\x13\xb3\x0b\x10@|\x86\xbe\x00\x17\xea\xc3\xd8f\xe3s\xdb\xac\x93;\x00P1\x0fQ\x00\x00+\x18hA7*\x1d\x00\xd4\x19*\x008%\x8d2\x00\x00\x00\x00\xc02s\xa8\x9c\x88g\x00H\xcer\x11\x00j\xe6y+\x008DC\n\x00\xe9\x1cog\xdd\x01\x00\xe23\x06\x00h\xd9\x7f\xbft\x00\x00\x00\x00\x18\x86\xc1,\x1b\x00\x00\x00\x00\x00\x00\x00\x00\x00\x00\x00\r\n\xc3)W\xc3{\x06\x00\x00\x803\n\xde\xe0\xb0\x97m@\x018\xb5\x1d}\x08\xdd\x0e\xa0i\x06\x00\x00\x9c\xdd8\x8e\xa5\x83\x00\x00\x00\x00,s/\x0e\x00\x00N\xe5[\r\x00\x00\x00\x00\x00\x00\x00\x00\x00 \x1d\xebsj0\xfb\xa4\x84]\x80\x00\x00V\xf8\xdfy\xe4t\x1b\xfbkE\xb7\xf5\xb9g9\x16\x00\x00\x1a\x16k\xe3#w\x00\x00\x00\xa0v\xa6\xf3\x01\x00\xe0\\\x8c\x01\x00\x00\x00\x00\x00\x00\x00\x00\x00\x00 \x13\x8bw\xd7\t\xc3 \xa2 -\xfb\xb3\x02\x00\xe5}K\x08\x7fv\xf2\xcfq\x1c&amp;\xbd\x94\xeb\xe8\xe9\xb6\xad\xbc\xde\x0b\x1c\xa2\x08\x01Y]\x9aqo\x87\x01\x86a\xb8T\t\xe38\x0c\xe1y\xda\xffZI\xbc\xfc~\x98\xf9\x98\xfa\x04\xb6\xf9\xa6t\x00\x00\xa06A\x9f2\xb5\xe9\x82\xa8\xd9\xb5Q+\x17L]\xc7\x0f\xc0\x16^\x04\x06duk\xa9\x7fQ\xd1P\xc0;\xd6\xea\xa7\x16\xf7q\x08\x0fW\xc0VF\xcd@n!\x04w\xed\xa9V\x08\xc1\x12\xb5\xa4\x12\xf5\xd7\xa5\x1a\xac\xe7\x0e\x00\x90\xdb8\x8e\xc30\x86\x10\xcc\xdbQ\xa1\xbf\xaet\x00:\xf7\xb6\xd4\x1f\xe9\xc3g\xaeRT_4\xcd\x00\x00\x00\xbe\xfc6\x13\xc9\t-\xf6\x9a\xc7\xdb\xd4\xc08\x0e\xd7\xff\x1b\x86\xf1\xbf;\x8c?c\xeb\t\xf4\xcb\xe13\xd5\x1c\x00\x90\xc3R\xef|nM\xe0\xfd\x93\xe3\xdb\xaf\xce\xb3\x1c\x08\xdes\x07\x00\x00Hk\xfb\xfa\x9c\xf1\xf6\x7f\xf7\x7fn;\xdd\xa6\xcf\xd3\x940\xfcO\xa4\xefQ\x86\xc8\x00@ZO=\xf2q\xfcZ\x0c\xb4~K\x80\xad\xddz\xf7\x01\xba\xe4e2Q\xb8\x03\x00\x00\xe4v]\xe5?\x8e\xeb\xe7"u\xf9\xb8\xd8\x94\x13\xdc\x0e\x9ae\x00\x00\x00\xe43^\xffg\xdc\xd1\xa3\xff\x85\xf1\x83Cc6\r\x1a\x07\xf7\n\x16\x88\x14\x00 \xad\xe9,\xec\xf8\x87\x87\xe1/\xde\xdd\xfd\xd80\x9f\xab\xe7Gg"\xbe\xa5\xc4\x1d\x00\x00\x98\xe1U\x15\xa9\xfcE\xaf\xbf\n\x93m\x7f\x1e\x7f\xffO,\xfd\xe9\xb3D\xc9\'WPJ\xc41\xad\xc11\x00\xcc\xf0\xaca&lt;_}\xe6\xf1\xeb?\xcf\xfb{\xbeD\xf5\xe3\xb7n\x7f\xdd\xd4\xff\x96|0\xeb\x9b\xd2\x01\x00\x80\x1a\xe9;\xc6\xf2\xb8\xe1\xcf\xe3_\x9e\x06\x06KG\x18\x86\xf1\xf2?@\x0c\x96\x00\x01\x00\x89|-\xa3\x1a\x87a\x08\xc3\xf0W~\xfd\xebai\xcfk\xdf\xfeW\xc69}\x84\xa3\x00\x00\x00\xeb\x84\'\x93^\xff\xf3/\x7f\xd9\xe5\xe7\xaf.\xfb\xf4\x87\xaf\xff\xdb*\xf3\x05\x9f\x97\xa8\x06\x00\xba\xa1\x1fy\xc4\xe2\x00`\xfa\xcb\x10\x86\xe1\xbf87Hx&gt;\xd8\xf6\xfe\x7f\x81\x84;k\x86\xc9\x7f\xc9\xc6x\xfbYN\x07\x00\xa4r\xe9\x9f]\x1f\xf8\x9d\xbc\xf7\xf7\xa9\xdf6\x8e\xc3\x10\xbe\xba\x90s\x0f`\x84a\xf8\x9e!\xfc\x84M\xdd\xbd\xbc\x0fr\\\x826\x0e!L\x9er&amp;\x9dk&amp;\xf2\xb8\xce\x0e\x9e\x01\x00\x80z5&gt;\xc1\xf9\xdd_?\x8e\xd3\x1e\xf1\xdcE\xdd\xfaq\xcb\xbd\xb9\x9f\x10)TI|\x8dt\xb6\xbc\xa9\xaa\xf1\xf4-k\x1cG\xbd\x7f\x00\xa0;m/rx\\\xe7\xf3\xaf\x840\xfc\xae\xf0\xfc\x87\x87\x95?\xcb/\x04\xa8\xfb\x01\x80\xddgl;}\x01\x00\x88\xae\xe9\xde\xe1S\xff\xfeo\xbe.\xf7\x0f\xc3B_\xfe\xcd\x81\x0c\x00 "K\x80\x00\xa0^\x95\xadp\xf8a[&gt;\xfc\xdc\xaf\xfd\xe7\'?\xff5/\x9f\xfep\x9d\xfb\xdf\x08\x9cOe\x89\x05\x00\xc0^\xa6i\x87\xed\x91\xf0&lt;\x19\x7f\x99\xc5_\xbe\x03\xf0\xfe`C\x08\x7ff\xf3\r\x80\x8cI\xf6w\x9e={\xd0\x16CU\x00xg\xda\x8f4\xc5\xbb\xc1c\x07\xfc\x07\x0c\xc3\xffo\x18\x86\xb9]\x80\xc6\xcf{\xe6\x84\xe9\x1eA\xebI/\x98e\t\x10\x00,\xd2\xfb\xdf\xef1\xba\xfe\xec\xd3\x9b\x7f\xc7\xfb\x0fk\xf6\xcc\xf9\x7f\x9b`\x87\x88\x0c\x00\x00`\xd18Q:,\xed\xf9\x07\x1e\xff9\xfe\x81\x87\x7f\x8d\xe30\x8e\xdf\xbf\xeeH?H\xec\x03\xb4\xc1\xaaY\xa0]\xb7\x1a\xecp%\xf6/}:B\xd7U\xe5\xc3\x8a\xfc\xdft$&gt;k}\x00\xa0\xdf\xb4\xa3cF\xd4pT\x08\xc1\xd4 \xf4\xe7\xd2\x83\xccS\xbaC\x08+\xd6\xc1\xcf~\xab\xf6\xca\xe7\xa9#\xbe\xe32\x17\x8e\xf4Y\x86\xc8i"\t\xe0\x95%@\x10A\xc7\xb3wpZ9;v\xeb\xd6\xc1GS\xf0\xf6l\x08_\x9b\xfao\xfcj\x8d\xfdl\xbd\x7f\x1ae\x00\x00\x11h\x01\xa0K\x95w\xef\xf6\x05/s\xd7\xff5\x8c\x97!@\x08\xc3\xd61@\xdd\xa9\x01-1\x00\x80\xa3.\x0f\xb2\x95\x0e\x05\xc0*\xf5\x8cj~\xea\xf61\x00\x00\x00P\xb5\x0f\xcf\xe9\xfe\xbe\xe9\x00\xe0\xb64\xe8o\x9c] T\xebC\xc0\xd0\xa0Z\xa6\x01\x00\x80|n\x1d\xe4\xa5\x1b\x02\x11\x9f\x81~\xdf\x17\x9f&lt;\x16|}\xdb\xd7\x9f\x18\x86\x1fr=\xed\xc3\xef7\xa9\xe7F\x07\x8d\xea\xfb\toK\x80\x80L\xcc\xc9A=&gt;\x16\xc5\x88=\x9f\xf7\xbd\xa8\x10\x86\xe1\x17\xdf\xa6\xfc\xc7a\x1c\x86\xff\xfb\xe4\x8f\x97\xe1\xc3\xa6\x8ac\x1c\xf5\xfe\x89\xa5\xdb6K\t\x012\xc9\xb9\xa9\xe2\t\xf5=YE\n\x99\xf3\xcc\x9a\xf1\xff8\x8eC\x08\x7f\xf10\xfc\xdf._\xd9u"\x05\x01&gt;RH\x00\xa0\x7f5\x0c\x11\xf3\xdc\x03,~\x99P?\x85\x04\x00\xc8$\xf5\x18@\xef\x1f\xd6\xf0\x0c\x00@\xb7N\xf5\xdc\xc5y\xaet\xa5\x10v\xbcl+\xb9\xa4\x1dt\xbd\x7fX\xc9\x00\x00\x80\x1e\xe8\xfb=\xc9\xfcv\xe1\xf5\x12u\xd3\xf5\xfea=\xa5\x05\x00\xc8+\x84p\xe9\x82\x8c\xd3\xdf\xed?\x9e\xde?l\xa2\xc0\x00@\xa5jxr7\xb3\x1dK\xb9\xce\x16Ep\x9c2\x03P\xcc\xfb\xee]\x08a\x1c,m\xe1\xe4\x1eF\x04\xb7\xf7\x83\x8dO\x7f\xd84\x068\xe1\xb0\n\x00h\x83\xa7Za\x18\x86a\xf8\xf5\xb3\x0f4\x87\x9b\xed\x07T\xb2\x00h\x99&gt;"tL\x01\x07\x00\x80\x131\x00\x00\x80\x1e\xeck\xd1O\xb5\xa1;\x00\x90\x8e\xf7\x00@V\xbb{\xffk&gt;c\x84\x00\x00|\xf4M\xe9\x00\xc0\xb9\x8c\xe3\xe6\xbd\xaeWt\xebk\xed\xf9\xdf\xc2e\xc3\r\x00\xa8\x87;\x00\x90\xd9x\xac7\xfc\xda\xd3\xaf\xb5\xf7o\xa3\r\x00z\xd1\xd9mv\x03\x00h[\xcd\xd5\x91\x89\x7f\x00\xfa0\x8e]\xbd\x94\xc5\x12 hKc\xd5\x8f1\x00\x00]\xe8\xaa9s\x07\x00jw\xefCwU\xf7\x00\xc0G5\xdf\xe6n\x99;\x00\xd0\x807C\x80\xd1R{\x00ztYs\xff~\xf2\xeb\xfa\x19w\x9b72\x00\x80&amp;,Vm\xd3\xde\xbf\x1a\x10\x80n\xacl\xd4\xb4|\xc0\x19\x85\x10\xdc$\xa5\x15=m\xa3\x01\x00\x00\x00\x00\xf0\xe8\xcd\x84}\x98Xw\xb0\x1f\x171`\x00\x00@|\x1f;\xf7\x1b\x06\x00!\xfc\n\x0b*\x00\x00hI_\xaf\xd6\x03\x00\xa8\x9c\xf7\x00P\xd8\xa5\xefo\x0c\xb0\x8fx\x03\x00\xb62\x00\x80\xb6\xb5&gt;\x06h=\xfc\x00\x00l\xb3\xe5\x81Wz#\xf5\x01\xf6Qyr\x84\x17\x81Q\x92\xfa\xeb\xe4\xbc\xb9\x0c\x00\xf2\xb3\x04\x08\x00\xa01&amp;P8\xc2\x00\x00\xe8\x9f{M\x00-Qi\x03|d1=\x00\x07\xd5\xd3\x8e\x84\x10n\xdb\x04\x92\x84;\x00@|o\xdev\xdc1\xc30\x80\x18.\x15\xa95N\x00\x9fU\xd4\xf5\xbct\x85\xff\xf7\xa7\xeb\r\x7f]\xaf\x91\x00\xc0~\xaaP\x80\x8fj\x9b{\x0e7\xa5\x03\x92\xd5\xbe\xebM\x1bK\'K\x02\x00\x00\x8a9[\xef\xbfNR\x01\x00\xa8\xc2\t\xe7\x86\xd7\x139\xc4\xb2?/\xc9\x81\xf4AN\x86\x05\x1e\x02\xa6\x00\x9b\x17\xbf1\x8e\xa3\xdd\x9d)+\x0c\xc30\xfc\xf4\xd2\xa1\x80\xc3\xd4\xa5\xb0@\xd9\x80f\x84\x10\xc6A\x93\xc6Z\xf7\xe9\xffMC\xca\xcb\xb7\x8cB\x01\x86~\xabDw\x00\xa0%ah\xe0\xa6v\xc9%L\xb7S[F5\\\xef&amp;\x95\x0e\x04\x00\x00\xc7\xe8\xd7\xbe\xa3\xdf\x0f@D\xbdnj\xe7\x0e\x00\xb4\xc5\x8c\xee;f\xbc\x01\x00\x00\x00\xd8\xa9\xbf\xe9\x7f\xa8Q\x97\xf7\xda\x00\xda\xf2w\xa8\x8a\x01\xc8\xc6\x00\x002S\xe2\x00\x00\xe0D\x0c\x00\x00\x00\x00\xa8\x91\xf1*\x00ki3\x00\x00\x06\xdb\x80R\x89\x10\x82\x1d\xee\x01\x0020\x00\xa0\x16\xa9\'\xe8;\xdd!\xde\x03\xd3\x00\xc06\xdf\x94\x0e\x00\x0c\xe6\xfe\x0f\xe8t\\\x03\xecu\x99\x14P5\x00P/\x13\xd8\x90\x87\xb2v\x06\xe1\xa6t@\xa0s\xad\x972K\x80(\xcc4\x15\xe4\xa1\xac\xd1\x81\xd6{]\x00\x00I\xe9*\x9d\x8e\xe9\x7f\x00\x00\x00\x00\x00\x00\x00\x00\x00\x00\x00\x00\x00\x00\x00x\xd0\xc6S\xf8\xb6\x01\x05\xe8\x93\xdd`\x002k\xa5\xde5\x00\xa0\nz*\x00\x00\x00\x00\x00\x00p\x80\x1bn\x00\x00\x00\x00\x00\x00@b!\x84V6\xcf\xe9\x86\x87\x80\x01\x00(k,\x1d\x80h,\xb3\x04\x00\x8e\xd2\x9f\x80\xa64P`\xdd\x01\xa0\n!\x04-\x1c\x00\xd0\xbeTw3"\xf6\x94\xfa\xb9\xe1B\xd3\xeeyz\x1c\xe5I\x00\x80\x07q{J\xee\x00\xd0\x8f\x8c\xf7\x10\xfe\xb3\xb9N\x14_\x08a\x18~d\xe9P\x10Y\xb8)\x1d\x10\x80\xd3\xc9Y\xfd\xc6\x9a\'5\xdbJ\x15\x8e\x8fk\xddCX)\x840\x8e\x83\xb2\xdf\x19\xf9\x1f`\xa5\x10B\xdc\xaa\xf2R\x03\xb7U\xfd\xba\x03@E\x8e\x14\x9e\x14\xc5\xae\xcb\xf9\xd4q\x1c\xf5\xfe{\xd5V\xf3\x03\x90_\x8a\x96}\x1cG\xd5/\x14\x93y\tD\x97\xc3\x03\x00\xe8\x9b\xe6\x1b\xbab\r4l\xa0\xb0\x00\x00\xad\xf3*AN\xc8\xa0\x17\x00\x00N\xc3]/\x00\xa0*\xba&amp;\x00\x00\xb5\xb1\x0b\x10i\x19\x03\x00\xa4\xa0v\x05v\xfb\xa6t\x00\xe8\x99\xfd\xe6\x01\x00\x00\x00\x8es\x07\x00vS| \xbb\xefq\xe7\x1a\x00(\xc1\xa6\xe1P\x86\x82\x07\x1fi\xa2\x00RP\xbb\x02\x00\x00\x00\x00\x00\x00\x00\x00\xb1X\x8f\x04\x10Y\x08aP\xb1\x02P-\x8d\x14@\\\xa6U\x00\x00\x00\x8a2*\x03\x00\x00\x00\xd8j\xf7\x8d\xeeo\x89\x1b\x0e\x00\xa0\'\x96\xd2\x01\x00\xc0\x99|\xbf\x01\x00\x00\xe5\xd46\x11e\x93\x19\x00\xa09\x96\x00\xc11\xe3\x8f-\x1d\x02\x80\xacj\x9b\x8b\x81)\xf9\x13\xfa\xa3T\x03\x94\xa5\x1e\x06 \xa3\xbd\xc3z\xcd\x15@3\xbc\x1b\x15R\xb3\x04\x88\xe4\xc6\xe2\xf5x\xbe\xf3\x97\xbeR\xce\xa3x\xb1\x824\xee]\x7fc\x00H\xc7\x00\x80\xe4\xc28\xc6:\xd4\xce#\xc5\x0b\xc0\xc73\xe5:\x11g\xa7gD\xf7\xc6HU\xf7\xae\x81\x84\x12F\xe7\x0c\x00h\x8b\x1e6\x0cC\xbc\xbe\x11\xd4&amp;E\xde\xde4\x06\xb0\xfe\x8830\x00\x80\xcf\xb4\x06\x009E\x1f\x05\xac\xaf\xc6\xc7q4\xc0\xa6\x1d\xde\x04\x0c7\x1e \x03h\xd78\x8e\xee\xf7\xc2\x1a\xbb;;\x06\x00t\'M\xd7\xdf\x88\x02`I\xe55\xe48^n)T\x1dH\xd8\xc1\xdd*H(\xc6-\x057%\xe0,\x14\xf6l\xd6D\xf5\xed3\x12\x85\x9d\x9aXV\x10B\xd8\x94\xc9\xdd\x01\x80&lt;\xfe}\xa5\x03\x00\xd0\x9b5\xd3\x9f\xb7\xcf\x98(e\xbfFrO#\xc1\x84v40\xfa\x07\x00\x00\x00\x00\x00\x00\x00\x00\xf2\xb2\xa6\x08fXn\x07\x90\x9a\x87\x80\xa1\x80\x16v\x14\x88\xedg\x9d\xed\x82\xd9\xe9\xc8Sl\xe7+W\xcdhb\x1f\x15\x00 .m?\xc9\xe9bV\xeb&lt;\x03\x80\x93\\&amp;\xad\xb3a\x10D\xf3T\xef{=\x07\xc0E\x08A\x95\x08\xf5P\x1a!\xbe\xfbH`\x1c\x07\xa5\x0c\x00\xa8\x8a\xae\t=\xbbt\xc4#O;\xddz\xf7\xeb\x0f;\x19\x0f(q\x00@a\x1e\x02\xa6\x7f\x11Wd\x1e\\\xc4jm(\x00P\x9c\x01\x00=\x8b&lt;\xe1\x1e\xa7\xfb\xfeu\x10\xe3\x01\x00 ?\x03\x00\xfa\x96j\xc9\x8d\xc5&lt;\x00\x00p\x02!\x0c?\x7f\xcf\xb4}\x98\x88\x1e(\x00\x80\xf5\xccb\xc2*\xcb\xcf\x13_\xbb\xf4\xcb\xf7\x04\xc2\xbd\xa0]\x0f2D_\x9c\x04\x00\xb0\x96%@\x9c\xc2\xc1\xa9\xf7\xdf?\xf3\xddU\x13\xfa\x97\x0f|\xed\x02t\xf9\xe5\x10\xebq\x82\xc6\xb9%\x02\xc4\xa0\x1aYO\\qa\x1a\x92\xceEy9\xd7\xeb\xf4\xff\xcba\x87\xd9\xd2\xf4\xf4B\x00o\n\x9b\xb2;*p\\\x92\xed\x9e\xfb\x15Bp\x17\x9aa\x18\xbe)\x1d\x00\xc8\xe7p\x0b\x11B\x18\xc6\xe9&gt;&gt;\x93c\x7f\xfa\xe6\xf0\xfa=\xaf\xc6\x048\xc8\xfb\x167\xf9\xa3\x83\xde?\xc3\xa0\xcc\xc0Gkn\x98.\xf5\xe3?~\xf7\xe4\x03\x00C \x00\xc8\xcf3\x00p\xd4\x1fZ\xfe\x93\xbe\xed{z\xff\xa7b\xf11@%\xb4\xbe\xf0\xc1\x9b^\xcb\x8a\xfe\xeb\xe7&gt;\x8fN0\x00\x90\x93;\x00\x00\x00p"\x06\x00\xb0\xd3\x9a\x99{K\x1e\x00\x80\xda\x18\x00\xc0\x1e\x96\xed\x00\xc0#\x93^\xcd0\x00 \xad\xd6\x1f\xfb[\x0e\xff\xaa\x11\x80a\x02\xc0\x84w\xff\xf5L\xda6\xc4\x00\x80\xe4\xfa\xac\xeeW^\xd48z\xc6\x17\xe0\xa2\xcb\xd6\x80;\xcd]C\x0c\x00H\xa9\xfd\xca~q\x83\xffH\x03\x1b\xc3\x03\x00z\xa1Ek\x86\x01\x00)\x8d\xc3\xd0~\x1fw6\xfc\xeb.)\x84\x10:\x18\x05\x01D\xe1\x9e(T\xe2\x9b\xd2\x01\xa0o}\xd6\xf5\x977\xcf\xaf\xbc\xb27\xdd\xff\x1e\xe3\x06\xe6]\xee\x98\xf5Y#\xb0\x8d&lt;\x00\xe5\xb9\x03\x00\x9f=\xf5ZB\x18\x86\xff\xce\xe7y\xfd\xcfS\xff:C\x00@v\xfa\x1f\xb0\xde\xc3\xb2\xff\xcb}\x80\xb5\x9f~a*\x94\xb3\t!\xc8\xf6\x005p\x07\x80n\x85\x10}\xbf\xb9\xc7\xbe\xcb\x87c\xeb\xfd\x03\x0052\x00\xa0O\x89\xf6\x1e\xbd\xf7\xdb\xbf\x7f\xf8\xb8\x80G\'\x1f\x1e(\x12\x00@B\t\xa6\xff\xdf\x9d\xed\xf57\xfft\x98\xe7E\x89\x00@Yv\x01\xa2C\xd9_=6^w8Y\xd5\xbb7\t\n\x00\x94d\x00@\x9f2/6\x18\xc7K\xe7\x7f|\xda\xfa\xe7\x16\x8c\xcb/u\xfd\x01\x807\x82\xde\x02\x00\r\xcb~/\x0e\xa0\x039jN\x83\x0c\x00\xe2\xbb\xf7\xfe=\xfb;\xcb\x9b\xd1\x80\x82\xec\x02\x04\xb0\x8a\xf9\xec\xbd\xc4\x1b@]\x0c\x00`\x0f}\xc1\x132Y{\xdd\xc9jc\xe6WV\x80&gt;Dn\xfaC\x18\x86?\x10\xeb\xc8\xba%\x90\x83\r=9\x8d\xaf|\xbei+\xdb\xc9\xd6\xb7\x1f&gt;s4\x80\x00\xe9E\xaf\xaf\x1e\x8f\x96\xbb2&lt;\xfb\x84\x16\xcc\x0b\xe1\xfd{\xbeB\x08\x1d\xcd\x07_\xab\x9d\xcb\x15\xf5ui\xc4\xb4u\xd9\xfa\xc7\xbc\xe49\x01\xce\xe6u\xcf\xe8q\x1ct\xc6\xc8\xcf\x12 \x98\xf1q\x18\xdeW\x7fe\x1c\xc7\xaf\x0b\xea\xeb\xd2\x88\xe9!\xa3\xac\xfb|\xba\xc0@\xbb\x1e\'~\xfb^\xbc\xf1/v}uE\xfd\xecC\x11\xabv\x06\x80Ll\xfes2!\x84\xd7\xe4\x9e\xef\x12\xcb\x15,\x99\xbb\x9b:\x9b\xb56p\x07\x00\x00\xd8\xc0\x9c\xee\x1a\xcb+\xc6\xaf\x9d\xb6q\xfc\xdb\x9f&gt;\x9f&lt;L\xb4i\xae\x9f\xbf\xed~,\x00\xf4\xc9\xa3\xf9\xd9\xe8\xaa\xae\x11B\x18\x86\xff\xe4\xba\x0f&gt;H\x1e2\x1a\x14=c\x18=\xc0\x95\x87_\xa1uJ1\x8dz\xea\xde\xc9\xc6\xdc%\xda,\xc1\x12 \xb8R\xdfB\xebt\x9b\x88n\xdb\xcc\xeb}\x16\x7f\xe3|\xedS\xd6u\x1f\x80\xd4\xbe)\x1d\x00\xa8\x87\xaeC"A\xdc\x02\x8d\xda4\xaa\x0c\x93\x1f\xee_\x0b!\xd8\xeb\x93\xdd\x12\xcdk\xb8\x03\x00\xa4\xd5\xfb&amp;w\x00\x173\x15\xdd\xad\xf6\xfb\xd0\x87SI\x92\x99\x01\x00\x90\\s\xeb2~\x9f\xc6\x18\xd8\xe8\xb9\xdaX\xb1\x10h\xdfz!8\xae\xb5f\x19 =\xcf\x92\x02[\xbd\x99\xc5\x9f\xadO\xde\xcf\xfa\xab\x82H\xca\x1d\x00\x00\x80\x83\xb6\xcd\xe2[\xf3\xd3\xae&gt;\xd2\xce\x00\x00\xe0\x99\xa9\xb77l\xb7\x0f3\x94\x89\xd3\xd8{s\xa6\xae,b\x00@Z}\x0c\x949\x1f#\x80E\xe38V\xd6\x90A\x056v\n\xc7\x8bD\x81\xa1\x1a\x93\x97\xbb\xd5\x95\xda\x06\x00$\xa4\xf7\x0f}J\xd0o\xe9\xb5\xba\xf0nW\x86aX\x9c\xfd5\x04\xa8F\xbarZ\xe7@\xcf\x00\x80\x84Lp\x00k\\\x9a^}e\x9a\xf6\xda\xdc\x8d?y\xf8\xe5\xd7\xfe\x9f\xa6\xb0v\x89\xba+\xd5\xf6\x82*\r\x16\x00\xa7\x92\xe8u\xf7\xe5\x85`\x96\xf7&lt;\x9eF\xb0+3\xf3\xeb\xb8\xb7\xb7R@}\xdc\x01\x00\xa0\xbcI\x8f\'\x0c\xc3\xef\xea\xe7V\xc0\xf5\xbaz\xb9\x1c\xde\x9av\xdc\xd7v\xe2\xbfM\xde\xa0\x00CL8\x17;\xdcS\xb7pi\x98B\x08\xe3\xd0\xc9\n\xe9\xcb`F\xb9\xcb\xafHu7\x1d\xbb\xae9\xfb\xdc\xf4\xff\xa0{\x16\x97\x86\xef\x95;\x00p*\xbf\xa0t\x00\xe0\xbdk#=\x8e\xa3\xde?\x07\x15\x89\xf4iZ\xbf}\xcb\xef\x9b\x89\xffs\xe5\x16\x0f\xff\x00d\xa0\x9e\x85|tn\xce)L\xcc\xfei\x98&lt;\xf8\xfe\xf8\xe1\xdfP"\xbc\x00\x00\xc4\xb0\xd4\x05\xa4{/\xdd\xfaa\x18.o\xd0\xfb\xe5\xaf\x9d\xfe7\xa3\x05\xfaV0\xc5\xcfu\x9b\t\xce\xc9\xf2G(\xc2\xfa\x9f3\xdb\xd1\xb7\x93UN\xa5\xec\xd6g\xb2\x1a\x00@"\xab\x06\x02\x1e\xfc=\xa1\xb2\x13\x04r\x1b\x00@Z\xb3\xe3\x00S\xfe\x00\x00\x00\xdd\xa8\xf7\xa1\x0eCO\xc0Je*t\x9d0\x95-\x01\xa2S\xb1RL\x08\xc1\xaa\xc7\x1al}m\r\xa4\x17\xd4\x0c\xfd\x92\xb8P\x9e\x17\x81\x91\xc7\xd2\xdaG\xcd\x00\xf0J\xcd\xd0\xad\x10Jn}\xd8\x10\xbb\x826\xac\x85\xb43\x00 \x0f\xcd9\x00\xd1\xd5\xde\xcd\xda\xa7\xfe\xee#o\\\xdf\xfbPw"~S:\x00\x00\xc0YD\\gx\x7f\xc1V\x7fk\x17\xc7q\xf4\xfe\x16\x92r\x07\x00\xb8\xd2\xd8\x00TB\x85\xdc\xa8\xca\'\xfe\xefd/x`?\x1c\x80v4\xffHq\xd1\x99\xfe\xe6c\xafB\xad\xec\xab\xe1\x0e\x00\x00\xc4\xd4\xca\x14`Q\xb1\xa2\xa8\xde\x0eV\xfdN\x92OK&gt;N]q\x14\x1b\x00\xc0\x83\x9a\xc7\xeb@\x13T"\xef]\xfac\x86I\x17\x05\x1b\x9d\xf3\xb4w\xe3\x7f)\xe3\xb9&amp;\x91Zg\x16\xbf\xaet(\x1d\x0c\xa8\x94\x07\xb0\x00b{\xe8\xf6\xabc\xe9\xd5=\xa3\'\xca\xe4\xc7\x97++{\x00@\x06\xcf\x93\xfe\x06\x00d\xd0\xdft^\x94\xc7\x0c,\x01\x02\x002\x18\x87\xc7\x05\x12\xc0\x11GJ\x93\x01\x00\xc0\xb9x\xc3(\xa5\xa4|\x01\xbc,\xcd\xbc\xcc\xd3\xff\x19*\xd8q\xf6\xc7\x8d\x0c\x00\x00ND\xd7\x9f\xe2~\xeb0\x0c\xb1\xbbe\xf25\'2\x8e\xc30\x8c?\xa9t0\x00h\xc4u\xfb\x95\xd2\xc1\x00\x00\x00\x00\x00\x00\x00\x00\x00\xd6\xf0\xb0/\x003&lt;\x04\x0c\x1f\xe9B\xd1&amp;9\x17\xa0k\xb7M\x876W\xf7\x06\x00\xf0N\x7f\xfb%\xee\xab)h\xd28v\xf6\xfa\x1b\xa8Do\r\x031d\xce\x15\xd3\xfdFw\x9c\xd9\x00\x00\xde\xe9\xb2\xff\xa4\xe5:\x89\x10\xc2\xbf.\xb1!\rc\x80e\xdd\xcd\x9c\xadp\xb9\xe4\x86.\xbc\xc3\xce\r\x00\xf7v\xa8\xcbA,P\xad\x10\xc29\xab\x9dK\xad\x9b\xe7\xda\x9fF\x1a;N\xfaM\xbc\xc0\x00P\x97s6\xc3@A\xa7\xadv\xc6\xb1\xc0\r\xf6\xd3\xc66\x00\xb3\xcex\x17\xbe\x10\xf1\x0c\x00\xcc\xd0E\x00\x00\x00\x00\x00\x00\x00\x00\x00\x00\x803\xb3\xa2\x18\x80a\x18B\xe8\xf1\xe5\x0e\xfd]\x11\xd0\xa4.7T\xb0y\x10\x10K\x08\xc1\x96d\x05\xd8\xf2\x1f\x80M\xb4\x16@\x1c\xd39\x12=Q\x00\x9e\x1c\x7f}\x15\xb1|K\xe9\x00\x00\xd0\xb7\x9fY:\x00\x00\x0c\xc3\xf4\x8eq\xd9p\x00=\xb1\x16\x05\x80\xf7.-\x85f\xa2\xa0\x10\x82;\x00@\x1c]&gt;&amp;E\xa7Z\xca\xabJ\x16\x9d\x19\xc7Q\xef\x1f\xa0\x1f!\x04\x9d\x15^u\x96+:\xbb\x1c\xa0)\xea\x1f\x00\xc8.\x84\xa0\r\x06\n\xf8\x95f\xd9\x00\xa8Q\xe1\xc6)C\xeb\xe8N\x17\xd0\xack\xf5\xe5\x19\x00 \x92\x7f]\x97\x88\xa1\xf4\xde\x12a\xfc\'\x8b\x9e\x1f`\x9d"\xf3\x08\xf7sz\x08\x03\x88\xc3\xc6\x0e\xb1\x05Ut\n\x8d\xbc\xb0B\xeaC\xcfJ\xb7\x98\xdf\xaa~\x01"\xb0\x01ht\xc7\x9a\x87Kr\x9c0-^\xfa\xcd!\x0c\x8fq\xd8\xc8\x00\x00 !K\x80\x80\xc3\xf4\xfe\xd3x\x1b\x9f\xef\xee\x1d\x870X\xa3~\xf5\x12\x87\xe3\xd7_\xae?Z\xd0O\x04\x9e\x0c\xd9Ht\x01\'\xd5Q\xf5\xa7\xe5\xcb\xecC\x84{J\x152\xbb\x17\xba\xea\x8b^\x15\xc1SG\x01\xe7\xa5\xfa[#\x98\xcd\x9e\'N\xa0F\x95W\xec\x95\x04\xcf\x00\x00\xa01\x99{\xe4\xda\t\xa2\x93\xa3\xc8\xefV\x95\xc9{T\xc13\x00p\x12\xd1Z\x9dq\x1c_\xd7U\x03\xf0\x91\xb1\'\x95\xd0\x8a\xc3I\xd8U\x10\xa0\x8c\xc9&gt;i\xc3\xdb\xaaXEM&amp;\xee\x00@\x87\xe6V8hT\xe8\x90\x15b\xb4\xe6]U,/\x93\x8d\x01\x00\xf4I\xaf\x8838\xc9\xce\xb3\x8as\x1f&gt;f\xd7\x93\xe4\xe7\xc4\x14\x96U\x0c\x00\x80bRwkt\x9b\xce@\x9f\x89\xfa\x8d\xa3\x8c\x9a\x89Z\x7f%\x03\x00\xe8\xd0\xc9\xdb\x99\xaf\xe5\xb6\xff\xab\xb2\x01\x818\xf4\x1d\xdb\'\x053QV\x00\x00\x00\x00\xf6\xf2\xc0%\xa7\xb5\x98\xf3\x15\n\xa0A\x96\x00Al\xfd\xf6\x06\xc6q|]\x8a`T\xc0I\xcc\xe6sY\x1f\x008\x1d\x03\x00\x00\x008\x9b\xda\xdfoo\x88\x02dbNd\'\x91\x96\x95%@\x90\xcay\xda\x80\x10:^\xf7\xc4I4\xd6is\xe7\xadNRe\x1f\xd99\xbfoJ\x07\x00\xbau\x9e\x9d\xfb\xea\xbf\xd2\xfaCHY:\x1f@\x13B\x08\xe38\x1c\xdfXV\xa3\x08\x00\x8d\x99\xce\x97\xb6;\xbe\r!\xb4\x1b\xf8Y_/!y\xbc\xae\xcb\xef+\xb9\xd8\xfe\xa2\x9d\x1d,\x01\x82\xb2L&lt;\x92U\x08\xe1\xa7\x99\xee\xa6\x02\xfd\xad\xf9xsE\xb3[\xa8e\xf4\xa7\xef?\xdd\x02\xd9[\xe4\x0fQs\x94%v\x00\x15R/\xef\x17B\xedOls\x12]\xf6\xb1n\x17U\xefuu\x19\xed7!\xd6\xd5u\x1dKW\x9e\x01\x00\x1a\x13\xc2po_\xdd\xc8\xde*_\x8c\x850H\x1d\x96u]x\xeb\xbd\xb4q\xec\xf8\x89\x971\xd6\xd0k\x1c\xc7\xbf\xbb\xdfh\xba\xa87\x8f\x02\xccz\x9a\x98y]k\xdbu\xc7\xa2\x19\x12\x82\x13\x8a\xf5\x80&amp;\xa4\xe6\x19\x00 \x9d\x0fwQS\xdcc\xbd5\xbc\x9dO\xde\xd4O\xef\x7f\x17[\xea\xb6m\x1cG\xbd\xff\xf3i\xb2\xd8\x1a\x00\x001M\xfb\xf4\xb7\x1f#\x8f\x01\xa6\x8f\xd3\xcd\xf42\xc7qrjh\xcb8\x8c\xbf\xbat\x18\x80\rB\x18,w\x04\xf8r}\x8ej\xb93\x9e\xee)\xab3&lt;\xc2\x05\xd4\xe6R\xf3\xfcGT&gt;Y\xa8\xe4\x01*\x15B\xf8%%\xea\xe8p\xf3\xbb\xb5\x10@.\xa6\x1eh\x85{\x16@B!\x84q(s{\xf4\xeb\x8d&lt;\x85\x02\x00\x10\x93\x9d\xb5\x88\xc73\x00@\x12\xf7\x99\xb00\x99\x8f\xcf9=v\x7fT\xc0t\xdc\x92kr\xfc^1\xd4\x153\xd0\xdd\xd2\xfb\'\x1e\x99\t\x88lM\xff#\xdbNy\x97\xc0\xd8\x91f\xd64\xa5DQ7l\xc0\n,\xb9\xd7\x0f\xea\x08 \x8e\xad\xf3\x8e\xfb\xfa(_\x0b{tqb\x10\x9f\x00\'d\t\x10p\xdc\xcfz~9\xd7m\x05\xce\x9b^\xe5\xbe\x85\n\xa6.\xe2\x1a?\xa6\x13Q\xe5]\x9f\xe3\x81\xd4&amp;I5\x00\x1a\xb0fq\x7fX\x90-\x90P\x83\xf7\x1b\xe3\xc6\xf6\xcf\x85\x10&lt;\x05\xd3\x96[\xc5\x18\'\xd5T\xb3\x91t\x18\x87f}\x80C\xd6\xaf#_j\x87L?\x17\x97\xe1I\x89^\x17\xa6\xf7z]\x94\x12\xb70z\x08\xea\xb8^\xe3\xd0\x12 \xe0\x90\xdfz\xfb\xe1c\xfd\xd8_\x05\xca0wo\xe7\xcd\'s\x06,\x8b S\xb7\xa2\xa1\xec\x17\xb7\xaa&lt;C\xc5\xebF\x07p\xc4\xaf-\x1d\x806\xfd\xba\rw\xab\xe7W\x01\xa9\xb8+\xb0\xa3\xf9\xb4\xac\x8b\x86\xc8\x99\xfdR\xed\xec\xd1\xff\xb8\x10H)\xdc^M\xb3\xa22Y\xae\xa47\xcdQYt\x91\xc4\x96w\x0c\xbdon\xa5\xce\xac^\x17\x12\x00-\xb2\x04\x88s1C\x99\xc2\xed}_\xc3\xfb\x99\x98X\x0f\xb5\xc58\x86&lt;\xf0B\xc7\x148\xa5sv\x0c\x0c\x00\x80\x18\xfe\xd6\xe1\xde\xaf\x9e\xabI\xe3U\xaf1\xf6\xac4\x0b{\x84\xe9\xff}l\xb7J\x0c\xa7\xeb\xa7f\xa0l\x02g\x11\xab;\xfe\x8b\'\xeb\xf8\x7f\xec\xf2*\xf0\xa5\xc5\xe2V\x8d\xb7H:\xf2\x9e\x9c\x00\xf53\xe2\x01\x8e\xb8\xb6\xf5\xe3\xe3\xc4\xd4\xe3l\xca\xe7\xfe\x80\xd9\x97r.Oql\x8b\xff\xd9\x14\xf5\x8a\xb6&gt;\x1c|\xc6\xc6\xa3\x0e\'tK\xf4A\r\xd0\x10K\x80\x80#\xae\xd5\xbd\x19\xbf}RO\x9c\x7f&lt;~\x94\x93\xdfn\xa0on\xfb\x83\xd7Tu\'\xde\xfe\xf5\xe1\xeb\'\xb7\x14Z \x95\xdab\x00\x00s\xfeQ5\xd9Z\xf7\xb5\x93\xaf\r\xbf\x85!\x1f%Z{\xba\xa2\xdf\x7f(a\xc6GG\x8e\xd3\xee\x94a79;\xf6\x85DI\xd0\xdbAz\x89\xe4\xbe\xb9\xdf\x03pN_\xf3\xb8\xd3\x9e\xe5\xc7\xa5\xff\xc6\x07QMc\xf2\x12\xb1\x8b1|\xff\xbd$\xd8-\x84\xd0\xc7\x18\xf7\xe5\x12\xea\xba\x9c\xd6\xa3\xf7$\xdc\xcdK\xea\xbf\x92 z\x8d\xda\x80\xe3\xc2\xd7Z\xa0\xc7\x15\xc0\x97\xf5\xc4!\x84\xfb\xf2\xd0\xd7\xe6\xbc\xd6\xe5\xc2\xa1\xf5\x1ar\x1a\xd5K\x91l\xc5\xf6[\xb7G\\\x96\xe3\xa7\x8f\x08&lt;\xb8\xee?\xa9\x9a\xc3\xc6\x8b=\xcf\x14\xf1Q\x8azF"\x01Q\xac\xed.?\r\x004\x15\xe9\xac\x19\x00\\&gt;\xe7\x16\xfe\xd4\xbd\xc7y\x8f@\xb9\x14\xd6\xe8c&lt;\\\xa3\x04\xb5\xf47q\x0f\x07\x9c\xd5?v\x9b\xe6\x1f^\xee\x06&lt;\xfff\xf8Z3\xaa\x9dHf\xfd\xc2\t\xad\xf5\xa3\xfb\xf2\xf3\xa2\xa1\x80\xf6\xe8\xfa\xbf\x8a3(\xda\xfe\xf5\x8f\xb7\xce$\x15\x10\xd5\xc3DE\x18\xc2C\xcdeJ5\x9b\xb5\xd3\xff,\xfa\x8aB\x11\x08\xecq[DX:\x1c3\xec\x02\x04\xe7r{\xe0\xef\xb7\xa5:\xc1Cw\x7f\x08_g\x1c\x86\xe1\xaf\x19\x86a\xac\xbf;\xd5\xd1C\x87\r\xc4v\xbdnw\xa9*\x8e\xbf\xaf\xc2\xd5Q\xa6\xa5*\x1e\xc2\xde\xe0\xbb^\xe2j\x1c\xab\xaeA\x80\xf3\xc8\xbb\xf7N\x98n\x10\xd4\x84\x0e6u\x19\x06;\xb0\x9e\x85T&amp;5\x19l=q\x05\xd4\xeb\xd6cPO-j\xaa\x12_\x0c\xea\xc1\xae\xe1e\x8f\xcb\xdd_\x8f\xab\xa9\x14\x01h\x80%@pNnJ.je\xcd\xcc\xc7\x1e\xfe\xc1\x0b\xd1\xe9\x06\xe8U\x1b\xed\x1c@:\xd7]\x1a\x86B\xcb\xbdw\xef\xef\x16BX\xec\xe5\x7f\xde\xc0\xfe\xe3\xd1\x87\xaf\x07\xd8\x92D\x8b\'\xc2\xa1c\x85\xb7\x04}W=2\x0c\xee\x00\xd01k]j\x96s\xed\xf2l6\x98y\x1dA\xa9\xa6bo\xe7\xffm\xf3v\xbc\xe1\x1bS\x17\x1dM3t\xab\xf4\xb2=\r\xff,\xcb)9\x05\x8f\xc7U.\xfb\x00 &lt;\xfeN\xde\x00\xce+i\x1d\x98w\xb7\x89\xcfj\x0bO\x11O\x91\xe0\x0e\x00=3\xc5X\xb3l7g\xc7q\xbcL\xb3O\xea&gt;9\x83\xee\xa4\xef\xdc,\xf5\x9f\xf4\xaeZ\x94\xae\x06\x9e\xcb\t\xf2Fu\x0c\x00\xe8\xd1\xd7\xd2C\xfd\xbc\xb4\x9aj\xf2\xc7i\x83gm\xe8\x11M\xa5\xfbYdH\x92.^,*\xeb&amp;7\xdeL\x7fW,4\x13\xaa\xfd)\x03\x00:\xa4\x82\xcf\xa6\xb9\xfat}\x80\xff\xdc\xf6\'5\xe3\x86\xbf\xe9\xa8\xe8^\xd9\xd4i\xe0\x95i\xc30\x0c\xc3\x9fl\xbb@7\xa9\x92Z\xf4e@rFb\x00\xa0\x7f_\xab2\x12\xb4\xbeO:\xac^R\x00\x00 \x00IDAT-z\r\r|\x14\r_H\x1d\xdd\xac\x16\x88\xa5|\xeaY\x1bVI0\xaa\xe2\x0e\x00@W\x9e\x9b\xba\x97I\x9f\xe3m\xe1\xebDR\x1f\x8dk\xce\x19\xb2\xc8=\x12\x13\x9ck\x89\xa5|\xe4\xc9\x9a}S:\x00\x00\xc4\xb7\xd4\xf4F\xeatN\x0f\xdeC\xd7\xbf\x94\x10\x82N\x12\x1d\x93\xbd\xab\xe5\x0e\x00\xc0!\xb5\xdd\\\xce\xbe\xda\xb5\xd8+\xd4\x9a\xa6c\x04\xafj\xabN;f\x00\x00p\xc0\xdf\x93\xa7\xad\xaa\xbaE\x8c\xbb\xe3\xd6I\x9a\xff\xbf\xff\x1c\x97\t\xeb\xdd\xcb~\xf4J`\xff\xb4H\xbf\xe5\xd4\x0c\x044\xca~\xf6\xb5\x089\xdex\x1fb\xa5\xf5\xbde\xadv\x06:K|\x02\x95\xaa\xac\x06\x88V\xf7\x02I\xfc#\xfd\x0e\xd3o\x1e\xb6S8\xc9,))T~\x93\xbd\xf2\xe0\x01\x1dKP\xf9\xa8\xcd\x80\x03\xea\xd9O\xad!a"\xdd\xf1S\x1c9\xbd\xef*\x1d\x80wZ\x8eX\xa0a\xd1k\x9e8\x07\xfc\x0b\xd5\x87\xc0y\x840\x1c\xaa=C\xd2\x01\xc0\xe4\xc8\xaa\xe6\xc8\xf6%\x991\x03\xd0\xa5\x14\x95\x9b\x87\x80\x81J\x85\xd9\x1f7H\xb8p\xf3\xb1:\xb6B4\xb2\x1dO\xec\xe9\xfdC+\xdc\xe2K\xe1\x1a\xab\xff\x86\x88\x05\xaa\xb7\xa6\r8\xd8N$\xba\x03`EVmN\x9e\x16!\xcd+\x9f\xd9\xe1\xe4Y\xf1\xa3[\xcd\xf9\x07\x9e~Y*&lt;\xed\xfbz2P\xab\x04\xf0%\xdd\x00 \xee1\xe3Z\xd9\x18T~\x15\xacd)\x1aT,a\xd9\x9cn\r\xb2\xa9ar\xe7\x1a8*x\x9bi}.\xcd\xc0\xc7wt\x85\xbav\xdc\x03\xe8J\xb6:\xf6\xde\xf5W\x9f\xd3\x183Xu\xf9\xd6\xf5iQ\xfb\\8\xefU^\xf4\xea\xbf\xd9\x02\x90\xce\xca:\xd0\x12 N\xef\xc0\xa611\x83\x91I\x1da\xae\xbf\xc6\xa9?\x84,\xd0\xa4\x91\x93\xccFe6t\xebo\x9f\xfc\'S\x87\t\xba\xd2b\xbdo\xc4\xbf\x86X\x82\x05\n\xc5\xb3\xcao\x88qB\x9b\xda\xaf\xf5\x9f\xb4\r(\\\xb5\xbbl\xael\xb8\xa3t\xac\xeb\xeb\xa0W\x15\x18H\xa4\xd5J/\x9dq\x1cE\x0b\xb5Y\xdf?i\xb7\'\x03\x9c\x93\x0e7=3\xaf\x0cT\xc5\x1d\x00( \xc3lw}s\xea\xef\x99\xb4\x88\xef\xdc\x9d\xce\xea.&lt;\x84&amp;\xd7\x19\x02]\xd2\xe8B\xb7\xec\xf0\xc8i\xddwA\xbd\xf4\xb8\xcfQ\n\x826\x1dX\xc9\x1d\x00\xe8\xd68\x8e\xe7\xe8\xf7\x90S\xf8\x8e\x16\xa6\xb1/9\xbf\xbe\x80\xc6\x0c\xd1\xf4._c7\xfc\xceA\x92\x00\xb0L#Q\xb1\xe5&amp;\\\xaa\xb5\xa1\x9e\xb5p\xd1w\xa3\xba\x1e\xed\xeb\x80U\\&amp;\xd0\x04w\x00\xa0\xb0#\x8dv%=\x9b.\xdf\x056\xe9\xab\xcd\\\xdae=\xf7\xff\xb0\xbb\xab\xeeOm\xf7\xc1\xe2\x07\xe6\xeb\x80\x15]&amp;\x00T\xa4\xbf~j\r\xba\xdch\x7frQ\xb3\x03\x80\x0e/\xf9\x88\x9cQ!\xda!\x12Ei\x8f\x8d\xaf\xe5\xfa\x9bR\x87\x07\xe8V\xf5\xdd\xcd\xf8\xc1{s\xc0}\xe7\n!\x0c\xc3\x8f\xde\x15\x86\xb9s\xc5K\x91\x83\x07\xa9;c|v\r\xfc\xf5*\xbe\xed\xf3\x17~n\xdb\xd7\x0b5Q\x94\xf6\xd84\x00\xf8\xf8\xe1\xd6\xebp \xa1v\x06\x00qB\x18\x1eM\x7f?l\xad.\'_I1D\t!\x0c\xc3_}\xe4\xeb\xc7C\x95"cD\x0c^\\\x15\x06\t\xe0\xc5\xad\xfe\xacu\x00`\xc9 \xb9\x85\x10\xaaZ\x92K\x14\xe1\xba\xe5\xe8\x10\xabV\t!\x8c\x97M\x1c_r\xcb\xf5O[Nt\x0b^\xcc\x8c7\xad\xb2w\x1c\xf9\xfe\xf5\x18\xa1\xba\xeeuy\xf88_\x07\x9c\xb6G\xbbC\x98.\xda\xd5!\xc0\xac\x1a\xfa\x18!\x84\xf5{\x10\x97\xaa\xd3\xbe\xc9|&gt;\x18\x86!\xd9~\xd5\xd7^K\xf1\xc2\x7fb\xd1b\xfe\x9a\x88s\xc7\xdb\x92\xbe9vF?\xd2\xfb?n2\x90\x88u\xc8a\xb2\x81~\x0c!\xc4\r\x1c\xc0\x92\x1a:\x00\xe3\xca9\xaa[\xf5]$\xc4v\x01"\xb7q\x1c\x13\xe5\xf6{\x9f\xca\n\x01n\x12\xd6\xab543K\xdd\xf4{\x11\xd8}s\xf9\xda\x80\x1d\xd9B\xe7~\xde\xa8\xf1TpW\x1f\x15\x0b\x10Kx\xbc\x89\xbc\xf8\x99d\xd5\x8e;\x00\xf4c\x1c\xc7i\xbf\xa7\x8e\xfe\x19\xfb=U|\xc7\x134z\xae\xd8}\xb4{^=\x18\x9e7M\xc3\xf1f\xe3h\\}\xfa\xfeKr\xd4\xfe"[U\n\x10\xd1\xb4\xd3\x92\x9f;\x00t\xe5298\x8e\x9a\xea\xdcR\xcc\xcb\xa6H\xc4z&amp;q\xa3\xc7\xd8\xd2C\xd8\xb7\x93|\xfb\xc1kO\xff\xa4Z\xfe2[Kf\x00\xce&amp;\xc2]V\xe0\xac~\xcd\xa7\x0f\xcc\xf4o\xbe\xa3\xb5MT&amp;{\xd1\x1c|gZ\xa5\xdb\xda\x1c\xf1xQ\xe1\xf5\xf7o~S\x8fR\x01\xab36\xe8\xdb\x9ama\xe0"F\xdb\x07\xf4e]\x9fi\xa6\xe2h\xb4B9\xdeGL1\x00\xd8w\xb4\xb8\xfd\xce\xd9\x8bZ\xfaM%1\xf0z\x90(\x81i\xc3/9\xd3\xc5\xf2lZ\x00\xe5\x04&gt;H:9\xe2\xbe\x03T!l_\x11\x1ev\xadh\xbf\xd7&amp;\xcd\xddv\xdcw\xbdOG\xb8\xfc\x10\xeb\xdaw\xa4\xda\xe5{\x11\xeb\xde\x95\x17u\x0f\xea\xed\x87!\xca\x96Y\xc7\x13\xc5\xe6]4go\xc1\x872fs\xacg\x00\xa0\x16[\x1b\x93\xad\xcd\xcf\xb4\xa7\x18\xaf\xe9\xca7\x89Uas\xbb=&amp;\xff\xdaR\x8f\xba\xde\x83Z\xdf\x92\xd3x/\x8f(\xe9{J\x07\x008\xa9\xf7\xb7v\xcfu\x8b\x15z\xb7\xa7&lt;\xab\x05\x8a\xaf\x83Oq\xf6\x14\x0b{\x00h\xc2\x0f\xd2\x04\x00|P\xfa\xf9\x87dg\xbf\xd7\xfego\x004\x81\xc0\t\x19\x00\x00\x9c\xd4\x89\x1b\x800\xfc\xf9\xd5]\xf8%-v$\xca\x89\xd31\x02QG\rL\xc9\x03\xaf\xd4\x08et_\x17ko*\xb5-Q$"\xb4\xad\x95e\x99\xed?y\x05M\xb9\xef\xc1\xa2\xf4\xc1\x8c\xdb\x96@\xa5\xc3QJ\xed\xafC\x06\xdekw\xab= \xb2\xe94@m\x13\x03\xfbB\xd2\xca\x0c\xc7V\x9d]NY\xfde\x8f\x0c\xc4\x18\x90\x87\xd1\t\xe4\x14B\xe8aV\xe0\xa9\x9b\xd2\xc1\x15\r\xa6mb\x9b\x8dO\x1b\xa8W#\xd5\xad\x86\x18\xaf\x86\x00\x92\xf3\x1e\x00X\x94`\n\xb3\xb6-\xd8\xf7\xa8\xbc\xf7\xbf;\xc9\xbe/n8R\n!l\\Y~\xfdV\xce\t\xe6\xaf|\xf1\xc3\xcdj\x03\x00\x8dx\xea0\xb9;\x7f\x97y\xc7I\x8bI\x1e\xfc\x99\x9d\xb1Q \x1a_\xce(\x1d\x81\x96\xfclU\x16\xc0\xb2t\x9d\xcb\x97\x87\r\xbe\xcdNJ;\xe9|\x03\xe4R\xf9\xd4U]\xf7\xee!\x8e\x10N\xbc\x8bH\x01IW\xcf?\x1d&lt;\x84`\x0f%\xce\xb3\xd0\xdcS\x13\xd0\xa2\xfa\x1f*\xf3\x0c\x00\x1d\n\x91V\x1a\xe4\x1f\xbe\xdf\x96\xd6$9\xef\xff\xa7\xee\xd9\x88%s\xb5\xe7X\xf9\xcc\n\x89\x9d(\xe9\xc7\xf1\xab\x08\xc8\xf69\x85\x10&lt;\xbe\xd2\x88\n\xcbE\x18oJ\x87\x04\xd8\xa5\xd4b\xf7\x866\xd9\x9c\x04\xd5S\x01\xcdk\'b\x9b\x08dd\xf1R\xa7\x95T\xce\xe7\xa5\x12\x0b\xfb\x1e\xb5OAb}"?\xaf5\xadC\xdc\x01\x80E\xb7\xbex\xbe3\xbeN\x18&lt;\xb5I\xf9\x82\xb2G\xa6\xa9\x0eu}r?\xb1\xfe\x18&gt;\xe3\xbcZ\xb4\t\xc5\xfa\x93\xb7\x98\xfb\xcd\x96\xcb\xbf\xaa\xc8ff\x91?1\xd1\xbe\x87(\xa37q\x17\xde\x95Z\x80;\xbb\xd5f\x95\xab\x81C\xfe7\x1b\xd4\xbf\xb6\xb2\x0e{\x92\xa6\xca&lt;\x06y&lt;\xbe\x1b\xc1\xb3dt\xe2\x9a\xb1\x9f\x9aNw\x00\xe0\x9dRk\xf8fOZ\xe1\x82\xc2\x82s\xf1uE\xc4\x9c\xd2w*\xee\xb9e\xc3\xfd\xf1\n\xf3\xd8I\xe4]p\xe2\x16\xc0\xac\xc7\x9c\xaf \xd0\x89\x87\x9c,_C\xf1\xfeY\x0f\xa6\x0f-\xe8U&lt;I\xdd\xa5kg\xbd&gt;\x9f\xb4\xf3\xcc\xcfag\xb8F\xa8\xd3C3\xfdM\xc1\x80\x00M{y\xc7\x93\xa9\x85\x07\x87\xa7\xd2\x0b,\xaf\xa2\x8c\x93$s\x08\xc1\x04$\x14\xf3P\xf6,\x01\xe2\xbc\xd2\xb7\xb9\xb9\xf7\xc6)\xab\xaav\xbd\x83\xc9\xd4\xdb\x15,^\xc8I:\x8d\xf4\xc3\x023\xa8\x86\x01\x00$\x13&amp;\xff\xdb\xbbq\x1ckZ\x96\xdfC\xd4\xdf\xbaJ\xefbUw\n\xce\xa0\x83\x15b\xbf\xbe\xf1\xf0\xb7\xe9]\x9ck&lt;\x80\x9d*\xde\x8d\xe7\x1a\xb4\xa4\x01;\xcf\xcbh\x93\x9btm\x9a\x8bR\xd9\x80\xfa\x04\xbd;&gt;\x92E\xe0tB\x08\xe38\x1c/\xfe\xd3\x19\xa9z\xfa@\x97\xabK\xb7z\xfe~\xfc\x8bz.\xbciO\xb1:\\r\xa7\xb8\x05H\xc3\x12 z\xf6\xe6\xb6i\xeb\xb7S\x8f\xa8l\xb9NL\x93\x9b\x12\xa9N\xd1q\xec\x15t\x89\xd5i\xb4\x9e\xb7|\xd2\xb2\x0e\xd6\xea\xd0\xacm\x19\xcf\x00\x80\xc2\x8a\xd4\x95\x9bN\xaa6_r\x9f\xfc\xaec\xa2\xf6+\x99r\xee\xa8\xdef\xf6\xa85\xcc\xb7\x87D\xc7q\xfa\xf2\xbbZC\x0b\xd0\xac*\xdamN\xad\xcc\xe6\x91\x1b6X\xf4n\xd4F&lt;w\xc5S?\x00\x90\xe1,\xd9\xc8\xe4}\xbb?\xa8\x10B\xb0\xb6\n\x80\xf3js\xe26\xa6\xcenU\x87\x89\xcb/2\x9c1\xf5)\xaa\xf2\x18\xbd\xb4G\xf2\xc1q!\x84a\xf8WK\x87\x02\xd8I+8\x0c\xc3\xff\xfa}o jw!m\x84?\xf6\xfe%n"\xff\xce\xcb(\x0b8\x0b\x05\xffB$@\xab\xf4`\x86\xdb\xd2\xeal\x91\x90\xe7D\xd7d\xfd\x89\xe7I\xd9\xf3\\)\xb4\xad\x83\x16G\xbb\t\xd4(\xac~\xf0\xf3\x07\x1b\x00t:\n\xcas\x07\xa0\x9eH\xeb/\x05\x8f\x12\x1b\xd4\xaa\xda\xa2\xba-`E\xaeBE\x07\x8d\xcb\xb1\x08$\xe9)\xba\x12\xc2\xf0\xf3\xba\x8a\xaelC\x9a\xf5C\xcdm~\xc6\xe6\xc0w9\x8a\x83\xf5\xe4\xff\xe3*\x8fC\xb5\x1c\xf0\xde\xefTGT+\xe7\xfa\x9fv\xf3\xc0\x8e\xdb\x17\xad_\xf2i\xa5\x1aC\x9eO\xdc\xfc\x7f\xce\xa2\x14\xbb\x0e\x89\x1c\x87j9\xe0\x83\xee\xea\x88\x9e\xae%\x870Q\xf8\xec?tg\x00v\x84\xbc\xaf&lt;\xcf\x9cvj\xb6|\xe1\xbc\x9d\xa8\xbbj\xbfm)\xd2B\x12\x03\xa9\xa9e:P2\x05\xcb\x8e@*\'N\xb6\x0b\xc3\xf0\xb3\x87\xa6:@\xd9\xfa\x7f\xe1Q\xb4\x82\xdfH&lt;\x03\x10M\xc</t>
        </is>
      </c>
      <c r="E857" t="inlineStr">
        <is>
          <t>&lt;class 'numpy.ndarray'&gt;</t>
        </is>
      </c>
    </row>
    <row r="858">
      <c r="A858" s="1" t="n">
        <v>856</v>
      </c>
      <c r="B858" t="inlineStr">
        <is>
          <t>steps_per_sec</t>
        </is>
      </c>
      <c r="C858" t="n">
        <v>9600</v>
      </c>
      <c r="D858" t="inlineStr">
        <is>
          <t>3.0151927</t>
        </is>
      </c>
      <c r="E858" t="inlineStr">
        <is>
          <t>&lt;class 'numpy.ndarray'&gt;</t>
        </is>
      </c>
    </row>
    <row r="859">
      <c r="A859" s="1" t="n">
        <v>857</v>
      </c>
      <c r="B859" t="inlineStr">
        <is>
          <t>Loss/RPNLoss/localization_loss</t>
        </is>
      </c>
      <c r="C859" t="n">
        <v>9600</v>
      </c>
      <c r="D859" t="inlineStr">
        <is>
          <t>0.04746098</t>
        </is>
      </c>
      <c r="E859" t="inlineStr">
        <is>
          <t>&lt;class 'numpy.ndarray'&gt;</t>
        </is>
      </c>
    </row>
    <row r="860">
      <c r="A860" s="1" t="n">
        <v>858</v>
      </c>
      <c r="B860" t="inlineStr">
        <is>
          <t>Loss/RPNLoss/objectness_loss</t>
        </is>
      </c>
      <c r="C860" t="n">
        <v>9600</v>
      </c>
      <c r="D860" t="inlineStr">
        <is>
          <t>0.0062166145</t>
        </is>
      </c>
      <c r="E860" t="inlineStr">
        <is>
          <t>&lt;class 'numpy.ndarray'&gt;</t>
        </is>
      </c>
    </row>
    <row r="861">
      <c r="A861" s="1" t="n">
        <v>859</v>
      </c>
      <c r="B861" t="inlineStr">
        <is>
          <t>Loss/BoxClassifierLoss/localization_loss</t>
        </is>
      </c>
      <c r="C861" t="n">
        <v>9600</v>
      </c>
      <c r="D861" t="inlineStr">
        <is>
          <t>0.1333712</t>
        </is>
      </c>
      <c r="E861" t="inlineStr">
        <is>
          <t>&lt;class 'numpy.ndarray'&gt;</t>
        </is>
      </c>
    </row>
    <row r="862">
      <c r="A862" s="1" t="n">
        <v>860</v>
      </c>
      <c r="B862" t="inlineStr">
        <is>
          <t>Loss/BoxClassifierLoss/classification_loss</t>
        </is>
      </c>
      <c r="C862" t="n">
        <v>9600</v>
      </c>
      <c r="D862" t="inlineStr">
        <is>
          <t>0.12289779</t>
        </is>
      </c>
      <c r="E862" t="inlineStr">
        <is>
          <t>&lt;class 'numpy.ndarray'&gt;</t>
        </is>
      </c>
    </row>
    <row r="863">
      <c r="A863" s="1" t="n">
        <v>861</v>
      </c>
      <c r="B863" t="inlineStr">
        <is>
          <t>Loss/regularization_loss</t>
        </is>
      </c>
      <c r="C863" t="n">
        <v>9600</v>
      </c>
      <c r="D863" t="inlineStr">
        <is>
          <t>0.0</t>
        </is>
      </c>
      <c r="E863" t="inlineStr">
        <is>
          <t>&lt;class 'numpy.ndarray'&gt;</t>
        </is>
      </c>
    </row>
    <row r="864">
      <c r="A864" s="1" t="n">
        <v>862</v>
      </c>
      <c r="B864" t="inlineStr">
        <is>
          <t>Loss/total_loss</t>
        </is>
      </c>
      <c r="C864" t="n">
        <v>9600</v>
      </c>
      <c r="D864" t="inlineStr">
        <is>
          <t>0.30994657</t>
        </is>
      </c>
      <c r="E864" t="inlineStr">
        <is>
          <t>&lt;class 'numpy.ndarray'&gt;</t>
        </is>
      </c>
    </row>
    <row r="865">
      <c r="A865" s="1" t="n">
        <v>863</v>
      </c>
      <c r="B865" t="inlineStr">
        <is>
          <t>learning_rate</t>
        </is>
      </c>
      <c r="C865" t="n">
        <v>9600</v>
      </c>
      <c r="D865" t="inlineStr">
        <is>
          <t>0.039409354</t>
        </is>
      </c>
      <c r="E865" t="inlineStr">
        <is>
          <t>&lt;class 'numpy.ndarray'&gt;</t>
        </is>
      </c>
    </row>
    <row r="866">
      <c r="A866" s="1" t="n">
        <v>864</v>
      </c>
      <c r="B866" t="inlineStr">
        <is>
          <t>train_input_images</t>
        </is>
      </c>
      <c r="C866" t="n">
        <v>9600</v>
      </c>
      <c r="D866" t="inlineStr">
        <is>
          <t>[b'1024' b'1024'
 b'\x89PNG\r\n\x1a\n\x00\x00\x00\rIHDR\x00\x00\x04\x00\x00\x00\x04\x00\x08\x02\x00\x00\x00\xf0\x7f\xbc\xd4\x00\x00 \x00IDATx\x9c\xec\xbdw\xfc&lt;\xbdQ\x1f\xae}(\xa6\x180\x04l `\x03\x01\xd3;\xd8\xf4\x00!\x90\xd0\r\t\xc5\xf4P\x1cH\x80\x14\x02\x01\x0c\xc6\x0e=\xf4\xd0!\x80\x03\x84^C(\xa1\xf7\xfeKH\x02$\xf4\xde{1%\xc0\xfc\xfe\xb8\xdb]\x95\xd1hF\x1ai\xb5w\xf3~\xd9\xdf\xe7&gt;{\xd2\xcc[\xa3\x99\xd1H\xbbw\xe7\x9c*\x00\xc09\xd0\x95iH\x01\xe0\x1b\xf9\xae\r\x1e\x9a\xe2L\x00\x006y\xc85\xe6\x08a\xb6\xb9aGb[\xe0\x0ep\'\xc3\xbcY\x1c0}-\xa1!\xc9rg\xc5=\x8c\xd1p\x93x@W\xdc\xb2,\xce-\xba2Upc!\xba,\xbe\x91g4\xf8\x10\x80so\x12\x9a\xe2p\xc8|\x8cM~\x914\xae\x04\xc0\\E\xf0`2\x939R7\x94\x869\x95\x0f\x18\x12p\xbcTy\x06\xef%4\x0c\x06\xc3M\xe2\xc66\x00\x86i!q3NK\xaa\r\xff\x06\x02\xab\xd15F\xca\x8dO\x18J\x957O\xee\x10f\x13\x83"\xce\x10eu\xf4n\xf9\x96\xa9\xc1`0\x0c\xc3-e\xd2qc\xd1]Ya\x85\xa2LTE?\xf9\x86y`\x13m\xb8Q\x98c\x1b\x0c\xf3\xc0V\x9a\x93\xc3j\x85Ip-\xd0\x1f\x03\xc8E%\xf9*r\xa4J\xcd\xc1Z\x80\x1a\xd0Lj\xb8\x00\x00\xbe\xea\x9e\x9c\xe1\xd7\xeei\xb0\x06\xc3\xdc\xb8\xa7h$J\x99\x01\xeb\xf1\xc8%\xff\xae\xca\x8b\t\x06{%pu\xb0\x98Oz\xe5L\xb0\r@#2^a08wsK\x8f\xa7\xd1\x1c\xde`0\x88\xd1-q\xdc\xcd\x1al\x15\xdb04\xd4\xc75\xbd\x8e(%\xcd\x97Za\x9b(\xc3\xa1\x18\xe9{\xdb\xb3\x90\xd5J\xf3\x1d-\x8e\x0c\x06\x83A\x84\xc9\x93\xe6\xe4\xf4P\xe8\x96t\\Q5\xd5\xff\xf9l{{\xb0\r\x80\x81\x02\x80{\xb5\x9c{\xa8\xb8\xcd\xabj\x08a\x01B\xf0\xfb\xac\x1f\x0b\xd6}`\xd2\x82\xce`0\xa8\xe1K\x8f&amp;P\x83\xc9\xeb\x8f\xc9\xb8\x1dr\xbb\xdcp\xcb\x18\xf0\x01q\x83\x04z\x13\xa11\xa7\xa4c@\xa3\x96\xa3\x1c\x8f_\x7f\x87\x0c\xd5\xaa\x7f\x8b8\x83\xc1`p\xe79\x089\x9e\xe7\xd9\xcf\x8dl\xcd\x9b\x13[9bu\xc9Lh\x9a\x88\xea\xa9\x14\x1d\x93\x13m8\xda\x0f\xf4\xb7\xc1z-\xac\x0c\x83\xa1\xfcC`\x06C\n4\x83\x0b\xd3\xfaY~\x89f\t\x07uTB?\x8b\xb9bl%&amp;\xa7\x99a$\x96e\xb9\x8f\x1f\x84:\x97k5\xcdH\xe5\x9c\x86\xd1W\xec\xefi\x88m\xbb,\x0b\xc7\xe0\x87\xf8\x1d\x00\x0cv\xf8\xfb\x88/\x83\xc1pW\xb8\xa3r\xed\xf0\x91\x9e\xfbt\x96\xb5-\xac\xb9\xc5qb\x9b\x18\x0cSa\rR\xf8\xa2\xe6Tcw\x93\x0c\x06\xc3\x04\xb04d\xb8\t\xd8\x82j0\x18\xe6\x87\xe01w\xcbi\x06C\x07\xd8#@\xce\x9d\xe0\xd4\xb4\x1f\xbb\xb9\xc7m\x90cy\x9eq\xbaf\x8f\x1b\x83&gt;\xc43nNbh\x04\x98\x17\x19\x0cw\x80\xc3&gt;\xeb\x93\xf9\xe8\xe4\x14I\xc7\xee\x93\x1af\x85\xb9\xe5\xbd\x00\x00\xb6o1\x17\xa4\xa3=\xaf\x9a\xab\xcc\x85\xc3\xd7\x94Of\x13\xb8\x9f\x15\xf0N\x86i\xb8\x07\x9c\xcd\x95g\x8d\xbd\xfbI\x7f\x06\x83aR@\xfbw\x9c[\x1es\xee}\xee\xde\x025\xb8\x0b\xa3\xf5\xf8:Q\x83\xc1\xc0\x83-NG\xc1,o0\x18n\x1e\x95G97\xb3q:\xd1(~p\xb8\xc6\xe0\x13\x11\xb72\xe3\x06C\x829\xbf\xaa\xbcg\xc8\r\x97l\xe9\xc3pj&lt;\x04q`[\x14\x19\xc0\x8bE\xbb\x8b8\x01\xd8\x9fy5\x1c\r\xe6L)V2\xd1G\xa2\xa1\xe6G\xd3\r\x06\x19\xec{g\r\x06\x83\xe1f\x00\x00\xc8\x17\x8ao\x85\x85}\xd7\xf8A\xd8\xebI\x9b\x82S\xe02a\xc4d\x01\xc0\xe2\xa8\x1f)\xf0\xb7\x10\x9cI/j4\x18ta\xdf\x02\x94\xc7\x0bR\xfbo;\xc8\xb91\xd8\x84\x1an\x02\xf8O;-+\xc6\x1328\xef\x8e\xec\xf8)\x98\xf3~\xfb\t\x81\xfd\x8a\x99`6\xf9S`\x93e\x18\x04[\x0f.@\x8e\xcd\xe83\xb3\xf1?\x13h0\x18\x0c\xe7\x01\x88\xd6\x97\xdb\xce\xa8\xd7\xc3]7\xfaWm3\xab\x98lj\x0c\x1e0\xd3\x01\x00V\'D\x87J\xb4{Ko\x17\x18\x0c\xa7\xc1\x89\x8eWOD\xd5\x8e\n\x0c\x86#\xa0\x16w?s\xa6lc\xb8\x11\xd8G\x11tA\xfc\xa2\x19\xff\xc7\xce\xc0\xc3v\xcd\x96x\xc3-\x80\x8c\x81\xb9\\\x9c\x9f\x19\x0f\xcf\xa1\x87\x13\xe8\x84[\x1d\xd7\x18\x98\xf5\x0cG\xc0\xbc\x8e\xc6,\xf6I\xd7b\xcb\x18\x1c\x10V\xf2\n\xf7\xb8\x8dt\x030\x8f\x9f\x18\x0cj\xb8\xc9#\x87cG4\xd0\xa4\xc3\x87ys\xae2\x10\xd9\xa5\xe8\xcc\x98q,\xb7\x97\xd0Z`\xd60\xdc:\xca\x1b\x00z\x93\xd0\x87\x95\xc107\xf8\x9b`\x83\x13\xff\xcafo\xd8\xac\x9d\x14`_;\xd8\x15\xa74\xec)\xbf\xe9\xd8`\x98\x1c\xc0\xfe\xd6N\x0b\x13\xc3\x9d\xc16\x00s\xc1\xee\xff\xde\x07&gt;\x84q.U\x01s\x98iQ\x9c\x1a\x9b\xbbS\xe3\x1a\xcb6\x89\x06\x83\xe1D\x00\x00\xf7\x0e7\x98\xb6lc\xe3\xe60\xc2\xe1\x04\x8eC\xd3\x8diEu\x06\x0e\xba:\xea\x1dG\xc1]\xa0W\xa6\xb5_\x8e3\x18\x0c\xfdp\xceT\xc2\xe2\xdc{E\x07\x00\xe7\x9e\xae\x9f\x8af\xec%\xe6\xe0\' C\x99gt\xb0\xbe\x80\x10G\xd318\xd73]df\xf9\xc7\x9c\xfb\xe1N\x1a\r\xb7\x81\xecG\x86,i\x18\x0c\x86~8{]\xf2;\x9dK\xab\xf9\xab7&amp;=\xe6\x10r\xcdf\xb6\xc0\xb4\x98u\x030\x0f\x93F\xcc\xf5I\xeb\xccD\xff\xc01l\x0c;\xc6?\xb4S\xad\x0e\xf9\x12\x9bF*\x06\x83aZ\xf4\xfd\xbd\t8\xf9O[\xc3\x04\xbfM\x03\x00\xcb\xe2\xce\xfe\xbb--\x96\xe4x\xd1\xd9=M\x8e`i\xce\xfdV\x9d\xff\xe7y\x8ds\x1b!\xd0\x1b\xdbt\xe7&amp;z\x86lv\x87805\x15]BK\x8b\xf9\x95\xc1pF&lt;\xd0U\xfa\xd9\xf3\xc2\xb2\xfc\xed\xa3)\\lx:3b\xbf\x9a\xde(Q\xef&gt;\xc3\r\xa0X\xfd\xdf\x1c\xeea\x8cM\xb8\xb8\x01\xe1\x0c\x8d~\xc2\x08\xae#o\x89\xdcO\xec\x8b\xb0,nY\xfa\x1a\xe7&gt;\xf2\xcf\x86\xa9\xee\xa6\x1a\x0cM\xe8\xbb\x01p\xa7\xcf\x0e\xbf\xe6\xff1\xfeK\x18\xd4s\xcd\xe5q\xcf\xfe)Ls\xd2\x8b\x1eto\x199\x1aon\xf8\xe9\x0f\xd6w\xe2\xd3\x1b\'\xcf!\xa3\xf0\x9f\x04\xf3+\x0e\x99\xf5C&gt;\xd3\xc6\x9a9I\x8a\xcb\xe1\x11\x80\x19G\r\xb3\xba\xbf\xc1`\xe8\x8f\xc1\xeb_\xbb\xba\xe8\x03^3/\xe1$J\xfb\xaew9\xe3\xa0\xea\xc1z\xbe\x7f\xd2\xcf\x00\x18N\t\xf3\xa2Zh\x1b\xcdf\xe1H \x1f\x93x\xdb\xda\x19Yc\xca&amp;\xd4p\x0c\x8ey0\xd1\x0e$\x86!\xb66\x80\xbb\xeb\xc7\xa9\xe16\xc6\xce|\xbe\xdfo\xd6\x16t7b\xb7\xfbD{\xca\x1d\xf34\xf9M"c|\x00p\xf6\xc9\x96\x9b@}n\xb4\xb02\x1c\x8b\xee\x8f\x00\xa1\xb0\x93\xa4\xc3p\xcaO\x14d!?\x95\xbc\x9d\xb1o\xe8\xbdv\xd8\xc9\xef\xb9\xa1z\xe0\xc2r\x05s\x17\x0f\x99\x0f\xe8_\xdf\xec\xa0\xd0\x8c?\x18\xad\xd5\xff\xbf\xd5\xa3b0\x88p\x83\xf5\x90\xe1~\xb0~\xc3\x863ONP\xfe\x9a\xa0\xb9a\xf7\x1c&amp;\xc1\xeeH\'\xf4\xa2{\x81\xde\xbd&gt;\xc3 \xd8\xf1\xbf\xc1`0\x8c\xc5\xcd\x1dO\xa2\xb7A\x82\x8b\x1f\x7f\x82!\xdb]\x06\xc3\x8da\xe0\xc7oVE\x16Dg\x82=\xfdo\xb8\x1b(}\x9eu\x06LB\xc3`\xe0\xe0\x1c\xee\xfa\xefg\x89n\x83A\x07#7\x00\r\xef\x8e\xc1\xed=G(\x1b\x8e}\x86\xdep\xd7\xc0\x02\xe0\x94\xf1\xb0\x8d\xa2\xcfwt\x1a\x0c}aK\x91\xc1p ~@9\xfaN\x10\xcb7wwB&lt;\x16\xcb\xba\x86\xbb\x05\xfe]\x84\xe5/\xc0\xb2\x80i\xc5M\x19\xd0rh;\xa6\xfdV\xd0\t)\x19\x08\x94\xe6\xeb\xdegs\xcc\xd7;\xce\x19\xcb(\xce\xc2\xb3\x13x3u\xd7&amp;2\x8c\xc7\x98o\x01Z\x16\xe7\x96e\x89&gt;\xecR\xfe\x8d[\xfbpL\x1bn/\xe5\x9aG\xa8`63\xdeCqp\x0fc\xf40\x99\x87\x1d\x03\xf4\xfb\x7f\xb4\xdc\xe04\xa5\xbf\xc1]\x7f\x92\xb9\x18\x14\xcb\x83n\xedV\x89\xc1pC\xb8\xa1\x9c\xdb\xebA\xa6X\xcd\xed|\xf6\xe3\x16p\xa2#C\x83\x81\x859]\xfa\xd3j(\xb1\x072\xe5\x90\xef\x02\xb3/\x97\x06\xc3\x8c0\xcf6x0g0\x0c\x87\xa5 e\xcc`\xcf9K\xe1\xca\xea\x1f\x00\x9c\xfb\x0cu6\x86j\xfc\xd2\xd5\xbb.\x07\xf3\xe0\xc3o\x06\x00\xeeE\xca\x0f}M\xe9\xab\x06\x83\xc1p(\xec\x91bCo\xd8\xea\xab\x0b\xb3\xa7:\xcc\xa4G\xe3Z\xc4\x03\x1b\xee\x85\x04Sf\xf3k0\x18\xc6\xe0Fr\xcd\x98\x8f\xd3\x19\xee\x00\xafp4\x81\x9bER\xd9\x9c#`\xef\xe1\x89\xb8\x9b\x1f`\x1b\xd6\xc5\x85_\xf2\xa7{\x00\xb6\x17\xd9\\\x18\xa6\xc2\xb8\x8fj\xc1\xf5G[\xed\xc3a\x06\x19\x00@\xd1mt\xa5\x19\x0c\x06\'\x0b+\xe6o&lt;\x8f\xf8)h\x00\xd0\xfd\x1dq\x00X\xdcl\x9f\xb2\xefj\xc9\xbe\xd3\xd43]\x83\x03\xe5}\xaa\xad,\x86sa\xcc\xb7\x00]\xb1\x86\xc7\xed\x1f\xba\x9c\x02\x00\xe0\xdc\xb7\x1d\xcd\xa2\x8c(\xa96\x1e\xda\xddO\x8e\xb6(3L\tf\x00V\xc7)\xea\xf6x,\x94\xbf\x89N\x88eY\xe6\xfb\x02\xa4\xae\x05z\xdf&lt;\xd3#[\xef\x07\xf7\x1dd\xeb\x8b4\x18\xba\xe1\xa9\x87i\xba\x9f\xc2\xeb,X\x96e=\x00\x9b\x1c\'\xa08!\xa2\x88\xb3[\x1f\x86~hv-\x00\xd0Z#rBF\xdcR \t\x18*\xa0mL\xf6v\xc5;\xaf\x14\xc9F\x9etP\xbf\xd1d0\xa8`\xe8\x1d\x80\r\x99&lt;o\xbb\xe7\xd18IE\x188\x06\xef\x0b\x95\r1\xcch7\t\x98\xe6\x8b\xc3[&gt;\xabC\x8d@kto\xa7#\xc6\xe0A\xff\xb1\xde\xce\xf7-)\xe9K\x88\xf5\xf2\x07\xb5k]\x9c\xfb\x17\x9do\x95\x18\x0c\x06\xc3\xa9\xf1BG\x13\xb8\x11\xdc\xc3G\x1b\r\x17L\xf3\x11y\xe8\xc1D\xcb\x93/B\x8a\xd2\x1au\xdd[\xdcM\xe3{Ld&gt;\xc2\xeb&gt;\xb2\xb6+\xf9\xc9`\xc42\'\xb2\x95\xe1.0\xee\xe3;J\x1f\x02\x1ev\x1b\xf7\xd4x\x16\xe7\xfe\xf0h\x0e\x86\xc3`O\xfb\x18\xc6\xe1R\xf26\xf9\xdb\xe5\xf9\x1f\xd7;\xb7\x97\xd7\xa0\x95G\x8b\xfc\x82\x8a[\xc1\xe9\xbe\xd5#\xdd\x9b\xad\xdc\xb9\x1f^\x97n\xeeNd\x1c\xc3}\xa2\xe3#@\xa8\xf77\x1f\x90d#\n=}9\xf6&lt;\xe68\xed\xa7\xaf\xfe\xef\xed,M\x17\xb6\xf0\x18\xaa\x90\x89\xb8\x8f\xcaG\xe2~\xd4Y\x1f\xad\xd5\x81\xae\x7f\x02]\x178^\xdd\x1f&gt;=r\x10\x86\x1c\xcc/\xcb{\x1e?\xd2\x06,\xd7\x7f\xf8CP\x9f[[\xe0\x0c\x07c\xf4\xd7\x80:^uRw\xba\xe0\x1f|\xcep\x18c\x07\xb1u\x98a\xee\x0c\x86\x1bF\x94*\x97e;\xc7\xc7"\xee\x19\xc1\xfd)\x1a\x89\xfb&amp;]\x18\xaa\xf1\x8d\xdc\xdaT)\xb8!|7Y\x05\xf4&gt;N}K\x08\x0e\x94\x1a\xec#;\x98*(\xba\xdcq\x02\xb8\xfa\xb1\xcd\x9aa,:\xde\x01\x88\x02eY\x96o`\x07^\xb6U1\xf8\x92\xc3\x98\x03\x0f\x92\xa7\xca\xc2\':P_\x96\xe5\x8d&amp;\xb3\xdem\xe14\x9e`\xe8\x84$\xb4\xc8X\xc3\xab\x7f\xb7\x9d\x89\xcaC5n_\x1b\xec\xac^wv;\xd1\x12\'\x82}\xa7\xfas\x8d\x06\x92\xf5.8\xde\xb2\xde\x87\xb8\xfc \x99}r\xc00\x16\x93\xa6\x8a\xf6;\x00\x86\x93\x02x\xbf\xa4csm0\xa8"\x7f\x9a\xbe~\xbb\xe1I#\xee\xba\x9a&lt;\xd8\xc1\x9f\x9cu\x08\x06W\x95\xf3\xb1\xe7\xfe\xdb\x1d@\xf5&amp;@(3\xfa$\xcc\xe9&gt;ha8\x17\xc6\xfd\x0e\xc0\x00X\x9c\x9c\x1dk\x16,\xb7\xb4\xb96\x18T\x91\x0f\xa8\xcb\x0f\x86\xfc\xf4@.\xaa\xd8r\x85\xe5\x8c;\xc7\xf2\xe2G3\xc8b\xf1\x1f\x052\x18\xc6@\xd9\xdb\xd2=\xba\x9d\xd4\x1a\x98@\x1f\xd25\xffi\x87\xd9\xd0\xd0\rV\xb2\x18\xe6E\xfa\x1cr\x0f\xb14,\xf7\x1a\xa6E\xf7;\x00\xe6\xfd\x06&amp;0W\xb1\xc7\x1f\r\xf7\x06pn=\x0c&lt;A\xf2\x9c\x9f\xa1\xa1\x0b\xf4\xbe\xd7\xdbu\xf2\xa2\xdf\x8f\xab\x7f%\xb9w\xf4y\x12\xc3\x8dC\xffC\xc0\xf7\xf4q+CoL\xf0\x9dz\x83\xd0+j\xe6\x8d\xc7i\x89\x1d\x01\xef\x83\xaa\x8b\x1b\xbd\xf1\xfd\xa4\x90@\x05l*u\xd0\xed\xf3\xca\xdd&amp;H\xe1{\xbd{e\xf8\x87\xc4\x17~\xb1]f\xc5\xf4d{X\x024\xdc\x18"_\xbf\xb3\xaf_0\xf0\x118\x869IO\x0c\xb5\xed\x8f\xb3\xa7\xf2\x8d\xaf-m\xea\t\xf8?,:BUw-"\xe0\xbf\xeb2\x19IU\xe8MAw+\xa9\xceE\x17\xb6\xc9O\xf3\xf6\x90\xcaBN\x8a\x12%\x83\xa1\x12\xf3\x1c\xafv\x7f\x96\xd4\x9e\x84VE\xeb|\xd9t\x18\xec;\xcb\x19\x16\xd8\xeb\x84n\x86\x02\xe7\x96\x9b\x8f\xc7\x9b\x1f\xa0sn\x88\xb7\xec\x9a\xba\xdbS\xe9\x87\x99/\xd0a[U\xb6\xa7\x1f\x8c\xd4\xa4d0\xd4\xa2\xe3\xef\x00\xf0\xd1{3\xac\xf4\xb4\xe2\xed\xa1\xc5\xe8K\xe3\xb1\xcd\xcdOG\xde\xa7\xed\xe0\xc7p\xc5\xea#\x7fTj\xd0\x15#"\xf1\xf0\xf3\xce\x96\x84s\x96\xf3\xda\x91\x1c\'\xaf\xfe\xf9j\x06X-\xdd\x8a\xdc\xcf\xb3\xad\x86\x99q\xfc\x06\xe0r\x90\xd05\x1c,\xd6RpV\xb4R\x0b\xb3*\x85e\xc9\xed\x91\x9a\xedv\x86Z\x84\x87;\x0f\xcd\xeb&lt;\x02&lt;\x93\xff\xa7\xf3\x9e3@\xdb\xf7@\xe7\x99`3\x9f\xd1\xb7\'\xa4\x84c\xf1p4\x97f\xa8\x0ea\xfd\xad\xad\x00\x97\x08\x03\xe7\xdc\xcb\xb2\xa7X\x91\xd5\r\xcc\x91\xe1\xe4\x98\xc7\x05Y\x8f\x94\x9c\xf76\xeey\x99\xdf\x07\xee\xf6Y\x94\xfaG\xb9\x9a]\x1a\xd6\xdf\xbe\xe1\n\xb9\xb1 J7\xd8\xd1\x17\xe0&amp;\xef\xba\x81\x19[\xe6\x18\xf4\xd4\xd8=\xd8\xc1\xb8\xb1H\xb9@\xecEa\x08m\xbf\x06\x91\xbe\xc9\xf9\xe9\xc9K\'W\xbbE\xbd\xbd\xe90\xdc\x00\x8e\xbf\x03\xb0\xa2\x18\x1e\x95\xc70\xd9c\xec\x97\x1fz\xaec\xf1\x9f\xc1$\xa7k7qfV\x83\x03G-\xaeg\xefg\x8e2Yk\xe4\xf0e\xba\xa2\xad\x0b\xfa\xcc\x03O\xd2\x13\xc7&gt;l\x03c\x1e\x02\x19\x8a\x1b\x1b\xce\x15\xf2=\xa4\xd7\xd8\xeb\x06\r\x1f_^\xaa\xd7\xabS&lt;Bf0\xdc\x1e\x88/\xe1\xb2\x98l\x81\x82\xf5,-\x9e\x05\xd1L\xe9?\x15}\x7f\x9e\x90|U\x08\xfa\x88\x02\xf5]"7\x89t\xa4\x9d\xc7~y\x10\xe4^\xcc{W\xc0"\x0b\x00\xe0\xb7\x91/\xea\xf9\xe7\x02\x89r8\xf7\x94&gt;C4\x18N\x8e\xdek\xdb\xfd\xac\x9d#q;V\xdd\x07r+#\xea\x8b\x9f\x90\xd4\xa3|\x93\x96[2\x94\x9ek\x06\xd3\xfa\x1e\xdc\xe3\x90\x8d\x96\xf6\x06\xe0d\xf5\xae\x15\xe8\x86\x06\xa0\'}h\x8d\xce\x92V\r:;\xdd\xcezj0\x88`\x1b\x803\xc2\xacz\x0e\xfc=\xadiz\xd8\xe5?*\xc5("\x81\xf3\x99\xf4R\x9b\xd3\xf9d\xb1\n\xe9P\xfd\x9f\xeff\xcb\xb0i=\x9d\xff\xe8\xe1c\x8e&amp;\xd0\t\xb0\xc5Pz\xcf\xbfj\x03P\xb9\x03`\n\x96\x0f\xd0`\xa8\x87\xfeC\xa5p\xfd\xf8\x91\xe03d\xc0\xf8\xc4\x12\xa7\rG\x93}\xf4\xdep4\xba\xff\xe4EW\x00@\xe3\xa7Q\xb7u.zp\x9c\x0ep\x9d\x0c0\x19\xa2%?\x1d j+\x03\x89s\xc7\x17\x1b\xba\xc3&lt;\xb5\xd1\x08\xf2qQ\xed\xe5.\xe2-R\x99\xbcLg\x05/\x00X\x98\x1b\xc6\xa2\xcf\x87\x80A\x92Mx\xe1$\r\x0c&lt;J-\xba&amp;\x86\xfeI\xe7\xa4Pu\xc2\xe1\x16[\x96E\xa7\xfa\x7f\xefTl\x1bN\xe8&lt;\x85Q[\xf5_\x03\xa1\xad\x14\xdd\xa6U\x14d\x9eWA\xa1\xeb\x12gq0\xe9\x87\xe3\x97l\x0b\xf9=\xc8\xab\xa85\x1a\x97w`\xb5w\xcc=\xc3b\xe5\x89\xc1\xa0\x81\xfb\xa8#\r\'\x80\xb9b\x84\xbagZ\x8a\xbdN\xbd{l~x\xe0\xc6p\x87C\xd6\xc5\xcd\x1a0\x1f\x0e\xc4\x90\xe1\x8d\xf0\x98J/\x06\x9f\x15&amp;\x89|\x94\x03\xe0?\x0c$\x1b\xa4\xc1pg\x88"\xe4\x1a3\x8c\xe0\xc1\xdf\xb5\x903L\x82\x9b_\x00\xd4K\xf9B\xb7\x9e_\xde5\xc3LY\xddp\x99\xe2~\xc3?\xa3a\x9f4\xf6;\xeb\xa65Q]\xf8o\x1e\x15E\x16V\xa9\xf3\xbf\xdb\x00\x1ea\x1b\x00\x83\xa1\x19\xf8\xf7\xdf\xb9\xfa\xe2\x89\x15u\x0f\x99\xe6\xbb_`\x1a&amp;\x06!X_N\xd2\xb2\x00\xcc\xbfxh3\xcc\x99Tw5\xcd\x08\x99\xde\xda\xc7b\xa47\xf6\xab\x9c\xac,c\xe0\xdc\xc6\xc9L.Z\xe5K\x13\x8b\'$\xd9W\xe0\xd5?"\xf9\xdc\xe65\xdc\x0c\x86&lt;t6\xf6\xa3\xb7[$\x97?S\xb8\x06\xa2=bk\xd0\xc7\xea\xf6\xd0\xf0\xe9\xd5\x96\xbe\xe7D\xf6\xe3C\x97\xb8\xb6o\x028\nj\xf6\x9f@\x1dT~\x90\xfd\xd4\x9f\x94\xbdz\xbefJ\xb9,\xb5\'\x8f&amp;\xa9\xa7E\x05Fq\xe7pg\t\xdcp&amp;(\xbb\xe6\xe1\xf5\xca%\xb3\x030\xa2\xce\xea\x00\x83\xc1`\x98\x12\x87/%\x86\x89q\xecN\x0c\xfc\x02\xc36\x00\x86\xf3B\xf9[\x80\xba\xf9:\xf7\x96\xd9\xe5+JX4,,{\xc1\xeeo\x9e\x0e6e\x86\xb9p\xf3e\x13\xf6\xd8\x89\x85a\x19mOo=3GC\xa9\x01\xaf\xc0X\x9b2[\x1a\x0c\xe3\xd1\xe7k@\x951\xe8q\xcd\xe9\x9f\n\x9d\x9c\xde\x86\x9bIy\x82\x07C\xfb\x12\xe9\x0e\xfd;\x81\xd3G\xd38\xdc\x8c)\xce&gt;\x10\xe8\xfc\xf1b)\x92\xea\xf0f2gG,KKU\xfdG\x1c\r\x92|^l\xf9\x8blQ\x06\x83\xe18\xcc\xb30d0\xd1\xd2u\'`\x1a|p\xbd;\xbf\x1b\xcc\xbc\x018\x80\xdb4\xa6\x98vR\x0cJ\x08\xe7\xd7\xa6\xbb/\xde\x97\xf5!`\x83\xc1P\x07\xab\xabB\xcc\xcf\xb0\x1a\x87\x0f\xad&gt;Y\x9f\xc1s\x86\xc2V\xbe9q3\x93r3\x03\xe9\x85\x97\x9d\xc7&gt;\xf30\xe9\x02\xdb\x00\x18\x0c\x1d\xb1FQ\xf7@\xb2X\xbdg\xb4$k^\xc7\xbb\xf2.[\xf9\x84\x98\xc5\\\x93\xd00\xdc\n\xde\xee\x86=\xeak\xd3\xfa\xdf9\xe7\xfe\x9dU\xff\x06\x83\x1e\x06\xc6\xd2\xb3\x0c\xd1b\x98\x0e\xc3\x92\xf5\x98\xdd\xac\xc1P\x81W5\xe7t\xce\xd9a\x90\xa1\x0cp\x9f\x18\x95\xfe\xf1\xef\x8b]\x9b\x19\x0c\x86\x16\x0c\xdb\x00X\xde\xbf_\xd4O\xfd\'i\xd20\x18\x8e\xc4\x19\x13\xe0\x199sp\xab\xe3j\x01\xfe\x0b_-\x02\x01\xc0=\xa8Z\x02\xc9\xa7r;m\xf3n0\xb4"}p\xa8|W\xce6\x00\x06C\r,p0\x9c/\x9f\x9c\x8e\xb0\x82\x91o\xfaQ\x8d[\x1b\x1a2\x9c\xb6\xe9\x03\xacL\x07\xea]\xb6\xba[\xf6+\x83\x81\x0b\x9d\xf3\xfbZ!^\xaf[z,\xef\x96\xc6r\xc5\x0b\x11\xc3\xb9\xcdIl\xc5\x1cv\xd0\x9e\x11\x00\x80I\x86\xd6\x04sT\x06D&amp;"\x1a\xb7|\x80\x07\x00\xbe\xd5f\xca\xe0\xfe\xf4\xfa\xdf\xbf\x80`\x0f\xb0a\x7f\xb6\xe7i\xca\xc2t\x9e\xa63\xb74\xdc\x04Z\xd6\xc2\xf8C6w\x8e\x1b\xb5\xc6\xed\x8d\xe8\x1e\xa0&gt;e\x177\xf8\x93\xf3{\x82\xf93\x033|\xe4`\x06\x0eg\xc2\x11\x8e\r\x07\xe9\rI\xa8.\xbb\x96\x1c\x0c\x862\xac\xfa\xc7p\x12\x83\xcc\xcf\xd0\xd0\x80\xe4);\xc3\x8esD\xa8\xc1 \xc6x\xafn\xdf\x00X$\x1a\x0cgDS\xcc_\x13\x87"\x9dIp\xdaAMG\xfb\xb4\x96&lt;\x1ef\xba\x1cz\x9eY\x98\xcd)\xd8\xa6\xd4\x90`\xb0K\x98\xfb\x19\x0c\xf3\xe1,w\x12F1\x1c\xf7\xa4\xf5\xfc6\xbfI\x98\xd9\x0fC\xb7&lt;\xa3+\xd6\xcae\xc3\xcd\x80p\xe6A~.{Z\x81\xc5\xc7r\xb8\xe1\x1e0\xe8[&gt;O\xb1\x018)\nI\xf6\xcd\xcc\xf2\x06\x03\x17\xf9LeAd0`\xa0\xd6\x97\xa1\x05\x86\xe2\xe7\x04l\xd14\x9c\x08\x87\xfb\xeb7\xd3o\xabE\xd4KXX\x8aq\xb4o\x18\x86\x02n\xe3\xcb|\x0e\x82\xad\xfd\xcd0\xeb\x19\x14\xc0\x0f\xc3`\x03\xf0}|\xf7\xa3\xbe\xdb\xca\x92\x80\xe148\xdc_\x0f\x8f\x96\xc3\t\x18\x0e\x87\xf9\xc0\x05\x87g\x83\xf3b5\x9dY\xcf\xc0\xc1{\xdaN{\x06\x84w\x00~OK\x9e\x023\x83a\x00\x0e\xf7\xd7*\xed\xea\xcf\xd4\x1af\x83M\xca\x01\xd0\xca\x06w\x18S\x87\'R\x83\xe1\xa6\xd1+\xb8\xec#:\x86{F\xab\xb3\x8e\xf4x\xfbH\x80\xc1\x1c\xc00!&gt;\xd3|R\t\x16\xdd\x06\x83\xc1p\x0e\xe4\xf3uS\x1e?\xfe\xfb\x01\x0c-\xe8\xb6\x8a\xdb\xb3\x16\x06\x83\x08\xb7\xf5\xd1\x8e\x9b\x19\x88\x02\xee~\xb3d\x07\x82\x86\xfb\xc2\x03G\x13\x88\xb1,\xcb\xfar\xff\xed\x0f\x00pn!z\xb1\x90\x89\xebeY\x14\x84\x1b\xbab\xe95A\xab\xbf-V\n\x18\xee\x1e\xec\x0f;ve1\n\x00\xe0\xe0\xc0\x1f+\xfcW\x07\xe9\xcd\x81\xfa\n\x9d\xc6\xb2\xb8kU}s%\xfb\x8d\r\xc7`\x90\x03B\x1cM\xc7@\xa1\xfb\x04\xfd\xf4&lt;\x0e`\xdeh\xb8g|\x85}\x7f\xb92\xe6]\xe0\x00\x00&gt;y[\x82\x1bH\n\x07\xa8b\x8d\x1a\xc2\xb3\x15\x1bS\x911\x18\xc6\xe1\xa0\xea\xff_\x0e\xd4u#\xf8\xed#\x1f\xa1\xf9\x84\x83\xf4\x1a\x0c\xa7\xc7[\x1es.kO\xdc\x9d\x04\x10\xe3hB"\xd4\xb8\xd9\x98a\xd2Z\xec\x91T\x83A\xe5\x13\xba\xb7\x13E3\'\xdf\xf7\x98\x98\x1b\x85\x93\xd2\xbez\xf5I\xc9\x1b\xee\x05a\xca\x02\xff\xfa\xcc\xd9\xec\x96\xd0\xfci\r\xbf\xf4\xb7)SDv^\xcc\xda\x06C\x82\xfb]0f\x19\xf8e\xcd\xbe\x99\x95\xfb\x9cgZ\x1bNM\xdepwX}\x15\xb6Ov\x1d\xcb\x07\xc3\x84\x94\xb8\xc8=\xa2\xd3\xbc\x01\xf0\xf2\xe4\x8cSv\x93\xb0\xc4n\x18\x87\xe9&gt;\x04\x8c\xa3\xf63\xa0\xe7\xaf\x93F\x7f:9g\xae\xa5\xdb\xc7pu\xb1\xf1\'\xa7\xfe\xd4.\xe1\xec3\xeb(N\x1e\xe9\xe7\x00\x00\xb8\xa7\x15\xfep\xe9\xf5\xca;oe$\'\x99\x8c&gt;\x07\xbd\t\xdfyBj\xfc\xb6\xbc\xbd\xf7\x0e\xc4\x9c}U\x9d\x03\xf8\xb6j9\xcbRk0\xcc\x8e\xce\x07\xbd\x02\xb1\x1b\x8d\xd9\xf7$=\xb8\xfdV\xcf\xf1F\x84K\x0f\xad\xd2O\xb5\x0e\x99\x9d\x89g\xff\xcc\x98:\xacn\x04\x85\xe7\x13rSp\xe9U\x0c.\xff]\xef\xf5#+\x88Jq+\xce\xa3&lt;\x8aL\x9e\x9c{\t\xbb\xe2\x14\x87\x9b\xf3\x9b\xd1`8\x03\xf2\xb7);~\x85\xbc\xa8\xb1\xddKm\x83\xccnuK\xd4\xc9\x1f\r2\xdc&amp;n\xc6\'\xd1-\xb7\xffZq\x98"i\xffDK\xefMLS\x08t\xcano\x98}q3!l0\x0c@\xcd\xe7\xf7\x95\xb2R\xaf\xafg\xf6\xe2\xdf\x12\x81.\xee\xc8\x9es,$\xda\x04~\x17Nr\xach\xd0\xc4\xea\xcc\xb0\xff\xa1\xbf\x01\x18\xeaT\x03|\xf8y\xb9*\xd8L\x84\x9c\x1fo\x1b\x80\n\xfc\x1b\xb3\x98\xc1`0\xdc\x16\x86V\xe4G\xd44(\x0b\xed\x93\xcei?\x1b:\x07&gt;\xf66-\x13\xdfp\x9b\xc0\xb7kq\xdd\xc3\xe4\xf8\xebnl\x8a\r\x86\x84R\xf5d\x9dt\x8a\x9b\x90&lt;z\x1a&gt;\xed\xf6\xf3\xf7h\x13\x83A\x01\x07\xd6\r\x00\xe0&gt;\xd0B7\x8f\xfb(\xe9\xc6z\xe0\xf1\xd5\x7f\xa7\xf1\xaa\xecm\xe6\xb8C\xc2\xc5\x89\xa8\xf6@\xd7\'\xeeFzBI\xd1\xb8Y\xb6\x87\x1898\xe2Y\xdc\xfd\x13\x806A\x06\x83!B1#X\xca0\xdc\x15*\xcf\x17mq\x9d\x06\xbc\xb3j\xea\xa3\xc3\xb5\x8a\xb72\xab\xd9\x19X4\x9e0\x8b\xcb\x1d\xf2\xe0\x13\x03\x0f:D+:w\xb5%\xb8\x8e/\xa1\xda_i\xc6)3\x18\x0cs`K\xebV\xdc\x9c\x05\xf73S\xf73R\x83\x0fz\xde\x9b\xcb\xd0\xfa\\7\xe6\x9cuV\xb7\xefx/\x82\xb3\xbb\xc8Z\xfe\x00s\xe1T\xebv\x86\xed\xd3m\xc7\xff\x06\x83\xa1\x1a\xcf\xef\xdc\xbf\x1e\x98;\xb6\xc7\xb2\x155n\xb9o\xde\x0c\xa8c\xe1\x83\xbe\xcc\xc4p\x7f\xe8\xf2\xf1\x89\xa2\xc0\x1f"\xddR\xeb\xf4\xbd\x02\xb5e\xd6\xed\x87\x18a\x13\xc5&lt;\x9f\xd3r\x94?\xa48*\xa3\xd6\xdfy0\x18\x0c\xb7\x85\x8a\xa8&gt;&amp;g\xa9\xea}\xc6k\xfa\x9b\xf9\x8e\xe7\x8c\x05\xf7=|FvB\xb3\xdf9\xa8\xfa\x9e\xe8\xf2\xd4{\xa1s\xa2\r@ C\x93\xd0X\x94we\x87\xe1h\xab\x1e\x9f^\x0e\'`0\xf4\x84,\xc5\x1c\x1f\x90C1\xcf\x11\x08\x9f\xc6\x98\x05\xa3\x9f\x96\x9b\xa8)\xf7O\x8f\x1d\xcd\x84\x89#\x9f\xdd\x9f(\xca\xe6\xc1\xe7\xd4\x1c70\xa7\xc3ov1\xfe\xe1%x\xe3\xfd\x87\xa3\xb6.*\xc8\xd8\xfc\xc8-\xd94\x08\xc6~\x9etj0\x9c\x04\x03\xb2\xcc\xa9*\xa1\x10\xf3\xd0\xbe\x9b\r@]\xd2\xaf- :\x8e\xe2\x1e\xd6\xef\xb3\xc6\xf5-\xa2\xae\x80\xde6\x00=(\x89\x99p\x83%n\xa6\xb1\x81\xa9\xa0q\x02\x08l2\xfd\xad\x86\x96GqH;\xdc\xcet\x1bn\x1e]~.{\x82\xfc?%\x96\xe5h\x06+\xd8L\x96!\x9c{j\xa9\x97\x0c\xe2\xf5\xbb\xcf(\x82\xb5f\x1a\x17\xbaE\xdcX\xb9\xd6\x82eY*\xf2\xd5\xa5\x97R8\xb7O\x04\x8bFn\xb5Z\x84y)u\x1e\x00X\x96\xe5\xd41\x8bn\x84X\xbb\xa3\x83\x06\xcd\xdb\xa1\xf0\xb61_\x08\xce\xc1\xd3\xc0v\x03\x96\xb3g\xb84\xb1\x1cb\xb8K\xf49\x01\xb2prn\xa2\xf3\xd1Ih\xf4\x05y\n8\xd6\x02z\xe7\x91\x87\xe3\x06\x860%\xc6\xec[\xeej\xee\xc4\xe1\x16g\x8cn\x01; \x15@\x02\xe4\x12\x93\xc6\x94!\xcf\xb6!\xfc\x8b}\x03\xa06\x90\xdbH\xe6\x06\xc3\x18\x9c1Tn\xa4b\xbbsl\x8b\xdf\xe1\x1cn\xc2\x9d\xe2!0Gt\x13c\xef\x84V\xc7\x00\xbb\xe9\x81\xa1\xca\xaa\xeaq\n\xc8k\x91\xfcJ2\xdb(\xa8\x87\xa3\xd4\x86y\xc8\xf3\xa8\xcaY\x1d\xdc?^\xcdE\x8a\r\xad\xf7sz\x04\x0c\x86\x9b\xc5Q\xeb\x93@o\x92\x9b\x88\x14i\xcb\xed&lt;8Gey+\x1b\x80V\x98\x05b4;F\xabI\x7f\x9a\xb5\x7f\x10\x93\xc4\xb7%\xe3v\xe3\x93\x85[\xe5&amp;\xadz\x14\xc5^\x8a\x19)\xdei\xdc\xf4\x8e\xf4\x86Ns\x0c\x86SA/[\x95\xdbX\x84\x8f\xc1\x11F&gt;`Z\xef\xc1\xa3\x1ak\xbb\xdb6N\x0eg9\xbfW\xf2\xde\xa1\x83\x9d\xc2\xa3\xb6\xc0\x1f@F8G\xdd\x92\xd2\x04f\xef\x86q\xb3i0\x18\x8e@\xffZ\xcd\xd2G\x16c,\x93\xd5BO}\x8dW\x04O\xa0\x9ek\xdeq\xb6\xb9\xbaa\x1d\xe0\x81c\xbc\xf1-\xd6\x10\xe06\x9cx\xa3\x1e\x13\x06\x00\xe7~S\xa8\xe88\xb7\xd1{\xdc\xa8b\xd9j\xd8\x03\xdcv\xa0\xe5F\'\xb7\x95e$\xc3\xc9q\xba\xc2\xa5\'\xf6x6\x9b\x9c\x04\x92\x15N\xfbTl\xf7\x96[\xaaM\xf3\x1b\x80\xef;\x84\x8fA\x0b\xd3\xecT\xc51\xeb\xbd&lt;\x88\xfc\x8f\x8b\xf5\x82\x87F\x9b\xd7%.\x86v\xa8\x93&lt;\x13\xde\xf6h\x02\x06\xc3yq\xee\xe0W\xc3\xf9\xf3 \x17\x95c\x9c\xd52\xe1\xc4\xb1\x1e\x00\xa3\xdf\xafZ\xaaO\xe89\xc2;\xdd\xe7\x1b\xa0!\x86N1\xaaEe\xda\x94\x12\xa1\xdah\x10\xa2\x91\x80\x94\x03S\xfbW\x9d{\xd5;5y\x83\xa1\x00\xe5o\xeb\x05\x80eq\x00\xfe7(C\xf8\xe7=\xc2O"wn\x8a\x93\x01\x00\xf6_M`N\x1c\x10-/\x9eP\xf4\x01\xb8~\x83\xf8\xa9q\xf5z\xf6@(\xbb\x1d\x08\xe6\x94\xcd\x83\xa3\x9cg\xcbr]f\x1c\xc0-\x8e\xd7\x1e\x9c[\xba\x1aA(\xbc\xc8\xe7b71\xdb\xa86\xad\x1e\xaf|\xe2\x10\xed-\x04D8]&lt;\xd2\xb8\x89To8+\x94\x7f\x08\x0csesoC\x84O;\x9a\x00\x1b\xd7_5\x12\xfd\x9a\x0f\xd5rY\xdc\xb2\xbc\x05G-[\xdd\xb4\x10\r\xe1A\x97\xf6\xf3\x1c!\xaf\x98\x87\t\x17\xe7q\x1e\tO\xc1/j-\xce\xbdM\x15\x1f&gt;\x97\x0b\x13-\xdf\xa8\xfc\xb10\x7f\xa2\x99\x93N\x9f\xd6\x87ou\xf3\xfco\xae\x0f\xf0\x1b;\x8f\x87\x0e?2`0\xf0q\x96\xa5\xe2\xf4\xa8;e\xa9V6\xd1\xaf\x0eO\x89\x1b;F\xba\x19\x0c\r\x93&lt;\x0b?1\xaa\xb8\xca\xcd\x9f\xf3\xd9MN\x1c\x00\xee7\x9c{.\x7f\xc3\xa0i\x1c\x91s\x12\xc1\x15M_I,^\xaf\x124|\xff\x97\xc4B|\x8f\xe8\xe6\xf2\xf6z\x9b\xd4\xb9d\xc9\xd6\xf7\x16\x83!\xc2\x8d\xb8\x17\x99\x17\xa4\x8f"\x18n\x17\xd7Gz\xfay\xc2\xa4\xcf\xb1\x1c\n\x99M\x0e\xaf\x95C\x02\xb0\xee\xa6\xeb)\xcd]\xb5\xe8xlXA\xbaf\x99\x04\xab&amp;\xc2\x97\xc9\xd5zx&amp;\x15\x8f\x16\xac?\xe3\xdc\x0b\xea\xebb\xf1a=\x7f\x9b?\x7f^\xbc\xff\x17{\x90\xcf8-\xf9?)R\x98\xcc[\xcb\xb1\x87g&lt;\xc3\xddB\xf9\x11\xa0)\xb1,\xd7\x079\xc6\xc1\xee\xe8M\x8a\xee\x9e\xa0\xff\xa1\x9a3&gt;\x85\xb2\xe1rs[\x14\x0e3\xac\x85\x9b\xd9\xb73\xd3\x069\xb3\xe2\xfb\xb7G\x0f\xd4IV\xcf\xe0\xf6Q{B\xc2\x82?2\xc1\xfb\x85\x96X\x96\xb2\xb3\xc5\xd2\x96\xc5-\x8b{\xa1\xcbs\x84\xc3\x97\xa1\x8b\xceb#Q\xf5_\x95\x91\x16\xf2O\x8c\x125\x9b-6\x9c\xf1[\xf8f\xc8x\x06\xc3$\xa8\x7f:p\xea\xe5\xf6\x86\xd0l\xe7\xd3M\x13\x9f\xf0\xe9\x86\xd6\rJ_Q2\x1e\x8a\x9b\xae\xc9\x07\xae=5\x8ds\xbdu/J@\x1a\xb0\xf5\xfeO)-1\x00\xdcc\xc7\xce\xfb\xaf6\xa9\x83\x0c\xa4]Z8D\xe2\xbf\xb3W\xd2\xb0g\xee\r\x86\xe3\xd09\xf0\xee3\xaa\xc7\x8ez\xde\xec9\x03\xab\x198L\x81\xa48h\xb1\x0c\xb3\xef\xa7\x82\xde\x97?\xae\x9c\xcf;\xa1/\xe0\x9c\xa3\xf9O\xbb\x01x\xcbI3\x0c\x0b\xf5F\xb8t|\xbf\x03\xc6./\xe5\xbf\xa2\xc3\x06`\xbb\xff\xa3\xbe\xa3\x08\xd5\x00\xfc\xc2\x99\x1d\xcc`8%\xa6\xdcy\x7f\xfc\xd1\x04&amp;\xc1l\xf3\x92\xc5\x94^D\x00\x9cc=\x9fp\x93\xb8N\x96|\xf85S|\xafF&amp;0,RT\xaa\xc0m\x03\xd0\xbcc\xec\x0eb\x7fXm\x84c3\x9b\xb4\x94\xd7\xae\xfe7\xbc\x9c\x9e(\x83\xc1@\xc1\x1e&gt;3\x9c\t\xdbJs\xb2\xe7&amp;\xef\xf5{\x99\xa0\xf6\xf3\xafpk\x1f\x8c\x83\xdb\xfe9\x94B`\xf2\xfc\xff:\xe9\xb0\xfd\xf8\xc6\xc4\xe6\xa2FT\xf3)\xd5\xc33\x9b\x94\x80_\xf4\xdf\xb0c\x0f\xc3\x9a*\xdd\xd4no\xb8-\xdc\xc3\x87\x80\x19h&gt;\xc08\xdb\xb1\xf4\xc9\xe0/NG|\x96\xae\x19\xf8\xf7\xee\xdd\xbe\xc3TO\xd6\xc4S\xdco\xd6N\xe9\x0f\xdb\x1e\x8f\x98j\xe6\xc0\xfc\xfeU\xd9T\xeb\xd6\x01#\x99\x13\xfeY\xa5\x7fY&gt;\xc1\x1d\xe3\xf6[j\xfd\x15A\x9f\x83\x17\xbbSF\x8a\x87\xf4\xb3\xc8\x10_0\x18\x0c9X\xc1}G\x00\xadu\xdd`0\x8c\x078\xf7P\xe7\x9c{.n\x08W\xa4\xf7\x0e\x0f\xa3_\xf0\xe8l\xe6y\x86\xcb\xb3m\'\xceK\xa8\xb98\x06\xec\xf6\xfc\x0f\xa5\xb0\xbf\x96a8\xb7\xdb\x18n\x06C\xce\x1b2wK\xab\x1f\x0f(i\x9b\xe7\xe1\x81\x9a{\xc1c\xa0h\xa5\xde\x06W\xf5\x13dF\x00 \xf7u\xd7\x86\xf3c\xde\x18\x9c\x15R\x8bmO7\x95:2\x1e\x04\xaa{\x12\xa6\xdf\xe3(Y&gt;\x9e\xca#\x97\x9b\xc6g\x0bA\xfc\xbb(i!&gt;`\xf8\xea\xa5BI\xa0%\r\xc3]`\xc8#@\x990\xbb|G\xf2\rC\xfa\r\xe8uJ\xea\xba\xb5$\xd3hPRQB\x9b\xe8\x1a0^\xc57\x1dC&amp;K\x1b\xa7#&lt;\x1cg\x9a\xd67\xc9\x1d\xc7\x16\xf8k\x0fP\x12\xce\xdf~U~\xa9$K\x82\xcb\xbfH\xe5\xff!\xa0\xb1k\xd0_Q\xf0g\x9bz\x9ex\x08\xda6\x8e\x97\xea\x0e(\xfc\xae\xc3\x9e\xc6\xd4U\xe4\x8d"g\xea\x9b\xaeK\x0c\x06\xc3((\xac\xcd\xb3U0%&gt;E\xb6i\x83l\x97\xcew\x99aS\xd1G\xbe\xe1x\x9cwr\xcf\xe0\x99:\xcf\x81\\\xba\xd7=Urm\xff\xaeh\x97okau\xd3\xb8~\xe7&amp;a\xea\xb7\xc2\xb7\x00\x85\xd9\xd9\xa6R\x99\xaf\x18\xf9\x9d\xf3\xb8\'\x97vm(\x99\xdf:\xdeJ\x06C\x07L\x10\xff,\x10\x89\xe0,C\x98\x12\x1f\x9c{Cl\xd5A\x99\xba\xa3\x8a2\xffp\x8ca\xfb\xcfpn\xfb\x1a\xcd\x8f\xd6\'g0\xb4C\x1c\xa1q\x05\xe6o\x00\xe4\x0f|\xdfp\x0e\xdf&gt;f\x90\xade[\xe5\xe7\x05bu?G\xdd\x1c\xbb\xd6J\x0e\x1d\x98\x7fo\xee{\x90#C\r\xdd\x96\x18\x0c\x86\x9b\xdc\x00\x9c\x89\xf6i\x8d\xdc\x11\x98M*\xaa"\xc3\xe4\xb8\xeb\xd9\xbc&amp;\xde\xed\x19\xbc\xd0\xb7\xcd\xd5/HN\xdc_a\xbc\xf6-\xf9\x8c\x9c\x94\xc3\x1c@U\xaf\xc8h\x9c\xbb+\x06\x83\xc1@\xa3s\x06a\xffLL\xb1I\xb6\xa3%A\x83\xe1\xd6\xe1\x1f*\xc7\xa5\x8f\xa4l\xea\xc1m\x12\xdc\xf6\xe8\xca\xf8\xcb\xf1\xc3W+\xc1\xf9\x05}r\x9b\xc5`0\x18d(?\xd39\x10\xed7\xa6\xc7\x8c\x82\x95\x9d\x07\xf00\x184\xd0s\xf3\xfc\xf3\xfa\x92\xb7\x8a\'}"H\xfa\x14PQQ\r\xbf\x9e`?Qs\xa78\xa4\x1aVTZq\x93\xbfF\xb5\x00\x00 \x00IDAT\xfc\xaf\xa2\xd7`\xb8\x11\xdc\xef\x9ex\x1f\xf8\xa4c\xef7)\xd8\xa4\xf7\xd5Ul\xc3\x14\xa5\xc1\xe8(\x9c\x9a\xfc\xfd\xe1c\xb1\xcc\xf0\xfe}\xb3e\xa7t\xd4@8\xf7\xb1\x99X~\xc7u\xa4A\xec\x97\x9f;c\x8c\xc1\x89M4\xf3\xf2m0\x18\xe6\xc5\xdd\xdf\x10\x1c\xfc\xfd\x0cg\xc0Yx\x9e\x16g\xf1\x84\xe93\x83\x8c\x98| \x00\x97\xefv\xf5&gt;?@\n\x81\xc7\xf7\xb5\x98\xff1\x86)&amp;e\x1e&amp;\x8d\xe8\xed\xe4\x13\x07\x91\xc1`\xa8\xc2mD\xf5\xf4\xcb\xfcM`\x80y\x9bT\xd4&lt;\x15m\xa8\xc59,\xece\x86s\x10\xd6Ez8\xc21\x85 \x97\xae-_x\xa2\x88\x9b\x87\xc9Pt]\xfez,\xaf\xb6^\x1b\x0cw\x81\x01\x87\x13\xb6\x01\x90")\x0b(&lt;6&lt;G\xecG\x89\xd3\n\xfd\xf0\x06\xa7/r\xb3\xc8\xdc\xe6&gt;p+\xb3,\x1eEEn\x94\xb4\x07$\xa6$\xec\xe4]\x8e\x04\x008\xf7lG\xb3\xb8\x11\xf4\t\xc9/\xe8 \xd3`\xe8\x82\x93\xa5\xbf~h\xcf\x05w{\xc8W\x84J\x9e\x9dc\x8b\xd5Xm(\xe2\x0f\x0f\xd5n\xb8S\x00\xf6!\xe0b\x17I\xfb\x9f\xad`\xf5\x82\x9b\x8a\x95\x1e\xb7g\xafmI?\x1cN@\x11\xe0\x9cs\xfb\xc9\xce\x89\x16\xd0\x7f\x96w\x86\xb3\x0c\xc1`81\xa8\xd8;&amp;S\x1f\xbf6L\x00\xcc\x08-s\xd1\xe9\xceo\xcbn\r\xc2j\xe3\x18\xdc\x88\xb3\x15G!\x1f\xe6\x8dX\xe60\x14B\xe3j^q\xf5\xcf\x8c\xe2\xadYE\x88mq\x1d\xebzfZ\x88`,V\xde\xa9\xc3s\x8fs\xd9\x16g;\xc1\x16\xd1`0H\xb3I[\xdc\x16V\xb8\x93\'\x05~v\xce\x1f\x8aLb\x01\xff\xfcr;,\x0cj\x0ei\xa5R\xc9c\x8a\xd3\xc4\xf9Qm"]\xdb6\xed`\x15ytC\x1c\x05jrCTt\xd4H\x9eY!\x17\x15\xdf4\xfd\x1c\xddp\xba\xa8\xf0\x8d\xb4\xbb.\xa5\x16LE\xc6`\x98\x07\x93\x07F\xeb)\xf5\rG\xbe\xac,F\x1a\xf7\xdb\x00 w\xfc\xf3T\xffj{B\xc0?hL7\x007?\xa1g\x81\xf2\xb9`C\x91\xd1\xa8wz_\xf27\xc3\xeaT\xf7h\xe2\xdbA;\x06\xf1\x83\t\xbd=F_L\xef?e\xe4\x87p\xfa\xa1\x19\x0c\x86\x08H\x81\xa5\xaf\xc3_\xb1\x1aS\xe4G\xb7\x9d@tH\xd0\x80\xde\xce\xae\x11\xd2\x05\xe8\xf2\x9cY\xb3{\xdf\x01\xe0\x0b\x7fo\xb7\xeeR\xae=\x03\xb6\xc1\xc6@\xddtm\xb1pw\xcb\xe4\xe8mXG]\xf5\x03\x195\xfcAF\xee=\xa19\xf9\xb8\xd2\xe9\xf7\xf93s\x93an;\x1b\x0c\x06U\x0c\xf9\xb6\x16\xad\x9c\xb2.\x03\xb2;\xd4\xaa\xaaeou\x05So~\xa1e/\xc0X\xb3\xcf\xe92d\xf0^P\xf2}\x9em\xc6\xcf\xd9\xd06\x00l\xec\xf5\x99\xf8\x86R\xc5\xdcu\r\xb7\xfa\xbd\xdf\x0bv\r\x07u\xb1\x95y\xa3?\x12\xa5\xf3&gt;t&gt;\'+u\xa8\x0c\xb3u\x0b\'\xef\xfb\x8c9A\xd5\x1c\x0c\x86;D1`\xc0\xb9\x17\x1cA$&lt;\x12f\xb6\x1f\xb0\x01p\xb7u\x02t4\x03\x0e\x82\xb9P\xbf\xf7\xd2\xe66\x15;^\xaf\xf1\x19\x9es\xe0`\xf4m\x81\xa3\xd1v\xd7h(\xce0)\xf33t\'!I\xe0@\xfe\x15\xaa\xd5\xd8\x9e\xc1\xff\r\x06u\x08K\xe7Y\x12\\\xcf\x87=\x04x\xbf\xf3V3\xb5\xc5\xe8p\xc0\xfa\xc9\x04\xe9NO\x8c/\xa2\x857n\x00\xce\xeb*j 6\x00g7\xceD\xb9\x91\x07\xee}\xc2!\x9f\xaa\xe7h\xd00\xaf\xc5`\x19\nG\'\xd3\x19y\xda[[\x06\xc3\xa1P\xf7\xfb1\x81\xb4\x95\x11\xbd\xd41\x84O\x942\xe6a\xd2\r\x03vz\xe0\xed*\xe9\x06\xc5\x8b\xfc\xee\xb7\x02n\x99\x987B\xa3q\x86\xd9V\xaah\xd6I\x97l\x00\x18\xd1w\x8e\x93\xe3\x9b\x8eA\x1dHLt;;\xf9\xd3m\xe0\r\x86\xf3\xa0\xc36\xa3\xef\x06 Q\xd7\xd05\xf70t\x05\xde\x99\xa9\xb4Y\x91\x81\x0b\xb6o\x80s\x9f\xd6\x97\xca\x91\xe0\x19\xe1%:zf{*\xe0Hx\x1a\x91\x96.\x8f&lt;\x8d\x8bn/k\xb5)\x1d\xfbe\x06\x06\r\xf4\xfb\xa8\xc9t0/2\x18\xba\xa0\xd3\xc6Z\x12\xb1@\xfe\xa9\xae\x0e\xef{\x8e\xfcr\n\x92#0\x8d\x1d\xbem\x1a&amp;\xceMd\x96c\x00\xff\xa3*\x90\x07\xc7\xbe\x9e:\xc5\xc4\xd5{\x03\xa0\xf6\xe1\x1f\xc3\x05\xbd\xd6,\x9b\x1d\x83\xa1/&amp;\xf9\xa2\x86)o\xabEy\xedv\x9e\xdf\x80\xdcS\xe6\xf1\x13\x99\x85\xc70&amp;\x1ff\x1b\xa2\xcd\xd8\xf0\x8d\x99\xf8Y\x85\xd9\xbdN\x1b\xb3\x8f\xf7\x0c;y-\x86\xd7\xe8\xe8?\xdeF\xc2{\x14gs\xa0A\x84-\xf3L\xfb\xd0\x17\x0b\xe6\t\x86{\xc4\\~/\xfe\x90\xf1P\xf0K\xc0\xb0\xd9\x84\xcb\x0c~\\\xd7\xb5\xc6\x9d\xc9\x08\xac\x07\x9a\xfd\x9a\xe6\x14wf&amp;\xa7W\xc6\xb7Q?\xe3\xca\xbc8\x15\xe6g\xa8\x84\xf4\xa0\xa4\xd7c\x9c\xed\x92\xdc3\xdf\xc9\xa4\x1c\x8e\xa3\x8eN\xfa\xe2\x96\xc6b0\xd4\xa3C$L^f\x89\xb9U\x0f\xa7v\xb3!\x93\x1f-\xdbl\xa5C&amp;h\xe8V\xe4\x80\xbb\x19\x13\xfby\x0f\x14\x07+\x8e\xfd\xb6#gE\xe3\xe3\xb4\xe7NeeT\x93\xaf\xedxb[\xdd\xfc\xed\xd0\x16\\\x02\xe1]\xcfo\x1f\x08q4\x1d\x83\xe18t\x8a\x81\xc9\xe3JL\xefi[\x863t\x03\xd0\xe73\x88\x8d\x18\xb4\x07\xe8&gt;\xf0\x13\x17\x88\x83\x18\x8eZV\xc1{h\x01\xc7_\xea&gt;\x15\xc3n\xac\xa2T\x11\x1b%\x95y)J\xe8q\xdf@\n\x00\xf8\x85\xce\xe75\xf7\x08\xdc8\xa73WT\xff\x9f\x8e\xbf\xc1pf\x0c\\!~\t\xd5?D\xf58\xa4),\x97\xd4\x98)\xafwNT\x95\x1f\xe4\xf1\x01\xccQk+-$\xd5\x07\xae\x17\xed\xaf\xdfL@\x01\xa95z\xac\xb2\xfe\x8c\x87\xc2\xc5w\xf68\xaa\x84\x02\xa5\x83\x1dT\x85\xe8m\x00T\x1e\x13W\xdb\x9ea\xd7*C\xd2*B!~\xdd\x01\xbc\xd4\xd9,f\xd5\xbf\xc1p\x0c\xc6F\xdd\x88r\x90=\x9c\x91\xb9f?\xf3\x13\xf7\x1c\x98\x19U\xb4\\\xd9\x0er\xaa\xec\x1d\x80#\xd7\x92\'\xef\xda\x07\xee\xaeq \xd6\xe8u\x83\x11\xdd\x00\x8c\x84\x8e3\x9c+\xdcT\xd1\xc4\x07\x00\xbe+c\xba\xe3C\xf2npF;\xdb\x06\xc0`8\x0c\xc5\xa8\xd3\n\xcb\xae\xe1}):\xd1T\x92[\x93t\xf5\xb3\x1a\xd5\xde\x07\xaf\xe8\x95\x132 \xd5\x0eL\xe5\xb6`l\xc8\x9a\xa2\xef&amp;\x04\xb6;\x1eW]\xb3\xad\xe2\x15\x1b\x80~d\x0e\x01\x0c\xb8\x1dG\xd6p\x03O\x04jps3~\xc0\xd9\xd6\xf5\x8f\xcaTc\x1b\x00\x83\xc19wL\xae\x1ctH\xc9\x0f\xefR.\xc8\xbd\x95\xdd\x00\xdcJ\xbd{U\x17\xfd\xcd\x9a\xbexGD\xd5\x8b\xf3\'\xe2\xc9K\x8a\x81(\x1b\xa1a6Y\xc2\x8b\x9b\xed[B\x92aN2\xde+\xe1\x93\xb0\x1d\x88\xebT\xce\xfa0}U6\x1e\xc5|\x0b\x84\xef\xf2\xef\xfeU\x1er\x9db\xdd1\x18\xce\x85\xef\xe24\x9a$\xf0\xb6\x14\x80\xe6\x02f\x82 \xfa\xce1\xcc\x9a\xa7\x80\xe8?\xafW\xfec\xfd\x83F\x01\xbe\xedHC1U#\xcd\xa6\x98\xdc\x19\xd1\xd5\xf3\x95\x84+\xd2k\x8c\xf4\xc2a\xb9\x97I\x80\xbb\xf7n\xc7\x1f\t\x8eN\x9c\xfb\x9e\x83\x12\xe0\xe4\x01H=\x9b4\xc7\xd2pJl;\xa8\xed\xdf\nc\xda,\x18\x0c\x02\xd4\xd7Ig\x00\x9e\x0b\x1a\xc62A\xa2\xdfT\xcb\t\xd0\x9c\x9f/\x1dT\xeb\xb3\xbc3\xb8\x8d?e?f\x87\x97\r\xe8=\xa1?8\x81\xb7xh\ns\x08\x9fh\xca\xb7\x19\n\xbe\xc6(\xcbm9gL\xf6\xdb\xb7Fg\xc0$\x89\x0e\xc5&gt;_\xb32\xdc\xb0M:\xb4&lt;i\xb6\xfb\xe7\xec\xe35\x18&amp;\xc0-o\x00~\x8a\x93\x9a\x85C\x93.\x81=\xecVYU\x00\x80s\xbf&lt;l\xb9z\x18\xd7\xf8\x1f\xdf\x9d\x8a\xde\x87O\xba\x9a\xae\xe7:\xad"\xb6i\xe7\xdcU~\xad\xc6\xfb\x82\xdc&amp;\x10\xbc\xf8@quU7\x0b\xc7\x1e\xb2\xa0z\xfd-\xd0`&gt;-\x80\x04G3\xea\x87\xddWo}\xa4\x86\xe3\xb1\x1cM\xa0\t\x00\xb0,\x8b\xff\xe2&amp;q\xc9\x02\xea\x03\xe4\x8b=\xc0\xbc\x00.\xa31\xcd\x89\xfd\xb9A)R\x8a\r\x861)6\xbe\xda\xaf\xa7\xd1\xc0\x81\xcbM\xdf\xadB;F\xb6C\xeb\x01\xee}\x16\\\x8eT\x9dk\xf6^Q\xea\xbb\xbc\xa8\xd0\xd8\xd27\'\xf2\x12\xd1\xd2\x15\x01\x00\x96\xc59\xb7\\\xfc\xa9\xd3\x82\xa2\x878q\x1d\x91\xf3q&amp;\xdd\xf5]\xa7\xe6\xf2\xda\xb9\xa9\xa7\xc9`8\x16\xf1\xbd\xdd\xc3x\x1c\xaa=\x07\xad#\x84\x8fR\xe0\xa2\x89}\xd2\xef\xed\x8cDe\xbc\xba\xa7\x80\xb7m\x7f\xc1\xe8\xf6\xe7\xe0\xdfME\xb3\x86\x90\x1b\x83\xf8\xce\xd2\xfe0F\xedc\x81\xe1\x83\x1cb\xed^\xc0\xaaO(\xe7\xb6$\xf8/N\x844\xee\x0e\xba\x030@Q0\x9c\xcb\xe8\xde9\xff\xd9?\x83\xc1pc\xe8\x15\xe4\xf5\xe9C?\xef\xcc7\xc6\x1a\xfc\xd2\'\xb0\x1f6{\x8a\xdf\xf2\x9b\xf8$\x0bOF5\xaf\n\x97j@m\x1d\xedi\xff#\x17\xbf\x8aj\xe3\x96\x1fQ\xb8\x0eJ0\xaey\x8cPU\x85\xa3\x83m\xd9\x00\x0c\xc5\xcd\xfa\xe1\xcd\x01\xe2\xc8\x8a\x1c\xcff\xd0`\xd0\x03\x99\x13\'zX\xd3\xc0CM}\x96^\x14i\x944\xde\xb5\xb0$\xafdr\xed\x1b\xd7\xf5k_\xbd:\xb5o\x91\x11K\xfeH\x1d]%\xce\xdb\xbbb+M\xbd\x01\xf8$!\xb1o\xd9^\xd5ml\xd4\x8c\xa0 g#_-\xaa\xba\xef\xfc\xd5\x7f\xbbqf\x01\x08?}\x04\x00\xce=&gt;\xff\xfe\x83\x06\xd8\xa44S\xa7\x9f\x14\x83\xa1#f]nO\x87s\xda\x901\xfb\x90 m\xd0\x8d\x9fL\xd1F/]\x8f\xb7\xeb-l\x8b\xa6\x98\x1cz\x84Y\xe5N\x9d\xbai\xad*-\x8f\xa2\xbe\x99q\xe5\xae\x7f\x8a\x96\x1d\nr\xbeh\x84\x1bO\x1c/:7\xf1\xa6\x1cZw\xd0\x03\xefi\x16\x9e\xd8\x9b\xd8\x95\x19\x0c\x9a\x88b\xb2eU\xbby\x1csb7\x164\xed\xb4\xe4=t\x98\xb4\xafR\xe9^\x91\x7f \x8a}L8E\x94\xcd\xc0\xe1\xb4\xe0{\x0e\xdf\xcdr-U\x03\x8d\x96\x03\xe9n\xf9\xe6q\xd2\\=\n\x02?\x1f\xef9kh|"\xf1\xfe\xca\xcaf\xd9`\xf0\x90\xae+\x92T8\xf4\xa0wL\x8e.\x96\xbf\x02A\x00\xce=\x9b\x02\xa7\x990\xd9\x06\xa0\x00\x82\x9e&gt;\xf9\x0f\xb8H{\x16F\xd3\xb7\xe6\xdcii\x83\x8a\xf0\xc3\xef\xd7\xdf\x08DI5\xb7\x01\xd0\x9b\x8e)\r\xfe\xfa\xda\xb5c\xddI\xd6\xf3\xf56\xce\xbbv\x96\xaf\x8f\t\x83\x94\xbf\x06%\xcd\xe6\x1a\x88\xc1p(\xda\x03\xfb\xbdFo\x03\xceP9Q\xf2\xeb\xf8\xc7\x03?\xe8S\xc5\'\xaa\xfe\xddn\xb4\x97\x1b\xa6\xce}Aq\x03\xd9t\x12|B\x14\x86\x9c\x0eSq\xa9\x86\xb5\n\xdc\xb5(Y\xf5o\x01\xfc^\x8f\t\xca\x8d\xfd\x07\xb5u=\xf46\xbcK\x13W\xc7\xeb\xf9)\xfc\xce9\xbc\x0f\x82\xeay\n\xce\xa25\xe8D\x0b\x96\xc10\x06\xd70\xb0x\x98\x00\xcf+\xedpMd\xef*\x9b;?\x03"\xa9\xb0O2=6\xe7j-\xe7\xadr\xbcO\xc12\xe5\x08\xed\x16M\xca\xd9\x83Z\xddg\x02\xcfW\x95\xac\x0e|\xec\x00\xf0\x1d\x1dl2Y\rz\xb8\xeb\x9e\xbaF\xecE\xdb\xcf-?\xaai\x1c\xf8\xea!\xd6\xb6\r\x80\xc1\x90\x03u\xef\xec\xe8t\xcc\xc3\x13R\x92\xd98\x9f#\xfe\xd1\xe7\x11\xc5\xd5\xbc\xf4\xfb\x19R\xa0\xef\x8ah0\xf52[\xd6\xc9/jo\x18\xd45\x04\x9a\x84xu9[\x88\x98v2\x83?R\xc1\xf4\x86q\xa2\n\x00\')\xd9:r\x92\x89\xd7\xec\x9b\xa5\x0co\x18\xf3\xbb\xc7x\x84\x81S&gt;!b\t}9p\xbcxl\x8f\xd9\x13\xc5\xbe\xc1p[@BN\x1c\x84\xd2\xb8-/\x81J\x89\xa0f\x8f\x94MC}s\xd3\x96\xfe\x88l\xb8\xd5\xa9]\x99h\xe3R\x18m\xe5u@^)\xefC~\xd6x\xfd\xd9\xcbg\xacW\xaeH\xda\xe5p\x8cY\x98\x99E\x00\x83I\xb7\x00\xd9U#*\xb8V\xca\x8d\xb1&amp;\xae\xcf\xe7K\xb3\xe3\x1b8\x938\xdbm\x19\xe7\xde=8*"\x9b\xf2\xdd\x8c;F\xc5\r@\x8b\x10\x83\xc1@\xa3)\xf2\xabJ\xcf\xc1!\x9d$\x11yZi\xcfe-\xdd7!\xe4\x06`0\xda\xb6C\x10\xa3IZFAC\xf7&amp;L3\x1d}5\x8e\x19\xe6\xc5=\xbe\xb0f\x03\xb0?;\x0</t>
        </is>
      </c>
      <c r="E866" t="inlineStr">
        <is>
          <t>&lt;class 'numpy.ndarray'&gt;</t>
        </is>
      </c>
    </row>
    <row r="867">
      <c r="A867" s="1" t="n">
        <v>865</v>
      </c>
      <c r="B867" t="inlineStr">
        <is>
          <t>steps_per_sec</t>
        </is>
      </c>
      <c r="C867" t="n">
        <v>9700</v>
      </c>
      <c r="D867" t="inlineStr">
        <is>
          <t>3.076374</t>
        </is>
      </c>
      <c r="E867" t="inlineStr">
        <is>
          <t>&lt;class 'numpy.ndarray'&gt;</t>
        </is>
      </c>
    </row>
    <row r="868">
      <c r="A868" s="1" t="n">
        <v>866</v>
      </c>
      <c r="B868" t="inlineStr">
        <is>
          <t>Loss/RPNLoss/localization_loss</t>
        </is>
      </c>
      <c r="C868" t="n">
        <v>9700</v>
      </c>
      <c r="D868" t="inlineStr">
        <is>
          <t>0.025974933</t>
        </is>
      </c>
      <c r="E868" t="inlineStr">
        <is>
          <t>&lt;class 'numpy.ndarray'&gt;</t>
        </is>
      </c>
    </row>
    <row r="869">
      <c r="A869" s="1" t="n">
        <v>867</v>
      </c>
      <c r="B869" t="inlineStr">
        <is>
          <t>Loss/RPNLoss/objectness_loss</t>
        </is>
      </c>
      <c r="C869" t="n">
        <v>9700</v>
      </c>
      <c r="D869" t="inlineStr">
        <is>
          <t>0.003591469</t>
        </is>
      </c>
      <c r="E869" t="inlineStr">
        <is>
          <t>&lt;class 'numpy.ndarray'&gt;</t>
        </is>
      </c>
    </row>
    <row r="870">
      <c r="A870" s="1" t="n">
        <v>868</v>
      </c>
      <c r="B870" t="inlineStr">
        <is>
          <t>Loss/BoxClassifierLoss/localization_loss</t>
        </is>
      </c>
      <c r="C870" t="n">
        <v>9700</v>
      </c>
      <c r="D870" t="inlineStr">
        <is>
          <t>0.08900111</t>
        </is>
      </c>
      <c r="E870" t="inlineStr">
        <is>
          <t>&lt;class 'numpy.ndarray'&gt;</t>
        </is>
      </c>
    </row>
    <row r="871">
      <c r="A871" s="1" t="n">
        <v>869</v>
      </c>
      <c r="B871" t="inlineStr">
        <is>
          <t>Loss/BoxClassifierLoss/classification_loss</t>
        </is>
      </c>
      <c r="C871" t="n">
        <v>9700</v>
      </c>
      <c r="D871" t="inlineStr">
        <is>
          <t>0.14026225</t>
        </is>
      </c>
      <c r="E871" t="inlineStr">
        <is>
          <t>&lt;class 'numpy.ndarray'&gt;</t>
        </is>
      </c>
    </row>
    <row r="872">
      <c r="A872" s="1" t="n">
        <v>870</v>
      </c>
      <c r="B872" t="inlineStr">
        <is>
          <t>Loss/regularization_loss</t>
        </is>
      </c>
      <c r="C872" t="n">
        <v>9700</v>
      </c>
      <c r="D872" t="inlineStr">
        <is>
          <t>0.0</t>
        </is>
      </c>
      <c r="E872" t="inlineStr">
        <is>
          <t>&lt;class 'numpy.ndarray'&gt;</t>
        </is>
      </c>
    </row>
    <row r="873">
      <c r="A873" s="1" t="n">
        <v>871</v>
      </c>
      <c r="B873" t="inlineStr">
        <is>
          <t>Loss/total_loss</t>
        </is>
      </c>
      <c r="C873" t="n">
        <v>9700</v>
      </c>
      <c r="D873" t="inlineStr">
        <is>
          <t>0.25882977</t>
        </is>
      </c>
      <c r="E873" t="inlineStr">
        <is>
          <t>&lt;class 'numpy.ndarray'&gt;</t>
        </is>
      </c>
    </row>
    <row r="874">
      <c r="A874" s="1" t="n">
        <v>872</v>
      </c>
      <c r="B874" t="inlineStr">
        <is>
          <t>learning_rate</t>
        </is>
      </c>
      <c r="C874" t="n">
        <v>9700</v>
      </c>
      <c r="D874" t="inlineStr">
        <is>
          <t>0.03939379</t>
        </is>
      </c>
      <c r="E874" t="inlineStr">
        <is>
          <t>&lt;class 'numpy.ndarray'&gt;</t>
        </is>
      </c>
    </row>
    <row r="875">
      <c r="A875" s="1" t="n">
        <v>873</v>
      </c>
      <c r="B875" t="inlineStr">
        <is>
          <t>train_input_images</t>
        </is>
      </c>
      <c r="C875" t="n">
        <v>9700</v>
      </c>
      <c r="D875" t="inlineStr">
        <is>
          <t>[b'1024' b'1024'
 b'\x89PNG\r\n\x1a\n\x00\x00\x00\rIHDR\x00\x00\x04\x00\x00\x00\x04\x00\x08\x02\x00\x00\x00\xf0\x7f\xbc\xd4\x00\x00 \x00IDATx\x9c\xec\xbdw\xfc~OQ\x1f:\xe7\'1\x1a\xb0w\x05\x89\x82b\x89\xbd *\x8a\xbd\xa0X\xb8\n\x8a\xd8\x11\x0b\xb17\xac\xd8c,\x89\x11b\xc7\x82zmX@\x8d\xb1\x06\xa2\x88\x05\xa3\x88Q1\xf6\x12b\x03\xbb7\ns\xff8m\xfb\xce\xec\xce\xb6\xf3\xec\xfb\x05\xdf\xdf\xf39gw\xfa\xcc\xb6\xf3\x9c\x07`bbb\xa21\xde\xa4\xb5\x00^ ""\xb6\x96\xa28\x18jfY\xe3r\x96|)T\xb1^Ct\\\xb4\x81.\xd4\x92{b\xa2\x12\xf4\xd8\x16\x8e\xf0\x995\x13\x13\x00\x003\r&amp;\x82\xf8\xcd\xd6\x02\x0c\x899\xc0L\x04\xe0\x9c\xc4\xab\xd3\x1dW\xf0\xe0\xfa\xbf\xb9\x00\x98\x98\xc8\x01;k\x9e1\xf3K\xc3\xd2Z\x80\t\x19\xac9\xb0,\xa3:\x14\x11+\n\x8f3\xf2\'\xe8\xa8\x1b\x9cn\x11f\xc4\xf6\x89\xf0\xe4\xc3\x0e\x1b\xcad\xa5u\xb0ML\x0c\x80#\x95\x96\x05\x88\xe5q\xf4i\x928\xeeh-\xc0\x84,\x06^\xe0V\xdc\xfd\x9a\xf9?\xc1@\xa5\x01#\xf4\xacH\r\xfe\x13\\\x0c\xbda\xaf&gt;\xb0\x94\xdcw\xe2\xfa\xe8\xdb\xd7\xf4\xd9\xff\x84\x8d\xb9\x00\xb8\x08\x96m\x92\xb2\xcc\xd2&lt;11$\xfc\xcb\x8c\xb9e\xd5\'\xc2~q\xde\xec\xc1\x95\x88\x08y\x0fd+Z\xe0Jq\xe8\xbd\xa7\x89\x10:\x88X\'\x96e\x9d\xf5t*\xde\x10\xb8\xdd\x05\xc0\x05\'\xcas-&lt;111\xd1\x1a\xe1\xa9I\xf35\xc0\xb2,\xfb\xacn\xc9\x96g9\xfe\x99\xe0\xe3r\x93\x90\xbe\xb1\'\xe6\xc4\x86\xdb]\x00\\4\x0ep\xd0Z&lt;3sbb\xe2\x02\x88\xd5\xb1/\xefd\xefI\xb4\xde\xce\x8dX.\x10\x11\xf3\xe6\xff\xf3+\xe3\x03c\xfa\xaew \xe2p9V\xf3=\x12\xfdX\xe6-\xba\x91dbb|\xa0\xf3\xa9\xdf~\xf2\xbd+p_\xe3\x13xk\xd0\xde\xdd\xa6\xf0\xb0\xf9\x82\xa0\x8b\xc1\xef\xeb\x89\x9b\x80\xf2\x18\x1e\xa9q\xa1\xf4\x9f\xab\xf6\x89d\xcc7\x93LLL\xdc2\xccqY\xddVw\xberD\xbd\xe8\x1c\xd4\x03/\x0e\x9ag\xa4\xd7\xc0t\xe8\xc4\x11\x05\x84\x18@D\xd2\xf3\xdd\tqu\xbb\x8f\x00M\x1cH]_\xce\xe2u\x8b\x98;\x91\x13\x13;B5\xf0\xb7\x9d\x1d\xf8\xcf:.\xcb\xb2\xbcI\xb7_\xc5\x9c\xe0b\xd6\xcf\t\xf0\x94\x0ewlP\xbe\xeb\xac\x8e\xcb\xf41z\x16\x95\xeb\x00\x11\xede\xe2\x1a\n\xcf\x06xq\xff\x002_\x8e;AG\x07/\xc5\x9f\x98\xe8\x05\xc6Xk\xa5\x86\xf7\x98\x94\xb8\xfd?q1\xf4\xb7\xfdO\xdf\x8a\x9e\x90\x84s\xc2\x96C\xcd\xb8Bq\xe8&lt;\x01\xb8\x14|\x0b\xbf\x17\x0b.\n\xe7\x17p\'\xe8 \x85\xca&lt;%\x98h\x80\x06Q\x17K\x07\xfb\xae\xf7\xab\x02#\xd4\xe0D\x0b\xcfcC\x03\xfd\xb8\xda\xe7\x19D|\xdd\xe9\xb5\x92Hx\x87i\xe0\xab#\xcb\xf26Br\xdd*bEj\xa0d\xb8\xd47\xc6\xae\xa4\xcb\xc4\xc4D!|e\xb1BA(A\xbe\xaf\xf3\x9a\x1d\xfd\xdf\xfd\x9d\x98\xe8\x083,;D\xb8\\h\xf5\xe4\xde\xd3w\x1cD\x0b\xf1@\xc9\x90\x90\xba=k\xd7\xb3lu0k\xf1E0\x9dxe&lt;\x932\xb9\x1fg\x01\xd0\xa1H\xd7\xc0\xe7\xb6\x16\x80\x80\xdfw\xc6\xe4\x0c\x89\xb2\x88\xd6\x81p\xc5\xe8\xbb\x9e\xf4\x8d\xab\x19\x8e\xbf\x00\xe8S\xf7n\x05\xab\x89\xf7\xbay\x0bL\x10P(H\x06\x8c\xbd\xd7o#\xb3or\x8f\x88\xf0n\x18~\x03h\x13\x81\x03\xe8P\xa4K\xe0\xd1\xad\x05\xa0\xc1\xed\xfd\x19\x12%\x11\xad\x03\x84\x8a\x81\xfb\xdbE\xfb\xac*\xfd\xa2\xdbB\\\r}\xea\xbe9\xa5\x8dl\xf3=\xcd\x13\x13\x83\xa1i\x19\x0f\xce\xf1C\xb3\xff\xee\xe6\x85}\x0e\x07\x13\x13\xb7\x0c\xa5b\xc4\x1fJ\xa4\x10\xec\xe7\xbb(-\xa1\x16\xbb\xf9u\xd8\xb2\xc0\xf5\xb7\x8a\xa7\x91\'&amp;&amp;\xae\x87\xd0\xccy\xadz\xea}\xd6p\x83\xf3\x05\\\x13&amp;\xd6\xd7L!\xe2\x9c\xbaLL\xa4\xa2\xe9Ns?\xb8\xea\x9e\xb7\xe31\xdcV\xa2LLD1\xe3\xf3B\xb0\x87\x15\xf3\xb4\x99\xec\xee\x19\x15\x13\x0e\x90w\x85\x0b\x8a\x00\x0f\x99\xc1910\xae:)d(5\x9f\x83JC\xdfF\xebY\xb6\t\'\xa6\xbfZ\xa2r:\xf7]=&amp;\x06@\xb5\xd9\xbf/Pg\x0c\x0f\x8a\xf9;\x00\x17\x07++\xeb\x1f!^l\xc9A:D*\xaf\xacn\xcfy2&lt;\x1c\xa6\xc3n\x05\x97)}\x13\r\x91\xf0F\xf9\x14\x84\x7fJ\xa88\xfb\x89\x89\x82\xb8\xcc\x8f\x00\xa4\xa3\xc9\\|\xf45\x80&amp;?a\'\x86\xa9i\xa8\xf1\xb8F\x9b\x98(\x88\xc6\x8fC0\xd0\xa8\xfa\x8da\x9c\x8b\xe1\xfa\xe5z\x9c\xbc\x9bX1O\x00\x8e\x90\r\xad`\x87\xce\\\xfa\x00\xd3p\x15?\xee\x06\xc2\xa2\xfe\x90\xb2\xf4N\x8c\xef\xc4\x15x\xc3\xc9\xc0\xeb\xab\x89\t6\xeal\x88J\xe0\xa8{\x91\x0c\x15\x9eZ\x8da\x9c\xeb\xa1\xb7:,\xbb\xfe|\x04\x005\xb4:\xb3\xc3\xcd\xe2\xd6\x0b\xc1\x1a\xfa\xd7&gt;\xbf\xba\x05\x1do\x0f[\xd1\xa6\xb8\xf5\xa8\xef3\x06&amp;\xb8@\xc4e\xbe\xb6\xab(\x101\x9a\x9b\x88\x03\xef\x91L\xc0Y\x85\xfb)\xc2\r_~8\xdfg\xd5\tn\xfd\x04@\xdd\xbd\xbd*\xdc:\xceW\x1e\x95F\x15\xf3\xf6\xb6\xa54q1Tz\xbc\xf8\x96A\xb1\xaeU\xc0\x93\x13\x9f\xb3\xe3\xdb\xe3\x13\x1d\xa3V\xbc^\xa7\x19\xeb\xec\xa0\xb2U/?\xe9\xcaC\xbd\xc7\x02o}\x01p\xb3XK{\xf3bZ\\\x80\xfd\xed\xae\r4-[\xe3\xa8\xc4\x9b\xbbxbb\xee5\x04\xd0\xe4\r\xee\xb4\x19F\x8f\xb3\xb4\xa1\xe7\x8e]\to&gt;\xbb:\xd1\x07f\xb1\x9c\xa8\x81\x1e\xa6\x86\xe22\x18\x04\x95\x17$\x7f\x83,\xa3.@[\xd8|\xf4\xfcn\xd6\xc4\xc4\x04\x00\xf0~LtB\x14\xc5\x07\xdc\xe9\xd0k\xc0\xfb\xaeU\x19\xea#\xbfs\xa5&gt;\xa6\xa5F\x82\x1d\xd93\xd6\'&amp;&amp;FE\x81-\x929\x03h\x82\x80\xcd\xa7G&amp;&lt;H\xf8\xb9\xc0 9\x050\x1f\x01\xf2AI\xc8y666\xba:u\xad\x8a\xc4z1\xc7\xa1\x06\x98\xc3\xff\x84\x03e\xc3b\x86\\U\xf8F\xa2\x99\xfb\x13~\x9c1Sb&amp;3\x17\x00\x13\x97\xc2\xedN\xf7-\xa4~\xc7c\x1apb\xa2\x0f\x08\xbf\xa3\x02\xbf\xe1x!\x18s\x7f`NR\xcbaY\x8a\xbf\x8cd\x7f\xe2k\x9e3\xdc4\x1a\xbe\xf7ibb\xa2*\x10\x11\xe0=ZK11\x1c\xe6\x14\xe1\x9aXg\x81\xf3\xe9\xff\x16h9\xf3F\x1d\xad\xc4\x98h\x8e\x19\x06\x13\x13\xe2\xb8`.\xcd\x02q#\x98\x8e\x9e\x98(\x8a\xd6\xb3\xae_\x98\xdf\xf9\x9e\x98 A6E\xe7\xe0:11\xd13f\x8d\x9a\x98(\x8as\xf6?s-\x15\xb7Z\xa6\xd2\xb5&amp;.8\xe7w\x00\x14\xfc\xa7\xd5^7\x14jG\x94T\xd8\x9f\xb8\xd5\x1c\x9e\xb8\x15\x8cx\xb4:\x9f\x04\x9d\x98(\x8d\xed\x11\x7fW\xae\rW1\xeac\x9ah\xa28\x82\xe7tx4\nS("\xd9\xc4D\x04\xf3x\xb7=\xe6\xb3\x95\x13\xe3b\xc6m!\x10\x0c[\xca\xf2\xb3\x1c\xdd2\xe6\t@"\xecU\xfa\xfa\xd5)\xf7=\xad\xe3\xdcKk\x89\x9b\xadw\xf3ly"\r7\x9b2\x13|\xcc8IF\xe8\xf5\xffe\xde\xbav\xb5\xbc\xbe\x98:\x13\x13\x13\xd2\xe8{6\xd3\xb3l\x13\xf9\x18\xf1\x9bv\xc3\t\\\x14\xb7\xbc\x1c\xbaY\xc5\xcb\xa3\xfeS\x03\xf3M/\x13\x13\x13\x11\xdc^\x81\xf8E\xe1\x1f\xd5cA\x9c\xe3\xcd\xb9\xafo\xcc/\xf9ML\x14\xc5\x90\x93\xdaL\x81\xf9*\x8fg\xa2\x89\x89\x1e0\xf7\xc3&amp;Z`\x86\xdc\xc4\xc4\xc4D\x04\xc3-\x00\xf2\xa5\x1dN\xe5\x89\xd2@Dx\x0f\xdeo\xf8\x15\x93\xe5j\x98\x96\x9a\xe8\x05\xb3\xeeO\\\x193\xbc\xbb\xc2C\xe7D\xb3G\xcc\x05\xc0\x84\x07\xb4\xa8\x98\xf1311$by;\x0f\xac&amp;\xc6\xc5\x1c\x96\xfaF\xf0mx\x13\xd7\xc2||\xf1\xaa\x98\x0b\xc8\x89\x1b\xc1mEy\xf1\xc4\x9eUcb\xe2Vq\xedyC\x15\xedF\xb2\xde\x85}=\x11\xc6|\r\xa8\x06-\x13fV\x8c\x84\xf9\x0eVA\xe04\xe7\xc4\xc4\xcdbY\xfe+\xbf\xd3\xf3\x03\xfcoyQ\xca\xa0\xf0;\xbbq\xa8\xf9\x7f\xfd7\x98\xaf\x0b\xb0W\xa8\xceqb"\x02\xe3E13h.\x85\xcb\xefl\xb5\x16\xe1\xe2\x985a\xe2&amp;0L\x9c\xfb\x84\x1cB\xf8[E\xf5\xb7\x94\xde\xde\xc8H\xd5w\x9e\x00\x18X\x82\x7fN\x8c\x8d\xcb\xffX\xdb\xedU\xba\xaaX\x96\xc5Q\x13\xa6\xcd\'.\x06g\x9c\xa7\xa3\xdcl\xcf\'\xe42+a\xb7\xa8\xef\x98\xcb\x8f\xfb\x06\x10\x01\x1e3\xe3?\x0f\xb3\x82L\x0c\x05|\xf0\x8c\xd8\x89\x89\x11pSGIM\xce]\xe7\xf0\xdd-*\xc4\xc3\x10\xde\xe7\x0bIm\xbf~\xab{\x08#LLLL\x0c\x80\xf7\x9b\xf5tB\x08#\xbcw\xa5\xd2s\x1a%L\xa1\xac\xaf\xe8\x94\xa5d\x98\x13\xaf\x10j\xad\x06\xfbu\x01*`\xcd\xe9\xe7O\xc2MLLL4\xc0\xb5\xbf=2Q\x1d\xfd\xc7\x92X\xc0\xffs\x90N\x91\xb4\xdai\x12\xd3V\xf0@F\x99\xdbM\x98X-\xf3\xf8\xdb6\x8e\xbe\x00\xe0u*(\xd6\r\xc26\xe8fe9CO\x9fML\\\x003\x91\'n\x02\x88\x88\xf8/EG@\x81\xb9KR\xf7Fsq\x84\xecrq\xd5U\xc4%\x95\xe2\x82c\x84?=f\xa4\x82k\xd4\t/\x12\x8ef 3\xdb\x11\xe1\xe3\x1c\xec\xbaM\x95&gt;\xa5\xba&lt;\xae:$LLL\x88!R\x1fb\xd5C+2\x1d\xed\x88\xa7u\x1f\xbcfn^\x10WAv\x8bs\xa2,d\xe7\xfd\xbf&gt;\xfd\xbe\xc1m\x08\xa5d\xbc\x13\x83Vf\x8a\xea\xdd_\x07\xf1Mz-[#\xd7\xd3\xb11\xf8`611!\x06\xa3\x14\x1c\x7f\xc6JD\xfc\xc7\xc5\xb3\x8b\x8c\xd5W\xa4j\xdd\xe2\x02`\xc3\xae\xc2\'\x08\xd2\x9b{\xc97\x8c\xdd\xfb\x83\xe7\x85\x00\xec\xd2\x90\xb0\xfd\x0f\xc1\xb2\x8b\x88\xf0g\xa4}\x17\xa2\x84\x13T\\\xcet3\x18&amp;&amp;&amp;\xc0*\x05\xc7\x98\x959\xdf\xdd\xbb\xbfk\xae|\xad\x81:Z\x8b\x13Gh\xe2!\xaf\xc8\x00\x06\x99H\x00-HP\xfdp\xa7\xa2\x02u\x0e\xfb\xed\xb0\xe2\xef\x8b\xa5\x10\xc4\xf5\xb5\xcb\x13\xb2\xb8\x90I\x11qY\x16R,!\xc2\xed\xbd\xf6xb\xe2\xa6`$\xb8\xfagN\xee\x07\xfa\xae%(\x99rM\x18s\xa0\x01\xa4\xfe\x9c\xe3+\xcb\xb6\xb4%\x96/\xfd[d\x82\r\xf2\xfap\xb1&gt;L\xe4!\x7f\xdfe.\xca\'|\x18e\x13kbb\xa2\x7f \xe2\xeb\\\xbf\x9e\xac\n\xbe\xf8\x10\xe7\xc0\x81\xf3\x8a\xe1\x8e2\x86\xc0U\x8d\x89\xfcow\xccE@\x0ep5 ".\x0bLcNH\xe3,S\xa3l\xbfMLL\xf4\x8c\x81\xf6\xf2o\x04\xd6\x91\xc5B\xb95\x91\x8c\x99\x02\x07\xeeh-@U\xb8\x97}\xe9k\xc1-\x86\x16\xe1\x1fN\x9f\x98\xd0`T\xabyd\xd4\x03.\xb9\x874qy\x04\xa7&gt;3\xa4\x1b`NF+\xa3\x96\xc1\x0be\x93$\xd9\x9b\xfe\x0e\xc0\x86\x99~\x13\x9d"P\xa9f\xd06\xc5\xf9\xaa\xc4\xe9\x88\x89\xcb`\x06sc\\{1\xb0\x7fE\r\x04#\xad\xe3\xed\xfcBRI\x92\xbd\xad\x13\x00\x98\xfbv\x13\xe3\xa3\xd7z\xd7\x16\xbfU\xe7y\xdf\xb5\x80\x1cOfU\xe081A\xc4U\x1fn\xbeY\\\xb2\xd4#J~\xb7\xb9\xae\x85\xbaH\xae/\x9c\xdf\tI\x83\xf3K6\xad\x84\x99\x988\xa0\xc7\xe1\x8c\xc9\x8e\xb1\xbfp\xbd\xb5\x1c*\xa8\xc2t&amp;\xf6\x840\xae1-\xb8\x80\n\tp\x7f\xd3\xb7\xda\x97\x80k\xed\x9e\x8c\xf5\xfcj?\xa1xH\xf2\x07\xe8\x06\x91H?\x1a\xb5\x80\xeb\xc5\xffC\xbc(`\xa0\x9c\x99\xe0\xc2J\xcb\xf7l&amp;\xca\xc4\r\xe0\xb6\xc7\x80+\xe3\xe6\x07\xf8\xb1Qa\xa2\xaf\xb0\xa8\x1f\'E\xf9\xbeu\x19\xb2}\xe0\xad\xce\xa8\xf0\xcc\xff\xe3\xaf\xff\x9f\xc5A\n?\xd8\x80\xe7\xbbL\xcf\xf5\x05\xd1\\\x9a\xce\x9d\xa8\x879\x0c\\\x15\xd3\xb3\x13\x01$\xec\x19_\x00W\xd1T{F`]J\xad\xfb\xd7\x94]\xec\xd3\xe9\x8f\xb9\x865Z\x00i\xb6\x16gY\x8f\xdd\xd5\xd1\xfd\xac}\xfa\x1a \xea\xa6\x97\x9bV\xca\xc2,)\x97Eu\xcf""\xfc\xd8\xb5\xc3\xe92\xd3\xe5\x94\x87F\xc6\xc77\xb4\x16@\x067\xe3\xaf^qK9sU\x90\xd7o\xef4}\xdd\x1c\xb5\xec\x7f{\x8e\x9e\xb1=!\x04v\x9d|\xc5\xd1b\xaf\xc1\xae\xdf\xc4\x84\t\x04\xf8\x9c\xd62L$\xe2\xb2\xb5c\xb8E\xd1X\xd2\xf6\x89iC2\xa4\x0c%l\xf0\xe9\xc1\x89((A2\\\xfd\x9fX1\x1d\x87\x88\xf0\x9ca,p\xe3\xce\x1a\x14\xdb\x9b\xc2\xa7\xf3&amp;\xae\x84\x19\xcf5!&gt;T\xa7\x13\x9c~\xbf%\x18A"\x17\x84=\x0c\x88\xcd\x05h\x8b\x9bz\x04\xc8\x81\\\xf5\xd9}\xf3L=\xd4{\x93&amp;l\xa4:/\x12g/\x7f\xcb9|IL\x87\xde2\x9c\xc3R\x81\xa1\xda\xa66\xa3.\x1bW\xcf\\\xa9 \xecg\xea\xd9\x89\x18\x13\xf5\x81\x88\xf0J\x89\xde\xbf\xb1oPL\xb4\x877\xd4f\x14\xb6\xc5\xb4\xff\x84 \xecqe\xbf\xf2\xa1E\xb9\x16$~C\x98f$\xc2m\xa8\xfa\xb5t\xe78\x1d7\xc1\xc0\xfcN\xc8\xed\x02\x11\xe1\xdfWv\xfc\\kv\x8bB\xae\xf9\xd4\x024e\xf0\xa4S\xdf\x19\x93\xc5\xb1\xcf\xfeY\xa6.\xe9\x97_\x9eN\xef\x05\xd7\x1b\x14\xe6\xae\xea\xc4\xe5\xd06\x9egBI\xa3~\x91\x9ae\xb1g\x94q\xcd\x08\xee\xbe\xf5\x98,\xa7\xbe\xf9k/%\x88\x13.\xba\xda\x91\x7fl\x92,\xcfD"\xaeg\xe4\xb6\x1a]\xcf\x9e\x13\xad1gn]\xc2\xeb\x15\xe9\x97\x1e\x94p\xff\x0c\xa9\xea\x98\x06\x9fh\x80R\xdf\xfdu\xfe\x14z\x0by&amp;&amp;&amp;\x06\xc4-\x14\x81[\xd0q\xc3\x1d\xad\x05h\x00\xf7H\xb6,\xd5\x05qc\x0e\xb4=\xa1eT\xccYW\x0bta\xf0eY\x16\xa9\x8a\xf4\x0eg\x14\xe5\xe8\xb6&lt;LD\x9a\tYt\x11\xae\x13\x05\xd1\xd7\x10\xd0\xcb4\xa9$nA\xc7\x89.1\xe7|\x13\x07f0L\xe4\x03\x15d\x12\xa14\x9bS\xd2\x89\x01P\xac\xae\x8aV\xecB_S\x9e\x19\n\x00\xbd\xad\xac\xda\xe0\x16O\x00\xba\xc5? \x02\x80\xd8\xce\xdf\xc4\xe0\x90\xdc\x06\x1e\x10s\xfd\xd3\t\xce\x03\x04\x92;n7b\'(\xe8b\x95X\xac\xae\x8aV\xecE\xf9W\x0e\xbf(Lo\xc4\x99\xb4\xfc\xf7\xabLz\xe3\xd9d"\x06W\xcc\x1c\xd3\x94\xfc\xf9\xca\x15g&lt;\x1f\xd6Z\x80\x89\x81q\xb9tHG\xf2\xbb\xe7$\xbeO\xac\x9e" \xc0\xefd\x90b3\xae\xc6k\xa2\x02\x8eP\xfc\x88\x8a\x9e\xbdl\x14u\xa0\xd7\xa8\x93\x16Q\xb1-#\x0ch\x90\x89(\x9c\x11c,\x00\xf2\xcf\xd9\xc9\x14\xe8\x8c\x9a\x85\xa3\xa6K\x0f\x1b?\x13\xad\xc1\xca\x11\xd1\xd1e\xec\xd8+=\xd0\x06\x89\x1b\x0b\x00a\xce\xa9RM\xa4\xa3\xb9akN\x1c\x8f\x01\xba\x0e\xbb\x9b\xc2\x8dX5\xac\xe6\x08F\xf8\x99\xd6\x02\xdc\x04\x04N\x00\x88\xc1\x84\x88\x00\xcf-6*OL\x14\x02#V\x93\xb7\xbdm:3G\xc2\x88\x8ep\xd3\x86\x97A\x0f\xae\xac/Cs\x95\x07\x01\x02\x94&lt;[\xe8h\x1f\xf0~\xad\x05\x98\xa8\x8b\x9eK\x802\xc4\xce\xf7mw\x87\xf2\xd6\x9e\xde\x9c\xb89|\xe6,b-p\x9b\x0b\x80\t\x06\xa6k&amp;\xae\x88~\xc3zV\xc3\x89\x89\x89\x89\x89\x89\x9b\x84sE4g\x05eQx\xde5\xddw-P\xc2\x85\xbe\x8b?11qu\xccR0\xd1!n#,\x07\xd9V\x9b\xe7!MP\xd4\xec\xd9\x8fMF\xbfu\x80\xfa\x85\x14F\xf35\xa0&lt;\x10_\xf2\xd5*\x97\xc7\xaf#s\xed4*\x12bo\xf0X%\xa2\xf8k1\xc7\xcf\xfa\xf6\xb85\x03\xde\x82\xba{V\x8c\x91\x1d\xb7\xfc\xc6\xe7V\xa8\xf3\xa2\xed\xd4\xfa\x1c\x12\xcc\x10\xfb\x08t&gt;\x97\x89Ka\x8cb\xe7\xc7\xe8\xf2\xdf8X\xbe\xeb\xc2\xd7=\xc8\x90\x87\x81\xbf\x9e\xdb\x93\xe4\x9d\x88\x11\xc6\x10Bv\x82{\xb4\x16`\x04\xf4\x92}WF\xa8\xca=X\xc6\xfe\xa8@\x84\xe0\xc4D\x1b\xcc\x08\x1e\x01\xdf\xe7\xb9\xce\xf1\xddo\xccj%\x80\xc1\xeb\xfe\xa0b\xb7\xc1\xb0^N\xc6&lt;\x10.\x86\x9b\x8b\xa5f(\x9a\xb6\xa8c\xba\xb51\xda~\x01`\xe4\xa9\xc0\xc40\x10\t3D|\xc5\x19\xab\x12\x98Y?111qk@\x0b\xad%\x9a\x18~Onb"\x88\x16\xb1=\xb3)\x88i\x9c\x8a\xf8\xb2\xee\xad=G\x9f\x89\x89\xc6@(?\x0f\x9c\xb3\xff\x1e\xd1\xda\x1f3\x14&amp;\x8a\x02\xbfK\xe8\xc7\xb9R\xfb\xcd\xf0\x9e\x98\x08`&gt;9\x93\x8aY[&amp;\x04p\x8f:\x93@k\xf6?\xa3\xb7\x0f4\\\x00\xcc\xb5\xe0Di\xc8\x04\xd8\x8c\xd2\x89\x89"\xb8hf\xcd\x8a1Q\x03\xa3\x86\xd9\x9c\xf8]\x04\xceI&lt;yf?\x83`b\xe2\xc2\xe8-\xc1{\x93\x87\x81k\x0e\x99\x97TJ\xdcY\x17\xb5\x12\x1f\xb7i\x07\xaf\xd6\xc3\xd6\x84\xf9\r\xe0\x0c\x94\xf0z6M\xad\xfbm~\xcb{\x1eh\xf8\xe1X"\xdej5\x17\xc1\x00\xa6+\x9a\x0ew\xbe\xb9\\\xbb5}\xeb"\xf5\x19\xbfX&amp;\xca&lt;\x7f8G\x96\t\'\xdee\xc8\xa8\xc0G\x0c)vG@\xc1\xf1`~3C\x047n\xc3\xb0\xee7k\x96b\xe8\xdc\x9e\xf5\x9e(-\xca\xa5\x1f\xdc\xe6\x96J5d\x04\xd2\\\x00\\\r\xfd\x99\x1a\xe1\x0bz\x13\xa9\x06\xfasDO\x10\xb1\x0e\xea\xc8\'x\x9b\xb8\r\x1bFU\xbb\xb0\xee\x13\x0cT\xc8\x82\xab\xe7\x9a\x89[\xd3wb\xa2\x15z9\x9d\xde\xc4\xb8\xfc\xbc"\x80\xafn-\xc0\xa5\xa1M[s"\xecF\xa3\xd3\xc45\x12\xf5\x1d&lt;*\\@\xb5\x89\xe2\xd8R`\x86\x8a(\xae\xbf\xb9p\x03\xf8\xeby\x803\x91\x04\x89\x8a:\xab\xc7D9l\xb1\xa5\x06\xd9\r\x06\xdc\r\xaa\xdc-\xa6/ZaZ^\x1c\x15O\x17\xa7\xefJa.\x8c\'\xca\xe2g\x8b?\x8d\x96\x89\xcc\n\xb6H\xc91Q\x1a\xaa\xa7\x97eh\xc7!bC\x15\xb0e\xd8#\xe2\xf0\xee\x9bh\x1aB\x13\x12X\xcbi\x85L,\xcd\x08\x11\x17\x00\x98%ebB\x14\x94\xccE\xc46\xa39"(\xeb\x8fd\x19\xee\x10\x12g\x14\xbcH6\x85fk\xbe\x0b\xcd\x1a\x97\xa6\xba\x94e\x1dy\xf4k\xd3|&gt;{04.\x93\x89\xb7\x8be\x91\xadB\xa1\xac/Z\xed.:\xfb\x9f\xe5q\xa21\xf6\xfa\x10\n\xc5f\x99\xb7\xcc\x0cI\xc1\xd8\x13\xaf\x1b\xf8R\xec\x05@\xf2\xcet\xe2\xc4\xc4e0\xcb\xf2\xc4\xc4\xcd@&lt;\xd3\xdf\x90-\x81\xf9\xa6\x99Y|\x08\xe8\xb6L\xd3\x05\xebV\x85\x89\x89\x89\x86\x98\x95\xa1\x1d\xe6\xbe\xcc\xc4\xc4D*\xf83xs\x01\xc0,&gt;o\xbas\xbc\xde\xd1a\x08\xfbC]`)\xde\xfa\xa1\xde\x8e\x1f\ro\xf6\x94\xdbD\xbf(\x97/D\xca\xad\x13\xb6;l\xf3\xcf\x99\xaa\xd5q\xce\xfc\xa7\xf1\'\xba\xc4\xac\x96W\xc3\x85\xbe\x11Z\x11}\xef\xd3\xe4\x08VP\xa9\x8e-\xa6b\x08!{\xc64\xe0\xd8(T\xdc\x06I\xff\x96\xe8{X\x99\x98\x98\xa8\x86\xf94N\xc7\x90}X\xea\xe3Z\xff\x8a\xa4\xfe\x10\xd8\xc4DA\xcc0\x9b\x98pb\xe6E?\x98\xbe\x98\x98\x98\xa8\x81}9Q\xa3\xe2x\xeb\x1a"$=\x046q\x01\xd4\x1c\xed\xe6Rsb\xe2b\x98\x19=\x91\x88\x7f\x9ca\xc3F\x87\xe9v\xa7\xd6\x02\x0c\x0c\xe7\xa3W%\xde\xfa\x1c\n\x1a\xd7\x17\x1a&amp;n\x045\x9f\xfd[\x96e\x8b\xc3\x8e\xbf\xaf2111\x11\x80\xff{\x80\x8d1\xd0w\xed6\x1b\xc6\x9a\x88\xa9\x83Xu\xa8+5\xc0\xf55\xf5\x9f\x10\x05\xa2\xfaH\xce\xdc\x8f\x9f\xa8\x821\xc2\xec+g:LL\xf4\x07\xfe\x96\xe4\xf0\x89\xdc\xdb\x16\xac\x03\xe3\xbf\xd5Qt\xab\xbb\xfe\xaey)v\x1d\x9e\x00L\x08\x00-\x8c\x9e\xc0\x13\\L\xa7\x070\xab\xde\xc4\xc4\xf0\x98\xd3\x97*\xd8\xa7\x10\x8fm-\x08\x13\xf64H(ZR\xe9\x14z#B:\xd9\xa6\x0b\x80\x99\xb9\xc50g\xff7\x8f\x0e\x87\xc6\xde\xe4\x99\x98\x98\x10F\xdd\xb2\x13\xa9r\x88\x08\xf0\xd9\xd5\xa4\x99\xe8\x0c\xd6\xec\xff\xdb.7\x06}V\xaeF\xad\x1e\x0f\x99\x87\x0fe!\xbb\xe4\xbdI\x8c\xbcp\x9a~\x1f\x103[\'&amp;8\xb0\x0784o\xcf\x9c\x1a\n\xa2\xfb\x95s\x1b\xb4g\xb8ss\x8c/\x9d\x0c\x86\xca\xdfY\x19\x18\xeb\x0f\x94\xcc\x9f)\xe9\x14G\xc9\x18\xe5\xdbiI\xc0\xf9\x13Z\x13\x13q\xa0\xf1\xe5HT\xbe\xe8\x89\x00\xdbK\x02f\x1eu\x06o}\x93/\xef\xca\x1cs\x86\xc1\x10\xb8\xa3\xb5\x00W\x84L\xe8\xdf\xc27\x89\x17\xe5\xdf\x96 \x1cm_\xe2\x11X4w\xec\xc8\xfd\x06W&lt;\x84\xf6\xe171\xd1/\xd4\x1f:V\x86\xb6\xe3\xf2Q\x17\x17\xbdA\x8c\xea\xf8\xe5t\x04(6v[[r\xa6\x1e \xf5\xe7\xd3\xdd]\xc0\xf0\xc2\\\x00t\x8b\x05\xe7WKkaY\x96\x80\x9d\xb7\x12\xc9\x19\xde\xfa\xc4\x16Q\x9f\x8e\xc7\x81\xa0\xb7(\x7f\'\xa1^\xcf\x82&gt;\xa1c\xd6\xab\x81@\x99\x82S\xaa\xc0\xd1RD\xaa\x9a\x18Qf.&gt;x_\x98\xad\xef)To\xb1\x16l\x99\xc0\x97\xa8\xc3g"\x82\xb1g0\xd7C\xa0\x06\xd5\xfe^\xc1/\xb1\x19\xe9\x12\xce%~\x14\xf5\xedcr\xc4\xfd\x97\xe3"Oj\xbe\xa4\xf1@\xa7Ew&gt;\xeb9\xe1\xc0\x0c\x06\x00\x18\xe3\xb40\xfb\xfb\x88[\xeeS\xc7\xa9\xfelR\xb2|\xf5\xa5i5\xf8"\xe1\xe7:s\xfd-`\x8e\xce\x03\xa0\x9f\x93\xd0$1\x8c9b\x17\x8a\xdc\x18Z%yhy01q\xcb\xb8\xb5\xb5\xb1\xb3\x08\xfc\x90^\x1cJ\xd7\x8a\x84\xf5L1yn\xc5\xefd\xcca\xa26\xe6\xd0&lt;\x06.\xe0\'E\xfe\xb1\x15\x99\xe0c`\x8f\xdf\xda,\xcd\x01D\x00x\xc2\xe0\xf5g\xa2OhC[\xe9\xcd\x823\x97\xdb\x07s\x8b\x01}\xfb\x96Z\r.i=g\x91\xa9\x8ci\xf0\x89\x89\x89n\xd1|H\xe8|\xed]A&lt;\xdc\xbf\x07\xd2\xb3\x1d&amp;\xc6\x841\xe3\xc7\x0e\x1f\x01*\x83\x88\x9a%\x8cp$2q\x8e\xde"\xe5_]\x88\xce-\x84\x90\x08&gt;D-\xef\xdfi\xb9\xfb6\x92\xb1W\xf4\xba\xf5\xd8\xa7TN\x14\x95\xb3\x82\x11F\xb1s)4\x9fw6\x17 \x88z\x8fW\x15a\xd4\xb5m\'\x8a\x03\x15T\xe3X\x87Q@\x02B\x93\x92#,\xc9\x02\x87S\x9a\x98\xebq-\x98\xde"\xd0\x85\xd6BM\xec\xe8\xd5\x1f\x1d\x8a\xe4A\x8f\xd6\x9b\xe0\xa1\xcb\x14\xe8\x07\x15gN\xd2\x8e\xe8\xb5\xbeM\xa4\x01\x83\x7f\xba:\xd4\x9dvl\x8c\xe4\xe7\xb5\x0c\xf9\x87\x08\xf89\x17\xccG\xc0z\xbd\x99\xd7\\\x00\\\xef\xb7\x99\'.\x83\xae2gb\xe2\xa6\xf1\x1a\xb9\x998s\xf9\xa2\xf8#b\xbbh=\x97*\xf8\xfabC2\xea\xda\xed\x94\x97\x82\xb2R\xaa\xc7\x93\xdan\x08k\x87\x826w\xd1\xfb\xc9\xd2S\xa0y\x0201\x0c\x8e\x18\x9d\x91\xca\xc4\xa5\xcc5K\x95\x0f\x175\xcb\xfb\xb7\x16\xa0\t\xbas%!\xba\x84\xa7\x11"\xd4\xca\xcd\xfe)\xack\xb2\xab\x03\x82\x199Z\x93\xa7\x9e\x87\x13\x9f\xeel&lt;\xce\xda \'*\xde\xab\xccI\xec\x1cR\'\x86\xc0\x16\xa3\x9d\x04k\xe9\x11E\xd9\x89\xe9B\xdf\x04\x14\xf1T1\xef\x8f\xb1\xc34q\x0b\xa8\xb2\xd3A\x1d\xf8iS\x84\x0eg\x12s\x83S\x1c1K\x96\xb3s\xc8\x89\x83\xf8\xb7\xb38$\xa4\xc6\xfc%\xe0\x89~\xb0\xfd\x1co\x17?\xb8\xbb\x8d\xd0\xc5\xe8\xff\x1e\xc2&gt;\x1b\xed\xa7b$@\xbe\xde\x95\xf7~G5\xba\x03Lk4\x00\x02\x94\xffUN\xcaO\xbd\xae\xb3\x03B\xcb\xde\x83\xa4\x831c\x00d\'{\xb9\x1f\x0f^\xc2A\xd8\xc5\xac \x82\x88\nM\xb0&lt;`\x08\xd3UB\xca\xfal\x0e\x90\x11 \x96\xdc\x18\x10\x02\xff7bz\xd7H\x02#\xa8Y\xe8\xfb\xa9\x9dkMD\xbe\xfb\x8a\x04\xc0\x08qu3\xe0\xbc\x95\xd2\xe9\xb5\x9e7\xdae\xa5\xeaM;Yl\x86\n\xee\xb2_\xa86\xd6\x81\xc3\\\x03E\xd1m\x9d\x00(~axHb\xfd4L@p\xb1\x95\xde\xff\xd0\xfd*\xb3o\xe9\x0c\x0cTA\xa0\xb8\xb4R\x9eC\xb5X\x8f``\x8a\x88\xf9\x1bNE\x12\xe3\x89c\xec\xd8\r\x80\xcc\xe4B\xc4\xf0\x91Z\xd8M\xc6\xdczY*\x9c\xcf\xf1 \x1af\xe8\xf9,A\xba\x83\x8a\xb3\xedO\xc7-\xd6\x99\x8f\xbb\xc6b\x99\xab\xaf/\xc9L\x9c8\x16\xb85\xcd\xda\xe7\xc6\xc9\xeda\xda\xdf\x07s\x0b\x90\x17\xabw\xeetk\xd0\x89n72\x1bb\x9a\xe2\xc2\x10qn\xe7\x11\x92\x90\xce\xbe\xf6s\x17\xbc9\xfa\x0b\xb65\x1e\xee\xc6lOji\xf74\t\x15\xfe&gt;\xc6m\x9d\x00\xac\xa8\x1c`\xeb\x16Eo\x1b\'\xb7\x87\xe9\x00\x1f\xf2,\xf3wgwD|rw\xe5\xfbD\x7fC\xcbD\x04\xd3e\x99\x10\x19w\xaew\x98\xe3\xd1\x07\xe3M\x82@\xc4\x9f\xb5"v\xc60\x0b\xbd\xc5\xda\xee\xbd?\xa45\x7fj\xc2\xb3\xc6k\xe0\xa1\xf9b\x80\x18\xa1\x19V\\\x1c\xdb\xff%s\xf2\x85\x8aQ\xbe&lt;*\xbf\x9f8\r\xef\xdaZ\x80\xee`="l;\xb1\x0b\xb7\xc6\x84\xbc"\x06H\xa8[\xc6\xf4N\x87H\x9f\x1el\xb5\x05\x11\x11?a%R\xf1\xb0\xb1\xfa\xc1f\x85\xd3\xd4\xf1\x12\x84i\x90\xa3q\xd9\x81i\x1ez\x1f\x98VH\xc7\x0c\xa3 \x9c\x96\xb9\x15s\xf5\xfftM\xff\x12\xcaBdD\xb9\x1dsU\x83l\x10Z\xa4\xa6\xb3r\xf0C9\xae\xb1\xb6B\xea!\x91\xe3\xc3S\xe5\xac\xa1)\x02\xbc.\xb9%\x8fr9\xef\x14\xde]\xd2\xbe\xc9Fa\x14\x8e\xc9\xce\x8e[&amp;:\x02\xda\xdfnY\xe3\xe7z\'\xc2\x13a \xe2%\x9c~\x16\xc0K\xa8\x93\x02\xae+W\x93-\xcb\x02\xb1\xaf\x93N\x10qD\xa1H\x106\xccMD\\\x9fo\x15\'\xdcjf"\xe3\x1a\xdc\xde\xac*#S\x90S\xa6\xa1\xce\xecN\xef\reb\x80\'\x87%C\xb3\x10\xea\xaaN:f\xfc\xdd\xc86\xc1@\x81\x05kt\x11\xac\xbc2i];F\xd7\xfa\xffyn&gt;Mt\x8d\x9b:\x01\xa8\x8ciU"\xf6=\xc2.\xcd\xc5qbj*\x05z\xb5O\xcfV\x02p\x98"\xc0\x1f\xa1\xff\x85\x9e\xd5\xd0\x83\x0c\x00\xf0R\xee\xef]\xb4\x17\xac\x07\xb4:\x92\x9a\x90D\x0f5q\x06\xd0D\x1ad"G\xe8}&amp;3\x92U\x88Z\x03\x95\x7f\'\xfc\xb8D\xf8]0\x95v]zWj3;\xc2=\xdb\xc9y=\xef_\xb2p\x1d\xa121\x91\x0cl\x11F\xd7*.]\xa0\x9dI#|\t\x01\x965\xd8\xa02\xb4_n\xdc\x8a"\xb4\x03\xd4\xb3)\xe6\xd0\xd5\x01B\x91\xd3M\xf0\xa4=\x02\x8e\xe6\xa5\x8cG\xff\xd3:\x16Da\xef\x10J\x8a\xec\xb6\x82\x81_\x17"~\x01\x84\xec\xdcS\x92v\x8dG\xb5\x16`t\x0c\xb2wr\xdb\xa8\xe2\x9dWI8\x17&amp;\xcf\xcbS\xe5\xd7\x17\x00\x89DF\x86o2}\x9b\xd6\x98 b\x88\x05s\x82\x84Z\x97\xf7\xcd\xd4\xb1\xdcW`3:\xeb\x90\x92\xc9&amp;.K\xb9&gt;\x97\xc1\xf1m\x99\xfd\xe7\x17\x02`\x1d\x04\x9b\x7f\x91eP\x1c\xc99\xbf\\\xa2\x02/\xf2\xadY.\xceZ\xcdU\x1f\x11\t\xbf\x97\xd1\xf6Ko\x17\x04\x96\xfa\x1e\xe7\xc4\x05\x90\x9e\xce5\x91\x96\xd4Z\x89\xee\xf2\x8b\x9b\xc96\xb7g\xcc\xb2\xeeS\xe9\x97\x0b\x8c\x1b\x99Z\xb4\xad\xc0\xb7\xf8C`N\xccEf\x02\xe6\xd2|BEn8\x10\n=gC\xc8q\x10\xb1,\xcb%\x87\x93\xe4\xad\xb2\xe5\xf8g4\xcc\x07\x84J#/\x9dS:\'l\xe4\'pY\xa1\xd5\x01^M\xc8\xb2\xcb\x9b\xd1d\xce)S\xa5K\xdcA\xbe(\xa3eG9\x16\xd0\xc1\x97\x98\xdb\xee\xbf\x0cY\xfa\x93\xe1[\xb9\xde\xea~m\x16\x8c\xe2;\r8Q\x1a7\xb2\'\x94\x86}\x1f\x14\xd2\xabzO\xfb\xa0a\\3\x12:\xb3\x7f\x9d\x8d\xde|\xb4\x1b\xbeY\x07\x92[\xe3:\xd2\xf64:\xdf\x01\xf0\xbcv\xdc\xbd\xb8f\r!@=1\xbb\xad\x13\x80E\x81q\xbd\x95H\x17\xc2\xdc\x8d\xe3#\xb4\xfd\xd0\x89=;\x11\x03\xa0\xce\x9e\xd0\xb0\xd8\xcd\x92b\x9c\xd1\x9e\xb4-"\xe9\xdf4?R\xe8*\xb0\xef?\xc6\xec\x1fZ\x8a\xf7\x10~\x97J\x01\xa6\xda$\xe1\xe1(\xc9b\x80\xcf\x15#\xb5\xd2\x1b\xa8Pu\x8ci\xc6\x89\\\xf4\xf15\x9d\x19\xc7\xf9x\x96\xe7\xfaP\xd3\xc2\x89Tt\x90\xc5!\xd8\x82\xed\xd2J\n\xdc\xad\xfaM\xa0\xd5\xf6v\x96A\x0bc\x16|U\xf2{\xc0=k\x984)\xa3\x8b\x0f\xe8\\\xe2v\xfb$\xd9:\x7f\x8dUUt^\xedo\x08\x147t\xef\xaa\x9ee\x9bHA\xdf\xf16Q\x04=\xd7\x19K0\xf9\x01\xac\xed4\xb7CX\xd3\xee\x96\xdc\xfdk\x00\x86x\xeaz\xa6\xa4\xbb\xff9\xc4\xbb\x9dI}@D\x80\xaf\xae\xc9\x0ey\xab8\x99\xb7!\x95 &gt;26\x9b\xdc\xa9\xb5\x1c\x13^ \xe2\xb2\xbc0\xf4q2\x8c\xde\'\x17;\x10nB\x14\xd7\xf3(\xde\xc6\xcb\x7f\x8eq.\xe1\x9b\x00\x9d\x1bG\xf5\xe0\xaa\xa5\x88\xc0\xb8\xbd\x82\xe3q\xf9\xa4\xea\xe3t7\xf41H\x88\xe1\xc5\xc3\xb7\x11\xe1\xb9\x80\xcf\xa7]Q#\xff\x80\xf1\xa0\xef&gt;\xe7_?\x952\x98kN\xb5,\xb0\x0f\xa0\xbd\xd5\xa2\xca\x92,\xcb\xb2N\xc8\xc9l\xd3\xc5S\xa2\xc2GD\\\xf7\xdc\xf7\xd4\xd5B?\x01x\xd3\xf8\xb9\xae6\x03&amp;*\xe3\xa2\xae\xefR\xa9/\xeaR*9\xf4\xb9\xbf(\x02{\xdfW\x9a\xf2\xa08|}\x9f\x02\xc4\x7fI\xdd2\xcf\'G\x8cL\xef\xb6?\x1f\xf92_\x02_\xd3Z\x00\x13\xd5\\#\x18\t\x11"\xca\xef\xcc\x00\xfcY&gt;\xbb\x89\x8b!\x14=\x991:z\xa5\x1bM\xfe9\xba\x88c\x9a4\x17\xe6\xd4\xa7\xf5C\xdb\xe24\xd5\xbfd\x89\x0f\x8d\xd2\x89#H\x9f2\x1b\x13\x9a\xf9\x1f\x8cZ\x86\x8a\x9c\xe92\x89\xdcp\xbe\xe4\xfe\xc4\x1b\x1b\xcd\xa3\x8e\x8by\x0c\xe0\x00\xce\xb7\x82N\x8c\x89\x19\xba\xb7\tc\x90\x13~&amp;\x04\x11\xfe\x1e\xe0\xce$\x82X\xec\t\x07\xdc~*\x0end\xd8\xa2\xe4r9k\x83\x12TRO[\xed\xd4\xd6\xf7\x9d:i\xca\xcf\xd6\n\xbdg=\xea\x1d\x89R\x8c\x82O\xbb\xdd\x16\x10aY\x8afG\x80o=v\xd9\x98\xdf\x010Qs\xbd(\x83\xd1b\xae\x1f`\xd7?\x83\xfa\xd2\x00\x7fJo\xad\xc4\xed(\x8f!\xd2\xb0=\xad{!\x8d\n@}\xbc\x18 \xe7\x97\x00\\C&amp;\xa3\xbc\x14\\\x7f\xde\xd44\x888\x0c\r\xf7;\xac\'1}\xd8*7\xec"\xc2\xb1)+\xa5\xcb.\xed\xf6\x95\x02g\x9b%\xfb\x8b\xb5\x0f\x1cm&amp;\xd2\x11\xd6q\xbd~\xc5\x18\xadF\r&amp;\xee\x84\x03s\x010Ql\xc0\xee\x023\xc2i\x90\xd8\xf1B\xff\xee\xec\r`F\xda\x06e-\xe97\x08s\x93{\x0b\xad-J\xe1\x9c-\xd5\xdft\x13\x88\xf0\xc2\xa1r\xe5z&gt;\xd1\rn\xeb\x87\xc0\xae\tc\xf3O\x08\xe3\x9d\x84\xdc6\xae\xfc#Y\x96R\xef\x89\x08\xaf1\xe3\xd3\x84D\x00\x0c\x1dBy\xdf\xa4\xba\xd3,y\x00\xb0\xee\x99\xaf\xa1t\'\xd1P\xd0B\x0b\x01\xd6\xafK6\x19h|L\x19\x8f\x8c\x87\xd3\xe4=s\x95\x1a8\x0b\'&amp;&amp;lT\xfe&gt;\xca\xc4\xb5\xa1|\xd7mbb\xa2"F\xfb\xaa\x9f8\xbej\xb5@Z\xf1y\xd7\xf3K\xba*\x1e\x92\xf2E\xdf,\xd8\xa2\xcdr\xea\x84\xcf\\\x13\x83\xc0\xfb\n\xb5\xb9\xcc\x9c\xb8\x15`\xb9/\xc8\xbe-\xc2\x8f\xd7N%\xec\xec}\xd2\x13\x13W\xc4\xa0\xdf\xa8\x11\x11;J\xe4/\x00^\x82[W\xf7\xc2\xb5~\x06P\xdf\xd0\xcfAZ/\x9bH@G\xdc\xbe$\xe6l\x83\x94\xa7\xa4\xae\x81\x0b\x8d5X\xfe\x11\xc7&gt;+F\x9fR\x8d\x80:\xcb\xdfA\x16\xd9\\!\xd5/K]\x16y\x8eK\xeb\xeb\xdd\xc4*\x87\xf0\xe6\xd9\xc4D\x00x\xb5]\xf3+\xe9\xa2\xe0Lpy\x05\xf5\x02\xa2\x95\x11\xee\xe6\xfd\xaf\x07\xde\x0ck\x9d-\x84A\x936t\xf7\x11\xfd\xd5CD\x04\xf8\xa9\x84~A\x82W@QE\xa2AUA\x86\x89!A\x89\x9b\xe6 \xc6w\t\xce\xd59z!\xab~\x1a\xb5\xba\x8e\xd8\xce\xfa\x89\x03\xe7\xb8\xb8\xa4R\x9d`\x8f\x99\x8bX80)\xcc\xa1\xd0\x1cE\x13\xdcG\x9c0K7\x01\xf0\xa4(\xb7\xc7\xb1i\x9a\x14\xc2\xba\x80\xb7\xe3\x05\x81M\x7f]d\x0c\x94\xcc\x9d\x89\x89~Pdl\x10\xa7Y\x08DQi\xcd2\xb7\xff\xab\x19M[\x00\xd4b:q)\\;r\xae\x91\x1d\xc1\tq:\xcd0e\xe6D\x9d(\x1b\xb2\x8f\x02\x06\xf7]\x01hG4\x7fV\xd4&gt;xn3u\xbcM\x10\xdf\xdao^\x04v\x01&lt;2 \x02|i]\x89:E\xb7A\xc6C$afQ\x13\xc7kI-\x00&gt;&amp;Y\x84FU\xa66S\xf2`\x80\xc6\xf72=\xf6\xe9yh\x99\xe8\x167\x1739i\x8e\x88/nm\xf0\xaf\x19\xea\xcaJ\xc2D\xff\x05S\x17\x00\xfb\x03\xa8\x8c5\xc0`\x08\n,\xa9\xce=\xb9\x9f\xc7p\x00\x00 \x00IDATm^\xe2\xe6\xc2\xfdPE\x96\xac z\x96\xed\xc0\x1e\xc9\x9f\xed\xbb{\x83\x05\xed\xca\x88T\xae\x11B\xf6F\x91\xeb\x9a\xeb{6\xa3\xe0\xba\x92\xe2\x9b\xd7\xda\xd7\xf5\x183\xd1\x1ff\xb40`\x8fG\x81t\xa3\xce\xc8s\xa7\xe9WZ\x03t#\xea\x1b\xb5\x16`4\x94vY\x17Q1Q\x19\x84%\xddUc\xe2\xbb2\xe6\xd0\x95\x9e\x9eg%\xe4\\\x9d\x97\xc7q\xca&lt;11Q\x00\xd6d\x1a\xfdO\xd7\xd0\xa7\xe3\xca\x95\xac/M\x8d\xbe\x06\xc8\xb4\xc3-\xa1CW\x16\xf4\xda\x16\x15L\x95\xe7\x8b\x81&amp;t\xe0P\xbf\x85Y]Zd\xbd\xf3nA|\x1e\xed\xa5c~E\xd6*\xb6\xbc\x16\xc03\xc6\xf1\xcb\xc4\xc4\xc4\xad\xe2\x98x-\xca\x8fT:\xcb\xa01E3\xde\xec\xa9\xbf\xa3\x13\xf77\x19\xa6\x94A\xd6\\\xb0\xef\xf7]\xe2\x9c\xb6\xb1\x80\x88\xea\xcfN7\x05\xee\xef\xbd\x15\x16\xc6\xc88b\x87eY\xe6/\x01\xcbb\xfcuy\x17y\x12\xc6\xa7\xad\xff\xc1\x16k\x15F\xea"\x02\x92\x7fW\xd5\xdfl\xfby\xd7g,\x00?Be-\r\xfa\xf0\xc9\xdft\x19&lt;_&amp;&amp;r\x81\x95\x07\x8e\xd2;\xa3\xc4\x1f\xa4v\x89\xb1\xbfu\x7f#\xa1RY\x1ev&gt;5\xa9\x9d\x0c0Y\xf4\x08\xce\xc9C\xff\x03tw\xe8$\x08J\x07#gkr\xe8_|\xef\x13\xc7\xd9\x9c\xe4[b\xae\x8a\xcdV\xff*\xcb\x08\xcd\x0cX\xf9\x04\xb6\xf9\xd94\x995[\xc8\x1b\xc8\x82\xcb+8A\x81\xafb4x\xf2\xa4N\xf9BD\x80\xa7\x86\x1b\x9c\xba\xd3\xbe\xd7\xebx\xfa%\xa2\x0b\xfb{\xc0\xdc\xe7(d\x1c7\x1f\xe9)\x88\xae\x0c[D\x98OM- s\x110Q\x1dz\xa8\x8e\xb9\x12\xad|\x0e[\xea\xe8\x90\xce~L7ML4\x86\xf5\x94\xcbhy\x94|\xd0\x1a\xeb\xa8Z\x86f\x16V\x19\xdcKt\xd2\xcc\x88\xee&amp;\xa56\xaeg\xd2\xdd\xfbw7bk9\xaa\xe1E\x10\x9f3\x80_Z`&gt;\x02\xd4\x0f\xbaZ\xa7\x96\xc4\xb2,\xcb\xfb\xb4\x16"\x13\x95\xab\xc9\xb2\xb4?\xb3\xbbH|\xde\xc0\x99\xc3\x150\xdd\xd4\x0b\x96\x05\xe0y\xa9\x1d\xbdH:*\\\x96\x85&gt;\xc3N\x9f\xfd\xb3\xa0\xc8s|\xec;tol&amp;\x8c\xf8\x9c\xea\x1c\xab\x1c\xe8\xcd\n91.\x9a?\xd6r\x83\x18\xcb\xdaR\xe1\xc1"r\x86\xe5\x7fT{\xcd\x03\xfa\x89,$&lt;[ri\xe8\x8f\xdc\xe4\x91\xa2\xb2a"O\xaa\x0bb\xda\x84\x88\x1a\xf1#\xc4\xe2\xc6\x16\x83\x13&gt;\xb4x\x9d\xce\xfa\xa1\xf5\xc6\xf6\xad\x00\x8dwq \x92^\xa9\xa1\x94\x99&gt;=\x85\x88\xea\xcbCl!\xb9\xcf/=\x07\xf1E\xd7\x07\x08\x8e\r=\xffkL&amp;&amp;\xe8\xf8-\xc4W\xb9\xc9(2r\xb0\xfccQ\x02\xb3\xa3\x0c\xa9.\xf8\xa2\x9e\x1b\xad\x81\xe6\xbc\xa8\x1f\xcf\xca&lt;o6\x1f\x01\x9a\x00\x00\xd2\x13\x81(\xfaE\xa5\x9b+%\xe5\x11\xdeb4\x1f"2_\xb2\xe1\xef\x06\xf0\xca\x12\xe2\x95\x83\xa6\xf4\xe7\x9b\x16\xe0F\xda\x8b\xae\xcf\x19(\xbd\xb2\x9f\xbf\x9a;g\xb2\xb8\xdf\xa0[\xe97;\xfb\x0f\xdc\xf5Y\xa4\xf9N\xfc\xce\xba\xd6\xe9_\xdf\xc7\x0e\x1d&lt;\x83\xda\x02\xfb\xb7;\xe0k\xd5`D\x80\xa75\x14\n\x00V\x87\xb4\x96aB\x0c\x02\x99\x7fwB\xf9\xe8\xecp\xb3\x1fI\x86\x83\xcbtr\xce\xad\x13\'\x82K\xca\x92g\xf7\xb9\x04{\xca\xb8\x8e\x90c\x96i\xd2\xe6\xe0\xb8\xc0nyf\xeb\'\xba\xe8d\'r\xdaS?&amp;\xb6\xd7\x9a}\xb9)I\x91\xf0\xebkh\x9ePQnp\x99\x98\xa8\x8a\x8c \x96\x8c\xfe\x99N*\xf8v\xf0\x99\xae\x99I\x7f:\xa1\xcf1\xca\x82c1\xc0\x8e\x10\xd9\x1a=+~i\xdc\x8cm/\xf3\x05\x92\xac\xf4\xd4\x08\xe9\x93l\x00\x8071\xd3?]\xcc\xbd\xaf\xc4\x02\xc0+?E\xc1\x0c\x15\xba\xc05\xb4\xc8\x07%$X\xa4D\xa4\x9a\x98\xa8\x8f9\xbbR\xd1f\xbb\xfd\xb4\xde\xd79\xb6\xd6DD*\tTGhc\xb4&gt;\x1b\xe95\xb7~\xa8\\"&gt;\xbbF\xff\xe6\x15\x93\xf0\x12oy\xdf\xac\x81\xf8u\x88\x00\x9f\x97e\x1c-\xbb\xf7\x8dv\xdbD)9\x88\x88\xf8C\xfb\xd3;\x99\x08p\xa1(\xc7\x94\xbc;\\C\x0b\x1a\xc2_\xd0\xf7\xc4g\x12\xa3\xaeL:\x9f"\xaa\x80\xf57\xcc\xf7\x87\xc9n\xde\xe6G\x02\x8c\xf9\x10\x9b\xbc\x07\xd1\xfb\xfd\xaa\xd5P\x8eo\xb5\xae\x1f&lt;]j\x7f\x99\xdb\x10\xc3\xbebw\x02\x00\x80\x05\x11\x97\xfd\x8b\xc8\xa8\xff`\xbb\xb3J\x96\r\x18\xdc_48Q\x1e[\xcc\xff\x0e\xc0=\n\x19\x9c\x96\x08\xc1\x97\x1f\x10"\x99\x8c\xbfB|a\x80\xb1\x03l5in\x851R{\xf9\x1b\x80\x17&gt;\xfc\xb0xZ\x19w\xe3\xf4\x97e)\xfcU`\x9f\x1d\xee@|n\xaco\xe7Pg,\xb2\x84k\xbfk\x84\x08\xff\x10|q\xdc\x9c\xc2\xd5\xa0\x0e\x1e\x92\x03\t\x85q\x99P\x96J\x12\xc9d\x0b\x17\x94\xbd\xfe\x0bZ\xa3\x9a+\x03\xb3\xfc\x90\x01\x89\xef\xf6\xe9\x05\xe7\n\xc7aX\xc5\xb9\xa2\x05\x1a}\xefO\x90rn\xd5|\x1f\x13\xea\xd4\xac\xe1\xcf\xdb\x01gf)\xc4.w\xf6\xdc.\xb4d6\x17\xcc\x05\xc0\xf6\xbe\xfe\xf5\xb3w\xfd\xcf\xd1Zr\x8f\xd5\xc3\xd77E\xc6\xadh\x15\x9a@\xd7A\xaf\xd3\xf4\x82\xb8A\x95\x01`\xbe\x05\xa8\x1c\xf4\x17\xae\xd4\x89-4\x19K\xd2N\xaf\xa9\xbf\xae\x9f$\n\xbeO\x00\x83\xc5\xbe\xc4I[\x96\xe4\x9c\xa7Y\x96e\xf9l\x0f\xbb\x90\x0c\x0b\xd3Q\x15\x0fyuF\xc7\xd4\x7f\xd3\xc5\xb1\xceQ&gt;\x8bg\x90\xe7\x84A\x86\xf8\x90#I\xf5\x83\xe9E\xf9\xd7\x90\x84\x1c\x93Y2?3\xa7s#\xd4\xd9|\xf01/\xc2Ly\xf8b\xf7\xbbC\x00F\x99*&gt;\xfb\x07\x80\xc5\xe7\x89m=9\xd8l\xd2q\xdar[\xf0\x1e\xbf\xcbB\xf2\xd9\xb0t:o\xabL\xc6DD\x99\xa8\x82\x96\x8f\x0f\xe5l_\x95;_#P\xf6n\xf7^\x16W\xd9\xcc@\xeb\xdd\xe1b\xebF\xfdq#\xf5:\xc8\x04*\xee\x0f8\xf1I\xe9\xee\xab\xb8\xe3\xdb\xc5\xd3\x89\xe7\xc1\x17\xdc\xe4D$\x86\x0b&lt;\xab\x10\x98\xb8\xacN\xf75 k-\xb6\xa71\xb4\x9d9xq\x80\xbfl-C\x05tQ\xe2,$Juo\xc4\x9f\x9b\xbf\x03\xd0\x16\xa9\x95f_\x05\xf2\xbaw\x18\xbb$4}\x85\xf0\xed\xbd.\xb7Ou\xb7\x9d\x8fm\x0b\xe4\xf3\x08\x91o8N\xd0\x8f\xcbRx\x8b\x0e3\xe6 \xed2\xa5\x11_\x0f&lt;\x8f^t\xf5\x15\xbar\x08L\x82\xaf\\\xd0\xf2U\xc3\x9a\x93&lt;\xf9hl\xf4\xbd\xdb[\x98\xfd\xc3\xfe\r\x161\x08y*1\\\xb9\xb3\xff\x1b\xa9\x9cUqa\x9b\xaa\x95\x08\xb1\xd6\x8f\xd8\x7f5\x95K9\xcb\xf7\xe3\xd3~$\x91B\xbb\xf7c\x9c\x1c\xc3\xdc\x85d\xbb\xc8k@\xea#\x12!\x8f\x9bV\x1d\x1e\x18D\xa0\x01\x918&lt;\xe2|\xb3P\x0e\xca&lt;\x04\x12\x97\x7fFx9$\xd9\xf6\xd1&gt;R\xd3S\x13\x97\x85Q\x91+\xb3.\xb0\xde\xf8w\x8d2v\xd6\x08\r\xdd\xd7M\xb7l\\\x993\xd4\xec\xd98)`\xd9\xa1nx\x94\xa83t\x82\x89\xac\xcb\x94G7\xabRtC\xd3n\xff\x02`\x7fgh\x98\xec\xde,w\x05 \xa2cZ\xd7L\xd6C\xa1\xae\xb2]\x0f=\x13\x13\x04\xece\xa5l(\x1b\x15\xb9(\xaf\xa8\x18"D\xa4*;\x97\xb9-L]\x01&amp;&amp;&amp;|\x90NFrv\xbfoZ\x1d\xd0f\xc3\xcd\x91.\x83\x7f\xda\x9d&gt;/GDx\xc2\xda\xe0M\x0e\x1e\xc9\x0b\x81d\xd5@\x1f=\':D\x1d\xd7\xcc\x00\x98\x90\x07\xd6:\x9d\x14a$RI3eP(UO\xc8\x14\x8e\xd1.sh1\xf0\x95\xf4\xa6\x83\x98n\x08!\'\xd8@e\x93;\x87L\x0f\x11\x92\xa3B\xea\xa4\x9c\xc5q;1\xf8\xb8D^\xe9\xf0\t&lt;H\xf1\xb9&lt;jM\x06\xbapw\x0f2\x8c\x81n,\x15x\xb5e\x17!E\x85\xab\x08\xb2\x13o,\x95\r|\x03\xbf\xd0\xfc\x08a\x04\x1a\xda&amp;\xb28\xc6\xda\x07+6\xa9T\xdf\xc3HZ\xfba\xca\xeb\x01n\x10\xef\xd5\xde\xbf\x19\xe8"&gt;\xb3\x91\xa3\xc2\xe7\x8aL\xca\xbf\xe9|\xe0G\x97K\x1dw\x92\x18\xfd\xa2\x80wt\x99k\x9c\xdbO\x10\xd0\xf8\xa1\x86\xba\x88\xd4\x99\xeb\xbeO\x80\t\xf4\xbc\x19\xb07d\xc8\x89\x8d\xdc\xad\xf1=\xc2\x91\xfe.\x0bt\xbc\xf9\xae\x95.\t\xc0\xae\xdeC\x8a\xd7\xfa\x8d*\xb5\xba\xado\xe0&gt;\x03\xecu\x01~eDM1\xfd\x15\xa2\xd7\x83\xe7\x9d\xb6\xae\x9a0\x1a\xae\xf2\xba\xdeT\xb0\xe7`\xc6\xc0\xa7\xe7\xbek\x88\xc9\x98nK\xfd \xe0\xff\x04x\xcd\x9b\xf6\xf2\xc0\xb8B\x91\x99\xb8(\xde\xf2-\x86]\xc2\xba\xf7rb]\xd4\xbe\xd9\xcbw~\xf7&gt;\xac}+\xfb\x16o\xd2\xbf\x9a\xfdK\xd8\x06\xac\x10M\xcee\x89"P\x1c\x01\t\x87\x90\xbf4B\x1b\xf0\x9e\x9b\xce\xcet\xb2tT5\xc4D\x978B\xb1\xb5 \x13\xa3\xa0R\xf9\x18\xbbHe\x08/\x93\x90|\x01F5\xb5(j\x96B\xc7w\x1c\xfb\x89\xf99K\x10A\x0f\xf3-D\x04\xf8\xba\x92\xc4\xbd\xb7.\x1f?\xaa\x8e\xe8\xfa\xd6rt\xfe\xed\xb8\xae?\xd8\xe3,J\xe1\x99=\x05\x9dl\xf7\x90\x81\xf3[a%\xb0\x05\xc3\xc7\x9a\x0f\x98\xb5\x91f\xa2\x7f\xe0\\/^\x11\xedjk\xef\xb1T.\xe0\xf5\xc1\xbe\xda\xd2\xda\x94\xc1\xcd\xb1\x850\x05\x80\xaf\xdeT\x05{\xc2w\xdc\xa9\xc0Z\x95!\xdc\xb4\x08{~\xfc\x0c\x18rg\xfe\xba\x85\x0fL\xc1#\xf7\x11=\xb3\x7f*\x830\xe5Zv\xb6U\xce\xa1\xe2{c\xfdD*D\xc3\xe05\xc7J\xde\x89\x811\xdcP1\xe1\xc0\x9fiC]\x04\xb9\xa3H\x12\xa49j\xd4\x94\xc1\xb8\xd1\xf7\xe7\xfc&amp;E\x8ek*b\xfb~\xdb\x10\xe9\xef\x9co\xd5\x11\x1e#\x0b\x80\xc4\xa7\x92\xe8m\x93Y\xe4\x18\xa7aT\xf8f\xd5\xee\xf9w\xbc\x89\xda8\xa6\xd4\xefy\x1f(2I}\xec\xbe\x95.o(|\xaf\x98\xfay\xe4\xc7H\xf9K@\xc2_\x13\x13\xc5p\x9b\x01z\x01\xad\xb3\x86v\x99\x81$C\x00\xf1\xa9p[\x8d\x0e)\xdcW\xbb\x90\xcd\rU\xb0\xf2B\n\x04\xadz\xf1\xa9ULZ\xd1&gt;\x92\xc8\x89\xba\xb6\x9a\xa2\xbe\xc6S?;&amp;\xe2\x00\x00\xaf\xaa\xf7\xf6\x82.@\x18\x80\x18\xf8^A2p\'\x1b\x95J\x8a\xe3Da\x1c\xfe\xba\x82\xcb\xe6\x17\x9c\xc5\x81\x1dX\x15\x89o\x9e\xc12/\x1b)D6\xc0\xce\xb8\xb2\xbc\x18\xc0sh\xeaC\x1f\xaf~\xba\x03\xf1\xb9N\x97Q\xc3\t\xb7W\x16\x80`\xf8\xed4\x17P\x8c\\\xd1\xb3\x1b\xcfV\xefaP\xd5\x1f\x1c=\x14%\x07ZY\xf8(Pc\xb98\'\x07;\xd2\x14\x11\xadwv\x19X\x16#f\x03-\x19\xe51\x80\x95\nrh\xb2\x98:i\xb6(\xaa\x92\xe8(\xa8j\xa3\xc3\x8a\xba\x05/\xab\xcf\x1d%\x04\xb9a&lt;\xae\x8f\x95\xbcZ\xcd\x82\xed\x8a\xa5\xee\xcb\xf0\x9fp\xcdag\xe8\x81\xcf6\x89;\xe9/\xcbRh\xf6\xcf\xde\xd7y\xde\xe2\xf1\x05U\xbceY)T\xa8J\xd1g\xa6\xa5r`\xd9\x95\xaa\x0eD\x00l\xc6]\x1e\xfdj!`\xe1g\xb2\xb7\x81\x07u\xeb*v\x9a\xf0\xd4`\x0e\xeeX\xcb`[z\x85\xbf$\xbd~\xb3\x15\xf6g\x00\xd1)\xbec\xbf\x04\x11^-I\xf8\x02\x11\xb1\x9c\xf05 \xfb\xa5?\x8c~j\x91w\xf0\xd2\xd8e\xd6)\x04\xeeO\xae\x8d\xed\x94\xd1\xd1\xcbY\xde\xab\x8fv\xaa\xe8\xcbFz\x96\x9aG\xba\xae[2\xb2\x92\x85\xa9\xc6n\xe5i?Co\x97\x03E\xb0"\xe2\ru\x9c\x1d\x98\x7f\x0c\xa4\xc5\xc8\xa8{\x92\xee\xaa\x03\xd3\xcb\'\xb4\xfa\xf9\tEW\x02\xc8\x82\x93\x82\'x\xe2\x0f\xdb\xb8\xe8\xefO\xff\xcfx\xa0#\xe8\xa0\x11\xeag\x8e\x84\x8d\xb53,\x7f|\x1e\xc1\xec\x135\xf0\x19\xfd\x87\x823\x82\x03m\xe8D}t\xd8\xd4*A@$\x87j\x91\x05\xc0\xc6W\xd8&amp;\x9dZ\x18\xfe\xd4\xfara\xa0\xb1w\xce1!\x8a\xca\xf9\xd8k\xfa\xbb\xa1OOsI\x01ar\xb0\xb1\xab2\x0f\x0e\xcf\xc8\xb5r\xfd\xc7\xeeddY&amp;\xc2\x02\x10\xe0\xf7\x8b\xc4F-{V\xc5\xfd\xb78\xf9\x8b\xa1\x12\xeazXC\xf7\x9b\x8e0\x9e\xee\x18\x0b,o\x8d5z\xb1\xa0\x14\xe2\xe2,\xba\xb4\xe1\xe7\xc9HE\xd8\xda\xafc\xe7r\xf4\xb3\xa1\x16\xca\x</t>
        </is>
      </c>
      <c r="E875" t="inlineStr">
        <is>
          <t>&lt;class 'numpy.ndarray'&gt;</t>
        </is>
      </c>
    </row>
    <row r="876">
      <c r="A876" s="1" t="n">
        <v>874</v>
      </c>
      <c r="B876" t="inlineStr">
        <is>
          <t>steps_per_sec</t>
        </is>
      </c>
      <c r="C876" t="n">
        <v>9800</v>
      </c>
      <c r="D876" t="inlineStr">
        <is>
          <t>3.0613627</t>
        </is>
      </c>
      <c r="E876" t="inlineStr">
        <is>
          <t>&lt;class 'numpy.ndarray'&gt;</t>
        </is>
      </c>
    </row>
    <row r="877">
      <c r="A877" s="1" t="n">
        <v>875</v>
      </c>
      <c r="B877" t="inlineStr">
        <is>
          <t>Loss/RPNLoss/localization_loss</t>
        </is>
      </c>
      <c r="C877" t="n">
        <v>9800</v>
      </c>
      <c r="D877" t="inlineStr">
        <is>
          <t>0.18819493</t>
        </is>
      </c>
      <c r="E877" t="inlineStr">
        <is>
          <t>&lt;class 'numpy.ndarray'&gt;</t>
        </is>
      </c>
    </row>
    <row r="878">
      <c r="A878" s="1" t="n">
        <v>876</v>
      </c>
      <c r="B878" t="inlineStr">
        <is>
          <t>Loss/RPNLoss/objectness_loss</t>
        </is>
      </c>
      <c r="C878" t="n">
        <v>9800</v>
      </c>
      <c r="D878" t="inlineStr">
        <is>
          <t>0.034440603</t>
        </is>
      </c>
      <c r="E878" t="inlineStr">
        <is>
          <t>&lt;class 'numpy.ndarray'&gt;</t>
        </is>
      </c>
    </row>
    <row r="879">
      <c r="A879" s="1" t="n">
        <v>877</v>
      </c>
      <c r="B879" t="inlineStr">
        <is>
          <t>Loss/BoxClassifierLoss/localization_loss</t>
        </is>
      </c>
      <c r="C879" t="n">
        <v>9800</v>
      </c>
      <c r="D879" t="inlineStr">
        <is>
          <t>0.16390562</t>
        </is>
      </c>
      <c r="E879" t="inlineStr">
        <is>
          <t>&lt;class 'numpy.ndarray'&gt;</t>
        </is>
      </c>
    </row>
    <row r="880">
      <c r="A880" s="1" t="n">
        <v>878</v>
      </c>
      <c r="B880" t="inlineStr">
        <is>
          <t>Loss/BoxClassifierLoss/classification_loss</t>
        </is>
      </c>
      <c r="C880" t="n">
        <v>9800</v>
      </c>
      <c r="D880" t="inlineStr">
        <is>
          <t>0.0833075</t>
        </is>
      </c>
      <c r="E880" t="inlineStr">
        <is>
          <t>&lt;class 'numpy.ndarray'&gt;</t>
        </is>
      </c>
    </row>
    <row r="881">
      <c r="A881" s="1" t="n">
        <v>879</v>
      </c>
      <c r="B881" t="inlineStr">
        <is>
          <t>Loss/regularization_loss</t>
        </is>
      </c>
      <c r="C881" t="n">
        <v>9800</v>
      </c>
      <c r="D881" t="inlineStr">
        <is>
          <t>0.0</t>
        </is>
      </c>
      <c r="E881" t="inlineStr">
        <is>
          <t>&lt;class 'numpy.ndarray'&gt;</t>
        </is>
      </c>
    </row>
    <row r="882">
      <c r="A882" s="1" t="n">
        <v>880</v>
      </c>
      <c r="B882" t="inlineStr">
        <is>
          <t>Loss/total_loss</t>
        </is>
      </c>
      <c r="C882" t="n">
        <v>9800</v>
      </c>
      <c r="D882" t="inlineStr">
        <is>
          <t>0.46984866</t>
        </is>
      </c>
      <c r="E882" t="inlineStr">
        <is>
          <t>&lt;class 'numpy.ndarray'&gt;</t>
        </is>
      </c>
    </row>
    <row r="883">
      <c r="A883" s="1" t="n">
        <v>881</v>
      </c>
      <c r="B883" t="inlineStr">
        <is>
          <t>learning_rate</t>
        </is>
      </c>
      <c r="C883" t="n">
        <v>9800</v>
      </c>
      <c r="D883" t="inlineStr">
        <is>
          <t>0.039378025</t>
        </is>
      </c>
      <c r="E883" t="inlineStr">
        <is>
          <t>&lt;class 'numpy.ndarray'&gt;</t>
        </is>
      </c>
    </row>
    <row r="884">
      <c r="A884" s="1" t="n">
        <v>882</v>
      </c>
      <c r="B884" t="inlineStr">
        <is>
          <t>train_input_images</t>
        </is>
      </c>
      <c r="C884" t="n">
        <v>9800</v>
      </c>
      <c r="D884" t="inlineStr">
        <is>
          <t>[b'1024' b'1024'
 b'\x89PNG\r\n\x1a\n\x00\x00\x00\rIHDR\x00\x00\x04\x00\x00\x00\x04\x00\x08\x02\x00\x00\x00\xf0\x7f\xbc\xd4\x00\x00 \x00IDATx\x9c\xec}w\xdc|;Q\xfe,\xa0\x80p)?\x90"HGz\x15\x14\x11iJ\x97&amp;\x1d\x91\xa2\x14\xa5#H\x93^D\xba\x02J\xbd\xd2\x8b \x88 \xd2\xa5wP\xbc pAzS)\xd2;\xcc\xef\x8f\xddsN\xca$\x99$\x93\x9c\xec\xbe\xf3|\xbe\\\xdew7\x99\x99L&amp;3Or\xb2\xfbn`\x18 \xe2\xf6\x87\xcdf\x93\xdb\x15 \xd4e+\xd3}w\xabk\xb3!\xdeZ\t\xbb\xd1\x8fd\xd2\x02cj\x80e\x1e"\x1c\x0fp\xde\xa2\x81\x18\x8eh\x81\xdd\xd4\x03\xc0\x06\x109#B\xc0\x86\xf6\xac\x0bD\xdc\x8e\x0cq\xe7\x93\xedp\xb7 \x9d3\xad\x9d\xc3t\x08,&gt;Yy\x80\xf3\xa23\x115\x0c\xe7\xff\xc0\x9c\x13c3\x18\x11\xd5\x17\xc6P\x07\xb2\xaa\x02\x15\xb5L\xa1P(\x0e\x05\x88HV\xb2Pc`7f\xe3\xe3KU45\xedt9o]JZ\xfb\xbe`v\xc8o\x86\xde&amp;\xdcH5\x04\xf8l\xd6\xa4{V\x94\xf6e\xebX\xd4p\x06\xd5\xdc\x9eq\xb0\x1b&amp;.\xab\xc3k\xd1c\x82\x8e\x0c\x12\xce\xdc%(\x13\xf0\x04\xe6\x1a4\xff\x91:\xf1q\xad&amp;\x91\\Sq]\xa1l\x1c\x92?&gt;\x98cQ(\x14\x8aC\x86\xcd$:Q\x87\xa4\x16|\xa8\xcb\xff\x8ez\xbeF\x1b\x00\xa7/\x93\xb0+\xe7E\xfe\xdcJ\xf8Y\xeb\r\xc0\x07s6\x00\x8a\tvx,\xaf\xaeg\xd1\xbe\xc2[k\xdc\xe6\x99\xe1\xea\xb4?a\xa6^)\xf0\xc9=O\xda\xfak\xb6\xcc\x86\xd5\xcdV(\x14\x8a\xf5\xf0\xf5Q6\x00`\x1c;)fT1c\x83U,}O\x91#\xaa=/\xc1\x958P1ZXX(\xd3\x8f\x8dU7Q\xe3\xcf\x1d\t?\x02\x99\x03A\x80\x1bVi\xfet\xb1\xea:,\xbaD\xd4\x9d_B\x88B\xa1P(\x0e\x12\\bw\xbe\xb6f\x8c\x8bX1\x96e\xc6\x8f\xeaC5\x98*L.\xf2\x1f#\x1c%\xc6\xb1"\xbd&amp;\xe0r\xc7\xce&lt;\xd23g\r\xa5\x95X\xae\xf4\xacq\xf4\xe0n\x00\x10\x11\x8e\xc9}\xa4P\xa2\xf7\x0eS\xc0\xec\xe7\xac)\x14\n\x85bo\xd0\xf4z\xeb_\xe4\xf7\x13\xab|\x0b{\xa8"\x10\x1d+1\xa2es\x1b\xdeSEC\x87x\x0ep\x8a\xc0\xeb\x0b\xd5\x16\x9a\xb2r9\x04\x7f\\s\x03\xb0w\x88]\xcd\xefc\xc0z\xd3w\x90\x1b\x80\x03\x1b\x8eB\xa1P\x00\xec\x92\xf5\x10\xc4h$\\\xd6\xa9\x97W\xe8_\x00\x846\x00\xd0\xadz\x99T\xe3\x84\x88\xe7l\x12T\x95&lt;\xe6*\x92\xb6\xe4"\xcd\xc3L\xae&amp;\xa3\xac\xaa\xf3V\xc2=\x8c\x9f\xf7 Q\xbcym\x03`\x00\xbe\x18\xd8\x00\xec\xc1\xf4\x8d\x86\xd0\x0e\xea\xf069\n\x85\xe2\xc8A\x8ap\x1c\x16\xacz\xe9\x9ci=\xb8\x8f\t\xd7YJ\x8e\xd4\x06\xa0\xf9\xe5\x9c:\xfe\x8a\x97Hu\xecx\x90)\x0c\xc6Y,\xcam\x00\xea\t\xdf\xdc\xfd\x06\x9e\xc0\xfds\xfe\xd1\x83M\xfa\x11\x11\xf1B\r\xe7n\x9c\xa8\xf8%aK~\xeam\xa2v\xdf\xc1\xaa\x1b*\x85Bqtq\x00\x190b\xbcG\xc2\xd6\x19)\x9b\xb8\xb3Xc\x87:]\xa9\xa2\xe9\x06@j\xec\x056\x904\x82\x10\x12\xdd!pu\xc1\xfd\x1a]\xc3\x18\x87\xe7)\x12\xb07l\x08\x8f\x8bO\\\xcd\xee\x0eo1J!\xf8\x89q\x83\xee\xaeR\xf7\xe8\xe8\x95+\xb3QW(\x14\x8a\xbdD=SY\x19)\xe3G\x18\xd7\xd6\x86\xcb\xa5\xdb\xed\xf9\\\x18\x88\x8d\xa2\xbc\xe8\x9e\xc5\xe1\xdc\xd67\xafg\x18\xf6C\x93\n\xf0aq\x88\xe3&amp;\x1aA\t\x99\x85\xff4G~7\x1c@\x80\x1d\r|g\xe1\xa9\x0cfol\x15\xb21\xces!|\xea\xee\x9b\x85\x05\x1f\x9c\xba\x1b\x00k3\xf0\xc6\x11F\xadP(\x14\xdd\xb1\xff\xa4\xb3\x91\xf1\xb2bY\xd2\x0e\xe88*\x1eT\x95\x8f\x17\xac\xa2\x0e\x88\xc7\xf3\x03\x18]6\x90\xa5z\xd6h^#\xa6\x84\xdc$\x7fM\x1d\xc6\xbc\xef)"\\s\xdd\xdc\x88\x00\xdf\x14\xfdLyD\xd1 \x118\x7fbj\xfb\xeffu\xc2\x18\x1b\x80Q\x06\xaeP(\x14+@3\xa0\x07\xc9\xc2\xf0\x14v}=\x98\x89\xc0\x17\xb4\xbdQ\x80P\xb2w\xbd6\xda_\x88\x89\x88\xf0\xe1\x0c#I\x8d\x81]\xc4K\xf9b\x01\x00\xae\x7f0S\xbf\x8f\x98\xf6u\xde\'D\xb1m\x18\'\xac\xaa8\xd1\xe7\xc9\x1f\x11\x08\x88p3)\xdb\xac\x8d\xban\x00\x14\n\xc5\x01\xa11\xc7:\xba\x10,\x0cG\xb2\xd2D\x8f\xd8\xffDPE\xb2\x91{Z\xef?\x04\x08\n\xe1?UPT\x80\xbaCe\xfd\xebt\xfem*\xe2\x84GK{,\x86**\xf9(d!D\x80SR/{\xec_\x17\xafB\xa1\xd8G\xb4Kamj\x0f\xad\xca\xfba\x04\xc8\xf2\xf5n\xcet\xf5\xe6\xb6\x17\xdc\xa8DC\xa8c\xddMm\x00\xd6\xbe\xf81T\xd8\xaf\x02\xbc\x16\xb9\x01 Nj\x83\x12\x84\xdc\xe8\xde.[m\xdf\xce\x1dx\x89\xe8\x83\x0f9^\xb4\xac7\xb9\n\x85BQ\x8f\x8c\xf2\x80\x08\xf0\xad,\xd1\xb97\x98K\x0b\x95\xff\xe4}\x04\x88\x97\xde\xde\x03\xcc+o\xdeM\xd9\xa6\x06\xf4*\xbd\xe6)2\x00\x9c\xcf\xdc\x00\xe8\x17\x80\x8c\x04\xfa\t@j\x03\xb0\x1c\xd5\x0b\xed\'\x97?~\xb7\xf2\x06 \xbdA-\x14{sD\x80\x8f\x85\xde\x95S\xb4\x17\x18\xad\xe8(\x14\nE\x134\xcet\xe5\\j\xb4c\x98\x9d%\xdb\xea\xfb\xf7\xbemcY\x1b\x01\xdfH\x97i\xb5\xa6\xc5]x\x95I\xfd\xad\x93\xdd\x06\xc4\x91\xd4\xbe\x172G\xc6\x1d\xa3\xd7`\x8c\xbf\xef\xd1\xf4\x1ad\xe6\xc7\xc4E\xb5\x9f@T\x1a@0\xe0\x9b\xae\x85uq\x90\x83R(\x14\ny\x143\xb3\x83\xc9\xb3\xdb\xe1_7@&gt;N\xd4\xb2R\x9e\xb3\x8d\xd8$\x8c\xb3\xc6?CD\x84\x9f\x0e\xb3\x01(w5Z?\xd3\xdf*\xb8GA\xbb/\xdbNA\xec\xc2\xf2\x9b{\xb3\xe5\x1e\x1f\xe1\x0bo\xead\x85B\xa18J\xd0\x8c\x1f\x01\xb9\x01hT&amp;\x11\x10/\xbf\xde\x97\x8d,\xbb\x9a\x1e\xb7b\xb2\x1e2\x08\x19s-\x9f\xfd\xef\x17\xf0\xfd\x87y@\x1b\xc1\x14\'\x89\xfb\xdc\xc7\x19\xd3zB\xa6\xd8\xfd\x89\x84nq\x8b\x00\xa7\xaf\xeb\xbe/.U(\x14\x8a\xa3\x8d]q}n\x87{\xd8{\n\x0e\xff\x90U\xb5\xda\x06`\x99\xa6\x0e\xe3]e\xb0=.\x1d\xb5\xc4b\xff\xde\x8d\xa2\xd8`\xe3\xc1TH\xb2\xf5\xdd\x9d\xdb\xc6?\xe3\x08\xb5\xef\x86\xd5\xa0L\xc2\x85\xd9\xbdzM\xf7#\x0b\x14M\xd1\xb8r\xfaR(\x14\nE\x0e:\xb1\xdb}f]\x06\xe5j\x88\xf7c\x92\xe8\x8c\x001\xdbV\xe1\n?\xec\xb6\x97k\x05\xfbo\x1ew\x1d\xc8Z\xae\xe3,\n\x9c\xb7FE\x8b\x08\x8d\x1f\x8c\x8e\\9g*\xcao\xf8P\xa2\xd7\xca\xcb\xdf\x9ab\xee\xb72\xa0\x83\xc66\xf6\xc1a\x8cB\xa1P(\xc20\xb2\xf6\xed\xa4D\x16\xf5\xfa\xaa\x90vq|\xa6\xc3\xee\xc5\x98\x85\xc0\xdd\xdc\xe1\xf0\xd4T\x83\xb8\xd3\xd6\xe2\n\x9d\xb7X9\x8a\x1e\xc2=\x0c^\x85l\xa5Btu,\xdf\xdbS\xbcK1\xfd\x99\xb7\xc5\xa2\x9a\xc5%\x18\xefN\r\xce\xde\xfa\x0f~\xa5a\x18\x8c\xde\x8c\xc7&gt;9p@\x1b\x00sw\xfd\xe8\xb5\x8dQ(\x14\x8a\x96\xf0\nU\xd59\xdfi\x8a\xbe\xcdS\xe8p\xd1\xd1+ \xb0\x17\xe9\x89\xd4N{j\xd6&gt;#\x04\xe6dE\xdbt\xe7\n\x93\xdf&gt;\x85p\xf6\x8eJw\x03\xfcl\xbai\x867|f\xd6\x03\xc3o\x00@vi\xa4\x06\xeb\xbc\xfex\xb2{P\xc8\xa5\x8dw\x83\x84\xbb\xcf\xd7d\xb9\x86\x9b7\xa9\x1c\x0b\xa3\x89\x1d\xffr\xdb\xf8\x01\xed\xacm\xef\x07w\'3l\xa8+\x14\n\x85\x0c\xb6\x99\xee\xf7w\xbf\xecr\xdf\xb9\x8b\xa5mk\xc6\x07s\x12\xa8P\xb6\x95M\xd9\xc93-\xee\xe9`QE!\xdb\xcf\x1b\x80\xb3\xb3\xe5$\xb4\x08\xc9\xf1\xc5\xc6$\xdf!c\x03P?\xa7\x08\x80\xf0%\x84+\xf5\xdcu\xcc\xd3\xf7\xb7\x8cy7i\x16Sv\xd9@j\x9c\xd9\xd3{# \xe6\xab\xe4\x9c\xa6x\xa4\xf3\xee\xd9\xa3\x1b\x80\x8e\x98\x0c\xb0\xecgm\x00z\x186\x19\xd3\xc6\x86\xab\xa1\x83&amp;Z\x14\n\x85bX\xd4\x1e~\xfc#\x9e\xb2\x88\xef\x16\xaa\x13\xc6t\x8b\xe0\xdfE*\x81_Q2vD\x01\xd5\x1f\xb7\xac\xad\xc4\xb7[T\xd3?\x94\x16x\xd6j\t\xd3\xc6\xa9\xd3-v\xebA\xcdu\x1ah\xac\xd8\x00(z\x80\x97=\xcc8!\x1f\xee\x15\x9f\xc2\x14\xc3\xfd\x0b\xd9F\xd6Z\xf3D\x9cJ\xa4\xf9\x9b\x01k?\x93PAM\x9cg\x80B\xa1P\x1c\x16jH\xd2\x94\x1f3R3\x02|b\xac|\x9a\xae\x04eb\xf8\x8eMo\x18rw\x14!)]?\xd6\xf9\xd0J\x83s\xeb.\xda\xff\xc4AJ~\xd6@\x91\x0cPj\x8c\xcfM\xf7\x11+\x9a\x9d\xbd\xe7\x1f\x0c\x17\xf6\xec_q \xef\xf2\x13i\x96{\xa9&lt;\x8c\x00\x08\'\\\x82\x9c\xda\x00\xd8\xc2\x7fX\x9c\xcf\x15\n\x85b\xef\x90\x9f\xe3\xf2\xca\xde\xd4\xf2fm\x8be\x81d\xc9\r\xc0|^u%\xee\x18\x13z\x83%\xaa\xc8\xc0uy\x12\xbfe\xf6\\ \xc2+\xcc/\x88\x14\x07\xc9\x03\x86\xe2\x04\xe5\xd1{\x10\x1b\x80\xc6XN\x82I\xff\xb4\xde\x7f\x1e\x1d\x10\xec\x1c\xb9\xeb\x9a\xee\xbb\xed~\x15#9\xd3m\xa2\xb2tZ\x15\n\xc5\xe1\xa2\x88\xfez\x94(\x82\xe3\xcc~\xc6\x0f\x82\xcccJ\xd6?\xf4D1\x8e\xd8\xed,_i\x0c\x9f\n$\xaaKE\x052\xda\x9f\x89\xe4\xaf=\x91\xa5:\x7f\x03`\xf5j3F\x97\x85\x0c\xc6\t\x8a\xd6o\xa5\xca\xb0\x07F\xf2\x8c\x04vk\'\xb8\x88bTR\xca\x82\xfd\xf1j\xb9\xa9\xaf\t\xd0w\x00\x048&gt;\xae4\x02@\xfc\x80\xf7\x89g\x8f\xe2\xd3R\xf7\xc7\xed\n\x85BQ\x88\x95\x8f\x87%\xe8\xa9\x99\xcd\xd1\x7f#\xd9\xbdN{\t\x9e\x9e\x1a\xb5]\x05\xb3\xb0\xb4\xf7\x84\xf4\x9f\xeb\\\xfb\x0b\xcck\xbc\x01\xb0\xf1wG\xf4J\xc0\xb2\xff\t\xc7d\xd3G1k\x01\x01\x10n@\x8d\x9aI%\xeb\xb4S\x81=\xa8{k\x9c@P\xff\xccG\xa9\x91=@\xc9\x06@\xa1P(\x8e\x06\x10\x00\xe1\xb5\xad.\xe7\xc4\x92l\x80\xb8\x17h\xb1\x1f\xd6\x9bO\x18\xc6\x03\xa3\xf6\xa0\x84g\xec:\xd7\x95(\xcf&amp;tx\xf8\xa0\x85\xbc1\xa6\xc5\x95\x88\xc9n\xa4\xea\xf2\xcb\x1a\xef\x17\xcf\xf4\xe1\x82\xc8:\r\xe2\x1b\xfe\x00\x11\x11\xe1\xc3#F\xfbK*\x8er\x08g\xfe\x85\xc0\x06\xc0\x9a5\xb2\x81\xe6\r\x85Bq\xa4\x81\x08\x88W\xa8J\x85\xd1[\x01\x1f\x8bHn\xc1\x18z0\xddk/\xf5\xc3\xd9{p\xed\xe3&gt;\x01\xa8@\xb0.\xf6+{\x07v\x1e|4\xe1\xff\x1d(bN\xed\x06_kl\x91cO\x1f\x10\xcf\xd6\x96$\xd0@\x1d%\x7fp\xdaZ\xfe\xa5F\xc6l&gt;\x7f\xfb\x02s\x03\x10=\xdd7$\x9c&gt;\xd5@\xa1P(\x0e\x02\xdb"\xf1k\xec\x04\x97\xc1_\x89\xce\xa55\xa9Y\x16\xfeq\xc1\x87\x9b3\x10d\xd5&lt;\x8d\x9cQKx&amp;X\x18\xc7%\x10\x8a11\xe7\x87g\x84b\xb2gt\xfd\xa5\xbb\xee\xfa`y\xae\xd8\x81Dz\xb9e\xb2a?h\xeb\xbdS\r\xa4\x86p\x1dK\xd4\x17\r\xa7]\xcd}rBel\x85B\xa184d\xa7\xb9\x9a\xe2]\x9cL\x9bV\xd0\x86e\x92\xa6\xd4F\x91\xae\xb7\xedb%nq&amp;"\xcc\xfe\x8ff\xe5C\xfb\xe7\xa3\xe9\x84f\xe8\x1a]e\xc1\xfc\x99\xbas\x81m\xc7\xabt#\x91\xfbLU\x11\xe0V\xde\x8bo\xb7\x1a\xb4\r\x15;!\x13\tp\xef\\\xaaP(\x14Ld\x12\xbe\xaa\xe2\x8d\x08\xbf\x99\xdb\xf1\xda5[\x8e\xbe\xf0\xdd\x12b\xd5b\x7f\x88\xca\x98\x0b\xb6\xb4\xad\x19\xe7Jl\x00\x8en\xe5s6i?=\xaa~\xd8\x0f\xc4g\xa7$\x9e\xa5\x96\x80\xc5\xcb\x1b\xa7\xaf=\xc9\x90\x0e|\x86\xed\xcdW\x8f\x8d\r\x02|\x03\x00/\xe6$@D\x80c[\xeaU(\x14\x8a\x95\xd1\x8d\xf0\x95\x9c\xe5\xd8\x94th\x10\xbc\xc14\xfe^vi\x11\xba\x13LN\\\xa6\xbb\xac\xa2{\x9f=\xf1\xb6"\x13\xf5\x13\xba\x8d\xb4\xe7\x0fv,\x9a\xb2$\x9fA6H8\xff\x08\xf0*9i\x07\x03t\xf6\x00\x1e\xff6\x7f\x8e\x88A\xf8\x85\xca\xc9B\x07{r\x81J\xa1P(\xaa\xd0-\xd9\x15\x9c\x84\xd9Iyl\xd8\xa6\xa2_T\xac\xearc{\xab\x90\x92\x1dW\xea4`UMG\xfee\xac\x8b\xcb\xec\x8e-0\xfaD\x0f\x89\x84\xd3\xca\xe7\x14\x89?\x8d4\xd2U\x13\xf9\xdc\xb5/\t\xe7 \xb0}&amp;&lt;\xb9\xfa\x96\x81\r@\xa4\xbf\x95r\xcb\xcdp#&lt;\xd5v\xa4%\xa0P(\x14C\xc1\xcd\x8f\xf8!\x97=\xb0n\xc0Ko\x00\xdamu\xf06\x84\x9d\xe1\r\x00\xe0OXE\xeb\x97\xe3\xe5\x8d~\xf7Y\xf8\x8c}\xadO\x7f*-pO\xfd\xc0\xc7|\x86\xfa\xb9H\x9b\xe2\xe5\x13\x0e\xe0A`^\x81\x93I\x11\tN\xb9\xfe\xf1\xb0\x7fs\xa6^\xa0\xf3C7\xb8\x0f\x01\xbcS\x7f\xee\x15\xaf\xea\x02\x91\x9awOa\x9d:\x85B\xa1\x18\x0bRI\xcd\xa6\x08&gt;\x81\xc8\x91#\x98po\x9f\xcc\xef\x85@\xaa\x92\x01\x84\xf8\xd3\xfc1\x00\x96\xec\xd8\xf0\xd3\x15K\x0e=\x14\xb5*\xab_i#6\x04\xfe\x167.\x81\xdf8J\n\xcb\'\x8e\x8c\xdf\xd1nG\x88n\x00\xfe.\xbe\xcf\x99_wi+\xc3\xc9\x82~\xcbU\xcd\x93\x99\xbd\xfa\x1aE\x02WlEX&gt;.\xac\x9a\xabq\xb0U\xa0P(\x14\xe3\x81"\x10\xf2]\xb2,\x91\xcd\xddQ\xb1W\rT\xa9\x0c\x03\xc2\x1e\xd8\xd6\xec/\x95\x99\x9d\x05\xd9\x89\x08\xe3\xc6\rd\xf6\xae\xd6\xb5q\x9b\x17\xa5\x91\xbf/q)\x81\xd3b\x93\r/\x86=\xb4\\\xa0&lt;X\xf9\x84\xcfnS$\xcf&lt;/7\xdf\xfd?\x86\x9dM\xe82\xc3T&amp;.\x97\xabz]\x12\xec\x97\t\xdeD\x9fOd?\xac\x1b\x00\x85B\xa1H\xc2\xba\xd09\xb1\xa2X\xf6l\x94g\xdb\x88=\xd6\x1b\x9a\xb0R[\xf2:7\x10\xaa\x18\xed\xca\xe8]\xad\xed\x19\x8f\xe0\xe7\xe3\xdd\x99\x1b\x80\xbb\xcfg\xd2\xff\xedt\xd9\xfe\xfaV\xbe\xe5\x11{\x00p\xbe\xa2])\xb03\x8aB\x17\x01\x00~\x88p\x11\xc1\xc1\xb6zDpd\xf9(\xb9\x01h\xe8\x8a/\xd8Z\x10\x01&gt;\xd9D\x91B\xa1P\x1c\x1e,"\x1bm\x86\xd8\x82\xe9\xb6+\x121\xb1\xa2\x1a\x11\x11\xe1\xcc\xd9\x8f\x11d\xf4\xb2\x1b74\xa4\x06U\xb3\x90}\x84|\xa7\x84\xc7"\xef&gt;9\xc3\xces &lt;\x16\xc1Z2(\xb8Q|\xac\xf1\xd8j\xef6\x00\xb5\xbcPr\xb0\xad6\x00G\x16\xc1\r\x00k\xd62\xbd=K6\x17\xda\xfa\x1f\x08Q(\x14\x8a\xc3B3\x9eaR\x81\x1f6\x90\xdf\x19\xf7_\xdb\x00\x13\x18\xf8\xb9\xa3\x01\xa9\x98a\xc4U\xb8AF\xa57Ig\xacU\\\x08O\xd7\xdcx\xa1#\x12\xbb\xdc\xd0\xdd\xa1}\xa1;;#\xf3y!-g?\xc1}\x88\xd4\xdc\x906\x08n\x00\xc4GdI~\xae\xf9\x86n\x00\x14\n\x85b?P\xca\x03\x14YX\xe1\xb0\x13\x11\x8f\xaf\xdd\x00\xdc?L\xdc\x11\x11\x1f\xc2?\xf0\xfb{\xcea9w;\xc1k67\xe6m?\xec.\xc4\xabA\t\xc3/\x9f\xb7\xcc\\\xad\x9e\x17^\x9c|\xb5\t\xcbl\x02\x86\x912\xf9p\x05\x87\x847\x00M\x14Qk\x7f_\xc2@\xa1P(\x14k"\xff\x16\xf2\xbe\x82\xfb\x14^t?\x86p\xf6$a\x8d\x14l\x84\x1f\x91\x1cbw\xb2\xfe\x89\xbc\x83\xe4\xd0\tz\x17\xe4\x1cx?o\xdb\xf29|\x83\xdb\r\xca\xe1X\xc5\x0e4\xc7^O\n\xfd\xbe\x97m\xb9\x01hq\x86-\xf8\xac) \xa1\xd5e\x98\x98LgwwMw\x9b\'h\xcf\xee\n\x1c\xf9\xc5P\xe6\xe3&amp;!u\n\x85B\xd1\x05\xfbs\x9aut\x80p\xfc\xae\xe4\xec\xed\xec\xa0\xf7\x03\xd5H\xf8\x81L\x98\xdc\x07\x0e\xb9g\xedh|\xcb\x8d\xe1s\xfb\xc5\xf9\x06p\xf1\x8ct\x9bM\xf6\xf1\xbfwz\x9a\xec\xd8\xce\xfe\xdf\xf1f\x8a\xb2\x07\x11\xae\xdakE\xd0G\xbfM\x9f"\x8a3\xe9\xf6!\x87\xf8R\xc4\xfb\xb4\xf9`UT\xa6\x1d\xbaN\xe3\x17Fw\xfb\x8c\xa7\x94\xaevj\x81\x18z\x9b&lt;|P(\x14\x8a\x86`\x17\xfe\x0c\x91r\xa2\x8e$\xbc\xcb\xdc{[Z\x1e\x9e\xdc\x00\x08?\x04\xc8j\xbd8\x16\xbfkl\x00&amp;{\xcc/\xbe\xb4\xae\x94t\xb3\xb09\xb2w5\xad\xd9\xa4w\xc5\x82\xa4\\wkj\xc3\xcb\x9d\xe9\xf6B\xf4}-\xb5\x03\xed\xe1\x8f \xc0\x1d\x0bD\x99\x0cUb\xfanMI@D|{\x8b\x07\x17)\x99V\x86\xfc\x07\xee\xa6\x97\xda\xea\xd3\x92S\x1b\x80%&lt;\xf69K+\x14\x8a\xa3\x8a\xcc\xf3?\x0e~*!\xa43\x86:hG\x1f}\x89\x97\xa0X\xd6\x01\x9e\x90\x01\xb9B\x96\x93~D\x84\xdf\xb5\x19\x92\xeb|\x11\xfe\x94e\x9bb\x8b;8\x93\xd2X\x9d\x15\x15\x06\x81\xee\x06RW\x99\x01\xd6\x1eF`,\xe4v\x9d\xd8#\x89\xc3x(GQ\xf0\xbc\x1cBdW\x13\x9f\x0f\xc8t_t|\xab\x1b\x00\x85B\xb1w\x10\'\x9a{\x96\x07\x03e`%\x9c\x9bb\xff\xe5\xb6\xf1Ov\x0bz\xd5j\xf7\x18\xf6J\xf8u\x9f\x1b\x9d\xc0\xf4\xff\'\xb7F&gt;\xa13\x0b&lt;CGu\x83\xc3\xf8\xe2\xc5}K/\x13\xf8\x96\x8b\x0eP2\x99\x00=\n\xb1\xc2\x11Vz\xe9e\x03\xf0a\xd7\xfe|\xed\xc4\x06\x00\xc9\xf7B\xe7\xfd\xd6\xf3@\xe3im\xc5\x18\x15\n\x85b%\xd8\xe5A\xbaBT\x89\n\x9d\x87\xa1\xf1\xf3\xbb\xcauX\xe9~e\x10\xdc?\xbb\xb8&gt;\xc7\xf8\xf9\xd7\n\xa7C\xaa\x9c\xa7\xe5|u\x88\r\x80\xc7,\x03\xb3 \xa2\x8a9\xd2\x8f\xc8\xa8;\x1c\xbcim\x03\xea\xb2\xe26\xb5^59\xfb\xe2G\xe9\xb2\x1b\x80\xa0\x96\x062\x1d\xf9\x08 \xf6\x08\xc8\xf5\xc9\xbb\x91z\x19\x7fb\xea\x9a^|\xa7yq\xce\xd9\x0c(\x14\n\xc5\xfe\xc1\xe4\x9a\x83|\xcc\x91\xa6\xbf\x1e\'\xab\xe2g\r\x18^)H\xd2\xe9\r?\xd6\xd7}P\xbe}\xf1\xee\x83\x97\xa5\x11\xcd\xa38\x93\xcc#\x91\x11"\xed\x08 \xe9\xe1|\x1eL\xc7\x00\xf7\t\x1bcE?\xe7Ns\x83/HF\x08\x95O\xf6.\x02\xe3\x06\x9f9\x7fD\xaf\xfd\x94\xe3\x93\x9b\x84\xd2\xafa\x83{\x1b\xd0\xcf\x12\n\x85B\xb1\x970R["\x97\xf9%\xe4\xf3\x00W\x15\xb6\xc6\xcf\xc2tv\xc6\xccc!\xfa\xa0w\xed\xa2\xf8 \xa2\xf6\xb0\xadr\xcaO\xe3q\x8d\xe0\xae\x1a\xe416\xc9\xbaN\xb0\x8aL&lt;\x13\xe18\xa5\x1aq|\x9f\xc1qs\x03\x98\x8a\xf9S\xce\xb3\xf9tN\xf7\xd4\x92\xe4\xb4)\xc2\xab\xf1\xf3\xfb\xca\xfb9\xa8\xf7\xd8\xc9B\xc7/\x17M\xd5\xc1\x91*\x88B\xa1P\x94\xc3&lt;\xdb\xc8\xecYIk\x82"-\xc2\xe4\xf2\xe3\xb2\x84\x8b\x08\xe7t\xcfo$\r/\x87\x98=\xd8\xe4si;\x87W\xf9\xff\xda\xec\xfdL\xd3+\xc59{\x00\xb6\xd8\xfb\xa5\x9b&lt;\x0f\x01~\x81-\xd0\xc7g\xed\x8f&amp;+H\x88{\xe6\xc2\x81\xcf\xb9f,\x04\\$\x84\x1a\xb7b\x93\x87\x1d-&gt;k/\xda\x1e\xff\x91/\'9\x0b2\xf5H\xa1P(\xbaC4[\x89g@7\xb7\xfa\xaf\x15\xea\xaa\x97\xb0?\x10\x9ebg\x03\x90\xef@n\x85\xde\xbfjJ\xc6?1\x8a\xcaA\t\xc4\xffz\xe8cp\x83\xc8I\xa4\x9d\xa7Pz\xc9\xa9O\x1a\xd6\x84M\xeeg\xb4p\xf1\xab4q\x87\xe99\xf6\xd5\xd9\x92H!\x82\xed\x15\n\x85b\x08\\\x82\x9d\xb0\xcem\\\n\xea\x99\xe3\x10\x00\xe1\xa9\x16_\x94\xc8\xb6\x86\x04M\xd9y g!\xfb\x1e\x05g\xfa\xf6n\x03@\x8d\x0b\x11\x11N.\xf9\x04\xa6\xc2\xf3#``\x83c\xd9\x80\xc9\xf3\xdc\xa9/\x9b\xa6\x06\xf3\xfbO\x87\x9e\xeb\xbe2\xdf\x02\xf5\\w\xefLQY\xce\xdf\xf7\xf5\xa8P(\x8e(\x98\x1cz\xac\x1cW\xcf\xdd\x19\x85\\\x91@\x85\x0f\x0f\xd6\xf3\xc1\r\x80\xd8\x92\x19h\x19f\xa2\xa9\xb5\xbfXAm\xb7\x9e\xbc7\xbc"\xeaX\xc4o\xb26\x00V\x97\xf2\xb4\xd9d\x96\xbf^\xd7}OB\xee\x1eU\xa5!\x1b\xd5\xc5H\xa1P(\x86\x05\xfa\x18\xc4\xa0z\x11rF\x15\x03\xf7\xa6\xb2\xfa(-{\xc38_\x18\x81\xc8D\xef\x87`wN\x9b\xbd\xf2\xde\x14\xde\xcd\r&gt;IY7/\xb3\x91v\xeeF\x91\xcb\xe6\xcb7\x00\x02\x1fi\x15\xc7\x1e\xfd\xf9\x05\x04x\xbd\xfd+\x02|Q&gt;\xd9&gt;q\xc0iR(\x14G\x0cT\x0e\x92II\x04\xfd\x1f\x80|\x8c`\x83SK\n\x9cc\xb9\x94\xdbq\xaeao\xcf\xb46\xc3\xaef\x92g\xbc\xba\xbd\n\x1a9\xae.\x13\x1fa\x03Y\x1b\x80\x97F\x1a\x16X\x16\xc6\x0b\x1d#\x9a\xf1\xbc\x11\xd6\xac\x8b,\x8e\xbemv\xc5\xa25^`\xda`\x1ek\xc1t\xfb\x0cp\xd9\x85f&amp;\xdb\x94\\Qi\n\x85BQ\x02\xa3\x80\xe1\xfc\x82Hz\x1ds\x030\x0c\xac?\x00\x99[\x0cx\xe4\xe3\xfc]\x0f\xde\xee\xbcv=k|\xa2\xb6L\xd3\x9aGw\xb1\xbb\xe6p*D\xc4\x17\x15\xdaV6\x9c_Y\xfa7p\x0b\x95@\xb8\x9c\xbb5\xb2V\xae\x04\xdb\xdb\xdf\xe4\xd9hgh\n\xfcb\x1b-\xe8\x87\xa0\x90\nkk\xb1\xcf\x93\xabP(\xf6\x16\x04;\x17&gt;\xc9C\x80GM\xfb\x8a\xfdE\xc3\xa3_\x80S\x97\xf4J\xef\xa9\xfa\x96\x96\x95\xcb\xd8\xebZo2G\xd9\xcdZ\xdbu\xf7\xad\x82\xcd\xe4\xdc9\xfa\xf7\xb0S\x02\x85\xe9\x91#5\x88U\xf7\x9c=o\xb6(G\x8c\xc3\xc8\x87O\x16tT\xbb\r\x00\x00Y|\x15\n\x85\xa2\x1f\xe6\x13\xcd\x13h\x0e"q\x97\xe2\x0b\xeb\r\x80\x88\x08WB\x16\xdf\xba(""|\xb2\x9b\xe5\xa9\xd2\xd8\x98-\xf1Ji\xb9\x01\xedx@\x81-\xd1\xb7\x10\xce+\xfd\x04 =\xdeZ\x1e\x83\x88pE\xb4de\xa2X\xf5\xda\xd8_\xcb\xc7A\xbb\xb5\xe9\xee\x01\xe4$\xeb\x06@\xa1P\xac\x0b}\xfe\x98@\x8b?\x89U\x81[L\x1b\xb6X\xa93nJ\xac:\xbf\xa6\xdf\xda\x93\xe6\xc44\tP\x04DD\xfc\xa5A"A\x18\x89GI;\xa7]l~\xfe\xe0\xfb\x90\xe3\x16\xbaM\t\xdf\xa7\xc0\x1f\xedzx\x84\xf9K+\xb3wbO%/yX4\x0c\x83E\xf2="\x17\xf0\x82\xafc\xe0W\'t\xc79fR(\x14G\x04;\x8ex\xab\xb5\xed\x18\x13\xf6\xf7C\xb7O\xd0\x1cz\xba\xb4\xf9\x0b\x9a\xfd\xa3ks\x8e\xd9\x88\xef+g\xea\xbfJ\x9a1\xff\n\xf7k\xec@D\xb8;k\x03\xb0?|\xb1\x1b\xc2\xdep\x9c\xf6\x88\xc8\x1e \xa1\xe2$\xb4\xcf\xa3\xa4&gt;\x07\x99C\xee\x0f\xd7c\x8d\xcc^RD^\x8f\xbd\xe3\xa0\xde\x16\xf4\xe1-N\x19\xcc\x00\x0b\x1e\xb8\xd0]\x8f\xc1W.\xbd\xd0\xb8^\xfb2O\xec^\x04\xb0B\xa184\x14\xd4\xf2\x15\xd1\xb5P\xfd\xabE/\xae\xd8Z\x1d\x9b\xca \xc0\x03\xa2\xb3Vz\xf6\x9fM\x1d\xac\xae\xf3\xbcx\xb4l\xa9s\x05\x92\xf9&amp;D\xad\xe3\xf3\xc5\xaa\'\'\x8b|\xc9\x87\x1e\x9f\x17\x92\x93\rs8\xa7\x9a\'\xf1\x87\x05\x94\xd1\xf4\xc6y\xfd\xcb\x15\xf5\xe8\x9e\xc4^\x9e\xd9\xde\xb1\xf0EmlN\x86w\xa0C\xb9\x0fW\xa9\x1d}?\x83Q\xe8\x1c\xb3\x17\xc2\xb7\xa7=\x00"&lt;\xcf\xce\x87\x99S\xa6P(\x14\xe2\x18|3`\x16\xaaN\x1a\xd9\x0e\xb9\xa1\xf9x\xb7PY\xde\xd0Z\x94\xc0\xc7\x16\x0b\xbc&lt;\xb5\x01\x903\x8c\x83\xf3G\xde\x9b\t\xeb\xee\x87\xbf\x89\xd8v:\x91\r\x80\xc1\xa88Qd\xbfkqk\x04x|\x991\xf5\xf0\x06b\xbfZ0\xc5,*\x0f\xf08F;\xa7W\xd7x\xcb~\x00\xd2\xcb\xc2\xec\xd0\xa5"6\xaf\xf7JW\rI\xa5\xed,)\x10\xfbVx\xa7i\xcf\xf25b\x88\x08o3\x05~\xa6d))\x14\n\x85\x1c\xde\xdb\xead\x05\x11\xe0&gt;"r\x8a\xaaTg\x14\x11\xa3"E#\xf9\xc1\xdd\x00t\xb7m\x18W\xbc\xc6%\xa6Y\x0e\xd96&gt;\xff(\x84\x80\xb4\xdc&amp;\xebY\xb2\xe2$\x9ej\xbe\xd5\x9e\xec\xdb+\xea0\xe0\x93h\x9f"w\x15![\x85\xeb\xc0&lt;#\xa7^\x1f\x1d#\\\x11\xe1,\xd3\x89;\xdceec\x00\xbcb\x8a\xf0f:\xda\xbb\xc4\x86B\xa1P\xf4FA]\t\xe1\xc2\x00\xb7\x1d\x8c\xf8\xfa\xe8S\xe9W\x86\xcb\x81\xb8S\x1c\xf9\xba\xc9\xb4\xce\x8a\xbe"\xe0\x1a\xe00*D\xbc4\x9f2v"\xb2\xbd\xc1\xe6\xfd%\x12\xfal\x03&amp;\xc9\x99\t-\x7f\xa4\xfd\xf0D\xcfu\x99\x1b\x00\xe3j{\x1f&lt;:f\xcdb\xff\xd6\xa4\x9b\xf5\xb1\x89a\x8f\xf9Z\xdb(U(\x14\x8aq \x95\xec\xf8\x17*\x14\xcd\xb0\xfe\xa7\xd6\n\x02@\xc0\xd4/\x94\xb2\xd5C%\xf4yH\xf0u!A\x8d\xa9\xf6G\x11\x01^\x9f\xff\x98\xb4\x0f\xfb/\x90O\xfa\xad\xcc\xce\xd6\x11&gt;\x9b\xf7\xe1X\xabk-\xd9\xa9\x8b\xcfS\xf8\xe3\xe8\xd3\xb3\xd5\xcdS(\x14\x8a\xc6\x98\xeb\xa5q\x1b2\xff\x03U\xf0_"\x85\xaa\x17\x0e6\xbf\xcf\x83\xfa\xadU\xd4\xdf4+\x00\x16\xfe]\x89\x12J\xb1O\xe1\xda\x18\xa2L="\xacRr#|\xb0\xf9\x19\xf9\xf5C\xf2\x11&gt;\x1d\xd6\xeb{\xac\xdcim\x07\x98\xb5\x88\xd6\x88\x81\x90m_q\xce\xad\xee3h\x88*\x14\n\x85&lt;\xec/\xd3\x04\xf3Jt\xf4\xb6\x83\x95\x1f\xc9?\xca84\xb2*\x96"\x03\x19\x01\x80\x88\xf8\xa0\x9cY\x08\xcfZQ\xe09\x91\xbf\xc3\xd32$\x1c\n(~^\xb9\x8aC"I\x9f\xaf\x8b\xd6g\x01\x91\'\x121\xd5\x8e\xbb\xfe\xa1\xcac\xe3x\x1b\x8c\xc7\x05\xd5&amp;q\xe5D\xda \x00\xc2\xb9\xddG\x13{Q\xc5\x14\n\x85\xa2\x06v\xbe\xb3s\x9f\x9b\r\xe7Tk\xe7\xc7\x81K{\x04zU\xa9\x19n\xc3v\xec\xad\xf2\xa6\xc0\x88C\xf7\x9d\xc2\xbb\xce\xd3\xa6w\xea\xc8$\x13\x07\x850Ao \xf4\x88\x12\xac\x18\xcb\xb7\xdfE\xe3\x1d\xc3Q7\xaaLV\x07\x99\xeb\xcc\xc2d\xbd\xee\r\xf6^\x89\r\xc0\xf4\xcf\xf2\xf9\x95\x0e\xcfc\n\x85b\x9f!K\xb2\xa3\xb5\xf9\x93[b\x94\xaa\xdf\x8f\xf4^\xdc\xd7\xbci\x8d\xe2h\x11\x14\x12\xc3\r\xbfU\x80]9Kf\x07\xb7t\xbd\x9f\x16^\xdayb8b\xab\xb5\x1c\x18v\xa9f\xfe\xd5\xd9\x00\xc0C\xea]t\xeeCd\xff\xd6\xc3j3\x90\xb2\xcb\xd0\xfb\xb7-\xbf\x04\x00\x00\xc7\x05\x9e\n*\x14\n\xc5\x00\x90MO\xe1\xc2\xec\x9e\xa9\x84\xdf=\x9c\x8a\xce\xf0CZF\x13\xcb\xfa`\x9e\xbe\xb6\x1f\x90\xa8\x14\xbe\xcf\x1ef\xa1+\xff\x10\xe2\xe5\x84\xc1\xa1\xdcr0\xe9B\x04\'n;\xd1\x88\x02kyk\xe1\xbd\x87\xd9H \x9c\x88\xb3\x01`\x89\n\xd5\xbb1F\xaaP(\x8e(6\xf4\xcb\x88\xb0\x01@@\x80\xcdf\xdb\xec\xe2\x00\x1f\x08\xb6O\x80H\x95\x9b\r)j\xd7rRJ\xbc\x17\xe8\xb8Op\xdc\xb1\x81\xdd\x80\xc5\xf5\xcc\xe2\xfb\xf6\x8d\x89\x9d\xe7w\xfa\xa1\xc9\xc0w\xc2\xa1\x91c\xdb\x03\xb1eH,l\x8d\\h\xf2Z)\xaa\xc4\x98z4m\x9b\x85X\x1d\x19,L"\x0c\xb0\x99\x97L\xf3\xf73V\x01\xb7\xe5\xa2\xce\xc9\x08\'\x05\xf8\xfe\xfc\xeb\x8a\xae\xc0i\xb6\xb76\xa0\xbdXvM\xec\xdf\xa3\xe2\xe6\xb8\x05Sl@\xf5\xbe\xc6\x80B\xa1\xd8?\x9c\x80~y\xb3\x01\xd8\xec.,\xef\xd2\xd7\xbfU\x9cVl6\x1b\xd8\xdc\x146\x1b\xd8l\xfee\xb3\x89\xd4\xfe\xcd\x16d\x1e\x9c\xde\xda{l\xc7\xb1\x018{C%\xdf\xbc\xf3\xee\x80\xa9\xec\xa8\xd5\xecG\x9fT\x15\x1d\xafn6\x1b\x87t\xea\x19\x98\x8b\xb6\xa7\xd6\xdb\xad\xd1\x15\x01vsP\xbc\xa0\xa2\xe7\x97v\x00\x05Vm|\x94\xe8\xbco\xb2~SM\x1a2IC|\xb1"\xbcS\xe2\xe8\x9c\x92\xdc\xf3\xf1\x8e\xcc.\x12\x01\xbf\xb7\xfbaMl\x1ff\x00\x18\xe3\xd9\xcc\xff\xb7L\xd6\x94\xc58\xb0\x1a\x16&amp;d\x85B\xa1\xe8\x0b\xefA\'+s5\xaai9\xd8\x9b\x0c\xdb\xb8N\xa3\xf1/\xdb\xaa\xc9\xb0 \x99\xa8\xbc_\xd1\xf2\x86\x86\xb8\xe4\x15\xae\xcb\xb7\x93\r\xf0\xf0\xed\xcf5r\x8c\xcfCSr\xdc\x80\xb9$\xe7fNb\xe0v\xf7\xfb\xf9\x12\xc3\xa8\x18\xe94^y8\x7f\x1f:\xa2"\xeaj\xaf\xb1\xbd~\xadwZ\xa5\x9az\xc9\x88\x9f@\xc7!\xdd\x80_vr\x1d\x1d0\xc5\xb1\x84\x8f\\\xa6/\xb8^Z\xaez\x85B\xa1\xc8\xc0\x94\xaa2sqKVw\x80x\'\xe2y;|9`\xa6\x8ae\x12/\x11&amp;\x13P_\xf5\x1bU\xfa\xedx\xffXT\xe6\x95\xe07\x11L\xcf4=\xa3\xa7WP\xc9^\xce\xc1#-\xc9e.\x9am8\xc9\xeeW\x86+\x02\xa4\xdc:Y`\xf0\xf5\x08\xc3O\xa0h\xa4\x1d\xc0\\\x02\xd1e\x98h&lt;w\x11\x89\xdb\x90\x01\x12\x1e\xa6c\xa3V&amp;&lt;7\xf1\xa0\xc9\xf2UL\xb5\xb4m\xae\xe0\x91\x03U\xa1P\x1c!\x14\x1e\x1eC\xa3\x14\xd9\n\xc5\xa6^C\xd8\x90v@\x84;\x9acD\x80_O\xf5\xe0S\xa8\xe1\xeaV\xa9=\xdc\xa7[;\xf9\x19\'\xb2\x05\xa0\xbf\x84\xb4\x9e\xc0\xd9\xce\xc9\x15\x85\xf0\x11\xe2\xcb\x109\xde\xa6#\xea\xfb\xd6\xb1+#\xd8\x82\xa2\x92\xc8\x1ci7p\x0f\xf539\xe2\xdc\xd2\xdb\x00\xd4?\xf6\xa9\xda\x00\xb0\xb8x\xb5\x9d[\xdc\xcb\x96F\x1a\xef\xb8\xe8\x17#\xe2\x1e&amp;i\x9b\x83\xf1\x03U\xa1P\x1c!\x84r\xfd\x1e\x91{\x0e\x0el8$\xb2\xc7\x98\xc3\x9f\xda\x15\xc5$h\x8d\xa5\xc6\xf0\xba\xb8\xbc\xaa\xcd\xa8\x03D\xffc\x88\x1f\xaa\xdbx\xd8\xb3\x99)\xe4\x9d\xe6\xb6\xc7\xec\xfb\x1a\xa6^/\xa8\xdc\x83\x7fN\xc8}4\xd4!\x8a\xbc\x91\x0e\x87\x82\xb1t^\x92\x0c]\xe9D1}-2"\xc0\xe5\xaa\xed1&lt;\xe6F\x1d\x02\x1c\x9b-\xd1\x8e\xdb\x1a\xc3\xa2\xc2\x15\n\x85bU\xd8\xc9h\xfe\xe1\xde\xd3\xdf2&lt;\x828B\x03\x9f\xeb\x1c\xa7\xdaI\x14\xc52\xe0\xc2\x18\xf6\x00\xceC\x98\xf4!w@H\x9d\xab\xbd\x8b7\xf9}K\x98\x8a\xcf\xc8\xbf\xb7H\xb81\xb9\t`Kb!o\xa4\x99c\x13M\x0e\x94\x1cw,{\x11\xf0.\xfa\x1a\xff\xac\xd0\x06\xe0\xfd\xa5\xf3%\x14K\xba\x01P(\x14\xc3\xc1H=V2\xda\xfd\xfc\xdd\xe5`f_+\x900\x86,\xc6\xfd\xab\xc8G\xb3\x0b\xaaM\x85\xcb\xad\xfdP\xb3\xe7\x0f\xad\xa75&gt;j\x87\n\x0c\x12c_\xb6n\x92To\x00\x9c(eS\xf6\xf7\x90\xa2\x92(\x1a2wpr\xcfKC\xed\xbb\x8d\xa5)p\xf6U\xf3\xcc\xe9&gt;\xa6\xb3\x1d\x88\x08\xf0\x97\x052\xcb\xcd^:\xea\x06@\xa1P\x0c\x04\xfa\xcci\xfa\x7f\xb3\xf0\\p~e\x0cR\xb2&amp;2\xf3u\x17w\xfd\xddzU$\xcah\xe76\x9ey\xc5\x81t*S\xe4\xdf`\xeaKi2\x80]"&lt;*\xdc\xd0nP\x96a\x90\xef\x1c\x9a\x94\x1b\x83\xca\xa1\xec\xa4\xb04\xca\x86\xca\xf6\xfckC\x96\xca\x04R\xed@F\x811\x8av\x03\x99\xe5#|\x17\xcd\x17\xbb,m\xda$\x80\xfb\xc7\xde&gt;\x88\xc9U(\x14\xfb\x86\xb3\xc5\x93\x8e\x9b4\xd7\xcb\xa1\xa3a\x04\x0f\x90\xcfmF0l\x06\xfa\x9bI\xeb\xddJ\xe9\x0e\xc9{(b!]vw)\x83\x14\xe3\xa1\x8c\x01\x00\x80_56\x00\xa7d\xf6\t\x93r\xe2\xa0\x813\xde\x90\xc0\x08\x8a\x06[\xe7y{\x8c\x12\x18\'\x0c\xca0\xcdE\xdbx\xbe\xa0y\xea\xbf8\xed1}\xb4g\xe3c\x83\xe5\x1c\x85BqdqC\xe7w;cvy\x80+\x80\xd2?K\xb3\x07C\xdb\xc1(o\x08\xbf\xe4U;Q=Eb\xcdG\xf0\xe0\xddl\x913\x0eE\xb4 \xc0\x83\x06\xbdk1RL\xda\x14\x8akU\x92\x94\xe7\xf2\xf5\x90\xc0\xb0\xa2U\x1c\x88\xcf,~\xf2\x90\xfa\x94\xc8h,\x96\x8b~\x96\xfb\xb1\xb4z&lt;\x98x\x02\xb9\xfb]\xd7&amp;\x85Bq\xc4\xe1\xe5 \xe3\xfe\xe2\xef!\xc2yF\xc8\x9e\x8d\xb0G\x89\x98b9M\xcc.t\x88_h\x11\x11\xe0a\xadm3\xf4\x16\xee[\x1a\xc7\xc0\x13\xda\x88\x15\x04\xeb\xfa\x8d\xcc- 8q\xa8A\x99\xc0\x10\xb2L\x1d\x001\xf7\xee\xed\xa0\xb6\xe8V&gt;\xbc\xd9\xb7\xe2a-\xef!\x04NF\xf6yN\x15\n\xc5\x81\x00\xdd_\xdd\xcf#r\xb2\xe7\x1e%2cP/\x98\xb2\xb0p"&gt;\xa1\xa84\xe3\xb6\xcf\x89\x90~\xd8\xdd@[\x99\x89\x8d#\x81P\xb1\x94\xd2\n\xed\xcd,\xaf\x8f\xae\x0e\xdc\x85\xb5\x01("+_\xb3\xbaS;\xb7_d{&gt;I\xfa\x0f\x95WU\x0f*\xf1g@\xda\x02\x11~m\x95\r\x80\x13\x0f\xfdC\x02\xb7\xc5\xf4\x11\xd6\x07\x96&gt;\xa7\x1b\x00\x85B1*6^\xba\xbc_2{\xae\x95a\x8b1\xddg\x906\xfbJK\xae?\x9d\x9cT\x04D8/\x02\x9c\xcdxm\xeb\xf3\xef\xc8i\xa9D\xd3z\x86\x00\xe7\xde\xfdx\xb5\x90\x8a\xca\xa9l\xb9\x95\xaa\n3\x04t\xfe\xb2[g\xe0\x8fk(\x94\x10\t\xcbb\xff\x07\xc7\xab\xf6wPs\xfc\xd3\xef\xca+\x0b\x82\xa2\xad\x00\x00 \x00IDAT\xdb\x85\xd91\xed\xef\xff\x18\x07I\x84\x8a\xdd\xeb\xc6\xf2\xd7\'\x00\n\x85bt8I3\x9e\xc1\x97.\xf0\xf3\xfb\x98\xcb$kCw\n2\x9a\xc3G\xb3\'\x0b\x08\xf0\\y\xa12\xfcc\xbfv\xd76\xaaWD.\xf5W^5\x0e\x12\xf1\xff\xf1\x0e\x8f\xb6L\x155\x8b\xd1}\x12\x8e\x13\xb9_B\xce\x89\xba\xe50\xc8\x15\xa5\x81\xaaP(\x86\x84\x9b\xce\x12\x1b\x00#\x91\x1d\xf5\\\xe6Q\x90\xb5\x1dr\x0b\xa6\x01\x89\xdd]v\xf7}\xacj\xe9\xf9zl\xd1A\xfe\x00a\xb02\x98\\\'xH\xac\x1b\x00\x00\xa95\x15\x89\xc66\x1eC\x84\x0b\xae2\x17\xbf\xeb\x93\xf2o\x94\xa7e\x04@8\xa3\xddw:\xda\x0f\x04\xde\xdb#\xe9\xe2\x90\x03U\xa1P\xec1\\\xfe\x9aH\x9a\x0c\xb2{\xb7\xc18\x10\xfbNvf\xb5H\xb1\x90\\\'\xbcpg*m\xad\x9cK\xa72VpZ6\x8f\xf4|\xee\xc0\x8b\x8f\xd9\xfa\xe0\xb2\xae\xae\xb4\xcd.\x9f\xe0A\x8a\xb7\xed3\xaa\xe8\x0e\x8b\xeeG\xd7]\x0b \xc0\xdb\xdak\x99\x94U\xad)K\xcc|\xac\xe3I\xbbB\x9d\xf0\xa1`\x07\x83\xfb\x91\xb6li\xbb\x7f\xff/\xd4=;\xf5\xf5\x8dU\x85B\xa1`a9\xd20_Iva\x88\x95\x05\x02\xbc7\xbf\x13\x02\\\t\xf8i\xb7\xa6\xe8\xda\x8fP\x8a\xb8#xs\x91\xab\x9a\xdb\x81\x98\xf4g\xf3T\xb7e`\xa2ac\xefi\xddR\x8d8\xff}\x8c3Oo\xd9E\xfd\xc3k\x14\xec\xf9\x02\xf1\xeb\xf7z\x1b`{\xb2p \x81Xk\x14{\tC\xde\xd41\x12(fY\xe4\xc6\xc9\xff\xffP\xfb\xc1\xf4\xb1!\x1b\x15\xd6\r\xfe\xeb%\x15\xe6\x1aXn\x98B\xa1PH#\xb3\xb4\xd4\x15\xf5\x8ep\xeaA\x9fcB\x84\x0f\xd5|\x06\xae\xc4\xd4\xa5\xae|\x01\x91[\xe9\xcd\x96\xbb\xc7\x0eY}\x1b\x900Y\x8e2E\xe9\x99\xcdr\x8e\x88\x08\xaf[\xb8\xfe\xae\xa9\xf7p\x7fyH\x92\xbf\xb3\xaa\x894KcF$\x14\xc7[;\x88\xb1\xb1$\xe4l\xb6\x14\xdf\x8a\xd8@\xb6\xc3\'-\xdd\xbe\xbaZ\x03\xf6"c\x17\x83\x8c\x8a\xb2\xf1\xde\xcf\xfb\x08oL#3?\xb4\x0fW\x85B\xa1h\x08\xffx;\x96\x1fE\xebM\x89\xa8R\xa2P\xfb\xd8\x1d\xe0Ku\x12\xf2U\xce\xa33\x07\x9b\x1a\xaf\xed\x90&lt;\xe6\xda\x85\x81\xe5\x82\xb4\xdf\xf9F\x8ee\x98\x96\xe5S\x9b\xdaA\xfd\xb4\xde\'\xe6(\xf8B\x02cg\x1d!\xcb\x7f5\xd6N\xaeL\x90\x10\xdc\xaeC\xf8\xd9\x8b\xe8\xb6\x9c\x05\xd5\x18\x95s\xd4j\x96\x07\x01\x1d\x18\x88\xaf\xc8\x1e\xf5\'x\'\\\xf8\xc7\x88w`\x0b\x1f/[*\x14\n\x05\x17K\xe6\xc2\x85\xfd\xff0\xd6Z\xf847\xbf\x0fA\x14\xda\'\xdf\xc7\xb4W\xe1}\xd2\xc0\xf4\xb6S\xff\xb6\xaf\x95\xd6\xfe\xb0\xd3\xfe{zbp\x95q\xea\x19a\xea\xce\t\x88\x88x\x0c1\x16\x87\x1f\x83D\xa8\x98\x9e\xef\x00\x92\xf7\xcf?\xe0v\xf6C\xe4\xa3\xe9\xd2pW\xdf\x17\xcaT\x9c\x8a\xe4v\x8d\xe9\x94\xb3\x82\xe0\x10\xa8\xf3\xd1\xdb\x00\x14\xc6\xf6\r\xa2\t\xb30\x02\xcd\xbf\x0c\xa0P(\x14\xfb\x85\xacZ+\xcc*\xaa6\x00\xbb\xb4\xfb\x86\xfe\xc9\xb7\x85:\xbb\xe4\xd0\x87UKq\xfaG~\xa1\xf2\xee\x1coq/\xba\xe3\x80e,d\xe7r\xb4\x9fzfE\xde\xbdn\x00\xb1\x1d\x02\xc2\xbd\xe2\xbb\x1a0\x83!\xf2V#&amp;\x1d`cL]_\x89\xb0\xba\xa6fCS\xe1\xab\xe1\xc0\x86c!\x18\x1e\x05\x93h-\x96?%\xb3\xa2\x1d\x81\'\xca20\xdb\x1e\x85B\xa1\x18\x1b\xf4\xf7\x1f\xe7\xde-!\xe4\x96\x132\xfe\xa1K\xabsD\xd1\x96h\xf0\x92\xe9h?\xd2\x11\x9d\xa3\xdf\x1c\'t\xe0X\x11;\x9aPp\xce\xa5\xb5\xb9\xf6;x\xb7\xb0)b^\xa5\x84\x046r\x01+:\xcd2A\x9b\xbe\x1b\x9b\x0b\x0e2o!\xe6\x0e\xf0(\x10\xb5\xc3y\xbe\x91\x1f\x1e\tYs\x8eEDx4\x9a\xef\x01\xe2\xf53\x17\xce\x8a\xe9T\xa1P(:\xe0\\\xe2\x12\xbbQ\x93\xb5K\xa0i\x80Y*hR\xbe\xabm\x8d\xef?\x18\xba\xbab;\xf0\xee\xf5\xd2\xdc_\xb9\xf6 "\xc0\x83\xa5\x14\x19\x93\xdbbt\xe7\xa7\xb4\xd1g\xff\xbc\xeb\xce2\xf0)Z\r\xf2O\x16\x94x90\xce\x11\xd6O\x80&gt;\xb27l^\x84\x88X\xe1\x84\x9cm!\xd3o-\x0cS(\x14\x8a\n\xecC&amp;j\x9e1C\xc9}5\x84\xca\x98\xf3\xfa\xb5dl~V\xf4\xf5\xc9\x86\xda)\xf8\xe7LS\xb1U9O\xa8\xa5\x83A:B\x16-w\xef1.\xc2\xf8\xcb\xac\x11\xf34\x91gc\x17\x84?^\xa2Q(8\x8f,\x96\xed\xdfcFs\xe3\x12\x9f\x81\x8d+\xf5\xd1\x17"Z\x84,\xa9\x96\xd9=\x95)\x14\n\xc5\x1e\x82&lt;e)\x16\x96\xbe\xf72\\R\xc6P\xb5\xf0+\\\xa5\xd9\x89\xda\xb6\xbc{\xfb\x1aE\x91\x9a\x1d\xc0\xd5\x88\r@\x8e\x04k\xd7\x94uHL\xbb"\xd7~\x86\x16\x9c\x9er\x08\xc9L(l$7\xbb\x83\xe5Ib\x8aC #\x90Z#e\xa3h\xe1\x9f\x81\xce\x14H\x18s1\xd4\xe7SO\xec\xd1e:Z\xbc\x8ee\xb9"\x05SfU\xa4\x15&lt;\xb3R(\x14\x8a\x1e\x10\xc9q-Pe\x0foD\x08\xf0\x82\x1a-\xe2\x08\xd5\xb9\xcc\n\x97h\x90*\xa8K\x93\x1c\xdb}&lt;7\x8b\xa8\xcdqH\x82-\xc0\xddB\xb0\xad\x8d\x11\x0b\x80\xeb\xb0\xe5$L\x84\x9e\x1b\x80Z\x90\x7f\x9d\xfa1"T&amp;0\xcf\x0bU\x8a\xb8(\x7frw\xfd\xaa%0\xb5\x0c\xcb\xf6^\xb6&lt;\xec\x9a\xc7\xde.\xf9s\xc5N\x1e\xfb\xac\x1d\t\x88\x00x\x07F*(Z\xefI\xfc\x99\x1d\x93\x05\x183\x06\x14\n\x85b\xc6K38V\xc5\xbb\xb9\xa8\x97\xd6:\xff\xf6\xde5y\xa5\x880\x803\x95^\x95m\x08D\x84\xabel\x00\xc2\xbc\xb0P\x02\xd3\xcc\xb8\xb8h,\x15\x10\xbeF\xd4S\x18\xd5\x04H\x1c\xd6\x91pvgc \r\xf8\xa2\x81\x1b\x0c\xe5\xb4-vQ\xea/\xfcF~\xc8[}\xe8\x9ag8\x90\xb3\xa2s\xd7;\x13\xf8\xae\xc2y$w\xce\n\x85B1\x1e\xa2\xa9\xf3[f\xc3~Um\xf4\xec\xd9\xa8\xe4d[Pv\xae\x89\x88\xf0\xaa&gt;\x96sI\x80\xc1K\xdc\x11eh;\xfd\xeebC\x0es\r7\xfb\x9d\xd4\x05\x89O27\tY\x18\x84;\x0e\xc6\xfe\x11\xbf\xb4DB\x89Iw5\x1e\xbf4^\xbce\xc2\xff\xaa\x99\xab\xe70\xbe\xad\xb7\x01\xb06\x03\xc2J3n\xee\xf9\x1b3\xa7oj\xca\x12\xa3\xe8\x99\xab\x87\xbaX\xa5P(\x14i\x84\x8a\xab\xcf\xc6\x04\xf3ZX\xda\xa8\x1b\x00\xf4h\xc4\xf6\xe5\xce\xe9\xde*\xe4\xd3\x0f\x15\xb4f\xb6\xff\x0b\xc5\xf6\x10\x1e\xc8\xba\xbe\xbf\x87gf6\x95\xbc\xb7\x94\xc8\xbd\xf3C\x17\xd4/1\x04@\xd8t\xd8\x00\xe4o\\\xe5\xb7\x91\xae\x82\xf9@\xbd\x8e\x9e\xf6y\xac\xeak\xa9\x9a\xaf\x06\xbb\xf4\xa4*\xdd\x00(\x14\x8a\x03\x82]8%\xb2\x1b"\xdcq\xcf\xb2$.\xe5\xd3\xf8g\x9c\xa8\xf5\xb4\xc4\xe1\xfd\x88\x08\xc7\xd6\xb0\xff\xe2\x99\xa5\xcb\xf3\xc1\x17\xc2\x06\xc5\xfe?,\x81\xe72f\x96\xf5\x99\x96A\\\xdd\x9e&amp;\xd6t\xe6\xcfZy\xc6\xcbj\xcf\x9fe\x91\xfda\x9em\x81\x9f\xdb!\x90F\xaaF\x9d\xb5\x8eD\xf4\x94oW\x14\n\x85b\x10X\xecP:\xb5\xedc\x8a\xdc:\xe4\xa9\xde+R\xe2s\xd9\xc62)?-\xa4)S\x17\xabF\x96\x9d_\xd2\x96\r9\xd1\xe8\x0e\xbfX\x8e;pSf\xb6p\xd3c\xe8!\xd0\xe9\xa3RG\xc8\x86\x90JQ\xe23n\x8e\xaeC8\xa1\xef\xfev\xc7\xf3&lt;\x15"\x96\xf83\x1b\x14h\x93\xe6\xb5V\xb1P\xd1\xb1\xc6\xd2\x0e~\xc0\xe8u \x85B\xb1\x02N \'\n\xe7\x0c\xb6\xd9l6\x9b\x8d\x90X)9}\x81\x00p;\xe3\xf7\x8d\xc8@\x9enT\xb9\xed%#^\xbfE\xf5\t\xd9\xba\xccj\xb8\\h\x9a\xdf\xe5+7L\xd8\xfcaN\x97U\xf1\x9f\xd6\xd8+\x85m\xc0]\x0e\x1b\x00\xe8[\xf5\xcf\xbbh\x1a\x85i\x08/\xedm@Na\xd9:o\xe0\xfc\x1f\x1b\x9b\xe9]Y/o6\x9b\xeb^\x01\xb6q4\xab\xf0lB\xfa\xe7lX}\xd1vl\xcc\xc8U\xd25o\xa4\xe9\x19Y\xden;\x08J\xfa&amp;\xf0\xbaB\xa1P\x0c\x0c=\xc3\xf0\x908\x8b*?*s\x8f\x1bs\x8a\xbc}p\x9b\xad\x8b\x04\xdb\x80\xd0\xa9\xa4\xd0\xd1]\x03\xb8#m\xa6\x03\xe0\xc6E\xfd\xe8\'\x00\xb1\x19\xa1\x87\xb3\xe2\xc1\xad0:\xc6\x12\xc21\x08p2\xea4wjP\xffx$\x9eQ\x9fM\xbc+\x14\xb4\xe6S\x94E\xdaY(\x81i]\xed?\xaf\xc2\x18\xf2\xf4\xeeI\xc9\x06h\x8e\xb4\xc3\xa7k\x021\xa3P(\x14\xa3\xc3f\x0f\x88\xf0\xfe\x83\xcfb\xef\xcdl\x8f\xf0\xa4D)\xaaH\xfdF\xadjx\xe7\xd8\xbd\xe9\x11B\x8e0\x82w\x0e\\\x08wl\xa0\xb1m\xb5\x92\xb3\xc8\x84=k\xcc^\x1c\x0b\x87\x98;/&amp;\xdbL\x9c\xe5\xb4F\xac\x91\x13x\x9c\r@\x81U\xc1]:\xc0\xfd\x0b\xa4\xe5d\x892\xa4\xd3\x11\xc3\']\x13\xd1\xa2\xeb}C,\x1c\x85B\xa1\x88\xe3\x91\x00\xe0\x96\x87&amp;\xc5\xaf\x14\xad,\x11.\xed\xc9r\xc5\x17\xd3\xa0Vme\xfe%\x00\xc0\x17\x17\xf6?3\x12\x8fa$E\x99\xbf\x12\xefV\xf3\x95#\x8f\x8c@2\\\x9d\xe1sf\x9b|\xb4\x98qDx\xf7V\xec1\xcd\x9el8\x0eo\xaa%\xbe\x01\x08\xf5[f\xb9\x81a\x19h\xbc\xb4\xbd\xaf7H\x92{\xda!\xb9_\n\\\x0f\xcdx\n\x85bO`\xa4N\xb4_\xae&amp;\xb2\x93\xa8z\tB\x964F\x06\x81N\x08\x82\xc7\xc9\x93\'\xb3&amp;Qe\x15\x11\xf1D\xcc\xba\xb5\x8d\x99_A\x80\x13DH\x12zh[\x14\x8fr\xd1\xb5\xfd\xfc\xcc\x0c\xf6/\xf2\x94 \x07\x15\xd3d\xeepV\x9a\xebucl\x99\xe2\'\xaf\x9a\x0fO\xd1nQ?\xd5O\x1bI-\x81wc\xdd\x11[m\xa2\x10\x11\xbf)\xf4\x01#\x85B\xa1h\x8d\x8f\xda\xbfJ%w\xa9/w\x1fd\x03\x902\xa0j\x03\xd0zt\xd6\x87^\x17#\x0b\xbdj\xc6F\xac0S\x85\xbc\x15\x9aU\xf4=\x00\x9b*Y\x9d\x8c\x1fB]\xda\x1c\xe4\xd7m\x00\xa6a\x1e\'k\x17\xd3\x80\x15Y\xdd5\xdb\xd1\xeel4Z\xd4\x05\xec\x9f%+\xf4\x8e\x88\xd1\xbe\xe6Kn\x85\xbf\xf2\x88\xa6#\x85B\xb1\xc7\xe8@\xd7\xf6\x0e\x8c:TQWzT\xf4\xe9\xb8\xf7\xa3"\xc5\x9b\xdf\x11s\xb6p\xe5\xf6,\x13\xb4&gt;=\xea\x8d\x8a\t\xfd\x8b\xd8Ai\x9b\xabh5Q\xb76\xfd]3\xae\xdap\xee\xa1\x8cqf\xb6R\xf2\x85w\x07\x1f\xb6\x9c\xf6n\xd4\xe3\x7f\x85B\xb1\xbf\x88=\xc1\xfc\xdd\xba\x02\xbc\xa7\xc7\xb4,\xda\xb1)\xaf+}\n\xc6\x9b\xfd#\xb6"9\x9c\xab#\xdd\x80\x88\x08\x0f\x9a\'h\x14\x86$\x87\xf4e\x9e\x8a9\xf5/[g\xa9.\xc0V\xcb\xf5\x1bH&gt;p\x04\xf7i\xab\x1a\xb3\xf6Z\xcb\xf7FC7\x9e\xb0\xd0$\x85B\xa1X\t\xef\xcai&lt;P\x11\xea\x07n\x9dCxv\xdb[.X{\xd1Eh\x03\x80\x08?\x1e#\x00\xdeg\x8e\xe5P7\x00\xdcGOEcw\xfa6\x7f\x12\xd5qv\x0e(\x0c.0V\xe2\x1dc\x030\xceI\x04\xa2\xde\xf9Q(\x14{\x88\x9c\xb45\xd2)TG\xb0\xc7[\xf6\xfd\x1eL#\x046\x00`\xd6\xee\xdd\x97\x02e\xe3\xd8\x91\x9eq\xfb\xe4u\x10\xc3\xa4\x90vu%\x837\xe2\x8a\xbc\x05$\x0b\xa6\x85G3\xcf\x04\xb1\xf5\xc6\xbb\x87\xd9\xd9\x0e\xb0\x01@h\xb2\x01\xc0\x9c;&lt;SK\x99\xcc\xacP(\x14]\x91\x97\xb3\x98I\xff+G\xb7r\x07\x07.A\xdfe\xbc\xba\xb3\xe4B\x871A\xab\x13\x91f\xf0\x19y\xf0n\x1e\xc2\x89\xab&gt;\xd2\x8dh\xd0\xa9Y\xc53ZPp\x96\xb4eN\xe7A\xad\x9cR\xfak75\x0e\x17\xe1ko\x00\x10Zl\x00\xd0\xf8\xda\xd0D\xbc\x9d\xc0\xf2\x80n\x00\x14\n\xc5\xbe\xe1z\xf0\x84\xbcO,!\xe2\xff$\xd3\x9c\xd8\xd1\xdd,\xe1\xceF\xa2\xdf\x1a|\x1b\x80\xa7T\xcb\x17G\xbc"F|\x12\xe8\x88\x88\x88\x17\xa0\xbe\xc6\xae\xd1\xfd\xecY\xef0\xcf\xd6\x93p\x0e\xbf\x11\xae\xb1\x17f\'`\x0f\xcaz\r\x10\xe1\'b\xb3c39&lt;\x89\xc1~\x1a0&lt;\x04xa\x81U9\x87\xb2-\xf0\xa4\xee\xdf=\xba\x8c\xdd\xdd\x08\r\x02\x7f\x87\xd6W\xbd\xf7\x83\x80L\x83\xf7\'\xc5Z\xec?\xfc\xc0\xeaq#\xddSR(\x14\n\x17\xfc\xdc\xc4`\x03\xe9\xb3\x93|\xd0y6\xa9\xe2\xbb+d\xde\x8a;\x18\xb6o\x89\xbf\xcf\x05\x00</t>
        </is>
      </c>
      <c r="E884" t="inlineStr">
        <is>
          <t>&lt;class 'numpy.ndarray'&gt;</t>
        </is>
      </c>
    </row>
    <row r="885">
      <c r="A885" s="1" t="n">
        <v>883</v>
      </c>
      <c r="B885" t="inlineStr">
        <is>
          <t>steps_per_sec</t>
        </is>
      </c>
      <c r="C885" t="n">
        <v>9900</v>
      </c>
      <c r="D885" t="inlineStr">
        <is>
          <t>3.0992067</t>
        </is>
      </c>
      <c r="E885" t="inlineStr">
        <is>
          <t>&lt;class 'numpy.ndarray'&gt;</t>
        </is>
      </c>
    </row>
    <row r="886">
      <c r="A886" s="1" t="n">
        <v>884</v>
      </c>
      <c r="B886" t="inlineStr">
        <is>
          <t>Loss/RPNLoss/localization_loss</t>
        </is>
      </c>
      <c r="C886" t="n">
        <v>9900</v>
      </c>
      <c r="D886" t="inlineStr">
        <is>
          <t>0.071289495</t>
        </is>
      </c>
      <c r="E886" t="inlineStr">
        <is>
          <t>&lt;class 'numpy.ndarray'&gt;</t>
        </is>
      </c>
    </row>
    <row r="887">
      <c r="A887" s="1" t="n">
        <v>885</v>
      </c>
      <c r="B887" t="inlineStr">
        <is>
          <t>Loss/RPNLoss/objectness_loss</t>
        </is>
      </c>
      <c r="C887" t="n">
        <v>9900</v>
      </c>
      <c r="D887" t="inlineStr">
        <is>
          <t>0.019722547</t>
        </is>
      </c>
      <c r="E887" t="inlineStr">
        <is>
          <t>&lt;class 'numpy.ndarray'&gt;</t>
        </is>
      </c>
    </row>
    <row r="888">
      <c r="A888" s="1" t="n">
        <v>886</v>
      </c>
      <c r="B888" t="inlineStr">
        <is>
          <t>Loss/BoxClassifierLoss/localization_loss</t>
        </is>
      </c>
      <c r="C888" t="n">
        <v>9900</v>
      </c>
      <c r="D888" t="inlineStr">
        <is>
          <t>0.07851586</t>
        </is>
      </c>
      <c r="E888" t="inlineStr">
        <is>
          <t>&lt;class 'numpy.ndarray'&gt;</t>
        </is>
      </c>
    </row>
    <row r="889">
      <c r="A889" s="1" t="n">
        <v>887</v>
      </c>
      <c r="B889" t="inlineStr">
        <is>
          <t>Loss/BoxClassifierLoss/classification_loss</t>
        </is>
      </c>
      <c r="C889" t="n">
        <v>9900</v>
      </c>
      <c r="D889" t="inlineStr">
        <is>
          <t>0.016332844</t>
        </is>
      </c>
      <c r="E889" t="inlineStr">
        <is>
          <t>&lt;class 'numpy.ndarray'&gt;</t>
        </is>
      </c>
    </row>
    <row r="890">
      <c r="A890" s="1" t="n">
        <v>888</v>
      </c>
      <c r="B890" t="inlineStr">
        <is>
          <t>Loss/regularization_loss</t>
        </is>
      </c>
      <c r="C890" t="n">
        <v>9900</v>
      </c>
      <c r="D890" t="inlineStr">
        <is>
          <t>0.0</t>
        </is>
      </c>
      <c r="E890" t="inlineStr">
        <is>
          <t>&lt;class 'numpy.ndarray'&gt;</t>
        </is>
      </c>
    </row>
    <row r="891">
      <c r="A891" s="1" t="n">
        <v>889</v>
      </c>
      <c r="B891" t="inlineStr">
        <is>
          <t>Loss/total_loss</t>
        </is>
      </c>
      <c r="C891" t="n">
        <v>9900</v>
      </c>
      <c r="D891" t="inlineStr">
        <is>
          <t>0.18586074</t>
        </is>
      </c>
      <c r="E891" t="inlineStr">
        <is>
          <t>&lt;class 'numpy.ndarray'&gt;</t>
        </is>
      </c>
    </row>
    <row r="892">
      <c r="A892" s="1" t="n">
        <v>890</v>
      </c>
      <c r="B892" t="inlineStr">
        <is>
          <t>learning_rate</t>
        </is>
      </c>
      <c r="C892" t="n">
        <v>9900</v>
      </c>
      <c r="D892" t="inlineStr">
        <is>
          <t>0.03936206</t>
        </is>
      </c>
      <c r="E892" t="inlineStr">
        <is>
          <t>&lt;class 'numpy.ndarray'&gt;</t>
        </is>
      </c>
    </row>
    <row r="893">
      <c r="A893" s="1" t="n">
        <v>891</v>
      </c>
      <c r="B893" t="inlineStr">
        <is>
          <t>train_input_images</t>
        </is>
      </c>
      <c r="C893" t="n">
        <v>9900</v>
      </c>
      <c r="D893" t="inlineStr">
        <is>
          <t>[b'1024' b'1024'
 b'\x89PNG\r\n\x1a\n\x00\x00\x00\rIHDR\x00\x00\x04\x00\x00\x00\x04\x00\x08\x02\x00\x00\x00\xf0\x7f\xbc\xd4\x00\x00 \x00IDATx\x9c\xed\xfdy\xf87\xdf_\xd0\xf7\x9d\xf3\xe3F\xfdA\xd0D*\xa0\xa8\x05\x1bB\x8cF\xc3\x16\x10E\x05\x05\xa5\x89\xb1\xee\xb4B\x88\x120\x15\x1a\xf5\x02\x95\xb8%16b\xa01A\xd1\x06#\x06\\\xe2\x92\x80\x97\x98\x0b\x94\xe2\x02"\xa5\x18\xa3h\x1b\xea\x02\x08\x82@\xc0% \x14D_\xfdc\x96\xf7\xecsf\xe6,\xaf\xd79\xcf\xc7\x05\xdf\xdf}\xdf\x9f\xcf{\xdeg\xce\x9c}\x1b\xe7\xae\x13\x11\x11\xb9\xf1A\x00W\xc9\xc4\xbd\x0f;Wan}\x1f\x11w;Z\x1c%\x18\xf0\xd4\x93LD\x06\x04L\x92z[\x15\x80B\xcf\xb2[\xf5\xf9\xf4\xf2\r\xf6%\x18M\x10\xa0\x04\xc6\x10\x01\x008Ge\x19.\xa4eO\xfb\x03\x00\x00\x00hH`\x07\x80yN\x00@\xad\xdeR:\x00\x00\x90\x95w\xce{\x1f\xf2\x9b\xcc\x13\x00\x8f\x18\xeeE\xb3\xd4\x19\x95\xa3\x03\x00\xa01a\xad\x7f\x00O\x99\xcdj]\xe7?\xcd\x10\xc0\xe5~\x05\x1b/\x91\x82\xd9\xdc\t\x00\x00P\xbbq\xc9\xa2\xf7\x8ef\x1bbQ;\x03p\xfb\x80\xbf\xf8\x94\x04\x03\x00\x00\x0b\xa84\x93\x10q\xc4-b\xa1+\t\x00\x00\xa0\xd6k\x1c\x92I\x00\xc4\xa2v\x06\x00\x00\x00\x00@|t\x00\x00\x00P\xbd\xdaS\xcf\x9aX\xe47\x7f\xf2\x0c\xff#\x0e:\x00\xc0\xcc\xbdZ\x96#\x1a\x00\xe3\xc8\xbfP\x8a&amp;?R\xa0\x03\x90\x1d\xa38\xaa\xddn\xfd_\xde\x9e\xc5x\x1e\xa0\x89\x0f|;\x04\x90\xdb\x902I\xa0\x88\xe8M\xe9\x00\xb4\x87:F\xb1\x87mr\x91\xd0\xc7K\xeb\x1f@8:\'\x8d#\x01 ::\x00\xc0\xcb\x8dBv\xda\x94\xa7\x8c6D\xd9\x83\x13F\xf7\x00\\2y?\x00\xa5\x07.c\t\x10\xb40\xb7\xcbm\x11\xda+%\xb0\xa5\xdb4\xcdN\xa2\xb2[\x7f\xbf\x8f\xaa\xd7\xb6\x00\x8d\x98\xe782 .\xb3[\xeb\xa0:\xe1\x0bhT\x10\x11\xe7\xbd\xef\x8a\xddK\x030\x8d\x0c\xdb\x88H\xf9\x1b\xec\xa2z+\x18\xcaf\x00\x0c#&amp;\x81\xfc\x16\xaf\x07VQ\xde\xc2\x14\x92\x0b\x90\xd1|\x94\xe6\xa4\xbc\x16\x11\xc3-\xaa\xbe\x83T:\x18\x83!\xe6\xc7 \xd1l\x8d\xa8\xef\x06;\xf68\x01942\x8a\x84\xa4X\x02\x04d"\x97Z\xff\xe6\xd7\t\xe9:Se\x8cL&amp;\xca\x13\xd2\xf4\xc4\x81\xea\xa9*ca\x0e\x1d\x00 \xab\xab\x05v\xd5\r\xd6|\xb7v\x10\xedT\xa2\xcfy\xaf\xab\xbf\x07T\x8f\x1c\x87\x878\x05\x08\xc8\xa7+\xb2)\xb6\x07\x19c\xc2{\xd7\xef\xd6\x98\xfd\x03u(\x00sh\xfd\xe39\xb33\x005\x0f\x8b\xa2N\x14\xd9e\xadb\xbf\x1b\xb4\xe6\xa1\x00\x00\x9acp\x06`\xdc\xccW8\x1c\x00,y\xe7\xfe\x7f)9\x80&amp;\xc8k\xd2\x8f\\\x0f\xd8\'\xc2\x99\xd3h\x02I\x1d\x00n\xeb\xcb\xcf\x0f\xa5\x08\x05\xca\x89\xdb\x88\xa1U\x84F$M\xea\xe4#@\x01\xf2`:\x92s\xb5\xf0\xe7P\xa2\x02+\x0cd\x02\x19}\xf4y^\x93\x89\x0c!\x02\x8a\xd0\x9e\xc2?\xbf\x0b\x9e\xe2\x10"\xd4X\x9c\xf24aC\x9e\x85q2\xbc\x8e\x93ux@B\xe1/\xb7\xe2=2h\xc1\x8d\x17u\x037P\xa2\xc2\x9c&lt;\x9b\x80M\xe4\x08a\x9f\x10l\x9b\x8ft\x1e\xbf\x19\xdeD\x9e\x04\x00C(Wa\x08\x89uD\x07\x005\x08\x9f\x04\x00\x00L\x1d\x8f\x9b\x00\xa8\x8f\xeeu\xa2\x00\x00 9Z\x02h\x05=]\xe0\xb6W\xb7\x91A#\x00\xc0m"\xe2\x9d\xe3\xe5\xe4\xc8\xc6\xe0\x8b\xc0\x00\x05\x982\x02\x00\xc4D\xe3\x1f\x19\xbd\xa5t\x00\x00\xf3\x18\xfe\x07\x00&lt;\xf1\xec\x8d\xc5\x1c?\x8a\xcb\x98\x01\x00\xee\xf0CqK\xeb\x1f\x00\xf0\xd8\xcd\xaadr\x02i\xbc\xb0\xa0\x01\xa4\x17\x00\'8\x19\x03\x00\x14Z,F\xa5\xa0F8\x96\x00\x0182T0\xcc/\x03\x80.\xd3\x16?\xad\x7f\x00@T\xecx\x06\x00\xbd(\xa2\x01\x00Yp\x0e\x12P#\xa1\xc3\x0f\xb4\x80M\xc0\x00n\xe3\xfd\xd9@=^\xdbI\xcb\x86\x03@z\xec\x01@{D\x9c{\xdf\xc8W\x946Oa\xa3\x9d\x00T\xa3\xc1\x12\x0c\x00\x80{\xfe\x0b\x19\x95\x0e\n\x00\xdc$BQ\x06\x00@\x80I}I\x95\t\xc0\xb2/\xa2\x1c\x03\x10\x8c\xd1\x02\xdcSE\xca\xb1\x1e~\x00\x00\xd0\xa2\x0b{\x00\xaah\xb1\xbd\xd4t/(\xa4\xa2\x15\xf0u\xe5n\x00\x00p\xe0\xf2&amp;\xe0\xb7\xa1\x95\x80\x18\xbc\xf7\xfe\xcf\x96\x0e\x04\x06\xe4\xea\xf2\xe8\x83\x01\x00\x14\xda\\\xeb\xcc\xeag\xa0\x02\x95\xcd\xefY\xc4f\x12\x00@6\x17f\x00\xbc\xef\xde3\xbd^\xf6P\xd1B\x08\xa0\x15\xaf\x86&amp;M\x7f\r|_\x8eR\x9c\x02\x00\x92\xbb\xfa"\xb0e\xe5\xe4=\xd5\x15\x00&lt;Gi\n\x00\xc8\x84\x17\x81\x01m\x1a\x1b\x9b\x7f\xbed(\xb4bV\x04\x00\x00\x00h\x05;"\x00\x00uc\xca\x19\x00\x96D\x84\x159\x002\x9b\x0e=P\x04!)\x96\x00\x01\xc0&amp;&amp;\x01\x00\xe4\xb3\x9ax\x14\xe7\xc41\x1b\x894\xaen\x02\xae\x8c\x88\xb8\x9d\xa3\x8d\x004M\xc49\x170\x0f0\x14"\x00\xda46\xdc\x93\x8c\xd9\xbf\xd3\xee\x96$\xa6\x08\xf0\x043\x00@;8f&gt;&gt;"\x14@\xe7\xd1\xf6\xa1\x8d\x0fz\xe7\xbc|\xeb\xb30\x01;\x1a\xef\x00t\xaf6\xb8\xd5\x87fV\x0e\xf6\xdcM\xed\xed\xe9F\xd6\x02F\xff\xa5\xfb\x9f\xe4\x01\x02`\xc4\xbdn\xc0\xce\x07\x8e\xafC\xc9\x83\xfb\x1a\xef\x00&lt;\xc0\xd4\x1bP\xb5\xf0\xc5\x81T\xc2\x00\x16\xa2\x9c$\xc6\xd8\x02\xd2\xd1\xd3\x01`q\x02\x80\xb5R\xc5\xc2\xf9l\xc9O\xa3r\x06\xb0\xb3\x16\xdf\xfb/\x88p\xe5\x87?\x07\xf6iI=i\xf7\xd0\x00-\xe9r\x13Y)\x03\n.\x00\x83\xd7\xa0\xff\xbd\x02a~\x06\xa8\x1bZh\xe2\xb6\xa6\x02\xbcc%\x02\xaa\xd0\xaf\x99cD\r\x88\x83\xac\x94\x05\x05\x17\x96\x9a\x9b\xcd\x16\xa9\xfe\x96\xdf1\xdfW}\xc4vL\xca\\\xed\x11\x8e\x1cTu\x1fEYx\x00\x00\x08\xb5X\xf6\xdd\xc8\xbc\x10S\x8e\x80E\xe4X\x00\x00"\xd8\xdc\xf7\xd9@\xcb\xb8\xbb\xeb\xeao\x13\xa8\x8a\x9eM\xc0@iO\x8ep\x06\xaaBF\xb8c\xa7\xad_}dr\xbe0`\x0f\x1d\x00K\x1e\xbdd\x04\xa7\xa8\xc2\x00\xe7\\\xb7\xe3\x90\xa2\xe6\x96\x8d&gt;\x00\x11\x89\x0c\xdeQ\xd8K\x89K\xde\x94\x0e\x00\xa0G\x03s\xf5@\x80\xf0w `\xcd{?\x1b\xa9\xf1\x1fX.,\xa8\xdfbX\x90\xcd\x94\x08d\xa6\x03P\xd76#r(\x00\xcd(\xa0\x1e\xa9\xa5\xaa\x82=$=\x042\x94R\xeai4\xd7\xd5\x99y\xe1Lt\x00\xa8\x86\x880\x17d\xc0|\n\x80\xfa\x17\x81\xcc\xcc\x00P\x06)\xc7\xe6\x04\x00\xa8FW\xa4\x8b0\xa2\xac\x1eM~\xdcri\x130;P\xe3"2\x01\x00\xfaP\xd7\x03\xb5\xe3\x14\xa0\x02\xbc\xf7\x19\xe6UK\x9d\x06\xc0PD{x-\xa5\x12\x19\x9e\x02\x0f\xba\t&lt;\xe6\npl \x8e\xd1Z\xab\x96\x88\xe4\x9c\x18\xacuc\x03\x8eM6~8\r\xe5I\xb3\xe90\xc3\x0e\x1c6\xf94ED\xbccK\xa9i2\xac\xe0\xe2!\xe29z\x93\xd8E\xdah]\xea\xd1\xa6\x90\xeb\xb79\xe8%\x83\n\xbe\x05j\xf0\xac\xeb\xc0C\x04\x90\x0c\xcd\x02\x05\x1ah\x9c\xd5}wO%\x8f\x9c\xfa\x13\x18fx\xd6U \xcfb\x07{\x00\x10\x07\x13\xc5\x85\xb5P\xc8\x93\xc8\x8e$\x8f\x1c?\xec^B\x1bx\xd6\x97\xe8\xec\x1ek\x0c\x13\x940t\x0chM\xeay\xa7\xc1D}wd\nM3\x00\x11TY=%74\xb4u\xc5\x1e\xcd\x7f\x1c\xa8b\x06\x804^\x1a\x8dO\x00\x8a\xb0]\xe1&gt;\n\xf3\x1b\x86\xe6?)\x0evT\xd1\x01\xf0\xffN\xe9\x10\\E\t\xbb\x8bj\x1b\xc03\xff\'J\x10d\xa5;\xc1Q\xa5b\x93\xca\x96(\xef\x1elX\xb3\xc78\x02\x08p\xbe\xc4\x82\xe3J\x81\xde\x90\x198\x0c\x14k*\xf7\x00((\xb5i\x86\xa2\x84\xee\xd8fR\x1d\xb0ah\xcc\x1c\xbf\xe1\xe4K2\x85\x06(a1\x9c\x7fR_x?,K\xa2Z\x01\x02p\xdcuQ-G;\xa9\x0e\xd85\x14\xcb\xbf4\xe4\x17Y\x8e\x8d\xfa\xc8J\xc8G\xc8\x0b\xd8D\xa7pi\x9a\xa3\x18\x8b\x85\x1a\xba\x0e\x97\x00\xf2k\xf5\xdd\xb4\xe4}\x93\xa2\xaf#\xd8l\xee\xd3J\xc1mUl\x02\x8e\xca\xfb\xef\x18\xfe@\xbe\x02\x00-\xbc\xf7\xed\xb5\xfe\x1d\xad\x7f\xec\xa1\x95\x82\'H=\x00\x00\x00z\x89H\xd7\xda\x1f\xa7\x01h\xfd\x03\x008\xe8\r\x00\xaa\xc4\xa6D$\xc1\x12 \xa0\x06\x8c\x06e@\x1d\x0c \xb1E!C\xa9\x83T\x94v\x00H\xf2\x91|\xda\xe2\xd8\x80\xd2\xe1\x89\xa6\xbe;z\x8a\xa8\x00\x00\xf3fC9\xaf\x05?\x05B\x82\xcaiLT\xfd\xdey\xd7\xe0i\x0fiL\x9a\xc9\xd5\x8c\x13\xf3\xae\x9f\x15\x8e\n\xc9\x80H\xce\x8c\x08G\xcbd\xb2\xe2\xdf\x91\x17\x10\x97\xd2\x19\x00\xe7H\xea\xf1\xd0Dn\x02O9\x83\xa3H\xee\xa7\xa4&gt;\xe5d*\x86i\xab+\xde\xbdt\x00\xee\x98&gt;\xe2l\x13\x95\xa4\xab\xdaQ\xc2\xa3\x15_^:\x00\x95\xa9\xeeU ,\x01\x822!\t\x92\xa5k\rx=\xdfl\xcb/IW\xb5\xe2\xb1\x02@\\1\x8bT\x11i\xfb\x05\xc6p\xce9\x11\xf9\x96\xb0\x0e@\x9e\xf0 \x81k\xcf.S\x07\xa0\xc6]^\x00R{S:\x00@."\xc3j(\x89\xba\xb4Xf\xd7F\xab\x02\xb7\xa3\x90N,\x9a\xb4\xad%|\xdf\x91\xf7&gt;C\xa3\x9cV?\x80\x1b\xa8\x8b\xa0W\xdc\xed\xe0\xc3\x8bTH\xf3(AD\xd8\xc9g\x8f\x88\xcc\xda\xf1\xdaN\x1dXt0\xb4\x05\x0f\x80Z\xcc\x00@\xbbX\x83\xf5\xb5V\x8d}7\xa9\xd2\xbb\xab\xc6\xc10\xad\xc8\x85Ae\xe4d\xeb\xad\xab\x06\x82\x08@\rJ\x0c(\xc79\x80\xa8C?V\xbb\x9a\x04\xe8\xc7\x98\xcb\x04\n\'\xb4\x97?\xd3\x19\x00\xe6\x97\x00\x84S|\x0c(\xe0\x1c\xf5\x19j\xd1\xa7d\x91\xd5\xb2\x8d\xdf^"8\x08b\xab\xfc\xb1\x15Z\x00%Q^\xe0\x80\xf6\xd1\xaf\xb8XK\x83\xa4\xe6\x83\xb5c2k+\x97!\xae\x9dD\x05\x03D\x84\x17\x9e\xa2 53\x00\x1ca\xa6PK\x0fDC\xf2\xd3\x10\x063,\xc7\xd5\xbc\xa1F\xf5\x8f\x08h\xfd\xdb\xd2\x95\xf6B\xb1\x8fr\xcao\x02\x9e\xa7\xfe\xe3\xc10\x86\xca\xf2\xa2F\xc9\xa8\xe9j`\xb8\xf9\x0b\x8d\x18\x83i\x93&amp;\x1a\xa2\xf3\xde\xf7\xe7\x1a\xc3\x92\xd9\x03\xe3\x18\x00\x14Q\xbe\x03p\x059\x04\xa9P\xfe\x96re\x08`\x8a\xe7\x05t&lt;\xb9\xc1\x1a\xdf\xd6\x0c;TR\xb3\x04\xa8s\x96#x\xd9\xa1\x15\xbc\x1c\xf7*\xef\xbd\xffU\xa5\x03Q\x8e\xf7W\xcf0!u\x01\x00pS\xbc\xb7\xa1\xde\xdd@y\xe9=&amp;j\xdf\xc6\x82\x05\xe64\xeb\x16\xf1\xadj\xec\xbd\x06\xd0\x9a\xbd\xa1LJBd\x13s\x06\xe0^\xba]$\xf7\xfd1~\xc6\xfe\x01m"dI\xaa;\x00\xe8\xd0\xceA6\xd1:\x00\xde\xfbXU\xf9VG\x82La\x0c\xc3\x18\xeaD]\x94\xd5\xe5w\x11\xe7\xde\xe9\xf15\xbd\'\xb5\x00h\x8a\xa7\xdcCi\xca\xf6\x00\xf4\xd6\xb9\x82|\x02\xeb\nwa%M\x10\xe4[\xe2_\x13(ML\x9f3\x0b\x00\xa7tv\x00\x80\xca\xc8\xfa\xfd\xaf\x99\xf9a\x9b-\x803F2\xcb\xfbq\xd6\x82m~K\xe9@\xa1\x15*\x8e\x01\xf5\xdeOv\xf7\x96\r\x0b\x10\x1f\x83\x89@\x87\x83\x1cb\xa1\xd2\x04\xf0\x84\xc2\x19\x00\n3\xd4\xa6\xab\xa1O\xeai\x83G\xdcz\x9aq\xb8\xc2\\\n\x07\x80Zi\xe9\x00x\xff\xfbK\x07\x01-K\xdd.\xf1\xa7\xbb\xe4M\xb6\x8ch\xfd\xe3\x16\xfa\x8d\xcf\xb1b\x04\xc0\x13f\xca\x8e\xe9\xd0\x11E\x1e\xea\xc3q\xf8\x00\x00\x00K\xef\xc0\xf41\xea\xc5[\xae\x01\x00\x00\x80\x86\xd0\x01\x00\x00\x00y&lt;\xdb\x03@{\x05\x88$\xda\x8b\xf4\x00\xf4\xa8\xa1\x00 \x01\x89\xfanQ\x00\x00\x00\x00\xa9=?\x05\x88QK\x00\x00\x10\x19\x0b#\x81t\xb4\x1c\x03\n\xd3(\xa6\x9f\x90A\xe9\x80 \x80\xd6\xc7D\x12z\x86\xa8K\xa2{\x05z\xe9P\x00\xd8\xf0\xa8\x03\xc0\x91\x85\x00\xda\xa1\xb8\x89\xfd\x87J\x07\xc0\xb8$\xcfu\xec\xd8kM5\x89u\xd9E\x1e\xbc\x00\xce\x7f9\xcd\x0c\xe7\x18$\x020\x93\xbc^\xa1\xac\xc9\xa4+\xd9\x7f\x04\x85\xbbv\xaa\xeb\xe0\x96\x1b\x9a:\xc9D\xc8\xaf\'\x0fPv\x17c\x00\xdb\x88F$\x92`\t\x10\xc94\xbd~X)Y4w\xcf0\xc6s$%\x84\xfa\x06\x06\xba\xb4S\xfd\x80N_5\x8d\xac\x9a\xaf\x04?\xb1\xf9\x18\x88b\xfe\n\xd4\x82\x01\x01\x02\xa4\x9f\xf4l\xbdX\xf9L\x91\x84C\x02\xf1.\xce\x88\x05*\xc3(;\x82MK\xd1\x16\xd3L\x05\xe3\xd6\xe5\x1f\xdf\x9d\x00X\x8dm\xe4\x97\xa6G\xf9Vq\xdfM_5\x95Ey\x1ak\x89\xe4f1\xfd\xe4\xe2\xdd\x05Y\xc1\t\xa0A}\x01\xe8\xda\x1d\xb9\x1d\xaa\x00grnj^#\xc6\xae\xc8$(ND\xdc\x85\xd8{\x85\x98j\x17!H%\xf6\xcc\xe7\x04\xa3=\xc1\xf1\xb2~\xf2\xff\x0f/\x18\x18&lt;\xdb\xf5\x04\x00\xa02\t:\x00\x0f\x07\xefN\xc7\xd4\x12\r\x0e\xa2V\x1c\x03\x8a\x9e\xf7\xde\xff\x05\xe7\xbdw\x91\x16\x13_-}\xfe.S\x97\x8f\x18\x9ej\x07\x00U\xe6\xad\xff\x08\xd7[\x97\xcf\x97\xd6GM~s\xf7#\xfe\x9b&amp;\x7f\xa6\xf1\x8f3\xa4\x11\x83\x86\x92\xa0\x8e\xfe}\xa2\t\x8d\xc5\xf5\xeb\x88\xabC"\xd2\xc2m\x02@j\xb3\x96\xf9\xf3r\xf5\xa0\xa1\x7f\xb0HlZy\xa5\xae(\xd1 f\x00\xd4\x10q\xee\x7f\x1b\xf4\x9b\xbe\x978@5hiP&lt;Z\x92\xf8\xbf6\x14i@B\xe5w\x91\xe2\x96\xc8E\xe0\xe1\xe5\xf6~6\xaf\xbc&gt;"bp\x80\x0e\x8d\xc8\x99\xf0e\xeb5}uYI\x076^\x1b\x1b\x9a\x8c\xdb\xbb\xc26\xa8\x01\xd87)|\x1c\x19\xca\x96\xd8\x8b\xe9OF\xa26\xaf\xbf\xa8\xbcHN\x88\x8e\x19\x80\xb52\xa355\xb5P[\x1aw\xafR=I\x11\x0f\x99&gt;\xc6\xb1\xa0\xc5\x0e\xd2b\xe1\x80\nG\t\xe04q\xac2 \xc9\tq\xbc)\x1d\x00\x85\xc8]\x8f\\m.\xf8\xa1\xcb\x95\xab\x0b\xd4\x07\xb0\xa6\x1e\x17\x10\x9d\xdev\xbf\x88\xf2\x1d\x8e,\xd7\xb6\xce{\x1fw\xf3\xd8\xf4:\xcb\x9c\xe5\xbf\xfb\xf4\xe3\x7fPmf\x04\xaa\xa1\xb7\xce\xcb\'F\x0c\\\x8e\xc6T\xd1\xbe\xf1.\x1e\xe3\xef\xa6\x01\xf2\xd0\xf9"\'\x13\xab\xea\xd5D\x9d\x88\x08\xef$ViL\x1e_{\xf2\x1bC*\xe2Q":f\x00^J\x17\xd6\xa5\xbc\x16|\x0f1\xf0x7\xc2\xe5\x8fg\x1c$\xf3\xca\x1b\x0f\x80.\xaa\xc6\xb0\x87\xec\xab(H\x07JG\x9d\xef\x07cZ\xdd`\xa6\xd8\xe5\x07\xc2\x13Dt\xec\x01\x98\xf1\xfe\xbdJ\x07!\xbf\xb1Xy\xb5\x8bk\xec\x0b\xf9\xe9\x1f(K\x81c^\xe7ic\xdfP:\x00g\x14\x1e&lt;\xa0%\x1c\x08\xc6*2dp/aUxHH3\xa7\xc5\x1f\x9a\x94:uD\x85\xc2\xca\x18\xc0m"\xa2\xfc\x14\x14\xdek\x8e\xe7\xe8\x00 \x03\x96\x009\xe7\xa2\x9f\xfak\x8a\x88\x8cE\x0c%\r\x00\xc5\xa24\xac\x93\xf6"(D\xf1\x10\xad\x7f\xe4A\x07\xc0\xb96\xd6\x84\xefMq\xac\xef]\xd1d\xc8\xe3w\x1e\xab\xb8\x0b\x00\xd1Dz\'k\x85\xd3\xd8\x08\xa1\xfd\x8d\xe9\xb4\xfe\x91\xcd\xbd=\x00$\xcaj\x8d\xa5\x8f\x86m\x00\xe5C\x00\xa8&amp;\xc3\xff!\xc8\xabX\xf3?\xa8h@P\xca\xa36u\x7f&amp;O\x96\xca\x91\xd6?R3\xbf\tX\xc1Qk6\x1c\xef\xe7\xd3qh\xdd\x92\xd2m\x88\x80\x02cS\xa4;\xe7\xa5tp\xcc\xf9\xb1\xa5\x03\x80B\xeeV(\xaf\xd1\xb1xa\xd9s)\x8c:\xabo\xe8g\xbb\x03@\x8a\x7fn\xaf\xa0\xa1\xd9\rh6?\xb1\x8c\xdcz\xd5\x97\x95\x0e\x00l\xc9\xd4\xd8\x18\xc6\xbcBs\xf4\x1f\xa3\x15\x84\xbblW\x1b\x11\xcfx\xc9\xb4\xf0]\xe5;,7\xfbQ\x91\xa2\xc2\xdcJ[\xed+D\x81)E;vl\xf8\xc7"o\xe7\x881\\\xb4\xa8%\xf5\xa4\x1f\xf6\x0c\xe06\xdb3\x00\xcfR\xfb2?\xa7\xce&lt;\xfd\x1b,\xf3\xf7\xd7\xcf\xbe\x91Rc\xc4`\nl!\xf3^\xf4\xf6D\x18\x9e\xdbx\xc7&lt;`\x8d\xed\x0e\xc0\xfd\xd1\xe5\x8flh\xf5\xd0\x8d^G\xbcV\x85\xad\xca\xb6\x994\xd1\xb4\xca\xea\xec\x9a\xee%\xcc\xd3]\x98l+B4"\x85\x97"\x93\x96q\x9b\xf9\xb4#\xb7^r^d\xde\\\xf9K\xa9\x94\x07/\x9b{)\n@\x06\x14S(\xe2\xb8\x95Oj\x84E\xe6\xdf\x03@\xc6\x8b\x85\x98\xec\x10\x0f\x80N\xf3F\x98\xb9\xfdE0\xcc{\x7f\xd8\x07 5\xc2\x1e\xf3\x1d\x80{h\xe4\x01\x80e\x94\xe1\xd0\x83\xd4\x08{\xac\xef\x01\xb0\xa4?\xdc\x8b\xbe\x07\xea\xc2\x11\xd4\x00j7=lgV\x8fS\xa7\x03\x00\xda\xc3;h\x90\xd5\xff@bC\t"\x94u\x00\x00t\xa8\x14\x01\xb4\xc0tY\xf7\x896\x83\x8d\xa4\x98\xba\x02p\x1f\xa7\xb2\x00h\xc1\xab\xacs\xf6N\xdf\x14\x11\xef\x1dM&gt;L\xb1\x07\x00I\xf4#%\x8c:\xd4\x83G\t\xa0]\xe3\x18G\x89\xa2\xf0\xfd\x0b|\'\xb0fw\x16\x0cy\xc8\x04\rG\x00@\rfU[\x9cK\xc5\x08\xd6\xdao\x9c\xd7\xbc\xd4\xc5\x88D"\xe6\x01TG\xe6J\x07\xc7\x80\xfa"\xea\x17P\xd9\x00\xa8Q\xa4\xe2Z\xd6"\x04\xee\xf0\xcb(\x93\xb1p\xe7=\x00go\xc4\xc0\x1d\xef.\xf25\xce9\xcbk\xa9I\x15p\xe3k\xb6Yl\n\x98\xf4]"ou\x96k\xa2\xa4"E\x8b\x0fh\x8e\xcfj\xd4\x18\xdf\xcb\x03\xc5\xcc\xcd\x17\x81ui\x91\x06_,R\xe9\x1b.\xa9B\x00\xc0\x90\xae\xf5\x8f\xd4N{\x00\x11\x9bWT\xc4\xd8\xc4&amp;\xe0S\xddNV\xba:\x87D\x9c\xfb\xf5\xd3\x7fX\xbc*\x05\x07\xbc\xf7\xc4\x15\x00\r\xfe\x88s\xce\xde!7\x06\xcd\x8b\xfdE\x15\xb0\x1e]e\xbc\x15Ha7_eZ\xcbn{\xd1\xfc|\xb3\xaf\xd5\xbb@D\x05\xd6\x9b\x92\xe4P\x97\x9fBA\xda\xb2\x8d-\x02W\x13\xc3\xf8)R\x11v\xd0\xcdw;Kn\x96\xd9-\xdd\x18\xed\xf4\x9b,\x8e\x04\x0fk\xbe\x195B\xafO\x12\xa4\x07\xe0\x16\xeb\x95B\xed\xba\xa7\x93\xa3I0\xbat\x8a\xff\xe2\n$!lR\xb8\x04(\x7fou#o\xe4\xec3wy\xd3\xee:\x10\xdf\xdd\x82\xcd\xc0\x1f\xe3\xf0\x84{\xec&amp;\xe6\xa5\x0f\'\x01\xa0\x80:rO\x95\x8a\x8c\xaa\xf3\x0e/\xa4@\x92\xea\x88\xc8\xac\x97\x9c\xbc\x03\xfd\xf7\xc4\xfdP"_\xbb1\x19T\xd2\x9c\xc5E$\x80\xd6\x0c\x93W\xaex\xe5\xa8\'$X\x98\xcdp\x8aH\xec\xf2a\xd5\xfcp\x97\xd2\xc0z\x02\x81\xe2\x0b\x9b\x14\xce\x004A\xde\x85U\xcb\xcd1\xbb\xcd\xa3uT\x9f\xad\x18\xf2\xa6\x86&lt;:\xa4:\xd2\x9e:\xd3\x19\xce\xd4)\xc5\x8f\xff\xb9}\x05\x8a/\xec\xa0\x03\xd0\xd9]\xb1\x90b1\x03M@sxd\xed\x19\xc7\xfe\xcb\x06\x03\xf9\xc8\xc1\xdf\x02\xbd-\x0b\xc6\x9a\x13\xbd\x88\xe8\x1a\x1d\xbek\xbb?\xbb:\xad\x7f\x1c\xb8\xf9\x1e\x00\xdc\xc6\xa2\x02CB^\xd6\x82\xd8\xca\xbf\x07c\\}A&amp;m\xd8\x8dG/\xf2\xbd\xfd\x1fH9\x8dH\xf6\xa0\xef\xbfJ\x91\xb4\x87@9f\x00~\xb6\xd9]t\t\xf2\x11\xad\x7fS|?\x03\x14\xe5y\r\xbb\xbd?\xed\xf9\xa5jV\xba\xa8\xf8\x11\xcc\xf6\xe0\xa6\xdd]d7/G5\x01 \x99,\xe5KW\x14\x9a\xda\xcc\xc49\x86@\x15\xca\xcf\'\xc0\x90\x87%?\xc7w\x02h\xd7\xe2\xe4D\xcb\xaf\xb8\xaa\x01\x07Y\x02hJ_\xe8\xfd\xc5{\x85\x1eE%\x00\xdc3o\xe8\xd3\x01(\x8a\x98\xc75$\x18X\'"\xee\xa3H\xc3\xd0\x82a8\xe8\x94`\x13\xf0|\xde\xd3{\xdf\xb5\'\xfe\x9d\xf8\xdf\x84S\xccB[\xb4|+E9}_@G`Z!\xc2\x16\xd2G\x88=\xe8!\x93\xb3e\xb3%L\xce\x1aA\x88\x1c\xa7\x00\x91\x04\x81p}\xd1\x9d\xb3\xba\x98\x98\xbet\x86\x99\x80\xfc\x98~\x01\xf0\xcc\xab\x0ca4\x01\x07x\x0f\x00\xa0R\xb1B{\xf9\xc5T\x1f9\x11\xd9@\n\xc5\x177f\x1c\xfe\xcf\xf4E\x00`\x9c\xe5\xf2\xb2x\xad\x06\x00\xfa\x15,*\xf3o\x00\x98l\xbc\xa4v\xc0.f\x00\x92\xeb\xf3!\xad4\xadd\xfcO\xf7W\x83O\x8an\x00\x90C\x99\\F\xd6\x8e\xa0\x7f\xa5K\xa1\xaf.7\xb7\xc7\x9c"v\xf1&amp;\xe0\xb6\xf0~\x83\x85\xa1\xddl2Bdu\xe2\x96\xe3\xe1*\xc3n\xbc\xaa\x94y\x88\xbf\xf5\xf1\x15\xc4\t\x8b\xf9\x1a\xb2U\xda\xf0F\x14,\x91 \x92S\xd5,S\x15\x18\x05l\x9fr\xb39\xea_\xf2^\nm\\\xd6\x8c\x1c\x87\xb2\xe8\x82\xc2\xb1\x1b\x18[\xaaY\x02\xa4w\tD\xc1\x99G\x1c3\xdd\xfaw\xc3\x88\x9e\x1f\x94\x0e\x0e\xe3\t\xdb\xfc/&lt;\xfa\xa9\xda\x82\x0b\x95!\xa55\x8f\x04\x80JQ\xba\xe1\xa2\xefG\x9aIE\xe43\x89\xdb zG.\x9a%"\xee\xdf\xaa\xe7\xa1\xc8\\\xe9\xe0\xa0\x0c\x1e=\x00LQ&amp;&amp;\xc1\xc6\xf7pT\xcc\xaa\xd4\xd7P^v\x00&gt;\xa2\x9e[\xc3JUI\x17\xa91g\x0f 2\x96\x1d\xc3\xa8\xea\x92\xee\xb2A8}\xd3\x1f*\xd3\xef8rl\xf8F\x10N\x01\x02\x90\x04u\x10\xcc\xa9\xa5\xdd\xdf[\xb5\xfe\xab\xba\xbb\xe7D\xa4\xbe\x1e\x11\xc7\xfd P5\x9b\x80\x01\xc4\xf3l\x15\xc4\xb0)\x99j\x08(\x88\xd5 G\xba"\xae\xca%3,\x04B\x88::\x00\xaf\xc6\n\xaf\xbe\x03"\x88v\xac\x10\xf9\x11(\x83\xe1\xff\xc6P\xd2\xe2\x9a\x92\x1d\x80\xab\x9dT\x11q\xeegn\xfe\xc8\xff\xd2\xd9\xdf\xee\x87\t\xa8^\xd6=\x8e\xcc\x03\x00\xe5\xf9\xaf,\x1d\x02\xad\xaa\xe9\x171\xe8\x8f\xab\n&amp;}\x11\xb9\xf6\xbe\xba\xf5+u\xaa\xdb\xb0\x05$\xc7\xab\xa9\x80\x06\x0co9tl\xc7)\'\xe3\xbb\x11\xa7\xc3:\x14\xef\x08Ql\x06`\xaf\xb7\xda\xfd\xfb\xde\x08\xe5f\xeb\x1f\x00\x00L\xfc\xf1~+\x0em\xc1B\xba\x99\xd6l\r\x95\xf1u\x90&lt;p\x04J\x9eR\xe6\xbb\xec\xfb\xd1\xfd\xd3\x91\xfba\x90\xb2\xfb\xc4\xd1\xef\x1c_\xa7\x1d\xc4\x06\x80g8&gt;\x04\x88\xe6\xb0\x9dC^Cy\xc9g\x00f\x87\x81\x0cmT\xef\xdc\xcf9l\xa7v}Y\x91\xa3]-4s\x8f0=\x02\xc4Ty\x86\xaa\xeb\xe5W\x80r\x0f[/\xe4U\xc09r\xc2\xa8\xb2\x17X\xaaR6by\xac\x00`K\xb2\xb7JS\xd1#\x12R\x12p\xaah\xe7\xaa\xf1\xe2\xfe\x03K\x07\x00\x00\xeeh\xbb\xe8\x86z"\xe2\xdc\x17\x94\x0e\x05\xb0MD\xae.gJQ\xe6\x96\x9d]i\xb7\x16\xf9\xbc\xcbO\x1f\x00rj\xb7|\x86}\xa4]h\xb55\x85z\xda\x16OS\x1c7&gt;\x0c_\x08q\x8e\xb6\xb1\xb0\xd3\x82\x90\x07\xf4\x1f\xa5\x0e\xc4\x11R\x11\xb6\xc4\xd9G\xcb\xc9\xe2Ha}\x8aB\xc17?\x88\x08)\x1c@N\xed\xd6\xad\x19O\xd0\xcf`~\x1cb\xee\xaf\xee\xfeP*\x00P+\xca)@\xf4,Q\xbf\xc6\xea`\xd6\xde\x00*4V\xf2\xf4d\xfcO\x9e\xaf\xca\xf05%\nT\x06\xfeq J\x07\xc0\x8fo\xa0\x00"\xfa\xb8\xe5?\xfcb\xe7\x9c\x0f\xad\x11\xc5t\xd7\xb4\xfc\xd4?9\x1a\x88\xe6f^n\xb6b\xcd3\\-\xc3\xcb\xbaR\x7f\xd1\xf8uy\xbe\x08\x08\xd1h\xe1\x02\x1b\x86\xf2\xd2{\xdf\xfd9\xfc=\x87\x05\xa7\\\x01`\xaa\xdd\x95&lt;\xaa\xf5\x15L\x86\x9a\xa2\xdc\xe2\xd5W\xa7\x83\n\x11\x0boJ\x07\x00\xd87-,/\x16\x9c\x14v\x00\x80}~\x98\x99y\xd5\x14I\xbbj%z\x80\xde\xf4L8\x92J\xfe&amp;`\xa0\x10Z\xff\xe61c\x8e*\x90\x8c\x95\xca\xb9z\x99\xf9\x1fh\xd3u\x00\xc6\xc3\x16)\xa7\x00hA\x8d\x89*0\x1diF\xa2\xc7D\xeb\x1f\ny7\x1ff#\x99\xe2:\xa9\xacvc\xc1\xaeb\xb5%6\x00Hd\xde\xbas\x14\x9e\x98\x9a-\x01\xa2\xc5\x83[\xaaJ6M,;1{\x8f"m&lt; \x00\x88\xac\xaa\x9a\x1a\x00"+\x7f\xfef\xe2`(\xb9A4\x81\xc4\x06\xc5\xf6\x13g%\x89VD(\xf0\xb1\x87M\xc0\xc0\x12Sa@\x1c\xbc"\x06Z\xfdu\x11\xb7\xd3\x07\xc8\xf9r\x80\xa4\xfc{\x87\xbf9\x07\xc0u\xf4\xb0sj$\xb6\x93\xdef\x0b\x11\x08\xe8\xd4H\t\xa6\xdf\xfe\xe8\xb8\x88\xf0*t\xd4\x8f\x19\x80\x08\xe8]\xe7\xe4}\x9c\xf1\x8c\x96\xaba\xff\x8bK\x87\xa0i\xb4-\x00\xbd\xba\xdcYM\x16\x15\x91\x7fH\x81\x83-4]\xd1\xa2r\xefe\x04\x1cg\x195M\x84sA5\xd8;\xed\xad\xa6S\xe08\xe3\x11\x07H\x10h\x93\x88P \x02\x00\xaaE\x07\x00\x07\xfa%@-/\x870\xa1\x7f@\xdd!\x88&lt;\xa9\x08\xd8\x9b\x88\xea\xfd\xf8\xd2\x01\x00\xf0\xc4\xa3\xba~\xd5T\xa0\xe5\x80\x99\xbe\rT\xd3\x9cW}\xd6-~\x9e\x14\x80c"BA\x01\x98\xf5\xaa\xf9\xefe\xe4E\xcb\x81\x17\x81a\xa1\x9f\x01\xe0\xa0(+|\x7f\xac\x1e]y\x00\'\x98-\x04\x02i&gt;2_g\xa8`\xdd\xb0\x04\x88\x14\xa6\x98\xf7\xde\xfbO\x9a\x9f~Co\xed\x91\xdf-3\xa5\x83\x03DG\xaa\xd6\x8a\x02G\x9fi-\xa0\xa6F\xa0\x96G\x1eZR&lt;0\x93\xa2\x81.+\xce}A\xdc\xaf0m\x88\x13\xca\x04\xc3\xe8\xdc\xaa\xc5CQh\xa3RP\xf0\x98\x1e\x8eR\xad\xaa\xb9\xf2w\x04U\xe8b\x06a5\xed\rQ"-\xc1\xee\x94\x8d\xb2\x94\x87;\xe2\xd4\x88:p\xd0-\x10n\xb3\x85\xada\xd1\xfc\x93\x1ap\xb5\x07\x80\xa2\x003\xbc\x08\xec\x1c\x036\x05y\x1f\xfd=k\xcb\xcbQ,\xa2j\xed\x14_\xed\xdc)r\xd0P\xf3\x0f\xbb\xfe\xee}v\xfb\xcf@\'B\x07\xa0\x99\xa9\xa5\x16\xee1\xb5\x1bq\xe8\xa3\x8f\xc1L\xcbSZ\xff\xa8\x9b\x86FL\x16\xdd@M+w\x8b\xb8*\xad\x08\xfc\xa8\xf8T\x06\x14z\xf3\xfc\x12\x95\xe6\x9c%\x11\xfa\xd0\xcf\xf9qB\xa5l\xb2i$\xd1&gt;A\x14\xdd\xa6\xeaTe\x15\x81Ho\\\xf1T6\x18\xa8\x0c\xab\x7fQ1\x96\x00\x85\xa2\x10\xb8j\xa7\xdc\xdcx\xefz\xac\xdd\x8a\xecz|\xae\x1f,"\xb9\xdf\xf5J\x81E\x93b\xf7\x00}\x82%t:y\xff\x07J\x07\x01\x86\xedU\x1c\xe5r\x8f,\xf6\xf0\x96\n\x07\xd0\xb4f\xd68\x15\xf1\x13"\x1e\xb9\xd0_\xeaW\xf0\xb0j\xa0\xb0\xce\x13\x11\xe7&gt;\xe7\xf4w\xa8\xb3\x01[\xd6\xa7\x00\xa9\xc8\xc2_\xf54$\x8a\xee\x05@Ub\x14+?7^\xc1D1W\x11\x85\x8f\xf2B\x90\x185\x00lQ\xd7\xfa\x1fDi\xfdS"a\xad\x89\xd9\xe1B\xc4x\xf4\x8as\xde\r\x0b\xf67~\xcc9\x83\x0f\x88\xa6e\xe2SJ\x02\xa6$\x18\x0b\xc2\x82`\xa0R\xebv\xb6\xf5\xcc\xbe\xb8#\r\xa7\x9aB\x15\xf6\x00$\xa1i\xf8\xe0\x9enUN?hp|3\xd6o\xb5\x04\xcb1\xd6\xf0\xe3&gt;l\x0f\xb4\x1b-@\x05&gt;\xb9\xcc\xd7\xe6\x1c\x9e\xa7\xf5\x8f\x19\x12\x04\xb6\xad\x06\x0f66\xef\x1e\xfc\xb4(\xf5s/C\xdcy\xe7\x9c\x7f\xe3\xdc\xf7i\x0fpv:g\x00\x00\x18%"\xc7C\xe0\xcb*\xcf\xe5\xd8\x02\xac\xb8\x1aE\xfd\x98\x01\xc06=\x85\xd1k\t\xe3\xbb\x9d\x8f\x91\xd8\x98{\xf9/\x87?x\'\xf2}\xdddK\xc9\xf0\x00\x91\xa8Z&lt;\x8d}U=\xa3\xd3U\xfb\xdd\x8f\xae\xbd)BK\x05\x08\x00e\x1cMM\xe6\xd9,\xa5sc\xd6\r\xd3\xc0O\xee%\xe6\xdd\xd5\x11Q\xb0+Q\xc2\xeb\x934\xa9:\x86\xfa\xca\x87W\xa1\xb7s_\xaf_\xf8i\'\xcbY\'\xe5g\xb6("a\xa3\x0cf\x00p\xec\xe8\r\x82\xaf\x97\x0c^q\xbb\xeey\xf0N\xf4\xf2\x86!\xa8q\xe7\xf4\x18\xad\xe6n\x89\xba\n\xbb\x92fQR\x1eN\xec\xa4\xbe\xd7?\xbf\xef\xe1\xa7g\xa97[\xc9\xdc\xca\xcb:\x00&lt;a\xbe\x06\xbc5&gt;]\xc3x\xd5\xe1\x8d\x0f?\xfa9\xd1f\x00*H*@\x87I\xad\xb8\xea+\x1f\x02RHh\x12"\xa5\x01P\xc8L\xc1tP\x86\x0e?\xfa\xfa\xccAR\xc0\xcc\xe3\x03T)\xdf\x01 \xe7\xda\x17=\t\xd1U\x00\xac\xec\xbbD6\xdf\x19\xd0\x01\x00\x80\x00\xffw)\xdf\x01\x88\xa1\xbeq\xf7\xc6iK\x93\xda\xc2\x03\xfd"\xac&lt;\x9b,kf\x1d[db\xff\xc5C\x06\x93\x87\xfaSD\x81\x96teH\x9ec\x19\x131X\x0c\xc2\x92i\xd3\x9f4\x86@q7\x01\xd3\x01\x8d\x8c\x9c\x9c\xdfY\x12f\x18\xcf\x8caH\xecK8g\xc3\xb4\xfe\xa8\x81\x8b\x85a\r\x03\xa2\xd6\xc3\xaf@\r\xc9\x00H\x83\x19\x00\xa4US\xf2`\x94E\xb7\xf9\xd4\xcdV\xb5\x1f\xf2\xd4R\xa7\xd8\n\xa6\xf5\xf4\x9b&lt;\xc4\xfe\x7f\xcb\x85\xa5#"\x97R\xd4+\xf9\xaaJ-b\xea\r}\xed\x94\xd8\xdf+\xf2\xb6\xc3\x9f\xeb\xbeSD\x14a\x06\xa0Kk\xa4\xb9\xca\xc8\xc4\x93\xeb\x0cG\x85fH\x1e\x8c\xcd_S\xdb\xc0\x98\x1c\xfcM\x91\x9a\x8a\xca\xa1|\xf8\xb6\xd2\x019\xa6!\xc2\xaf\x95\x81\xf3\xac\x99#-\xf7\x8f\xf2\xa4LP\x9b\xabZ\xf7\xfdJ\x07\x00\x16\xc5X\x02d\xfaxvlR\xd74\x94\xd5\x1f\xa6?\x9aT^YB^Qr\xd7\xf6\xa0\x1f8+\x85\x02\x9f\x9a\xf7\x1f\xf1&lt;,m\x91w,\x1d\x82\x03\x163k\xb9\xbel@\x1e\xa2\xba\xd7\x88g\x82\xebH5\x15\x11\x89\xb8IN\xd9B\x85\xe3\x8d\xb9\xb3\xb1l\xef]\xa2\x84]\xc1f\xc4)e\x8f8\xb2\xe9"\x10\x91\xcbO\xad\xee\xc8\x89E\xed\x82\x10\xeb+\x0f\xe7kW\\\x86\x9aZ\xed\xa3|\xa2\x9d%@\xae\xd2\'\x08\xe0\\\x1d\'\xe5\xdd%\x0b\xa9\xbf.\xf1\xf5\x11\xc3\xbf\xf80%|u\xb4\x90\xd4\x8cuw\xc9\xbcJ3\x9b1\xac\xa02j\xbbZ\x04N\xd0Y\xac\x83\xd2\x1dcy\xe4\x1c\xe6\xb1&gt;\xb2\x08\xc0\x10\xbb\xc3\xba\xc5\xe7\xd0\x9a\x1a\xfe\x07n\xb8\xb6\x07 `\x93\x90R\x8c\x01\x98\xb7\xff\x04\xfdD\xc6\xe0\x88#]U\x8d\xb1C\x94\xf5J~\xe6\xd2a\xe1\x00\x93s\x81s\x97:\x00\xe2\x1cs\x06*\xd5^\xd6\r\xc5y\xf9\xfb\x1c\xfb\x18c&gt;\xa0\xa6\xa9\xcct\xdd\x05\xe3\x86\xc1\xfa\\@vH\xc1\\\x9cv\x01.\x96\x18~\xc4\xeco\xd9\x87\xff\xcd=.4\xea\xcd\xf5\x8f|a\xfcP\xa4\xc7\x0c`\x05\xa2nr\xbe\x8f\xb4T\xb3\xffrl\xc8v\xff\xcb\xb3\x0e\xd4E\x94\x909\xa2a\x05\xcbm\xdf\xe0\xbd\xeb7\xfeg\xfe\xe6\xae\xcf\xf3\xb6N\xbe\x8fG\x86\xca0\xba\xa3\xd60l\xf9\xf6\xa5\x03\x12\xdf\x87d\xdd\xe0{\x8d\xb6\xf0\xe0\xa1t\xbb\xc9\x15\xa6^h6I\x84\xf6\x92\x8d\xce\xe2:\x836\xef\x1aF\xd1I\xadG\xf1MW\x89,\xca\xd3*\xef1\x9e\xe3\xf3Rqb]yGIo\xec\x1d\xc7Ub\xf9\xd0\xe1v\x13\xbc\x92yj @\x8c\x17\x81M}\x14}\xdfb\x9a+j\xb1\xc2\xd8\x13P\r\xef\xbd\xfd\xd6dcE\x92\xf9\xe7\x85\x86DN\xac\xb5\x0eB\xe3T\xba\xe3\xea\xf2\xbf\x13\xc7\x12\x06\x9c\xa2J4\x03\xd0]\x9a\'\x85F\xc8t\x0f\r\xc9\x1eP)\xee\x0c@c}}\x0c\x86\xd6\x7f\x92\x8b\xcf/K]2`\xb5iz1;\xb4\xf6\x9bA\xa48\x00\xc0\x06\xaa\x07#&gt;\xa4t\x00\xee!i-4\xba\xcd\x0e\xa54\xbb\xb3\x13W\xbd\x92\n\xa9%*\xbb\xfb\xc2Q=\xd2%\x90\xd1O\xa3~=\xa0*fN\x02c\xa2R\xa7\x03\x80@$\x95D\xe8\x00\x00H\x8a\x82{\xe5\xbd\xd4F\x88\xda\x80\x15\xa5\xac\xf1q:\x14\xaa\xbf\xb5\x94\xee\x80TT\x89D\x92\xc2\x83\xdc\xc7\xe3\x00p*\xb0\x88i\xa5\x1d@\x8b\x07\x8f\xcd;\x00\xeb\x14\xa5\x7fT\x8f\x0e@\x16\xefZ:\x001\x90B\xf4\xd1_\xc2 \xbf\xd8\xc7\x80ZBf\xd8\xe1\xfd\xc6\xde\xc7\xb1@\xef\xfe0\x14\xf0\xd5\x17\xf4\xb5\xdf\x1f\xb2\x98\x9e\xe78$\xa9\xf9\xf1V^\xf7\x06w\xb2A\x1e\xdfX:\x00OICU\xc3\xfa\x06\xff\x1fis\xca\xdd(\xad\xfeY\x00HE\x0e\x95\x0e]\x80\x07\x81\xb4t\x9bM\x9a\'E\xcd\x8fi\x126\x03\xa1]0\x98\xeb\x91\x9d\xc9\xda\xe1\xa6\xe5\r\xa6\xbe\xeb\xe1\xca\xff\xed\x83\xcfV\xfc8p\x87\xe61\xa7\x1c$\xd9\xe9\xf5\xd5\x11\xb7\xd3\x90V\x1e{g\x8fX\x9c\xd4pDc\xb3V\xe3\xe8\x1a\xad\x12\xa1\xb1\x176/\xda4j\xe3\x19em\xb6}+M-\xfd\xbdvw\x97%\x83t_q\xe7\xcaC\xf9s\xf3\xe3\xa8U{K\x80\xfe\x90|\xdf\xfc\xc5R\xd7\xf3j\xf5c\x1b\x9b^K\x14\xb6\xd6\x07\xe9\x8d\x10\xbf\xb9\xa2i\xf2sZ\xff\xa6\xf9\x89\xd2a\t\xa7=\xa82\xdb\xb4\xb0h\xdc|L\xfe\xf0\xc0\x84.\x17z\xe7\xfc;8\xff\x0e\xa7eo\x9d\x92\xdd\xf2\xfdU\x82C\x90\x9a{\x16\xc0\xc4l\x86\xeev\x83\xf5o\xf6\x17\xd1\xda\xe4M\xac\x9b\n\x98Lw\xd6?\xdb\x0b&lt;g)\x83Ls\xf4"\xb3\x97\r\x18\xa0\xc4|]\r\x95 \xec\xb9\xd1#4\xbcdb\xcc\x9f\xde{\x11y\xf2\x96\xf2\xc6\xe7\xd4Z\x99^\x83r\x00\x00 \x00IDAT\x9a\xea\x05\x9a3\xaeY\x9a\xad\xb0rVK\xfe*\x88\x08e\xac"\x93\xe6\x84\xbb\xd2\x0c0\xb6\xfc\x0f\x15\xbb\xbc\x04H\xa4\xeb\xf0\x9a\xec\xe9~\xbasn\xd2N}r\x0f\xc3\xe4&amp;9\xb9G\xc5t\x86=X\x8d\xdf~\x1eQ\x86!\xc7\xd1\x8dy\xbe&amp;\x93\x172\x0e.3\xc6\xacP7\x0b\x1e\xfc\xebd"\xd84\xd9\xe4N1\xd4\xb4\xd5Q\x0f\xa4\x87m\x8bu\x14e\x03S\x1a\xe9$\xb9\xd4G\x91\xa0\x08\x96`\xe9\xf3\x9bW\x95 `\xcc\xb5\xce\xe8t\tM\x82\xc0\xc0(\xe64\xb7-\x96\x9c\xb9\x86\xd7\x8c9\xe7\x9e\x9cb1\xbd\xc8p\xf8\xc6\xf3K\xd5j\x8c"\xe2\xa7\x12\xd4\xbc\xfa,\xdb\xfc\xca\x1f\x8d\x88Pfb\xe1M\xf8\xafR\x06a\x07\xe9\xe1\xaaT\xcby\xc7\xa5\xdb\xd1\xaf\x1c\x83\x7f&gt;\x030}\x1f\x9d\xd2\xbb,O\xeb\xf3\xc7]~\xf2\xff\xd0!Bi\x06\x94u\xa1\x03@\xad\x82)\xddmM\xb5\xbaC\xa3\x13\x7f\x81V"\xce9\xb9\x9df\x98g\x7fH\xe4~\xe4#\x9e\xebS\xa6&lt;\xb5-\xd4A\xc0\x13\x85\xdf\x03@\x8dn\xd4\xfa\x88\xc0\xb2\xe11a\xac\xa8"\xd5X;\x071)\xae\x0e#\x86\x8cZ\xff\xaa!\x93\x92U\x8b#\xe9\xc6\xb0\xf3\x9e\x8al(\x82`]\xf9\x17\x81\xd1vD\x0b\x16\xb5E\x84\xca\xc3b\xbey\xf6b\xa0\x1b\x9f\xa5w\xbab\xb7\xd5\xc2s\xc4\xcb\xab\xf9\xaf ]\x14\xea\x0b\xfc\xda\x8b\xbfo7\xef\xc3\x98\xa0LI\xf5l\x14\x03\xff!\xd2F\xd1\x83+G\x0cU\x89dp\xe1,\x94!x_\x9f4@\xc8\x80\xd3\xc60\xa5\xe1\x04\x1e\x8ef\x82i\x17\xf6\x00\\"\xe2\xbc\xe7p\x98j1\xfbY\\\xc3\xb9\xcb\x8b\x93\x8b\xf7\xfe#/~E\xc3\xb1\xab\x1a\x0f\x05\t]\xddT@=\x08\xe8Wj\xc3\xfeg\x94\xf8\xd2j\x19\x9fp\x88\x1cx\xe3\xb1\xf1P\x92{gR\x0b\xb0"\xfa\x0c\xc0\xe2\x82\x95\x95\x065\xdd\x0bb\x89\xd3\x7fU\xbc\x19\xbf\xd8a\xbd\x9c\x9a\x1a\x9d\x88x\xffn"_7\xfe\x8b\x9a\xb8\x95\xc9\x19\xf7GA"U\xa8\xc5\xa3\x01\x0c\x99V\xed\xde=Z\x86\xbfn\x1c\x8f\xe75\xdc\xbe\xe6\xf4\xe2\xc5\x8b\x14\xc5-4\x94T~\x13pRtzk\xe2\xbd\x9b\xb7\xfe\xcb\x05e\xc9;\xef\x9d\x7f\xf7\xf0\n#\xe7\x82f\xc6~\xc2)JS\x00\xc2&lt;,\xe0v\xce&amp;xZ\x18L\'\x13\x1e^\xea\xa6\xb7[\xcc\x90P\x11`\xa6\xf2\x0e\xc0"\x07\xe7l2Z\xeem+\x9d\xfa\x9c\x06\xca\x8f\xffQ\xe4\xebNJ\xd8y\xac\xaa\x8c\xe3v\xf9\xae\x15`8\xdb\x02\x8d\xf2\x7f\'\xc25\xe6Uv\xccr\xa0T\xa1"\xffx\xf1\x0f\x14n\x98\x893\xc3\xe5\xfa$\xae1y1\xb3\x7f\xdd\xf7:y[\x85-!\rs\xa9\x87N\xde\xef\xbb5\xd1\xac\xf9v6\xb1;\x16\x80\n}\xdb\xc3\xc5lbG\\-\xa3\xa0\xed!\xc3\x1b\xd3)\xb4\x91Fe{e\x14R\x1f\xbd?\xbet\x00\x948\xca\x08\xb2%g\xe0\x9e\xb3\x18f\x00\x00\x90\xcdg\x97\x0e@=\xf47\x165\x87M\x8fR\x1d\x80\x88\x9b\r\x1e\x87Yr\xee|\xa8\x05\xd1\xf5\x88\xf2\xc2\x13\x00jb{\x98S\x15\xa2\xb1\x80T\xa9\xb7`\x07@\x89\xe9\x8d\xeb\t\x95\x16\x9bI\x82\xb8\xda\xf3Y\x01\t\x9b\xc2\x13\x00\xf6\xa4X\x19\xb6]\xde\x1a\\\xee\xac\xc1+2\x89\xc0l\xa6)8b\xb4\xaf3F\x83\xcfT\xca\xaf\x8b\xd5(Q\x92\xabW\x1fa\xc4\x15\x00\xdc\x93\xe2\x14\xa0\xed-\'\xba\x87a\x12\x0e\xca&gt;\xbb\xecp\x1c1\xd5\\F\xfdy0\xb1\x9b\x17&lt;DG$\x9c!zB\xa8\xaeL\xd0\x1e\xe6\x9a`Q\x92c@\xbb\xd3\xf4\xfc\xce\xe1\xba\xealg\xdb\x989\xf9a,x\xff\xa3h\x18d\x97\xe2DH\x1e\xa2#\x126\xbd\xce M^f\xd6\xd3F\x89[\xbf\xb08\rw\xbd\xd2\x0c}\x00\x18R\xf9{\x00BL\xf3kW\xa3t\x15A\xac\x9c\xfc\xf0pq\xef\xbds_\x1b%$\xca\xfc\xd8H\xd71Y\xe0\x8e)\xadt@\x10$\xcb\x93\xf2\xf1{G\xabF\xed\xff\xa1\x8a\x14\x17\x7fh\x89\x9cX\x88\xf1\x81sy\xbd\x06~\xfc\xa7\xc4\xddHf\x1b\x80h\xd6\xfb2\xb5e0\xc6\xa5\xb6\xe5\xddM\x9b\x80\xe9\xc0g\xa1#~\xcc&gt;\xa6!\x81\xcd^\x05j\xf1F\x92\xfb\xcb\xb6K\x12\xcb,G\xfbX5\xcbJ\xbao4^\xebA\x11\xa6\xe3w\xc7\xf6\xe2\xbe^\xe4\t\x89\xf7j\x92j,\x9e\x9a\xd1\xc8\xe1\xc9\x1e#~\x9e\x18\xf3\x08\x11\x18B\xb4\xbfg\xb0Zu\xc4|\x9e*\x89L\x8d\x88HC\xce\xed\xf4\x01\xc8`\xcaM\x9f\x9a\xe5\x87U\xf2\xdd\xbaq[\xd8\xd1\xdb\xebt\x00\x9e\xa0\xad0\xd1E\x85\x9ex\xe0\x8d\xda\x00\xe0\\\x9b\xb3\xd2y&amp;\xf2\xea\x9d(|\x0f&amp;Co\xf8y\xb3\x18\x1b\xff\x1c+\x02#\xaf0\xe1\xc9&gt;\x11\xfb\xe1\x1aF)\x81\x16\xfdy\xd2&lt;\x8e\xa8\x18\x84\x18\xc7\xf9\x9a\x1a\xf0\xcb0&gt;Wk|\xae&amp;[\x9d\x92\x94\xfcL\x8eA\xcai\xaa\xd3?B\\\xc7\xda\x80D\xf4?&gt;=j-\t\x81}2\xbc+\xc3UQ?"&gt;-\xa7\x00ug\xa2\x94\x0e\x05PP\x82C`\x8c\xa3\xc5\xb6\xef\xd3K\x07\xc0\x98k)\xe9\xe70\xb5\xa8\x0b\x8f\xe3\xd4r&gt;\xfc=\xc6\x7f/\x15"h\xa7\xa2~\x15\x91\xae\xa2\x17\xb9V\xe5\xcf\x07\x08\xed\xac\xaa\x9c\x97dIg\x00\xaalBU:\x03\x90\x83\xad\x19\x80\n$\x8b\xe4W&amp;\xe0\xf1EG\xd6P\x86\xd4~bs\x0b2\xc9\x18\xc7\xca\xcf\x00H\x7f\xf2\xa6\xeb^\x86s\xe9\xb3FSu\xb6\x0ey}\xd9~g\x10\xa8\xb6\xdbL\xa7K\x12\xf5%\x8c\xf6L\x9e\xe0\xee\x10\x9f\x0c?g\xf4\x14Pf\xe3p\xdeH\xaf\x1e\x8ar\x154\xe0M\xe9\x00&lt;\xe4w\xfe\xac\xda\xb4wNS\xec\nqn\xd9\xdc!\xfe\xae"\xc9\x15\x92j\x8a\xf2\xe0\xba\xb4\xfb\x9f \xa7\xa8Q\xcd\xa3\xe83k_\xfbw\xff$\xe3\x8f\x9cs7\'\xed\xfd\xb4\xf70\xbfB-Q\x87\xf8\xca\xcf\x00\xf8\xc1\xd5\x0f\x8a\x88s\xbf\xe5\xe8\xc7\x8fO\xc0\xe8G\xce\xd2T\xa2\xf7\xee\xbae\xddsX=\x0c\xe2\x10\x06$m\x8ao6\xf4i\xfc\xdf\xc3\xd0\x0cR\x10y\xbd3\xd8\xfb\xd8\tlhN\x8c\x97\x9d\x94\t\xa4dl\xb3\x9a2\xf2,n\x1bj\x02g7\xa2j\xb2n\xe5h\xae\xa4_c&lt;Z\x03IC\'\x83II\xe5\xe2\x16#\xb3\xf7`\xb8\x8ddV\xc7\xcb\xf2J\xb0\xb3\x9d\x0c5H\xb6\xc3ADm\xed\x03\r\xca\xcf\x00\xdc\x93\xa72\x1b;\xd5\x19\xbe\x0b\xc7\xa6\r\xa9\xdb\xb3F{WN\xb7RB\xf3 ,SP\x8f\\N6\x91\xe3\xfa\x1f\\\xfano\xb5\xa8/\x81\\\x81|\x12\xce\xd4Q\xbe\xe3\x90\xe1Z!\xd7\x12\x1a\xb2\xd0\xa6\xcc\xc7\xe4\xcd\x8eM\xca\xf5\xa5\xf7\xcd\xc7}5\xd3\x1e&gt;u\xa6\x83ua\x91\xe7\xd3\x0cX\xfc\xe0\xc95\x8f\x17\x00q\xc82\xa0_x!1T\xbe\x9f\x9928\xa8\x1f\xd5?\xeeH\xb7\xb0\xe1\xe0\x1b\x13\xf5\xf7R\\\x99\xf3\xd7\xea\xa5k}\xc8AJ\x1b\x8eWV\x14Z\x00[\xae\x95*\xd4/\x88\xc2\xf0\x0c@\x14\x8b1\xec\xdf\xc2\xbe\xb9 \x05\xc6\xe3\xd3\x95tQ\xaf&lt;\x1bv\xa5t\xae\x91\xaegzp\xae\xab\xf7\xbcZ\x0e\xcf\x89s_P:\x0c\xd5\xbb\x92O\'\xad\x14\x8e\xf9BI\xb9\xd2_\xb2%\xda\xf3u,\xad\x1e\x98\x1d|\xcb?\xa3?[i\xf9\xd2\xc1\xb0oi2n\xeb\xc0\x83C\xdb\xfa\xe3\xe0\x9e\x9e,gPk\xf7\xab\x9d\xcc\x95\x0e\x0e\x0c{\xfa\x1e\x80\xf4C\x9c}\n\xcf6\x96Z\xe5\xa8\xed\xf1:\x81\xee\x7f\xcfo|\xbc\x8a\xb8ae\xc1\xa5\xb8\xf2W\xeb\x92\xfc\x0b\x8d\xf0"\xaf\xc7\xdc\xbd\xac\xaf\xca\xac\x01\x9cz5\xb3Z&lt;U\xc5\xfa\r\x8fM\x08\xeb7\x02D\xf6\xfcE`\xa93U\xdal\xbb\xb8z\xb3eD\xc8\x8d/\x0e\x1dL\xf4-[\x9f\xba\xf9u\xb8M^\xef\\\x90\xf1\xa1\xa5\xdb\x86\xa1M;wz\x8c\xa5\xc6;t\xed\x03\xc1\x81\xe9\x04?O\r\x98j}\x0f@\xa5.\xcc\x0c\x86\x1f\xa64\xf9\xad|\xeb\xfeY\xc7\xac\xc0\xc7\x8f\x7fJ3\xe3\xackYEw\x8f\xcc\xad\x87\x91\xd5\x1f*\xf7\xf8\xf5\x92w}\xb8\xfc4\xd2\xe4#\xd4#\x00\x1a0_\x1d\x18m\xb1 \x8b\x0e\x1b\xf0\xa5n\xbe\xcct\xfa\xd7d_\x9a\xea}\xdb\x97}\x04\x8bk\xa7N\xe3A^\xbfWo\x8c\xc9J\xa9\x00d\xfe\xde\n\xd4\x18u\xec\x01@\x1c\xf4\x89\xab5.c\x885\x8f?-k\xee^\x8aIX\xfd\xc49\x9f\x7f\xed\x87\x9eU7\xac{\xb9A\xaa~\xab\xf4\xba\x99\x95\xf9N\xb5\xa6I\x11\xd1\x16\xa4%\xadQ\xf7\x88\xa8\x7f\xcd&lt;L`\tP\xb5\xe2\xbfT|\xf6\xb7{\x03\x0f\x94V\xfa\xed\x1e+\x99\xde/.\xf1\xa5\x9d\xaf_\xfc\xbd\xa6\xe6B\x06\xb9^\xcbX^\x91\xe3}\xe3\xbe\xfb&lt;\n\xa5\xa3\xcf\x1a\xc3\x14_\x9f\x184\xa5\x07XD\x02\xaa_\xa4!\x90eq\x7f\xf9jR\xe1\t\x1a1fEP\x9e\x880\x9c\x86=U\x8e"?4\xcc\xf98e\xad\x88\xe5$3E4\xb0\xa7\xe0\x0c\xc0\xbf\xe1\xde\xbaZ\xc4\xf6\x03um\x07\xc4\xc4\xaa\xe8\xfc\xfc+\x0fkr\xacL\xad\x9a_\x91\xd9\xf2\xbd\xa3~\xba\x9b\x8f\xb9s\x9f\xd6\x13\x1a\x96\xe1\xd1\xfd\xd4\x80\x92\n\xe7\x8d"+G\xeb^\xae\xbaar\xa0\xfb\xe3+=\x19M\xa9p\x03@\xf1\xc5\xc1\x1a0&gt;z\x151\x06d$\xbc\n\x00X+\xbf\x07 {\x96l\xee\xdc:\xa7e\x9cFC\x18\xd2\xaa\xff\x0e\x11A_\xf2\xfc\x92\xb2\xa1\x00Z\xe1=\xad\x7f`\xa5\xc5,\xd1\xdc\x0c@&lt;\x93\x91K\xd7f\xe2YX\xcc\x004\x9a\xa8\x86Xh\xf4\xf6/c&lt;\x12i\x8c9\xd1\xa9\xd8\xd0\xa2\xeah/%!\xb9AD\xa8p\x91B\xf9\x19\x00X\xd1\xf6\x02\xf7mv+\x95\x98&lt;\x03l\x97\xa8;\xd1\x05uP8\xbb\xad\xa2\xd6\xd0\x10\x86\xbb\x867\xb1\x94\x0e\x07j\xd4b\x07\x80\xda\xf79\xca#\xcc\x90\xa1`S\x95{\xf7\xf5Tp\xc3\xabh\x8a\xc6p\x89\x93[#\x19\xa7\xdc\xffi\xd9p\xa0J-v\x00\x10E}\xb5&amp;\xaa\xc6\tcX\x1a\x0b\xb1:J3\xef\xfd_\xd1\xd5\xfa\xf7\xcey\x05\xd9\xeev\x84\x14\x7f\xdb\xae\x1f\xde;\xf1\xa6\\\x18P--%\x05,\x98\x95\x84z\xaa\x99\x03YVO\xc6\\\xd2\xcd\xf90\xc9\xbcVG\x03\x1d65\xe1\x00\xef\x10@\xdd\xe2u+\xd9\x08X?\x9fs\x0c\xb5{7\xd3\xc3D\x95%-FL\xf2\xe5\xc7\xca\xeaE\xb9\x84\x03$\x0f\xec\xa2U\x83*E\xe8\x00\x14\x98 \xab\xf1\x9d\xb2\xda\x89\x88s\xde\xbba\xb4;\xf9\x17\xf6e\xee,u]\x7f\x93@\x1fP\x11\xb1P\x88\xd3\xfeG\x95\xe2\xbd\x8a$\xae\xe8e\x02\x07\xb6\xd4\xc4@\x95\x01&lt;\x90b\x0f\xc0\x97$\xb8\xe6\\{\xd9\xb2\xf4J\xc4\xbei:\x06\xa1DX\xfa\xe3\x10n}2vX\xd2\x18\x83i"\x81\x17O\x93\xb0\xe2n\xc6\xb5d\x92\x1d,\xe4^4\x86\xb2\x1ak\x91\xdf\x0e\xeb^\x9df#c\xaeF\x14\x7fwA\xa9W\xde\xc6:h\xdf\xc89\xd0\x96N\x88/\x9e&amp;\x01=\x86\xec\xe0\xe8\x00@\x1b\x12\'6E\x98\x01\xd8n\x01,F\x8c\xf1L\xf1\xa3K\x17\xdf\x9e\'(\x11\x07-\x8c\xb4S-\x9d\x10\xef\xef\x1e\xae\'"\xee\x9fTV20\x19r_]SI62o\xd5\xbe\xa6t\x00\x94\xa9\'s!\xb2x\xbb\x17\x19\x0e\xac]\xfeG\\j\xda\x01\x89h=U\xe3\xe1\xc4\xcb\xeb\xb64\xdd\x94\x19\x9c|\x85xXz\xb0\xc4QW\xd8\x13m\x0f\x80\xa1\x91Kl\x92\xc1\xde/d~\xc4\x9b!\xa9h\xa4\xb0E:\x8b\x88\xc9\xce\x96\x1b\xef\n I6\x85\xb7I(\xe7\xff\x8f\xe5\xbe[gY\xa0\xb1\xcc\x85\x0e\xa4\r\xf4\xb4\x8d\xce\xee\x15\xa6\x1a\xc2\x86\x9a\xac\xf6\x99\xb8\x0b\x05\xe3\xfc\xc3$\xce[\x0c\x8d\xda^?\x88,#\x96z;W\xec\x90\xc0&gt;\xf2]\xf63\x1c\x82\</t>
        </is>
      </c>
      <c r="E893" t="inlineStr">
        <is>
          <t>&lt;class 'numpy.ndarray'&gt;</t>
        </is>
      </c>
    </row>
    <row r="894">
      <c r="A894" s="1" t="n">
        <v>892</v>
      </c>
      <c r="B894" t="inlineStr">
        <is>
          <t>steps_per_sec</t>
        </is>
      </c>
      <c r="C894" t="n">
        <v>10000</v>
      </c>
      <c r="D894" t="inlineStr">
        <is>
          <t>3.1159782</t>
        </is>
      </c>
      <c r="E894" t="inlineStr">
        <is>
          <t>&lt;class 'numpy.ndarray'&gt;</t>
        </is>
      </c>
    </row>
    <row r="895">
      <c r="A895" s="1" t="n">
        <v>893</v>
      </c>
      <c r="B895" t="inlineStr">
        <is>
          <t>Loss/RPNLoss/localization_loss</t>
        </is>
      </c>
      <c r="C895" t="n">
        <v>10000</v>
      </c>
      <c r="D895" t="inlineStr">
        <is>
          <t>0.03959374</t>
        </is>
      </c>
      <c r="E895" t="inlineStr">
        <is>
          <t>&lt;class 'numpy.ndarray'&gt;</t>
        </is>
      </c>
    </row>
    <row r="896">
      <c r="A896" s="1" t="n">
        <v>894</v>
      </c>
      <c r="B896" t="inlineStr">
        <is>
          <t>Loss/RPNLoss/objectness_loss</t>
        </is>
      </c>
      <c r="C896" t="n">
        <v>10000</v>
      </c>
      <c r="D896" t="inlineStr">
        <is>
          <t>0.0063863737</t>
        </is>
      </c>
      <c r="E896" t="inlineStr">
        <is>
          <t>&lt;class 'numpy.ndarray'&gt;</t>
        </is>
      </c>
    </row>
    <row r="897">
      <c r="A897" s="1" t="n">
        <v>895</v>
      </c>
      <c r="B897" t="inlineStr">
        <is>
          <t>Loss/BoxClassifierLoss/localization_loss</t>
        </is>
      </c>
      <c r="C897" t="n">
        <v>10000</v>
      </c>
      <c r="D897" t="inlineStr">
        <is>
          <t>0.053329896</t>
        </is>
      </c>
      <c r="E897" t="inlineStr">
        <is>
          <t>&lt;class 'numpy.ndarray'&gt;</t>
        </is>
      </c>
    </row>
    <row r="898">
      <c r="A898" s="1" t="n">
        <v>896</v>
      </c>
      <c r="B898" t="inlineStr">
        <is>
          <t>Loss/BoxClassifierLoss/classification_loss</t>
        </is>
      </c>
      <c r="C898" t="n">
        <v>10000</v>
      </c>
      <c r="D898" t="inlineStr">
        <is>
          <t>0.061490864</t>
        </is>
      </c>
      <c r="E898" t="inlineStr">
        <is>
          <t>&lt;class 'numpy.ndarray'&gt;</t>
        </is>
      </c>
    </row>
    <row r="899">
      <c r="A899" s="1" t="n">
        <v>897</v>
      </c>
      <c r="B899" t="inlineStr">
        <is>
          <t>Loss/regularization_loss</t>
        </is>
      </c>
      <c r="C899" t="n">
        <v>10000</v>
      </c>
      <c r="D899" t="inlineStr">
        <is>
          <t>0.0</t>
        </is>
      </c>
      <c r="E899" t="inlineStr">
        <is>
          <t>&lt;class 'numpy.ndarray'&gt;</t>
        </is>
      </c>
    </row>
    <row r="900">
      <c r="A900" s="1" t="n">
        <v>898</v>
      </c>
      <c r="B900" t="inlineStr">
        <is>
          <t>Loss/total_loss</t>
        </is>
      </c>
      <c r="C900" t="n">
        <v>10000</v>
      </c>
      <c r="D900" t="inlineStr">
        <is>
          <t>0.16080087</t>
        </is>
      </c>
      <c r="E900" t="inlineStr">
        <is>
          <t>&lt;class 'numpy.ndarray'&gt;</t>
        </is>
      </c>
    </row>
    <row r="901">
      <c r="A901" s="1" t="n">
        <v>899</v>
      </c>
      <c r="B901" t="inlineStr">
        <is>
          <t>learning_rate</t>
        </is>
      </c>
      <c r="C901" t="n">
        <v>10000</v>
      </c>
      <c r="D901" t="inlineStr">
        <is>
          <t>0.039345898</t>
        </is>
      </c>
      <c r="E901" t="inlineStr">
        <is>
          <t>&lt;class 'numpy.ndarray'&gt;</t>
        </is>
      </c>
    </row>
  </sheetData>
  <pageMargins left="0.75" right="0.75" top="1" bottom="1" header="0.5" footer="0.5"/>
</worksheet>
</file>

<file path=xl/worksheets/sheet2.xml><?xml version="1.0" encoding="utf-8"?>
<worksheet xmlns="http://schemas.openxmlformats.org/spreadsheetml/2006/main">
  <sheetPr>
    <outlinePr summaryBelow="1" summaryRight="1"/>
    <pageSetUpPr/>
  </sheetPr>
  <dimension ref="A1:E901"/>
  <sheetViews>
    <sheetView workbookViewId="0">
      <selection activeCell="A1" sqref="A1"/>
    </sheetView>
  </sheetViews>
  <sheetFormatPr baseColWidth="8" defaultRowHeight="15"/>
  <sheetData>
    <row r="1">
      <c r="B1" s="1" t="inlineStr">
        <is>
          <t>Value</t>
        </is>
      </c>
      <c r="C1" s="1" t="inlineStr">
        <is>
          <t>Step</t>
        </is>
      </c>
      <c r="D1" s="1" t="inlineStr">
        <is>
          <t>t</t>
        </is>
      </c>
      <c r="E1" s="1" t="inlineStr">
        <is>
          <t>t_type</t>
        </is>
      </c>
    </row>
    <row r="2">
      <c r="A2" s="1" t="n">
        <v>0</v>
      </c>
      <c r="B2" t="inlineStr">
        <is>
          <t>train_input_images</t>
        </is>
      </c>
      <c r="C2" t="n">
        <v>0</v>
      </c>
      <c r="D2" t="inlineStr">
        <is>
          <t>[b'1024' b'1024'
 b'\x89PNG\r\n\x1a\n\x00\x00\x00\rIHDR\x00\x00\x04\x00\x00\x00\x04\x00\x08\x02\x00\x00\x00\xf0\x7f\xbc\xd4\x00\x00 \x00IDATx\x9c\xec\xfdw\xfc\xbd\xcfQ\xd7\x8d\xef\x15B\xe0\x0eEj(\xa1\x89A0D\xba\x84\xf6\x8b\x10\x08E\x05\xa5H\x07\x81\x84"\xdc\x82\x94\x10%HG\x9a\xd2\xa4Wi\xd2\xbb\x02\x060\x10\xa4\x08\x88\xa1*\xb9\xe9\x12@j\x90\x1e\xca\xfc\xfe8\xe7\xba\xae-\xb3\xbb\xb3\xbb\xb3{\xedu\xce\xeb\xf9H&gt;\xdf\xf3\xbe\xce\xee\xcc\xec\xec\xecl\xb9\xaes\x8e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a0\x90\xe5h\x03\xee\x17"\xb2\xff\\\x96\xca\xbe\xf0\xe44J\xab\xd6\xbej\xbc\xfc\x99\xd0ND\xbby\xbc\xf1\xab\x14\xe7"\xd3"2\xc6l\x02\x96e\xd7\xbb[\xb5\xfe\xdf\xb13\xd0j\xd7M\xd9\xcdY\x15^\xf7Le+\xb2z\x03g\xa6\xc4\xa4mN(\x15b\xdb\x10\x93\x16\xd8y-\xb8,\x8b]I\xd2\x9c\xb5\xa41d\xcc\xf7\x19\xf3(\xc6\x87\x9bXF \x91\xc9\xc4&lt;\xf9\xee"2[\xbcru\x85#k\xb5\xcd\xac\x91\x9b\xe9\xfd\xb8\x84\xd4\xa0\x08+\x12\xd1\xf2\xc7\xc6&lt;\x87h\xa4\xcb\xe3aY\x98VH\xe4\'r\x8e\x15\xd8f\xc8\xa4Sf\x7fr\xdc\xdd&amp;^\xc8\x9d\x85S\xf4Tz,\x0c\xb3\xc2\x183\xc3\x02\xef\x14]\xa6\xca,\x9e\x97\xf0\x80\xa3\r\x00\xc6\xd4\x8c\x8d\xcct^\xb7\xfe\xa3\x08\x89*\xcb\xb2\xaf[.\x17\xb2\xa1o7v{}y\xb1,f\xb9\xfc?\x80\xb3\xd4\xd8\xa6\x11][m\x1bLki\xa7\x9c+lY\xf26\x1bc\x96\xe5i\xee\x9f\xfc\xea\xdfR\xbb\x96\x8c\xcb\xdcl\xbe\xfe\xb1\xdb\x13\x14$\xe3y\xc1Z\xber\xa5\x1dS\x9d\x8a\xa1;\x97\xbf2\xcb\x12\xdaIv\x95x#\x1cI_\xbe\x17v\x8c\r,\xb4\xeax\xd7\x17c\x1e\x15\xc8\xdd\x8d^.\xe5\xd6\xee\xa7MA:V\x1dW\xafB\xd3\x83D\xd8j\xb7\xbd\xe5y\xff\xbf\xaeMp[\xc4\xf1\x01\xde\xdf\xf4`\xa9\x12i[\xbc\xff\x8aI\xcb\xe7\x07qG\x16S\x95\x00\xc1\x84\xd8\xe3zp\x18\xd5\xe1\x9e\x85\x1d\xc4\xcf\x98\xa9\xd6\xa0\xd3w\x9a"\xa2\xe5D;\xeb\xb8@\xa2;\'\xd9\xb5uV\x80-\x87Y\xb5\x97\x08\x8f\t\xd9\x82,g\xed[44\xa4\x98\xb4\xb5Y&lt;\x01EC\xc8\xf3C\\f\xc6\xe0\xf5\xf6\x05k\x1e\xaf\x95\x95\x96\xf5\xcfu\xe5\x1bTa\x85\xf8\x96\xd8\xfe\x11\x9a\x1a3\xe3"\xe4E\x1c\xc9D\x8c\x138Io\xb0\x07\xf3#-\x81U&gt;a\x9bb\xa2\x15y\xef\x89\xf1\x15\xfd #\x81\xf3,GX\xad4\xfb{\xd2\xd2\xf2\xbd\xaaE\x8a\xa6\xa0\xa0\xb3\xca2@\x85-\x01\xef\xab!\xa4\x052\xe6\x05\x8e\xb6A\x04\x11\x99G\xd5\xfa\xfc\xae\xf7\x81S\xb4\xbd*m\x82&lt;\xb5S\x92\xc3\x1d\xed\xcbf\x83\x88\xae\x87\xde\xb5\x02.\xdd\x17\x8b\x00\xf9\xddvV\xc2~\x8cA\xd7G\x1bH\xf5.\x1e\x11%,\xa4\xed\xb1\n\xda\xd3\xd8\xf3\x1a\xf3\x8c\xad\x00c\xf0\xd5%\xe9\x11\xe1=h\xc1&gt;\xe8R\xe1\xba\x8b\x1c_\xa6\xe5\xd9\xe5zrm\xd9\xe0\xfa\xddR\xba?\xc0\xe0u\xcd\xd6)\xc9\xa7k\x9c\x12\x8f2\xe6)\xee[\xb6\xa9\xb6\xea@\xd7\xd5\xe0\xdd\xb0\xef\'z-\xd6`Gi\xf6Q\x16\xcf\x98H\x1b\x99\xb6$\x8b\xd9&gt;Y\r\xb3\x9e\x0bJ\x18\xb3,n\xbf\x14\xabN\x11\xfa9[\xc6k\x88\x17cv\xade\xf9\x16c\xfe\xa1\xdc\x18\x13\x8c;W\xb5\xfet\x10\x8e\xb2\xb3CS&lt;\xe0\xd1N\xd9SR\xb3q\x8a^(7\xf2:\xcbj\xe9W\x95Vg\xc25\xbf\x8cz\xf6O\x9f\x91\x91V\xa4+6/\x14\x81G\x80\x0e\xa3q\xf5\xbf=\xd2\x10\xca\xb8&gt;H#\x1eo|\x00\xad\xdbKZ\x1f\xcc\xc8\xc6\x99|3\xba\x1e@f\x8b9\x0b\xfd\xdf\xbb&lt;\xe9a\xae\xc6x\x0f\x08\xad\x85\xf9{\xc4\xec\xa3D\xf1\xd5\xb3\xb0\x1d\x9b\x1cG\x8b\xe1\xee\x98lKL\xef\x91)[\x8cU8b\xc1\x9aN7uY\xdb\x9e\x92-\xb1\x9a\xe2&gt;&amp;t\xb9\xb08\x81\xf4\xda\xa1\xcf/!B\x9c\xcd\x91}\xa9\xaf%\xdb\x8aG,Ov\xaaD\x1e\x03\xf8\xd0]1\xed\xfe\x7fGQ\x96\x8c\xbdeo\x08+q\xd7\xec\x86u\xcbf\xdb\xf59\xb8\xc5\x19\xc2\x91\xa7\xe0.\x05\xcaV\xffk\xad\xc5\xfesY&gt;e\x11\x8c\xee:$R+ne\xc8(\x92yo\x87\x94\xa7\\\x8dm\xcc\xbf\xfa\xafb1\x8b\xc9=\x07X$\xed`/m\xcd\xe8y\x0f\xa0\xef\xc8\x1d\xe3B\xfb\xaelQ\x8bnt \xdc\x05\r\x81\xbb\xdf\xfd\xf1o\xe57\x8b\xe4\x91X+7`\x13\xfb\x87\x82\x87X8cR\x95&lt;\x11\xf1\xdc\x13^\x7ff\xbc\xb1);\xcb\x8c\xe7\x1e\xc2\xb1\x85\xb86pm\xcf\xb4\xcb\xa9f\x9c\xba\xc4\x96Y\xa5\xf9\xc6\x90\xf5\x04Q\xa8\xe2]]\xabl-\xae\x1c\xcf~\xcf\xa4\xc0\x12\xd6\xf3\xd1w\xf3&gt;\xe7\xddb\r\x1cc\x8c\xf9/\x8c\xf0\xf5\xdd/\xf54\xc4l\xe0\xabG\xacz\x02\xdf\xd2\xdd?\xe9V^^\x0b-\x99\x9d\xa0\x8f\x94\xa4\x16\xc8)(|3n\x07\x93\xd0\'\xfeg \x99\xd8A\x8c\x82EToS@?\x9a:\xcf\x19WJ\xc3\xec\xebd\xab\xa8v\xbcuX\xa2T\xe1t\x1b\x9aZ\\\x9d\x88\x8c\xf9\x97q\xb1\xbe\xfc\xd8\xc21\x01[\xc8\xab\xee4\xfc\xa3\x1cG\xfd\x8e\xc0{{\x81TI\x7f{`\x1b#\x89\x01\xef]\xbf|d\xab\x93\xf1L\xbc=\xe6\xfb\xf3\x1b\x00f\xbf\xe15\xb9 $x\xe7\xa4\xecd+\xfbm\x8c\t\xb1\xfd\x16}\xd7\x16r\x7f\xe7\xd6E\xc09`v\xb8TpSqk\xa5\xac\xcf:\xda\x96\x9e`-\x0e\x94\xb0\xd7.e\xeb\x15-\xd5NV\x8a\x1cF\xdaG\xb3\xd5\x9aj\xed\xec\x02\x11}w\xe4l\x95\x82\xf5qZ\x0e\xbf\xf2\x8b\xaf\xf9\x1c\x99\xaf\xe7\xab\xe0\x96zv\x90\\\xff\xfe#\xe66\x02\xe3\xe7]\xe3\xd3\xc8\x18c^\xc11\xc0\x93\xc9\xc4\x831\xdeY\xb5\xdd@\xb7|\xd9\x06\x80\xb1\xd0k\xce\x87I6\x00j\xfb\xe1\x84\xe5u\xd5\xbd\xeb\xdb_\xc1u\xb2/\xd8\xef\xdd\xd4\xc1\x7f\x03*\x9dkn\xeb\xb4\xf5~\x88\r\x1f0!V\xf6\x1b\xdaS^\xbeU\x17\x1ed\xf5q\r\xd4\xca~`J\x1a\x16\x1c\xba&amp;\xa4\xdfm7\x8f\x88\xcc\xe7N\x15\xc7\xf1=\x0f\x911\xaf\x15.\xbbcr\x1c\xcfH\xd3\x9f\xb3\\\x8e\xda\xe6\xbf\xbe\xf2\xec~\xadUi\xfc\x06E\xce\x1e\xe3u5s)\xc9\xb6O\xc8\x16K\xfei\xfb\xe4\x7fg\r\xdd]\x94j\xe0\x87\x85\x02\x04\x92\xedv\xc9\xf0\xbd\xc1\x17\nwJ\x12\xc3\x12*\x0b\xab\x9c\x8f\xc0K\xa9r\xfd\xcd\xd9\xf5\xd5\xd7\x1cm\xea\x91\x84\x03\xbc\xa2\xee~\xe97\xe7\xf1\xdb\x8b\x1em\xc0\x8cT\xf7u\xa3\xd2\x9e\xb2\xeb\x03XK\xfdx\xbd`\x10\xfe\x12\xa9\xf01\x98PN(Z\xd1B\xc9\xcd\xaf\xb2e\xd3hb\xb78\xa2\xe5\x89\xc8\x987\xc9\x14x\x1b\xef\xec6oFr\x95I\xeb\xbf\xbc\xb4w\n\xb4D}^\xb5\x84\r.\xe41\xc1=\x01.\xb0E\xfb\x8a\xac\xc1VIa\x83\x98\'\x94\xd4o\xe3\x8a\xedOl\x00jTJt\xdd\t\xf5\xce\x94n\xda\xf72\xdf\xd2\xd4wm\xfd~\x1e\x1a\x83\x9c\xab~\xac\xdf\xee\xa2\xd7\xc0F07\x1dc\xc0x\xbd` \xcc\x1a\xa8^\x00\xb7\xc2h\n\xa0R9Dd\xcc\x8fz\xd7Z\x0cP!\xd5\x84\x94\xcf\xf3=\xb2\x15\xf8#Q\xf7\xed7\nl\xc7\x06\xb5\x12\xc1P\xd1\xad\xbc\x9c\x88\xe0M\xf2\x9b\x06a):\xe6\x8f\xb1\x1e\xd5\x93\xf1#\xd6w\x89\xa8=\xd9b\xbe\xf6\xe0R[bu\x85&lt;\xacX\xa6\x92\rY\r-\xf2-1\xd2\xb1\xaf\xa1q4\xb5f\x9f\xaf\xa5,\xfdzMo\x88mr\xde\xbb\xdd\xaafn\xa4\xdf\x19N8x\xbb\xc2E`Gm\xfdU\x80\xe9\xd8\x0e#\x9b\xd6%\xee\xb2\xe6\xb5\x83+\x8d6\xdac s\x88\xce\xa9\xd3?p-%\xee\x87\x84\x8bd\x0e\\\x9d#/\xecq\xb9\xec\xbb(\xc8;[&amp;\xaaHILy\xee\xce\xc3n\xd2jUL\x17\xd7\x8e\xad\xf0\xe3\x9c?\x1d\x99\xbe\xaf"\x12Dm\x124\xda\x96\xc9*\x92\x9c\xfb\xe6\xa5\x1b\xf3\xd7J{\xa47\x85\xce\xd4\x91#\xf6\xea\x01\xe4\x9a\xa0e\xb3&lt;zU4*\x08\xd1\n\x15=\xa2\t\x81\x88~\xefx;\x0f7\x00\x8cb\xaeq\x01n\x90\xea\x05\xd0.!+\xb8\xd9\xc8\xb8\x16a\xe5q\xa3(\xe5\x8d\xf8;\xcc[\x91\xeb\xd6\x12\xdc_%_\xab\x19\x8a}\xbb\x8b-x_\r\xaf\xd7\x1f\xedh\xf1\xb5\xef\xbd\xf9\xcc\xe6\'X,\xbd\xbc\x8aMu&lt;~\xd8\x88\xe5\xa5yommO\x90m\x81( 3J\x1ck\x13\xf5c\xba.\xef\xfe\xcc\xac3\x84\xcc\x932)\xb2\xcd\x92\x8e\xc6&gt;(\x1b\x16\xbfg(\xac\xae\xe7\xab\xa17y\xc6p\x8d\xb7\xff*\x0c\xbc3r\x93\x8d\x02\x00\x94rI\xbe\x05\x13\xad_w\xaa\xdc} t]\x19?\x7f8=\xd7y\x89\xaf\x12\xac \x1d\xe1\xf9~LuYb\x91Jy\xc9bX\x03~\xachq\xbc\x9b\x94\xd3\x13\xed\x0b[\xdd\x9bywQ\xd4\x1en\xb1[D\xc1\x9fN\x89h\xcd\xa8\xcf\xe5f\x1cC\xd6\x93"\x11\x11\xff\xc4\xca6\xa9;\x86b\xb3\xa3!!\x1e\x9e\xa7\xf5\xd58\xdc\xa17\xd4W\xbd\xbb\xe6\xd4]\x7fj\xe3\xf5\xb8\xd5\xad)8\x0c2\xc6\x98\x17)\x08\xac\xc8\x8a\xad\\ii\x9dV\xa5\x95z3\x12\xdd\x95%\xf7V\xeb\xc1\xb9\xc7v\xddYf\t\x16\xaf1\xd7\x85*\n\x9c\xdc\xd6#\xbc\xd2u\xdd\x9c\xa8%\xd7\xc0\xae\xbf\xadw\x1d[\xcc\xef\'$\x17u\xa5\x7fC\x86\x82?CWs\xceg\x94\xde\xc3\\\xd8&lt;\xd2o\x00\xae\xdf\x0bn\x1b\x82Z\x8eqf\xf7N&lt;o\x90\xdcG\x84\xdf`\x03\x1fp\xb4\x01 \xcbb\x8c1\xbf\xbe\x08\x7f\xbc\xdd\x1e\x87\xf6\xafD\xc7W\xba\xec\x19\xe7\xe8d$Y\x00\x0b\x0e\xd2\xc2c\xa1\x17\xdf^-\xcb\xb2,\x1f\xb0\x97$Z\x7fF[\xed\xc7\xb4\x97\xc5\xf9in\xf2\xdeKU\xec\xf0\x83\xde/\xdf-+/\x97h\\\xac&amp;zm\x957\'\x15\xd8\xe4K]\xcc\x1bV\x8ab\n/N\xf9\x85\xf9s7\x84\xbb\x18U\xaa\xd8\x99\xd3N\xab\x976~\xeb\xac\xe6\r\x81\xe9\xe6\xa3V\xa6G\xa8=\x0e\xd1\x00\xd3\xf7I\x97,=P~?\xbc\x89\xefF9\xb2\x81\xf7\xb1\xc5\x02\x8d\xc4\x0f\x89\xe3\x01\xb4\x1f\xc1z\x12\xcc\x1f\xd5&lt;\x1eS\x15\xa9\xf13`\x8a\xbfUt\xdc\x1b\xe8+\xb40U\xb1\xb6\xd5ez=\x8c\xf9(\xeb\xc4\x91\x7f\xf0\xa0\xdd0W\xa3\xca\x91\xbf_\xb3T\x88\xc4\x1e\x15\xd8\xa148\x11O\x9e\xf4\'7o8d\xcc/p\x97\xfb\xc6*z\x01\x80\x01\x0cN\xfe\x93\xa8\x06\xa7!\xb7\\K-\xe0\xb6\xf0jZ`\x15.:-E\xaf\x9d+\xc0\xbcYl\x9e%\xf7\xa0\xfb\xc8!o!t\xb5\xef\xd5pO\xe0\xbb=v]\xc8Gnr\xfa-_\xc2\xfeM\x9b\xda\xd0\x9c\x1a\xc6\xec4\xc0m1&gt;Z\x0e{$\x06\xa3\x03\xdc\x00\xe2\t\xe5\xc0e\x03F\x19\xc8\x91\xdb\x00\x94\tj\xb7"kCv=7x\xc1\x173 ]\xa4\xda\xd5d}\xc85|Oh[d\x03\x10^\x9f1\x83\\m{m\x99m\x97\xc2\xb3\xec\xdcF\xd2\xa5\xc95\xc3\xea\xa6\x9c\xaf\xdf\x96\x83\x92\x95\xba\xc6\xb2\xe4\xa3\xad\xbd\x8eI\xcc\x00\xe7c\x9a\x18\xee\xc7\xcd7\x100k\xbe\xe3-Y\xcf\xda\x93O\xf7\xe7\x1e/\x89\xb7\xe5\xed4\xacM\xc1\x9aGD\xe6c\xc98\xf6\xffP\x83p\x1d,iA$L\x9d\xe0&gt;,W\xe0ol\xafXw\x8d\xd9\xe1\x1c7\xa6*\x86\xf3\x97\xf4\x11{\xadUX\x85\x972wL:\x145\xd9-L\xc6|\x91\xba=I\x8d#9|\xa2\xd9\x99\xc4\x0cp\x13\xcc\x12\xd5\x00\x140\xc9\x06\xc0_~\xae\xeb\xb3\xeb\x8b\xbfX\r{%\xc6Tn%w\xe8\xe9\xf5W\x07\x9ed\x9b\x17Y\x98\x0e2\xd2W\x9b\xb7m2\xf2\x8f\xfd$\x17\xb5\xfd\xdbx\x1aO\x1a#\xde\xabT\xb6Hi\x03\xc0\x8d\xf4\xdbcD\x03\x8f\x0c\xcb7=\xcd\xa0\x00@\xc8\x89R}#7\xff\xc1\xed{c\x8f\xdb\xc5\x18\xb3,DtyQ\'iYLE\x90x\x83\xc7\xf9b\x1c"\xeb\xca\xb5\xe0\x12|]\xd1\x98\xaf\x14X\x8d1em\\\x9b\xb7,\xfbZ\x885\xd8m\xec\x00.7%6\x93\xccY\x068\x11\xa5\xad\x1d\xee\xc9Im\x10Rd*\xed_\x87U \xbd\xd1\x0f[\x8a8\x85?\'\xa7\xb8\x07\x15\x15\x1bc\xd0\x89\xe0\xb68Q\xaa\x07\xc0c=\xaa\xb4\x0f\x80\xab&gt;\x03\xda\xb6\x0f\x16\x1e?\x0f8\x05\x8c=\x834\xe0\x80|\xd3\xdb\xd2\x11be\xce\x91\xff]\x1c`\x8c\xe5&amp;\x8e\x85\x82\x8f\\?#\xdd(n\x80(\xf9\xe1\xfc\xce\xec\xceG\x8bJ\x1d}\xb3\xf7(\xedM\x9c\xd4l\xd0\x9fHH#`@\'\xb4W\xa2\x9b\xa8R\xb1\xd7\xf2?q#\xb1\x9el\xfe\x80\r@hIW]\xbd\x84O&lt;\xc7?zX^\x96\x84\n\x11\xd9?=1!^+\xb21\xd9\x1c\xb7\xd3F\x8e\x9c\xd9\x9b\xf0g\xa9\xb0&lt;\xca\xf8\xcf8H\xaf\x10\xe1X\x06`\x03\xf1\x00z\xa1\xbb\x18\xbd\xce\xd9\xeb\x91sjz\xf04\x8e\\\x13\x0fB\xf0\x15C\xed\xed\x95\xdc\xeb\x18\xefU-\x8d\xbdC\xa2Z\xf8\xc8{\x1d\xc2\r\xc0\xe4c\xc7\xbfG$\xfb\xa8\xc0=O~_7}\x9f\x82\x1e\xe8v:B\x08\x00\xe0\xb3\xad\x18\xfeHq\xe5\xfd\x87\xdb\x04\xef\xc9\xcc\x7f\xbe\xf6\x14\x1b\x80Z\xf3\x98\'\x19\xda\xdb\xfb\xdez\xbb\x08}&gt;V\xd1$\xc9/1\xd7\x8a.\x94L.=L\x8a\xa9\x15\x14\x99/\x0c,v\xa7\xd9\xdb\x00A\xb5\xcev\xcd\xcc\xec}\xda\x8f\xf34\\dga\xba8K\xdb\x01\x00\xe7\xc4[\xc4tO\xb8\xefl\xc9\xe7\xb2\xa1pQe\x1d"f\x9e\x1f\xa854\xa3\xda\x97\\\xb7\x16t\x16\x91\x1f\xb8]\xab\xb3HR\xa8P\xf2t\x94\xae\xd4\x8bd\x17\x99\xb1\xf1-\x93y\xb5\xa7\x8b\x14\xd8V\xffe\x1f\xbf\xb9\xf7\x87b\xef\xa7\xa5\x0e\xa7HY\xf2\xd4:\xefIM17\xd0\x04\x00\xee\x1c\xe6\x14\xb3h\xf5P\xff`.\x11\x99G\xd5\x7f&amp;U\x98F;\xa5\xda\x88\xf6\x9a\xccn\xf9\x9f\xeck\x8d\x16\xc6\x14\x19\xf3B\xea\x927\rUo\xb9\xe5d;\x19\xb1I\xbd\xb07\x00G\xdbr2\x82ho\x12v\x9f\x0b\x11D\xddT\x14\xe5\x81u\xf7;\x16m\x8d\x88@\x00N\x0f\xb3\xfa\xe4\xa7\xe7\xd8hg\xce\xef\xe5\xaa\xdb&amp;\xef\x1b\x99\xfb\x83u\xe4\xc3U\xa4\xc6\x1e7\xd2\x10^hJ\xd9Y\xefk\x8a\xed&lt;\xb2\xf7\xad\xe8\x9d#\x08\xcf3\x1fo\x01\xffp\xa2\x7f\xd8h6\x13*S\xf9\xa1\x971\xf7\xb4\xfc\xba\x9f\x96v\xa4\xc3\xae\x03\xfd\x02\xc0\xc9!\x97\xcb\xb5\xe6uy\x81\xf6|y\xc6\xc2\x1a]Z\xa8\x9f\xfb\xf6&lt;H\x9e\xe2\xb7N\x89\xc8\xfcR\x91\x19E\xde "2\x1f}|3\x9bQ\xde\xd0\x12\x91y\xf2\x9cn\xb9\x1e1\\\xc3\xbe%D\xe7\xc8\t\x00\x04\xccuop*c\x00\x00S\x10l\x00\xc8\x98\xbfo\xcc\xd7\xb3e\x85"\x8b\x9e\xf7\x90\x14\x8eo\x00\x0e`\x8c%\x8a*"r\xc6\xee\r~\xa0\x9f\xae\x8a\xee\xd0]j\x7f\xa6\x82\x8c\x8f\xd0\x0f\xaaI\xc6K\xc0n\x92\xc2\x06`\xdef\x82\xf9\xe9\xf8i"\xe1\xd46\x90\xd7\xba\x99{\xe6\x00\x00=\xec\xd3\xb8d\xb9A\xf6\xc4\xb4\xcf\x91RGn\x00\xbaj\xb9\x8deS\xed\xe6P\xab\xed:}\xe4\xee\xc0\xf3%\xab\xb5\xd4U\xec\x86\x82\xf7\xaa\x1cBDd\xbe`6oH\xc1\x9eG\xc6q.\x9a\xb7\x83\xe6\xb4\xea\xc6\x99o7\x08\xc0\x95\xe7\xeb{\xbe\xde7\x0f\x1e8\xa8N\xbf\x01\xb8\r\xdc\xe8\xfduI\x95\xa7h?\xbe\xa5\'\xa9\xe0nX\x95\x96?\xab\xaa\xa5\x0e\x19\xd5\x08\xaf\x12r\xee\x91\x85\xcc0=?\x90y\x7f\xf8\xa2\x90\x88\xcc+#lF\xa3r\x9f\x13\x80^t\xdd\x00Xb\x9f\xa1.\xfcW0\xa8"\x94d\x9c\xd3\xfb\xb0(\x80\xb3\xc5\n\x93\xb5\xe8\xd8^\x91\xf6\xa1JD\xc6|Dq\x15\xad\xb1\xb6N\x873nq\xa72\x06\x1c\xc5\xa0M\xe9\xd8E\xe1\'\xcd7\xdc\xee\x04\xb8\x1dL\x0e\x11\x99\x7f\x9c\x7f\xf6@\xb0\xd0\xf1\x93\x9a\x95t\xeed\x13&lt;E\x9e\x15\xda\xf0/.\xc5\xfe\xf3\xb9\xfb\xc5\xdd\x00\xe4C4\xe7\x99\xc9\xbd\xa1\xb0\x01(\xadND\xc6\xbcH\xb5\xc6P\x9e\xddizb\x9b\x99\xca\x18\x00T\x19|T\x01\x00\xb8\x05\xd6I\xfaw\xcd\xcb\x8aNX\x9d?z\xcd\xa9\x93&amp;\xb2\x19\x975q\x0e\xb2\xb6\xd7\x8d\xa6\x13y\xfeP&amp;\xd9\x8a\xd3|\x9f\x95\x9c\xc7\x12\xd0\xcc1A\x8e\x14\x04\xaa\xf9\xb1\xa3\r\x00\xc0\x83[W%\xa7\xedp\x03p\xb3\t1\xcc\xf5\xe7Z\x86\xf63u\xb0\x13\xb0\x01(d\x16/\x11\xd1\x8b\xa2\xcb\xc0\xcd@d\xfe\xbbu\xc7\x1b\xb1\r\x84 T\xc0\x9cx\xeb\xaa\xd8J\x8b\x88\xb8\xf3\x8fhX\x17\xef\r\xe6[\xde\x11\x97\xe2\xb1\x0c\xbd0\xd6\tEO\x01\xdd=\xd3x\x89\x88\xcc/Na\t\x18\xc8iz\xbc*\x99\x7f\xb2U\x15s\x01\xc8B\xc6|\xf4\xd16\x00P\x00\xb3\x80\xd8\xf3\xdd\x96\xf2\xa2\xe9\xaf.9\xba\xc2\' \xd2\x04""\xf3\xa3\x13\xd9y\x1f\\b\xe3YN\xb4\xbc\xe0\xe8o\xfcL\xeb\x92N\x1b6\xec\x03\x81\n\xcd#\xe5\xe5\xe6\x19k\xf7\xc3\\\xc3?\xf7\x9d\x13w\x1e\x1e\xcb\xd1\x06\x00=\xd6X^\x16c\xcc\xb2E\xf6\xb2,\\\xa9\xbdd(\xc6\xab2\'\x97\x86\x84\xa6\xc6\xae\x030\x07\xd7az\xb0\x15\x1dG:\x11a\x00\x02\x17"32$\x88\xcc\xb2`.\x00\t\x10\x1e\x0f8\xda\x00\xa0\xc7\xb2,\xcb/,\xcbrY[,W\x9c"\xc1~\x97_=\x9fz[\xdc4\x9c\xa7&gt;\x12\xf8\xc0\xe4\xbb\xec3``B\x96\x19V\xff\xa6\xe3\xcc\x17\xe4\x9ds\xc3\x8d)\x0c\xb4R\x06E\xc4\xda/V\x04"+\x1a8!\x00\x0e\x01\xa7\xa7\xf4a\x1e\xb2\x88\xdc\xa7\xbb\xbc\xf5\xef\xf5l\x04\x00\x80\xf3r\xcd\x93v\x9a%"\xf3\x82X@\x141\xe0x\x82\x99\xd7\xf0a\x80\xfb\xe5\xbbS\x9f\x81\xc4\x87\xd6\xc0\x84\x14\x84#\xb9\x14\xd5b\xdfz\x1e$J\x00\x8ca?fsC`ITLa\x9a\x85o}\x8e\n\xb9\x8a)\x12\xdc\x04\x89\x1e\x7f/\x84\x04\x98\x91\x92\x88\xa4\x90v\xedDd\xbe\x1f\xa3\x02\x80\xc8\xe7\xcbo\x01L~5\xa8\x1c\xb2\x80\xd1`\x03p\xaf\xc4{\x1cg\xff\xe0\xe4\xb8\xf7\xb04\xf7\x00\x87?\xde\x8a\xc1\t\xe6d\x86\xd1\xa1\x02\x96D\x8d\xe4\xbc\xa7\xe5\xdb\xff\xac!D\xc2\x8dE\x02\xbe\x1e\x1a\xa4&gt;\xa8\xb3\xad1\x10\x18\xe0\x94\xb8Sx\xe5}\x809\xd7\x01\x13\x9a\x04n\x97\xdb\x8b4\xd1\xf9\xd6\x9cc\x7f$\xb5m\xa7\xcb\x97\xde\x12\x91y\xa9[\xf1\xdem\x85\x01\x1b\xd87\xb3{\x8fs\xdb\xad\xd3d\x8b\x90;\xcf\x81\xb7\xf4]\r\xf7E"j/\xdf\x01T*\xe4\xb6\xbe\xb8\xe3V\xa1\x8a1{\xe9eyT\xdc\x19d\xa8\xd03\x83\xbf\xd0\xb0\x94uT\xa7G4\xdd\xfdW\xe05P3\x0c\'\xe6\xc6\x9a\x83\xd8\x16A\xfa\xdf\x02|\x9e@\xfaK\xa2\x07\\#\xa4\x83\x1fN\x03\xbe\x06\xf4\xac|W\xe2=q4\xdfm\xdc\x9f\x102\xe6\x8d\x88j\x8e-/\x9d|\xbf\xa7\x1ci\xd6[h\xf2\n4\xf9W\xc8-\xc6\x08\x866\xf3%\xc1 \xc7z\x8a|[~\x9b8\x96\xeb84\xb6\x0b&gt;(\xd2\xd5\x8e\xac\xfa3\x88\xac$\xbc\xdb\xe3{\xfbY\xf6\x00A\x16\x04\xa7\x848JG\xe1\xf4O\x02\xdc\xfc}\xdb\x02\xe6\xee\xa9\xd3R\xf5\xe0\\xY\xd1\xa2n\x9c\xc2\xc8\xc1\x14\x7f\xefBG[\xc4v\xa8\x889av-\xfe\xc2\xeb\xae\xd6\xc4\xf4\nK\x1e8\x1e\xbf\xba\x8bgf\x89\xa5\xa0\x17"\x86\x9d,\xf8\xc1\r\xd1\x9e\x9e\xd8\r\xc0\x0c\xf3\x93&amp;\x0f9\xb2E*\xaa\x15\xed\xbf\xc1\xfe\x9d\x83;\xf1\xea\x91\xf1s\x13\x1eN:pX\x03u:\xf1\xd2\x96\xaf\xbd\x89~\t9l6,X\xd6\x1f\xe9\xf9*\xcf\x9c*T\xf6\x06\xe2;E\xc0\x8cT\xc4%\xff\xe5\x06\x85\xab\xffw\xb8\xfb\xf1\xf0m\xb9\x02\x14\xbc\xa8Go\x1e\xda\xba\xf8\xce\xbb\x0fT3 ~&amp;\x0f\xce\xc6\xc1\x98\xfa^\x91sm#Ogp)\xb7\xdd:\x0e\xees\xcf\x8a\xd2\xb3\xd2^\x0fs\x13\x00\x03\xb9\xf1\xe3\xffVxo\x9c\xd7Kk\x17\xbf\xf7\xd1\x86\x80\xb3\xd2;WL&lt;\xb8z\xa7\xc7o\xee)\xbc\x0f\xf3v\x16h\x84\xac\x7f\xc7)\x9dx\xf8\xb3\x9c\xcbZ\x00\x02\xb0\xf4\xd7\x01\xbf\xf19\x07\xd7`\xfe\x11\xf8\xb9\x07\xdd\xcf\x0bf\xceE\x12\xc3\\\xe7L\xda\x10c\xcc\xdc\xb6E\x18\x12\x183G\xe0\xe9\x81co\x0b|\xfe\x19\x18\x83\xefM\x03\xf7\xc8\xcd}\x9dK\x1e\x7fit\x87C\x9er\xdf\xfag\xfbhY\xcc\r\x07I\xd6\x15\xea\xea\xcc\x90\x90\x1b\xdc\xae\xfb\x01\xeb\x84\x1b\x03_\x03z^*\xf7\xe2\xdc\xf9\x9f\xe0\x91\xf7\x07\xeeU\xe8\xfa]C8\x0c8\x02\x91\xe7\xd15\x124\xa7\xb1\x93\x1c:.\xd1?\xee\x83k7%;\xcb\xfe\x12\xc9s\xf4j-\x83\x17r\xdb\xd7\xae\x8fQt8|K?\xbe\xbe\xf9\x87\'\x99e\x99\xc5\xb7\x1c\xdf~\xb8\x7f\x00\x18A\xfdM\xeao\x8d&lt;\x00\x10\x95Fn\x11\xb2^\x8c\x1bl77\xb0\x1b?\x86(\xd9\x00\xdc\x98\xc7f\xe7D\x0f\x1e|\xc09\x1eq\xe9\x82\xfc\xd9\xa7\xf3&gt;Z\xe9f\xe9i\xb8\xfe~F\x9dU\x0f\xd1\xb7\xa7?\x1d\xfc\x7fl\x87\xce\x14N,\xc5\x0e\x9f\xbeE\xe0\x1e(\xcd\x14-\x0f\xaa\xf2\x1b\x80\x89\x895\xf3,\xf6\x83\x1b!\x1fo\'\n\xc8{\\\xfd\x9b\x92\xc3\x8b\x17?U\x92\xb4)\xda\x00\x0cncZ\x9d\xd4\x92T\xb1y\xfa\xeb\x7f(\xca\xd2\xeb\xa3F9\xf3\xb8\xb7\x803\x8ebp\xeb\xbc\xb7\x1d\x94\x85\x01\xca/\xe2o0\xca\xd9f\xd2z\x98t\x98Y\xd3\x03\xe7h\x83x\xbb\x05\x8aNL\xa6\xdc\x00\x14\xd8S\xb0\x01\x107\xb3\xa7C\x14\xbc}\xae\xb3-\x00\x00\xa8!\xc8t\xf6\xd7~\xb1\x19\xf0\x949\x91\xbd_1M\x96gn\xc2|\x82\xc0\xb0N\xc6\xdbb\xcbU\x1c\xee\xcc\xa9\xc9-\x92\xe0\xbd\x9b\xa5h\xcf\xd0\x95\xa2\x95\xfa\xa5\x86L*\x19\xf3\xdc\xe6\xe8\x96\xc6\xf3\x15\x19\xff\x17\x8bS\xf7\x10Jf\x87\x19&amp;\x11\x00\x00P\x82M\x7f\x83\x96\xcb\xffN_K,\xa17\xb7H\xc7\xce\xc8d3~\x03@\x9c\xa30\xb7\xb5!\xed\xd6I\xb6\xa3i\xe8\xd1\'0rF\xa69n\x98\xe1\x8eD/\xed\x89\xa6]\xdfr6\'\xa9\xadxa\x7f\r\xf5\xe7\x90\xee;&gt;P\xe7\xe4\x98E\x11\x00\xcd\xb4\x1e\xcc\\b\xfd\xb9O\x18\xee{6\xff&amp;\xcd\xd1+\xa8.\x9d?\xaa,\xf9l\xf5\r@\xe4\xa900\x84\xe2\xa3\xd9\xd1\xd04\xc7\xd8\xf3\xf0r\x92^\x9blX\x11\x911\xdfr\xa0v\xb9+JK\xa67\x00Dd\xcc\x93K-\x9d|T61ML\x9e\x05"\xfa\xc5\xe09\x82\x03\xed\x01@\x08\x99\xb7h\x9a\xbf\xa7\x9a\xc3\x8a\x88Y\xde\xd6\x1c\xe1\xa4.\x97\xdf\xd1\xb1\xab\x9d\xe7\xeb;\xd0\x9b\x93\x0e\xeay\x90y\xafo\xf2&lt;K\x0fZ[\xa1\x92\r@\xf3\x17.\xd5%\xc0\xda)\xef\xad\xce\xb3m\x98kk\nN\x01b\xe6\xbc\xd4\xf7\xd9\x83\xf7^\'c\xe8\xaboaA\xa9pKD0\x0c\xce\xee\xa5;\xe1N\xbb\t\xa9\\\x91\x0f\xca\xafA\xbbpT\x0f\x166\xaax\xb9Y\xb2p\xcf\n\xff\xae\xad\x9cP{\xdd\xb6\x8d\x88\xfe\xf2dc\xea\\\xd6\x96\xf3\xd8\x9bn\xddpp\x9ex^\xfe\xb5\x8e\x98\xc2\x83\x9c\x84\x0c\x1d{\x0e\xe2\xec\xf6\x83\x93\xd1#\xde\xbe\x19\xc79j\x1c\xe8\xc9\x84^\xe6-\xbd\xef@+]\xcd\x97n\x00\xde\xbc\xc4\xc8\x0e\xfe\xaf\xb9i\xa0j\xc0\x084\xcc\xae\xad~Bw\xdd9\'\r\xf2{bT\xf7`/\x98\x05C\xe5$&lt;\xf8h\x03\xf2\xc8\xc6\xda\xff""c\xde\xd9\xbd\xf8\x19&amp;Q\x17!\xaaI\xc2\x99?7I\xaal?\xbei\xd0Y7_|\x93\\\x87\xdc\xa2\xe0O\x9d\x1d\xd1\xfd\xe5\xfc\xb3&lt;\xf2\x04\x00P`\xff.\x85S\xe5\xbb\xd1v\xbe-6H\xa0\x17\xd1\xd5&lt;3\x1e\xff\xcd:NO3T\xcfK\xf6s\xa8\x93tA\x97\xbc\x1d\xdbZ\xec\xd7\xbbF`\xe57\x9c\xaa\x9at\x8eQ\xa6i\xe1\xa9\xd6\x00\x95\xbc\xd9D#\x17\x80Y \xf3\x92\x99O\xc1N\xb2\xf2\xf8\xaecf_{:D\xfa\x00\x8a\x14?\x1aq\x0f\xf3\xf4\xc4\xcc\xb6\x01P\x81iKz\x03\xb0\xbd\xd5\'\x1ak\x04zf\x1c\xf60\xcc8z&lt;\xb8;\xee\xa1\x831\x8aB\xbd1\xd5H\xad\xe0dH\xe2Uc\xae\xb2\xd3\xfe\xd1\xc3\xe3s\x89\x88\x1e0\xf6\xae\xb7\xf1]}\xb4\x13\xc0\t\x10\x06\xc9;\xe7\x8bl\x12\xe7\x19\x86)&amp;7\xaf\x95Y\xfc\xffm\x07E\x82\xab\xb4\x9b\r\xed\x87M\x14y}W$\xb6vG\xfa\xe40\x03RA5z@M\x91F\xc04&lt;\xa3\xb4\xc2\xbe\x1aH~t\xcc\x1a\xf05#\x9f\x02n.w\xa4\x04Z\xee=\xc5p\xfd\xb9\xa3\r\x00\x17\xaa\xa3%:\x9c\xcf\xb0\xfa\xbf0\xbf\x85\x13Q\xdb\xa1u\xbbA2\xff\xd1Y\xbe7v\x96m\x80vdN\x14ES\x0e:z\x01\x89Uj\x9f\x11\xff\xbf\xedr&amp;`\xa2\xa9|\xca\xa0\x02\x07\xa0\xba\xb6v\xf7\x03\xe1\xf2\xbdT\x0bW\xfd@tw \xeb\xa6(\xb7\x83\x9a$e$!c\xce\xf2\xe8\xeaI9\xca\xb1\xfb=("2o\x8b\xfe\xbd\x19\xae=\xdb \xa0,!\xf7\xcbf\xd9\xa3\xa8\xf32\xc1\xacW\xcf\x1c\xb3\xf6\x14&lt;\x11N\x00s\x12Y\x9d\xb7dj\xe7\x19M"2\xefGu7\xb9\xaeU\xbe\x89\x8c\xa1\xcf&gt;~\x08\x956!\xeaC\xf9\x8e\xe8Z\xe6\x11\x9a\x13\xa7\xeeLLD\xe6\x05;\x9d\xc3\x81\x16\xda\xfb\x82\xb6o{L\xae\xb1N\xb1G=\x05\xf9U\xec\xa9\x87X\xbf\xe5`\xc5V\xe4$\x9e\x9c\xccN\x1d?\xff7E\x8b\x8e\xe2$gs\x00\xe4\x08Cy\x92\xfcHD\xdf0\x81\x19\x1bEn\x89\x14v\x8eT\x05\xd2(\xa4\xd0j\xa1a\xf5\xd2n\xf2\xec\xed\xa4\xbc\xa9R_X+\xfel\xe0\xed\xfb\xc9\x19\x92\xc6\xa9q\x1d\xa8:H\xb5K\x9e\x97\xe97\x003\xdbV\xc6$\r\xb1\xcc\x98\xc2\x1e\x00@\x9e\xd9\xd2\xb4\xdc\x9e\xe8)\xfb\xe5\xe2\x07P\xb4@D\x94\xee\x1e@u\xc9N\xc6&lt;^O\xda\x04\xcc\x14r5(=z\xbbG\xdad\xc3\xf0\x1e\xd0&lt;_\xdc\xf7r\x92\x82\xd2\xbct^\x1e3\xd9\x06\xc0\xb6d\xfa\xcdIw\xa2\xcd\xbf{\xcf\xdc\x1c7\x9eg\xc0\xad\x93G\xbf\x8a\x00\x00 \x00IDATQ\xbe\x01H\x15\x90/\xd4\xba\xec\x01@\x84\x9b_\x00\x89\x81\x13f\xa3\xb2G\x84\xcb\xfa\x7fy\xfb\xe9\xc5\xfdL\xcb\x94\x14M\r\xb7G\xack&amp;\xef5\x00\xc0mSp6\xd6\'[\x9d`\xf6\xd2\xe2\xe6\x1bxB\xda{\xe4+\x14\xac\xb8c\x1a\x06\x85&lt;w\xdd~n1\xf3\xdd[\x0e\x98\xd7\xb6\xa3\xfd6\xafg\\\xceb\'\x00@@\xd1\xcd\xf1\xe9\x8f\xea\xe7\xb4\n\xf4\x00}}(\x93f\x80\xbbf\xe2\xcc&lt;?\xc7\xfa\xed\xc1\xd6\xebq\x96\x0c\x8d\x963Gf\xc5\xfd\xf3\x07t2\x05\x00-nm\xb6\xa09[\x141iFSO\x01\xad\x0f\x14\x14;p\xcb\xe3\xeb\x03\t\xe8\x82Z\x96\xe5h\x0b\xa6#\xb9J\x18\x14i\x0b\xfa\xa5\x92c\xfd\xf6\xc7\xd6\xebq\x96\x94\x06K\xf5\xf4z\xea\x8d\xe9\xc5\xf6\xd2\x06`\x030\x178\x1dIr\xc9\x04\x19\xff,\x93O/W\xeb\x1e{\xb0\x19&gt;\x9e\xcf\xe8\xba\x84=\xc6\x18\x96\x99l\x89B\xd6\xd2\x7f\xbdT\xe4\xc57\xb9\xe6\xf1kBw\xfa\xe0\x14\x1e\x00\xd3s\xe8f\x7f\xf2\xf4\x0c\xe6\xa3,`J\xc3k\xcd\xcf[\xf4?G\xa1\x80\x1e\xc4\x87"\xb7D\xc4\xa2\xf1\xd4|\xe2\x9az\'\x7fv\xe50\xf4|ro\x8e\xa5\xca\xcf\xfb_\x1c\xfe/\xee\xf3\xf8\xf9)\xd55\x9d\xc7\xcf*#\xf6\xfa\xb4\x9b\xfb$\xdb\x1d\xf6\x02\xe8\xc5g\x0c\x9b_0\x91\x81\x130\xdd\x07\xfcJ\xcdX\xa7\x9b\x7f\xdf\xc7\x1c\xd0\x13;\xec4\xa7\xfc\x17n\x0fe\xfa\xc09\xc6\x83\nw\xb5\x90j]&gt;b\xe9Y\x87\xeaC;\xf0?\xb8\x03\x10\xe1G2\xc9\x92w\x06\xe6\xd9\x00\x94\x0e\x8a\x86\xf3&amp;p4\xfc\x06\xe0\xf9\xdb\xe6\xfe\xc8\xea\xad(Pf\x1a\x0f*\xdc\xf2 \xf1z\xeaM\x9b\xcf\x8f\xa7:\x11\x01*$;\x14\xfb\xbd\xbe\xc4\x9d\x0f\x9f\x83\xe39.\xd5+\xeb\xd5\xc8cz\'8C\xbc\x8a\x99\xfa\xc4\xc4\xef\x00\x94\xad\xd4\x9d\xb8\x8fD\xde\xb5\x98\xe0\x192\xac\xffN\x08\x19C\xe6o\x90\xf3g\xb5\xac\xe6-\x04\x98\x0b\xa7C\xa3\xef\x0f6\xea~\x88\xb9\x17n\x07\xe7c}L\xf1h;\x18\xbe\xcd\xb3\xeay\xec?\xc9\x98\xb7S\xd2\x93o\xfb0\xff \x87\x9c\x9d_1\xc6lS\xf4\xeb\x94\xf4%\xb9\\\xae\xc5\xa3\xf3\x9d\xd9X!\xa2\xbf\xe3\\\\\xa5!\xaa\xee\x970\xae@O\xbe\xa2\xaf\x93\xb3\xbd\x89\x8e\xd6\x05\xce\x04\x17n-\x12~\x83&gt;\xe7$_PVz\x96\xdaA{M=e;\xc0)\xa88s\xa5\x00\x91\xa6\xb7\xe4\xcf\xfb\x99+\x1f\x8bX\x1c\xcaT\x8b\xb0\x996\x00\x87\x1b\xd0\x89\xcf\x95\x0fv\rN0g\xdf\x10\x07\xb9\xfa\xf8\xd1\nl\xfe\xde\x04\xf9\x13\x9c\x03\xc9l\x1b/\x800;\x1d\xdb\xf4_\xb5\x94\xe76\x00A\xc5\xed\xad\xc8\x13\xa8\xb1w\xe7X\xf9\xdd0ag\xcd\xb3\xe0\xbe2\x8b=\x7f\xf3h\x03\x8c1\xdb\x88\xf8\xb0\xca\xcfT\xa8\xdb\xa3\xcf\xb3\x9c\xc1H\x1b+q\xc5S\xdc\xbd\x01\'\x8c\xe3\x1c\xe3\xdaAnp\xc1Y$P!=\xdb&amp;\xd6\x87\xb3\xcc\xd4\xa0\x00w\xe5\x9d_\xca\xf3\x02\xac*L-\xc9\xa6\xe2\xc8\xdbdw\n\xd7#n?\xce\x01\xd2\x8aK\xb5+\xe0\xc3\x0b\x1d\xfcp\xae\r\x80\xbe\x91X\xa5\x1d\xc9\tB\xce\xa3\xd4\xe0\xd350\xc7\xb3]Z\xf4V\x07\x9bQNv\x03p\x83\x9du\xdb\xb8}\xd9\xbc\x01H\x16H\x0b\xc4\x02\xa5?\xdcCV\'p;6\x00\xddx\xf3\xbbsl\xbfX:O\x94\x9e\xc5N\x9b\xda$p\x9aN\xb9\x0b\xaaNsn\xad\x07\xd7\xb5\xd0-\xb4\x0b\xc7s\xe7\x87\xe9?Y\xa7\x92OP\xe2\x11\xd9\x1d\x82\'\xab\xd0\xce\t\xf9\xc6!Z\x8a]\x91\xdc\xb5O\x05\xbf\x8d&lt;I\xef\x9f\x8c\xb5\xf7\x7f\xee`;,\xe6\x0bH1\xe7\xb1\xbc\x97\x93{z\xe0\xc4\x81\x01V\xeei\x03\x10}\xde\xe1\xea\x84g\xf4hW\x93\xcc\xf2\xde\x11,\xdb\xc0\xadb\x9d\xeb\xc7\xb6\xb3\xef&amp;\xde\x00\xe0&gt;\xb2\x10\x89\x8bn\xd0\x8d\xc82=\xb8xu*\xdfNe\x8c\x047\r\x9e\x82~s\xf6Y&lt;\x00\x8ea\x92\xf5\xa2\xb3 )\xfc\xceC\xf3ka\xf9\x0fb\xcb\xe6T\x1f\xef\x07\x8f{\xda\x9e\x81z\x8a\xa2D\xb4\xfa\xef\xcc[\x1c\xa7Z\x1d\xd1\x9d\x99\xfefd,x\x19\xee\xb6\xd2\x04\x86\xdd\x02\x8a\x93\xc7\xc8Q)5\xfb\x13N\x16$G\'7\x00@\x19\xc1\x9a\xa4\xec\xd8\xbbEq\xc5\xa992\x0c\x98\x10D\xe4!d\xdd~X\xbf\xc8\xef\xf6\x80\xbbC\x1c\x12\x88\x9c\xfeL\xe4a\xa5\xee\x9e\xa8E`~\xe4g(\xe1\\vD\x82\x1ar\xbb\xe0oa\x10\x0103\x82/\xe8\x8d\xa7\xa7\xc6\xe1\x9d\xdfx\xf4Z\xfdcE\xd8\x97g\x1b4\xa5\xf9ZX\xa5/4x\xf7x\x87\x9b\xd5\xa9\xda;\xe7\xb3\x10 \xca\xecO\xbb\xc9\x0c+\xd9\x00puo\x0c\x9c\xd9\x010?\x99!\x1a\x1f\xc6#N\xe5\xc9\xfa\x977\xa1\xa7v\xd0\xc0w\x1fp\xa6\x15[\xf9\r~@\x163\xdf\xe1\xc8\xfd\xbf\x96D\x7f\x1d\x06w\xc4#\xd9\xd8\xb7j\x95\x96\xbb\x85\xe1L\xb4\x7f\xe9\xc5\x88\xb6T\x1c\xdba\xdf\x0e\xd4\xb9\x81\xa1{\x18\xd11Ld\x0c\xfd\x15\xd99\xa5F|\xddhO\xce\x13\xc6\x98\xcf,\x90|\x0b\x99}Z\xae\x8ee=\xac\xea\xf6UT\xecf\x91s\xfd\x0c\xdd=\xe9\xf7S\xbdIO\xef\xd1\x0b\xcf\xd8d\x8f\xf9-\xdc\x986\xd4\xa3\xbf\xddi\x88\x8cy\x9a\x89\xee\x9f%\xcd\xd1\\nnft\xb9\x05]B\xa3j\xd9]t\xe5\xd6\x1d\xee4\x00\xcc\x9aV\xdeh\xd6l85\xb1\x01\\\xbe\x90b\x12P\xfd\xe6a\x97\xd3\x98\xceN\xb5(\xbc-\x14\'\x06+\x90^\xc5p\xc1)\x9b\xff&amp;\xe2D\xa6*\xd2v\x9a\x00N\x8d\xb4\xeb\xd3C\xa3\xf4\xbcYX\xfe\\\xd9#\xe4\x10\xfb\xcf\xee4p3 \x04\x1d\x8a\x86\xa5\xce\x00&amp;\x07\x15\x81\xf2\x07.%v)\x98\x04\xca\xd0\xdc\x00\xa4{\xf0t\x1b\x803\xa2\xe1\xde\x97G\xae\xbeC\x8a\xc6\xe6vd\x13?\x99*\xd0{7\x1b\xce\x91\xd9o\xd3\xf2}E\xcb\x0c$g\xa0\x03\x8eu\xb3\x8c\x1cl\x1fL&gt;\xc3Tg\x99\xd0$!s\x9a-\xb5J\xdb\xf8\x9c\xb4\xb3\xf6\xf2(T&lt;\x03\x0f\x83\x1a\xe4I8;\x89\xa8D\xe0\x8ca\xfc\x1d\xf3\x99\xa4\n\x11\x99\xf7\xbc\xf16\x82A\x9cwUw\xabl\xdd1[\xbf\xccfO\x11\xf3Y\xbe\x8e\xbb\xe4\x93\xa6\xf5[\xc1\xeb\xae\xfe\x05*\x1a\x8eC\x81\x08d\x8cy\xf0\x99G\x0185EgC\x83f\xf6\xe1ca\xcbN\x91\x1c\xf5w\xd5\x9a\xfc\xe2\x87\x0fs\xc9\x1c!\x15\xa5`\x0e8\x04\xb5a\xec\xcc\xebW\x81_\x8a\r\xc0\xed\xd0\xbb\x1fo"N\xa6iBf\x91\xed~\xa2\xaef\x03\xb0J\xa8\xb4m\x1aG\xcd\xc7\xb4\x9e\xa1\xe4\x9f\xe0\xdc8\xd9 =&lt;\x85\xc5\x0e@\xedIT7\xb3\xd9\x7f\xea4\xf9\xf0u\xd1\xa0-\x1c\x98\x19+\x08\x14\x9f\xe1F`\xdd\x1e\xd1g=\xcb\xa4$\xe7\x8c\x9b8\x18&gt;\x93\xfd\xf5\x1b\x00\x00N\x15\xea@@\x97\x8f\xed\x9e\x8e0%\xf6\xd8\xed\xcc\xe0\xbdw\x9e\xc0\x06p$\xee\n\xe0\xdf\x1a\xf3\xb2\x8d\xc2\xacAr\xb3\t\xe2\xceh?\xf9pB"1s\xdc\xc8\x06\xe0&lt;a\xef\x0e\x7f\xe5\x8f\x02c\xf8\x83\x10D\xc5x\xb6\xf1\xf8%\xca\xce\xbf\xcd\xae\xfcMf\xb9\xaf\x9c!\x01\x98\x02r1\xf3~c\xf1m0\xafo\xd7\x94\xd7a\xfdj\xa5N,\r{#\x9f\xa8(@\xd7\x0c\xf4r\x00|\xa2\x7f\x92\n\x04\xd4l\xf21\x84m\x0e\xd8\x00|\x18\x9c\x0f\xba\xf3a\x9dV\x00\xa0\x03\xbd:H\xb6\x16\xd4\xd2\x9e\xf9d\xea\x11\xdb\xa4\xdb\x89\xfc\xa2Q\xcc\xf5\xbb\xa2+\xc8\x98\xe7\xf8\x8cc\xb2\xcac\x8eP*\xe1\xa0H\x9b&amp;\xb7\'\xe3s\x16#o\x94\x12\xf7n\ta\x9a\xc89\x1a\xf8\x01\xdc&amp;\x9d6\x00\xaf\xa6*\r\xf4%X\x08\xfe\x8b\xb0\xc8H\x1b:i\x88\xe9\xed\xa3\xee4\x14\xba}vwa\xe1\xe2\x11\xf4\xaf\xd6\x10S\xdf4\x02ej;\xba\xfe#\xfe\xa3\xf8\xe7G\x1b\x00\xc0MCD\xe6c*S\xc0\xdd\xdeR8y\xab\x8f\xbc\x1d\xe4n\x00~`\xbc\x01\x11\xc8|\xc5\xa9\xfbt\x1e\xe0\xc69\xb8\xd7\xe4|\x7f\xdcfGc\x87\x0f@_\x1a\x17\x82w\xba\x01\xf8\xaa\xc3V\xcfrd\x87v\xb5_\xef(-\xc8\x96|Z\x9fgQ\xeaX\r\xf8\xa0I\xec\x01@\x91I\xe3\x99\x88\xcc/0\xb6\xadcpR\xb3\xc1Xn3\x12\x12\x13\xa8\xca\x1c\xb4-N\xa6\x99d\xc1\xb44\x9e\x04O\xbf\x0e\xee\xc3\t6\x00".\xad\xe8\xd6\x90\xb4\x8bn\xc4\x87\xc3\xe9\xb7\xb5KJCO\x81\xee\x1cxg\x12\x04\xa0\x17\xba\xd0;\xbc\xed\r\x80y\xc0\x88N|\xc0\x00\x1d\xa0\x04\xf1\xceoY\x9a\xf4,K\xa3\x803r\x19\xbf7\xd0rZ\xff\xedx\xf0\x16Mv\x1f\xe2Z\x01\n\xc8\xcd \x97\xfeTt\xecb\xcc\xa9\xa3\xfdNc\x0c\x8biP\xc7a\x81\xd3]\xab uv\xb6\xa1\xf7\xcaaY\xae\xcb\xb2eY\xcc_\x9d:o\x83r\xf6C\x14Y\x1cc\x92\xa8`Z\x8f\x95\xde\xf2s\x9f\xc8WoTJ,N\xfb\xaa\xc9:\xedn\x1d\x1b\xc9{\xf7\xeb\x8d!\rWS\x81\x9c0\t\x9d\x9f\x1e9\xac\x7f\xb3\x8d\xba4\xfc\xc1\x88@pR\xf0\xe0\xd7\xed\xd2\xa7O\xeb\xf7\x00\xf9\xc2\xe9\x8d\xe8\xe9f\xfa\xb59\xb3\xafQ&amp;7\xaf\x1fX&gt;z\x9c\xce\x1b\xd8\x03\xcc\x86v_\x1c\xd0\xb9\xf6\xd4\x96\x9e\xe6no\xed\x84\xa1\x04x\xc4\x91AH\xca\xf7\x00\x11\xfd\xb8\xb8\x8bUB\xe2tA\xd5\xf3n\t\xafp\x88\x16\xd0\x95\x93\x05y\x8a!\r\xb9\x1dw\xdd\x02-\xd1\xbb&gt;\x89\x1eHl3\xc9\x91/*gi\xbc\xd1\xe8Jnin\xb3\xc9\xa0\x8d\xc8\xf2\x8b\x19\xae\xdd6\x00?\xa4-\x10\xe8qI\x1c\xc9\xf3{\x85</t>
        </is>
      </c>
      <c r="E2" t="inlineStr">
        <is>
          <t>&lt;class 'numpy.ndarray'&gt;</t>
        </is>
      </c>
    </row>
    <row r="3">
      <c r="A3" s="1" t="n">
        <v>1</v>
      </c>
      <c r="B3" t="inlineStr">
        <is>
          <t>steps_per_sec</t>
        </is>
      </c>
      <c r="C3" t="n">
        <v>100</v>
      </c>
      <c r="D3" t="inlineStr">
        <is>
          <t>1.1243371</t>
        </is>
      </c>
      <c r="E3" t="inlineStr">
        <is>
          <t>&lt;class 'numpy.ndarray'&gt;</t>
        </is>
      </c>
    </row>
    <row r="4">
      <c r="A4" s="1" t="n">
        <v>2</v>
      </c>
      <c r="B4" t="inlineStr">
        <is>
          <t>Loss/RPNLoss/localization_loss</t>
        </is>
      </c>
      <c r="C4" t="n">
        <v>100</v>
      </c>
      <c r="D4" t="inlineStr">
        <is>
          <t>0.47840905</t>
        </is>
      </c>
      <c r="E4" t="inlineStr">
        <is>
          <t>&lt;class 'numpy.ndarray'&gt;</t>
        </is>
      </c>
    </row>
    <row r="5">
      <c r="A5" s="1" t="n">
        <v>3</v>
      </c>
      <c r="B5" t="inlineStr">
        <is>
          <t>Loss/RPNLoss/objectness_loss</t>
        </is>
      </c>
      <c r="C5" t="n">
        <v>100</v>
      </c>
      <c r="D5" t="inlineStr">
        <is>
          <t>0.047214434</t>
        </is>
      </c>
      <c r="E5" t="inlineStr">
        <is>
          <t>&lt;class 'numpy.ndarray'&gt;</t>
        </is>
      </c>
    </row>
    <row r="6">
      <c r="A6" s="1" t="n">
        <v>4</v>
      </c>
      <c r="B6" t="inlineStr">
        <is>
          <t>Loss/BoxClassifierLoss/localization_loss</t>
        </is>
      </c>
      <c r="C6" t="n">
        <v>100</v>
      </c>
      <c r="D6" t="inlineStr">
        <is>
          <t>0.48431543</t>
        </is>
      </c>
      <c r="E6" t="inlineStr">
        <is>
          <t>&lt;class 'numpy.ndarray'&gt;</t>
        </is>
      </c>
    </row>
    <row r="7">
      <c r="A7" s="1" t="n">
        <v>5</v>
      </c>
      <c r="B7" t="inlineStr">
        <is>
          <t>Loss/BoxClassifierLoss/classification_loss</t>
        </is>
      </c>
      <c r="C7" t="n">
        <v>100</v>
      </c>
      <c r="D7" t="inlineStr">
        <is>
          <t>0.45210412</t>
        </is>
      </c>
      <c r="E7" t="inlineStr">
        <is>
          <t>&lt;class 'numpy.ndarray'&gt;</t>
        </is>
      </c>
    </row>
    <row r="8">
      <c r="A8" s="1" t="n">
        <v>6</v>
      </c>
      <c r="B8" t="inlineStr">
        <is>
          <t>Loss/regularization_loss</t>
        </is>
      </c>
      <c r="C8" t="n">
        <v>100</v>
      </c>
      <c r="D8" t="inlineStr">
        <is>
          <t>0.0</t>
        </is>
      </c>
      <c r="E8" t="inlineStr">
        <is>
          <t>&lt;class 'numpy.ndarray'&gt;</t>
        </is>
      </c>
    </row>
    <row r="9">
      <c r="A9" s="1" t="n">
        <v>7</v>
      </c>
      <c r="B9" t="inlineStr">
        <is>
          <t>Loss/total_loss</t>
        </is>
      </c>
      <c r="C9" t="n">
        <v>100</v>
      </c>
      <c r="D9" t="inlineStr">
        <is>
          <t>1.462043</t>
        </is>
      </c>
      <c r="E9" t="inlineStr">
        <is>
          <t>&lt;class 'numpy.ndarray'&gt;</t>
        </is>
      </c>
    </row>
    <row r="10">
      <c r="A10" s="1" t="n">
        <v>8</v>
      </c>
      <c r="B10" t="inlineStr">
        <is>
          <t>learning_rate</t>
        </is>
      </c>
      <c r="C10" t="n">
        <v>100</v>
      </c>
      <c r="D10" t="inlineStr">
        <is>
          <t>0.014666351</t>
        </is>
      </c>
      <c r="E10" t="inlineStr">
        <is>
          <t>&lt;class 'numpy.ndarray'&gt;</t>
        </is>
      </c>
    </row>
    <row r="11">
      <c r="A11" s="1" t="n">
        <v>9</v>
      </c>
      <c r="B11" t="inlineStr">
        <is>
          <t>train_input_images</t>
        </is>
      </c>
      <c r="C11" t="n">
        <v>100</v>
      </c>
      <c r="D11" t="inlineStr">
        <is>
          <t>[b'1024' b'1024'
 b'\x89PNG\r\n\x1a\n\x00\x00\x00\rIHDR\x00\x00\x04\x00\x00\x00\x04\x00\x08\x02\x00\x00\x00\xf0\x7f\xbc\xd4\x00\x00 \x00IDATx\x9c\xed\xfdk\xec=\xdf\xbf\x18t\xcd\xfc\xf9\x9f\xc3i=RK\x03\xe5&amp;J"\t\xc2\x81P\x08\xa4\x8drI\xf0\x12A\x04\xabib\x94\x07\\[lk\x10\x92\x1a\xb0&lt;\xb1@\xa0\x90\x02A\x9fP\xc1&amp;\xe5h\x82\x01\x04\xa1I1\\\x95[9$$65=4-\x10!\x90J\xa1\x1c\xc1\x1e\x1e\xb0|\xb0?{\x7ff\xef=3{\xcd\xcc\xba\xce\xbc^\x81\x9e\xdf\xff\xf3\xdd{\xe6\xbd\xae\xb3\xd6\x9a5\xb3\x87\x0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b8\xb21\xc9QB\x08O\x07\x1d\xd3\x1c\xb6\xa4[\x12\x96"\x0f!\x8c\xc30\xdc\xff5\x84\x10\x93\xc6\xa5c\xbe\x7f\xfd\xfe\xc9!\x84\xad\xb9\xf7\x95\xf7\xb3\xdfZI\xd4\xec?\xbd\x04\xf6\xf8\xcc\xc7\xccY\xf9\xd7\xd9#\x17\x13\x13\xdb\xcb\x87o\xe2\x93\xb3/i\x8fs=\xb27&gt;N\x00\x80#~P\xef\xd4\xe1\xa6^\x00\xdffG\xe4/\xe1\xed\x08t\x1c\xc7\xc8!\xdd\xedc\xbfc\xf3\xe8\x7fH5\x85\x9b?\xf48\x0eo\xb3\xbb\xa5\x8f\xbd{\x1eO\xff\xec\xd6\xb3\xc7\xd5\x8d\x9d\xb1\xad\x7f\xa5\xc0@|\xbc\x1b\x8c\xfb\x81"\xda\xb9\xe6\x02\'\xf1&gt;\\\xde\xf2\x95\x16\xfb\xa30\xf1\xf1\x93eB\xdaa%\xfe\x83W\x82\x97\xef~\xca\xab=\xe7\xfa\x10y\x08C\\*6\xa5\xb4\xe5\xd2\x04\xf6\xf8\x11\xa3\xde/&amp;\x00@\x1aO\x0b\xe4\xbb\xba\x95b\xfd\xd1\xae\x13\xfd\xfb\x91\x93\x93\x83i\x9f\x8d-U\xce\xa4\xcd\xde\xc7\xd1&gt;\xc6\xfc\xfc\xafk\xf3\x90\x8f\xe7:j[N6:#\x05\xf61\xea\x05\xc8hw\x0f\x9bi\x84\xda\xbe\xc7\r\x90\xd9\xdb \xe5/Z/c\xf7\xd9\xb3\xef\xbd\x1f\x92l\xf9?\xdf\x11:\xaa9\xc0\x16&amp;\x00\x00-\xbah\xef\xdc\xf8\xbaT\xcc\x9a\xfd\xecM\x80\x8f_\x8fIu\x83w?\xa08\x158\x8d\xc6;\xdbo]\x04\t\\\xc4\xca6\x95bg\xa7\xae\x97\xbd=\xeb;\x97\x96\x8e\xf0\x18\xcdDO\x00\x14=\xd7\xd5\xcd\x98\x95\x94\x948P\xc8\xe7\xb7\x00\xed{E\xc9\xfb\xd5\xcb\xc5\xacS/\x05w{w\xcdji\xce\xfc\xd38\x8e!lx)\xe78\x8eY_pt\x8c\x9a\x0c\xe4\xd0l\xa7\x07\xb0\x97\t@n\xf9\x9e\xa6H\xf2\x98r\xf6\x15\xcd\xbd\x8fb\xd7\x1a\xd0k\x11\xccR1\x00\x80Xi\xc7\xb29\xc6\xeb9\xe7\x00\x17\xda/q\x9d\x94\x02\xe8\xf1\xa0\x1b\x19\x9b\xeb\xf5:\x82\xf5\x17e\x86\xfb\x1b\xf1s\x9c\xb7\xdfn7\xfe\xe1\x84\x1e\x9d)-\x90\x9a\xd6\x01P\xc3\x8e\x9d!\xf9\x0e\xde\x98\xf4\x91\xc7e\xc8\x9e\xb7p\xf6\x9c\xcf3N\x96\x1c\x00\x80\x8e\xed\x9a0\x18\xccm`\xec\x0b\x00@.eV\x8e?\x9e\xe2\xe2C\xde\x8b\'\x1f\x00\x80\x15\x9f_\x03\xda\xa0\xdbk(\xd7\x87\xb95\x07\xc1\x0b\xbf\xa1[,\xa4\x97\xf7l\x9a\x0f\x00\xd0%\xd7/\xe8E\xb1\xe1f_\xe3\xda\xf3\xed\xaa\x07`\x13W\x01\xe0\xb4\xae\xd0\xc1\x19\xcd\x03\x00\xd0\xa9\xf4[\x80\xf6\xfdr0\x00\x00PS\xbe\x17\xcc\xcf\x9c\xa8C\x9d\x86MKT!\x00\xa0\x82\xb9;\x00!\x0c\xb7\x07mK\x07\xd3\x19s\x00\x8eP}\xd8\xe2Cu\xf9\x05\xea\x13\x00G45\xae\xcd\x1f\xcc\x8fd&gt;~\xac\xa6\xb2\x9d\x02\x948\xf1\xbc\xfb\x18\x80\x8c\\E"\x9d/\xa3\xce\x97\xa2\xc6\xc9p\x00\xa0\t\xf5\x07%\x05\x038\x9c\xd8\xday\x05\x00\x00\xd4R\x7f\xeetaW\xcb\xfc\xab\xa5\x17\x00\x80::\xfd\x01\x84N\xc3\x06\x00\xc8!\xfd\xef\x00pz\x06\xd3\x00\x00\x9c\x87\xd1\xedG\xb2\x08\x00\xa0_\xee\x00\xcc0\xc0\x8d \x8b\x00\x00\x00\x00\x00x\x08!X9\x06\xe0\n\xdcL\x06\x00 %\xe3\xcb\x96y\xf9\x18pzQ}\x9c\xae\x10 5\xfdj\xa3\\\xf2\x80\x93\x0b!\x94\xfc\xf9^\x00h\x99\xd1?\x00\x00\x00p:\xee\x03\xc0&gt;\x16\x0b\x01\x80\x9e\xec\x1b\xbb\x18\xf1p-*&lt;\x00\xd0\x8c\xf1\xe0\xf7\x1fC\xf9q&lt;z(\x00\x00 \xb7\xa3\xbf\x04\xfc=\xec\xff]\xd68\x01Jp\x13\x15\x80\xca\xbc\xed\x18\x00\x00zq\xf4\x0e\xc00\xbd\t\x00\x00\x00\x00\xbc;\xff\x8b\xb3\xce\x9d\xbaz\xdcq\x05\xa0\x1b/;\x85\\\xc3\xe0\x04&gt;6d-}\x90\t\x004\xe6\xd0\x16\xa0]W5o\r\x02j2\x1c\x07\x80\xfd\\G\x81u\x1d\xf6\x12\xdd\x05\x0c\x00\x00\x9c\xd3\xe8\xadk\x00\xd0\x8d\xc2\xd7lC\x04\x00\x00\xea8\xdfH\xf4|)\x82\xec\xb4\x9ag\x07\xbb\x11\xbd\x10\x00\x14\xe5\xd2\x0b\x97\xd5\xca\x0e\x9c\x16b\xe0\xbc\x9a\xa8\xe4\x00@GN&lt;zhe\x02\x00\x00\x07x\x17\'\xa7\xf4:H\xf3\xdaY\x00\x80\x9bC\xbf\x03\x00mz_\xa2\xcd\xb7jk=\xf8\xbc^K\xd6\xf2?[\xa90@\x9b\x1aZ\x16\r!X\xa6%\x89\xd9\x8b\xae\xdaER\xa1\xa9\xfe\x93V\xa9\'@\x8b\xdc\x01\x00\xd8\xc1\xa8\x8e\x18\xea\t\xd0\xa2\xf7\t@\xb5\xfb\x95\x16h\x01\xb2ik/\x8a\xfdT\x00\x15\xfd\xf0\xed/\x17\x19\x85\xbb-\x0b\\J[=\x9e\x15\x1f\x80\x8a.\xbb\x05(\xe7\xb5\xe7\xb6\xaceq\xab\x9e\xf7\xb1\x85\xd1\xc6\x99X&lt;\xbe\x94\xd9\xb2V\x01\x00h\x94K\x14\x00\x00\xf4\xc1\x12#\x00\x00\x9c\x84\x91=\x00W\xe7R\x08\x17v\xd9g\x00\xe0\x10\xd3H R\xa3\xb7\x94=\x19\x05,i\xb1\xcf\x02\x80\xae\xfcY.\xa6@GL\x00\x00\x00\x80w\xc1n\xc2\xd3\x08!\x0c\x7f\xb2\xd2\xcc\xce\xcb\r\x01\x80*\x12l\x01|\x0cY\xbcj\xfd\x1cn\x05\xaa4\x01\x00Ni\xed!\xe0F\x9f["\xb3q\x1c\xc7\xf1_\xaf\x1d\x05\x00\t\xdc/\xe5\xe1\xe5\x8f\xb5\xe2\x01Z\xb0\xb6\xca\x1b\xb9\x12\xbcz\x07 \xb4\xf6\xfb\xf3\x00\x00\xc0Q\xef\xab\x0b\xc3}\xd5\xc12\x03\x00\xe4\xd6\xfb\xd5\xd6\x80\x01JJ\xf3;\x00\xe38\xbe\xaf\xf4[\xf9\x07\xe0j\x8cb\x01\x00\x00&gt;\x0b\xc1\x1b\x05\xa1\x10\xbf\x04|N\x96\xa0\x00\xf6\xd1\x7f\xd6d\xf3\x00p^?\xa7v\x004-\xc7\xf8\xa3\xd91\xcd#\xb0f#\xa4C\x97\xaaK\xb6\xce\x03\x00\x9d\xb8=\xf3\xf7o?^!0\xf7.\x01\xd8\xa4\xe5\xa1p\x08a\xf8\xe5\xed\x86\x07\\\x8a\x9bm@\x05\xd3\x81\xdax\xfb\xff\xc30\x8c\xe3}\x0e\xa0k:\xbf\x10\xc2\xa5~p\xf0j\xe9\x05Z\xe6\x19\x80\xbe\x14^=\xfa\xb1\xb2\xa7\xe3*^\x96i\xef\xbf$\xf2\xf8\xd7\xc2\xe1\x90E\xccb|\xcb\x0b\xf6\xc9\x19\xfdG\xbaT\xad\x80ZL\x00\xfaR\xf8\xfa\xf1\x07\xca\x9e\xae?.T\xbb\xccd\xdaWF~of\xbem\x07\xfa\xd9\x82QQ\x8111\xef\xd4\n(`\xd3\x04\xc0X\x07\xa6\xb4\x88=^&amp;M\xbfb\xf2\xf7\xc9\xbf\xdc~Z\xe4G\x8bEEr\x1f\x87q\xbd\x8c\xf3\xba\x9b\xe7w\x170\xd04}\nL\xf9\xdd\xca}\xc2\xb2\x97\xc9A\x08a\x18\xfe\xedZq\x02\xc0YmX\x80\xb9\x8duzY\xb3\x01\xda4;k\x9a\xebX\xbe&gt;X\xab\xcf\xf1\xc8&amp;\x14\xa0\xa1A\x15\x9e\x01\x00\xda\xf2\xb8\x1f\xf0\xf8\x9fU\xc2h|P\x12\xde\xde\x9a\xda\xec\xfd\xa8f\x03\xa3\x05\x8d748+\r\x8f5!\x84q\xb8\xbd\x9c\x11\x12\x88X\xfe\x9f\xf9\xc8\xd2\x10\xe1\x92k\x87!\x84a\x1c\xc7G6\x8d_oQ\xbd\xff\x9b\x11\x15\x00\x9f\xfc\xb0v\x00=\xb9\xe0h\xe3j\xe9\xa5\xba\x9f\xd9\xb2X|\xb5\xfa\xf9\xf4\xe3\t\xafi\x7f\xbagr\xb5\x9c\xa1\x19a\xf7\xc2\xa2z\x0b%\x1d\xdd\x02t\xa9{\xbb\xfa&amp;8\xe8\xbd\x11\x8d\x7f\xf3\xd3\xff\xfc\xf1\x88\xaf4)oO\xf8\xd8\x145\x8e\xe3B\x86t\x91K\x9c\x9ez\x08}\xd0VO\xc2\xdaI\x19\xf29\x89\xd9\xed+\xef\xffz\xffL\x07\x19\x9eu\xef\xcd\xea\xc2\xff\xe2\x87\xbb\xc87\x98\xd2\xc1B1\x1e\x02&gt;\t\x9df\x19\xf29\x89\xc5U\xec\xfb\xbfN\xfe\xfb\xc3\xa1\x1a\xb9\tY\xa6b\x8c\xe3\x7f\xb0!\x926r\x06\xe2\xe9`\x012jd\xcc\xb4C\xbf\x91\xb3\x87\xe2~\xfe\xd9\x84\xc7_\xde?3\xfb\x95\xe1Ge \x003\xcc\xb6/)\x04/\xf6\x81.&lt;\xed\xff\x19\x16\xef\x89&lt;\xf6N\xf4\xb8\x81\n\x80\xc2\\\x1b\x00\x1a\xb5t\xcbk:\xac\x9f\x0e\xfd\xc7\xf1\xf5\xae\x89\t\x00\x00\xef&lt;\x03@\x1d6\xf3@\x12\xcf\x93\x81\x8a\x81\xec\xa1\x1f\x00\xa8\xc2\x04 9\xd7\xb3(\x16&amp;!\xa1NG\xd2\xfa\x01\x80*\xfc\x10Xbv\xd7\x03%\xad\x0c\xfd\xf5E\x00\xccr\x07 1\x0bZ$\xd4\xe9\xb2.\xf9\x8c\xe3k\'3\xfdi\xb0\xb7\xfeGw\x04@%1\x83\x98\x10\x82\xcd3]\xb8\xda\x90\xf4j\xe9\xa55\xe1Y\xfc\xb7\xb2\x86\x94\xef\xe0\x00\x14`}(\x0b?g\xd8\x1a%B\xaf&amp;\xc3\xed\xe8:|\xfbF\xfa\n\xbf\xe97\x89!^\xd6\xdf\xd2\x06\xde\xd9\x02\x94\x85^l\x87\xffO\xe6eE\xcb\x96ti{gr\x1bJm\xff\xd6\xe7;\x0c\xd3_pN\xdb\xa0B\x08\x16\xa4&gt;\xd1\x83\x01\xc9\xc4\xaf\'\xe9\x9aa\x93\\\xab\xb0\\\xcd\xf3\xba\xfb\xb0^\xa9v\xaf\xa4n\xf9\xe2wD\xa9\x16;n?b\xa0\xbd\x9cL|\xa5r\x07\x00zey\x954T$\x983y\x0c`\xb1\x8dlzN ]&lt;\x9c\x93\xc2\x85\x13{\x9am\xdb\'\r\xd0\xa8\xe7\xe1\xd88&lt;\xed\x0ez\xfc\xe3\xde&gt;|\xf3m^\xcf\x03\x10\xc3\xb8\x02\xda\xa4Y\x02\xf4d\xf5\xc5\xff{\xba\xf4}\xbb/\xb2L\x00\xfc\x90\n\x00\x00=\xeac\xefD\x08\xc3\xbfy\xdf\xc6\x13\x15\xf0\xd3\xee\xa3}\xef\'\x85\xad\xd4.\xc8\xc1ZK\x1e\xd6\xb1\x80\xb6m\\\xc2\x7f}\xf0\xf7eXf\x9b\x07@G\xd2\xbf\x06\xd4d}\x18\xf6\xbc\xb9\xaf$eT\x80L\xa6#\x8f\xea\x1a\xb3\x9c\x1f}\xc7 \x1d\xad\xe9b\xf4\x9f\x90\x9b\xdf\x01\xb8"ku\x05\xc8d\xfa2}\xbf\xd0\xdc\xf0\xeb\xf9\x8d\x11EBZ89\xe7\xa7\xff\x84\xdc\xd2O\x00\xb4[\x80\x1e5\xbc\xea\xea\xb2\x02\x90\x92;\x00\x00|v\xb5\xc5\x1d\xbbP\x80\x133\x01\xe8\x8f\xcb\x12p\xd0\xben\xe4Rs\x80K%\x16\xb8\x9a\xee\'\x00\x17\x1c\r\xbb,\xc5\xbb`\xf5\x80\xac\xc6\xbb\xda\x81\x00\xb0_\xf7\x13\x00Xa\x98\x02\xb3\xd6[FL\xb3\xd1\xb8\x00\xfa\xd5\xfd\x04\xc0E\x08`\xbb\xc5\x9es\x1c7\xbf\xc8X7|&gt;\xf9n\x9f\xba1\x0b-\xe8~\x02\x00\xf0\xcd\xd8"\x81\xdbp&gt;6\'\xc7\xef\xafp\x1e\xf9\x16\xd7,\xdbA\x0bL\x00\x80\xf30\xfc\x8f\xb7:\x0c\xfbkc\xb2r\xbc\r\xe6\x8c\xe7\xd8\xc2\x1d\x00h\x81\x8e\x1b\xa8)\x84\xb0\xb2"\xb8\xfe\xaf\xc7?\x7fy3\x831\x19\x08pz\xee\x00\x005\xad\x0e7\xff\x07\xe5\xe2\xb8\xa8\xd9\xf7\xf9X\xa0\xe5\x95e{\x00\xa0\x90\xdc\xc3\x0e\xc3\x9aa\x18\x86!\xbcX\xffp\xa1\xa0h\xc9\x8e\x96\xa2q\x01P\\\xfek\x8f\xcb\x1b\x99\xd4\xa8Z\xd3q\x7f\x08!\x0c\xcf\xf3\x81\xb8\xb9\x01\x9d\t!D\xce\xe8\x14=\x9c\x8c\xbd\x9e\x00\xccx\x1f\xf3y&lt;\x00\x00\x00\xce\xcc\xaa?\x00\x1f\xfd\xc5\xb5\x03\x00Xb \xfb\x81\xb1\xfeE(h %}\n\xd0\xac\xcbwP\x17O&gt;\x00y\xb8Y\x0c\x00\x00\xd7b\x0e\x00\x00\xd7e\x18\x00=H\xfcC`\xe38\x8e\x7f{\xdaC\x02\x00}\x08^/\x08\x00\x00\xfd8\xbexo\xf9\x1f\x00\x00:a\xf7\x0e\x00\x9cY\xbfW\xfa~#\xe7\n.\xfc,\\\x88\xffia\xa0\xae\xc4\xcf\x00\x00\xbd\xe8\xf7W]\xfb\x8d\x1cNm\x1c\x86\xe1\xa2s\x1f\x00\x80S1\xa6\x038\xad\x7f,\xd9\x9d\xbb\xab\xde\xfd\x04\x80\x8e\xb9|\xc3\xe5$\xdc\xb6h\x17 \x00\xf4%\x84\xe0n\x0f\\D\x8eg\x00~rp\xc7\x18\xca\xd1\xd8&gt;\xb3\xae\tQ&lt;`\x03\x17\x94\xf4\x0e\x00@+tJ\xd0)\x8d\x17\x00\x00.\xc4\x04\x00\x00\xa0\xb4\x0b\xbf\xd8\xfe\xecn\x9b\xfe\x7f\\\xe1\x02M\xf8_\xd5\x0e\x00\x80/F\xff\x00d\xe6J\x03\x00\xddr\xcb\x08\x00\x00\xae\xc5\x04\x00\xe0\xc1\xa2\x08\x00\xd7\xe0z\x07psp\x02`\xfe\x00T\xa4\x0b\x02\x80m\\;\x81\xa9\xce~4\xfdkc\xf7_V;\x8e\x9d\xf4\xc0\x00Ta\x0bP\xbb\xb6\x16\x8d\xa2\xe4\xdcfk\xf8J\xb5\xf7\xdc\xe7I)S\x00h\x83\x91\x16\x99\x19\xcd7B)\x00\xc0\x1ea\xe1\xbf\xa1\t\x86\xda\x00\xf4\xc1\xdd^\xe0d\xce\xdd\xa7\x9d;u\x00l2\xee\xf8\xce\xe3B2\x8e{\xbe\xceA\xb7\xfc\x97\xf9;\x84\x10\xc6q\xd8W\xed\x01\x00.\xad\xc6\x1d\x80\xbf\xbb\xec\xe9\x9av\x91\xc5\xbc\x8b$\x1387]\x19p\x1ev\x01\r\xba\xf5\xecd/\xd0=W\n\xe0Ttjdu\xab`\xaa\x19\x90\x96^\x05\x00\x1a\xe5"\r\x00\xd07\xe39z\xb1\xaf\xae\xaa\xe1\x1c\xd1L\xfdi$\x0c\x18\x86a\x18\xfeB\x15\x12\xba\xf7\xf4\xd8@3W;\x80\x16\xd4\xef\x12=\xdc\x05@^\x17\xbf\xcc\\&lt;\xf9@S&lt;r\x03\xc0\x9apW;\x90\xbe\xf5\x98\x87\xdd\x05\x0c\x1d\xd1\xbe\xf8@\r\x01\x12\xf9\xc1\xeeo\xfa-\xa5\xe3\xba\xfb1\xaf\xee\x02\x86\xbe\x98\x03\xb0F\x0f\x0c\x00\xa9\xf4x7\x86SR\x0f\x89\xa0\x92\x00\xf4\xcc\xb8\x13\x00\x80\xc2\xf6o\x01\xa2\x11\x8fY\x84\xb9\x04\x00\x00\x1f\x99\x00\xd4\x94vK\xbd\r\xfa\xc0^\x96\x0f\x1at\xcd[\xc4\x17L2Tp\x9d\t@\xa3}J\xaaQ\xfby\xaf\x135\xd3u\xde\\\xddO\x9e\x9c\x94\xe5\x83\xe6\xdc\x9a\xda\xf5Z\x9c\xaa\x08%\\g\x020\xfc\xbfO\xda\x8d\x9e}\xe1\xbfr\xea\xaew\xf5\xed\x80\x87g\x00\x00\xc8\xc2@\xb3U\xca\x85KP\xcf\x018\xa1\x10B\xb3\xbb\xb3\x1e?y\x97\xe4@\xc7\x0f\xd2\xa6\x13\'\xad"\xb9J\xcb\xd4O\x00Z\xb7\xfbZe\xf9\xff\x1c\x94#$\xa45\x01\xd0\x81\x16\xc6\x7f\xd5\x03\xb8\xb2\x10\x92\xdd\xc9\x01\x80s\xb8\xd0C\xc0\\\xd6\x91\xc7\xa4\x93\x0c\x1c\xcf\xfe\xa0v\x07\x14A\x0b\xda\xde\xf2\x07\x00\xe7\xe72\x1cIFA"n\xc5\x00\x00\x91\x0c\x1a\x00\x00R\xb1\x05\xa8)\x86\xb9\xc0U\x98\xd8\x03\x00\x89y\xf4\x13 \x95\xd4\xdd\xa9\xce\x19j\xea\xe6\x0e\x80\x91\x1c\xfb\x1c\xaf9\xcdN$\xda\x8cjEw\x01\x93W\xab-\xabM!\x84\xa1jv\xa5~\x92\xdes\xf9\x00\xe4\x91d\xecn\x8c\x02\x99h\\\x00\xcd\xf9g-\xcf\x00\x00\xc0\xa54\xbb\xf9\x01\x00\x00\xc8\xa2\xf0\x04\xc0|\x03\x00\x00\xe0*\xcc\x00\xa1\x92\xcaMO\xdb\x07\x80+2\x02X\x12\xeej\x07\x02\x1c\xa2!\x03-\xe8\xe55\xa0\xba\xcb\xab\x88\xbf4^\xf0"\x9a\xfa5|@Q\xb7^KC\x06\x80\x9d.8\x01\xa0S\xea*\x0f\xee\x00\x00@!\xae\xb8\xf4N\x1d\x06\x80\x17.\x8d\xdd\xdb:\xbe1\x1e\xe2RTx\x00R\xe9\xe5\x19\x80\x8fl\xa9,!\xdf\x10\xe4v\xe4\x8aC\x1c\xa3+\x1a\x17\xb3q\xfc\xbc\xdbKN\x95\xa8\x93\x96\x11\xd0\x93\xd3L\x00\xe8\xdbmp\xb3\xe9\xd9\xb8\xb4\x0f\xd2y,\x8f\xae\xf5&lt;\xa6\xfc\x1cy\xc7\x89[\xd0sy\x01\x00Ed\x19.\x94\x18\x82\x9cuA\x9a\x8c\xd4\x19\x00\x80&gt;\x84\x10N\xb8T\xdb\x1fEPN\x92\xb9\x8a\t\x0fP\x9e-@@2\x062\r\xb0\x99\xad\x9c$y\xbd}\xff\xa1v\x06\x004\xc3Zf\xf3~K\xed\x008$L\x98\t\x00\xbb\xcd,&lt;\x84\x10&lt;\x10\t\x99h_\xc0\x16\xb1\xd3j\x1d\x0b\x10O\x7fA\xbc\xa0\xc2\x00\x14\xf3&gt;\xf6\x1fW\x97\xfd\xcd\x01\x80H:\x0b\x80v\xbd\xdd22\x0f?\xa1i)\xcf.\xf8/\x8c\xecg&gt;k\x0e\x00\xc4\xf0\x100@\xbb\xde\xc6s\x86wg1\x19\xbc\x7f\x97\xf2\xaf{[\xf2\x1fW\xc6\xf4\xf3\x9bxS\x04\x07\x9c\xdc|\xb7b\x9b2p\xd0m \xa2\'\xa1;\x05\xae\x80\xb3\xa7\xd8\xb2\xf6\x7f\xf4[\xc0\xc5\xcd\xdc\x01\xb8\xf5&amp;V\x11\xa0:\xcd\xb0S\xf7\x97\xb4\x94;[\xa9s]B\x81\xd1\xf3\xdc)\xe6\xc6\xf1q\x872\xd8\x07\xb6\xb2\x05\x88\x07c\x88\xddre]\xbe+{\xb6w\x08\xb6U\x8b\xaa\xfc6Y\xf1[\x1f]\x8d\x00\xcdU\x16\x1c\xca\x98\xb7*`N\x08\xac3\x01\xe0\xa1\x9f1Dc6]j\xcf~a\xfe\xaeE-\x8cJ\xc7q\x1c\x8a\x871\x8e]\x8d\xc8\xd9\xac`\x13^\xa8Hs\xbf\x030mzM\xb4&gt;\xa0e\x8b\x13\x00\xdd\x07%\x9cb4\xbc\xa9\xb14\xd2\xb2\xc6q4\xe5c\x87\xa33\xd86\xea\xff&gt;\xdf?\xc0\x95\xe1\xc8\x9b&gt;\x7f\xcb\xc5\x10\x9e\xbe\xd8s\xd6\x02\xa5\xb9\x03@M\x1d\r\xff\xcf\xber\x9fE#\xb3\x9d\xb6\xfc\xf2\xbe+\xd2\xc5\xca\xf4\xa9\xb0ni\xdf\xf7Tn\xea\x0e\xe4;\x86\xc9\x91\xef\xa1\xf5]\xc5\x80\x12\xbc\x05\x08\xc8#\x84p\xb9\xf1"\xa7r\xe0R\xf8\xfas\r\xeb\x87Z\x9a\x1e\xdcf\x1c\x1f\xbf29r\x08A\xa3\x03&gt;\xd3M\x00\xc0\x93\xc7\xf0:\xdd`z\xed\x17\xdcV\xee\x0f\x8c\xe3\xb8\xf4\xdd\xf7 C\x08\xf7\xfftq\x07\xd6\xbcn\x01:\xeb&gt;\x87\xb2o\xe5;\xac\xa3P\x81A\x9b]\xf5+\xdf\x9fX\xed@\xea\x87\xb9w\x1e*\x84\xf0g\xae\xe6\xdc\xf4\xb8\xe3\xcf?t.\xe0\xbaz\x1a%ot\xe2\xa4\x014+\x84\xf0\xc7\x9c\xa8\xfb\xcd\xb3\x9c\x14&gt;J}F\xe0\xd2b\xd7\t&lt;\x15\x00\xdc\xe8\r\xa6R\xe4\xc6\xda\xe6\x10.b}\x88\x7f{\xfa\xb8T,\xc0\xf9y\x0b\x10\xec\xb7\x7fY\xae\xad\xf5\xbc\xcd\xc14\xbc\x1ey\xff\xe5\xafR\x11\xa6\x98\x0bu8\xb0\xdb\xf8\xe3\x17\xd9\xe2\xb8\n9\x08\xa4\xd5\xe1\x85\x07\xfag\x11=\xc6\xa6\\\x9a&lt;\x109\x0c\xc3\x98\xe1!N\xbe\xbd\xcc\x00e\xf2q\x1f\'\xd52\x19H\xc8\x1d\x00H)ri\xdc\xb5&lt;\xc6\x8e\\z\xfc\xc0\xd9O\xdc\xff\xd2\xf0\xcd\x8ao!\x84\xae\x97\xc9\xbb\xc8\xe4\xcf"S\x91gG\xfe8\xfeL\xf2c\x96u\x8a:\x00\x97\xb1\xf6\x82\xe1\xb8\xab\xaf\xdd\xab@u_C\xb2\xc7{\xd3-Q\xe7&amp;\x87\x93\xfb\xf0\x18\xc0\xf2o\x02\xb4\xc0]M\xe8\xcb\xcck@7\xaem\xb4\xd1\xe0\xcf\xb1\xfe\x04\xbb\x9cd\xfd\xf5\x88{\x06&lt;rb\xdf\xcf\xb5\x92\x8b\xdc\x8e\xb0^iC\x18Z^e7\xfa\x87\xbe\xbcN\x00\xca\xb4\xe1\xe4\x97\xdev;E \xbfi\x0f`d\x9f\xc8\xe7-\xe9\xe3\xfdU\xf9\x1f\xaf\x1b_\xc7\x9a\x14\x8dW[&amp;"\x1b\x81=f\x9e\x01\x98\xf4\xea\xbb\x95~\x98\xc9\xda\x03\\\xd9K\xfb\x8f\xd9\x9d\xb2\xb5\xd3\xa85\xcc\xaa\xf7\x13Z\xd1\xf9s\x7f\xee\xe2#\x03\xd5\x8f&gt;\xde\x04\xb8\xd5\xc3_\xea\xe7\x01\x80c~\xb8\xf0\xf7\x10\xc2\x91Q\xb5\xe18-:\xe3.\xd5\xf8\xc7uNm\x1c\xdf7\x99\x8c\xe3\x98p|T+\x93gw~\x87\x10z|1\xbc\x8a\x1ac\xae.?1\xea\x07\x8e\x9b\x7f\x0b\xd0\xbd{i\xa6\x97\xd1\xdf\x11\xe7\xd3St\xd1\xe3\x8fn\xaa\\\xec\xe2\xeb\xd5\xdcVG\xc7\xf1\x04\x83\xce\x85W5\x14\x8e\xe2\x98\xa5R0\x96\x9d3\x8e\xe3\xef\xdc\xf4\xe9|\xa1\x00T\xe6:\x01[\xfd\xee\x8b\xb5\x9aF\xb6D\x14\x88\xa1\x85d\xa6\xd0Dy5+|R;@\xe0\x8c\x1a\xec\\\x1a\x0c\t\x80\xdd*\xf6\xea\x9d\\P\xde\x07\xfda\x18~^\'\xc1\x03]\xb2\xc0\x00\xc0\x1e\xbb/\x1f\xae;K\xe4\x0c\xd0\x9e\xda\xb7#Op?\xf4\x04I`]\xda\xf2\xad\xf7r\x18.\xe1H\x8f\xf4\x17D\x7fq\xfe\x14\xff\xb3r\x15[\xc7\x9b\x83,\x05\n\xd1\x89_V\xfbE\x9f)\xbcC\to;\xc7\xca\x92\x15\x0cC\xf2vz\xed&amp;fy\x02\xda7\xff\x16 H\xe5\xeb\xb2\x9a\xfc\xa7\xdf\xae}}\x1d\x86\xe1\xd0\xfbm\xbc6\xe4\xee\xf1b\xf5T\xc7Kw\xa8\x9e\x9c\xa0=\xde[S\xa2\x84\\\xbb\x89\x8d\xd1?\r\x01pH\xfb\xcb\xc0\x90\xd0\x15j{\x9fi\xac\x10s\x0b\x19\xb5/\x86Z\xfdv\x0b9\x06\x00\x9c\x99\xd1\x06Kz\xdf)\xb1\xbdn?\x8d\xf8o\xff\xad\x81\x00\x94g\x0b\xd0\xa9\xf4&gt;\x9e\xe0\xc1\xa8\xe82.\xb4S\xe2\xa5R\xdfv\xdd\xe4\xfc\x1d+\x8d\x08`^\xeb\x13\x00\xc3\xa0M\xc6q\x1c\x86\xbf\xabv\x14\xaf\xa5v\xf1B\xdc5\xbe\xb9t\x8eQ\xcb\xd6\xa6\xda\xf8o\xd0^\xbb\xe3\x01\x80\xaa.2\x01\xb8H29\xad\xfc;\xf2\xb5\x91\xec\xfe\xf0\xaf\x97.\xc8j\x00\xfa\x93\xeb\xea\xe5\xa2\x08\x0bN9d&lt;\xf2tr\xdcw\x7f\xc7\x8e\xe3\x03\x00\xdf\xcf\x02\xde\xaf\xb8G\x07"\x862\xf0\xee\x82Uh\xdf\x8b\x86\xe2\xbfu\xc1,\x05`\xab^o\xcb\xe6\x0f\xfbe\x02p\xf8p!\x0c\xbf/\xcb\xef\x0f\x00\xe9\x94\xe8\x12\xf7M\x00rD\x02\x00\xe7\xd1\xe0\xc5\xd2\xdb\x90 ^\x81\x19~\x83\xbd\x04MQC\x80\xe3\xfe\x94\xda\x010\xaf\xe0\xb8|\xfe,~0\xaeM\n\x85\xa6t[!;\r\x1b`\x03=]\xbb\xda\xbe|\xb6\x1c\x1bP_\xa9\x1e,\xe5YB\x08v&lt;\x02PN\xdb\xc3}\xe8\x83v\xc4&amp;*\x0cP\x82\xbd\x13\x00\x1f4\xd6I\x16\xed\xb7\x1bK;\x00\t\x18\xfd\x03|\xf2\xd5On\xed03u\xb0\xfa\xedw\xf2\x04`\x83K\xed/t\x85\x008\x87\x97w\x0f4r7\xbb\x85\x18\x80+\xfbA\xe4\xe7\xc6q\x1c\xc61k(\xed\x18/\x93R\x86\x85+q#\xa3\x04\xc8d\xa5z?~\x98\xaf`8O\xa7\xcep\xc0M]\xfa\x87\x18\xde\x83l\xe4\x86\xcf\xcb)\xf4`\xc0\x8a\x0f\x13\x00\xefSoX\x8b\xe5\xf2v\xd5i1\xc8\x19?\xfb\x1a\xe7m\x12\x98\xe3"\xea\xaaL3~f\xf6\xaf\xb7\xca\x7fd\x1ddw\xc3\x89?i\xcc)f?0\x8e\xe3\xc7\xb3l\n\xbe\xcd\x16\x1d\x93L\x805m\xf6n\xb4Y.\x8f\xabr\x9b\xe1\xdd\xfc\xef\x0f/\xe0A=\xf5\xeaj\xf4\xb0&gt;v\x02\xf0k\x9e&gt;\xb3i\xda\x10\xf9\xe1}M;w\x87p\x9d\x0e\xe7@J\xff\xe7)\xe3\x00 \xb7\xf6\'\x00\x0bw\xf0\xdb\r\x18\xaa(3\x0e~\x9c\xe5kL\x1f{\xd2\\[\\\xe2\xe7!\xe1n\xc7)\xb6\xc7\xd5\x1f\xdb\x90\x00.\xa7\xd9~\xdf5)\x17\xb9z"\xf76\x92\xa9L\xc3\xf7\xf1\x7fKx\x99\x00\xd4m\x9e\xf7\x00\x92\xde\xe8\x00`\x99n\x94"\\\xb3\xf3\x90\xabg\xf2[\xb7l\xc5\xd9t\xe4\xb9Q\xfe\xf3\x1d\x80\x8d\x87\xcb\x11^\xfcg7\x1d\xfc\xa0|[\x9e\x00\xd2\xd0\x07\xad\x9099\xbc_\xb6-\xce5H\x89lW\'\xc76\x94T\xba]\xfb-\xb4\xd9\x16b\xf8d\x7fx\xcd\'\r\x00\x8e\xe9\xe1B\x0e&lt;\xecl\xb0i\x9b\xb9\xc7\x81\x00\xd6\xfc\x89\x86V\\\x80)\x04i\xc5\xac\x82g\r\xe07\xb6Z\xa5\xb55\x80V\xe8\x91\xb98\xb7\x11\xa0\x14\r\xad(\xf7:\x80E\x86&gt;\xb4I\xcd\x84\x82\xbe\x9b\xdb\xc9\x9a^\x0bo\x1c\xaa\x15\xc3\xe4\xd4\xa7*S\x00\x00\x8e\x9a\x8cP\xd3\x8cV\xdb\x99ET\x8f\xa4\xbb{\x8c}E\x0b\\\x9d{\x9d\x00\x8d\x88\x1bDv\xd0c\xef\x1e\r\xcf\xbe\x05\x15\x80\x1ct\xb2lf\xb9\x8b\xa3nUHE:\x97p\xff\r\xe3\xddo.\xd2\xb7\x00\xc0~\xae\xa3\xc5\xe4\xc8\xea\x1e\x8boS\xcc=&amp;0\xa1\xf3%?\xd5\xd8\xbdX\xce|\x07|\xba\xb2\x00 \x9d\xde.\x12\xe7\x1ba\\\x94r&lt;\xa3\x8f\xcd\xb3\xbb\xf6\x9bp\xf1&gt;c\xda\xefG\xfe\x8a\xf6\x8fN\x16pw\xe5\x05\xc09\xb9&amp;\xd1\xa1\xbf\xa1v\x00\'U\xa4+\xe8`\x0209E\xcd\xeeQ\xcf\x0c\xa7\xa3U\x03\xecg\xd6\xba\xe4H\xce\xf4\x93\xab_\x8f\x10\xfc\xe6n\x02^\xd3O\xb6\x03\x9b=\xbd\x07:bQAwp!z\xffkP\xca\x940\xd7\x9fT\\\xc6\xcex\xde\xa6\xee^\xb6\x13\tP\xc6\x0f?~b\xfa[!\xe38F~~\x1c\xc2\x10\xf1a\xba\x13B\x88\xa9\x06\x9c\x8eB\xbf\x84\xc7@\xb0V3\x9f;o\xb5.\'\\\xe6:\xa6W\x87\xab\xf9A\xfcGc\xba\x87\xefU\x04\xbd\xc9\x99\xfd\x05\xd3\xff\xe1\xca\x01\'\xf0X\x90\x1e\xc7\xf14\x8dz\xb2\xca\xfe\xa7\xec\xf8\xfa8\x8e-\xad\xd37\x12\xc6g\xcd\xe4\x18\x90\x80\xf6\xccMg5\xa1\xa5\xeb\xf7\xe5\xc8\xf9\xbe\x9c\xaf\xbc\x8e7\xff|\x1dH\x7f\xb9\xbd\x1c\xf04-\xc7r\xac\xb7&lt;\x81n\x9dd\x99\xa7\xbc\xea7\xca\x99\xf5r\xe1\xb9-\xe0M\xffg\xaa\xb3(\xf7\x8bS\x07\xe6\xb5\xb7i\xe6pI}u!\x8a\x1b8\x93\xc5-@\xd6Mc\xb8$T\x17B\x18\x860\x840Lj\xec\xb4X\xc6\xfb\x86\x86\x84e\xd5~\xb1k\xbc\xb9i\xfbo\xbe\x86\xc9\xb5\xc3xu\xb8\xa4J\xa7\xe8\xbd\xf1\xb6\xdf\x9c\xdb\x8f\x10x\xb1\xd8\xb5=6\x83\x16\x0c\x06\xa2\x84\x10\xc6\xf1\xf5v\xf48\x0es\xf5\xf9\xf5\xc2\xb4\xf0\xb1&amp;\x94YT\xb6tM\xcb\x1a\xac\x9f\r\x84\x14Bh\xfar\xbc\x92E\r\xe4\x1e0c\xf1\x0e\xc0I\x9e\x03s\x1f\xe3\\\x1e7\xa6n\xa5\xfa\x9b\x1e\x0b\xfc\xe3\xb80\xac\x7f\xfd\xe3\xed\xdby\xa3&lt;@u\x8d$\xa3N\xa9\xd9_\x0e&gt;\xfe \xc1\xb1\xf3\xb7~9n&lt;&lt;\xe0\x9a\xce?P\xd8tu\xa9q\x05=z\xc6\xc7\xbbh_\xc4\x7f}\xdf\x17\xcbk9\xb6\xa6\xdc\xe7\x81}d\xd7\xdf\xd2I\x9c\xed\x8b)\xf1\xe4\xcd\xfck\x9f!\xbb\xf4\xd2H\xe1j\xcc\xda\xe9\xc8\xfb~\x9e\r\x15\xf8\xfd\xf9\xe0$1Q\xc5\xfb\xbe\x82\x96w\x1a\\qGe\xbd\xa7\x81\xaf\x98\xdb5\xb4\xdc\xe2\x80\x8f\xde7H$h\xd2\xfa\x85O\x82\xa9\xd7V\xef\xcbH;\xea\xd8\xf3\x1b\x81\x86\x8b\x96B{\xefi\xe1t\xf6wq.\x1f\xbdPR\xd0\xb5\r?\x04\x16O\xa7\xb0\xee\xf6\xc6\x9a\xdaQ\xf4\xedx\r\xabR\x02M\x94\xbb\xe6Iv\xfb\xebX\xc9\xcbG\x13\xed1\xaf\x8c\tt\xa1\x87\xae}\x9e\x004\xbeg\xbaG\xb3\xfd\xa6L\xdef\xd7\xb5g\x9a\xf3U\xae^}]1\xd5I\xce\xed\xbd\x138_\x9dO\x97\xa2\x94\xcfT\x9c/\x9f\xa1;\xaf\x13\x80\xc5QQTs\xd5\xa4c\xbd\xe7\xb3\xd5\x94\x15sW\x8b=\x95\xed\xe5\xe7*\x0fD\xb4[O\xa5&lt;\x8e\xa3F\x9d\\\xf3\xa3\x9f0\x0c\x7fV\xed\x18.-\xe9C\xcc\xe3\xe3\x98\xa9\x0eu\\\xc4;\x06\x1bo#p\x06\xdb\x9e\xa14H\xa5\x8a\xd9\x8bA|m\xfc\xaa\xbasGQ\xa5)\xec\xf1\x88j\x83=\xea\x7f\x1a\xc2\xcf\xb9\xffwk\xb1]\xcd\xd6\xea\xf1\xf4\xe8\xf3\xfd\xb7\x8bw\x1f\xad\xb6\xd6\x7f\xf7\x00N`\xdb3\x00&amp;\xe5L4Q\x19^V\xcb\xde\xab\xe8\xf7+D\xcb\x066\x1bL\x86\xe37Q\n\xef\xce\xdcW\x1cK\xdacX\xd3\xe0f\xf7\x9f{_\x9am0\xb6\xab\xd9Q\x04\xdf_\x19\xc7\x97\xed\x86\xbd\r\xa6[\xff\xdd\x038\x81\r\x13\x80S7\xc8mW\xa0\xc7\x982G(\xcdz\xbbNW\xae\x0f\x8fq\xff\xf4b\xb7\xfck\x94\xc5\xe2\xfa&gt;g\x91\xb34\xda*O\xdc[\xf4\xd8\xec7\xf5\xde\xa7\xee\xeaO\xeb\xe0[\xd1\xda\xd5E\x90\xd0!\x1d\xfd0l\x7fot\x08a\xf6%\x92\'{\xfft;w\x8d?^\xa8V\x9e]Y\xff\xe6j\x02\xbd\xad\x95\xec&gt;\xb6\xb2v\x9a!\rR=\x80}\xb2\xbc\x06\xb4;[\xbb\xcfq\x1cg\xbf\x14\xf1lS\x0f~\xed\xd7\x98\xf9\xb6M\xb9n,\xeb\x1e\x99\xbd\xb4\x19\xe6X\xf4)\x8b\xb2\xf1\x9c\xa4\x96\x1e{\x8c+W\xe6\xeaio\xe1\x07\r#\x7f\x8f\xb9\xc0Y\x80\xdd\xfa\xbb\xf6db\x1d\xe5];y\xb2\xff\x0e\xc0\xa7\xef6\x92@\xe8H\xda\x9e\xa1\xaf\x1b\xa7!\x84\xdbC\x12\xb3\xff4\xf4\x93\x90#\xda\xb94\x00\xbb\x1d\xba\x03\xd0\xfc\xfb\xec8\xb9\xc9E\xa8h=T\xed\xc9\xa6\x83\xaa\x95v\xf0\x97\xe4\xc6i\xb1&amp;9\xbe=_{A\xfb\xcaK\xb7\tM\xb1\x05\xe8\x8b\xf5\x8cw\x05\xf3\xe4\xc3Lr%\x92q\x1c\xc6\x9f\x1e\xd6\xefe%\xbfd\xab-D\xd87\xdci}\xdf]&amp;_\xa9&gt;\x92\xf6\xda\xf9v\x92-\xa0\xd9\x8c\xe6\x00\xd0\x92\x9d\xbd\xd5\xb4\x19\xeb\xf2H\xe1\xc3\x13\xb7\xefW\x8e\xc8\x8a\xf7\xb8[}\xf0\xc7\x04r\xbb\xe0]\xf5\x0b&amp;yV\xfb\xf9\xb0\xf4\xda\x83\xb4\xe7\xb0\xb2\xbeO\xfb\xf5\xe7\xcek\x15\xa0!G\xef\x00t\xd2\xefT\xf1\xa7\xd7\x0e\xa0/\xb9*\xd2\xcak\xd7\x9b\xaa\xbc\x17lJ\x17L\xf2\xac.\xf2\xe1\x81\xe2\xb3\xd5\x00\x00 \x00IDAT\xf8\xd2\xed\x87\xd5\xdf\x0f\xef\xe3\xba\x9c\x97\x1d\xb6\xef\xef9h\xe0w\xcd\xb7\xea\xa0\x9e\x03W\xd4l\x1f\xdal`E\x85W\xc3\xf0G\x1f&lt;\xc6\xfb\xbf&amp;\x8a\x95\xc4\x14M\x03\x14\x01Q"[k\xcb\xbfc\x08W`F\xde\x85[/y\xf5\xc2:\xfe\xfe;[\xd7\x80\x1dV\xde\xf0\xd3\xcf\x0e\x9cB\xee\x19b\xc3\x0f\x00I--\xe1G\x7f\xcf\xb2\x13\xd5\xf4\xbf\xf0\xd9u\xf0\xfb\xe972\x91\xb1\x00D\x99\x8c\xe3c\xef5\xbb\xc64\xab|\xd1\xd4\xae\x0c\xaab2\xb5\x8b\xf2\xe4d/\x9c\x98\xd7\x80\xd2\xb1\x8f\x97\xa7\xc7\xd0\xdf\xadhn\x1a\x18\xd3\xccWF\xd3\xd4\xdd\xba\xcb\xb7\x84\x01gM\xbb\xadMpb\x1b\x9aw\x9b;\x1d+\xfd\xf8b\x08\xa1\xd7\xce1U96P\x1ff\xae}\xe3d}\xf5\xb6\r\xf5\xeb\xf9\t\x9bw\xb9\xbb\xce/\xb6\x1e\xd1]\xebP\xac\x00\xf16\xdc\x01\x18\xc7\xf1\xc8\xab\xe0\xba[\xa4Y\xd5\xf15\xe6D\x17\xc8\x99\xdf\xddy\xaed\xe3\xd7o\xf3,$\xb9\x9d\xacXo\x1d\x9b\xd6\x86\xbbXH\xae\x1ba;\xe5\xde\xb2\xeer\xc9\xefp5\xa2\x8b.\x08\x98\xf7\xde\x80\x17\xdbs\xe4Vl=\x02\x19\xbd\xbd"\xb4\xf1\xca\xb6+\xbc\xc8tu\x90\xfc\x1a^\xf3\xa4\xc3,*\\\xacj\x11\xfb\xf4\xff\x98;0q\xbb\x18\xbc\xcf\n\xe2\x87\\\xc6%p\x93\xbf!hh\x8b\xfa\xed\x88\xfa\x8d\xbce\xb2\x14\xb8\xa6\x1d\x0f\x01\xeb.\x87\xc1e\x837-U\t\x1b!\xd6\xd8(\x92Y\x9d\x86\xb0\xd2\x00\x7f\xf9\xec?M\x9e\x19h\xa9\xf1\x02\xb4d\xf6\x0e\xc0mM\xaaJ&lt;\xd55\xb8\x1a\xe7\xc6k\x15\xf7j\xb0m\x9b~\xbex2\xe8+\xda5\xbd\xe5\xfc\x93\x06\xfb\x9cw!\x84^\xb6W\xb5\x9f\x99\x00\xf9l[\t;\xd9k\x16\x0e\xbe\xe6\xa2\xbb\xb7d\x10oep0\xf7\xe0\xf1X\xa0i\xd4\xaao\xea\xf9F\xb9~\x00UA\xa4%?\x81+\xdb\xb6\x05\xe8d\xdd\xe5\xc1\xe4\xa4\xce\r\xcbQ\xad\x98\x1d\xfd?\xde1\xf2\xf6\xdc\xcb8\x14i\x1a\xf7S\xa8\'\x8d\xdbY\x13z\xbc\x837m)\xdd-\xa8\x9f\xecr\x16#_\x19uW\xfa\xc0\xe6g\x00\xc6q\xdc\xd4\xd4\xf5\x0b7\x11\xb7\xef/w5\xea\xc5\xf8w}\x8f\x15^\x06\r\xd32]\x1fO\x1cl\x08\x8f\xfa\xf3\xf2\x1c\xfe\x91cn:{\x99\x13]\xd0#o\xc7q\xec.\x9b\xa7u\xfe\x82\xe3\xe9g\x1d\x14^\xbe2\xba|\xe9\xc3\xb9$\xb9\xeaw\xb1o\xb5\x80\xa6\xf2\xa1\xa9`\x9a2Y\xda\xff\xe9\x8f\x9f\x89|\xffU\xda\xc0\xca\x17\\\xe4;\xbe\xca\x04\xd3\xa3\xa7\x0c\xfc\xaf\xbefTkY\'\x9e\x96\xc9\r \x95\x0fk\x96\xe3\xf8\xe13\xeb_\xff&gt;\x8d\xe5\x81\xa6\x840(\x91\x87\xb7\x8b\xea\xa7\xea:\xdd\xf6\x10\xf3\xf94\xe6\x1f3\xd8U\x94{w?/\xedn\xcf\xb5\xeb\xfd|\xe6\n1Y\xeeE\x14\xab\x92:\x89\x06\x1e`P\x97\xa0ok[\x80\xc6q&lt;\xd0\xc2-TlPz\xfb\xaf\xd1\xff\xdd\xcb\xe2\xf6\xea\x8f\x89&gt;&gt;8&gt;\xfe\xbf\xdb\xa7\xcb,\xcb\xcd\xc7V\xb0(W\x9e\x8b.\x16C\xbfn\xf7\x01\xc6\x99\xe9b\xde\xdc{\xde\xa6\xff\xfa\x97\x065\x1e\xde\x19\xfd\xbd\xb5\x03\x00\xce\xe56\xa8\xb5\xdb$\x86\\\xfa\xe0?\xca\x929\x7f\xe3\xccf\x9e\xe5\x13\xfd\xaeG\x19\x85\xe1\x0f\x9d\xf9E\xbc\x1c\x11f\xd2W\xb4\x99\x9c/\x13\xea\xa6(\xcd\xd9\xbbjJ-7\xfc\r\x81\xfdH\xa3I\x00\xb2\xfa^|\xcatKq~\xdf\x02l\x91\xb5r\xbe\x889\xd1{\xadV\xcf\xb9\xb8G#m`wJ!Z=\xd0\xaf\xa7-@\x99\x163\xf4\x8f4\xe8Hm\x1f\xc7\x7f0\xf91{\xf9\xf9$\x985\x8e\xff\xe4\xfd?\xae\xd5\xe1\xb7s\x13\xa0\x9dH\x80\xf6==\x8b\x16\xc2\x86\xbe\xfb\xd1\xd7x\xec\x8c.-\\-\xf7=\x1d;=\xd6\x8e#\\y)\xb1\xdb\xb4o\xeb0O\xaf\x9frLYp\xcf\xa9v\xb1\x03\xba1\xbd\x03\xb0\xf2\xf8\xe30&lt;\xbd!\xf1\xe9;\x9fNQ\xbfC\xb4.\xd2\xaf|e\xb7x\xdc\xd7\xa7\x02\xd6&gt;w\xff\x8f\xa3\xc1\xe4\xfe\x91\xaf\x967+\x0f}\x8c\x1a\xdf\xf5\x19u6\xe3\xf8\xdb7}&gt;[\x85\xfc\xf8\xca\xda\xe8\x03E\xb4\x9a\xc7\xae\xa7\xdb\xff\x8a=\xf45\xb4\xdc\xe7\x00\xaf\x1d\xd6\xca*N\xf4\x92\xffy\\g3k\xab2\xae\xa8E^\x9c\x96*\xc0WK\x99\x1bn\x1c\xae3\xe9S\xbduu\xb6\x9f\xd5\xdcrn\xbd\xc14g\xf4\x0f\x85}\xcc\xf0\xc8z\x1bYp\xf1G\x8b\xf9\xd8\x05\xc9\x19h\xd9\xfck@\xd7\x1f\x8e\xdc2\xad\xefx\x01\xc0\xd5=F\xe65\x9el\xf9\x1f\x1d\xf6l\x02\x1f\x7f\xcc\x93\xf8\xf4\xa9^}\xbd\xe9\xfc\xe7\x87n\x17\xf0\xfe@\xceg\x99\xa69s\xc1\xfe\xa1n\x95X\xc9\xf0\x95\xd5\xfa\x97\xbf\x7f\xbf\xcbk\xee__N\x17Y\xc4o?\xec\xc0\x97\x0b\xb6\x11\xe8\xc5\xeb\x04`\xbd\xb9N/\x81\x11\xfa\xde\x10y\xb0\xe7j|\xd3E*\'\xee\xdf\xa7\xef\xf8y\xfc\xd7\x7f\x12Q\xac-\x97{|l\xdd\x96l\xf8\x833\x9f\xe01.\xac\xfe\xda\xcd\x92\x01\xf42\xe7y\x8fp\xe1\x86\xf60\x0c\xbf(\xcf\x19[\xcf\xa2b\xda\xaf-pe\xda\xe7~\x1f\xaf\x88\xd7\xb9\x87\xd0_J#\x86N_?\x83\x1dB\xd8~\xfb\xab\xe5\xdc\x88/\xac\xfe\x8au\x18\x86\xb2aW\xcc\xa2{\xff3d\xdd&amp;\xd7K\x05\x986\xcc\xea1\xef\xc8\xb7\x8e\xb2\x1a8\x87\xb5_\x02f\xdd\xc7\x1b\xc4\xebs\x83\x0c\x11U\xd3\xdf\xa5+\xee\xc6\xfem\xa1p\x92\xb8\xff4[@;\xed\xa8H\xf1\x85\x95\xbcX\x0b,Z\x17nY\x8f\xa7\x02\xca\xbb\xf7?\xb9\x9b^7=U;\xbd\xd0\x8eHj\x04\xff\xd7\xdf\xfe\xcf\xc1\n|\xb2k\x19\\\xc7\xfc\xc3\xbe\xfb\xdec\xd8N\xff\xcb^\xdd\xec\xdaz&lt;\x91\xb9\xaf\xd6\xadm\xfc\xbd\xe5\xc2\xf8\xf8\xe4\xcc\x0f~\xad\xd3\x10**\xff\xae\x82\xd9;\x81\x17\xb9\x0b\xf1\x12\xc6\xb0\xeb\x8eD\xf9[Res\xac\xd1N\xf5\x82o\xf5\x00\xa66&lt;\x04\x9c\x8b\xf5\x83\x86ts%\xd8\xf88\xca\xc6C\x8fc\x08\xc3\xed\xff{9\x83ke\xe3j\x95\xcf\xad\xcf\xac\xbe\x1aZ=\x80\x1d%\x90w\x00\xfa\x96!\xc5\xb3(o\x95&lt;rWm\x1c\x8d\xfe\xe1\xba\x9e\x966\xfd\x9a\t\xef\x1aY_\xdcgi\x95k\xe9\x92\xf9\xf66\x8f\xef\xad\xff\xaf\x99\x10\xc2\xb0\xb0\xfd#\xeb\xb6\xec\xd9\xf0\xf6|\xb9\x93g:w(Sc\xa7g\t!\x94*\xf4\xf9X\n\x8c2\x8b\xbf\xfb!\xd1q\xde&amp;\xf1\xa7\xab\xf9a\xef\xef\x9a\xb9\xd0\x03\xc30\\\xe6\xad5\x0f\x97J\xec!\xbf\xaf\xe7\x8cz~\xe5\xdf\xcb?\xbd\x9b\xfd\xd4\x87\x13\xac~=\x1f\x15x\xc9\x15rf\x9a\xc6+\xa4\xb7\x05\xf1\xf9\xfc\xfe\xc9ce\xd4t\xf9\xce&amp;6I\x9dT\xb1\x81\xf4\n\x0c\xd7~\xe2\xb6\x83\x84\x03\n&lt;0:k\xfa\x8e\xf0\xc5\xaa\x12^?\xe3r\xd5\x8e\xd3\x17G\x9f\xa9\x8b\x8ay_\xd9\x15(\xf1i\xcf0\xf9\xcb\xd2\'/*\x840\x9c\xbd\xf5\xc1\xb9\x95\xe9Lk:\xfd\x10\xe1\x04\n\x14\xd0\xc7;\x00\xd3\xb6\x10\xe6\x06\xfd&amp;\x00mj\xb58\xda\x8c\xaa\xb2\x97\x1b\x1a\xa9\xca\xee\xbd\xe5\xa6=l\x95\xaf\xb7\xe0c\x12N\x90F8\xbd\xa5\x87\x80\x0b\x87\x013\n\xec\xd3]~6 L&gt;\xf2\xf9-@[\x7fj\xf7$\xdax\xf2u\xd6\xc7\xe2(\x13\xf6\xdbp\xb6\xbbJR"\x97^\n+aS\xca13?\x18^\xd6\x8e"\xf9\xdci\xd6\xc7$\xec{\x91\xe0\xd6\xaf\x00Y\xfcM\xdb[\xe3\x7f\xae\x01S\xd3\xbe=Wai=\x7f\xfe\xd3O\x1f\xb0\xf6\xffea\xa9\xb5\xedlix\xf6\xd2\x88b\x99\xf3~o\xad\xccy\x87&lt;3\x84\x8fg\xec\xf4\xe0\x00\xf3t=\xf4k\xcb~\x9e\xe7\x8f\xb51\x01\xa8;\x0fy9\xf5{$\x7f\x7f\x03Y\xf4\xee=\xd32\xe5a\x0b5\xa4\x17\xc5\xf3\xeak2_\xf2|\xf9NW(-\xea3\x9c\xc9\xf1n\xd7E\x8e\xf6\xad\xd4\xd2\x859@x\xdc%\xf8#\x9eW\xfd\x83\xe7\xbc\x89\xd5o=\xc9;\xb1\x9c\x9do\x97\xbf\tP\xec\\\xb3\xe7Oy\xac6\xd6#n\xda\x89\x04x\xf7\xfc;\x00\x83\x1f:\x9ax\xff\x15(Nm\xc7\xe5\xea\xfd\xed\xef\xe1\xf9\x8d\xe9\x8f\xff\x19z\xfe9\x05\xc8$,\xfc\xa4w\xb1\xf6\x12\xce\xf6\xb3\x00\xd5\x7f\x95"!\xbfT\x00\x19==\x04\x1c\xf6O\xd9\xc30\xfcG)\xe2i\xc9\x89.\tl\x15]\xf8\xaf\x9f;\xd3H\x02K\x98\xb9-\xfd\xa4\xf7\xbev\xf4#3?\x8f\xf0\xa1\x04\x1f\xf3\xf3\x1d\xa7Kh\xfa\x14\xc4\xc1C\x8d\xe3Xk\xdc\x9c0\x1b[\xba\x93\x01g\x17\xb1\xf5\xf9\xc3w\xb7~e\xc7\x89\xa0\xa4\x99MA\xf7]@K_\x98=\xc8\xa0\xc2g\x91\xeb\x17\x88\x1a\xf0\x1bj\x07p\x12a\xb2m\xafv,g&amp;{\xa1cG&amp;\x00\x9b\xce\x92\xf5\xf8\x90\x87z[\xcd{\xa7\xb1\xd4S\x9df\x9cw\x8eT\xb4\xe1\xef\xb9\xfd\x1fY:\xb5#7\x16\xbe"W\xe1\x14Ns\xf9\x84|\xb4\x912N\x93\xcf\xfb\x06[\xa7I~B\xf2$\x159\t\xbc\xc9\xdb/\xbco\xd0\x844\xb6\xd4\xa8\x83uO\xd5e\x93\x94\x1b\xa3S\x1d\xaa\x15[R\xb4\x9e\xfc\xe9\xac\xa9\xfd\x8cj&amp;\xc2\xf4a4\x934\xa0\x19\xd3~\xa1\xd3&gt;\xa2\xd3\xb0\xc9$\xa2&gt;\xf4QaT\xec\xa7\'=\x0e\x1f\'UT\xa7\xb7\x94W+\xd9\xb8\xf8O\xab_\xd9\x1b`&gt;\r\x86\x04\\\xc8\xeb\x9b\xd7\x06\xaf1\x81\r\xbc\xa8\xee$^\xc6\x88\xe38\xee(\xdc\x</t>
        </is>
      </c>
      <c r="E11" t="inlineStr">
        <is>
          <t>&lt;class 'numpy.ndarray'&gt;</t>
        </is>
      </c>
    </row>
    <row r="12">
      <c r="A12" s="1" t="n">
        <v>10</v>
      </c>
      <c r="B12" t="inlineStr">
        <is>
          <t>steps_per_sec</t>
        </is>
      </c>
      <c r="C12" t="n">
        <v>200</v>
      </c>
      <c r="D12" t="inlineStr">
        <is>
          <t>2.6260333</t>
        </is>
      </c>
      <c r="E12" t="inlineStr">
        <is>
          <t>&lt;class 'numpy.ndarray'&gt;</t>
        </is>
      </c>
    </row>
    <row r="13">
      <c r="A13" s="1" t="n">
        <v>11</v>
      </c>
      <c r="B13" t="inlineStr">
        <is>
          <t>Loss/RPNLoss/localization_loss</t>
        </is>
      </c>
      <c r="C13" t="n">
        <v>200</v>
      </c>
      <c r="D13" t="inlineStr">
        <is>
          <t>0.11262164</t>
        </is>
      </c>
      <c r="E13" t="inlineStr">
        <is>
          <t>&lt;class 'numpy.ndarray'&gt;</t>
        </is>
      </c>
    </row>
    <row r="14">
      <c r="A14" s="1" t="n">
        <v>12</v>
      </c>
      <c r="B14" t="inlineStr">
        <is>
          <t>Loss/RPNLoss/objectness_loss</t>
        </is>
      </c>
      <c r="C14" t="n">
        <v>200</v>
      </c>
      <c r="D14" t="inlineStr">
        <is>
          <t>0.011416849</t>
        </is>
      </c>
      <c r="E14" t="inlineStr">
        <is>
          <t>&lt;class 'numpy.ndarray'&gt;</t>
        </is>
      </c>
    </row>
    <row r="15">
      <c r="A15" s="1" t="n">
        <v>13</v>
      </c>
      <c r="B15" t="inlineStr">
        <is>
          <t>Loss/BoxClassifierLoss/localization_loss</t>
        </is>
      </c>
      <c r="C15" t="n">
        <v>200</v>
      </c>
      <c r="D15" t="inlineStr">
        <is>
          <t>0.38581228</t>
        </is>
      </c>
      <c r="E15" t="inlineStr">
        <is>
          <t>&lt;class 'numpy.ndarray'&gt;</t>
        </is>
      </c>
    </row>
    <row r="16">
      <c r="A16" s="1" t="n">
        <v>14</v>
      </c>
      <c r="B16" t="inlineStr">
        <is>
          <t>Loss/BoxClassifierLoss/classification_loss</t>
        </is>
      </c>
      <c r="C16" t="n">
        <v>200</v>
      </c>
      <c r="D16" t="inlineStr">
        <is>
          <t>0.1646252</t>
        </is>
      </c>
      <c r="E16" t="inlineStr">
        <is>
          <t>&lt;class 'numpy.ndarray'&gt;</t>
        </is>
      </c>
    </row>
    <row r="17">
      <c r="A17" s="1" t="n">
        <v>15</v>
      </c>
      <c r="B17" t="inlineStr">
        <is>
          <t>Loss/regularization_loss</t>
        </is>
      </c>
      <c r="C17" t="n">
        <v>200</v>
      </c>
      <c r="D17" t="inlineStr">
        <is>
          <t>0.0</t>
        </is>
      </c>
      <c r="E17" t="inlineStr">
        <is>
          <t>&lt;class 'numpy.ndarray'&gt;</t>
        </is>
      </c>
    </row>
    <row r="18">
      <c r="A18" s="1" t="n">
        <v>16</v>
      </c>
      <c r="B18" t="inlineStr">
        <is>
          <t>Loss/total_loss</t>
        </is>
      </c>
      <c r="C18" t="n">
        <v>200</v>
      </c>
      <c r="D18" t="inlineStr">
        <is>
          <t>0.67447597</t>
        </is>
      </c>
      <c r="E18" t="inlineStr">
        <is>
          <t>&lt;class 'numpy.ndarray'&gt;</t>
        </is>
      </c>
    </row>
    <row r="19">
      <c r="A19" s="1" t="n">
        <v>17</v>
      </c>
      <c r="B19" t="inlineStr">
        <is>
          <t>learning_rate</t>
        </is>
      </c>
      <c r="C19" t="n">
        <v>200</v>
      </c>
      <c r="D19" t="inlineStr">
        <is>
          <t>0.0159997</t>
        </is>
      </c>
      <c r="E19" t="inlineStr">
        <is>
          <t>&lt;class 'numpy.ndarray'&gt;</t>
        </is>
      </c>
    </row>
    <row r="20">
      <c r="A20" s="1" t="n">
        <v>18</v>
      </c>
      <c r="B20" t="inlineStr">
        <is>
          <t>train_input_images</t>
        </is>
      </c>
      <c r="C20" t="n">
        <v>200</v>
      </c>
      <c r="D20" t="inlineStr">
        <is>
          <t>[b'1024' b'1024'
 b'\x89PNG\r\n\x1a\n\x00\x00\x00\rIHDR\x00\x00\x04\x00\x00\x00\x04\x00\x08\x02\x00\x00\x00\xf0\x7f\xbc\xd4\x00\x00 \x00IDATx\x9c\xec\xbdw\xdc~MQ\x1e\xbe\xe7\xb5\xa3\x06KDc/\xc4`\xc3\x86\xa8\xb1D\xc4XcA\xac$\xb6X\xa3\xc6\x1a\xac?\xac\xa0\x89\x80\x1a{%\xc6\x86\xc6\x82F\xc5^A\x13{\xc1\x12\x89b\x14{\x0b\xc4\x18Ec\xe6\xf7\xc7i[ffgvg\xcf\xd9s?{}\xe0\xfb&gt;\xcf9\xbb3\xd7N\xdbr\xce}?\xceu\r0\x10\xe1!\xba.\xe9XO`\xc7\x83!!\x03\xca1\xca\x1b\x9b2\xef\x19\x81\x8f\xc0\x11.Cc\xa0C\\\x82d\x7fX\x9d\xdb\x81\xe9n\xd8\x83\xcc\xd0\xbc\xfcZ\x1a&lt;\x8d6\x02U\x93Q\xfc\xd5\xe1n=\xc4}\xb7\x19!\xf5H\xa7\xe9[\xcd\xa6\xcbA\xe0\x8b\xe1\xa9\x01;\xe4\x03NV\x1a\xca\x16\x07\xf6\xa5\'X\xff\x8fT9\x1a\xbd\x9b\xfd\rgz/|6\x8f\xbe rYgiu*\r\x9d)\xd4-\xc5\x1b\x009Qa\xfbKBc\x90\x01\xb7\xe4\x0e\xf8\xbf\xdex\x84\\\t\x19_\xa8\xd2\x7f`\x80\x83l\xad,\r\xb8\xc6\xa1)\x9c\xc9Fn\xdcEh\xe6\xb0\x11!1\x84\xd6k\xbb\x9a\xbc\xce*D{\xc4 _\xb5K6\x00\xee\xf7J\x0eY\xf4\xb6\xbdYw\x0c\x0c\xb8\xe3\xf6\xc6\xc6\xf2G\x90_\x0e\xcf~6\x01\x12\xd3$9\xb2\x9f\xc4\xd2\xa4-\x8b0M\xd3v\xd8\xc3(j\xca\xa1w\x00@c/\xdc\x00\x86}bD1\x03\x00\xd3\xe4RCM\xd3\xd4p\xfa\x91\x15\xa3\x16\x98\x07%L\x9c\xef\xf5H6\xca5\xaa\xc0\xad\xda&amp;\xd7&lt;\xd3\x17?_\xa2\x9e\xcc\x0c\xef\xc0\xc2\x88\x9f\xf8\x06TX\xa2\xa5}x\x1b\xcb\xef?\x1f\x07\xae\x04\xf1&amp;\xf8\xe6\xcb\xebm\xe0\x12n\xb2\'\xc9\x1f\x9d\x0e\xa8\xc0\xd7\x84\xb6+\xad\xfbP\xc2)J\x06O\x1dU\x07\x81\x05\xe7\xcd\xf2\'\x00\x1a&gt;\x8aQk]v\xd1\xd3t\x8bG\xd0\xefT\xd4\xeb\xb7\x0f)\xbc\xd7\xf3H\xcf\xb8h\x90\x0f\x0c\x1c\x8f\xf1\xda\xd9Up\x017\t7\x9c\xd8t\xce-\xf1G5\xb7\xc35\xb6R\xc7\xbf\xf8\x11\xae\xfe\x0b\xbe-\xc0\xf83\x03ie\xb6X\x04\xaf\xafc]!\x06,1\xde\xae\x1e\x18\x18\xb0\xc6=g\x13\xa8\xc5\x1d\x9c\x0b.\x8b\x0b&lt;\x1f\x0c)R\xaf;\xe3m\x81^\xe8\x8fg\xa3v\x98\x1ca\xcc\xae^\xb6n\xe7\xf0\xec0\xd1W\xa4hL\xc9\x0f\xb9\x0e\xd2\xb1M\x11\xc7i\x9a\x0c\x8a\xc0\xfcRM\xad\x94\xd6\xb0~\xbb\xda\xb9\xa9\xfb1\xd7\xa2\x8f\xcc\xbd\x1az\xa9x\x03W\x84\xe5\x06\xe0\xc4\xd9w\xd5;2a\xa0\x0e\xfe\xe2\xe6AT\x93)]\x03\xed\xe7\xa8\xa3\x1c\x9f\x8f\x1e\\0\xa1q\xa2\x85\xe6\xb8}\xeb\xb2\xff\xf4\x9d\xd6\xd1\xa8\x1a\xcf2\xfcd^\xa8\xcf\x91\xdb\xddQ\xe3\xbb\xbbi\x9a\xe0\xa8\x11\x9f6\x89\x93\xaa\xd5/\xb6\xdd%\xdc\x91\x0f\x99\x0ct\x0f\xfd\xd3g\x03\x9d.\xd8x\xf8\xdaGJ\x0cP0\xffN\x1e\xff\xfd\x8b\x9e\x03\xafsz\xb5\xe8\xc4\xfe?\n\x00\x00?r\xf8\xb7\xd7\x87\xc3o\x17\x8d\xb5O]CV\xe7\xfb\xeb$ \x03?c\x0eE(\x9c\xa5\x98\xb9u\xfc\x0bu\x87\xe9\xaa\xc7\xb5\xd8\x0e\xdc*Z\x14/F\xe0\xa6\xee\x12\xefG\xf6\xcf\xf0\xee\xa0\xd4\x17\xd4$\xf4B\x97X\xfd\xdf\xfe\xf74\xdb\xdb\xbfH\xe0\x1e\x0c\xfa/\xb8\xf4\x85\x14\xa8NY\x18I\x8be\x1b\xca\xea@\x825\xee\'p\xfd\x0b\xe2\xc9\xf8\x8f\xf5\x9f\x8aV\xb5\xef\x18\x1d=\xc6\xbf!\xab\x0e\x0c\x1c\x04\xdb\x05\x10\xb8\xdc\xa2\xaa\xff%\xd7\nh\xb3;\x1a\xd8p\xa6a\xbd\xd5\xff\xf0\xef\xad\x00\xa0\xa6\xa0\x15l\x08\xe3\xf6\xdfl\xb62\xbe\xe1\xe0\xbc\xce\x14\x80\xe0\x12\xa7\x06\xc7`\x18a`\xe0\xda\xd0\x97\xb3\xfc#?\x00p\xee5H\x01\xff\xb0\xc9\xc2\xcb\xb6(\x03\x80{\x10l\x82\xad\xc4\x0et\x00\x98?\x84\x9e\x8b\xfc\xf9\xfa\xcf\x1d\xc7\xebf\x91M\x9fK\xa7\x18\x00\xc0W\xb7yi\xa7`+r\tK\xf6\xc7\xb3\xde\xce]\r\xa7\x1c\xb7\xba\xe7\x1c\x18\xb8\x19\xd8~\xb0h)e\xc2Oh\x01\xfd7n\xfc\x9a\x98\x91\x86\x95\xff\xca\x8f\x881\xc4\xca\x84M\xae\xe5\xd7\x82`J/\xf1\x95;\xa7\x00\x8c\xfe~\xd0\x12$\xe1\x14\x87J\xbe7\xc03V\xff\x03\xdc\xf0\xe7\x17\x9b#IL\xc38\x97\x8b:,\xb9N\xcb\xe2\xad\xa6v\x19\xab\xf3\xe7\xbe\xfa\xe4\xa6\x83\xe9DS\xcb\xa4\x07\x1a\x03\x03\x03G\xc2\xf6k@\xe5\x15\xe4\x85\xb7\xf5S\x84\xe8\xd8 _\x94r\xfb\x87\xb319w\xf0\xea\xdf5^7\\\xfb\\\xe7K\x9d3\xe4\x0f\xde\xfcM\xcd\xa0\xcf\\\xbe\rf\x9a\xbf\x19\xc6J\xf5\x1d\x84\xff\xbd:\x00`\xe5\xc6\xf5\x106/nnyTy\x19\xa1\xb2\xc07\xf8-}\xefs\xd9\xf7DQ\x0f=j\x9e\xdb\x8c\xba\xd4#\xfe\xac\xd3@\xefi}5\xd0\x13\xa4\x05(\xff\xca\x84\xae\x96A\x02)\xe3\x01-\x1a\xbcsuM\x8c0;\x17\x96/\xe9\xadE\xe3\xaf\xa4-_\xfa6]\xbf\xec\x84:\xa9\xa2o\x88|\x82\x19\xee|\xfdi\xb1\x01\x18\x18\x90c\xc4\xd8\xcd\xc0t\xdf\x0f\x00\xe2?C\xd3\xe0)\xf3\xf2\xb2\xcd\x16\x9b7}\xaa\x01\xb7\xf1\x10\xfc\xb60\xde\xbc:\x17\xe5I\xb1\xbe\x8c\xe1\xb2\x1e\xec\xe7\xb5\x8dv\xe8\xfb\x15\xa0\xf9\x05 \xd7m\xae\x9d\xfa:\r88\xfe\x81s\x11\x00\xae\xc1s``@\x82\xb23\xfb^\xcfr\xfad\xe5\xe3\xcb\x0f\xd1\xd2\xbf\x1d\xaa1\xce3NF\x0f\xf6\xef\xb6\x10\x9d\x80q\x96\\\x83\xb3\xed\x06\xc4\xcf\x8d\xb5\x1e9\xea\x0bG\xe6s\x9e\x1d\x1e\x1c\xde\xa6cn\x03]C\xbb\xa0\xef\xfcu\x9d^\x89\x11\x94z\xa4z\x05\xfc\x84\xfae\xb3\x1d\xfe7\xac\xb7\xdb\xc7\x0e\xcf\xdeE\x9c^|N\'0p1x\x01#]\x00\x94k\xbalp\xf6\xbc\xe6q\xee~_\xd5)\xb1\x81\xee\x11F\xb6n\x0f\xd0\x94X1\xba%\xe6\x01\xb6o\xa2&lt;\x9b\xc9\x86~\x98lx%\xec"\x84\x9bP\xe5\n\x1e\x10x\x92\x07\x06\xaa\xc0\x04\xe4\x15\xea\xd2\xc0@\x06\xfa0\xee\xe9\xd3)3\xfe9I\x03%\xd9\xe7\xa1g\xc7oa\x0c4\x87\xe5KxP\xf6vl\xfa.\xe0\x9d{;p\xff\xd8\x82\xae\xdb\xfe\xe2\xb2\xbao\x1b\x1c\xf9\x12|\xf9\xf76F\xf5W\xf8\xa9\x95T\xc24\x05;\xafN_\x98\x1e\xb8&amp;\xe0\xa0W\xc9a|\x9ah\xa0{\xccuv\xdaJw\x0f\x11\xab\xcdP\x00\x98\xc2/\x8e\xeb\x01\xd5uf\x14\x90\x01;\xdc\xa9\xfdh\xf9\tt\xd8\xbd\x05\xb7\x1b\xc6l\xb4\xcf3\xb1\xdb\xee\xbb\xe1\x85\x81\xdb\xc5(2\xa7b\x14\xf9\x15=MyJ\x1a7\xb9\xb6\xe9\xc8\x1d\x037\x80\xdb\x8e\xa7hh\x95\x1b\x00\xf7\xf8\x1e\x1f)\x0eT\x82u\xe8\xf0u[\xd0\xc6\x1ff\x1f8\x1b\xc53\x85\x85jky\xb5\x03\xb1\xaa\x84\x87\x99\xf4r3\xf5l\x19\x01\xe7+\rj`\xe04,\xb5\x06\xc0\xfd\xbd\xf5\xc3\x12u\xd5\xa7\xcf\xd7\n\x07\x8a\x91q\xe8\xf0uS\xd0\xe6\x1df\x1f\xb8 \x84\x0b\xb8\x13\x90\xb0\x02\xff\x9e\x95\x12\xc1\xdcz\x9c}.WC\xc6\xd2\xe2\xe61\xde\xdc\xba6\xa2\xe4\x1c\xaf\xe25G\xe3\x0f\xa8\xf8\x0eE\xbd\tw\xe0{\xe8\x0fE\xec\xd0#?\xc72\xd0\x11\xe0\xcc\xef\xef\xb7\xc7VI&amp;\xd7\xfb_\x06\x00\x80\xf5sX\'\xf0\xbc1\xbf\x0f\x0c\x0c\xb4EW\xdb\xe2\x9e\x1e\x02\x9cN\xa0\r\x0e}\xf2.q\xe5\x15\xed\xfc\x95g\x13@\x01\xee\xbf\x9ee\xcc+:\xb1+X\x1a\xb0\x8f\xfai\x8b\x1b\x1bNG\xe0\xdf\xd2L~\x18\x18\x18\xb8*\xc8/\xf3z\xfe&gt;&amp;\x8c~6\x00]\x19\xa4\xb8\xb7\xf2\xfa\t8\xdd\xd1Z\x80\xf7M\xb5\xa7\xbd\xc4\xdc\x19~\xeajN\xbc4.\x972\x18\xc6\xe7\x82z\x01?\xc503r\'3u\x0e/z6\x81\x81\x81\x0e\x80\xa5+0\xe9}\x16z\xe3s.jLq\r\x1b\xb6\'\xd9\xc0\x0e\xb0\n\xbe\xc0\x06\xe0O\x1a\xfcm\x8dK\x0c\xfcVq\x8d\xbc\x0ep9\xc2\x8dp=;d7\x00\xeea]\x0f\xea\x82\xc920\xd0\x02O\xbe\xcc\xc2\xfa*&lt;\xaf\x89;g\xd8f\xb1\xf4\x1c\xd7\x89Rk\x9e\x07\x0c\xbc|\xdfr\x15\xa7\xdc\t\x8cb~[_\xaf|\x99U\xc4\x0c\x86\xedr\xeb:c\x19\xb8\xcb(\xfcf}\xc9\xc5\x93\x81\xf0\xb9\xc6\xd9\xea\x05\xd1\x9f\xf7\x9dk\xee\xe8vC\xee\xd1\x98(\xda\xf9\xbd\x95\x05z\xacT\'\xe0\xf2\x16\xd0\xfb\xf1\xb8O(\x1d#\xd0;Ao\xa1\xb1\xf6\xebGU\xde\xb9\xdc\xf3y\xc6\xec\xcd\x9c2p\x0e\xee9Io\xeb\x00\x9a\xe5\xf3\x1f\xedG8L\xd8\xd7\x01\xa0\x17O\x06F\xf3\x9d.\xb4\xb8\xba\x10\xbek\xf9oW\x15\xbc9\x17\xeb\x90\x87\xed\x0bp\xbb\xcb\xa5\xc3Q\xe2;Q\x9fi\xea\xb1V\x1d\x8e;h\x81\xa9\xc5\xa8\x83\x95+H\xa6\xd4\xbd\xa3\xdd\x14o&gt;\xaeJ[\xa9\xc75\xa7\xe4\x85\x12s\x9af\x131\x1fr8\x92\xce\xc0\x80\x1a\xf9\x08\xed`=\x87T\xc9\xea\xd2y\xfa\xa0z\x81\xe1$td\xa8Hu\x9d\x1f\xbd:\xac+\x89g\x9cMd``@\x84d\x03 \xa89\xcf\xadi\x8c\xb7\x01\xff-z\x15\xdb\xcb&gt;\x06\xe9\x10\xb8\xf1/\xf74c\xe0\x0eBR\x08\xce\x8a`\x88p\x12\x8d\x81\x1e!\x0e\x89\x119\x07\xa0#\x0b\x1b\xb8{\x04\xcc\x80\x12\xf2\xa8\x03\x80\x7f\x92\xfc\x91\xfb\x06\x8c2\x1c\x0ey\xb3\xe0\xce\xe4\x11\xf1\x9a\xf1X\xba\x0ct\x8d\\h6\r\xdf\xfc\xc6c\xcf\x1fc\x0e#![\xe2\xa8\x92\x97h\xe9\xe2\x18\xe6\x0e\xbe\xf7\xb9\x9a\xb7\x8bQ\x8f\xe9\xf6j\xb8\x05\x7f\xa96\x00\xc5}\xaf\x83\xdb^\xf8\x8a\xc65V\xff7\x86\xb3&gt;\x03\xd0\x0e\x99\xd0dBw\x8e\xec\x1f\xaa\n\xee\xfc{~\xd3\xe4\xa6\xf9\x15k\xe4\xa5\xc0\x8a]\xc1\x7f+\xec7 \xc2Q\xafp\x06z\x88J{\xca\xcb\xa4w\xad\xe6\xaf~\xe8\xe5\xcd]\xedj\x8ch\x7f\xc7\xbcx\x12\x00\xf2_\x15\xdfD\xab\xa8\x95t\r\'\xafyi\xcb\xf6\xf5\xf2\x85\xbc!\x1cs4S\xd0\xe5B\xe9&amp;\xf2\xd7\xdc\xe8:\x1fg\x18\x18\xf0@\xd7&gt;p\xbfZ\xffl\x0b\x9c{\xb12V\xfb/\x7f\x81q\x13?y\x1c\xbb\xf3\x96X\x0c\x8bZ\xd8\xd4\xec\xbb"4&amp;\x8f\x7f\x0e[\xa9\xa8\xd3\x98l\xca\xea\xee=3i\x8b\xef\xeb\xd5\x98_\t\xee\xdd\xc9\xc7t\xe9\xcf~\x13C\x16\x92j\x00!&gt;\xf6\xbc\xac\xac\xaf\'\xa7&lt;\x05\x05\xe5s\xfbN\xeb^\x15N\xb0\xfc\xc0\x80\r\xa8\xc0\x05\xf5l\r\x00\xf0\xb9\xa14\xbd\x90\x94\x15\xd9\xfdE$\xf962\xf3&lt;\x18\x9a}\x0f\xa4\x7f\xbb|\x1e\xce\x9d\xbd\x01\xa8\xc4\x85\xa8\x9aA\xbf\\\x18\xb8$(\x17?\xda\x9f\x0e\x88\xa9\xe1\xcf\xd8\xbc\xd0d\xcd\x9ab\\\xfb\xad\xc1\xb5\xaaG\x8aS\xf8_\xd8hz\xce\xecH\xe7\xb2\xf6\x0bu\x9c\x06\x06\x8c\xa0HK\xa3\x04\x0eV`o\xc0\x1d\x0c\xcb\x05\xba7\xaf?2\\(=\xcf\x15\x8b\xd4\xe5a\xb9\x01\x08c\ty\xbf\xf6j\xb3\xd1Ux\xee00\xefx\x08p\'\xa1\xc8M\xaf%\xd6^\x15\x81\xf9\r\x80\xdf\xd4\xb9\'\x89%w\x87#\xab\xdf\xa6E\xa5\xf1R\xc5\x19\x01\x00\xbc\x9a\xec\x81\xd21|\x06\x06\x18\x1c\x1a\x88\x90\xc0J\xb0\x81\x88\x99\xcf\x05\xd3\xb2\xcfj"4\xa6-\xf9\xac\xd2\xab\xad\xfe\x8f\x87]*\xf5\x88\x1aV}\x8e\xe8\x96\xa0\x98\x17\xbc\x96Dc]\x04\xe2\x9f\xfa85\x8c\xa9\x0f\xa2&lt;\xe8h"\xc7B\xbe\x19\xbb,\xc6\x1c4p\'\xe1\xd7\xf7\xder\xa07&gt;\nt\xc8|s4\xfba\xbe\xe2\xad\xe02I\x14\r|U\xf7\xd6\xda\x8e\xb7\x8e\x1e\xb32A\xcf\xdc\x060(\x8f~e\x05\xc1\xfc\x08\x89T\xd3T&gt;\xa6p^\xfe\xe2C\xeb&gt;=U\xc8m\xe14\xa2\x0c\xe8\x0c\x0c\x0c\xb4Gi\xae\xbeb\xdb\xdaw\x1b\xb5\xb5\x9b!\xe4*\xfb\xf6e\x1f5\x1b\x80\xc2\xf1fv&amp;w\x14\xdf\xb4\x1a\xe4|\xcb\xd0o\xd0\x0e\xdc.\xe4\x1b\x80\xbd\xcd\xf9\xb1\x1a\xe0\xbd\xeb\xf8|\x07i\x01\xffW\x93![\xad\xbc\xeb\x18,\xc3\xfc\xba\x13i\x0c\x0c\x0ct\x0f\x80\x0f6Y\xa0\xe7\x0e\xa4k\xe5\x9f\r\xeby\xa2\x1d\x82O\xd4\xdd\x80\xe5\x07\x8e\xc5\xcd\xbf\'p\xe7\xb0\x16\x01\x89[\xcd\x8bFG\xb1\x94\x96D\xbb\x93\xf2@\xa4\x9d\xb4R\x06gs8\x02wa\x8cw\x12\xe3\x0b]\x8f\x0187\xad\xb5\xaf\xc0\xe6^\xc7\xb5\xdeL\x0e\xff&gt;^\x00\x98\xa62-\xbd\xe0ZC\xf0\'\x00\xc3o\xbf\xde\xc4\x1e\xf5\x17\x08\x06.\x03\x00\x18Qq0\xf6|t\x86_\x84^&lt;#\xf4\x8e\xb4|\xcdW\xa6\xe9/\x9c\xfb{\xa7\xd1\x1a\x10c\xf5\xd7\xb4\xfdp6\xa3\x01{\\\xee\x0f\x81u}f\xb6\x9epP$\xa7b\xf2\xf3\'\x0e\x9c\xdb\xe7\x1eJ\xd04MW\x9fQN\x1f\x82\xf8P\'&gt;\xfe1&lt;\r\x1a\x05\x17\xc5\x19Gn}\x15\x1c\xcd\x19\xf3@\x03h\xf22\x17\xae\x97\xaf\xd5\x14\xe6?t\xe9\x17\xb1\xf5\xe7CW\xffw\xe0x\xfe\x7f5\x92;M\xd34\x95\xafX\x06.\x81\xcbm\x00\xfa\xad\x98\xb0|,x\xf9_\xf8\xd4lJ~Pa\x9a\xa6\x97\xdc\xfa\xf6\xba4\xfc\xe9\xb3\t\x1c\x0f\xfc\t\x8cU\xd1\\\x1d}7\x9e2\xcb0\xff!\xed\x83u\x1e\xad\x90\xc5\x1a\x15(\xab\xcc\xa7N\xed\xd9\xdc\x19L\xd3\xba"\x12\xc7\xc3\x9dN\xdb\xb3\x0fqV\x16\xe7sh\x0c\x7fC\xd5"\xden\xde\x80w\x1a\xc3\xbbvH\xea}Z}\x0exv\xdf\xe8\x8d\x14_&gt;&amp;\x16\x00\xeeB\xb5%\xa17;t\x9e}\xd7z\x11\xab9\x00\xb6\xd7\xf8\x16\xff\xceW\x0cb\xfe\xc8\xdcy6\xe7\xfe\xee\x10E\xb7\x84B\x07\x8d\xb7\xf8\x06\x06\x06\x06\xf4\xb8\xf0\xd9\x89\xf4[ \xea\x15e\xd5\xb7\xd4\xae\xc5\xb3_\xd9\xa7]a\x98\xb1\x0bX\xa6\xd8H\x8d\x8e\xd1_-\xb5\xc1\xe9_\xa1s[\xe8\xd4\x927\x19\xba\x03V\xe8\xf1\x15\xa0\xe5\xcb\x02\xfa\x0e\\\x9a\xde4yO\x8bM%G\xedz7\x91sn+\x8b\x00\x7f\xdb?W\x0f\x0f8\x9b\x00\x83q\x9a\xd8\x05,\x8fu\xadO\x88\xa9\xca\x00\x00\xce=O\xb7\x8b\x95&gt;QS\xccI\xf4R\xbao\xaf\x98p\xbb\x1a\x93=\xcf\x96\\\xe1\xce\xb0GK\xda\xae\x10nu\'&lt;\xd0\x15\xa0\xc1\xf7\xa3\xd9CB\xaf\xe9(\xb2\xc2\xfb;\xe0\xe9\x8a\x0c\x05\xf3\xef\xaa\x13\xa9&lt;R\xdd\xc0]E\x9f\xcf\x06\x07\x06\xcc\x10\x86w\x1a\xe7\x06\x91\xbf\xa9\xb8B*\xc1k\xc5\x0c\xb3\xb3\xdb\xbe\xbd\x89o\x8c\xeaqs\xe8w\xdbz\x03\xefM\xee\xef\x80\xba\xf9\x90\xcf\xf8\xb5o\xf6-\xedE\xf9\r\x98\xf1`d\xc3\xafA|\xf6\xfey\x80\x01\x14W\xfb\x98\xc4&gt;w\x8f\xb2p*\n\x8a\xb3U\x898\xbb\xd4\x00\x98~\x89\xea\x08\xe3\x1c\x00\\P\xa32\x1fh\x01\x80\xfd\x0b\xcb\xc3f\xad?^8p&lt;z|\x05\xa8g\xa8\xb6\xbf\xfbW \x1b\x9f\xf2\xfa\x7f]\x05o\xf1V\x90k1@`\xfa]Q3S\x87^\xa6\x98\xa2\xa3\xbe\xcb\xc7B\x87\x8c\xdbJ\xc7e\xc2\xec\xc6\xf1\xf9\x05}T\xbec\xde\x81)P\xadQ\x9cS\x00\x96\xe5b\xc4\xb3\x00\xf1\xd71e\xdeg\x9b\xa6\x89\xd9\xa1\r\x8b\x0f\xdc*\x9e\xd5Hn\xd3O\xe5r\xef\xab&lt;\xe2z\xcb\xb2u8\xbd3\xef\x9c^;\xdc\xe5\xb5~\x8a\xcbYc/D\x9f\x0e\xf3\xefg3\x1a\xb8\x85\x17\xb5w\x8d\x92\x17So-\xeanl8\x03\x03\x03\xe6\x00\xdd\xcb\xe5&amp;{\x86\xabU[\x7f\xa7t\x00\xed2\x15\x17\xb2\xe7\x1d\xc1\xc5V\xe1,\x9a\x0f\xe4r\x9b\x96\xdb\x86\x81;\xb0w\xb5\xab\x04\x96P\x00\xf4\xe7\x1b\x02\xff\xc1\xe2\x81\x81\x81\x81\x0c\xde\xdd\xffe)\xfdT\xf90yhp\xb5\xc9\xfe\xf0\x8f\x19\xe9\x15Y\xd2\xbb\x92kz\xc6\xb5\x82|`@\x89\xf1\xde\xdd@\x17\x18Q7\xd03\x8e\\8^\xf0\xac\xee\x13F\xeaJ\xf0\x01\xcc\xbd\xcc\xb6m\xe0x\x1c\xf7\xc8h`\xc0\x18\x82"?\x96\\\x03\xdd`T\xda\x01c\x94\x87\x14\x00\xc0\x93\xc5o\x1f\x1a\xe2\xb0}\xb0\xb5\x16p?\xd1\x80\xf6\xd1\xc7\xf6\x08\x03\xf6W\x8d\xa0d \xc8C\x89\x07P\xf2Ge&lt;\x1e\xa7\xc7\xde\xc0@9$\xd1\xcb6x\xb0\t\x85j!J}#a\xbb\xc0X\xcd\x0f4\xc0\t\x0b\xf1/:\xf6\x14\xf0J%l]!\xb5$|jM\xd7\xb9^\xcb\xf3\xf0\xb7\x92\x06\x1aaxp\xa0\x10M+\xc0]+/\x00\xf0Ywi\xbc7\x83_\xb9c\x81:P\x88\x83_\xe3\xbe\xd6\x12\xed\xf0\xd7\x15\x0e\xb3\xcf\xffe\x18\xd0\xbd\xcanE\xe2\xc1\xb9\x8f\x925.\x08\xce\xf1\x86\xc9\xc0\x9d\xc0\x88s\n\x06\xf5\xf3\xc9@=)-\x14\xde\xe1|\xd7!%\x16WY3\x9c\x87 b\xd7\x9f\x87\xd1\x06r\x18\x1b\x80&lt;\x9ez\xdcs\x92sK3\xe9\x9d\xe3\xbcV\xf5\x8e\xd0%\xa3k`\x80\x05\x008\xf7\x05\xd1\x95\x11\xe7Mq\xc3\x16\xbe\xea,&lt;\xc0"\xf1\xe9\xf0\xef@\t\x1e\xd0N\xf4(=\x1dcs\r\xee\x9d\x16^K\xe3\x01\x00\x9c\xfb\xc0\xa8\x95\xf8\xaf\xe0\xc1\xa9;(\x89\xde\x11\xfc\x03j\x8c\xc3\xbc\xe3\x81\x16\xc3\x9b\x98\xbc\xc6\x14|u\x90\x13\xf4p\xeb@\x15\x0e\x88\xa1\xd3\xc3\xf4\xf4S\xf6\x99E\xc5\xdd\x16\xf0\x9fz\x1b\x7fp\x96\xf5x^\xa9,ZV9\'y\x16\x00&gt;Q\xa0\xfa\xf4\xe0\x1f\xb8$^\x08\xffr\xc9\xe3\x89\xdc)\xa4\xd9\xca\xd8|\xb8c\xe0\x18\xd0\xd3\xe5\x98\\\x06\x0c\xd0:\x86N?\x81\xe8:Ol\x1f\x92\x08EA\x08\xa6a\x0b\x0e\xdc]\xa1)\x9e&amp;!\xdf\x14\x923\xdaw8;\xf2\x07n\x08O&gt;\xbd\x90\xde*JN@\xbec&lt;\xa5\x198\x1b\xa3\x1a\x0c\\\x00g\xaf\xd5\xfa\xcd\x13\xd9*\\-\x90os\xbfP\xa9\xb9qx\x0e\x86\'\xf7\xfb(\xce\xf1/x\xffR\r:\r\xbc\x81+b\xcd\xac\x11T\x03m\xd1\xed\x8ci\x84\xd2\xf3)\xa5\xa8\xf6X\xaa\x01:\xe7\xde\xba\x13\x07\xae\x83\xf36\x00\xf7\xe9\xfc\xaf\x11E\xdc*\xa9j\x8f\xff\x0b\xe4\xaf\xbd\xc0\xb9\xafg\x1af\xb5kU3\xa2\x16\x81o\x97{\xcfj\x14\xc4\xbb\x86\x9b;2\xbf\xb1\xe1\\\t7\x17K,F\xb5d\x01\xec\xb2;k:\xb3C\xabp\x06L&gt;\xc1b\xa1b`\xe0\xba\xb0&gt;bo\x8e*\x9e\xa2\xbeF\x1b\x80B\x90\xaa_\x1f\x9c{\xeebi\xd9\xc3Q\x9ey"\'\xb8\xace5@\xe3Hc\x0e\xc7\r\x98\xe1b\xf3\xc8m\x81\xaf\xed\'\xc1\x9b/\xbe\x1e\xd2\xab5BKH\xe0\x9b\x8a\xb1\x91\xbb*\xa6\xb3\t\xdc\x08\xb6t\x9a\xa6aR\xe7\x92\x83\x01\xb5Y\x00\xdc\xe4\xb0\xf8\x9c\xc5\xe6\xa5\x01@\xa2\x14\x00\n\x1d$\x1c\xce\xdc\x8c\xbf\x1b\n\x01\x07\xeb\x90F\xe4\x98\x01Fe#\x01\xe0F\xa4\xf5\x8a\x8e\xe7\x914\xa7\xe4Yv\x8d|\xc4\xa6\x8c\xd3\xb1O\x1a\x93s[\xe6\xf2\x13\xcd\xd6\x175;\x1eclY\xf0g\xae)\x9e\x97\xb7[\xbd\x99n \x0f\xe17!\x0ed0\xc7~Q\xf9\xe8~\xeb\\\xb4\xb9\x8fL\xa1&gt;\xae\x98&amp;\xa2\xa0P\xd73\x04\xd6k\xa2\x9dCJu\xeb8\xb1^\x9e\\~q\x156\x98\xc6j\xcc\xeaQ\xb5w\x80w\xe7MJ\xa3\xfbrs\xb3\x90\x14\xc0\xb9\x18tY\x12\xe2z.\xcc\xb2\x0b=\xcf\xe8m\xf5?\x9bnZ\xa1\r\x0b\x80m.\x138\x80\x15\x1eN\x9cQ$8\xf9\xa4&lt;p\x9b\x00\x00\xe7~\xefl\x16Z\\\xa4,5\xc1\x11c\x87\x04\x07(\xadG\x01\xd5\xdc\x13\xd2\x15\x1fp\x19#\xdcA\xdc\x19\xd7\xdc\x91av\x07\xf9\x1b&amp;\x8au\xdb\x15pg2\xcb\x18\xccLT\xff\xfeO\xd0}8h\xa0\x06\x17Z\xde\r\x1c\x88`\xf5\xff\xa4+E\x88\x96\xaa\xbf\xc9\xb9\xd00\x07\x06\x06\xba\xc3\xe5\x0eM\x06\x0e\xc6\x1e\x1b\x00?Xz\\\xb5\xfd:\xe6\xac\x81*\x14\x95\xaa\x11s7\x0f\xcf\xc5\xef~\x1b\x93\xd9\xb6\xc4G\xc6\x929\xfe\xef\tcm\xa1\xc10\xd4@c$\xf98\xf6\x00\x03\x87\xe0\xe15O\x12\xe6\xff\x1a\xb2\x198\x0bG{\xd1\xbc\xb4\x8dZ\xd9\x1b\x12w\xdc\x80w.\x1cc\xf1\xfe$3\x90\xab\x0e\xd3\x12\x92\xd7\xba.\x8e\x1b)\x9bg\x0e\xc1\xf2\xbb\x86\xd3\x8b\xf5\xc2\x07\xfa\xc3-\xb85\r\xce\xf10\xe1r\xd8&gt;\x04&lt;]\xfa\xbb\x9c\xc2\xe7Y\xfd\xa0\x8a\xcc{\xf55\x165\x96o\xb9\xf1.\x9cF\xa5\x14^8m_\xd5S3\x8a3\x1d\x1a\x7f\x8c,3\x90\xeb9\xcb\x1e\x9b\r:\xfbt\xa09\x8e,\x9bMV\t\xb7\xe8\x9f\xe5\xa3\x9f\x03\xd7\xc3\xf3\xe7\x1aL7\xf0\xca\xe8\x08\xce\xdbCp\xe4\xd0\xfa\x04\xc2P\xf8q\x0fL\x7fY\xa5\xe5#\x8a\xf5\x8c\xe7\xbf!N6\x05\xe6\x8b\xaf*\x90\x00\x00\xee?\x03\x00\xb8\xefk1\x9c\x11-\'C\x1c\xa5[8\x9d\xee\xb2}!rL\x8a\xdd\xf6\x13\x95\x81\x01\x15.&gt;\xc5\xfb\xe4\xdf\xed\xd2\xfb\x99\x01\x04-\xa2\xb3\xd1\xba\xf6\xc8\x97&amp;c\x15\x00O\xb5\x0f\xfd\xb1\x01\xd8@\x9a\xe2,\x13}\x9f^ox\xe43\n\xe5Ma\x8bC\xed\x06\xa0\x93)\x13\x00\xde\xf8j\xeb\xf2\x9c\xa9uc\xf9\xd4\xbe\xc7\x1e\x15\xba15\xdc4\xba\xa8\tY\xa4\xcb\xad\x11\x93\x03\x0b\xe8\n\xd5p]\x1b\xae\xb1\x0e\x83\xbf\xf5\xb8F\xea\x1e\t\x0b_wg\xd2\xb2\x18\xf6\x97\x89\xa3V\xde\x14j7\x84g\xe3\xf6\xa2\xf1\x82#bC\xc8\x8f\x937\xb6- \xa3\x16u\x85\xb3f\x87\xb2\n\xd6\x88\xcc\xc0\xb5q\xd8a\xfc\xe9\x80\x04]\xcc\xe8u\xb0\x9e]z4\x08\xb3Ge\x08WZ\x06\x96s\xd6\x1e\r2P\x8e\xc2\xc4\x1fa\xb0c\xce\xc7\x1f\xc0\xb3\xb2`*\xb9\xa0m\x05c\xf4\xec`3\xc0;2M_\nK%9\xd65\xfe\x02f`@\x08z\xda\xbb3\xf1\x94n\x01.?\xe4} \xaf\xe5\xbd\x1c\xdc\xfd\xb8T\xc6/\xf3\x94\xc1\x06@\x84\x07\xd4h\x198\x1c=g}\x1bb\xd6\x85\x8e\xd9A\xddFQ5A\x03;\x98\xd9v\xb8\xc9\x16\xebi\xd1a\xdand\xf52p\x1c\x96\x88\xe1\x82\xe6\xc5\x8fcs\x12n/g.Y\x0b\xee\xa5#,\x1c\xe3\x8fW\xd8\xe1b\x06\x1c(\x85\x17H\x9fm(\xd4HL\xab &lt;,\xbc\x8fQt\x8dlmB2#S8\x17\xac\xcd\xae`F\xe7\xdc\xd8\xb1 \xb8\xe0\xbc?p*z\xd88\x1a\xaa\x86{W\xbc\xdb}[HFD\x8e\xb1\x8b\x8f\x0f&amp;sO\x96\x92(nkf\xb5/\xbc\xcd\xc0\xb8i\x94&gt;\x172/\x83V\xd2F\x04Jp\x9d\x1anM\xd2\xfe1N\xd7\xf0\x18\x9e\xbeni\x0b\xed\xe8\xd8\xc67k\xa5\x01\xe7\x82\x83\xfc\xf2\xc9\xaf\x051\n\x9f\xd0S\xde^\xee\xe4\xa3\x0c\xb8\x8b_\xf8\x94\x1d \xfe\x96\xb0\xd5\x82)\x12U%\xb6\xa7@\xf5\xd0\'\xab. t\xb7\x9f\xf2\xc1\x06\xe0\t\xdc&lt;*\x17~\xc3\xab\x93&gt;\xc7\xd5\'\xab\x08\xf6$7\x81W\x18\xfe\xed\x81wh\xcd\xbab- \x8f\xad\xaf$\x97H\x8d\x81b\xf8k\xb8\x12O\xdf\xf0\\%\xc6]\x1c~x\xf0)\xb1\x80\xc56\x89\x086\xdb\r\xc0\xd7\xdft&lt;\xdf\xf9l\xad\x07\xb2K\\\xb2\x80\xb6\xad&lt;D\xf7\xb4\n\xdb\xf7WiOx#\xe5\xee\xa2\xc5I\xd3\x1b\xef\x9bX!\x05K\xedw\x1e\xd9\r@\xb1\xc1\xb7\x8e\xc3e\x03&lt;L\x0eqG\x90\xdd9\xcc\xb3\xd1Q\xf5\xe5s\xf2\x81\xfa\x97\xd7\r\xc2C\x9f\x9f\xdc\xc1)\xe1\xd7\x14CV\xac\xd1\x15}\x9556\xdc]\xef\x17\xdd\x8b\xdf9\xdf\x1d\x82\x0bX\xb5E\xda\xee;\x8a\x8b\xd4\x84\x1b\xab]\xf4p&gt;\xbc\xe6L\xd69\xe7\xdc;lJ\xe4dn\xcc\xbc\x03\x03r\x8c\xd0\x17\xe1\xdc2Q\xa5=\xee\xdb\xcb\x8b[\xdd\x94\xddNh\xd8\x03YI\xe3\x83\x95G\x97.\x0e\xe7\xe3|m\x97p\x0f\xd0.\xef\xe0]{\x89\xc03\xb0Z\xb8\xf3\x05P\xb3\r\xc0@w\xb08\x93-Tz\xa4\xc6\x81\xab\x00\x9b/\xdf\xe7\xa6\xc2\xe5\xd8\xe8?\xc5nuJ\xbdG\x8a\xa6\x86\xfa\x01\xe7~R\xde\xfa\x93+\xb5G\x1b\x80&gt;\x02\xb8\x87&lt;\xaa;m\xea\x1da\xd0f^\xd3\x17\xba#m\xb6\xf4\xfdC\xaa\xbb:\xde\x8e\xd9\x00\xf8C&gt;7\x14\xcf\xd2\xbeY\xf8\x14\xedB\x1c\xbf\x01\xe8\xa1.\xddYT\xce\xb3\x05{\xda\xea\x99\xfd\x13*\xfa\x0et\x834\x08\x1eGF\xc6\xed,\x1a\x9an\x00\xf4\x92\xed\r[=\xba\xef\xb0\xe1\xe1a\xb1yL\xecF"\x8a\xc78n9\x16\xd2\xc5\xb7n\x03\x80\xbd\xa3\xcf\x9e\xde\xa9\xeb\xc0\x1d\x89\x93u\x98\xb7?R9N\xf7\xfb\xe9\x04\xee\x1a\xcc\r\xaeJ+a\xa9\x81\xa4\xe8i\xdfo\x1c\xe8\x1c\xa9/\xc9g\xc4\xdd9\xbe\xe2C3\xe2\x81\x14\x1c\x10\x16\x9e\xfcY\xd9\xb6\x9d\x9b\xbe[\xb5`\xca]\xd1\xbe&amp;qq\xdc\x9d\x91\x9e\x0f\xe1D\xa8\xdb\x00\xb8x.\xa42\xf7\xeaQ\xdd\xba\xce_\xdd&gt;\xe6\xb0\xad\xff\x03]\x03\xc09\xf7{\xb4\xbbk\xb6\xc7\xf2\x10*\x8f\xb7\x11\xab\xb7\x05dV#\x1a\xdeM\xc7#\xe3\xc5\x8c\xf05\x19!\xbc\xdd\x8c?b\x0b\x80\x9c\xb5\x1b\xc95\x14\xfb\x0cp\xee\xdb\xca\x88\x98q\x18\xb8EH\x02\xd5[u\x15\xce\xb5\xf4\xd6\xfd\x82o\xfd\x894x\xef\x0e\xd9\x97\x97]\xe6\xa7\xdd\xb9Y\xe6\xc6\xdf\xca;\x08\x97\x08\x1bE]j\x88w\x19\xf16\xa0\xc2EO)j\xe6xFf\x11\x8b#Mw\xdc\'\x1c\x8e\x1cW\xb4\xe4j\xa9\xfabq~u\x98\xbb\x92\x13\x081\x8aU\\\xb4*\xf6\x86K\x9a\xf1Zl\x07\xae\x82lUy[\xdd\xcb\x0b\xe8v\xfdb\xb96P\x8d{\x90k\x97\xab\xb9zL\xd3\xe4\xa4\xb5Zj\x8aY\xa6\\\xc2\x196\xa6\x18\x1a\xc2\xafQG\x8c0\x8dU\xda\x11\xf5\xba\xee\xd4\x99\xdc\xd9\xc3l\x90!LlD\xca\x8a\x83(\xd7Qt\xd4w\xbe\xf1\xbb\x810\x9d{\x99\xb3\x0e(\xb1\x034\x82\xe9\xe7\x86R)?\x06\xc1\xf7h\xcc\xf6\xd8O\xca\x92\x06S?y4p\x08\x90\r\xc0\x96=B\x11\xd3\xd4p\xc9%\x86\xfa\xacH\xccy\x02\x80\xcfXS\xa7\x88\x1b\xaehZQ$\xb3\x1cM\x0f\xd5B\xc1\xcd\x87\xb6\r\xe4\x18cN\xd3\xbc\xbc\x8b\xb4\\\xf0\x9cR\x84\x93\x93\xfa\xbd3\xf7\x8dm\x9e\x04\x0f1\xfc\xbc\xaf\xa7i\x9a\xa6\xb7\'n~\x8c\x94\x8e\xb0]\x87\xf0V]O&lt;\\\xef\xe98\xd1q\xe3\xc9\xa7s\xf2Dn\x89\xec\x8c\x00\xfeb\\\x10\xb7\xf9\x99\xed\x8f-\x86y\xfeBn\xa0\x0b\x88\xf7\xcdG,}\xa4\x9f\xdbk\xc4\xe4\xae=\xd3\xaf\x19\xe6\xc1V\xea\xc2/=p\xb8\x04t[\xe8\xfbgM\xda\xc0\xec\xa2L\x1f\xbe\xe6a\xe5\x17\xec4\x97k}\xadu\xea\x8a2\xce\x7f\xdfH\x0e\x8e\x11\xe1M\x01\t\xb2\xed\x85\xa5\x89\xc6wz?\xbf\xd9,\xb5H\xce\xc2gD\xc8\x80s\x1f\x08\x8a\xadB[4\xfcB\xf7\xf3\xc2\x1d\xdcK\xa5z{\xb0vGPy\xa7\x8d\x1f\xb7\xba&lt;\\\x93\xc5\x81\xef\xf4\x0f\x1c\x82\xe1\x82\xe3\x01\x00\xef&lt;\xbe\x91\xc9\x0e\'\x8eW4\x7f\x85\x1b\x80S\xe7\x1a8\xf8\x03~\x03\x9d\xa2\x8b\xc3\xd7\x9b\x00mC\xc4\xc2g\xe7\x7f\x7f\xd0Y\xa3Q\xc4\x0ew\x14\xa3\xfc\xb3\xb6\xb6&lt;n\x0e\x87\x15\x8aK9\xe2f\xc2\xe6f\x06\xd2\x01\xa0\xcd\xf7\xe3\xb5B\tU\x93R\x00\xce\x81\xfb\xd4\xb1\xea\xbbs\xa0&gt;\xc6:\x16\xa3&amp;\xe0\r\x18\xdd]w\x05}\'!\x00\xb8O\x03\x00\xf8\xea*\x9e\x92\xbe:\xf9\xe6\xc5\xeb\xeem\x83\xbb\x18o\x0f\x1c\x8aq@\xcc\xdc\x91\xe2\xac5\xe3\x95\xb2\xf5*&lt;\xef\x12\xc2\xe09y\xeaQ\xa9\x96\xbch$f8"\xf3\xee\x80\x9dHJc\xfa\xdc\x00\xb2\xd3\x9e\x0c\xff\x1f\x1f\x92\xe4\xfd\xcfa\x10\xa2X\x88y\xa8\xbcA\xff\x1b\x80O\xef\xdc\xb9\xbd\xac,;\xa1Q\x80#\x96\xa1\x87\xec1\x9a\xca\x97\x100\xda\x00\\.\x8a2\x84_\xfcl\xd7\xb4\xc0!\x9b7\x85|m\xfd9o\xf39^\xd6\x18\xa8\xc2\x8d\xbd\xb9k\xa6=Y\xe0n\xbf\x8ed\x9b\xb1\xbd2\xf8c%\x9d\xef\x96%/\x13&lt;\x9d\x90,\x9a\xd5\xaa&gt;\xfaV\xdc7\x15u\xf5)\xb9\x07\xfe\x9e\x19\xb3\x01\t[\x97\x03\x88Y\xe3\x8a\x9ce\x90\xbb\xa3\xd3\xda\xa8\xdd0\x9c\x85\x0eM70\x90\x03\x9f\xf3\xdfzDFeU\\f\xddv\x1eb\xcb\x08K\xe1\xa9\x8b\x0cp6+]\xf0\xfe\xe5\xf1N\x9d\xbc]\x93G\'\xd1\xfe\x06\x95/\xc2\x1d\xb7y\x88\x05]\x7f\x03\xd0\t\xb4fD\x1b/B\xde\xa3\xd8\x1d?\xd24\x1dn7N\x0c^\xa1\xb9\x8eq\xd6\x94\xbfo\xd7/\x02\r\x0ct\x84\xb1\xb06\x82t\xc1\xdd\x95\xb5\xcf\xa8V\xb0j\x96/\xdc\x05B\xe7\xca\x9b\x1fN\xd8\xe0\xdd\x8e\x1c~87\x1cd\xf9\xdax\xab\x8a\x90\x17\x1e3q-\x9a\x8cBc\x1c\x13KV\x9c\xe0\x1c\x96&amp;7\x88\xdbH\x01!\xce\xda\xf3C\x88\x83\xb5\x0f\xdc\x05\x8c\xc3\x8f\xaea\x95\xf9w\xa1\x82\xc4\x03\xfc\x05\xd3\r\x80\xe0\xaf\xc0\xbe\xed\xa9\x1f\x14\xbb\x9c\xc6c9\x1b?\x018F\xd7U\xb0o\x92Uu\xc6\xa4(\x9d\xbd&lt;\xba\xf9\xba:\xe0\x1eyV\x80\x8d\xd5\xff\x80\x05\xa8\x00j\x1cXw\'j\xdb\x8d\xd4v\x15;\xe0$/\x86\x05\xbf\xc8Lwg\xcc\xbb}2\xa4\xac\xf7\x99o\x85\r\xb4\xc0\'\x94\xafQ\x8a\x0f\xef\xcd\x85\xdc2\xceZ\xbc\x9e\xa1\xb4\x05N[\x82g\x8f\xff\xef\xcc\xa43\x90\x01\x17\xa0\xf4\x11\xe6zls\xc7`\x9e\xcf\xb3\xc0\xa7\xdc\xf1oU\xba\xcaK\xf09D\xa3\xe8~\xefT\xfc\xfe\x83\xbeW7vxr\xd1r\xd3\x9e\xc7\xc0\x82V\x1b\xc2\xb1\xf7\x1e8\x1d\x9a3 \xe4#s\xc5\xf1\xd9\xe6\xf8\x7f$\xcb-\xa2d\x03p\x17\x9f.\x81\xdd\xa8M\x8e\x9dN4\xbe\xf1\xe3\xc5\xdb=\xa8\xe82G\xeaN=\xaf\x9e\xf8j\xf2Mk\xdd\x13\xbb;\x84&amp;Fz2\xc9\xa2\x82\xf3\xae\xad\xd8(q\xf5\x949\x14\xb7e+\x89\xeb\xf7\xd8~\xd2V\rLfXc3\xde\xe8\x1c=\xc0\x02\xf7\xee\x1c\x9a/\xdf\x95\xe3\x7f\xa7Y Fb\x1f\xdbF\xcbe\x00 ,O\xf96\x9e\x9c\xc7\x94I`\xc4j{\rH\xd0\xe6l\xa9S\x88C\xdd@C\x1b\xf9\x05\xa0\x0b\xfeyh\xef\x88\x86Hi\xf3\x03\x01\x80O\xbc\xe00M\xb0Z\xe6\x0e\r_\x1b\x1eB\x81\x86f\xbcn\xea\r4\xc1\x16\x10o\xddMd4\x9d\xa4\xdb\x88\xbd0d\x15\xe17e\xaf}\x7f\x0f\xaf\xa8\x98^A\xc7\x81,\xee\xd6dP\xb3\xee\x94v\x01\xe7~\xa4\xffu\xcfy\x1e\xf7\\p\x13Q\x97\x8d\xa8\xba\xfc\xba\xb2\x89 @\x0b\xf1\xe62;\x04\xd8\x9a\xf1N\x15\xfc;\x82JwB\x82\xd3K\xf3\x88\xd1n\xf1&amp;\x91_\x0eY\xe8\x00\x80\xfb\xa6\x0e\xe3A\xb2#\xaa\x93\xdf8\x0b\xbcy\xa5C\xf36AQmQ\x9ah\xcc\xb2!\x90)\xa6\x99\x1eS\x81?a!\xb0\xec\xe3\rrC\xf5\x1afm&lt;~\xd5\xb4\xaa\xfe\x00\x80tmF|\x02\xc1\xc9%\x0c\\\x0b\x06\xf3w a\xc4\xc7\x80\x08\xaf\xd6\xcbB\xe7\x1c\x02-\xd7\xcd\xe0\x8e\xd9\x06\x073\xf4\xe9~\xbc\x1d4^\xe9^\x0c\xe9\x06\xa0\xe9\x1e\xe0Zfg6\x00\xee_\x1f&lt;\x10\xfb\x17\xcd\xefxa\x99\x9d[\x1d\xf3\xc7\xe4\xce\xc05\xc1\x05\xc4\x08\x97\x81f(^;\xbe\xfa\xa11\xd9JW\xd3u\x8cN\xfe?\xb5y\xc7t\xcc.\x868\xc3\x92\x9d\xfa\xee\xc0\r\xc0E\xa7\xbcO\x9a\xffs.s{\xbfh\x04\xdeL\xf1\xf1\'\xc4\xb1j\x1f8\x0cH\x84\x8d\xe0\x1bh\x86\xad\xcc\t\xa2\xeb\x92A\x98\xd9\xd8\xb49\xdf\xfa\xb8D&gt;\x86\xfb\x19*\xfd\xf9Q"n\x03}\xfa\x91X\xfd\xffz\xb6\xc7q\x14\xbb@~\xa5\xd8\xda,\xe7\xae\x16\xae\xee\xf4\x83\xf6\xb7\x02\x0e5\x12~\xf8\xca.\xb8\xd3@\xd7"m\xd6(\x03w\x1c\x05Aunq\xff\xa16b\xe1\x17\xda\xcf\xc7\xd4\xf5KO\x96\x03m\xd0cH\x10\x1b\x00.\xb0\xef\xda\xb4%\\8\x1e\x90\xf50\xde\x11/E\x0f\xa1[\x1f!cZ\xb9*\xc6\x9a\xc0\x02\xf8\xeb\x98G\xb3\xe8\x1a\xf0\x8es\xa4],\xd84l\x93\xa1u\x95Y\xa7O3w\x1c\xa3\xd2\xaa\x80n\x00R\x03J\xda\xdc*\xc4\xe9|\xb9\xaa\xdb/\x1aD\xd7-\xc4\xed\xa5\xc9\x0f\xf4\x8d\xa5\xc6\xfd\xf0\xd9&lt;\xf2H\xd6X\xe0\xdc7\x9f\xcc\xa9\x0f\xc0\xfa}\x02\xeek/Q)JH.~\xef\xb6\x14\xde\xcf\x9bi\xba%y\xbb\x98-\xff\n\xc3\xf2\x01\xd2PD^\x83\x8e\xeb*\xf0m\xf4\x1c\xae\x89\x0f\xb9\xddX:uAy\xf4Z\\\x1e\xb7}\xec\x13\xc6\x0b#\x03w\x0e\xd2\xf8~\xd9\x91\x0c\x18\xf6\r\xc0\xf9\xf5+\x8f\xd2"\xbb|"\xd6}t\xa7c\xbc\x83\xa7\xa4Ehb\x1f\xa5\xd9\x1fmN\xa0OP1\x89.\xee%m\n\x08(\xca\xf5H\x9c:\x1c[y\x8a\x12\xb9\xa3\xf2\x88&gt;R\x0ev\xbf\xf2\x95\x89\x19\xa7$_\xc6\x06`q\xbe&amp;\\\x00\x00 \x00IDAT\xe0\xf6\xf0\x1ag\x13\xb8\x1d\xec\x05\xa2\x97\xc2\x9a\xc5O\xa9{\xf8\xc7\x93\x1d\x0fs\xac\xfe\xb3h\xb4GR\xca\xfc%\xf75w\xc7M\xa2\x17{\x1am\x00\xdc\x93a\x93\x95]\xc4\xdcd\xee\x84vk;\xc0\xd7\xeb\xd0\x80\xc92\xba\xa9\x97\x15\xb1\xda\xf0\x9d\xd2Y\xfb\xf3\x99\xc9\x1a\x1b\x80\x01%\xce]\x88d\xea\x1d\x00\xb8\x7f8\x02\xda\x06g\x9dU\xb4CT\xbe\x01\xe0};\x9c\xd8\x08\xdc\xe4"\xa6\x01\x86\x95\xce\x03\xb1\xa6OB\xd7b\x03\x10\n\xaa \xadVw\x8c.\x19\xba"\xd3!X\xfb&lt;Mj=A\xac6wD}\xb2\x0c\xdc!(\xa3\xa4\xaf\xa8\x02\x00\xe7\xbe\x9e\xbd\xdf\x17\xe1\x1c\xdeT\xd9\xbe\xedI\x86\xd8\x80\xb0\x9e\x8b\x9fS\xf2l\x11U\xcf\xd2\x10\xeae\xd4\x97\x8a\xff\x81\xbb\x02b\x99\x82?\x9a\x0b\x1a+\xe3\x19\x00\x1c\xae\xab!\xae6\xef\xa8pSg=\x86\x08C\x9a&lt;y4\x0c\x8c4\x1d\xaaw\xcb\xc3\xb3w\x0cU\x11\xf9\x1a\xea\xbe\x86\t \x88\xf2Kl\x00\xf6\x87\x15\x05\xc6l\xf7:\x8a\xae\x94\x00|\xdb\xad&lt;%L7\x00\x92.\xd4\x87\x1d\x07\x9a\xe0\xbe\xc3\xbc\x97\x87\xbc\xbc\x04\xeb\xaa\x07\xe8\xeaL\xddz\xa8\x10W\x98w\x9c\xc0\x8cd\x83Wf\xa7\xdd26w\x00&amp;q\xf8\xe5\xa9\xc0U\xe6\xbe\xf7\xb8B\xf8\r\x1c\x05~W\xaa_D\xee\xd1V\xb6\x010\x89N\xc0P/\xf6H\xec\xb4\xd7\x04&gt;\x99P\x8a\xf59@\xb6\xdd\x11d\xca\xe1- \xc4\xad\x95y16\x00\xc7A\xee\xca\x81nQ\xb0\x01\x08v\x02b=\x95&lt;\xcb\x00\xde\t\x021U}\'\xda\xcfD)\xdfJ.\xaf\xa2o{t4\xddW2)\xef~\x03\xab\xa0\x81\x16\x98\xbc\x9f\x97\x90\x98\xa6\xbfq\xee\xb9,\x84\x83s\xd3,v\x9a\xa6|\xf3\xb0oQ/BP\x02\x13\xc9\xc7\xc0\xe7\x7f!\xda\x97\xc4j\xeb\xd5\xce\x10&amp;\x08\xd9M\xd6\x0cW7|:0\xc0#\xaa\xe1X\xca\xecM\xe6\xbb\xf7\x06x\xe6%2\x0b\xc0M\xf95\xaaa\x95\x98-5M\xae\xa8j\x95\xd6\xba\x81\xe2j\x0f\xe0\xa6\xd9\xf0\xc5\x96\xc7W\xfbc\xea\x19\xb8\x07\xb9\xf6\x1e\xcfi$|\x0e\xaf\xb20\x9bn!:\x7f\xc6\xe0\xdd\x9b\xc9\x03\xd3\xec\x0el\xe8\xcd\x1e\x07\x85\xa2\xea\xc5\x16\x06\xea\xcd;\xecp\x18[t&lt;@\x10\xe0\x88\xa3\xc4\xa8\xf4\xa1\xa7\x99\xd3\xe4\xfc"\xd9\xcf\xea\x9f?m\x85\xf0\x84z\x1bE:d+&gt;\xb3\xe0Ry=X\x95\xa7\xdei\xc2\x96\x9f\xf5L\x13\xc0\xf2\xd5r\xc5\xdas\x8a;5\xda@k&lt;\xbb\xf7\xf34M\xcb\x01\xa8\xb5\x963\xab\xc6\x94\x9c\xaf|\x9c\x91\xe4\xf5(%\x19\x1d\x008wo\xe7\x9eY\xb3i/bt\xb8\xa9\x8f\xd4X\xabh\x9fD\xc1\x81\x83\xd9q\xf3\xd2a\xd7\x10m\rZ\x0e\xee\x16\xb6\xb8}\xc1\xd8\x9e\xc3A\x14\x96\xd2w\xa0\xc65[\x99\x95\x8a1\x1d\xb2\xbc+\xc1\x9c\xb5\xf3Ow\xa3!\x03\x80Q@N\xce\xc1\xbd2m\xc0\xcd\x0f&amp;\n\x1f\x144\x04\x80sk\xf5~\x06\xc0\xbdc\xd3\xf5\xc5v\x83\x85\xef\xde\xbd\x96\x837\xbf]\xc2h\x03\x03\xda\xc3\n\xe4\xb8E\xf9\xea\xdb\xb7+4!\x02\xcfz\xcd\xee\x84M&lt;\xb4\xfcx\xb1\x9c\x85\xb0\xdd\x837\xa7x\xde\x89\xdc\x14\x1e\xfa\x9e&gt;\xb4\x01s\x98\xfa\xd48\xf8\x1b\xc6\x9bm-\xea\xe75\xe2F4Lk8}\xfc/\xd3r\xa4\xb5\x01\xe0\xb7vug\xf8W0\xcc\xdf\xf6\xbez\xae\x87 l\x8c\xfa1\xde\x11C\r\xa8\x81\xbcLy\xd9\xed\xe0\xbc\x9e[~\xf17\xb8Q\xe8\xe7\xf6\xe2\n\x0b$\xa7Dq\x96\x95\xbeji\x05XO\xb8\x9bp\xb0:$\xab\xa6\xa0\xe3\x90\x96B\xa4\xfb\xbd\x01\x9e\x91\x95\\\xa2}\xe0,\x94\x87+\x8cOk\x04\xe8 \xf1\xdbB8el\xcd\xa6i\xa2\xab\x01&gt;\xa1\xf8*\x04\x96&lt;\xa8\xd4\x00\xc0\xf6\x8e\x10?\xea\xf3\xbd\x1f&lt;\xbd\xbdI\x00\xba\x9e9\x07\xb7o\xed\xbb\x88\xf83\x00\xf3\xa9h\x03E\xcdw\x9f\x00\xce}\x94\x1f\xa2~yu\xe8\xcf\x04\x14Q\x1e\xbf\xac\xb9\xea|\xc7"i\xd5H\x8c\x0cn\xfa\x83\xf9\x07\xddS\x94Z\xbd\xed\xb1\x1ei\xac\xe6\xbd\xcf\xfe\xa0\xdcF\xc13\xabv\x14\xbd\xe2\xc6\x1fI5\xc1G\x80\x9b:\x98\x80q0Fnk\xff\x06\xe68&gt;`\xa4\'\xa3\xd96\x9b\x98\xe9\xfb\x93\x8e\xc5\xc3\xc2\x8f\xe1\xb3\xe2\xaa\xcc8M\x93sS\xf63x]\xa4C\x11\x87\xcd\x95\xdb\xd3\xe0\x02\x11\x05z\x0b\xd0\xd1\xea\xdf\x1d\xfd6\xf3\xc09h\xb4\x949d\x85\xb4$\xf3\x92\xd8\x7f\x89\xbf\x08\x94\x91\xa0\xaa\x9e\xb8\xb4\x13\xd7=\xa9\xea\x17XnH\x1e\xe9\xfe\xea\xdc\x00^G\xec\xac\x92\x07\x8b\x96\xcf"#9\xf7u_\x01qY\xc7ty\xcf\x8ey\x9b\x08\xe2\xc1\x1bN\x9f\xdb\x80p\xb0\x07\xe2=\x8eS\'_\xc6\xbdE\xfc\xba\xd7@\'8\xe1\x15\x05\xf0\xc0\xdf\xa5\xb8A\x82\xf4\xbe\xa4#\xcf0\xfc9\xff\xb2\x10\xd3\xc0\x06\x17N\x9c\xd7M]\xa6\xb5\xd8a\xb5T\x12{rQv\xbc\x06\x06\xfa\x84\xb7\x01(\x8ax\x00\x80\x1fV\x1f\x96k\xf7\x0c\xda\x13\x1d\x15\x19Jm\x9b\x89AY\x83v\xd74\xdbg\xfa\xde\xffc:\x12\xeeNAlj\xf0\xbb\x8d\x1eLz*\x87\xf2J\xdb\x05\xbcZ\xd1\xe4(\x07\x00\x9c\xfb"^5\xcf\x01\xdb\x00\xe4\xd5\x963\xee\x00M\xc3i+\x86\x81\xe5\x9fX\xb0\x01P\xeb\xd5v\xc9\xf6R\xa6\xde\x7f* 00p\x1c\xea\xe7\x12?\xb7kH\xe8{\x14-\x82\xad\xff\x9e6C#\x98c,+\xacn\xb3\x14-\xd0\xcd\x11\xca\xff\xa0\xd6\xea\xae\x83;&gt;|{\x1c\x16Z=GoO\xc9\xd5\t\x8d\x00\xd4\xb2~\xbb\x1b\x81j\x13\n\x14iVs\xed\x08\xed7\x00\x81a\x8fX\xcd\x97\x04g\xe3\xa7=0N\x85\x06&lt;\x9c\x1f\n\xf5\x01=\xe3\x07\x8f\x8el\xc5R \xd9\x00\x18\xf3 \x07\xee)=s\xa6l\xbcb\x08\xcc\x9b\x9b\\\xef\x0e\x86\x05\xccqThu\x1d\xbd=$\xd7L\xe0\x0b\x8e\x7f\xc3\xad\x1a\x80!\xdb\x1e\xbd\x93\x94\xfd\xfc\xdaQM\xf7\x87Z\x9a\xf7\xd4)I\xdd\xa1\x97|\xdc\xbc\x0c\xce\xfd\xfb\x93\xb9\x0c\\\x13\xfb\xd7\xd7\xd4\xfd\xa99\x13\x00d\xff\xfa/0\x1fE_\x12\xf3\xf8O\xcc\xf8\x15!\xab\x1d\xcc\xbe\xce\x19\xa7!\xf9{ab\x02`\xf9a\xbf\xb0p\x1e\xf0u\x16\xfe\xaf\x92\xef\xd9\xb8\xec\xf7_Y\x03z\xfc\xfe\xef2la`\x1bo\xca&lt;\xaaUt\x8c\xae\x02\x1cf\x87n\t\x14\x03]G2\xdf D\x8d4\xbd\xde\xc2&amp;\x00\xb0\x96\x04{S\xb7\x9b\x13m\xb1\x1a\xd6uU\x1b\xaf\x9b\x02\x03\xa7c\xf9\x16 \xc0\xff\xd4\x1c&lt;\xf1\xb8\xcdn\xb0\xfa\x07\x80\xc7\xa2\xaa\'f\xcb\x9e\xffs\xb9\x8d\x10\xaa\xccX\xac\x88\xe1\xd7\x8bh\x08\x86/\xa7\xba\x1d\xa3\xb3\xf2\x14\xef\x14E\x8d\xde\xb3\xf6\xb3\x16\xd1\x93\xdc\x18Z+\xcfOG\x16\xc9g\x9fk\x9e\x8ci\xfa\xbf78\xfa\xba\xc7\xe5\xee\x15\x0c\xa9\xc81\xe7t\xb7\xb3{\xeb\x8a\x0b\x00\xee\x03\xc1\xdd\x97\xf3]\xb7\xc6\xd1\x02\x1b\xc8~\xe5}\x89\x91\xa2e\xdf\xdc&amp;\xcb\xa2\xb7]Y\xa8~\xfb\xd7\xaf\xd8\xde\xcf\x96\x8f\x86V\xab\x06{\xadO\xed`\xa6\xa8t6,\xef\x0e&lt;\x97\r\x9b\x81\xcb!|\nyJ@{\t\xfcR8\x93\xe4Q)\xf3\xb9\x16\xd5p\xea\xc7{\xba\xf54\xf0H\xf2\xcf\x9d\xb3\x0f\xa6\x97\xf1\x8a\xdfL\x8d\x9fw?Xj+\x8aC\xd6\xe6\xd9\x07\xeb(?\xfb\x07\xe8mq\xb7\xb7+,T\x01\xc0\x089*\xaf\x87+C\xac{r\x81Y.f\xb7\xb8\x1a\xe6\xde\xffq\xee\x07\x0f\xe3\xd6\x1df\xfb0\x86\n3\xd4$\xeb\x85\xbcz\x0e\xbcQL\x06\x148,m0\xbc4x\xb5\x1ee\x12\xd5J\x00\xf8~\xd1\xe25\xbf\x9e\x13\x96\xe0\xccRX\xb0v\xec\x06\xa2\r@\xd4\x18\xb9\xa1&lt;\xc5W\xcdyr\x89\x95B"i\x19\x81r\xe6\x07e\x13\xdc\xd9Uc8j\xc2\x02\xe2\x94\x84\x0e&gt;\x15\x07\xebB\xe7\\\x1a\xe5h\x16\xf3\\\xd2\xc1\xf6\x1cR\xad\xfa\xc4\xc4Q\x14C\xe4\xd6^\xc0\xdbF\xcbOuQ[lg\x8d\x81\x81\x81\xfe\x00\xc1\xaa\x14\xcd\xf3\x86\xf9\xcf/\xdf?%[z\xb6\x06w\xa5&lt;\x15\xf9\xc2|\x0f`i\xed\x9d\x12\xb3o\x942?d\xba\x1a\x93\xe2\x8cL\xde\xfd\x84L\x86\xce\x8cw\xdd\xe612\xaf\xe4\x19(\xb0\x96|v\xe2\xfc&amp;R\r\xc3\xf7X\x88\xec6\xaf\xa2$\xb6I\xcd\xd3r\xe2\x0b\x02\xa3\xd6\r\x0c\xdc&gt;:L\xf2|\xa9\xbd\xfd\xda\xb4N\x06\x16bL\xa7.\xa3c0lZ\x8d_Bs\x0e\x9c\xfb\n\x97sw\xd2\xbd\xe9\xaa\xa8\xf7\xc0;\x97\x9e8\xcct\xb1\x8dF\x88\x96\xd8\x85\x0f\xfb=4Z\x8c.\xd2Z&gt;R\xe8!q\x90\xe5&lt;[\x85\xf6\x87\x90\rl\x8er{V\x07Vr\xce9\xf7?\x8a3\xce\xb7R\x0fN\xcf\xe0\xe7\xbag\x88\xe3\xa2\xb4\x07j\x01\xee{n\xdb\xf7\xd9\x19n\xb9\xf5\xb0\xf3\x8bK\x8b\xa7\x10\xfb\xe9\xcb\x17\x1a\xbd\xb7c8o\x19\x89\xa2f\xdf\xe0~\xd4\xde\x96\x95\xdf\xdex^\xbf\xd2{\xf0\xc6\xa8\xb5d\xe9\xe7OD\xb4\xce/\x17\x06\xd8\x93\xc5tDMC\xae^\xb8\xb9\xfb\xf0\x02\xb4\xbe\xefj\xa8\xa8\x80\x92\xb6S+B\x16\xf0\x06\xd5+\xcf\xe78\x9dX\x81}z\xf7\xfb\x80\n}\xf9\xf2\xfc\xc9\xd2z\xd9\xda\x08\xdbLl.\x93\x1e\xbe\xd2&amp;M\xcc\xd8\xe4\t\x00\x008\xf7\xb6~\x03\xad\xb4J:\x15\xdd\xcd\xd1\x15\x19\x15\x1e]\x91\x0e\xa4\x17,\x16\x10\xa2\xe7\x12]\xafT\x9cK\xf3\xa6\xd8\xda\xda\xfc*\xd3\xe2\xdc\x17\x17\xac\xff\xd2t&gt;,=\xcf\x9ct\xf4\xb5\xba=[\xcbR\xdfwf\x15\xa2\xc5\x1a@\xa0p\xb6\xe7+\x1d\xa5t\xa0\x19&lt;w\xbe\xe6\xd9\\\x16\xf4\xbf\xf2\xee\x08D\xfe\x7fm\xdd\xf3S\xaab\xd2\x1b\x83\x8c\xb8\x02&amp;\xa80\x139\xce}G(5|\xe1U\xff\xa6\xcd\x88\xd8\x14W0`\xfa\x90\x07\xe3 \xe2v,\xf9\xf3V3&amp;\xab\xffY\x92Ji\x89\x82h\xaf\xa2\xec\x15]* P\x8a\x0bU\x92Q\xf7N\x86zF\xbe\xa0\xc6\x01+\x90\xd3\x1b\x008\xf7i\x87\xf3I\xb1&lt;\x03\xb5\x0e\xaf\xe3\xe3\x95^Oxm\xcc4\xed\xba\xa29O\xad";e\x82\xf2\xe9\xbf\xa97;9\xc59h\xdd\x13t3Xr\xf5\x8b\x0ef\x14\xf8-:_d\xd9\x84\xec\x96\x85\xba?\xe6:n-[U3\xd2\xea\x19!I\x011\xd4\xfb\x8d\xebx\xa4\x00\xabAN*\xa7\x9bmo\xda\xc8\xc7\x00M\xc3\xcfnYN\xc7\x06\xe0\x0e\xa3\xd9*\xc4\xaf\xd4O\x88Nd\xed\x84\x13\x81\x9bU\xf7\x8e\x1f\xad\x7f32\xb7b\xc3\xa6\xa5\xd2\xbc\xdaLW?=\x0b\xa7L\x8d\xf0\xa7\x17\xd0\xe8\x0c\xc9\xfb\x00\x99\xe1\x07\xc6\xf7\x8dY\x91&gt;f\xab\xae\x81\x08\x9eU\x19\xdbf\xd2\xe1\x8e\xb8&amp;]X[\x0c\xbc\xbc;\xaa\xbd\xbe\x0c^\x0e\xc80\xe9\xb1\xcb\x02\xfed4\xf6]\'gI\x14\xc0\xb9_,\xef\x0c\xf0\x92c\x030`\x0f\x89\xef\xbf1^-Ic\x05\xc0=?\xe0\':u\xa8\x9c\x0f*;.\xbf|F\xbc(\xcc.\xb2\x0b\xe0\x0f\xf3O\xaa\x9f\x9b\xdbr;\x19%\xd6\x86\xe4\x07\xb9\xb6\xd4\xd7N\xf6\\\x88\x93\x99\xb8\xe6\xb6|t\x12\xb4\xd1\x9e\xb6\xbf\xcd\x94\xc1\x90\xd4Rp\x0e\xdcg\xf8\x03\xafJ\x16\x13\xa8\x8a\x18\xdc\xc4y\x7f\x91\r\xdf\xe1\xb4\x81\x9f\x9d,a\x00\xdf\x1a\xda\x874|\xc2\xf5Sf\xa0\x0c\</t>
        </is>
      </c>
      <c r="E20" t="inlineStr">
        <is>
          <t>&lt;class 'numpy.ndarray'&gt;</t>
        </is>
      </c>
    </row>
    <row r="21">
      <c r="A21" s="1" t="n">
        <v>19</v>
      </c>
      <c r="B21" t="inlineStr">
        <is>
          <t>steps_per_sec</t>
        </is>
      </c>
      <c r="C21" t="n">
        <v>300</v>
      </c>
      <c r="D21" t="inlineStr">
        <is>
          <t>2.614594</t>
        </is>
      </c>
      <c r="E21" t="inlineStr">
        <is>
          <t>&lt;class 'numpy.ndarray'&gt;</t>
        </is>
      </c>
    </row>
    <row r="22">
      <c r="A22" s="1" t="n">
        <v>20</v>
      </c>
      <c r="B22" t="inlineStr">
        <is>
          <t>Loss/RPNLoss/localization_loss</t>
        </is>
      </c>
      <c r="C22" t="n">
        <v>300</v>
      </c>
      <c r="D22" t="inlineStr">
        <is>
          <t>0.20926738</t>
        </is>
      </c>
      <c r="E22" t="inlineStr">
        <is>
          <t>&lt;class 'numpy.ndarray'&gt;</t>
        </is>
      </c>
    </row>
    <row r="23">
      <c r="A23" s="1" t="n">
        <v>21</v>
      </c>
      <c r="B23" t="inlineStr">
        <is>
          <t>Loss/RPNLoss/objectness_loss</t>
        </is>
      </c>
      <c r="C23" t="n">
        <v>300</v>
      </c>
      <c r="D23" t="inlineStr">
        <is>
          <t>0.033841453</t>
        </is>
      </c>
      <c r="E23" t="inlineStr">
        <is>
          <t>&lt;class 'numpy.ndarray'&gt;</t>
        </is>
      </c>
    </row>
    <row r="24">
      <c r="A24" s="1" t="n">
        <v>22</v>
      </c>
      <c r="B24" t="inlineStr">
        <is>
          <t>Loss/BoxClassifierLoss/localization_loss</t>
        </is>
      </c>
      <c r="C24" t="n">
        <v>300</v>
      </c>
      <c r="D24" t="inlineStr">
        <is>
          <t>0.27883232</t>
        </is>
      </c>
      <c r="E24" t="inlineStr">
        <is>
          <t>&lt;class 'numpy.ndarray'&gt;</t>
        </is>
      </c>
    </row>
    <row r="25">
      <c r="A25" s="1" t="n">
        <v>23</v>
      </c>
      <c r="B25" t="inlineStr">
        <is>
          <t>Loss/BoxClassifierLoss/classification_loss</t>
        </is>
      </c>
      <c r="C25" t="n">
        <v>300</v>
      </c>
      <c r="D25" t="inlineStr">
        <is>
          <t>0.21945663</t>
        </is>
      </c>
      <c r="E25" t="inlineStr">
        <is>
          <t>&lt;class 'numpy.ndarray'&gt;</t>
        </is>
      </c>
    </row>
    <row r="26">
      <c r="A26" s="1" t="n">
        <v>24</v>
      </c>
      <c r="B26" t="inlineStr">
        <is>
          <t>Loss/regularization_loss</t>
        </is>
      </c>
      <c r="C26" t="n">
        <v>300</v>
      </c>
      <c r="D26" t="inlineStr">
        <is>
          <t>0.0</t>
        </is>
      </c>
      <c r="E26" t="inlineStr">
        <is>
          <t>&lt;class 'numpy.ndarray'&gt;</t>
        </is>
      </c>
    </row>
    <row r="27">
      <c r="A27" s="1" t="n">
        <v>25</v>
      </c>
      <c r="B27" t="inlineStr">
        <is>
          <t>Loss/total_loss</t>
        </is>
      </c>
      <c r="C27" t="n">
        <v>300</v>
      </c>
      <c r="D27" t="inlineStr">
        <is>
          <t>0.74139774</t>
        </is>
      </c>
      <c r="E27" t="inlineStr">
        <is>
          <t>&lt;class 'numpy.ndarray'&gt;</t>
        </is>
      </c>
    </row>
    <row r="28">
      <c r="A28" s="1" t="n">
        <v>26</v>
      </c>
      <c r="B28" t="inlineStr">
        <is>
          <t>learning_rate</t>
        </is>
      </c>
      <c r="C28" t="n">
        <v>300</v>
      </c>
      <c r="D28" t="inlineStr">
        <is>
          <t>0.01733305</t>
        </is>
      </c>
      <c r="E28" t="inlineStr">
        <is>
          <t>&lt;class 'numpy.ndarray'&gt;</t>
        </is>
      </c>
    </row>
    <row r="29">
      <c r="A29" s="1" t="n">
        <v>27</v>
      </c>
      <c r="B29" t="inlineStr">
        <is>
          <t>train_input_images</t>
        </is>
      </c>
      <c r="C29" t="n">
        <v>300</v>
      </c>
      <c r="D29" t="inlineStr">
        <is>
          <t>[b'1024' b'1024'
 b'\x89PNG\r\n\x1a\n\x00\x00\x00\rIHDR\x00\x00\x04\x00\x00\x00\x04\x00\x08\x02\x00\x00\x00\xf0\x7f\xbc\xd4\x00\x00 \x00IDATx\x9c\xec\xfdw\xfc~\xcdU\xd7\x0b\xcf\xdc\t\x18\xc8\xa1\x84.]H"E:\x1c\x81P\x12\x8a\x12:" 9\x94 M\x90v\x88RTZh\x82\xa0F9\xb4G\x0e\xa0"\x84~\x08\x91nP\t=\x18\x14\x91\x00\x91"\xbd\x97H\t\xd1\xf5\xfc\xb1\xdb\xf4Y3\xb3f\xf6\xec\xeb\xfa\xbc_\x90\xfb\xfb\xdb{f\xad5k\xda\x9a\xd9\xb3\xf7\xa5\x15\x00\x00\x00\t\x88H)\xa5\xb5f\xa7e&amp;\xae\xb4F\xf5\x13.M\x89\xeb\xae\x0f\x11\xddOa\x81\x05)u\xd5z\'"\xf9F\xeb\x0fS=\x07\xae\xec8\xb3%P\xfcjZ\x87r\xa5\xb4\xdem\xd7~\x12\xad\xf5\x9e\xd2a\xb7g\xf7\xb0\x992b\xed\x91\xc4O\x10\xc8\x1e\xd2\xfd@\xb8@\x00\x00\x00:\xa2\xb5\xee\x1c\x02^\'\xbe\x8c\xcd\x8b7\x8b\xd6\x88\xfe\xef\x95\x0b\xd7{\x97F\xeb\xcb\xac\xd7\x92\x18F\xf6\x18]k\xfdwci\x8c\x81H\'\xa5\xc5\xd0Zk"\xa5\x9c\x01\x8d\xacZw\xdc\xe8z\x95H}\x1dG\xb5\x0eg\xf7\x0c\xdaL\xd8\xec\xc3\xc8\x03\x00\x00`\x12h\xe3lCd\xb8\x99\x82\x00p\x1d~39\x8c,\x17\xdf7p\x83h\xbbK\x87\x84U\x0e\xab#[)[\xc71\xb3\x08\x99Q1\xa9h\xcfKV\xb9\xcc\x7f\x10a)\x00\x00\x00\xd7F\xfa\xfc\xcc\xe8S\n\xc63\xf4\x9b\x98\x92.u\xf8\xcad\x8d\t\xaei&lt;\x08p\xd9\xa6X\xc5\x12\xe0F\x87\x91\xe0\x11&amp;\xe7"\xe3\xec\x8d\x9b]-\xc3\xa5q\xc2\xa7z\x1cs$\xe4\x06vRt\xf4V\xd3\x12[X\x18\xad5\x8e\x00\x01\x00\x80$#7\xb3\xfb\xe8B\xf4\xdf\xc6\x95\x0bR\xde\x98H\xb1\xf7J/\xc8\xbc\xe5\xe2t\xfcy\xad\xef\x82^\x0e\xb9\x04\xefe\xcf\xdfo\xff\x0c_\xcfi\xd6\xc6\x9f\xf5\xdd\x7f9\xa1\xc3\x96\xa0\xf7"\xed\xa5\xa3\xfd\xdf\xeb;f\xeb\xff\x05\xc1\x02\x00\x00\x00\xaeJl\xef\xeaB\xe8\x8d\xb3\r\x01;E\rI+\xad\xb7C\x13\x97l\x81\tj\x0bT\x9a\xad\x97\xdfn\xac[\rice\x1e3\xc7\xae\xf88\xb6\x1e+2\xaf\xc4+\xbd\xc0\x00\xad\x97w\x15\xe8\xaf\xbb\xca\xf6\xbb\xfa\xd2\xaf\x9d\x00\x00n\x8d\xdb\x0b\x14N\xe7&amp;\xc3/0\x18\xe3\xdcp\xa5\x80\x0e\xc6\xdc&gt;\xd7(&amp;\xaf:\xda\xda\xcf.A\x9e"\xb1D\xf4cdl\xa67\x98d\x9e\xb9\x8f]I\xe4\xcd\xaeA\x9d&gt;\x1b\x91\x1cx\x01@)\xf5\xe0\x9a\x02\x01\x00@\x1b\xc1\xe3\x98\xa0\x1a8\x13\xd4\x11\xea\x89\xba\xf6\xad\x12\xc1Fx\x85\x98X\x88\xf4W)/\xd7\xb5\xdb\xde;X\xe3T\xf1R\x17\t\xd4\xf6\xc1\xfa\x06\xac\xec{\xb9\xd6\x0f\x86\xbe\x1b\xd7\x8c\xac\xfc%\xbc\x0f\xdd5?\x16\xf4\xa2\x8e\xe4\x8b5,\x00\xc0\r \xfd\xd2*\x00@\x86+F\x9c=\xc0\x18\xe5B\xf9\x1f\xaf\x10y\x9fg\xb2\x16H\xf1\xb7\x8a\xf7s\xf6,\x9f\xa8\xedM\x81\xc8o\x05\x84s\xa7\x93m\xadt}\x1f\xd8P\xa4\xfd\xbch\xd2\x00\x80)\xe0&lt;\xdc\xec\xa5\x17\\\x87\x0b\xd5WGS\x7fp\xa4\x13.\xe3\xf0\xde\xb4U\xe8\xed\xb9\x91u\xfe\xe7~\x0en)\xa5\x82_\xea\xf4\xcf\xd19i\nNI%=\x99\xf4s\xe3Y&gt;\x00\x00\xe8\xca\xf7\xde\xc3\xf0t\x0fe\xec\r|\x08\xa6%\xd68\xef\xb4\xd1\xdeS\xf4\xaf\xfc\x05\xc0\xc0%\xd0\x1b;\x96\x04\xcc\xba\xaf\xba\x00\x00\x80\x99\x18=\nc\xc4\x07`(\xe8q3\xd3\xbdv\xec\xe1\x9d\xfbv/\x00\x00\x80{`\xdcd\xc0\x9cx0?\x01\x00\x808\x03\xa2\xffR\x15\x18\xed\x01\x00S\xf12\xd8&amp;9\x11x\x1e\x9c\x8e\x7fT\xfa6@\xe7\x02\x9d!\xf5\x13\xdc\xd9\x13\xf3,\x00`:00\x01p\xb7\xdcp\xf7/)\xd7mz\xa0\x02\xf9\xf60\xb2u\xfd\xfb\xae\x8d\xf9co\xb5\xa7\x00\x00\xee\x94\x1b\x8e\x00f\x03\xae\x06\xf3\x81\x069/\xe3G\x0c\x8e\xbai\x07\xb1\xd5]o\xd2\xcf\xbc\xeao\x01\x01\x00\xc0\x84\xdc\xe8\x01\x809\xc1$\x01f\x03mrZ$\x16\x00\xf2\x95;m\x839u\x87%\xadwR\x8f\x01\x00\x00\x18\x06f\x020\x17\x1f;k&lt;\x07\xc4\xc9\xc5\xc7\xfeg\xf2\x01\x00\x00\x00\x00\x80\x05"$p%\xf81\xfd\xac\xe7\x153&amp;Mis\x9e\x07\xce6\x00\x00\x00\x00\x00|\xf4\xd9\x06\x00\x01.\x1a5V\xa0\xf5\xd5[l\xda\xfe\x11\xf5X\xd1Z\xde\xe9n\x1a\x18\x00\x00\x00\x00\x94b\xef\xa4\xce\xba\xe1z\'\xc1\xf1=\x94\xb1\x8ci\x1b\xe4\xe9,\xaf\xcc\x11\x11\xff\x03GYO\xe2\t\x00\x00\x00\x00\x90\x02A\xc9`\xae\xbfg\xcc\xe1\x1e\xca\x08d\xf8\xe4\xed\xd3\xa6\xfc\x91\xe8&gt;:\x11\x00\xe0R \x9c\x02\xf7\tZ\xfe=\x83\xda\xcf\x82\'\x009\n\x9e\x00\x00\x00\xc0\x84`\x08\x03\xf7\xc8\x04\xc1\xcd\xe9\x06\x80\x9b\xa5\xa1yo_\x85~\xe9\xc9\x16\x00S\x19\x03\x00\x00\x00\x00P\xc9+ \xa6\x01\xf24m\xdeO\xb9\xf1/e\x12\x1ek\x00\x00\x00\x00\xe0t\x10\x8b\x9cC\xd1\x1b\x9c\xa7S\x1a\xb3\xdem\x8c\x9b-8m\x8c\xb1\x07\x00\x00\x00\xa8\x01sU7\xe0U\x00\xc2\\t\xd8\xd9\xcc~\x12#M\xab\xa2F\t\x00\x00\x00@\x16L6\xf2L3\x85Ob\x06\x00\x07[\x94\xbc4\xce\xe1M\xb4\xb6o\x0e[\xb7\x08\x9eG\x12\x91\x03\x00\x00Uxc\x901\xf4\x03\x00\x00\x00\xe3hy{A\xd4\x10\x00\x00\x00\x00\x80\x8e p\x01S\x81\x06\t\x00\x00\x00\x00 M\xc3s6\x04g\xa0+\x97|\x01\x00\x00\x00\x00\xb8\x1e3\xcf\xb83\xdbvQ\xea\xa3\xffk\xbe\x9d\t.\x05\x1a\x18\x00\x00\x000\x84\x8b~v\x03T\x80\xba\x06\xc2\xbc\xcd-5\xa7[*\x0b\x00\x00\x00\x90\x04A\xe1\xfd@D\xea\xf1\xa8k\x00\x00\x00\x00\x80\xfb\xc6\xfe\xee\x1e\xb8Y\x02+\xbd\xaek?\xac*\xc3P\xe4o\x00\xce\xe1\x81\xb3\r\x00\x00\x00p\x02Zk\xa5\x14Q\xec\xc0=\x9e\x0f\xdc\x02K%j\xe7\xaa\xd6K\xedw\xd1\xd8I\xee\xe5Y\x1d\x8e\x07o\x00\x00\x00@\x11\x7f\xe5l\x03n\x10"z=\xc4#\xb7\x0b\x0ez\r\x85\xe7j\xd4H\x10&lt;\x90\x04\x00\x00\x00\xfar\x84 \x88En\x1c\xd4\xef \x12\xf1+\x96a\x19\x88\xae\xeb\xa2\x8b\x9a\r\x00\x00\xe0&gt;Y\'-\xcc^7M\xe0\'\xb7Q\xe3`6\xd6f\x99l\x99h\xba\x00\x00\x00\xc0\x9d 6\xdf#t\xd8x\xe8\xd9\x06\x00\x10 \xdbC\xe7\\\x00Lh\x12\x00\x00\x00P\x815\x9f\x9d=\xbd]{\x01\xc0Q:\xd2\xb0\xb3k\x13L\x1a\xc5\x82:\xae^\x9b\xf8\n\x10\x00\x00\x80\x9d^\x1f\x87\xa9B\xcc\x98~\x1f\xbdI*\x1d\xaf3\xc1\x85#\x15\x8f\xd6\xb7E/\x1d\xb7\xdd\x01\xd7\xa8\x1d\xad\xcf\x19X\x00\x00\x00\x80\xfb\x051\\)7\xe3\xb1+\xec\xbc\xe2\x836\x95\\\xa1r\x01\x00\x00\x00\x00\x00\x18\xc3T\x91\xb1\xbc1\x84_I\x18\t\x8e\x00\x01\x00\x00\x00\xf7\x02\x02\xac\xf9 \xe6w0\xa7\xaa9Yc\xd6\xef\x00\x89\xca\xbcK\n\\\x88\x05\x00\x00\xe0F@ds?\xa0\xae\'\x05\xf5R\x88\x19\xf8&amp;\x0f\x94S.\xc1h:\xfe\x984ZQ=\x13\xb5\x10\x00\x00\x98\x99\x97;\xdb\x80\x8b\x80)Y\xa9\xab\x7f\x95\xa878\xbd]\x01\xd3i\xf7\xe0[\xe2=\x06\x01\x00\x00\x00\x00\x00\xb30I\xf4f\x98q\xbe1i\xf8!\xef$\xbe\xedJ\xe2\xa7\x94O\xe7&amp;\xfd\xff\xe0\xb3\r\x00\x00\x00\x00.\x04]\xff9{[\x11\x88\x82\x9f8\x1dq@\x85\x88\x18\x8a\xb6\xfbW\xaf\xa6\xfbb\xaa\x03N\x0e3\xdb\x06\x00\x00\xb7\xc3\xed\xed\xb5\x000\t\xeb^fC\x17\xeb\xd3=Y2or#\x16\xdc\x04h\x96\x00\x00\xd0\x0c\xe6x\x00z u\xcc\xfaVz\xe8\x99\xa5\xb8\x15\x1f\xde\x15\x89*\xbb^m\xe2+@\x00\x80\x13\xc0\xe47\x03v-`o\xf5\xc6Y\xea\xf7\x07\xb9\xe7\x19^0\xfdQv\xd1\xd6\xb2\x88zw9\x81%j\xcf\x00}\x8d\xc1t.JV\x1a\xce\x08\x01\x00\x00\x83+\xcc\x7f\xf8$\xc5\x9dC\xea\x1a\r\x95E\xc5\xde\x7f"\xbd\xec\xab\xab\xcb\x91\xa4W\x9c\xda\xd5\xc2\xb6\x15x\x06$\x80\x7f\x00\x00\x00\x88\x83\x05\x00\x98\x96\xf2\x96)\xd7\x98;|\xbb\xa6p}\xf2\n\xbcd\x82\xc8/\x00d\x05\xde\'p#\x00\x00\x00y\xb0\x00\xb8g.Q\xf5\xa7\x18Y\xa8T~\x01p\x89\xaa\xa9\xe3\x86\x8b\xd6\x03\xb8\x0b\x00\x00\x00\x00\xf7\xc69\xd1O\xa7\xaf\x00I\xbd\xa0\xcc\xd7\xd4[\x11\xb8\x16h\x12\x00\x00p\xe3`\xa0\x8frk\x9e\xb9\xb1\xe2\xdc2\xb1\xb8\xbcC\xb0~r\xab\xc0\xf2\xa3+a\xf7\x12\xbd,|\x0e\x00\x00\xf7\x0c\x11)\xf5\xb5g[q&amp;\xc9\xf8c\xe8\x8fq^\xe1\x04\xcb-\xf2\xcff\xf2\xc0V\x1d\x03\x17\x00\'s{%\x9a\x8a\xd5\xbd\xf00\x00\x00\x00\x8b\xb9\'\x86aG zk\xe1q\xce\x02\xe0gg)\xfe\xbdsVS&lt;\xb7\x0bL\xd3\xfbD\x98\xae,8\xe2\x05\x00\x00\x00\x80\x0c\xd7\x8a\x15.dj\x02\xa2\xe3AS[\x89(\xf2w\xde\x80*\xbd\xb7\xe0\xfc{\xe0Z\x9d\xfa,\xf0C`\x00\x00\x00\x008\x07\xde\xaf\x92Es/\xff)\x8d\xf7\xb4\xd6Uz\xf1cOW\x02k\x00\x00\x00\x00\x00DA\xa0\xd0\x0e\xf6\\\xa5\x80\x1b\xdbqO\x01\xc1\xa5!\xf0\x04\x00\x00\x00\xc0%\x91\n\x95\xda6\xa1\xcf\x031wO\xb8K\x1a\xe9Z\xb8jk\x9c\x89\xc5\x87\x8b#\xd1Ib`\x01\x00\x00\x00\xe0z\xc4\xa6\xf5;\xda\x8aF\xa0\xd8\rv\x13\xba\x93\xa6v=\xb4\xd6K\x0f\xa9=\xeeua\xde\x07\xad\x12\x00\x00\x00\x90\xe2\x8d0\xad\xc6\xb9\xbdu\x17\x7f\r\xd0\xd7\x0e\x00\x00\x00\x00L\xc6\xc3o,\xe8i\x05\xde\xb8Wno\x01\x00\x00\x00\x00\x00\x10\xe0ZA\x8f\xf9\xed\xc5\xa2|\xf2\xa6\x00 \xc4\x85: \x18\xceS\xb7-\x89\x7fY\x94\r\x8d\n\x00\x00\xe6\xe6\xecaz[\x00\xf8f|\xfd\t\xd6\xe4\xb0\x97+\x98\xe1\xc0\xb5@\x8b\x05\x05\x98\x1f\x02*\xdf\xa9\xa1\xed\x7f\xd1\xea\x00\x00\xa0\x0f7\xb1\xd7r\x8d"\\\xeby\x05\x00\x00T#\xf6{\xc0\x186\x01\x00\xa0\x0f\xd7\x1f[1=L\xcd\x7f&lt;\xdb\x00\x00\x00\x00\x00\x00\xc0f9`3\xf9\x06Lw\xf3N-\xfe\xe4\xce\x07\xa07\xc1.\x80~\xd1\x08&gt;\xe3{:\xf7\xf5mT\x00\x00\x00\x00\x00p*D\x14\xfe\xc9\xb3=\xfa\xbf\xb7\x8f\xf7\x03\x00\x00\xb8q\xb0\xc5u\xb7\xa0\xde\x01\xc8\x81&gt;2\x08\xfc\x120\x00\x00T\xf2\x94P(/\xf6\xf2\x19\xb89\xb0\xa9\t@\x0e\xf4\x11\x00\x00\x00\xd3\xe3\x7f\x06\x14\x0b\x00\xd0\x00\x9a\r\xa8\x04cN#\xb5\x0e\x84\xdb\x01\x00\xa0\x99D\xe8\\\xfb;V\x83\x98\xdc\xbc\x04w\x157\xdcUa/\x07j\xa7\ti\xef\xa1:n\x1b\x1c\x01\x02\x00\\\x03\xad\xf5\xecO\x87\x7f\x99\x9bp\x9eG\x04\x93\x98\x01\xc05\x98\xb9\xbfH\x1f0\xbb\xed\x13k\x18\xfa\x1e|\xb6\x01\x00\x00p\x0b\\z\xb2$\xa2z\xfb\x89\x8a"\x0f"\xd2Z\x9d\xb5\x96\xbbr-\xdd&gt;\x17\xe8D\xd3[\xb8\xc4\xb5\x17\xf0$\x00\x00\x00\xb0\x80\xd3\xf3R\xc0\x87\x00\xdc\'\xb7\xd1\xf7o\xa3\x14\x93\x83#@\x00\x00p\x16\xbd&amp;\xb9a\xfb\x7f\xce&lt;\x8d\xf5\x1b\xe8\xcd\x04\r\xec\xa3\xcf6 \xc5\xfc{\xff\xd7}]\n\x00\x00@/n!\x82d\xdb\x7f\x0b\x85\xed\xc6T\x9eAM\xcd\x03*\xa2\x1fc\xda\xf9\x045x\xba\x01S\x80\'\x00\x00\x00 \xc9\x84s\xcb\xe5\xe2\xd7\xd5\xda\xc5\xec\xa4\xe5\xfd\xcaeJ\xd6\xfa\x02\x1b\xabw\x02*\xa2+\xbd\xdd\xbbu+\xbf\xdb\x8e|,\x80&amp;\xa4\x14\x16\x00\x00\x80\xa9\x88FZ\xb9@p\x1e\xa6\rP\xae\xb5\x06PJ)\xad\xb5\xd6r\xaf]F\x8b\x1f\xf4\x8c]\x8f\x93\xd6)\xa8\xe5j}\xa1\x84\xea\x9e&gt;\xf0\xe8\xa0{A)\xf1\x8f\xbc\xddr\x15\x8b\x80\x05\x00\x00\xe0|\x8c-\xea\xc8\x1c\xa0?\xf5B1\xd8l;\xee\xcb\xb4&gt;\xeb\xc2$@\x9f@\xe4=\xbc+\xa4\xd8\xd1\xd2lu\n\xda\xa8l`\x97h\x03\xd3\xeeA\xc4\xb1\x0c\x16r\xf2\xe5\x9c\x00\x00\x00\xf7\xc7\xedEW7V\x9c9\x90w)\xff\xc3S\xb7\xd7DA\x05x\x81\xb5\x1dFW\xfa\xe7\x02j\xbe\x97SM\xf3T\xe5&lt;\x96\x00\x00\x00\x10\x84q\x9c\xfdj\xace\xb9xX\xbc/\x002o\x1a\xe0\x1b\xb5@\x02\xb4\x9f\xe2\x11\xa3\xa2\xd3\x1d\xbd5\xff\x06\xd1\x0c5r\x8e\r8\x02\x04\x00\x00\xfd\xd1Z\x9d4\xcc\x0b\xc6\xac\xb6(}\x13K\x9a\xf5\xb8D\xba\x1c\xfb\x91\x8aGt\xb7\x07\xdc6\xf7~.\xa5\xe27\x07\xb7\xf4\xf2C\xcd4\xbf.?\x83\r\x00\x00\x00@\x04|\xf5\x1f\x000?x^\xc7\x01O\x00\x00\x00\x93\xb2\x8f\xe0\x18\xc7\xe7\xe4z\xaf\x1a\xf6fy$\x82\xe6*\rF\x80{\x00!\xfb`0~\x03\x00&amp;e\x99\x0c.\xf8E\x0bp;\x10\x91\xd6\ns\xe5\xa9\x10\x11\xc6\x81{\x80D:\x9a\xb3\x8a\xe0\xb4\x9c\x8a\x83I7\xc0\xdd\x15\x18\x00\x00\x00`ADX\x82\x02\xa1\xc0\x14\x0c\xc0\xfe\xfd&gt;\xd4\x1a\x00\x00\x00p\x11n\xe0\x18\xc0\r\x14\xe1n\x99\xe6\xcb0\x00\xf4\x05\xef\x00\x00\x00&amp;C\xe8$\xe8M|\xa3\x06\\\x12l=^\x1cT\x1f\x98\x07\xccb\x00\x80\xfb\xe0\xb6_\x05\xdb_k\xeeT\xc6\x1bv\x1d\xb8\x01\xb0,\x07\x00\x00\x00\x80K\xec\xf3m\xdb\x95d\xe8\xf0s\x08,@=X;\xf5\xe6\x12\x1fg\x9c\xdc&lt;PG\xbe\xe1\xa1\xde\x01\x00\xe0Dbc4f\xe5s\x99?nk\x07\x87\xbf{3\x7f+\x9a\xdfB\t\x02\x05\xbc\xf9R\xdfG\xcd\x02\x00\x00\x98\x8f\xebO?Q\xfb\x8d\xa2\r*\xa3\x983_\x1ea\xc10.\xb0\xfd\x7f\xa7+\xc0\x0b\xd4\xcb\xcd\x02\xcf\x03\x00\xc0\x8d\x83\x81^\x141g\xa2^\x06\xf2jg\x1b\x00@\x11\xdd\x07\x07\x8c?\x00\x00\xb0\x82\x01\x114\x10l&lt;hQ`F0\xd6\x8d\x04g\xfc\x1c\xf0\x19P\x00\xc0\\\xe0\x13\x8a\xa0\x81P\xe3\xc9\xbc\xfb\x87\x98\x00\x9c\x07\x9a\xdfP\x8c\xf1\x01\x9e\x07\x00\x00\x00\x92\xdc\xecL\xd9\xebT:b\x0b\x00&amp;\xe6\n\xaf\xa3\xb0h)\x08\x9e\x00\x00\x00\xe6\xc2\x1c\xd1nc\x8c\x16\xe2\xcf\x9f\xa7\x1a\xcfd\x8a 8\x0c\x80\x99)}\xcc\\2\x13\r\x9d\xb34Fg\x00\xc0MBD\xea\xd3\xb0\x06\xb8\x00\xd8Q\x03;!\x07\xc2\xa5`"\xa6}\x1f &gt;\xf8\xcch-\x00\x00\xf4\x02\xa1\xd8\x95\xb8de\x05~r\x0e\xadN\x1c\xb8\xf4\xde\xb9\xd1\x060l\xb8@\x0f\x02\x00\xdc\x17\xf8]00\x1c4-\x00d\x99sQ-`U\xe2I\x82l\x91\xa7t \x00\x00\x0007\x98&gt;\xc7@D\xb7\xba\xd7\x0bZ\x98\xb0\x03n\x9b\xf7\xbd\x0c\x13,\xb2\xfdR\\F\xec\x84\xae\x06\x00\x800\xde\x80\xd5w\\\x06\x00\xf4a\xce\x8d^\x00\x1cd\xe6\x97\xcc\xf9\x1f\xc9\xbe@J\xa9\x17$\xd6oi\xf3\xfb \xde\x1e\x06\x00\xcc\x859~u\xfdM\x00"\xd2Z\xf9\xc3 \x11\xe1\xb7\x08n\x98\xa5\x81\xa1\x8a\x01\xb8C\xb6\xee\xbf\xfc\xabi\x10h\x1cIJ\'\x9a}f\x94\x1a\xbb\xf0\x19P\x00\xc0\xe5\xa9{\x13KkM\xe4\xec\x97L\xb4\x85\x89\xb7Q{\x00\x97\x02p!\x9cap\xf9;16\xa6;\xb8}\xf7\xd4-\x00\xa2\xd3w \xb0\x00\x00\x00\x9cLl\xc8n\xdf\xe7(?\x91\xac\x17f\x08\x13\x17K\xce\xb6"\xc6\xf9\xfe\xa9cb\x97\x02\x00\x02\x14uYv\x07\x17\x18\x07\x9a\x86h\xad\xf9\x05\xfb\x12l\x06\x01\x00@\x90\xea\xcd\xf2\xd8\xcb\x06x\t!\xc75\x9d\xc3n$\x98n\x01\x0f\xb4\x93\x13\xc8\x8d\xcf\xd5s\xc1\x8c\x90\xcd\xd9\xe6\x00\x00\xc0L\xb4-\x00\xc0\x9d\x80\x19\x14\x80{\xe0\xf6z:\xad\xff{S\x85\x02\x00\xdc#\x81Q\xec\xa7\xca\x876c\x88\xc7\xb0\x08RD\xf6\xcf\xd0l\x00\xa8b\xeeH\xf4\xb6\xa2\xff\xcf&gt;\xdb\x00\x00\x00\x10\xe2\xe6\xb6g\xc0\xec\x04\x9b\x1c\x1aaon\xeb(\xdd\xcd\x14\x04\x00\xa5\xf0\x120\x00\x00\x80\x9bg\xee7\xaaO`\xd8\xe2\xe7\x86\x16Yh?\xe0\xa6\xc0\x02\x00\x00\x00\x8a\xb8\x9d\x88\xe6\xce\xb9\xe7%A\xe7\xa2\xaf\xdfjT\';\x99\xd9U\xd1\xa3/\x06\x9e!\x03\x00\xc05!R_\xec\x7f}\x1f\x03:\x10\xc0\xffj88\x89\xf3\x9c_S\xefh*\x97a\xf2\x05@\xd06\xccq\x00\x00\x10d\xd2\x91q\xe6i\xe6\x06\x91\xf06\xbb\xcaP\xb3\xb7MA\xfd\x96\xff`\x088\x8b\xe3\xe1\xd2\xfdq\x9f\xa5\x06\x00\x00\xa5\xd4\xa8\xbd\x9f\xc9w\x98n\x15A\x9f\xdf[\xf5\xc5\xcb\x8b\x96\x9c\x87\x88\xfe\x0c^\xba\x0e\x03\xdf`\xb9\xa9V\x81\x85.\x00\xe0\xaa`\xfc\x9a\x16\xceLIDJ}\xc3\x00c\xee\x93\xfe\xc1\xca\rw=\x1c\xcf\x00.E\xdb@\xf3/\x15\xb0\xab\x05\x00\xb80w&lt;~\xcd&gt;vOn\xde$\xc0K6\xed\xde\x90\xf1gUl\x84\xaa\x9c\x85N\xbf\x02y\x8b\x11\xf3\x8d\x15\x07\x00\x00|\xd6\x81\xfb\xf6Fppa\xd0\x1a\x05\x91\x89\xcf\x9eC\xfb\xaf\xc4\x95joU\rN\xc5\xaeA\x81\xb6t^\x93\x88\x1e\xff\x1bj\x05\x00\x00\xcc\xc1\xe3\xb6?\xaa\x06\xc1\xf8P\x8e\x89\xff\x12\xa0\x9an\x8c\xe0\xef\xb8\xc9\xd5\xb2-\x07\x8d\x87\xc5o\x9fm\x80\x18\xedm)"a\xe4\xbb\n\x0f\x1d\xa3\x0b\x00\x00\xce\xe2\xec\xd7\xbf\xae\x1d\x1cLm&lt;\xbe\x94\x07b8\xfd\xb10b+iT\xd7\xee\xe0`"\xb6V\xda\xbfEmO\xbc\xbb+\x02\x00\x80\xb3\x18\xb4\xb3{\x83\xa7?/\x80\xf0K\xde\x93\xd5\xe0\xd2\xa2\xd0\xae\x1aX]7.\xaeJ\x98\xc2}\xeb\x1d\xb4p\xf9qx\xbc\xfd|\x8d\xf8%`\x00\xc0-\xf2fm\xcfs\xa5\xcc\x00%h\xad\x95\xe0\xef\xc6N\xf6C\xbf\xcbo\xe2\xea\xb79\xdb\x8ea|\x86x7\xd2\xca\x8aoZ\xeb7\xf8\x18\x01\x91\xfdL\xe8\xab\xff\\\xf7\xc5\xcd\x07\x00\x00i\x8c\xa9\xd7\x99J\x933+{c^t/\xf9\xf2\xbbP\xe0\xbek\xf0\xd6\xca.P\x9b\x0f\xa5\x9d\n\xe1\xb7\xf8}\x98\xd9\xb9\x0f\x87\xdfC\x19\x01\x00\xf7M\xe5\x0c\xdas\xdeM\x99t\x17s\xcf-\x83\x88\rXPt\x01\xc0\xcc\x9d\x1d\x13\xd0\xde\xc0 \xd0\xd2\x00\x00\xa0\x1a\x04\x88\xe0\x068\xfdd\xfcU\xa0\x96\x05\xc0\x9e\xf1\x03\xe3y1\x9e\xdc!W\xeb}8\x9d\x04\x00\xb8\x16\xe4\x0c\\D\xb4\x1c\xae^f\xdc\xdc\x99Q7\xfb.\x84\x91\x17\x80\xa9\xb9\xd3fLTz\xd4z\x8f\xce\xab|u\xc4\xf6\xcb\xc8S.\x01\xdc k\xefS\xbd\x0f\xfe\x13\x91L\x1f\xc7K\xc0\x00\x80\xcb\x10\xdbV+\xd9k\x1b3[\x0f\xdd\x07272\xb1\xefx\xabpjv\r\x0b\x1a\xdb\xc0\xd5\x9aP\x85\xb9Z/\xff\x97\x1a\rx/\x03\x94\xeb.\xe5j\xd51\x0f\x83\x07C\xad\xb5\xd6\x9a:\xeb]d\xe3\x915\x00\x00\x18&lt;\xb4~@d\x8e\xa7dS\xad\x0e\x80r\xd2\xedMl\x05\x88\x86\xbd\x90\xf0C\x87\x11\x00&gt;\x17\xe6\xac!z\x8c^L@\x00\x80K2\xdb\xc8U8\x9d\xcfe\xfcu\xe9\xd4\x0cfk]\x17\xe4\xb4\x1f4\xbdO\xd0b{@D\xefz\xbb\x0b\x00\x00\x00\x007\x0e\xe6\x12p\xeb\xa0\x85\x03\x00\x00\x00 G.&amp;\x1e\xbf\x01\x83\x08\x064q\xdf\xcb\xbc~e\xbfg\xaf\x82\xdb\xebV\xc2S\x1b^\x02\x06\x00\\\x8c\xdc\xab{\xc3\x0c15r\xb5\xbe\xd2\xd9s\x12\x9eP_\x9d\xf3\xaa\xefb\xcd\x86\xe82!\xe0\x89v^\xc5E\x15\xdc\xd6\xe7\xb0\x08\xaf\xff\x02\x00\x00h\x00\xf3\xc7|\xf0k\xe4\xc4\xe9\xffZ\xcd\xe6Zo\xea\x9fj\xe7\x8c.\xbaJ\xc5\r\x04\x0e\x01\x00\x808\'L\x1b\x97\x8a3\xee\x95\x89j\xa7\xb1\xb5\xa0\xb1\xb1\xf9\x11\xf8\nL\x08\xda$\x00\x00ta\xfc\xce\x1f]\xed\x07 \xc1\x89\x10Q\xdb15v\xde\xbb\x8f3\xae\x13i]\xc1\xce\xf9\x9cID\xea\xafMg\x15\x00\x00\x80\xd38a\xe7o\xbe\xd9\x11\xccIc\xcb\xac\xc8~\x9d8X\x9c\xbb-\xf8]\xd0\xbc\x96\xbeq\xb2\x1d\x1f/\x01\x03\x00n\x95\x81\x0f\x01\x86i\x02\xa0\x90\x9bz\x13\xb2\x8c\xfb-\xf9=\xa0\xf5]7\xee,\xb7\xf5\x0e4\x00\x00\xf4$\xf4\xe8\xe0\xd78\xcf\x13\xeex\x93\x15\x80\xdb\xa6\xa8k_h\x1c\xf8\x84KY\x1b\xe0\x06F]\xa9\xe3\xa3D\xa4\xd4[\xb5\xcb\x01\x00\x80s\x90=\xba\xd3&amp;\xea\xc8{\xdb\xaf\x12\xdev\xe9v\x12etn\xdd\x89C\x9a\x98\xcf?\x9djm\x13;]y\xdbA;oA\xfa$\x1e}a\xf3\x87\x01P\x9b\x00\x80\xabC\xed\';\xc9@\xca\xac\xdb\xe4\'\xee\xc5K\x89Fu\x0f\xc5\xbfm\xfa\xc5\xe8X\x00\x80 5\xae\xeb\xe8\xed\x9bm\xa5\x00\x80{\xa6f\xa3\x05\x0b\x00\x0e\xd7\xf5\xd2\x8f\x9e`\xf0\xc5\\tO\x145\xe0o*\x15]j\xcd%\xb8h\xc7\x07\x00\x00\x00"4\xcfjF\xf6\x87\xb7\x9b3?\xb7\x13\x07\xcc^\x8a\x97\xbd\x11?\xcf\xc4\xed\xb4\xde\xb1l~\xfb\xca\xb3\r\x01.D\xf4\xd2h\xd2\x00\x00p\x1eG`q\xd1 \x83m\xf3\xf5\x8afs\x15\xfb\xafb\'\xb8a\x06\x8di\x9d\x84_q\x1c.\xe7\x1e\xca\x08\x00\xb8k\x86\xfc\x16\x92\x04\xd7=*3\x9c/\xe8!4y\xbcu\xab\x14T\xcdd\xa0\xb3L\x8dX\xed|bD|\xbf\x17\xb2/\xcd\xd5\xed\x07\x00\x80f\xae5\x94c\x01p"Y\xb7\xa3j\x00\x18\x0f\xfa\xdd\xd5\xc1\x0f\x81\x01\x00\xce\xe2\xdb\xcf6@\xa9\x92\xa5\x08~W\xe5\x14\xb2n\xd7\x1a5\x03b`\xe9\x0e\x00\x00\x00LChV&gt;g\x92\x9e*&gt;\x98\xc7\x12\xd0\x0b\xf1*f\t|wa\xa5\x17\x01\xcf\xee:1\xa5c\xdf\xf1l\x03\x00\x00\x00\xe4\x98i\xf2\xf0\xcd\xc8\x1a\xd6\xeb\xdcy\x95O\xfa\xbb\xf1=&amp;\xa9)\x00\x8a\xa1\xe6\xdf\x15q\xa5\xe1$\xf7\\\x03\xf8\xcal\xf6\x00\x00\x00\x08!1X\xaf\x93\xd0\xf0q\x7f\xca\xdd/\xd0@\xff\xaaD\x83\x01\xb7\x05)\xf5&gt;g\xdb\xc0\xe4\xda\xfd\x0e\xe3\x06\x00\x00\xb8l\xd1\x7fp|\x94[`\x84\xf9@\xec\x05\xde\x0c\xfd\xa7\xd8_\xc5\x02\x00\x80\x81\x1c}\r]/\x06\xde\x9c\x02\x00\xdc\x0e\xfb@/\xf2Z\xe8"\ro\x98\x82v\x8e\xb6D\xa4\xd0\xa2\x00\x18\xc5\r\x0f\xe3\xb2\xf3\x1d\x00\x00\\\x0f\xf28\xdb"\xd0\xcc\xa8J\x9c\xb8\xb5\xa0%\x03\xd0\n\x11)\xf5\xd2\xec\x94\xd7\xe2r\x06\x03\x00\x80(^\xf4?~X\xc4@,\x0cNX\x01pQz\xec\xc5&lt;b\xc8\x8b:\xbdU\x00\x00\x00\x90\xc4\x9eo\xde\xb4E\x92R\xaf-f\x16h`\x8a\xc9x\x06\x1b\xa6\x00~\xd8\xf8q\xb8\xc2\xc7\x7f\x04{\xfa\x8eL\r\x891\x07\x0f\x96\x01\x00\x00\\\n\xa2\xcf\xdf&amp;\xe0y&amp;\xb0\xcd\x92\xffx\xb2\x1d\x9d\xb9\xb1\x03i\xd7\n\xe6\xc002\xe1\xffu\xba\x80m\xe7\xfe}\xb9u\xf0D\xe3\x07\x00\x80[\xe7"\xd3U\x01_=]\x89h\xbeeI\x05\x0fM\x1a\x7f\xad\xe8\'\xcf\x8d\x15\xa7;7\xee(N\xdc\x7f\xdd.\xb0\x9b}\xd8\xff\x0e\xbcR\x9c\xf1ej\x00\x00\x00\x02\xac#&gt;\x06q\t\xae8\xf7\xa7\xd9\xf7\x02S\x91\xcd\xc5\xa3\x9f\x187V\x9c\xae\xdc\xaa\xa3"\xf1\xfd\xd3\xd3i\xce56\x9b"\x9a\xb3\xdc\xfe\xb3\xca[\xa1\xf4\x81\x1ev\x00\x00\xc0\xfcd&amp;\x86av\xb00\xe6\xa1K\x05a=?O\'\xeb\x84\x84\xb4\x9f\n\xa4N*O[6&lt;*\x12S\xa4\xb5\xc6\x07\x07\x93\x94\xfe6\xd6?\xecbE7\xe2\x8d\xf6Q\xe6?\xcc6\xb2\xfcm\xb4\xf9\x91c\x97V\xb9Odj\x1dM\xc0o\xea\xa6[N\xed#\xbfr\x92^\x00\x00\xb8\x14\xe7ng\x96\xaa\xb6\xa3\xc6\xcb,\x00\xae\xc2\xd8\x96p\xfa\xceh9\x7f\xeb:\xa6\x82&gt;4n\xeaO\xf0@\xa0\x16\xcf`\xa7\x14\xd4\xe1\x89q\xc5\x93\x07Y\x03\x00\x00`~*\x07\xbe\xcbME\x86\xb5W2\x1b\x08q\xe6bu\xb6\x9e\xd2\xc9\x9e\xabF\xa8\xbd\xf9\xefv\xe8_\xe5\x9f\x0b/\x00\\\xec\xbd\x98_\xebR\xa8\x01\x8e\xc2\xb3&lt;\x00\x00\x00\xe0\x1a\x10\xd1\xf8\x03\x064\xd9o\xa9\xf6\xb4\x87\x94\xd2\xb3\x95\xf7\\\x9c0\xb4\xc1-\x81\x80Vku\xb9@t/\x86\xd6zo0W,\x08\xde\x01\x00\x00\xdc\x17\xf3lAMb\xc6\x15\xb9g\xd7\x8d/{\xe2\x9c\xf4\xcd!\\\xcc[\xd9\xf3\x16A\xfb\xe7\xe3\x89\xba\x9c\x9f\x19\x03\x11\x19\xaf\x19ti9\xb22\x1d\xb0\x00\x00\x00\\\x93\xcf\xaf\x1c\x1cO}\x8dQj/\x8d%?\xc4?\x96\xd6x\x0ew\x13\x8f\xba\x9c\xf4\x8a\xe1\\\xde\xee\xed\x84\x80\xfc\xdaP\xec\xc6\xdai\'\xb7O\x10\xfe?\xa4"O\xcc\x1b\xed\x81\xbb\xf8i\xcf\xe0r\xe2\xb6\xda&amp;\x00\x00X\xd0=\x8dr\xf9\xc2ng\x1b\x14\xd1\xfd\xc6\xd07\xc9)G\x83\xe6a\xf2\xe2On^\x82\xca\xf3?D\xb1\xa5O,8\x9e\xc1?RG\xbf\x1a\xe5\x98.\x929Y\x14\xa9\x0e&lt;\x01\x00\x00\xdc0\xe7O*\x03a\x17\xf6\xd4\r\xb7~\xafo\xf6\x10\xdb\x0fA\x83\xb7#\xc8\x82\\\xec\xd4\xca\xe4\xfd|\x86\xe8\xb6\x9d\x82R\x18)\x99\r\xa9\xa5\xbd\xf1N\xcb,i\x12\xc9\x04\xbf\x96+\x14\xfd\xef\xff\xd3nP\x08,\x00\x00\x00\xe0^\xd0\xcb\\p\xc61\x12\xda~V\xb3\x9fp\xa5^\xe3Z\xe7\xad\xa5L\xedq\x04y\xe1E\xae\xe2L\xd1\xf6|\xa1&amp;\xd4\x17w+\xba47\xed\xbd\xbe\xfb\x07m\x92\xe6-\xfa\x93\xbb\xe9\xb2\xe6\t\xb5\xc6\x9bX7\x02\x00\x80E\xe9|\x80)Y)\xa5\x88\xd4\xef\x1dS\xe9\x15}\xd23\x14\x88\x89}N\x1fu\x9b\xd6\xa6\xe2\xf4p\x85\xa0\xcc\xfao&gt;\x9eN\xe3\x8e\xf2$\x96\x9cK\xfb\x87;m\t\x94\xa5\xc5\xd8\xb4\x19\xc1\xbf\xf7\x8cB6(\xa5\xde\xbd-\xbb2\x8di\x94\xd2n\t\x00\x00\x08\xb3\xcf\x07\xc3\xd4\x8dQ\xd4\x15\xa1\xf9\xa9\x07\xdf\xc6O:\xbe\x08\xbd\xd55\xb5\xe4I+\xf4x\\3k\x93\x1bP\xa7\x92\xe2$\xa5\x8d\xc4\x88\xdd\xfd;\xecZ\xc8\xc7\xfd\xcd-\xed\xd7\xf8y\x9d\x94\xae\x01ST\xd6\xaf\xb7\xf7\xbb\xbd\x82\x12r\xf0|\x01\x000\x1a\xda\xde\x91\xa2\xfe\xef\xc6\xed\xc3\xdfm\x1c\xc3\x05Sr\xbc~\xbd\xb7mV\xb6\xa3q\xaa\t\xa7\xe3\xbb\xed;\xf1q\xe9\xae&gt;*\xa0T\xa4\r,\x17\xff\xa2R?\xcdh\x18E\x81lmK\xa3\x92\xaf\x1a\x04*q\xc0LTD\xe90\xe2\xa74\xdd\x1e\x933Q\x81\x01\x00w\xc26\xba\x8d\xfa\x16M\xfc\x93\x14\x00\x88\xc3\x0f&amp;\x9c\xd8h\xa6\x10\xc42m&amp;\xc3\xc60[\xa0\x7f\x8e=v\x10\xa9\x9cU\xae\x8a4\x0c\xa7\xfd\x0fY\x00\xdc\x1a\xec1\x84\x94\xd2\xeaA\xa4\xfeWt\x01\x90\xd8\\\xc0K\xc0\x00\x80s\xe8\xf6\xac5\xfck\x93@\x9dq\x02\x87\xc7\x84&amp;\xd5\xc3\x0fb\xb4\xd6\xefl\xfc\xd3\xab\x9aq\xc7\xe4l\xa57\x0e\xa3\x0b$j\xf0\x94\x1et\xc6\x08\xe6\x1e\x95YO\x95\x98\xc5w]\x11\x1a^d_\xcf\x16\x9453\xec1D+\xa5\xfc\xe8_Y\x1fz\xc0\xf4\x07\x00\xb8\x13f\x0cp\xcb9\xed\xf8\xf5Mxo.\xf2.\x9d\xed\xb4\xfdr\x18z6\xab\xa4\xf0KTt\x82\xfc\xf6\x1c\x12\x82\x7fj\xff\x93e\x04\xe5\x1d{\'\x9e\x17#\xebR&lt;\x01\x00\x00\xdc\x16\x17\xdc\xef\xf0\xb7~\x97\x7f\xc7\x0f"\xf7\xe3\x82\xee\x9b\x1d\x9d\r\\\xf4\xc6\x18\x83\xb2h\xad\xf7\x860\x8fUR\xf8%*zh\xa3\xf5\xdfV\xb7\xf2i\x81(\x05\x85\xfb\xdd\xb0\x80\xaa\xd5c2\xbdLC,Z\xec\x95n\'\xbd|$\xcb\xea\x8a\xdbn3\x00\x00p6\x7fAP\x96\xe44\xcf\xfbn\xc6\xadn\xbb^\x92\x93k\xa1Q{\xebWD\xee\xb3\x1d\x8a\x94\xfa\xfa~k\xdd\xb3/\xda\xf8\xe7\x08\x1c\xccj\xcc\xdbH\xd9sN\xf4\x9f\xf6\xe7\xad\xad\xec\x01\x00\xe0\xd2\xecCv\xf7\x9dW\xbc\x1b]\x0e\xcd\xf4\xb5\x10Z\x7f\x008l\x0f\x95|H\xc4\xc9j&gt;\xb5\x98\xa7\xbc\xa2\xac\xe5\xf3\x1d\xb8\xf9\xcd\xbd~\x124\xe8K\t!\xbd\x1c\xb2\xb6\x19\xad4/S?H\xa9\xff=\xb8\xb0a\x0f7t\x9f\xd1\xf8\x83Rzd\xd8\xc1\x11 \x00\xc0\x1cL\xb3\xf7s.\xb9\xd3 \xab\x97\x04\xb6\xca\xae0\xb7\xdd\x15\x15u\xba\xbc\x96\x19\xbcUw\xa4\xe8\xd6\xe3\xfe\x9dT\xe9\xa6\x89\xfe\xd5R\x8d\xe3\xb5\xf2[b\xb6\xd1\x1a?S\xcd(\xc8\xe8\xe8\x7f-\xa9_\x8a3\x8f\xe4\x95?\t9\xd2\x1fy\xf3\xc6c\x01\x00\x00\x98\x02\xba\x85\xe7\xe6]y\x909/\xdcz|\xe62I\xdb\xe8\xe7v\xda~{\xab8\xa7\xa8IF\xb8\xb6\xff\xf36\xd9"\xbc\xe0\x87,\xc7\x9b3\x17\xfc\xdf\xb3\xbdt\x03\x99dTq\xd1Z\x95\xd8\xd6\xf2N\x0b\x00\x00\x9c\xcfT\x07@gc\xc23\xb2c\xf9\xa77_\xf0\xda\xfa\xcd\xa4g\xcb\xbc\xcd\xa6U\xe3\xd5\xcb\xf8\xa1o\x95\xe5N\xea\x17\x1dj?\x9e[\xe6\xc4\x0e\xc5*NI\xb6R-\xa5\x89\x8bM\xaa\x02\xab\x04\x00\xc0x\xc2;\xd94\xd3\x01\xeb\xa90\xa7\x10\xb8\x080\xb9\x9b\xf3&lt;)\xa8\xe1]\x88\x93\xce\xdf\xe7\x19P\xb3\xe9\xb0\xb5ZoB\xec\xf8\x93W\x83:H\xe9\xdbVD4\xa4\xcf\xe2\x08\x10\x00`&lt;\xfbAw\xed\\=\xcb\xa0\xb9\x89M\x99W\xd9\xaa\x1c\xc3\xe3\xcf6 \xc0\xb9\xdb\xea\xb3}]\xf4\x14\xeaJ\x7fW\x0f\xdb\xc4\xf6\x9b\x19.KV\xc79\xd1\x7fwJ\x9b\xe0\xa8&gt;{\xd7\xe3\x02\x00\xe0n\xb9\xdc\xd3\x86m#S\r\x1d\xb7\xf1\xa5 \x1e\xc1\xe6\xd4\xb0\xf7\xccU\x8bI\xbc\x13\xb3=&lt;\xb1\x1b\xd8rJD)!\xf3b\x83ar\xb7\xdeO\xcfm\x8d1\xb1\x83]m?VU\xdd\xbaR\xafN\xda&gt;\x85\xe1\t\x00\x00\xe0N\x89\xcdCd\xfc\x0c\xea`\x93\x12$\xdeY\xec\xaau\xa8\xba\xcb\xe2\x9cd\xdb/v\x8eiz\x05\x16=\xc4\x9eKi\xa1&amp;|x\xf2-DJ\xfd5\xa5\x94RZ6\xfa\x8f\xdd\x8a\xc9\x8fhe\x1aS\x17\xfdO7 G\xf0-t\xca\xd5T\x8a\xdd\t\xfb\xff\x9e\xf5\xfa\x04\x00\x00\\\x95\x99\xc7\xcd9\xad\x02w\xc2\xb4\xfd\xa2\x96[\x08\x92\x9c"\x10\xd1\x9b\xb5\x15\xc7\x0e%\x8b\x7f\xcf\xabQo\xa1\xa8.5(\x18=\xf3%D\xd4qm\xd8\xb2\xcbX\xfe\xe0\x96\xcc\x00\x00pQ\xb4\xd6\xb5\xa3\xe7\xfa3I\xfdv\x07\xa7\xdaw\x1c\x83\x90?\xef\xeaH\x0cuzE\xf5\x96\x9a\xdf\xd9A\xbfp\x83\xdc\xaaF\xa0\xb3\xe8-\xea\xaf\x13U\xd5a\x03\xb5\xc1\x93\xd10Z\xf7\x17\xba\xaf\xa38\xe7\x88"N\xd3\xdf\xc3{\x07c\xcf~C}\x14\x00\x00l\xc6\xed\xd8]y_\x90\r\xb3\x8c\xef\xd8\xd7\x8a\x18\x17\xd8\x9d%\xe3\x7f\xe7\xe1\xc7\xce6`v\xbc\xcd\xe6\xf6\x1a,\xfb\xa4c\xa7MkA\x99|\xa5-\x0f\x01"\x12\xcc\x9f5L\t\x94\xab\xbe\xb0Y\x122H\xfdT\x1f#\x01\x00\xe0~\xe85\xdc\x0b2{\xc0z&amp;\xf3\xd5]\xc1\x07\xcb\xd7\xb6w\xe5\xfa\x9d~55\x9a\x96\xb89\x92\x91!\xaac-L\xb1\x00\xc8\xfa3\x91\xd1\xc9\xfbI\xac\x1e\xf7\x9am\xe5\x88\x9a\'\'GF \x00\x00\xdc7s\x0f\xa3\x18\xe5\x93\\\xd59R1\xc1\xd9\x90R\x9f|\xb6\r\x13\xd1R\xa77\xd1\x1e\x18$\xcb\x98\x0e\xe5M\x17\xad\x7f\xdb\xe7\xd4KW\x0e#`\x18\xc3\xb7\x93\xecWre,\xec\x0f\x8e\x11\x01\x00@%$\xf4&amp;\x00u\xff^$\xb8oh\xd0O\x0b\x813\xa9\xfah\xef\x1e\xb0\xa6\x9b\x07\'\xaeM\x9c\xaa\xd7\xaa\xff\xb9uv\xf1\x8fq\x9bH\xc5\x0f\xee\x97\x0e\xefLO\xa6\x05\xc8u\xd2\xbc4\xbc\x04\x0c\x00\xb8\x0b\x88\xf7\x92V\x11R\x835"\xb3\x13\xb9\x8b\xd5\xd7\x8d\x17\x0f(\xa5*#lf\xd3\xd0Z;\xef4\x9b\xb1\xbe\xd6J\xa9\xafM-\x12\x06\xb4?v\xf1\x8f"G\xb2,\x93\xc5v\x93\xfb&amp;\xb7\xd6\xfbs\x94\xe2\x97\xbf\r\xd7\xc9\xbc8\xeeUE@,\xc6\x04\x00\xc04$\xb6p\xf0\x8bT\x13#\xf5$\xc4\x149jz"\xc1O\xaa\xef2\x83\xc6w\xf0\x12\x00\xdd`\x0c\xb9\xfe\xe29\xfa\x04\xa0\xcf/m5\xf7\xa9\xf48S\xf6\xc1\xb7\xea\'\x00\xf6R\xaa\xc7\x10A\xcb\xa3\x0e\xe71 ~\x08\x0c\x000\r\xf1\xb1\x8fz\x1e\xbb\x9f\xf3\xe0\xe6\x9cV\x05\x11\x9f\xb4~\xa2\xf2\x03\xad\xc5\xd9:D\xff*\x12R\x1c\xa7\x84\xaf\xfb\x8e\x04h\xe72\xfd\xda\xef\x14DJ\xfd\xa1\x9d\xc4\xf9\xad\xb4D\xb9\xba,}+z\xeeqR\x9f\xb2\xbb\x0c\x9a\xabB\xa8N;m\x10,\xa6\xe1\x10 \x00\x00\xb8\xcc9\x1f_\xee\x95\xb2\x16\x18\xc5\xcc\x7f\'\xa4\xdcW#&lt;\xbcE\xfc\x93\xbd\x04\xd9\xc0\xd5\xed?\x97\x8b7\x80\x8a&gt;8\xd7\x8a\xb7G7\xb4d\xbed\xe5\x07R\xb3\t\xab\xcd\x03\x00\x00p\xd7\x10\x91RO\x18\xa6m\xd7\xcaJ\xcd\x9a\xfff\xfc\nx\x91\xb6!\xdf\xb6b\xaa\xb0\x93\xfdk/\xd7\x85\x83T\x00RH\xf5\xfa\xa7nr\xecEE\xcd\x02 q\xb3\xd9L\x00\x00\x98\x92\xf5\x97\x18W\x00\x00 \x00IDAT\x8b\x0ep\x89Q\x1bg&lt;\\\xb6-\xf0\xceJ\x04\xbf\xf2^o\x85\x9c\xa8Z\x0b\x18\xc5qK\x1dp\xc2\x1a\xca\\\xb4{\x82vP\xf5\x1e\xee~\x81\xf1\xcf\xe3+\xa8\xe5\x83@\xf2;\xa4\xa8\x05\x00\x00\x98\x8aL\xe0x#\xa3veH\x1d\xbc(\x12j\xf3%`\xeel\x86\xa4N6_\x9e\x97\xbaO\'\xdcg\xa9Sx\xdb\xfcn\x07A\x7f\x01\x00\x80\x9bG`\xa0\x9fq\xb6\xb0L\xaax\xa7\xd6"q\xd1\xc9\xc5\x97\xcf\x08\xebc\t~u\xe4\x81\x1f\x00\xc0\xeda\x8fc\xee\x98\xf6\x92%\xfb\x0e\x18\x8e\x00\x00\x00\xccCts\x8b\x95\xd9\n\xf4\xff\x9a\xf2\xa2\xff\xb6\tOd\xb2$\xf5E\xc3\']\xde\xb1\x9c\x01\x86\x000\x01#\x02\xdf~*\xfc\xdd\x8d\xe0\xad"\x91\x1c\x9d\xe5b\x01\x00\xe0&gt;(\t1\xefa0\x15\x89\xb9kUF\xb6\xff\x13\xc6\x8c\x89\tV\x1b\x06\xfa\xe4myUPT\xfcH\xe2k\xb6jD6\xb7\xc9\xcb\x06kv\xd8\xa0D=\xdf\xc5\x92\xb0\xdfxm %Mj\xf7\x04\x00\x00\xc0}`M\x1b\x03?t\xe3OT\xec\'\x00#\x8c$"\xf5O\x87\xce\xa3\x17\x9e\xb9/j\xf6\rq\xd1\x96s\xb5\x98\xb5\xe6Qg\x9d":\xde\xad7\x16\x00\xcfK\xbdN\xd6\xcf\x99\x0f\x96\x15\x07\x00\x00\xd7\x83\xf1\x9b\x97\x97Ck}l\xc3\x8f\xfd\xd5w\xe7\xe7f\xb4&gt;"\xc9\xa4\x9bG\xd8\x88\x9f\xc2\xe1CJ\xe9\xd1m\x07\x80\xf1\xe8\xd21\xb2n\x18Y\x7f\x90k\xfb_\xad\xb7\x85\xc4\x83\xe3\xd2\xb4\xd6\x15\xeb\r"\xb5\xfe\xf4r\xaa\\\xf8%`\x00\xc0\xdds\xebA\xe1\xb0\xf2m\xf3\xa2s\n\xc8\xbc{mW\xdb\xe7\nX\xb3\xb2\xfbc\xa9=)\xdb&amp;\xf4R:\xd9\x03\xf5\xf5W\x03\'\xbb\xcc\xecW=\x864+\x17]\xaf\xea\x9d\xb3-a3z\xf7A\x87.JAJ\xd1\xf6\x11\xaf\x8b&lt;\x84\x01\x00\xdc\x07\x18\x92X?j+\xe1\xa5S\x9e\xc2oJI\x19\x91\xe2`\x1b:a\x17\x84\xfb\xc5\xfd\x99"c\xe7@\x96\xf5\x15\xf3:\x81\x91\xbf\x01P\xb7\xdb$&gt;n\xf9O\xe9\xe06l&lt;\xb4\xfb\xf8\xde\xcd\xdf\xa6\xb7^\x00\x00\x00;b_\xd3\xaf\x93s3\xc1w\x17^\xdfs\x8e\x84\xc7\xba\xfa\xbcQxh\x01p2\x93\x98q!\xe6\xa9\xbb;\xa7h\xa7\xa6\xa6\xdf\x99)\xdf\xb1\xfe\xb3l\n\xbd\x0c\x00\x00\x06S7U\x8b\x0c\xd6\x88\x12\x184\xfd.ATh\xd9\x96\x7f\x99:cW\xcf\xad_\xbe^\xa9\x05\xc0T\x0b\x89\xcbr\xef\xde\x9b\xaf\xfdtyj\xd7\xb2\xf6nX\xb4G\x17\x00x\x07\x00\x00\x00:Rw\x14\xf6J\xa7gg\xa2h\x82\\\xd2\xfa\xe9\xb5V\x8ds\x7f\xe1\xdb\x0e\xbc\x94\xe6\xe9\xfc/QJ\xa9\xff~\xbc\xe3\xbd\xdc_\xa6\xf9u\x19\x90\xf6\xc3\xd2\xc0\xa4\x9a\x19\x1ak\x03\xadOt\xa4\xec\xb0\x84J&lt;e\xe2\xa7\x9fd\xb8\xdbl\xa6\xcd\xa9SX\x15\xa2\xa8v\xb4lg\x07\x00\x80\xf1T~y\xed\xf8\xab\xf7&gt;\xd3D\xfbXs\x9d\xf1\x18F\xf9\x02 \x98~\xc0\x91\xfd\xc0\x9e\\\xc6\xf2\xd5\xd4\xcf2\x92}\x9d\xb9OI\x1e\x1d\xccf\xd8\tJ\xe8VS\x8c\xb7\x8cj\xef\xb2\xd4_p\xfc\x19f\xf3\xbe%\xff\x19%\xcf\x19\x9a\xccss]\xa9^\x00\x00\xa0\x847\x1c\x18\xf7\xbbC\xb3\xcc\xe9\x9d\x169\x03f2A\x15\xbd+(fj\xdc\xfey\xde\xd95y\xd8\xf2\x1f:\x8e\x1d\xff\xe3\xd8\x12b+Z\x97\x97\x19\xda%_+.\xec\xc7\x80\xd5ZZ\xf5\xcc*\xee\xa0\x91\x8c[o\xdc\x813\x01\x00`e\xd0x\xb7\xef\xe5\x08j\xac\x8d\t\x84G\xf9\xb4\r\x13L*\xf9\x83.G\xd2H\xb2\xd2\xeb\xc1\x94\x9d\xfd@\xc7\x1f\x9c\x8fG\xc5\xffY\xa3;V\xba\xe6#"-\xd9\xc70\xc6\xc8\xf2\xd5\xa9\x9b\xacEo]\xdeQ*\xba\xad\xc3\x1f\xd2\xfd\xf9^A\xc1\xaf\xd0\x17\x00\x00\xe0\xc6\xe0\x8c\xbc\xe3~F\xf7PY5q\x8a\xcf\xe8Y\x81\x97\x08\xe3\xea\xb8h\xd1\xc4\x17\x00A!\x02-\xad\xf6\xb3$ohd\x91]u\x07x\xd2im\xe0\xac\xc7\x02Sq]\x0f\xc4[\xe6;\x8d6\x05\x00\x00n\x95\xba@y\xc6\x03\x1eGA\x88J&gt;-\xd7\x13\xc9\t\xf8bs\xf94\xd6\x92\xcd\x18\x9d\x1c\x93\xce?\xa26M\x1d\x89\x93\xf0\xcfu\xc3\xe28\xcf\xbaz\x89x\xf6\x97\xb5\xf9\xab\xfb\x04\x00\x00\xfa\xd2o\x94\x1c&lt;\xfe\xeesC\xef\xf5\t\xf16_;\x14_D`\x9d\x90\xcbO\xa5#\xc3\xbe]QBc\xecV\x91\x91\x08qb$\xab[\xc8i\'8\xfff\xab\x9b\xd9\x92\x8d\x9d\x9d|wF\xef\x00\x00\x80\xbb`\xdfU\x1d3\xee\x9bZ\x1a5\x0e\xdf\x9f\xb6\x94\x0f\xd7x\x16\x17(ia\x1b\xa0w\xb8\xb3\x10g\xaa\xdd\xdf\x13\x1e\xeeU\xbd\xd4\xd4\xcd\x15\'\xb4=ssG\xa2\\\x94\xfc\'\x00\x00\xdc#\xf2Ca\xef\x00\xb7\xfc\xe9\xb0\x8c1\xed\xe5:\xa2\x7f\xe1\x90\x82\xb5\x03\x8a}2\x00\xe6f}\xe4X\xd1U\xcf\xdbYX\xb5K\xcb\xf3\xca\xf2\xf2n\x10_2\xb6c\xe8\x03\x00\x80\x01\x8c8\x97\xdft\xa8\xfao7|\x0f\xa4y.\x197\x15\x95\x1e2I\xaf%\xeep\xfd\xb0\xf8\xe4\xb3\xecG@a?L\xd6\xe0\r;\xef\xae\xd6\xaeL\xfd\x02\xe0\\D\r\xfe\xac\xf1\x8b\x99\xcb9\x1c\x00p\xd7\xcc:f\xbd\x10\x11=gR\xdb\x94\xf2\x82xc\xb2\xc9\xdb|\xad\xb9Y\xf6QC\xa5\x01\x97\xc59\xafu\xea\xf1\xadb\xb6\xaa\xbf\x86\xb5\xbd\xf1\x9c0\xbdO\xee\xb8\xd6\x9c^\xd6\xb5\xc7\xa1w\x00\x00.\xca\xb4\x83\xd7\x95\xb6\x1e\xb7\t\xe6\x13\xf9\xe9\xcd\x8c\rS\xc8\x1f\x95$&gt;\xd1\x99M\x0f[\xca3=\xbeZ\x1d\x93\xda*\x9b\xe4{S\xb7\t\xbbR\x8a\x0e~\x18Y\xa6\xab\xbbh)\xae\xb2\xc8\x1c\x03\x16\x00\x00\x00 L\xc7\x81\xf5:\x1b\xa5\x0be\xa6\xb2\xbfM\x91U\xca\x97p!g6\xd3\xbf\xe5\x84&lt;\x7fn\x8cx\xad\xfer\x1e\xb5\x0fa\xea}+\xf8\x1e\xaa\':\xfey\xa8[j\x0cfq\x1e_s\x842\x98\x9e\xfd)!\x00\x00\x00.\x9d\xbf\xa19\x17\x99\x99`v?\xc4g2q\xcb\xdf|Bo\x88O\xe4\xce\xa1\xafa!WL\xd1|1\x1f\xeb8\xdc\x00;|\xa5\x9e\xaf\xbe\xad\xab:\x95\xad\x1dQ?8-\x93\x99C\xd0\x00q\xf6\xe24?2u\xa4\x16\xff\xda7\x00\x00\x80\x931\xa6\x81Q\x034f\x026\xdcy\xfa\xad\xc6\x9d\xac0\x8ciQ\xe7~\x13\xe9\x8c\xb0;\xb5\x008\xf7)\xc4n\xcb\xb4O\xf0^\xf1x\x00`\xbd\xc3\xd3i\x18\xd9\x15\xe5\x9b\xca\xc7\xca\xad\x97j\xbf\xffS\x9a\xab%c-\x82\xeax\xa2\n\xd4\xdd\xd3v\x18\x00\xe0\xee9g\xbc;)\xb6\x18\xb7\xd2\xd8\n\xf8\xab\xfc,=\r\xca*\xaf\xd2\x1e\n\xc5\x06 \xa8\xee\xac\x05@\xb0\xbaO2&amp;\xc6\xb1\x14\xe9eU[\xab\x93\xb6&amp;\xa5MMT;\xa9#C\xa5\xe6]\xbd\xffv`f\xdb\x00\x00\xe0&amp;\xe0L&lt;\xe2\x1b{#\xe6\x1er\xe1\x18\xd0\xc7\xb0\x11o\x17\xc8\x86\xe3\xeaM\x8e\x97+\xf6\x00\xb4+7\xbe\x16\x15d\x9a\xb8mP\x95\x1d\x1fP2WA\xb38\xc1\xa7\xce-s\x87\xe3"\x1cK\xb8\xb3-\x01\x00\x80Y8yJ\x1b?"\x17i$"\xf5\x8f+_&gt;\x8b\xad\x01\x06\xc5.\x0f;m\xb7\xd2W\xcaoc!G\xa5N]\xcf;\xa3\xdf\xc7\x9b\x9dg\xd1\xbc2\xe4\xb6F\xb3\xbe\xee\xb6\xee\xa6y\xf4\xd1Bx;\x06\x00\x00\xee\x97\xebn&lt;\xf7#=\xe5\xf3g\x91\xd8\x94c\\\x9f\xb1\xf8\xa5d\x1fq\x18N\xa0X\x9aZ\xcd\x938\xd07\xa3d\x010K).\xc3\x98Hn\xf2xQ.\xa2M\rD\xf6.\xc6)\xa3V\xe1\x96M\xe4\xf3\xd3"\xeez\xa0%3\x00\x00L\x85\xd6Z\\\xe6\xc4\x93\xe6P\xf4F,\xc1\x14\x8e\xb2?\x83\xd3./\xd9\xa0$\x1b\xdb\x14\xde[Y\xcbE\xfbI\x03\n?\xf7\x08\xb7\x87\x84\xcbf*\xe4|\xf4uN\x87\xa1q.\xd6\x80\x98T\xa2c.\rV\xaf3\xc5\xd2z\x87\xfa\xa5\xb4\x07\x10\xa9\xadP\xcb?\xb9\x8bs\x0eX\x00\x00\x00\xee\x91\x1e\x9ba=\x96\x1f\xed,V\xc5\xca\xeb\xc7p\xa5\x9e\x99\xab\xd0Z\xef\xe6\xc7\xaa\x83W\xc0=\x8d+D{E\x16\xac\xf7\xbcm\x03c\xe8\xa5\xe1\x1c\x7f\xb5k\xd6z\x9c\xfd\xd7[l,\xad\xe8\xd7+r\xf26\x83\xbbt\xd4\xe6\xf3K+kh\xde\xd0\x95\xd6\xecy\t\x9c4S\xb0\x0f\xce\x8e\x7f\xed\xba\xe6\x97e\xeaG@\x00\x000\x8c\xfb\x1a\n\xbb\x9e\x19-\x15~\xeei\x84\xb4j\xf2\x18k\xd8\xe8\xf7\xc8\xf3\x08z\xa0\x93K\xe3\xdf \x12V\x046&gt;\xe6\xee\xdf%\xa8\xe0\xd9r\xbe*t\xfb\t\xa3\x19\x00\x00L\x849\x02N4\x1a\x0e\x0b\xe9\x1a\x8a\xccqW\x91\xf0Y\x9c\xefq\xe2\x02`V\xce\x8aZ\n\x04w\x909\x8e\xde\x8b\xbau\x93^\xd4\xf3\xe8\x17%\xbcr\xf5x\x12M_\xd2f&lt;\xed\xa8;\x00\x00\x00&lt;\xb6\xc9c\xba\x99\xa3k \x82\x05\xc0B\xce\x0f\xc5\x0b?Y\xc7\xde[\x1dU\x85\x92\xa4\xbe\x8e\xa6\xed\xc5\xd30\x9fg\xde\xbc\xa1\xd6\xdc\\\xb4\xf7&gt;1\xf3\x00\x00\xe0\xbe\x19:\x9e\x06\x87o\x8c\xe9\x9d\x90\x0b\x98\x8aw\xfe\xd8\xaa\xddp\xb0\xe8l\x80\x91&gt;\xf3\xed\x14\xa64\x8e.\xc9\x05\xc0\x90EZH\x85\xa0Rn\x1b\xab~6u\xad\x87Z\xd4\xf6\xbcB~\xbb\xfd\\\x8e\xb2\x14\x97\xe8I\xc1\xf4s\x16\x13\x00\x00\xbaS\x11\xd2a\xc4\xbcW\xf8aD:\xc6\x1a\x1b[\xbc:3\x9dim\xc2\xc2\xf6\xa8q\x95\xd0!\x0c}\xac\xf4\xe1\x16&amp;\xb2[\xe9Yo\xec\t\xea\xbdw\x9d\xe8\xbf\xd5\xce9\x16\x00,i%cK{{k\\Y\x01\x00\xc0\xb5\xb9\xc4,x}nd\xa6\xe1\xb4\x16\n\xe1\xa7\xe9fc\xd4*N\xc4`/\x00\xc8\xb9\xa7\xa4\x82\x0fC\x8b\xe1\xa2\x0b\xb7\x90\x13\xed\xafoK\x97\xe8\x92\x12m#\xd1m\x13\xc2\xc7/\x00\x06OF\x8e:|\x06\x14\x00p\xcb8\xc3\xfd2\xfc]\xe4+p\x13Q:Q\x11]9\xb8+\x81\xe9\x96\xf1\x9f\x88\xd5\xcb\x17Q\xd3\xe6\x11\xed\x9f\x1a\x0c~\x13\xdd(]\x9b\xfd\xa1_\x0c(=\xc3\xd2d\x804\xe3?!o\xab\xae\xcc)jH\x1fV#\x9b\xben\x99\xfe\xc5\x92\xa0\xf0\xd9\x1aX\x0f\x1c\xb7`\x01\x00\x00\xb8q\xcc\x81]\x17\xce.\x7ft\xc2\xac\xf0:\xebTd\xfeo\x15\xfc)m\xf0\xe4\xf7\xf9\xd7\x99ks\x91D4W\x0fcJ\xc9~\x16\x9d\xd2{\xa5}L\xda\x9d\xc3\xf6\xd2\x83\xd4\xcf3\xc57\x9b\xfc\x1c\xa9B\x0f]\xb1\xfc\xd4m=\xd5,\xea&gt;u\x87\xa1\x8a\xf3\x94\xc3)E\xdd\xf0\x02\x00\x00 \xcfe\xe7\xc5\xe3\xc8\xef\x88\x07\xf7\xbdT\xfctX\x99\xd8\xd7H?\xa5NN\x8e\xcf\xe7\x87\x92\x9c\xf3?\xd3r\xa2\xc1\x9c\x86MDJ=\x97/\xf0B\x9e/%[\xb4`\x02\xf1\xa3V\xe6\x81\xb1C\xa3\xfc\xc9\x99\x8e\xf5\x18o\'\xaf\xd8M\xef\xcd6K\x00\x00\x98\x94\x1b\x08\x08n\xa0\x08\x1e\x94\xfcg\x92\x07\xb9\x07\xba\x88H\xa9g\x94\x9b`\x05\xbe\x01\'\xb3#\xe3\xba\xe8\x7f\x9ahUx\x01P"*\x16\xe7}\x84)\xad\xe8)Vi\xec\xb8d\xf9s\xd7X\xb6\xd5\x98\xb7\x95\xeb\xd5\xe4\xad\t\xae\x04\xae@\xcc\xe0~\x05\x11_\x86I\x81G\x0f\x00</t>
        </is>
      </c>
      <c r="E29" t="inlineStr">
        <is>
          <t>&lt;class 'numpy.ndarray'&gt;</t>
        </is>
      </c>
    </row>
    <row r="30">
      <c r="A30" s="1" t="n">
        <v>28</v>
      </c>
      <c r="B30" t="inlineStr">
        <is>
          <t>steps_per_sec</t>
        </is>
      </c>
      <c r="C30" t="n">
        <v>400</v>
      </c>
      <c r="D30" t="inlineStr">
        <is>
          <t>2.6123078</t>
        </is>
      </c>
      <c r="E30" t="inlineStr">
        <is>
          <t>&lt;class 'numpy.ndarray'&gt;</t>
        </is>
      </c>
    </row>
    <row r="31">
      <c r="A31" s="1" t="n">
        <v>29</v>
      </c>
      <c r="B31" t="inlineStr">
        <is>
          <t>Loss/RPNLoss/localization_loss</t>
        </is>
      </c>
      <c r="C31" t="n">
        <v>400</v>
      </c>
      <c r="D31" t="inlineStr">
        <is>
          <t>0.4687859</t>
        </is>
      </c>
      <c r="E31" t="inlineStr">
        <is>
          <t>&lt;class 'numpy.ndarray'&gt;</t>
        </is>
      </c>
    </row>
    <row r="32">
      <c r="A32" s="1" t="n">
        <v>30</v>
      </c>
      <c r="B32" t="inlineStr">
        <is>
          <t>Loss/RPNLoss/objectness_loss</t>
        </is>
      </c>
      <c r="C32" t="n">
        <v>400</v>
      </c>
      <c r="D32" t="inlineStr">
        <is>
          <t>0.056747697</t>
        </is>
      </c>
      <c r="E32" t="inlineStr">
        <is>
          <t>&lt;class 'numpy.ndarray'&gt;</t>
        </is>
      </c>
    </row>
    <row r="33">
      <c r="A33" s="1" t="n">
        <v>31</v>
      </c>
      <c r="B33" t="inlineStr">
        <is>
          <t>Loss/BoxClassifierLoss/localization_loss</t>
        </is>
      </c>
      <c r="C33" t="n">
        <v>400</v>
      </c>
      <c r="D33" t="inlineStr">
        <is>
          <t>0.5580581</t>
        </is>
      </c>
      <c r="E33" t="inlineStr">
        <is>
          <t>&lt;class 'numpy.ndarray'&gt;</t>
        </is>
      </c>
    </row>
    <row r="34">
      <c r="A34" s="1" t="n">
        <v>32</v>
      </c>
      <c r="B34" t="inlineStr">
        <is>
          <t>Loss/BoxClassifierLoss/classification_loss</t>
        </is>
      </c>
      <c r="C34" t="n">
        <v>400</v>
      </c>
      <c r="D34" t="inlineStr">
        <is>
          <t>0.39597648</t>
        </is>
      </c>
      <c r="E34" t="inlineStr">
        <is>
          <t>&lt;class 'numpy.ndarray'&gt;</t>
        </is>
      </c>
    </row>
    <row r="35">
      <c r="A35" s="1" t="n">
        <v>33</v>
      </c>
      <c r="B35" t="inlineStr">
        <is>
          <t>Loss/regularization_loss</t>
        </is>
      </c>
      <c r="C35" t="n">
        <v>400</v>
      </c>
      <c r="D35" t="inlineStr">
        <is>
          <t>0.0</t>
        </is>
      </c>
      <c r="E35" t="inlineStr">
        <is>
          <t>&lt;class 'numpy.ndarray'&gt;</t>
        </is>
      </c>
    </row>
    <row r="36">
      <c r="A36" s="1" t="n">
        <v>34</v>
      </c>
      <c r="B36" t="inlineStr">
        <is>
          <t>Loss/total_loss</t>
        </is>
      </c>
      <c r="C36" t="n">
        <v>400</v>
      </c>
      <c r="D36" t="inlineStr">
        <is>
          <t>1.4795681</t>
        </is>
      </c>
      <c r="E36" t="inlineStr">
        <is>
          <t>&lt;class 'numpy.ndarray'&gt;</t>
        </is>
      </c>
    </row>
    <row r="37">
      <c r="A37" s="1" t="n">
        <v>35</v>
      </c>
      <c r="B37" t="inlineStr">
        <is>
          <t>learning_rate</t>
        </is>
      </c>
      <c r="C37" t="n">
        <v>400</v>
      </c>
      <c r="D37" t="inlineStr">
        <is>
          <t>0.0186664</t>
        </is>
      </c>
      <c r="E37" t="inlineStr">
        <is>
          <t>&lt;class 'numpy.ndarray'&gt;</t>
        </is>
      </c>
    </row>
    <row r="38">
      <c r="A38" s="1" t="n">
        <v>36</v>
      </c>
      <c r="B38" t="inlineStr">
        <is>
          <t>train_input_images</t>
        </is>
      </c>
      <c r="C38" t="n">
        <v>400</v>
      </c>
      <c r="D38" t="inlineStr">
        <is>
          <t>[b'1024' b'1024'
 b'\x89PNG\r\n\x1a\n\x00\x00\x00\rIHDR\x00\x00\x04\x00\x00\x00\x04\x00\x08\x02\x00\x00\x00\xf0\x7f\xbc\xd4\x00\x00 \x00IDATx\x9c\xec\xbdw\xfc=?Q\xef\x9f7\x02*\xa0\xd8\xae4i\xa2`\xc7\x86\xd8Q\x04\x7fRTD\xaa\n("H\x11\x1b\xeaU\x94j\x01\x11\x05\xa4(EQ.^.r\x05\x0b* \x08\xa2 XAT\xb8\x88"RE\xb0`\xa3\xe8\xfc\xfe8gw\xd33\x93Lv\xb3\xe7\xbc\x9e\x8f\xef\xe3\xf3}\xbfw\x93\x99\xc9$\x99L\xb2{\xce\xdb\x18\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p^\x10\xd1\xd6&amp;\x9c*\x038v\xaf\x9dK\xbb\xb5|\x86\x8c\xa1\x14\xbc\xea\xd6/D\x86\xc8,\xd5i\xbe\x11V,(\n/\x96l#"\xf3\xf5\xbd\xba\xc3m\x11\x85\xb3\xc6\xb5*~7j\xbc\xef\xab\xa9\xec\xd1\x03\xb4\x8c\xb1|\xbfXw\x13\xceq\xaeG\xbb;f\x98\xab\x91?6\xecbA\x95\xbb\xdb\xba\x9c\xf62\xc4..\x12\xc0)\xfc&lt;\x89\xc0\xa31\x8e\x03\x85\xd1\x80\xefL\x00\xc0\xd9\x81\xe80\x03?t\x02\x8e=s\xbc\xc4\xf4\xa9\xc7D\x907*\x12\xb9\xac%\xf0M\xa9\xac\xd4\xd3[\xe6\x95\xc5\xc2A\x81t6,M\x1f\xed&amp;\x10\x911\xef\x9f)\x90\xb4,\xd2^"\xa2\x1fp\xeb:e\x8ei%\x99|\xbe\xe8\xdf\x8aZb\xef^(4+\x94gn|\xd4\xebmBR\xcd\x0c\xdb\xeb\xd4\xf2\xd5\x91\xb7\xff4D\xe6O\xd6\x0cG\xb6\xbb\xfc\x9dp\xb9\xf6[\xbd^%c^Se\x05"0\x00 @\xbeP\xa9i\xdeBi\x8e\xed\\\xa1\x0e;\xbb\x02\xa0\x80\xce@\n\x92\xd7j\xb1?\x99\x10_&lt;\xb4.\x13$\x8e\xfe}\x13K4Sr\x92m$2\x1f\x98|^a\xe5\xd0\xc6\\\xe9\xf0\xeb\xfb\\\xc3\x96\n\xbey\xd3\xd6(\xa2\xd19&lt;~\xb6c\xb9\xd3\x90\x9c\xbb\x88\xc8\x98[8m\x8c\x97L\xddJn\xfc\xd8}T,\x96\xc8\xb0=\xc7\xfa&amp;\x99\xd8-S\xba\xce\xa1uS\x1al\x00\x00\x00@\t~\xe45\xe6\xf1\xdd\xad\xd9\x14DX\x00v\xcb\x13\xa3WE\x93\xda-\x9c\xdd\x00D%?hJps\xc9q\xfc\x81\x98\x97\xe1\x85?{\x02S\x853M\xb33\xdd\xa0\x8as\x00\x9f&gt;0\xfe\xa7\xe3\xff\xdf\x15\xa6\xa4\xdf\x15\xb6&amp;\xfa\xf4&amp;\x95\xcbr\xba\x89\xd5\x9b\xbe\xfc\xd4N\xec=\xf3~)\x9b^s\x0eS\xca{\x92\xf8\xb3\x086\xefs-\xc4:\x05\x00\x00j\xdc&lt;\xb7\x06\x0c\xc8\x8eL\x05\xa0\x85\xe9\x15\x11\xc1s\xad\xb9\xe4\xe5\xec|\x9d\xa9\xeb\xf8S\xdd\xfcr\xdf\xa5)j\xb1y\xc6R\xe5\xf9V\xf59.M\xb5\xeeE\xe6CiN\xd9\x13\xc9\xeb1\xc5tSF2\xc6\x98?$\xf3\x9dy\xc3\x92\x96\xffr\xee\x1d$\x7fs\xe2\xa4\xe0A\xaaM9Qi*:\xa5\xf9\xc1\x82B\xa4%\xc7\x03\x15\rw\xf6\x0c{Z\xa7\x00\x00g\x0e\x91\xf9\xb1\xaap\x9f\x10\xa7$\xc7\x15\x8a\xa8\xaa\x07\x11\x19\xf3\xcf[[\x01\xcc\xc9\xbd\t67\xe7]\xb1\x8b3\xf6i\xf4\xd3\x99\x9b\x87 \xc1\xaap\xddR\x91\x19O\x82bDD\xb7r\x93E\xcf\x98H.\x18;M\x8fd\xe11\xfd\xec\x8b\x99\xeb\xc1\xddD\xdb\xed\x16\xe5\x9d\xb3\xdbP|\x83\xfc\xed\xfa\x9d\x0f\x9f\xaf\xde\xa9\xeb\x00\x00[\xd13\xe0Rb\x95\x1a\x8a\xdd.9#"\xdbM\xc9\x0ew\x87b{\x9bK~\xbe\xe2Jv\xa8!u)\'\xb0\xc8F\x97J\x8a\x96\x9d\x02\xd1Wq";\x81\xa7,\xa7\xf8\x91\xf3u\'\xcb_\xd2}[\xc8\xcb\x8bV\xc6ZZ\xd7vQ\xad\xbc\x87w\x1a\r\x8c\xfd\x92\xcf\xda\x8a\xada\xb0[\xef\x01\x00\xb6\xa1w\xc8\xc0\xf9\xfa\x19Q\xb3\x04b\xdd:/\x12}-\x1c6\xec\x93\x05{tU\x0c\xb3\x87\x06\'\xf1\x85\xe1Z\x9a\x02d^\xb8H\x08N\xebg\xf9vZOnY\xfb\xba\xf3\x82\r\xd3B\x1e\x92m|y\nszA\xba\x91\x18\x8c\xda\x14\x9c\x88\x8c\xf9[G\x8a\xf0\xb3+H\xfd\x01\xd8\x0cL\xbf\x12p\xce\xb90\xaf^+\xef\xfa\xb0\xc9\xd4\'\xef\xd2\xda\xa0\xb7UO\xd5\x9e\xce\x86\t\xd6\xe1\xe7GV\xdb\x91N\xdcg\xf9\xde\x1b&gt;4\xd7\x8dVq.\xaa\x1dB/[\x14\xd7x\x9b\xf7\xcd\xfa\x0b\xbb\x0e"\xf3G%\xabd\x1f\x9c\x18p\xbeWN\x07{t%\x86DV)B\x1f\x00\xdb\x82\xfc\x03\x80\x89S\x9f\x0b\xe71\xd9\xf31\xad6\x9f\x1ep\x03\x90\xdf\xc9\xfc\xba\x9b\xa2\xb5\x9f\xf5\x1cs\xe5\xfb\xe6\xcen\xc9&lt; nj\xb6\x15K\x896\x0b}}\xcc\xb2\xe6w\xcb%gi\t\xc9\x92\xc4\xb7;k\x0cTk\x9bW/c\xfa\xf7,\xe2\x12\x00\xc3\xb1\xd6\xaa\x86\x19\xbe\x1e\xc3m\xea\x14\xed\x19\xadi\xa7\xcf\xa99\\7\xd1\xdc\x96 \ts\x9b\xa6\xf9\x807\xf3\xfa\x13;\xcf\xce\xdf\x16\x1f!s\xd5Y\x8f\x1f\xe2\x9b\x16\x9eR\x8d\x8dJi\x17\xb4\x1a\xfd\xa6\xc0)\xcd\xaf\xd3\xe3\x12[\x1b\x00\xc6\xe2\xe2\xe2b\x1d==\x85\xe3\x08\xc1a\xad&gt;e\xa3h\xcfhM;}N\xcd\xe1\x17\x17o\x1bn\x82\xb4\xb04%\xc8\xbb..\xf4\xba/!\xe7\xc2\x98\xfb\xb5Ih%\x95n\xf2\xd5\xb1J\xceJ\x0e\x83\xa72\xcd\xbd\xb8\x88\x8d=\x12\xbe\x96\x15\xd1+2FjyUB\x8f\x15\x19\x00\xb0\n]\x8f\x1cp\x9e\x01\x00\x18\x12\xff\x9c\xbb\x9f\xfc\x15\xa8z\xab$\xdfj2\xc6\xbc}\xfefR-\xffl\xfc\xd9\xb9\xb8vn\xef\x93\xc8\x15\xdec\x99\xf2\xabh\xe9\'-\x00\x00pb`{\x00\n\x94&gt;h8.{\xb4\x19(\x92\x19\xb7\xc4+\xd6\x95\xe3\xa7\x87\x9dK\xcbw\xfb\xd0\x87\xf8_RT\x12\xb5\x13\x88\xc8\x98\x97\xc4o\x94\xd6#\xe9F\xa8bW\x89\xb7\x80\x00\xd8\x07\x98\xab\x00\xf4e\x9f\xf3\x0b\xc7x\x074\xc2\xe3w*\xd8\x91\xe4{\xb5\xbbiO\x9d\x1e\x9c7\xffF\xcbt\x93\xbeH\x13-\xbf\xc2\x92\x9a\x92\x9fW\xbd\xceZ\xaf\xfdY\x0e\x00@G\xf0m\\b\x10\xdd\x00\x18\x84\xfe\x931+\x7f\xebP\xb0b\xb25b\xd0\xdb,\xd7\xb4\xd3\\\x7f\xab\xbc\x9d\xa3\xbc\xd3}\xf7\xe7u^\xce\xc1\x06\x00\x80}\x81\xb9*\x05\x1e\x03|p\x94~\xc2l\xde\xb3\x18]3\xfd\xfc\x90\x7f\xe7\x9e\xabw\x95\xcc8\xf7p\xe0o\xa4\xda\xff\xb7\xa8&lt;\x19c\x1e\x87\xcf\x00\x00\x00\x00\x00`|r9\xd9\xfb\x12\xe7\xa9\xe0\x0cPO\xd6O\xfch\\\xbe#\x02\x00\x00\x00\xc0\x1e9\x8d\x95\x9e\xd1\x8a\xff3p\xea6\xaca\xbbG\xd3\xb1\xbb}7f\xa5\x13\xfd}:\x07\x00\x00\xc0x\x10\x91\xb9\xd1\xe0_\xfd\xb1\xb9\x01\x8d\xec\xdd~.g\x96\x9d\xbcu\xfal\x18\xa7\xc9\xe7\xe3\x96\x99\x9a\xef\xf5j~\x05\x7f+?\x13\x11\x99\x1f\xef&gt;\x12\x16\xe7\xe0\r"\x00\x00\xd8\x0f\x1f\xb4\xb5\x01\x11\x8a\xcb\xed9\xa5t\xa0\x91\xb3\xda\x00\x18\xe5/\xce\xdf\'\xba=.\xdcC\x06\xdfm\xaa\x90\x13\xe7\xbe (\xdb\xd7\xab\x0e\x833\xdbl\x03\x00\xc0\xf9\x82X\xbf/\xce\xb3\xbf\xce3)\xd9\xb2\xc9\x9b;|\xd3\r\xc0\xf8t\xfc\xc8\xf5i9\n\x00\x00\x00\x00\x1b#O,\xb6\xff\xb3\xaf\'\xc8\x19fx\x8d\x1b\x00"2\xe6\xb9\x8a\xf6d\x14m\xfa5&gt;dNp\xb3\x04\x00\x00\x00\x80\xed\xa8\xca*\xf6\x9b\x88\x0c\x9bE\x9d\xc5\xcbED\xf4\x06\xbdf\xae\x96\x94o\xfd%\x9ed\x8c1\xff\xeb\xf4\x87\x07\x00\xe0\xb4\xc1\x87\x99\xc0\xa91dN\xb9\xe9\xdf\x02\xdb\x8e\xfcAi\xdb1j\xc7&amp;\x9f\xc9\xf9\xee\xd6\x99\xf4N\xf9\x13cVz\xd6\x01\x00\x00`C\xb0F\x82\xc1\x99\xbf\x0f\xe7a\rB&gt;I\xcd\x1c\x8b\x9e\x99\xf4\xa3\xaak\xe6M\xda\xed\xb7a\x1a3\xe8\xeew 4\xfcC\x7f\x88\x8d\x13\x00\x1b\x81\x89\x07\x00\x00\x9bp\xfa\xe1w\xe8\xec\xbf`\xd8*f\x8f\xec\x1f\x19\xa7\xd1\x8a\x93\xe2\x12[\x1b\x00\x06\xe7bk\x03\x00X\x81\x8f\xdc\xda\x00\xb0\x17\xd6\xcccN&lt;\xfc\x1eR\xdb\x8b.\xad\xd4\xe8\xa6\x82ak\xf4\xce\xbe\xb3fg\xebRr\x17N\xfa\x01\x00\x00\xac\x81x\xbd9\x8b\x8f*\x82\x12\x18\x03\x8a\x1c\xe6\xe0_mm\xc6\xb8\xc4\x9e\x90\xac&lt;\x02;~\xbf\xa7#\xfcw0\xb3\x00\x00\xfbg\x8c\x87\xb6#\xd802\xf0\x0f\xa8\x00\xc3\x06\xacH\xb8\x94\xac\xbd\xb8\x94\xd5%\xbf*\xf4\x9b1Y\x00\x00g\xc6\xd0/\xb6\x82Qvh\x00\x80s\xe3\xd3\x05e#Y\xf5\x00\xcf!c{\x92\xe3\x92\xb7\xf1\xc3\n\x00\x00\xd8\x1al\x00F&amp;rX\x85\xce\x02\x00\x00\x0e\x1f\x1e\x8d\x96\xecosB\xb0\x05\x00\x9c&lt;\x89h\x88\xf0\xb7-\xbd\xff\xb0\xe59\xf6/v\xbc\x00\x9c\x13\x95\x93}\xd7\xdf\xfa\n\x00\x00|\x10\xe6\xc6\xe3\x03\xf0]\x13b\xb0`\xbb\x8c\xec\x8d\x91m\x03\'Bm@\xa0\xe9_\x04a\x00\xc0\x89\x83\x187&lt;Hm\xeb9\xc7U\xbct~yv\x0e\x01\x83\xb1\xfaG\x84Y!\xd4;\xf8?\xc7\xd01 \xf8;\x00\x00\xf4\xe3\x04\xbe\xc6\x1ba\x1a\xa4\xb88\x89\x11.\xe6"\xfd\xc5\xf5\xd8Nn\n\xd2J\xb3\xee\x94$"\x9e\xc7\x9dBx\xa0\x08\x008_\xc8\x98\xdfYQWK\xed\x15B5V\x83\xbd\x83\x1e\xdc\x9e\xd8w\xb0\x00\xd0\x15\xd1\xdb\xfc_h}\x04\x00[5\x00\xc0\x99\x82\xd8gs\xf5\xec\xdd^\xbe\xda\xdbg\xd1~\xb6\xaa\xd6\x1a\r\xc4r\x0ev\xc6\x9e&amp;\xfe\xc9@6[\x1b\x03\x00\x00\xe7\x0bB\xb0\xd9\x95\x13\xc61u\x1cK6\x05I\xccni\xdb\xb2\xa2\xdf\xab \x1c\xff\x03\x00\x00\x00`\xb3$\xa0Y\xef\xf1e\x1b$1\xfb\x05}\xb7\t8\xfe\x07\xe0\x0c\xc0$\x1f\x9b\xab\x1b\xf3+[\xdb0\x04\x1d\x16$\x8c\xfc\x81\xbf\xed[\xc1$\xbc\xc6\x00\x00\x00\x00\x80&amp;\x90C\x9c\x14H\n\rcO\xb5\x7f/a\x03\x00\xce\x87\xd48w\xa6\x00f\xc4\x1e\xc1\xd7\x80\x02\xb0!\xe7\xf8-\x8a@\x91\x9d.\xba;5{\xe6\xe2\xe2w2_\x06\xba\x16\xfb\xf6!\x18\x9byt\xa5\xc6\xf9\xad\xe6)\xe0~\xc1?\x87;\xe3K\xab\x00\x00\x00lN\xcb_\xb5\xecN~\xa5\x1c0\x93.\x9a\x84\xc3B\x00\xf4\x18b*\x89f\xb4\xe4\xa3\xc0C\xb4\x0e\x00\x00\xc0\xa9\xd1\xf0&gt;\xf7Z+\x13re\x00*\xe9=w(\xfb+\x88\x83#\x00\x00\xf6\x05\xa6\xab\x14xl\x07\xb0\x97\xa2H\x99\xfd\xaca+&gt;\xac8/\xee\xb0\xb5\x01\xe7\xe6p\x19J\x89&amp;K\xc2\xc3\x91\xd4.\xc0\x0f\x00\xec\x90\xc1B\xd8P\xc6H\xf9\xb4\xad\r\xd8\x82\xb1\xc6O\x0eIr\x10/Y\x96Pz\xcc}b_\x89=X\xf4\x00`M*\x07\xff\x89\x05\x01\x838\x00\x00h\x06\x07*\xa0\x02\xfe\x98i\x1e`\x1a\xf9\xfd\x18O\xc3\x15\x0c\xf8\x01|\xaa/\n|\x02\xb2\x8c\x11\x01\x149\xb1\xe6\x00\x00\xb6\x00qdO\x0c\xd5Y?\xd7\xdd\x18\xad\xc1\xd9\xf2\x0e\xd2\xf8\x9c\xfd\x14&gt;\xb5\xc3]\xa0\xce\xd9\xcf\x11\x00\x00\x00c\xb1\xdfei\x1d\xcb\xd5\xb4t\xfaF\xbc\xe9\xf9\xc3~\xfb\xf1|\xc8\xf7\x11z\xf0\x04@\'\x02\x00\xc0\x91\x93\r\x888\xd1\x01"b\x0f\x01\xfe\xef\xeeF\xd1\xee\x0c\xde\x86S{\xdf\x03\x94\xc1w\xde\x03\x00\x80\xcd\xc9\x06\xc4\x8d\x16\xf8\xee_x\x87\xc4E\x97\xd9\x9f\x9d\x1d\xfb\xcc\x9e\xc2-0&lt;X\xf0\xbf\x01\x1d\x9c\x0c]\xbb{\xa5\x07\x9e\xd8\xc6\x00\x00\xc0\xe9q\x1aa\xfd\x9b\xb76\x80\xc5\x97\xcc\x8bh\xcdj\xfa\xe1\xa2\xd2\xc85\x87\x04\x9dr\x9e\xec\xb6\xd3iA^\xf9\xbe)\xa1;v\x08\x00\x00\x9c-\x03~s\xc5h\xf6\xa4\xd0\xb1s\'\x8d\x051\xf0\xd9\x8c\x95\xf9\xb1\xad\r0\xd9\xee~D\x1f\xb1\xaa\x1c\x8e\x12xa\xc7zV\xa00\xce\x07\\k\x00\x00\xe0\x9cAD\xf6!"\xf3opK\x08|\x122\xe74p\xce\x9a\xd4z\xbb\xfe\x8f\x85\xb36{\xf7J&gt;\xa9+\x7f\x89\xf0\x89\x0e!r\x7f&gt;\xc96\x02\x00\xc0F\xa4\xfe\xb8\xd5\xfa\x96\xe8\xf3\xbb[\xb4bo\x8b1\xe7h\xedD\xc6\xc3\xa8\x9cn\x02w\xf6\x90C\xb1t\xb5\x96\xca\x8a\xb5\xfa\xd6U\x07\x00\x00\xa0\x0b5gN{`\x9b&amp;\xec\xeeCr\x8c\xd4dO\xcd\x01[\x83\xd1\xb2@D\x1f\xd1\xfc=\xbcO\xc3\xfe\x10\x00\x00\x00\x18\x1c\x9c\xe6\x02\x00\xb4\x98\xf6\xe7\xdd\x9e\x1e\x80\xb3\xe7\x12[\x1b\x00@\rC~0h4{\xc0\xaa\\\\\\\x18s\xd1_\x0f\x86\x19\x00\xe7C!\xa4\x10\xe1+\x01\x00\x00\xe7\xc4\x80\x1f\xa1\x1brO\x02\x00\x18\x10\xaa\xfd\x1c\xf0;\xba\x98\x03v\xcb\xee\xde&lt;\xe4\x81\xc5\x14\x80\r\xd9\xc7\xf4\x1b\xc8Hl\x00\x00\x00|\x1a\xc2\xc5\xb9\xc5\x99sk\xef\xb9\x83\xd7)\x01\x00E\x10#\x00\xe8\x01f\x16\x18\x83\x9a\\\x10\xa3\xb7\x07\xaby\xd5\xfe\xea$\x1c\xabu\x04\x9f\x01\x00\xbbF\xfd\x95\xeb\x1e\xb1\x06\xf1\x0b\x0c\x0e\x86h\x8e\xd4\x17\xe6"5\xe9\xcd\xe4bi\x9c_\xe1\xa38\xe7I~\xc0\xff}\xfe\xc5\x01\xee\x949t\xf9\xc5\xa1\x13/\xd0\x97\x00\x80\x16\xf0&lt;q7 \xa9\x02\xbb\x00o)\xf4\x87\xf9%\xfa`%Jc\xbe\x9c\xfd3;\x14\xfd\xbe\x0ex\x02\x00v\xc9\x1b\x82\x00\x91\x0f.\x08&amp;{\xe1\x02\'&gt;`\x0f\xac\xf5\xa5O\xe7K\xdd\xe1\x7f\x8b&gt;$\x9dy..L\xb6C0\x1d\x00\x00\xab\x10\x04k\x1c\x17\x01p\x02`\n\x83\x99M\x07\x03\x91\xf9\x07\x8cF1\x97M,\xc4\xdc\'\x00\xec\x07\x05\x00\x80\xee$g\xe3\x08S\x94\xc8&lt;\x81\xf3Z\xe1V\xa6\x0e\xe0"\x05\xf0\xb6\x03\xd8\x17\x18\xae\xa0\x19\x7f\xd5x\xe76f\xec\x8dT\xa2\xcf\xdc\x00\xb0\xff\x02\x1a\x00\xa0?\'\xb0\x1d\xdf\xa6\t\x7f\xd7[\xe9\xabz\n\x07\xbb\xa3}\xb0\x8d3\xcd\xc7\xb1\x04\x9c\'\xd7\xd8\xda\x80\xb1I/m\xe9D\xffn\x87y\xfd\xea\x9d\xa7\x13\x00\x9c\x0b\xfc\x0f\xee\x9c\x19,\x87t\xf6\x1b:\x05\x9c&amp;\x088\x00\xec\x14$\x0c\x00\x9c\x08\xc7\xc9\xfct\xcc\xe7\xd5X\\\x8d0\n\x8c1\xd8\xe9mHi\x0e\xa2k\x86\x05o\x92\x00\x00@\x1b\'\x93\x86\x9e\xdb\xc9\xc4v\x8d=#\'\x83A\xe81\xda\xcf-b\x9c\x1a\xca}\x17\xff`\xab\xaa\n\x00\x00\x18\x8b\x13\x89q\x9d\x0e\x84F\xcd\x12\x8eV\xe5lS6\xfb\xd3U\xa5\x01\xb0-DDC|\xd5\x01\x18\x02\x8c\x04\x00\x000c|\x05\x90\x90Ni\xfaq\x03p\xc5\xd1\x1c\xc2\xfa\xbe\x85j\xd1u\x15\x01`\xb3\xfd\x18\x1buo\x7f\xf2\xb4\x9c\xd4&lt;@\xa8\xc8\xfb\xa1\x02\x8c\x10\x00\xc0\xa9\xb1\xb3\xc5o_\xd6\xee\x17\xe6W\xb9a]\xdc\x1dDd\xcc3\xb7\xb6b(v\x16\x03O\x83\xf5\xf7]\xd3\xa3\x9eNJ1\x84\x00\x00`Uv\x97\x83\xf6\xb6\xf6\x89*R\x8e\xcbs\xf6\xcd"\x1c\x9d\x9e\x13\xcf\xdf\xda\x80~\xfc\x0c{V\nF;\x11\x19\xf34-iJ\x8c4[\xd7\x8f\x1e\xc5\xb7%A\x1cz2\xcez\x00\x00\xc3\xb1\xd2*\xf2{\x8aZ\x0e\x07\xe7\xe3\xafC\xf9\xfc\x1e\x7f\xc9\x05\x9c\n=_\x1a47N\x17\xb9i\x0f\xbd\x00h\x13\xc6\xf9\xda)3\xfc\xaa\x07\x00\x00\xba8\x01\xf4\x9b\x11\x04\x018u\xf0|\xacD\xca9p\xda\xb0L]S5\xb0\xf1\xe7\x86\x00\xd8\x01\x98\xa2\xda\x9c\x98?\xf9\xcd9\xb1\x86+\x83\x8960\x8dO\xb7\x88\x88\xcc\xb7\xe2\x11\x99\x0c"\xba/&amp;\xc5\x89\x82\r\x00\x00;\x00S\x14d\xc0\x9b?z\xc0\x8d\xa7\xc8#i\x83\x17\xdc\x81\xcb^\xde\xb4&lt;\x13\x90\xfd\x03\x00\x00\x00k\x80\xb5v;\xe0\xf9&lt;\xfds\xc1{\xcf\x9fPB_\x0c\xc2W\xe1\x03\x00\x00\x8cKKDF\xb6\x01\xc0``J\x82\x119\xdb\xc3\xe0\xfd7\xf9)\xfc\xa2\xfbo,\x00\xe7\xc4\x8eg\xec\xfc\xfdnW\xdfm\x13\xc0I\xb0\xe3I\x04\xc0\xc6\x9c\xf8\xdc9\xab\xe0\x807E\x01\xd8\x0b\xf3\x91\x8c;c\xbf\x02\x13\xf8\xdcA\x1c\xe73\xd2\xb9\xe6 f\x80#\xc3\x0c\x8c\xcd\xe9\x1bOF\x9a\x83g\r\xa3\x17\xd0M\x00\x80\x13\x07a\xee\\\x18\'\xf9\x18\xc4\x0cM^\xb1\xef\x16\x9d`\x8fT\x12\xf7\x83\x86\x7f\xe8\xad\xc3L\xc0\x04#\xdb\xb6\x05Cw\x16\x00`\x07\xdczk\x03\x86\x05\x1f\xeaX\x198\r\x8c\xc98\x99\xb1\xd8\x0c\x9e\xe5\x83\xb4\xee\xac\xb8\xdf\xd6\x06\x00\x00t\xc0\x9b\x1e\xe7\x00\xba\x18\x80M\xc0\xd4\xabb\xf4C\xfds\x06\x1b3\x00\x00\xd81\xe9\x00\x8du\x17\xc4\xf9#\xac\xebrl\x8f\xbdq3+v\x89\xee`\xc3\xd0]\x8dg\xc3\xdb\x00\x00\xb03\xf4N\xdd\xb0\x00\x00\xe00\xcegE\x8a\xa8\xda9D\x93\xf7\xe2y\x00\x00X\x0f+2\x9e|\x88\xfc\xa3\xad\r\x18\x9d`\x99\xac\x1e\x12\xa7:\x96&gt;nk\x03\xc0~aN\x8a\x9d\xcc\x1dnJ\xfd\x1d}\xcd\xd8\x96N\xfb\nlW\x00\x00\xab\x82\xa0\xb3\x16{9\x8e\xc2\x97\x81\x96\x80s\x00\x1f\x8c\x96\x13c7\x8ft\xd6\x02\xde\x00`\xaf`\xf6\x02\xad\'\x00g\x02\xfc\xb33v\x9a\xb1\xf5\xdc\x8a\xf3\xc5&amp;\xfen\x8cX\xce\xa9\xa0\xdc)\xcf\xd7\x13\xb5\x15\x84\xaf\x15\x01\x00\x00pr\xec3w\x046\xdbn\x00\xb4\xf3\xf8vi\xc4\x93Cs\xf6\x9fq`xk\xa7\xdb-\x1e\xa7q\xfc\xffzS\xea\xd6\x89\xd3h/\x00\xe7\x8e3\x8dw\xf4\xd14\x006\xe3\xc68\xd9\x02-4\x0c\x9e\xce!\xfa\x8aD\xd9\xcd\xad\x93\xfd\x1f\xd7\x0b\xa7\xfc\xd1\xbc\xf0\xf9@P\xf2t8\x99E\x93\xb1)\xfd)c\x08_\xcc\n\xc0\t\x12\x0b\xe8\xc9\xb2R\xd9\xfe\x85\x7f\xde$\x82 l\xe5\xc0\x0e\x10\x00\rrG\xe3-S\xac\xb2:\xbb\nG\xbe\xbf\x03\xf0\xca\xff\x87wk\x84x2\x88\x19\'@\x8b\x1b\xd1\x05\xdbp\x89\xad\r\x00\xbb\xe2\x1f\xcbE\x88*\x8e=\x9c\x83"sya\xedf\x90\xdc\x02\x00\xaa\xb1\xd3Y"2\xe6/\xc5\xe9\xf8-[\x03\xd0\xc5\xc5\xc5\xc5\xc5EE5^92\xc6\xc8\xa5\xbb|\x80\xaf\xbbQ\x9e\x12\x83\x98\xb1wZ\xdcx1\xbff\x86O\x8f\x000\x02\x1fVW-\xb1\xf2e\xbe\xe5-2\xe1\xcf2\x1f?\xc3&amp;\x03p\x1a\x90\xf7\xf3)=1c\x9e\xd9\x87\xc7\xff\xb6\x07b\xb7N\xc4?\x80\x05oF\xc4\x9f\x1d\x19\x83\xd1\x02\xc0\x0e\x90\xae|\'\xb3L\x9e0\xe8#\x00\xf4\xd8\xdb+\xef4\x7f\x08\xb8XpI\xee\xbd\xa0Qx;\x08\xb42\xbe?\xf9\x9d\x1e)\x89\x01\x03\xc0.\xc0D=!\xb0Z\x03\xa0\xcc\xc9\xce&amp;\xefh\xdf\x8d\x1b^\xf6\x7f\xd7M,\x04;\x01\x1b\x00\x00\xd6\x05\xa9\x1e(\x82\x11\xc2\x07\xbe\x02\xe7E\xb0\x01H\xbd\x05\xb4\x91}\x00\x80\x05|\x08\x18,\xd4|\x86\x0c\x9c\x19\':H\x90\x91\x00\xd0\xcc1:\\8\xbf\xf5\xe4\x93\xc6\xdeK4\x7f\xd4a\xe8\xd6\xc5\xf0&gt;\x0c\xb3;\xfb\x018c\xbc\x03\x9b\r-\x01\xeb\x83\x1eWe(g\x0ee\xcc\x190\xee9\xf7JV\xcd\x9f\x04\xe8\xf9\xf6\xff\xa7\x8d\xea\xe4#Dd\xcc\xaflm\x85Yq\xfa\xcf\x8a\x88\x8e\xdf\x1b^\xee\xf4\xc1;\x11\x80\xf3\x04;\xf8\xf3\x02\x81\xf8\xd4A\xff\xae\x00\xf7#\xb3\'O\x90\xf7\x8f\xb6\xa0\xf4\xfe\xc3U\xa3\xb5\xb7;\x8b3o\xce\xdd\xf5\xe1\x950\x00v\xcb\xafv\x8aq\x88\x08@\x05|\xa5\xb4\xcd\xd96|m:\xe64\xfb\xc9\x96\x9c\xfco8\xb3\xe9[\x16\xc3F\xb3\xad\xc8\xb0\x06W\x18\xb6G\xff\x03\x000u\xbb\xc1H \xe0y\x0e\xf0\x92\r\xbc\xb1ovv\\z\xb4\xf6\x81[\xdb\x01Vc?\x83\x13\x00\xb0\x16\xbb\x89\x0b\x83\xac\xaf\x83\x98\xb1&gt;g\xdbp\x1e\xb7k\xa8K\xe6}\xf0\xed.\xc8\xbd/\xb1\xa6\x1d\xe7\xc0\x89\xb8t\x88V\xe0@\x10\x00\xe0\x807b\x01P\x81\xae\xd0\xb0\xcc7\x7f!\tX\x9d\x97Wv\xd9\x8a}\xbd\xfb\x11u\n\x1b\x00\xe1\x1bV\xdd\x86\xc7\xfe=\t\x00\x00;\xa71\x10#\x8e\x0fA\x90\x9a(.\xdb\xe8\xe2S&amp;\x96\xd4v\xe9\xf1S\xc8\x9eO\x81w\x88J\x0f\xf9\x91\x0c\x00\xc0\xde\xe8\xb6\x00&lt;\x17KK5{v\x1d\x9e\x17E!\xedC;l\x115\xf9\x99\x1d\xcc\xb8\xf1-\x04\xe7C~4b\xac\x02\xb0\x07z\xe5\x9a\xdf\x89\x10\xd0\xc2\xde\xbd\xb7w\xfb\x0f\xa8\xb5\xa2\xf1\xa3\x9f\xf2\xf3`|\x00\xfd\xf4\xe8\xdde\x18\x12\'\xc2\xe5\x88\x8c\xb9\xcf\xa6&amp;\xe0\x01\x05\x00\x9b L5\x8a\x85\xdbw\x08{&gt;\xcf&gt;\x01N\xd2\xf9\xbbkT\xb5\xc14\x7f\x17\xa3u\xf1s\xf2\x021\xe3\xc0\xc9\x81!\xbd#\xc8&lt;\x16\xfd\x05\xc0\xf0\xe8\xe6\n\xc8&lt;F\x03=\xb2s\xec\xbf\xc1$\xa8S}\x17\x00!\x18N]\xb9\xc2\xd6\x06\x00\x00@\t$\x16\xa0\x0f\xe7\xfb\xed7\xc5?\xc3\x99\xa9\x94\xb9\xddn\x18\xe8\xc6\x0b\x8d\x11?\xc8\x95\x80\xde\xb7\x19\xc6\x1bM\x9f\xeb\xa5\xc4\xcf\x00\x00\x90\xe1o\x83/*\xf9w2Uo-\x0f\xff5\x85\x88\x92\xc3rV\xef\xac\x8bfV\xcd\x9c\xaaxh\x00\xc6\xe20Bzt\xe2n\xb6\x7f\xd7\xec\xafb/\xae(\x80-=\x00@\x17iL\xb9B\xf9\xbb\xc9\xa8rk\x01N\x9d^\x1b\x80\xd3\x1ei\xa9\xd6a\x8a\xf5f\x1d\x0f\xf7\xd2r\x16c\x83\x8c\xf9\x03%Q7W\x92S\xe4\x99\xa5\x02\xe7\xd0q\x00\x80\xfd\xc1Y\xab\x10\xbfR\xe0\xeb\xe1\xc1P` \xe5Y\xe3\x01\x0b\x1e\xe3\x00\x00\x00\x00\x1c\xb0X\x825\xc1x\x03@\x82\xbf\xa5\xc1\x0crP{\xe0\xa3#\x07\xbd\x03\xc0\x19\xd3\xfb1\xf7\x90/*\x0ch\xd2\xee\x19\xb2\xa3\x07\xe3\x9f\xe1\xa2}\xb1\xb7\xfe\xa2\xcd\xffH\xdf\xde&lt;\xb6W^6\xbd\x8e\xdb\xfe\xe7\x02g\tx\xab\x10\x00\xa0\n/\xa6\xac\x1aw\x10\xe6\xfaP\xf6\xeaZ\x7f\xdf~\xc4\xfe\x1d\xef\xad\xfd\xd5^&gt;\x19\xaa\xd5`\xbf` \xf9h\x86\x94\x9a\xaf#\x03\xdd\xb9\xc4\xd6\x06\x00P\xcf\x85b)%.V\xd5\xd6\x9b\xad\xe2u\xa8\xb7\xec\xd6\xc7\x99u\xbc\x7fR\x1d\xdc\x8d\x8b\xb5\x1c\x85\xee\xa8\x06\xd9\xd8\x81\x83\x1f0\x90|.t\xc2)\xcd;\x896q_\xa6a\x0c\x00`-\xbao\xfaq\xa2p\x92\xdc\xbd\xee\xfc\xf8\xcc?D~\xda\xad\xdb)\xe8\x14\xb0/\xe6\x17\xbdt\x86.Y\xa8\x08\x04\x00\xec\x83U\xa6=\xc2\xca\xe9\xd1\xb9O\xb1\x14\x015\xf2c\xe9\x0cG\xda\x196\xf9\x94 \xf3V\xcd\xf7\xf7\xdc\xec\x1fc\x03\x80sB\xbe\x01\x08\xcbg$\xe0\\\xe1\x14A\x9f\x82\x13a\x17#y\x17F\x82\n\x86\xea\xd9\xf6L\x00\x00\xd0\x97\xadg\x9d\x9b\xfc\xe1\xd1\xe1\xf8\xa0\x83&amp;V\xf6\x83\xd6W\xf5=ZC\xce\xea`\xd4\xa9Q\xef\xc9\x8b\x93\xfaS\x03\xbbn\xc8\x87\xc5.\x8e\xd3\xa2\x07\x8fd\x0c\x00@@\xfd\xf7\xab\x9c\xf3\xfb\x7f\'\xd0\xf0\xb4\xfd\xfbn\xd7\xceQ~CWE\xd4\xca\xec\xd4\xec&gt;\xbc\xc5\x98+\xb2\x0bk\xceh\xfc\xad\xb14+\xbb\xe5\xf2\xeb\xaaS\x07\xa3\x08\x80\x13\xe3?\xcf\xf8\x03@;k\xf8^\xec\x04\x9a=\xb5\x9f\xf1\xe9\xb1\xa3\x99\x05\xce\x91\xb5\xc6\xe7G\x1d\x8e\x03\xd6\xfa\x12d\x00\x00`Q\x17\x8fN\'\x8a\xed\xeaxl\x08;\x91\xd5\x95\xd8\xd1\x88\xea\xc8\x7f#\xdd\xe9\xc7\xb5\xe1\xd8\xf3\xe1{\xb76\x00\x00\x00\xd2\x10\x911o\xdc\xda\x8a(\'\xb0R\x9e@\x13\xc0\xd9\xd1a\xa3\xa8%\x10\x13\n\x8c\xc76or~\xd8\xe1\xd1\xc4\xdfk\xccV\x9c\r\x01\xb0\x02=\xbe\x7f\xbd\x89\xe9E\x1a\xcc\xffj2\xefKP\xcb\x07&lt;\x00\xd8!\xd1\xd1\xae5\x05\xde\xa9$\xa7+/\xde\xda\x00\xb02\xa9\xe1\xfd\x01}\xb5\xea\xbd\x07\x8b\r\x00\x00\xdd\x19p\x9a\xed\xeaM\xfa\x9d\x02\xf7\x9e\x02\x98&amp;\x0c\x9eOD\xc6\xdchk3\x00\xd8/\xac8\xe3\xfe\t0fhJ\x16Cp\x03\xa0;\x9b\x9c\xb5\x13\x911\xdf\xb8\xb2\xd2\x83\xe2\r\x94\x82\x958\xbb\xce\xc5\x07\x01\xcb\xe04\x01\x9c_d\xd8\x06\xbd\xbf\x01\x8cC@\x00\xd6\xe0\xcc^\xb6\xe1\xb7\xf4||\x02\xf6\x8a\xcaB\xabb\xc9\xb0l\x1a\xdfN\xdc\xb7\x00t\xe3\xac\xd2\x12\x00vI\xf7Yz\xbe_*z\x06\xa0gA\x7f\xde\xbd\xb5\x01\x1e\xe3\x0f\xf8\xf1-\x04\x00\x00\xb01\xcaKE2\x1dD\x9ax\x9a\xcc\x1b\x00\xf4/8m^r\xf8\xdf\x9ew\xbcg{({^\r\xc7\x8b\x85\x00\x0018\xd0\x05r0`\xc0\x19\xb1\xe3\x08\xb9\x8d\xe5\x14\xfc0\x0e\xf5\xeb]\xb77\xd3t\xbe~g\x8cQ:\x82\r\xa7\xc6%\xb66\x00\x9c\x1e4\x87\xc2\x8b\xadM9{\xc8\x98\xfblm\x83\x08\x0c\xdb]\xcc~\x00\x00 \x00IDAT\x19pF\\\\0\x06\xfc\x10\xe9W\x00\xc7\xf2\x0eZ\xb7PZ\xc0}/\xb5\xa6\xb3..L\x9f\xa6Ee\x8e6\x9c2\xf6\xd8\xfb\xbd\x11\xbb\x1e\x00\xe0!\xfd\xe6/\xd0\x0ft\x01\x10\x81\x013 \xf1N\x19\xe3\\\x16X\x9fL\xdbG\x8f\x8c\xf6\xa7~\x92/\xfab\x84\x03\x00\x06g\xdb\xa7\xd2\'\x10"w\x16\xe8o\x8f\xcd-h\x80b\x98\xc7\xa7\xfe$_2\xad\xdc\xd7\xac\x19\x89\xaf\x0e\xe7o\xdb\x89\x15\x0e\xbcZH\xff\x91J\x8cp\x00\xce\x0fL{\tDf\xdcl\xc0\xde\x1d%\xf3\x98a^3e\xb1/k;p\xcemo"\x9a\xfaG6\x03\xe9\xfa\x87y\xf4\x05\xdc\xe1\x87\xac4`y:M\xde\xe5f\xa9\x9e\xcc3\x8f\x12Rb[_\x00\xc0\xb9\xb1\xfd\x1bD\xe3\x06\xeea\rKA\x7fHd\xbd\x15\xe6\xdf\xcd\xe4=C/\x9f#\xdb\xd6\x9bsn{-\xcc\xd4?\xbf\r g*\x95{a\xad\x19\xb4\xd3\xf1\xa0iv\xd8e\x1b/a\xfb\x03\xbe\x02\xe0\xccHg~[f\xff\xd1#"\xd0B&gt;\x17\x89\x8e\x81\xc2i(\x00\xcd\xac0\xc0\xdc\x9c&gt;6\xaa?\x95\xbb\x01\xb0\x85\x86\x97l\x8dZ\xb6\xf3J\xa9\xa8\xdb\xf7L\x8f\x9enl`\xc7N\xc0\xee\x08\x00`\xc6|\xcf\xcf\x8a\xe6O\xd9\xd2\x8esg\xc4\x81q\x12{\x92C\x13\xee\xb1\xb1\x15\xa7\x0f7\xa1\xe7?\x04\xc8\x08\xb0\x7fi\xb0\xd9\x11\xaa"\x87\xa3j\'\xc2E\xa2N P\xf4\x03\xce\x01\x00\x00\xa0\xc4j\xa7\xb9\xbd\xb5\xa4T+\n;H\xd4\x13\x08|\xfcT\x9e\xe5\xed\xaf\xad\xdc\x06\xf8\xc5v\xd7\xb3\xe9\x8f\x81\xb6\xf3\xd6\xbc\x90\xde3\xbaB\xf8\xeb\xd5\x8d\x18\x8e\xa7\xa7^f\xc3\x93\x01\x00\xce\x80\x8d\x12)\x04\x97\x03\'\xe8\x87UF\xd4u\xfa\xab\x88\xd2\xe1A\x99\xce\xa7\x1eA\x047}\x17zI\xbe\x07\x90\xec1dfh\nL\xa8\xe9\xaf"\xa7\x1d\xc3\xd8eUW\xd4\xcf\x11\x00\x00`\xb0vD[S\x1d\x00z\x88\x87.F{\x8a\xaa\xd7x\xa2\xb5yr2\x05\x1a\xfe6msf6\xe2\xeb\x9d6\x0f\xd8,\xfb\xdf\xda-\xb1\x9e\xad\x1a\xaeM\xc3#1\xb6\xb7v\x0e\x00\x00T@\xd3\xe7\xfc\xb66\x04\x18cN\xf8-\x97\xd5\xda\xf5\xae\x86\xba\xbbv~\xbd\xf1N\xd6^\xf5\x15\xfe\xe2\r@\x9a\xfb\xd7U\xec{.\xbb\x87\x81\x91\xf4\x1b\x19\xf3\xffJM(\xf4W\xa2C7&gt;\x08_\xf9a\x88|`\xefa\xd8\x00\x00\xce\x18\xb2\xfe\xed\xaeH-^/\xdfz4Z\x90\x1d\xc0\x9e\x93\xddE\x80\x0c\xf5s\xc1\xcd\xda\xc9\xbb\xcez\xed$\xfe\x0c`\xa5q\x185\xfe\xdc\xe8\xec\xed\xa8oGp\xf8\x1dW\xd3$\x1f\xd2\x9b;\x07\x80\xd3\x07\xd3l/\x9c\xc3\xa3\x86a\x1ax\xc3a,\x89P\xf3\x9e\xc9\x16J\xcf\x02\'e\xff+\xf2\xae2v\xda\xbf\x9e\xc8\xff\xd7K\x10W&gt;\x0c\xde\x8a\xb4KG\x7fyI\x15\xb7\xa5g\xd4p\x00\x80\xcb\x14\xf7\x7f\xa6\x93\xf8&gt;b\xb5\xd9\xc7\xe9W_#{d\x00\x152\x87HDN\xf0@\xf4\x94\xda2\x10\xa9c\xfb\xe5\xd7\xf2xN\xe5\xffkvY\xad:\xb5i\xb2\xe1\xf8\x1c\xf3Y\xe8Z4|hD\xd7\x10\x00\xc0\xdaL\xd3\xb8K\xf2\x87\x18q\xf68oDp\x86\xd9\x08o#\x8c`\x836\xdf\xb6\x9d\xeaSr\xa3\x8f\x9f\xb2\x13\xc5/\xe6"af\x03\xb0\xea+\xda\x9cR\xb1z\'6S\xfa\xb1\xae\x97\xca\xfd\xf2\xd3\x8c\x9dO\xf8J\x9b\xffsP\x1e\x83\x01\x80\xdd@g\xf6\x00\x14\x0cM\xfa\x04t\xad!\xba\xe4^\x98\x14gE]w\x977\x00\xf9\xdc:\x99\xfe\x97*\x8e\x81\xf8\xfc\x88\x88\x8c\xb9\xfe\\\xa5C\x1b{\xcd\xdc=t\x87\x0c\xc6\xe6\x8d\xcc\x1d\xc9\x18\xba\xd9n\x06$\x00\x00dA \x1b\x9c\xf5O@m\xe5;}\x05\xa8\xcaf,\xea\xa6\xdd\t\xde\x99=?\x8f\xcfg\xff;\xe9\x1a\xa9\x9d\xd4\xf7\xb9\x01\xdf\x18\xe1\x9f^V\xb2\xf9!\xcd\x12\x8c1\xc6&lt;a\xa87\xaf\x04Ow\xf7\x18Z\x01\x00\'\xc3^V\xd6\xd3f\xdc.\xd8O\xee\x95\xe7\xba\xbcbW\xe8k\xc5\x0e\xa0\xc6w\xd9\xbd|\x9d\x9d\xc7\x17\xf3\x7f\xa9U\xaf\x8cj\x11\xb5EN\xcd\x03d\xed\xf9Uc\x80\xc8\x86\xd5b\xc2\x07\xf8Z~\xa2\xa7\xb6U\xa3\x1c6\x00\x00\x804\n\x11\xb6 \x81\xa8u\xb1\x07\'\xcf\xa9l\x00\x16\xea\x9bsZ~H\xd0\xdaF"2\xf7$\xefJ1\xdd)\xa7\xff\n\xe3p\x95X\xb7\xe5 Y\xedm\xbds\x98\x08\xbd\xc1\xab\x95\x00\x80\xcd\xc0\xf1\xc3)\x92\xe9\xd3\xaa\xd4\x84\x88&gt;r\xc7\x89o\xe4Dv\xb3\xfd\xcc\x8e\xdd( \x8c*\xc5\xf4\x9d\x99\xfd\x0f\xb6\x11u\x9a\xb9\x87Xz\x17\x15)\xe3u\xc4\xc8\xdc&amp;q}\xfc\xd1\x02\x008S\x10\x9bF\x83\xfdj\x81\xf6\xf2|\xdd\x1dd6yB\xe3w\xdd\x9c\xf1\x89o\x00r\x15X\xa9\xff\xca\x1f|g\x95\xb4\xebt3(\xae[VZi\x13\xa5\xbc\x13\x1bq_\x07\x00\x00\xc6\x983\xfc\x80\xec\xa9F\xe4\x9a\x16\r\xe4\x04a\x0e\x94)V\xf3\xd1Xa\xf9M\x10\xb5k\x17-\xda)W\x8b\x07\x90G\xe6\xc6\xe4hg\xffc\x07\xc0\x1aohy\xf2\xce\xa7\xba@p\xd9\xfbi\x08\x00 \x05\x91\xb9\xac\x1b\xdd\xce+\xd2m\xb3\xdc\x82\xf5`u\xee.{\x7f\xa7\xe3v\xa7f\xa7\xa8H4Y\xe9\x7f\xbb\x8b~RfO\xab\xba\x98`aI\xe5O\x06\x9fvl\xdf}\xd3vm&lt;\x00`\xeflu\xde6\x00\xe7\xd6\xde\x93\xe4_D\x8b\xe8\x18\xe3\\e\xbam\xde\x8a\x05v\x0c\xf9\xfdX\x8dL\xf6\xbff\x1b\xbb\xea\xe2\x08\xbff\x0f3$#\xadeL6vVe\xdd1\xa6s\x03\xc9/\xe4\xd8s\xa3\x00\x00{b\x83\xe5\xf6\x9c\xb8\xf4\n\xf1\x1d}\xc7b\xb3\x8c\xc1Q\xda\xfeM cu7\xfb\xd8\xfe\xd0\xea\xdb\x1es\xcd\x81\xb2\x7f\x0e\x9dw\x08\xcb\x1f\xa4\xd7l{a\xb4\xdf\xc7\x19\x96/Q\x99\x1a\x85\xbf\xfa&lt;qc\xbb\xcc[\xb8\x92\xfd\x0b\x03\x8e\x13\t\x83\x0eu\x00@\x17R\x0b$\x19C\xffs\xd7\x87\x19\x80\xc3\xf0]\xbc\xc3\x13\xb5\x1d\x9c\x02\x12\x911\xf7\xb4~\xab7\x98\x98\t\xd6J\x1c3\x18v\xfa\x1e)\x1c\xc9\xfe{4\xb0\xea\x13A\x87\x9er\xda\xd5\xe7M!"2\xe6a\xa7\x91\x0e\xf6h\xc5\xee\x0f\xfb\x93\xdcjk\x03\x00\x00kq\xba\x81lw\xec\xa2\x17\xd67r\x17n\x99\x18\xf7\xc0\xd8\xc5\xb1\xb0\xd6\xd4\x11\x9b\xb9D\xb3\xd8)~\xa40\x87*\x1b\n\xb5"b9\x8a\x0ee\x10\xb4etx\xc2Y\xe9\xff\xccF\xf4\xf0\xef\r*-\x02\x00\x80\x1aF\\\xc8\xf7\xca\xcf\x8e\xb20\xdf{K\xe5\xa38aU\xdc\x94\xb1\xb3\x07\xd4&lt;\xfcz%9\x83\xe0d\xc6\x85\xb4\x9e\x95\xfa\x931\xdf"\xb6`\x9f\tz\xad\xcd\xe2\rR\x95\x96\xa1\xe8\xf7P\xe8\x04\x9c\x03\x00\xe8\xc1XO\xdb\xc18\xec"\xe1\x18\xdf\xc2v\xde\xbfj\x03@\xd9_\x8b\xe5\xcf\x87\xe3\x0b0\xd92\x8fYJ\xb7Q\xe7g\xab\xee\x88\xf9\\\xae]\ro%\x9d\r\x87\xc6\xbemc+\x00\x00\xe7\xc7Y\x85\xda&lt;\xb7\xdf\xda\x80Q\xd8\xcf\x89c\xea\x0fR\x9e\x14\x15\x89cu\xae\t\x8a\xb4m\x00\xa2\xbc\x97\xa3u\xfaw\xc0nU4i/\x91g\xe6s\xb66`/\x8c9t\x01\x00\x1dI.\x81\xb1@\xdf\xf4\xb5!\xbbZ6\xc6d\xef\x0e\xc4\x1a3,\xf2\x97:\x86\x9f\xce\xf2\xec?\xff\xbav\x99?\xa9z`\xdb\x1e\x18k%T&gt;\xee\xa8\xd2u\xc2&lt;jk\x03\xa4\x84=\xf8\xbc\xbd\xed\xeb\x00\x00\\"k\x1b\xb9_.\x11\xee\x01\xdc_\x11\x1a\xb6\'\x9b\xa3\x00\xb0-\x83\x8f\xcc\xc2\x97\xff\x18\xf3\xb1:ZDYTp\xec\xd2\xcc\x93R\x9a\x8c!cn\xa8\xa7\xa8?C\xa7\xa4\xc3\x1a\xc6d\xef\xf6\x03p\xca\xc4\xe7\xa7V@\x94\x9e\x8d\xe1x\x80\xcd\x8b\xbbI\xee\xd7\x05d\xccw`I\xd8\x1f\x98\x92U\xc4"\x9b\xc2\xd6\xda\x12%6\xa4Q\xb5-1}\xdc\xb3\x83\x876&gt;\xc3\x1a\xacw\x16\x93\x1d3\xa36\x1f\x00\xb0;\xea\xf2\xfeN\xdb\x00\xf9z9*M&gt;\xe1\xd6\xed\xb3\x07s\x9e\x02i\x0b\xef\</t>
        </is>
      </c>
      <c r="E38" t="inlineStr">
        <is>
          <t>&lt;class 'numpy.ndarray'&gt;</t>
        </is>
      </c>
    </row>
    <row r="39">
      <c r="A39" s="1" t="n">
        <v>37</v>
      </c>
      <c r="B39" t="inlineStr">
        <is>
          <t>steps_per_sec</t>
        </is>
      </c>
      <c r="C39" t="n">
        <v>500</v>
      </c>
      <c r="D39" t="inlineStr">
        <is>
          <t>2.5919254</t>
        </is>
      </c>
      <c r="E39" t="inlineStr">
        <is>
          <t>&lt;class 'numpy.ndarray'&gt;</t>
        </is>
      </c>
    </row>
    <row r="40">
      <c r="A40" s="1" t="n">
        <v>38</v>
      </c>
      <c r="B40" t="inlineStr">
        <is>
          <t>Loss/RPNLoss/localization_loss</t>
        </is>
      </c>
      <c r="C40" t="n">
        <v>500</v>
      </c>
      <c r="D40" t="inlineStr">
        <is>
          <t>0.047726482</t>
        </is>
      </c>
      <c r="E40" t="inlineStr">
        <is>
          <t>&lt;class 'numpy.ndarray'&gt;</t>
        </is>
      </c>
    </row>
    <row r="41">
      <c r="A41" s="1" t="n">
        <v>39</v>
      </c>
      <c r="B41" t="inlineStr">
        <is>
          <t>Loss/RPNLoss/objectness_loss</t>
        </is>
      </c>
      <c r="C41" t="n">
        <v>500</v>
      </c>
      <c r="D41" t="inlineStr">
        <is>
          <t>0.0072102183</t>
        </is>
      </c>
      <c r="E41" t="inlineStr">
        <is>
          <t>&lt;class 'numpy.ndarray'&gt;</t>
        </is>
      </c>
    </row>
    <row r="42">
      <c r="A42" s="1" t="n">
        <v>40</v>
      </c>
      <c r="B42" t="inlineStr">
        <is>
          <t>Loss/BoxClassifierLoss/localization_loss</t>
        </is>
      </c>
      <c r="C42" t="n">
        <v>500</v>
      </c>
      <c r="D42" t="inlineStr">
        <is>
          <t>0.384065</t>
        </is>
      </c>
      <c r="E42" t="inlineStr">
        <is>
          <t>&lt;class 'numpy.ndarray'&gt;</t>
        </is>
      </c>
    </row>
    <row r="43">
      <c r="A43" s="1" t="n">
        <v>41</v>
      </c>
      <c r="B43" t="inlineStr">
        <is>
          <t>Loss/BoxClassifierLoss/classification_loss</t>
        </is>
      </c>
      <c r="C43" t="n">
        <v>500</v>
      </c>
      <c r="D43" t="inlineStr">
        <is>
          <t>0.17579712</t>
        </is>
      </c>
      <c r="E43" t="inlineStr">
        <is>
          <t>&lt;class 'numpy.ndarray'&gt;</t>
        </is>
      </c>
    </row>
    <row r="44">
      <c r="A44" s="1" t="n">
        <v>42</v>
      </c>
      <c r="B44" t="inlineStr">
        <is>
          <t>Loss/regularization_loss</t>
        </is>
      </c>
      <c r="C44" t="n">
        <v>500</v>
      </c>
      <c r="D44" t="inlineStr">
        <is>
          <t>0.0</t>
        </is>
      </c>
      <c r="E44" t="inlineStr">
        <is>
          <t>&lt;class 'numpy.ndarray'&gt;</t>
        </is>
      </c>
    </row>
    <row r="45">
      <c r="A45" s="1" t="n">
        <v>43</v>
      </c>
      <c r="B45" t="inlineStr">
        <is>
          <t>Loss/total_loss</t>
        </is>
      </c>
      <c r="C45" t="n">
        <v>500</v>
      </c>
      <c r="D45" t="inlineStr">
        <is>
          <t>0.6147988</t>
        </is>
      </c>
      <c r="E45" t="inlineStr">
        <is>
          <t>&lt;class 'numpy.ndarray'&gt;</t>
        </is>
      </c>
    </row>
    <row r="46">
      <c r="A46" s="1" t="n">
        <v>44</v>
      </c>
      <c r="B46" t="inlineStr">
        <is>
          <t>learning_rate</t>
        </is>
      </c>
      <c r="C46" t="n">
        <v>500</v>
      </c>
      <c r="D46" t="inlineStr">
        <is>
          <t>0.01999975</t>
        </is>
      </c>
      <c r="E46" t="inlineStr">
        <is>
          <t>&lt;class 'numpy.ndarray'&gt;</t>
        </is>
      </c>
    </row>
    <row r="47">
      <c r="A47" s="1" t="n">
        <v>45</v>
      </c>
      <c r="B47" t="inlineStr">
        <is>
          <t>train_input_images</t>
        </is>
      </c>
      <c r="C47" t="n">
        <v>500</v>
      </c>
      <c r="D47" t="inlineStr">
        <is>
          <t>[b'1024' b'1024'
 b'\x89PNG\r\n\x1a\n\x00\x00\x00\rIHDR\x00\x00\x04\x00\x00\x00\x04\x00\x08\x02\x00\x00\x00\xf0\x7f\xbc\xd4\x00\x00 \x00IDATx\x9c\xed\xddy\xf05\xcdB\x10\xe6\xee\xcf\x0f\xbd\x08W\xc0\x08\x18\x91\x10%\x98h\x82\xc6\x04\x82\xe2B@\x85h\x02n\xa8P1\xc6-Z\x16r]\xd0R\x11\x02\x88I\x85T\x02b\x11\xe3\x1eS\x11q\xc1\r-\x01\x115D\x84\xaa\xa4\xb4\x0c"j\x81F\x16c\x10\t x]\x88\x9d?\xce6\xe7\x9c9\xe7\xcc\xd23\xd3\xdd\xf3&lt;\xf5\xdd\xfb\xbe\xef\xefw\xceLOOO\xef\xdd\x13\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P\x92\xb8u\x00\xda\x92R\n!F\xb1\nkJ\xb22\x1a\x90R\x1a\xf8\xc9\x95K\x99s\xc0&amp;\x9c\xf7\xd1E\xe5\xba\x84\xc7\xc7\x0f\xc3\xb2\x85zr\x8f\x94\xc2\xb4H\xfb\xf4\x94&gt;\xe9\xf8\xd7Q\xd1~\x88\xdbsL\xdeD\xf5\x83C\xa5S0\xfbO\xd4=\xc8\x80\xc0\\\x9dsB\xe0G}\xf7t\xbd\xcf&gt;y\x1f\xfe\xe1\'\xba}\x8e\x1e\xdc\xd0\t!\x7f\xa5\'\x91\xa7\x94*I\xf7\x00\xd0\xb4\xbb\x82?\x84\x10{\x7f\xb8B(:\xd5\x8eK\x10\xee\xea"\x83j\xcf\xbdu\xf4\x85\x1a\x00\x93*\xb8\x15T\x84\x9e\x06\xf5\xc5]\x18Y\xe7\xee\xfff\x0c\xa1\x1b\xd1\x8f\x8e\xf32J\xc7\x06fZ\xe0\xa7_\xf2\xf8\xe3w\x8d\xa8\xfd\x0f;\xf8\xcc\xc0wN\x1an\x12IJ\xe9\xcd9\x87\x06\x002\xe8\xa9R\xc4p\xac\x01\xac\xd7K\xdd[W\xbf\xae\xfbu&gt;\x9bB\x08\xe9e\x1d\xe5x\t\xe9\xea()\xbd\xfe\xe2Xc\x0f\x98;\x00)\xa40\xb1\x93\xfe\xf9q\x1f\x0f\ru:\xe9_\x1b}\xbd\x9d;?lpj\xe8\x10\xd6\xa2\x96\xae\xfd\xaf&amp;c\xe0{\x07\x1b\xde\xc8ut\x0e\x86\x8f\xe1\x02\xc0\xd1u\xf1|]\xf6\xafW\x89yR\xe7\xb8\xfb\xcd\xb9}2\xe8\xc07\xdf/\xa7b\x96RJ)\xf5V^\x1f\xfd\xfc\xc1A\x96\xaa\xff\xc6\xf8\xd1\xcb\x1c\xf8\xf5\x99\xfb\x7f\xfa\xf0\xe6}\xc9rA\x99`\xb9\xda\x7f&lt;\xbb\xfcd\xd0\xe9\xee\xc7\xd0\xee+\x8dw\xc7\xce\xa0\xf7h\xc5&lt;\x82\xad\xa8hH\x11\x80\x92\x1c\xe6O7[|d\xef\x9a\xcd2[\xba;7\xa3[\x82\x8fZ\xf90g\x99\xc4\xd8@\x8e\xfd\xd6\xcdu\xcd\x0cE\xaeI)\x0f\xc2s;\xd85g\nP\xf9\x8fR\xd6p\x8e\x1e\'4\x02\x90\x93\xee\xff\xad\x88y`\x9e\x12\xf2\x90\xcc\xdd~\xc5Z\xe22\xb3\x1e1-]\xa1?\x9f&amp;\xe3\xc7\x1e\x7f\xeb\xd9\x0c\xa2\xd3\x00\xc8\x109\xd3\xe7\xc0CM;\xe1\x83\x1e\xf4i\xcfx\x1a\x1cK\xa7\xcf\x8cY\xcd\x1f\xbfxR\xa0\xeeO&lt;\xfe\xe2v\x91\xd7\xac\xe6\xc9z\x0b\x00\xd8\xb3\xec\xfd\xb2Y\x86\x14nCuX\xd90\xb2\x1c\x9f\xd0`\x18\x1e\x1b\xcf/\xf3\xfe8\x7f;\xa5\xf7\xeb|`\xd4\xca\xd4\xc5[&gt;\xa7\x13\xd4\xd2\x9d?a\x93\x9f\xcb\xc7R\n\xafSQ\x86\x15&gt;\xd3\xa2\xc8\x08\x00\x00\xb0\xb4\xfcc,1\xc6\xbf3x\xfa\xf5\x93\x83\\}\xfdp\xb8\x18GU\xcb\x16\xad\x9c\xc6\x18\xe3o\xec\xffU_\xc7\xef\xd0\xda\xff\xb2\x1e\xf5H/0\xc1}5\xa3\x02}\\Y\x92^\x0e\xe0l\x16\x15U\xde\x83b\xad3h\xd8\xb6%\xb6\x86\x00`s7\xfd\x94\x8b\xf5\xec\xbe\xd8\x8a~9\x8b\xf6U?&gt;\xf8u\x17\xf2u}s\xfa\xbe\x9f\x03\xb6\xc3?,\x03\xbf\x0fX\x19S\xf0\xf3\xec\x9d5|\x94\xe9\xe6\x93\xe5oFd\x04 \xa3\x12\xa6\x90V\xef-[\x07\x00\x80%t{~\x17\xaa#v&amp;C\xafP\xe5zT\xe8\xff\x86%N\xf68\xae\x1e\xee\xd5\xf3\xe8\xbd\x01\x8f\xfa\xa4\x07\xd6\xfe\xcf\xbd\xfbi\xbd\x05x\x13\xce\x92\'\x01\x9c\xa3\xa2\xccJ&lt;E\x18\xb9\x98\x06\xa6\x93\xcc\x00nl]\n\xe79\xfb\x84\xab\xe8~\xfe\x7f}\xf5\xf5G\xc7\x1fs\xde\xd3\'\x0f\x93\\\x94G\'\xa9\xb3ol\xea\x98v\xb0\x8c\x01\x1byfwt$\xb5\x7f\xd6\xa2\xa9\tp\xed\xa7n\x9c1fi~L\xaa5\xa6n\xbd3\xbc\xfaz\xba\xf6,\xf0\x1b7\xa8\xea6+\xea\xb6\x8ds\xb7\x1cJ%S\x06\xb6!\xe7yd\xb9\x06\xc0\xb8#\x7fT\x9e\x06@\xef\xc7\xd8!\xf7\x1eJ\xb1|\xa6\x9c\xc2o\xf6\xc8\x03\xb7\xd4\x05\x9fX"[\x9eP\x0b\x7f\xf9\xe1tg\xe0\xe7\xa6]\x02\xc5\x1a\xb6\xa6\xe1\xb4\xa2\x1e\xd8\\7#\xb6,\tX\xcf\xa0}\xcdg\x9d\xa0\xe6\xcd\tS\xde\x179\xdf\xd4\xb9\x07\x1d\xb9\xf3\x9dG\x9f\xbf\xaf\xca\x0f\xfcd\xfb\xc5\xcd\xce\xea\xba\xc3v\x01\xdaS\x8c@\xe1&lt;\x8e\xb0?\xa9\x88\xa1\xf8\x91\xbb\xe3\x8fr\xe8e^\xa5\xa7y\xa1S,\xb8\xbd\xfd\xd0#\xc7\xf3k\x0c\x1e~~x \xdb\xaf\xf1_\x9b\x9f,\xea\x1a\'\xb1\r(T\xe7\x98\xb9\x9frg\x83\xb3\xd0\xb8\xe3\x86+\xed:gbKW:k\x99\xcc25\x94\xa3[h\x03#\xfcf\x9b\xff\xd2&amp;\x05\x15\x12\x9e\xba\x9aL\x1a\x00P\xa5NFS\xeb[\x15\xa1zeT;\x1ap\xc8\xc2V\xcc\xca\n\xbfk\xff\xa2\xfb\x8f\r\x07\x16\xae;\x9b\x0e\n\x8f\xba\xe9\xd6H~%e\x17\x1a\x00\x000\xc5\xa10_\xa1\r\xf0|RG\x0b\xa6\\\xe0\xf4h/\xa9\x1a\xd6\xeb\x1d\xce\x7f[\xe2\xbe\xc7\x93\x81\x1f\xce\x1e\x80\xd5}W\t\xed\x16\xbd\x05\x00\xd0\x82\x02\xe7B\xec\x84\x98\xdfN\x99[\x03\xf5\x84d\xc6.F\x9f\xb6\xc4\xa5\xad\x1fc\xcfO\xd7@\xc3\xaeJ)\xa5&amp;Z\xd5\x00\xfbu(_e\xe6\xeb{\xb9f\xc0\xadY\xce\xd5Nt\xa1\xdc\x8d)\xa6\xefb\x94Rj"\xf1&lt;\xafj\x9a\x02\xb4\x8d\x06\x12\x16\xc0\xce\xb5?3\xa7l\x8f\xe3&gt;=\xfd-\xd9\x943\x04\xf0\xdcy\xcf\x8ca\x9f^2(!\x1c\x82\xb1\xce\xd4\xc1\'\xbf}s\xe9\xd3\x03\x00,\xa0\xb7~\x93B\xd6\xfd\xf8\xb9\x11c\xec\x8c\xc0,x\xa2\xf9\xc38S\x07(\x16L&gt;\xa7^\xf9Z\x9aN\'%\xcd\xf7\x02\x00\xb8Q\xc6;\x13\x9a\xb7\xfc\x8c\xf6\xac\x93\xe6%\t\x00\x00\x00\x00j\xa0\x1f\x0b\xd8\x89\x87\xd9]j\xfe\xddx\xcb\xb3\x08\x18\xa0\x1a\x8a&lt;`\x0f&gt;&gt;\x1d*\xf9\x8f\xb3\xbc\x9d-\xf3H\xc9\xdc6\x80\xbd\xb2\x10k7\xdc\xe8\x81\xdeW\\5\xa9\xbcW\rd6\xf6\x02\xb37\x002\xb7\x9f\xec\xbc\x0b@y\x92\xf7\xde4I\xad\xa3U\xcd\xdf\xd9\xab\xd7)\x0c\xb8\xcc\xec\xef\x8f\xb2\r(\x00\x8dKio\xf3\x05\xa0n\rW\xfdo\x0c\xbc\xd2\xfdD\x08\x00\x00\xb4i\xe1\tN\xe9\xf9Ri\xed\t\x00\x00hG\xe7em\xfdU}\xbb\x00\x01\x00@3^\x8f-h\x00\x00\x00@#\x86\xcc-\xd2\x00\x00\x80\xc25\xbb\x19"\xb0\x9c\'K\x875\x00\x00\xa0h)\x05m\x80~\xed\xee\x13\x0f\x8b\xd2\x00\x80ey{\x1f0G\xc3\xefB\xca\xa0\x9a\xbd\x11\xddDV\xd2Y\xfe\xfb\xecc\x1a\x00\xb0\xa0\xc3s8\xb5\xf8n\xfc=\x88\x00{ #gM\x9di?\xb54\x8f\xa1=\xf32~\r\x00 \x18Hl\x81\xdb\xd7\xacR\x8b\xe92C\x05\x00\x0c\xa3\x01@U\xf6\xd4uUh?\xdd\xeb\x1c\xe3\xcdu\x02\x02\x00\xcc`4\x9f:\x94X\x1f^\xce\x93}v\xb6s\xb8\x05%\x86\x0c\x00\x00\xc8\xce\xfca\x00\x00\xd8\x11\xb5\x7f\x00\xc8O\xf9Z3\x9d\xa34`n2\xb6\r(@\x9b\xd4r\xe0\xde\xe1\xb1\xf0t&lt; Z\xea0?\xfdZ\x04\x0c\x00\xe3\x14\xb9\xf0o_\x0e5\xf8\xc97\xc2\r\xbcsn\x13%\xc9\xbbx)\xcc\xde\x16\xc0=\x06\x00j\xd2\xed\xbfW[\xcdB\x94\xee\x8d\x11\x00\x00\xa0J*\xaaY\x98\x105\xdc\xa3\x96RJ)\xc6PQ\x92\xb4\x06\x00\x00\xa8\x93\xbe\xea\xdct\xff\x9f\xa4\xe3\x7f\x7f,u]}\xe2\xfa\xe7)\xdd\xfe$\\v\xe4,\xae\x89\xe56\x03\x00\xec\xd4\xb9\xaa\xaa\xea\x7f\xb6\xd0\x90HQC\x04\xa6\x00\x01\x00\xb07kO}:\x8c\x13\x842\xdaZ\xdb\x87\x00\x00\x80M\xcc\xdcO\xa9.E\xadv\xd86\xcewq\xbf\x01\x00\xe8\x93vP\x1b,\xaa\xe6\xdfc\xfd\xc6@\xf3\xb7\x1cv)\xa5\xb4u\xef\x02\x00\x14\xa0\xf4\xda\xff\xc1\xca+\x046\xa9\x1f\xec\xa1\xad\t\x00\xc0f\xea\xa8\xf8_[\xad\xe7n\x83\x8axu[\xa5\x02\x00P\x83\x1a\xab\xfd\x0f-\xd7\x1e\xd8\xa6\x01\x10LN\x00\x00 \x93\xa6*\xfe\x1d\x0bU\x98\xbd\x08\x0c\xd6\xf7g[\xcd\xa7\x00`}\r\x97\xaaK\xbd\x94`\x89\x83&gt;g\x04\x00\x00\x80,~lJ\xff\xdb\xd6aXZ\xf6j\xf36\xb5\xf0\x94R\x8c\xd1j`vH\x03\x98m\xa4\x14\xa4:\xa0!\r\xf7\xfa\xf7\x8a!d\xcc\xc6\xb7,\x0f\xd4\x84\x00V \xb3\x05\x9a\xb3\xb7\xfa\x7f\x08Y\xb7\n\xb5\x06\x00\xa0q\xaa\xfe@cvX\xfb\x0f!\xa4\x14RJY\x9a&gt;[6\x00b\x8c\x8a%\x80a\xben\xce\x97e\xb6@+\xf2\xd4\x80\xabvl\x06\xcc\x88\x07E\x02\x00\x94\xc5\xac-xD\xed\xff\xc6\xb4\x8c\xc2\x14 \x00\x00\xaa\xa0\xf6\x7fkZ\x8bH\x03\x00\x00Z0sJ\x00\x14.\xd3\xec\xf7\x06M\x88\x977\x97\x08\x07\x000\xd9\xf4\xc9?&amp;\r\xd1\xa0\x14B\xf8bU\xff\xa7N;\xec\x0f%\xab\x00\x00\xaa\xe2\xbd\x16\xbb\xa2\xdf\x7f\x98Q/\n0\x05\x08\xa0e\x8aN\x1ac\x1a\xc8\xeeh\xeb\r\x93\xce\xff7\x80)@\xb0\x99s)f\xaf\x0f\x80\x81d\x98\xfb\x13\xa3\xd5-\xc3\x0c\x1f\x1b\xf3\x14\xc1\x86\x8eM\x00\xe5\x19KJ\xb2z\xa0zF~\xc6x\xf9\xce`\xa5\x02\x00\x00%S\xfd\x1f\xedy\x1b\xc0\x1a\x00\x00\x00h\xca\xf3&amp;\x93\x06\x00\x00\x00\xec\x88\x06\x00\x14\xc1\xe8&amp;\xdb\xf2\x0e\xa9^\x9b&gt;\x98\x87;\xf2kCJ!\xbce\xbb`@\x01dN\x93&lt;\xc9\xc1\xac\x01\x80"\x1c\x9eR\xab\x81Y]\n!\xda\x90\xaa`\x97\x12\xdc\xdda\xaft\x91M\xf7(\xdf\x90\x9b\x00\xecTJ\xe9\xe5N\x11l\xee\xd8;\x10F\xbc\xe2\x07\x1a\xa2\xf6?Wo\x1b\xc0\x14 \xe0N\xf2\xa6\x9d\xf6\xcd\xbc\xc5R\xc8jb\x8c1F\xb5\x7fv)\x99\xfc\x93A_v\xad\x01\x00\xdc:d\x15jx{0\xe7&amp;K!\xc0\xb2\xd4\xffsH\xa1\'\xaf\xf7&amp;`\xa0_{\x13\x8eSJ\xed]\x14\x00/]\xcdv|3\x84\x7f\x11\xc2\x9e\x96\x16\x9f\xdb\x00\xe7B\xd0\x08\x00p\xeb8\xe5\xa0d\xfa\x9e3)\xfdF\x03;\x95\xb2d\xf41\x84\x18\xc3\xedZ\xa7\xef\x0e!\x86\xf0\xfe\xfb\\\xfft\x8cT\r\x00(\x8az\xedk\x93\x17(\xa8\xec\xde\x98\x13!\x15\xb4\x12\x81Z\xa50c_\xe2\x18B\xfc\x1e\xe1\xb8p&amp;\x9e~\x14~\xdb\xe9\x1f_r\xfc\xdc_\x0f!\x86\xc3Gb\x08\x7fuv\xa0\xabp\xd9Ul\xd3`\x00G\xdd:\xadz\xd5k)Y\x13\t\xd0\x9c\xde\xf9\xea#|W\x08\xef\xfczs\xb3\x1f\x13\xc2_\xea=\xf9N:\xe1b\x8cF\x00`{\x16S\x8e\xa6\xf6\x0f\xd0\x9aY\x1d\xff!\x848\xa8\xf6\x1fB\xf8\xf2\xfe\xcf\xc4\xcbO\xff\xc4\xf4P\xd4A\x03\x00\xca\xa2\xfb\x1f\x80\xfdI?m|\x07\xfcq\x8a\x7f\xecN\xf8\x19^\x86\xc6\xce_b\x08\xffF\x08\xdf\x11\x0e\x87\xfa\x1e\xe1\xa7\x8f\x0cIu\xec\x02\x04\xdb[\xbf\xd2o?\x9c\xfd2{\n(\xce\x94\x81\xf0\xbe\x8c\xecw\xce\x08\xc3\xd7\x85\xf0.\x87\xc0\x84\x7f\x19\xfe\xd3\x19\x07\xaa@J\x8a\x01\xd8\xcc9\xc3\xcbW\x17O\x03;?\xd2\xf5v`k\xd2\xf6\xd8\x96\xf8\x07\x8a3i"\xecuw\x7f\xc6l-\x85/\x0e\xe1\xc3\x1b_\x0f`\n\x10\xb4d\x9d\x8a\xdd\xac\xf7\x04\xab}n\xc8j\x13\xa0&lt;S3\xa6x\xfecZ\xb1\xf2\x07\x1e\x1e\xf7#\xa6\x05\xa8&amp;\x1a\x00\xb0\x99\r\xab\xc2\xf3\xf6p\x9c\x1b\xect2\xf38L\xa0\x01\x064 \xde\xfc9\xc5?\xbd\xfe\xe7\'\x1d^&gt;\xb0\x93\xfd\xb8\x95\x04\xc0\xda\x16\x98\xfb\x04@\xa5&amp;-\x00\x18\xb7\xde\xf7E\x00n\xfeuzSp\xcb,\x02\x06\xe0\xc2"\x01`E\xb9\x96\xff\x0e=\xdd\x93\x1f\xef\xa2\xe7\xff\xc4\x14 `m\x87\xf9GU\xd42w8O\xa9\x8a\xfb\x02\xd4/\xcdx\xaf{\x08\xe1\x8bF~\xe7S\x1eV\xf3\x7f|\xff\x8f\xdb&amp;\xa3\x0764t\xdb\xa2\xad\xe8\x0e\x07X@\xfa\x884\xba\n\x7f\x10\xbf%\x84w\x0f\xe3\xcb\x8e\xbe\xda\x7f&lt;\xfe\xe6;Bx\xeb\xa4\xc0\xd4\xcb\x08\x00\xb0\x8d\xc32\xe0W\xfd?\x1b/\x17V\xfbgW\xac\xceg\x15\xe9s&amp;\xd7\xfe\xc3\xa1\xf6?\xd6\x87\x1d\xfe\xf8c!|Tw\xa9o:\x1e\xf4\xfbL\nL\xd5\xd6+\xdb6\xdcw\x1c(\xd0\xc0\xa5\xc0\xfa\xe0a-\xc7\x87\xd2\x13\xc7\xb2f\xb42;K\x7fG\xa5\xd2c\xf7\x7f\xcf\x00\xc0i\x10`o\r_\x8b\x80wJ{\x8cB\xbcL\x84R)\xac\xc5\xd3\xc6\nV\x1ecJ\xe7?\xfb\xcf\x9bB\xf8\xb5\xeb\x85\xa6\x1c\x9eu`\r\xda\x9c\x00\x84\x90\xc2\x17\x84\xf4\x91S\xbe9\xbe\xfb?\x85\x10\xc2\xd7\x87\xf0\xde\xe7\x7f\\|w\x08\xefp&gt;\x98\x11\x00\x80%d\xdd\xb3\x19\x80jM\xaa\xfd\x87\x10\xc2o\x1c\xfe\xd1K\xc7\xff7\x84\xf0\x03\xef~})\x8d\xfe\xee\xd4\xc0TNy\xcc\x9d\x94\x82nZf3w\x1f\x80;\x13W\x00\x8c\xe9\xfeO\xd7\xff\xf7\xea\x98\xfb{\t@0\x02\xc0\x8d\xe3s\xa9\xeav\x96R2q\x05\x002\x981\xd5fP\xed\xbf\x7f\xb1\xef\xeb#\xef\xad\xfao\x1bPn\xa8\xe9\xde:\xbc\xb3\x8a\xf1\xc4\x1b\x007\xe6\xd5\xb4\x9f\x14+\xe9|\xec)\xa7\xd8_y\xa5\x01\xc0\xad\xa8\xca\x0b\x00\x14\xe3\xfd\x8e\x7f&gt;\xaa\xdb\x7f\xdf\xe3\x9f\x7fn\\\xf5\xff\xf2*\x80\x10\xe2\x87L\tX\xbd4\x00\x80[\xde\x04\x94\xc57z\xa7\x12\xc0\xc5\xf4\xf9?_\xfb\x85\xcf\x7f\xff\xad\xc7?\x7f\xc2\xc4\xe3\x87\xf0\xc5\xe1\xcb\xf6\xd5\xf9\xb9\xa7k\xad\xd6\x90\xc5\x94)%\xbb\xac@9\xbaU\xffi\xa5\x8aU\xd4@[\xe6/\xff\r!|L\x08\x7f\xe8\xd1\xf1\'41b\xe8\x9e`G\x9d6F\x00*0\xb8\x12\xa0\xae\x00\xc5Q\x89\x07\x98\xd3\xfd\xff\x19W\xff\xfa\x83\x0ff\xf9\xfc\x90\xf0\x11\xf3\x97\xf2\xee(\xc3\xde\xcd\x85\x02\xc3\xbc\x99\xd2\xbf\xd8U.\x08\xc0\xe2\xa6t\xcf\x9f\xc5w\x0f\xe1[\xae~\xd0\xf9\xfb\'\x84\xf0\x89!|\xdfi\xc7\xbf\x1e\x01\x08\xfb\x19\x04\xb0\r(p\xe5\xd7l\x1d\x00\x00\x1a\x92B\xf8\xce\xb9\xc7\xf8\x877]\xd6)\x84o\x0f\xe1]\xba?\x98Xo\x8f!\x84w\xef\xfe;\x86\xfe&amp;\xc0\xed&lt;\xebT\xf7+\x84M\x01\x02\xae\xfc7v\x81\x02 \x8f_\x15B\x08\xe1\x9d3T\x94\xd3\xcd\xdc\x9fS\xed\xff\x9dBH\xe1\x0fL:\xe4\xa9\xac\xfb\x96\xde\x9f\xde\xfe\xec\xf8\xbf\xd3\x7f\x87\x8f\xfd\x99I\'.\x80r\x1e\x00\x80%\xa4\x10\xc2\xafH\xe1\xb7\xcc;J\xec\xf9\xdb\xf1\xf0\xb3^,\xf6\xbdB\xf8\xe7?+\x84\xcf\xbf\xfb\xe5\xd5D\xa0\xa7/!N!&lt;\x182(\x9b\x11\x00\xa0\x19\x15\xe6\xc1\x00m\x9b]\xfb\x0f!\xfc\x82\xc3\x1f7\xd5\xefO\x9d\x98\xe9\xc7\x18\xe2\xa1\x1f\xff\x9f\x87\xbe\xda\x7f8\xac\x83\x8b\xa7\x13~J\x08\xe1\xb3\x1f\x1e\xec&gt;\\\xdd\xc0\x16\xdb\xd1\xbe`\xc0\xce\xad\'\xf3\t\x00\x00vf\xd6\xc2\xdf\x1b\xc7\x8av\xe7p\xd3\x8e\xfc\xa9!|\xdaU\xb5\xf4\xf9\xdb\x85C\xf8\xba\x10~p\xf7\x83=\x83\x00\xbd#\x00\x97e\xc5c\x83\xb8\n#\x00\x00@\xbf\x94R\x95\xf3\x1b\xd8^\xce\xda\x7f\x08\xe1\x83\xc2\xb1*\x9d\xee\x97\x03\x8c\xf1\xa9!\xfc\xf9\xcekZ\x1e\x7f\xf0\xdb\x8f\x7f\xbe\xef\xf3\x0f&gt;\xdc5\xe8\xfd\xfa\x7f\\\n\r\x00\x00\xe01\xc3\xf8\x8c\x97ro\x8f\xf3\x95!\xa4\x10&gt;-\xc7\xa1&gt;4t\x1b\x10?\xbf\xef#)\x84\xef\x13\xc2\x1f&gt;\xfe\xebK\xcf?\xbf{\x16\x1e_\xe4\xdf~\xf1\xfb\x8dy\xaa\x01\x00\xc8\xa9\xf0\xed\xf4\xafg\xee\xdf\xcc\xd6\xf9S!|\xe4\xe5\xa3?/\x84\xbf\x12\xc2_\x0f\xc3\'\xffTA\x03\x00\x00\x80\x9c\xca\xaf\x1a\xf7\xed\xeds\n\xf3/\r\xe1O\x87\xf0M\xb7\x1f\xbfU\xfeE&gt;\xe6E`\x00\xb0\x8dC\xfda\xc8V\x19\xc3?\t\x0c\xf1\x93C\xf8\xc2\xe3_\xd3\xa5~\xdf\xad\xd1_\x9e\xb6\xff\xa9\xef\x00\x15\xd7\xfe\x83\x11\x00\x00\xd8\xca\xc0j\xbd]\xf5(\xd3\x93\x94YE\xe7\xf8\xcd\x16\x9e\xe7 \xdf\xed\xf7\xd3\xff\xdcUq\x8d\x8fX\x04\x0c\x00\xdb\x88q\xc4\x9b\xb7\xd5\xfe)J\xd5\xd5\xdf\x83tX\xac|\xd8\xe9\xaa[\xfb\xff~\xafk\xff\xa1\xf2\xe5\xf1\xa6\x00Q+\x03\xe2\xc0N\xc8\xe8\xa8M}m\x83\x07[\x83\xf6\xbe&amp;\xec\xf2\xd1\x18km\x07\xc9S\x00\x00\x18\xe7\xe9\xcc\xb4Z\xab\xc5\xa1\xe7\xd5\xbe\xcf\xab\xca\x99_w\xb0\x1a#\x00\x00\x00\x8c\x13c\xbcZ&gt;\xdbUc\x8d8\x84\xd0S\xfbo\x965\x00\x00\x00L\xf0`u\xec\xca\xa1\xc8\xe4\xba\xf6\xff\x83B\xf8\x80!\xad\x81\x8a/\x16\x00\x00\xe6\xabw\xf6O\x0c\x13\x86\x00j\xbd\\#\x00\x00\x00\xecZ\x0c!\xfc\'\xe3\xbfVg\xed?\x18\x01\x00\x00 \xa3\x1a{\xc5\xffb\x08_\x1f\xc2\x7f\x1e\xc6\x0e\x02\xd4x\xad!\x94\xd0\x00H)\xd9\xe0\x0c\x00\xa0\r\xb5V\x8aC\x08\xe3&amp;\x02\x1d/\xb3\xc6\xcb\xddx\n\xd0!\x89T\x9dP\x00\x98@\xce\x0f\x14(u\xfe\xf7J&lt;\xfcWc?\xf6\xc6\xdb\x80V\x19g\x00\x004\xeaP\xff\x8f\xf1\xc1&amp;\xa7M\xb0\x08\x18\x80\r\xe8\x00\x02\x8a6t\x1c \xd4\x98\x9f\xed\xb4\x01\x90R\xaar\xc6\x16\x00mP\x06A\xd9\xc6&gt;\xa21\x86\x18\xaf\x86\x0cJn\x14\xec\xb4\x01\x10\x0fw\t\x00V\x97,\x80\x80*\x8c\x19\x048\xfe\x17\xff\xec\xa1\x19pXH\\l]s\xa7\r\x80M\x18v\x00X\xc9{\xabc\x03Y\x8c\xad\xc3\x7f\xc4\xb1\xe2\x7f\xf8\xdeo\xcd\x1f\xa0,\xf27\x00R\x92\xed&gt;$^\x00\xd6\xf0\r\xb1\xbe9\xb9\xd0\x8a\xd8\xcc\xf3\xd7\x7f\x15)\x84\x1ft\xf7\x93\xae_s\xf9\xeb\xdb2\x87(\x97\xfc\xf7\xe7\\\xfbo\xe5\xe6/\xc2\xdb\x0f\x00\x80\x865\xd0\x1d\xfc\xf8\x9d\x00\xe7\r\x82\xd2\xf9\x83w\x1f\xb8\xfcY`D\x98\x02\xb4\x9e\xee\x930\xb6\xf6\xbf\xe6\xb8J\x03O,@\xf1&gt;~\xeb\x00\x00/&lt;\xae\x0f\x9dkq\xff\xcf\xcb\xce\xf42+U\x8btB\x1fj\x90z\xb8+\x95R\x8a\xe3\xde\x83\r\xc0X-o1\x0e\xa1\x95\xfe\xc415\xa2t\xfb\xd7\x1f\x13\xd2\x97\xe7\x0fR\x16\x8b\x8c\x00\xc4v&amp;\x7f\xed\xce\xe9q\x9d|\xfbZx\xdaa\x1dm\x94\x8eL\xe3\xe6S\xa3\xbd\xe6ZC\xae\xfa\x93\x8f\x1fL!\xa5\xc3\x9f\xe5\xd6\xfe\x83\xee\x07\xba\xe6\xaf\xdf0\xf8\x03\xc3Y\x0b\x04T\xe5\xcbR\xfaqap)_{k!^\xfe\x18&lt;\x02p5\xf3\xbfh\xd6\x00\xd0c\xf2C\xfb\xfd\x82\xf7+\xc0Pj\xff\x94\xc9n~&lt;\xf0\xe3\xc3&gt;2\xae\xff\xfe\\\xed\xbf\xad\xfd\xa7\xa7u\xfb\x18b\x08?\x7f\xd9\xb0\xe5\xd2\xfe]\x0c\xba\xd9F\x9a\xdc\x8bo\x03(\x80\x06\x1cK\x81\xa0G\x87y&gt;\'\xa5\x8f\xdb:\x0c\xc3\xc4\x9e\xbf\xdd\xff;]\xaf\xdc\xe9}:R\xf8;!\xfc\xa0\xfd\x8d\x00\x14\xd5g\xd0\xa9\x8fn\x1b\x90\xca\xc4\x18c\xfc\xcf\xe6|=c`\x00\xd8\x86\xcc\x9c\x99~y\x1d5\x82xz\x87o\xa7\xdb\xff\xfc_\xea\xfc\x17\xd2a\xf5\xce\xb1v\xd9_\xe3\xfd#5\xd4\xfeC\xdb#\x00:\xfe\x01`\x02#\xba\xe4RT\xd7p\xaf\xce4\x9f\x9b\xd4~\x15\xf2\xeeut&gt;\xfe\xe5!\xfc\xd8\xab\xaf\xa4:\x1a\x00-\xaf\x01\x90m\x01\xc0X\x97\xda\xff\xb6\xe1\x80W\xb2$\xd1c\xdf\xfe\xad\x9f\x11\xba?\xbf\xfe\xc0eD \xfc\x98\xeb\xdf\xc5\x10\x7fw\x8c\xe1\xf8_\x8e\xe0-\xa4\xe4\xb0\x01\x00\x1b\xb0\xa5\x1b3\xa4\xf0\xe9!|\xf2)\xf1\xa4\x07\x15\xec\xd9\xaef\xe3\xe7\xe8w\x7f\x96\xde\x1f\x1c?\xbeK\x08\xdfq\x1b\x9c\x9b\xaf\x959 \xd0\xf2\x08\x00\xd0\x80\xd4\x99q\t\xac\xc3\xfb|\x98!^j\xff!\xfc\x87\x0b\x9f\xeaX\xf1\xce\x91Z\x0f\xa5\xcd\x17\xa5\xf0k\x8ee\xce7^\x8e\xfb5\x0f*\xf8\xdf\xfe\xa4\x80J\xe1m\xe5\x96^\x1eo\xa6\xd3E\xc4\n,\xe6\x01\xa8\xd82#\x00\x9d\x89\xfb\xbf2\x84\xcf&gt;\x9e)\xdfi\xaew\xc1J!\x84\xf0\x05!|\xe4\xed\x85\xf4\xad\x1fH\xe7\xff\xfb\xc6\x10\xde+[\x882S\xac2\x9d\x06\x00\x00\xf0J\xfe\x990\xa7\x9a\xf7\x1f?N\xd6?\xfa\x1b!\xfc\xd0\\\xcd\x80xU\xb3\xbf\xbc\xe2+u~\xda\xb3z\xf8\x1f\xa4\xf0\x9e\xe5v\xfc\x9f\xa9\xba\x01\x00\xb0\xb4\x14\xae\xf7\xd2\x99#\x86\xab\xee\xf7\x9es\xcdnr\\\x9f\xa2s\xb0\xd4\xfd\xc4M\x18\xca\xdf\xf4\xe8\xc8\x1a\x00\x80\\\xbc?\x15hP:\x99w\x98g\x15\xf6I\x07{\xfa\xeb\x18\xde\x16B\xfc\xdc\x10c\x88\xef3\xe5\xbc\xa7\xab\xfd\xb1!\xfc\xd8\x10~\xc9\xd5\xa9co\x00J]\xf0\x0b\x00\x00\xc3\xa5\x8e,\xc7\x0b\x9f\x93\xfep\x9a+\x0c\xda\x1f"\x85\xf0[\xaf\xff\x99BH\x7fi\xf4Y:\xff\xdd\xfe\xe4k.\x07\x1f|\xcc\x12\x98\x02\x04\x00\xc0:\xb2M\x04\x8aSF\x14\xaef\xf2\x0c\x0cEw\x1eP\xba\xf9\xc9\xf5\x81_\x1e\xf0n:\xd1fL\x01\x02\x00`\x05)\xfc\xb8l\xcb\x00\x1e\xbd\xc1\xeb\xa9\xd8\xfb\xd7\x97\xe79\x0c\x06\\\xbd\x16\xec~?\xa0\xf8\xf4M\x02!\xfc\xa9\xf3\xc7\xfe\x8b\xc7\xd3\x88\xd6b\x04\x00\xc8#\x9d\xdf\x1ejc(\x00\xee|JJ\x9f\x9a\xf5\x80\xa7\x9e\xf8o\x0c\xe1\xbd\xc7|/\x9d\xfb\xe2\xe7\xb7F\xae\xd7\n\xff\x8c\x10\xfe\xe8\xe1\x0c\xa9\xe73\xb7\xa1\xd8p(@9\xcd3\xc9\x16\xec\x0c\xa6\x01\x00\xcdKv\x7ff\x86\x0c\xd5\xed;\xf1\x07\x86\xf0Man\x85\xf6\xed)\xbde\xca\xf7&gt;4\x84\xbf\xf8\xe0=\x00\x97\xbd\x82~q\x08\xbf\xa7\xe7\xbb\xdb\xee\x19\xf1\xe6\x96\'\x07\x9a\xb1\xfb\xddoT\x8c\x00\xd6\x97\xbe\xf1P\xf5N\xb36\x19z\xc7\x18;\x8b\x13\x06\xce\xd4\xff\xd5\xb7\xb5\xff\xce7b\x88\xb7\xef\x0b\xb8&gt;\xde\xd6e\xa65\x00&lt;\xa36\xc3P\xa7\x94\xb2\xe74\xb3\xe7kg\'b\x8c\xd29\x93\xc5w[\xe4\xb0\xe94M?|\xd6\x9cju&lt;\xe4\xe2q\xf0\xdc\xfc\xcf\xfa\x94\xf3\x17CO\x8d&gt;vk\xff\xc5\xd1\x00\xe0\xe2\xb03\xd4\xd6\xa1\xa0Rq\xe75\x83=_;\xc0 \xdf\xb6l&gt;\x99~e\x98\xdd\xb5\x1eC\xf8\xaf\x86~\xf6\x9d\x0f\x7f|\xc7\xe9\x8b\xe7#\xdc\xfc\xd7\xd9\xb1\xf4\xbc\x9b\xe8\xbcP\xce\xa7\x01\xc0\xc5\xce+p\x00\xd0\xa5_,\xbb\xa5\xab\x19\xe9\xb8A\xcf\x1f\x9aq\x8cO\n\x03\x9b\x11\xefw\xf8\xe3\xad!\xa4\x10&gt;\xb9\xef\x13?\xe5\xb2?h\xba\xfa\xeb\xe6\xd4\xf6\x00\x00X\xc9\nm\xaaI\xaf\x088\xbb]\xc5\xfb\xc8\x1f\x0c\xe1c{\xces\xf8\xf7\xe7\x85\xf01\xe7\xe3\x95P\xe3\xbf\xa1\x01\x00\x00\xc0j\x16o\x02\\o\xcd9\xca{\x87\xf0\xf5!\x84\xf0\xa5!}\xd8\xf0\x13=0\xec\xed`\x9b0\x05\x08\x00\x80\xd5,\xde\xfb\x9c:\xff\x1b\xe9\x1b\x8e\x13\xf7\x7f\xc2\xa4\x13\xff\xa8\x10\xbe\xf2\x12\x88Bf\xfb\xf4\xd2\x00\x00\x00\xa0)3\xda\x00GC\x9b))\x84\xdf\x7f\xfcK\xfa\x8a\x90&gt;(\xa4\x14\xbe\xb0\xc8i?]\xa6\x00qa#s\x00\xa6Q\x82L\xb6\xc3\xa8[si\xf5)^{\xa37=\xf9\xd5oO\xe1\x97\xbe:\xf8\xfb\x86\xf0w\xce\x87/\xbe\xd2\x7f\x16c4\x02\x00\x00d\xf0\xd3\xb6\x0e@\x95\xf6W\xfb\x0f\xeb^oJ!\xfc\xb2\xd07\x14p\x9e\xa3\x93\xee\xff{\xa7\x01\xb5\xff\x10\xc2\xd7\x85\xcb1*\xaa\xfd\x07#\x00t\xa5\x94\xf6\x96\x07\x01\x00\x9bXg\x1c\xe0am\xf7\xba\xca\x1eC\x08\x7f"\x84\x9f\xde\xf3\xab\x96\xc4\xa7\x03"mK\xbb\xbcj\x00\x80\xe2,\xdd\x0c\xb8\xaf\xf3\xfd/!\xfc\xdcEOY\xb0s\x03\xe0\xcdm\xc3\xb1\x05\xb5\xff\x89RJF\x8d\x00\x80\x8a\xb4\xda\x97?Aw\x96\x875\x00\x0c\x15\xe3\x07\xab\xfd\x03\x00\x19\x99{\xbc\x8e\x9bx\x16\xe9\x00\xb0 \xcb\xab\xe0\xa55\xf7\x05\xda\xa1\xfb,\xc8\x08\x00\x00,m\'\x95\x9b\x9d\\&amp;\xf9i$\xafL\x03\x00\x00\x16\x14c\xdc\xc9x{\x9a\xf7\xde%6\x95\x0e\xb6\x0e\x06\xf9\xf56\xaev\x91%\x01\xe3\xa5\x94t\xc9\x00\xecB\x19/#\xd3\x00\xc9,\x86\xcb\x8b\xd0n\x18\x01\x00z\xc5\xadK\x02\x80\x1e)\xe9\xab\xce/\xc6\x12\xf2\xfc\xcd\x03\xd0\x8e?qh\xce=\xbe\xa7;\xdc\x06\x94#\xeb\xd2\x00\x98m\xdd\xb7\xebTY\xef?\x0c\xa8\x06\x15\\\xd61$\xb1\x19\x01\xd8\xa9C\xdf\x89\x1e\x14\x00&amp;[\xbf#\xfe|\xb6\x8a:\xb0NQTM\x807\x14c\x19C\x11\xd5{\x1d\x83\x1a\x00\x00\xd0\xac\x94\xd2\xff\xdeP_O\xac\xb0\x86X]\x80\x0b \xce\xa6\x1b\x18q\x1a\x00\xbb\xe6\xe1\x02h\xd8\xa1\x7f\xfe\x03\x17\xcb\xebU\xd3XR\x7f\xe2\xfa\xb8\x10b\x081\xaa\xc3\xf4\x18\xfe&lt;j\x00\xec\xd41\xd7\x96q\x03\xb4OV\xbf:\xcb\x94\xf3\xe8I\xba\xbf\xed\x13\x8f\xbb\xdb\x84\x18b\x0c\x7fk\xf50\x15kTk\\\xa6\xc08\x96\x0e\x03\xc0se\xec\xaa\xd9\x88\x9b\xa6\xd4\xdd\n\xd7\x14RH!|x\x08_\x12\x0f\xff\xda\x85\xdb\xb452\xb1\x19\x01`\x1c\xd9\x19\x00&lt;grTF\xdd\x98\x8c\xdf\'\xdcU}\xe3a\xdb\xea/\x89\xc7\x7f\xfd\x8e\x15\xc3\xb6\x95\x18B\xf8\x82\xf0q!\x84\xf8W\xc3\xa4\t\x1dR\xe7\xbe\xe8\x93\x00\x00\xaa\x93R\x8a!\x84?\x14\xc2\xc7\xbc\xaa\xc3\xb4&gt;\xfb*v\xfe7\x99\xf7\x00\xec\xc7\xf1\x81P\xf7\x07\x00\xea2\xa2\xef2\x86\x8fL\xe1O-\x19\x98\r\xfd\xdc\x90\xa1\xf6\x9f\xe1\xfb\x00\x00P\x8cf\x87\x00\x8e\xb5\xf6\x1c\xf38\xac\x01\x00\xc6i6g\x05\x80R\xbdS\xc8\xd9o\xaf\x01\x00\x8c\xf1\rj\xff\x00\xb0\xb6\xef:\xbcU:S\x1b@\x03\x00\x18\xe3\xbd\xad!\x07`\xae\xe4U\tc\xfc\x8e\x10&gt;\xfaX\xf9\xcfS\x06[\x04\x0c\x8c\xa5\x05\x00\xd58m\xfe\xf6\x85!\xfc\x94\xad\xc3\x02G\xaa\xfe\xa3\xc4_\x1e\xc2\xff\x90\xb9\xe4U\x90\xb7 \xa5t\xf7^\x0c\x00\xb0\xfb3\xa5J)\xcbb\xd6\xfeC\xb7\xd2\xbe\xc8\xb2\xe3\xe7\xc3#S;\xf9;\x00\xc0Q\x13M\x80\x18\xf2l\xf8\xf3\xf0\xe0\x00\x00\xd0\x92J[\x011\x84\xb4|\xaf\xae\x06\x00\x00\x00\r\xaa\xab\r\xb0\xe6T\x0e\r\x00\x00`3)\xa5E\xa7:\xec\x81\x99\xc0\xcf\x9c\x1a\x01\x87\x9e\xf5\x02mr\xe3v\xb4\x0b\x90\xc7\x03\x00J\xa3\xf6?\xd7\xe7\xa7\x10\xc2\xcf\xde:\x14\xe5\xea\xd4\xfcbIC\x02\x19_\xeb;\xfd\xec{\xa0\x01\x00\x00\xb0s\xdf?\xa5\xff{\x8b\xf3\x16U\x05-((0\x8a\x16\x1d\x000\xd6\xa2\xa3\x00\xb5l\xcb^A\x10\x01\n\x94R\xd2\xfe\x04\xa8\xcb\xf3\xde\xc3\x99m\x03\x85\x02\x00\xc0JRJ\x05M\xee\xa6n)\x84\x14R\n)\xfd\xf5\xf4\xd0\xd6\x81\x04\xd8\x01\x19.\xf0LJ\xa5n\xf1\x02\x00\x00\x00\x00\x00\x00\x00&lt;\x95R0/\x08\x00\x00\xf6\xc1\x94_\x00\x00`A\x16"\x03\xd0\x827\xb6\x0e\x00@\x1d\x0e\x95\x7fm\x00\x00j\xa7\x01\xb0\x0b\xb6P\x84\x99&lt;A\x004C\x03`\x17b\x8c\xdeN\x07Y,\xf1$Mn]h\x96\x000\x81\x06\x00\xc0k\x9d&amp;\xf4"m\xe9\tUy\xb5\x7f\x00\xa6\xd1\x00\x00\x18b\xb9\xda\xf6\xf1\xc8c+\xf4F\xf6\xe0\x8a&amp;1\x0c\xf6\xe6\xd6\x01\x00\xa8\xc2r\x95\xedh?S\x98-\xa5\x85\x86\xe7\xa0EF\x00\x80\xa6T\xba\xe4=\x86\xf0\x0ef\xf5\xc0t\x06\xc4\x00\xd8\x07\xf5\xc5\x92\r\xbf;)\xa5\x10\xd2\xefO^mF)N\r\xe9*\x13d\xa5\xbd\x00\x000\x84B\x0eXD\xd5u\xe8\xaa\x03\x0f\x00\x00\x8c\xa5\xf6\x0f\x00\x00\x00\x00\x00\xb0\x18C1\x00\x00\x00\xc0\xa2,\x05\x03\x00\xd8\x8aJ\x18\x15\xd3\x8ah\x8f\xc6!\x00\xbb\xb5\xd6\x8b\xc0\x94\xb3TK5\x91\xb6I\xe1\x00\x00\xf7\xd4\x90\x1a\x93\x8c\x00\x00\x00\xc0\x8e\xa8\xfd\x03P\xa7\x0c}X1WX\x00\x00\x80\x8c\x9eW\xf4c\x9cX\x93\xd7\x00\x00\x00\x80\xe2\x8c\xea\xe6\x1f\xd5\x18Xk\x110\x00\x00\xb0\x8c\x94\xd2\xf0%\x8bF\x00\x00\x00\xa0\x10\x0f\xfb\xfd\xe3\x98=I\x9e\x0f\x08h\x00\x00\x00@\t\xaej\xff\xc7J|J!\x86N\xa5\xbd\xdb\n\x88O\xa6\t\xc5\xabo]1\x05\x08\x00\x00\xb6\xd7S\xfb\x0f\x87\x8a|\xb7\x1e\x1f;\xff\x85\xf8\x89\x83\x8ev\xc3\x08\x00\x00\x00l+\x85S\x95}\xec\xde&gt;O\x07\x01\x8c\x00\x00\x00\x94\xcb\xfbI\xf6*\xa5\x94BJ!\xc6);{\x0e\xfa\xcau#a\xcb\x06@J^\xc6\t\xb4M\x16\xb7\x10\x11K\x93\xcc\xcb\xd8\xab\x18\xa1V\xe1\x8a\x00\x00 \x00IDATc\xfc\xe0\'S\xf6\x87\x1c\xe0\xc1o\xdez\xf8#]\x0f\x14l\x99\xd4\xce\xe1\x98\xfc\x16\x03\x80\x92\x1dr9Y\\v"\x16\xe0^o\xcf\xc81\xa7L!u\xb2\xcd7W\x0c\x15\xc0\xbe\xcc\xe9\xce\xe1\x89\x18\x9f-n\x03(_\xa7\x1f&lt;\xe4*)b\xec\xd9\x14\xe8\xfc\x83n\xa7\xc9\x96S\x80\x0e\xc1P6\x02\xed\x92\xc3-$\xea\xfe\x07*\xd6\xa9\xa6\x8f\xec\xce\x98\xd3\xf9q\xf9\xee\xb6\x8b\x80\x0fm\x1e\x998\xa3\x8cx\xd1\x1d\x00@i\x1e\xf6\xd2\xbf\xfcbz\xb6\xe7\xcf\xf3\xe3t\x7f\xb9\xf5.@j\xff\x8c\x16\xf5\xaa\x02\x00\xed\xf8\xdd#?\xff\xa0\xa2?\xe2=\xc1#O\x08\x00\x00Lw\xdf\x8b\xffrZcJ)v\xaa\xf8\x9d\xcf\xa7S}~\xd0\xeeh\x87/n=\x02\xb0k\xe6\xb1\x00\x00\x10\x9eW\x0b\x0fU\xfb\xdeO\x9c\'\x05\x8dZK\xa0\x01\xb0!\xc3/\x00\x00;\xd3WU\x7f^}\x7fYe\x1c\xfbj\x14\r\x00\x00x\xc8\x1b\xc7\x80\xbc\x1e\xe5)\xc7\xb7\x01\xf7\xea\xb4\x00n\xde\x16\x1c\xe3\xef\x1c~\xea\xf3\xf7tB\x03\xbb\xe6\x95R&lt;\x97R\x92&lt;\x80\x8c\x9ew+\xdce8\xb7\x1f\xbf\xcf\x91\x86\xf7Sx\x11\x18\x80\xce]^\x8b\xef\xb8u\x08\x80];W\xdaS\xc6\x8e{S\x80\x80\xfd\xd2\xb1\xcbk\xffT*\x81\x11RJ\xfaV\x96\x91!/:\xdf\x1a\r\x00`\xcf\xd4\xed\x00^\xf8\xf8\xf1\x15zm\x00 \'y\n\x00\xacfT\x8f~\xeaX4TUK\x8f\x8d:D\x08\x9f\xf7\xe2p\x8fO\xa1\xf7\x8b\x9a\\\x12\xae\xa9\x1b\x00\xb0\xb0n\x954\xc6\xe3\x165\x0f\x8b\xe0\xeb\n\xac\x92\xfa\x91\'\x15\xfd\x18\xc3\xd0\xcayJ\xa7i\xac#\x1a\x0e\xe7\x9bb\n\x105\x91\x99\x00\xc0:n\xea\x95\xcfk\x99\xfa\xfc\xf3\x19\x16\x91\x97*\xd1\x94\xba\x91\x06\x00u\xd1\x02\x00\x80\xb2\xa8\xfcg\x11c\x0c!N\xa8\xeaL\x18l\xd1\x00\xa027\xef\xbf\x00`y\xbf2\x84\xb7n\x1d\x06hD\xbejLw\x82\x96\xaa\x11\x00\x00\xf3\x8cY\xa8\xfa\x97\xa7\xafg\xdd\xa5\xbe\xe8J!\xfc\x85\xbc\xc7\xec;E8\xfc\xbf\xe6\x02\x00\x00\xb7\xee+\xf1\xf1\xef\x87\xf0^\xfdU\xc7\x9e\x0f\xeb\x93~\xeaf\x81u\xdem\xfe{u\xef\x88{\x03\x00\xc0\xadqu\xfa\xbbOk\x00&lt;\x90N\x9b)]\xad\xab\xce\x12]O\xf7\x17\xba:\xbe5\x00\x00\x00\xdc\xba\xa92\xbe\xa8\xa1\xde~x\x89\x105\xe0Gu\xfb\xfd\xaf~3{\xd2\xd4\xf0\xda\xff\xdd\xb9\x01\x006\x95R\xd2y\\\x8e\xe1o\xe0\xe9|2\xa8a&gt;r\x13\x9f\xd7\x13\x81\xa6G\xda\xa8\xda\x7fp{(\x9c7\x7f\x01@\x15\x0eEvU\xe5uJi\xed\x00\xdf\xc7\xd2M\xdd}Bx\x9e\xd5\xfeC\xffp\x8c)@T\xc2~\x023|\xbc=\x19\x00XR\x85\xb5\xffmj\x161\xc6\x9b\xbe\xff\xd3\x0f\xce\xa1\x1a\x17\xac\x17\xef\x15~pGj\xbaO\xc52X\xb9\x9c\\Cc;g \x05\x00nlX\x7f{&gt;\x0e\xf0\xa8\xdb\xbe\xef\x18\x0f=\xbf4#\x00\x19\xa8T\r4\xba\x13Z\x8fu&amp;\x92(0\xd1e\xef\xf0%\x8e\x9dz\xff&gt;\xff\xb0\x06&lt;\x19b\xdb\xda\xff\x8d\xab\xc6@gS\xff\xfb\xef\xa6\x94\xfe\xdbWi\\\xb9O)\xee\xdeC1\xee[\xcfS\xfa\x90\xcf\x000\xd6rY\xeb\xf5\x91\x0f\x15\x1ay8\xed\xeb\xd4X~\xdd\x80O\x8d60\x18\xc7IH\x1a\n,m\xda,\x94\x81\xdf\xba|,\xd8{\x0c\xa0R\xc9\xccd\x9a\x97\x8e\x93\x7f\xc2\x8b\xd4&gt;\xa6A&lt;a\xdb%O\x1a-H\x96\n\x00+Jw\xf3w\x01\x96t\xdb \xb0\xd7*\x84`\xd2g?q\x02\xb4\xa4\'C+#\x97\x93\xd9R\x997\xb7\x0e\x00\xe4\xa1+\xee\x9e\xf2\x08hGJ\xa9\xdc9\x9e\x8a \x00\xca\xd0\xfc\xa8H\xf3\x17\x08\x00\xc0\xdaT1K\xe6\xee\xc0\xbex\xde\x99\xef[\xa5\xa2\x10\xac\x1e\x80\x97\xac\xf6+\x98=C`\'.\x8d}\xb91\x93M\xdb\x90\xb0I^\x04\x06/\xc4\x9b\x97tS\x10\xf7\xe5\x8a\xf1\x10ZUr\xd26\x14Y\x8d\xee\x8e\xe1\xbb\xa7\x01\x00\xd0\x08\rUZ\x15O[\x1e\x16\xdc\x1d\xa3\rP\xba\xee~\xe1\x1b\x06c/\xb4\x8c\x01\x80V\xa9\xe7P#\xdb\x80\x02\x00L\xa7C\x99\xcd\x8d]\xde\xb0\xf8\x14\xa0\xab\xf9\xd3\x7f\xb9\xee&amp;\xb2&amp;&gt;\x00\x10\x0eU\x82S\xdf\xbf\xdaA\x93j\xac\xf5\x15&lt;G\xaef\x86\xf9\x00\x80c} ]l\x1d"\x96\xf0\xafn\x1d\x80\x05i(\x8c`;H\x00\xf6I\tx\'\x85\x10m+\t\xed\xd3\xc4\xcf"\xa5d\xb7\x04\x00\x1a\xa0\xfb\xbf\x1e\xea\x1eWl\x03:\x82\xf6}.rK\x80\x1dP9\xa6\x1c\xd1\xb4\x97\xae8\xf0\xe1&lt;\xed\xc0\x0b\x15H)\xed\xb2\xb5v|\x9awy\xed\xc08+\xe4\x93f\rA\xb1\x866\x00\xae\xbe\xe3a\xa6`\xbb\x9d\x91\xb9\xdb\x0b\x07&amp;I\xfa\xf5`\xb7\xa6L\x012\xa2\xc7br&amp;\xad}N\xcdT\xfb\x07\x86\x91W\xd4e\x8f%\x1a\xcb\x992\x02p\xf9\xb2\xaa\x06E\xea\xa6j\xa9\x14\x00\x9e\xd8\xeb\xbc\xd9];\xbe\t8\xc6\xf3``7\x05\xbch\x1d\xa4\x94\xac\r\xa0@1\xc6N\xea\xdd\xdb\xccx\xc3\xfa\x00\x8c\x10\xe3\xcf\xdb:\x08m\xaa}\x19\xcc\x1fO\xafl\x1dBx\xe4\xf0\x8e\xc6\xb4\x93\xbdG\xf7s\xa5\xcd\x90\x7f\x92\xd9[\xa4(\xe6P\xaf\xcb\xa6\x91J\xf2\xcb6@\xf5WH\xd3\xfe\xf0\x1e\xd2\xa7\'\xb1B\xeeW\xf3V~*u\x010\xc7&gt;\x0b\x91\x85.\xb9\xf0\xea\xf1\xf0Q\x89A\x97`F\x10l\xc5.@\x000RJi\x91r\xf34\xff\'\x94Y1\x1e\xbe\x0bP\x8c\xf1=^~(%/y\x82M\x9cj\xff\xdb\x86\x02\xeaq3\x88\xfd!\xfa\xce\xb7!\xce\xd9V\\\xa8\xd7,\xc6C\xbb\xa2\x91b\xf97\x0f\x99\x0bT\xecx\x074\xcb\xa3\x07c\x0c.\xcb&lt;S\xcb\x91kAM\x86e\x9a\x1eiX\xd7\x1f\xf4\xd0\x15@m\xa6|\x03\xab\xfe\x9a\x01K\xebD/\xb0\xb6)\x03\x13\x03\x1fW\x13\x91\x01(\xc7\x9c\xbaf\n\xe1\r\x85Zn\xc9\xf6\xf3\xb4(\xd5\xb0\xfb\xe7\x947\x01\x0f\xa4Y\x0f@!\x1e\x15I\x03\x8b\xe8\xe3\xbbE\xbe\xa7rm\xb8\xd7qUx\r\x89\xaa\\F\x93\xb6\x1dY\xaa\xa5\xf6{\xdb\x00\xe8\x1b\xeb\xbc\xbd\x92\xcc;\x07\xc1J&gt;h\xeb\x00\x00\xdb\xb8/\x8c\xe2a\xe9\xdfa\x99\xde\xd9\xcb\xe3\xfc\xb3\x85\x02\x08\xccrx\xc4\xbfG\xbaj\x06l\x11\x8c\x02\xeb\xbd\xa9\xf3\xff\x17\xd7\r\x80\xb7\x1f\xde\x9a\x14B\xf8}\x9d\x9f\x1e\xb3\xc4K\xdb@\x8b\x9d\xea\xa4\x94\xd2W\x16\xf9d\x02\xcb\xea\xa9\xfd\xc7\xe3\xe6|\xb7\x86\xb4\x01d#C\xed\xa7\xae\xf0\x0b\xb7\x0e@-\xfe\xe1\xa2G\x8f!\xfc\x7f\xf1\xcb\x16=E\x9db\xe7\xffo\x7f\x9a\x0e\x7f9\xe7k\xd7y`\n\xe9\xd8p8\xfd|D\x06X\xec\x06\xa8\xec\xcf1\x15o\x1c\n`E}\xb5\xff\xe7\x99\xc0\xeb\x02N\xb9\x06\xc5\xea&gt;\xc0\x9b\xcc1\xabb\x01@\x08\xe1\x8d\xcb\xa0\xc0\x83\xb7\x08\xa5\xbb\xda\xffg\x8e\xeb\xfe(=\n\xd8\x8dv\xb6\xe3%#\xfb\x90,\xa1\x98(\xed\xeb\xfb\x7f\xf0\xc9\xe3\xfeu\x1f0\xe0\xa0\x85\\\\\x91\xf6\xb6i\x92\x0c\xa4,\x05\xdc\x8ba\xd3\t\xb7w\t\xe2\xa9\xc9\x12\xee*I\xc7\xb4\xdd\xb9\x9eQ#\x00\x15\xc4\x02\xb0[\xb5\xf4\xd6T\xe4\xc1`\xf2\x96!9\xe8\x14p\xe9\xb6\xa4;}4\x0e\xae\xbdn~uez\\\x97hQJIJ(\xc9\xe6\xdd\xff\x15\x99\x14;cZ\xbb1&lt;\xebr\x01\xd8^J\xd9\xb3\xa9r*\xc1\xeb+\xa7Mu\xd7\x00\x88\xdd\x9f\xde\x85\xf08\xde=\xb8\x01\x10vQ\xc7\x1dC\xf5\x8bm\xed9\xe3\x1dk\xc26\xa0\xe3\xc6W\xb6\x1f\x8c\xa1no\xdb:\x00\xec\x80\xa2"\xabXl\xe9\x9b\xd2o~\xd6\x81\x15C\x8cc\xf6\xb9\xcb\x11$ \xb7\xbc\xf9O\xabS\xbc\x9e\xc5Q_/\xceeA\xf0\x88s\x94Y\x12\x00,FGT\t\x9e\x97\xdc\x0fn\x8d9\xae\x13\xf5\x8f\xb7\xc0\xaa\xeef\xf7\xf1\xc0\xe3\x11\x80o\xed\xdbHu|\xed\x1f`\x87b\x8c1\xfe\x88\x86\xab@e\xf5\x8a\xbd\n\xcc\x83m?\xfb\xbeU\xd2e\xd1\xaa\x8fkd\xe9p\x81\x97\xd0n\x9e\x9b\xdb\x93\x98\xbaM\x9c\xc3\x97F\xdd\x9e\xa3\xe12\x106\x95R\xf2|\xe5\xa3\xebh\x84\xa2\xd2\xde\xa3\xc0\\\xc6aB\x08\xf1\xb6\x99\xf0d\xd3\x8b!\n\\\xe1\xb6\xed\xea\x8b\xf1;\xae\xeeWg\x840\xc8v\xd8\xc4\xc3\x11\x80\xfbL\xb0\xc0\x86\x1e@\x0e\xe7\xad\xfc\xe4sC\x15Ug\x89\xf1[\x9e\x7f\xe0\xc1}\xbd\xbb\x88\x8f\x1cu\xd61\x1f\xde\x81\xca\xab\xfb[=\xfbUG\x1a\x15{\xd4\x00P\nB\x05*/q\x0bq\xe9\xb8laL~5e\xa5\xbdw\xcfs\x98?\x95\xe70[\xd9|\xf9u\x8c1~\xc5\xaag&lt;\xb5\xdd\x7f\xef\xec#\xad\x1ao\xf1d\xcd\x93BW\xff\x12\xa8\x90\xb5 4\xc2\x05\x94\xc9\xa4\x85\xb6]\xefJy?\x05\xe8\xfe^\x8f\x9b\x98-\xb5\xf4[ow\xfc\xcb\xfdr/`\x94\xdb\x11\x80c[:o7\x98N5\x00\xb6\xd6\xad"6Y],e]\xe9Z}\xdb\x85\\.\xd4\xe8\x8dn\xf5\xfc\xa6\xb3\x04n\x94R\xba@&amp;1\x06\xc3\xf0\r\x8b?\xf7\xf6\x07\x0f\xfe\xfe\xfc\x87\xd5\x90\x94\x81\x81\xdeH\xa9\xafV\x177\x9fIHY\xcek$u\xb9\xd0\x96\x18\xc2\</t>
        </is>
      </c>
      <c r="E47" t="inlineStr">
        <is>
          <t>&lt;class 'numpy.ndarray'&gt;</t>
        </is>
      </c>
    </row>
    <row r="48">
      <c r="A48" s="1" t="n">
        <v>46</v>
      </c>
      <c r="B48" t="inlineStr">
        <is>
          <t>steps_per_sec</t>
        </is>
      </c>
      <c r="C48" t="n">
        <v>600</v>
      </c>
      <c r="D48" t="inlineStr">
        <is>
          <t>2.6271508</t>
        </is>
      </c>
      <c r="E48" t="inlineStr">
        <is>
          <t>&lt;class 'numpy.ndarray'&gt;</t>
        </is>
      </c>
    </row>
    <row r="49">
      <c r="A49" s="1" t="n">
        <v>47</v>
      </c>
      <c r="B49" t="inlineStr">
        <is>
          <t>Loss/RPNLoss/localization_loss</t>
        </is>
      </c>
      <c r="C49" t="n">
        <v>600</v>
      </c>
      <c r="D49" t="inlineStr">
        <is>
          <t>0.21459475</t>
        </is>
      </c>
      <c r="E49" t="inlineStr">
        <is>
          <t>&lt;class 'numpy.ndarray'&gt;</t>
        </is>
      </c>
    </row>
    <row r="50">
      <c r="A50" s="1" t="n">
        <v>48</v>
      </c>
      <c r="B50" t="inlineStr">
        <is>
          <t>Loss/RPNLoss/objectness_loss</t>
        </is>
      </c>
      <c r="C50" t="n">
        <v>600</v>
      </c>
      <c r="D50" t="inlineStr">
        <is>
          <t>0.03560034</t>
        </is>
      </c>
      <c r="E50" t="inlineStr">
        <is>
          <t>&lt;class 'numpy.ndarray'&gt;</t>
        </is>
      </c>
    </row>
    <row r="51">
      <c r="A51" s="1" t="n">
        <v>49</v>
      </c>
      <c r="B51" t="inlineStr">
        <is>
          <t>Loss/BoxClassifierLoss/localization_loss</t>
        </is>
      </c>
      <c r="C51" t="n">
        <v>600</v>
      </c>
      <c r="D51" t="inlineStr">
        <is>
          <t>0.30228853</t>
        </is>
      </c>
      <c r="E51" t="inlineStr">
        <is>
          <t>&lt;class 'numpy.ndarray'&gt;</t>
        </is>
      </c>
    </row>
    <row r="52">
      <c r="A52" s="1" t="n">
        <v>50</v>
      </c>
      <c r="B52" t="inlineStr">
        <is>
          <t>Loss/BoxClassifierLoss/classification_loss</t>
        </is>
      </c>
      <c r="C52" t="n">
        <v>600</v>
      </c>
      <c r="D52" t="inlineStr">
        <is>
          <t>0.13434628</t>
        </is>
      </c>
      <c r="E52" t="inlineStr">
        <is>
          <t>&lt;class 'numpy.ndarray'&gt;</t>
        </is>
      </c>
    </row>
    <row r="53">
      <c r="A53" s="1" t="n">
        <v>51</v>
      </c>
      <c r="B53" t="inlineStr">
        <is>
          <t>Loss/regularization_loss</t>
        </is>
      </c>
      <c r="C53" t="n">
        <v>600</v>
      </c>
      <c r="D53" t="inlineStr">
        <is>
          <t>0.0</t>
        </is>
      </c>
      <c r="E53" t="inlineStr">
        <is>
          <t>&lt;class 'numpy.ndarray'&gt;</t>
        </is>
      </c>
    </row>
    <row r="54">
      <c r="A54" s="1" t="n">
        <v>52</v>
      </c>
      <c r="B54" t="inlineStr">
        <is>
          <t>Loss/total_loss</t>
        </is>
      </c>
      <c r="C54" t="n">
        <v>600</v>
      </c>
      <c r="D54" t="inlineStr">
        <is>
          <t>0.6868299</t>
        </is>
      </c>
      <c r="E54" t="inlineStr">
        <is>
          <t>&lt;class 'numpy.ndarray'&gt;</t>
        </is>
      </c>
    </row>
    <row r="55">
      <c r="A55" s="1" t="n">
        <v>53</v>
      </c>
      <c r="B55" t="inlineStr">
        <is>
          <t>learning_rate</t>
        </is>
      </c>
      <c r="C55" t="n">
        <v>600</v>
      </c>
      <c r="D55" t="inlineStr">
        <is>
          <t>0.0213331</t>
        </is>
      </c>
      <c r="E55" t="inlineStr">
        <is>
          <t>&lt;class 'numpy.ndarray'&gt;</t>
        </is>
      </c>
    </row>
    <row r="56">
      <c r="A56" s="1" t="n">
        <v>54</v>
      </c>
      <c r="B56" t="inlineStr">
        <is>
          <t>train_input_images</t>
        </is>
      </c>
      <c r="C56" t="n">
        <v>600</v>
      </c>
      <c r="D56" t="inlineStr">
        <is>
          <t>[b'1024' b'1024'
 b'\x89PNG\r\n\x1a\n\x00\x00\x00\rIHDR\x00\x00\x04\x00\x00\x00\x04\x00\x08\x02\x00\x00\x00\xf0\x7f\xbc\xd4\x00\x00 \x00IDATx\x9c\xec\xbdw\xdc&lt;KQ\xe8]{$\xe7\x9c%) ^\x82\x04\x05\x01I\x07\x94\x1cD\x04\x94$ Y\xa2/9I\x14D\x92\xa0\xc0\x15\x04\x13\x12%\x83\n\\\xa2\x88 H\x94$AP\x92\x02\x12$[\xef\x1f\xbb3\xd3\xb9\xab\xbb\xab\xc3\xcc\xd6\xf7\xf3\xe3\xf0&lt;\xbb\xd3\xd5\xd5\xd5U\xd5\xd5=\xb3\xfb\x00\xac\x85\xcb#\x00\xf6VB\x90)\x10F\x01\x11\x11\x8f\xd4!Q\xa1\xb7.50\xb2\xfd&amp;\xc7(Ll\xd3\x87\x05A\x106\x85dja\x0c^\x9d]\xfb\x9e\x9bY\x93\x0e\xbcn\xbb\xa5\xbfp\x84\x88\'\x0b\xc2\xaa\x90\x15h`\xaa\xcd\x0b"\xc0\xebj\t\x17\xb6\xc0/\x96\n\xa0e\x15D\xb9%x\x1c\xc8B\x13\xe6\x8ak\x0f\x84\xb5\xeb/\x08\xc7\x08\x02\xbc\xb2\xb7\x0e\x82M\x8d\xf5\xf2w`\xd9\xf2\x9d3W\x88dy\x81\xc2i\xf5_\xd9\xdd\x06\xe5\x91\x83\x15!\'M\x016a\x9c\xb5\xeb/\x08\x82\xd0\x1eg\xea\xaf\xb8$\xd8b%w\x0bUA\xf6\x93\xfeak\xa61\xb5\x12F\xa6&lt;:6\xfdI\x12A\x10B\x9c\xd0[\x01!\x1bw\xf9\x0f\xdf\x80\xdd\xaeR\x8f\xb5\xe4\n\x82\x87\xddn\xb7\xe3u\xbc\x1d\xc0\xce\x1d!\x83&lt;\x8a0\x82\x0e\xc2:\xd8\xedN-iY\x10\x04\xe1\xd8\x99\x0erZ\x16\x10R\xac\x1c\x03\xc73\xcb\x83\xec\x01\x04\xa1\x19\xab\xf6y\xba\xe6\xeb\x1d\xa3 \xd4"\xef\x0e\x80\xfa\x10\xad\xc4\x95\x8f\x06\x96\xf9\x95\xa5\xb3eFZ\x1e\x08%\xf5\x95d\x10\xf1\xab!8\xae\xa7\x03\x10F:O=\x1e\xbb\x0b\x1dI\xba\xc3\xb6\xd2t\xf0\x97\x00\x00\x80\x00\xcf\xea\xac\x88 \x08\x02;\xf5\x8e\xff\x11}\x1f\x9aL\xea.\xf5\x93\x97k\\f\x04\x81\x8b\xbf\xea\xad\xc0\x96xGo\x056\xc3\x9ao\x17\xc8\xf7\x86\t\x82\xb0M\x10\x01\x1e^A\xaa\xf7#bI\xfb\r\xf9\xd2\xc6\xad \x93\xe8D\xcc222;\x82l\x00\x04A`\xe0\x8d\xbd\x15h\xc5\x17\xc3\x7fm4!\x99\xca\x06@\x10\x82\\\xa2~\x175\x02\x10\xa7\xff\xfe3\x93(A\xa8\x848\x98 \x08\x02\x897*7\x00\nSg\x82\x10\xf9N:\xe1(i\xe0\xf3k\x0c\xab5\xea\xdc\x1e\xb1\x92 \x08\xdbG\x0e\x92[\x818\xd7\xff\xf7,\xac\xc81a#!\x1b\x00\xa12\xed\xbf,K\xc8\xa6\xde4m\xc5\x01\xceZ)a\xde\xcd2\xd1V,&amp;\x08\xc2j\x91\xc5\x9b\x08\xde\xb2la\xe0\xfb\x1b1\xea\x06@\xe6N\xe8\x89\xe2\xd2\x9d\\\xf1\xe8\xf6\xb7\x08\xf0\xd4\xc1\x02\x7fK\xa7\x0cXcMt}\xf7\xc3\xc7x\xbb\x10\x04\xe1\xd8IO\xc4\xcf\xdeP\xee\xae\x08\xcb\xa3;\xf4\xce\x08\xba "\xfe|\xe7\xb9\xfb\xc3\xae\xbd\x1f9\x83\x85m\xaf{M\xcb\xf6c0\x83\xd4e\xa8\xc1\x0e\xa5L\x17b\x16\x90EV\x10\x84\xea\xa4\'\x1a\xdee[\x9e9)&amp;n@\xf9\x83\xf3G\xce\x80\xb3\xdf\xf9\x96\x94\xdc\rc\xa3\xd9\xfd\x9c\xcd\xcc\xd7f\x06"\x08\xc2\xd1\xc1\x9a\xbf\xbc\xdfs/\xf0rky\xa2\xf7h\x19x\x03\xd0\x8bs\xf5\xebz\x93\x8c\xe5]\x82 \x08\x82 \x08\xc2\x80\xc8\x19\xbc \x08\x82 \x08\x82 \x08\x82\x1b\xe7\r\x13\xd9D\rB\xab\xe7\xd9\x1a\xdd0\x17\xa7\x12\x84\xd5\x92{o\xfd^\xbcj\x08\x820\x12\xc7\xbc\xae\xaf\xbaV\x96\xe7$\x07\xa7\x91w\xed\x1f\x9c{^\xa93|*\xda\x8f\xe3KH\xc5\x03\x05a\rd&gt;\\;\xdaS\xc2\x1b\xa6\xf7\x03\xd0\xc7\x83\x18Y\xe5\x93\xbd\x15\xe8\xc8\xf4u\x8d\x12w\xc2\x8a\x99o54]A\xe4k$\x04aEd\x04\xea\x88\xdf\x13\xbf\xd5\x8c\xb3\xb9d\xfa\xd0Q\x873\xa6VQV\xaa\xb6\xb0a\xc4\'\x07"\xb6\x82\xf0\xff]\x02\xf9K2\x820\x14\xb7\x07\xf8\x13&gt;i\x1b+IGf\x93\xa7)\x1b\x1bN_\xc4\x98*b\x8d\xbe\x88\xfd\x07\xa4\xcd\xa4,w\x1bd\x03 \x08\xbc\xec\xca\x9a#"\xecv\x85B\x16i\x00P\xac\x92@\x03\x11\x81q\xee\x04A\x10\x04\x81\x11\xf3\x90j\xb7\x83:\x15\x02J\xe1!\x1c!\'\x14\xb6\xdf\xed^\xc7\xa2\xc7^Xz\x10\xcaa@.;)\xfe\xc7d\x1c\x97\xa6k"\xc7r\x82\xb0y\x10\xe0\xfe\xd3\x87Xz\xc5{\xa5EK\xd6BAH\x867\x0b\x94H\xdb\xde\x03-\x82\xd0\x95\x84\x80\x92\r@U\xc4\xb6\xc2\x08\x1cJ\xffN\x9f\xfd\xddwz\xeff]\x0b\x82\x10f\x9c\r@R\xbd"\x08\x82 \x08\x02\x9d.+\xac\xf1\xadY,:H\xa9 \x08\x0c\xfcoo\x05\x04A\xe8\xce\xb1-\xa8\xc76\xdeTn\xd9[\x01a\xcf\x15\xb7\xe5\xab\\w\x1a\xe56\x82 \x08\xc7B\x9b\'4\xe49\x10\x05\xb9\x1f\xb5ejLn\xdfG\xabW\x84\x98\xc8\xe0:\xa17\xb7\x93\x88P\x96\x18A\x10z\xf1\xdc\xde\n\xe4\xd1\xea\x0f\x0f\xc9w\xb4-\x88)F\xa0\xc4\xfeO&amp;4\xbf\x04\xe3\x14\xcb\xdf9\x12\x84 \x92Q\x05A\x10\xa84\xcd\x98\xf2%\xcd3b\x8a!\xb8\xdf\xba\xec/\x7f!xL\xc6\x0f\xe4\xf15l\x8f\x18D\x10\x84\xa3\x06\x01n\xd7\xae3\x94\n\xe6\x80\x1c\xe5\n\xc2V\x183\x96\xf7E\xff\xfb6\xfa\'\x1d\x05A\x10\x84L\xe4\x04\xba#\xf20\xf7q"\x93.t\x81\xd1\xeb\x8e\xd6\x87\x8fs\xd4\xc2\xb1\x93\xf3\x87\xc0\xe4\xbcax\xf6\x7f\xe3K\xfe\xb8I\x07\x10\xbb,&amp;\x12\x92}\xd9\xdb\xffq\x9d\xb5\x10\x8e\x11\xc6&lt;\x9f\xf1\xb78k\x83\x00\xa7\xae\xdf\xcbh\xa3\x16\x04A\x10V\x07"\xfci\xfbr\xbcY\x8f\xf2\xa0\x97 \xac\x13\xd2\x9d\xc9An\x02\xa0\xf2\xc1\xf8F_b\xd1\xa2\x17A\x10\x8e\x00\xc9&amp;BK\x1an\x00\xc4\xb7\x05a\x95\xach\x03\x00\xfa\x06\xe0i\r\xba\xaa\xdb\x85 \x08\x82 d \x1f\xf5\x13\x04\xa1\x1a\x83\xe5\x96\xa7\xa1Jm\xf5$\xbb\n\xc7\x89&lt;\xfav\xe4 \xe2\xfe\x13\x03\xe2\t#sX\x9ev;\x99&amp;A\x10\xd6\xc2\xbe\xaaN\xceZF9&gt;\xa5\xbd\x8c\xec\x87\x84V\x92]\x85#%\xe7C\xc0m\x91}yE\xf6\x89O\xce&gt;Fg\xbf&gt;\xf5\xd6B\x10\xea#\xc9hKp}\xaa\xf8\xa3\xf5\xf2\x9f,\x7f\x82\x90\xc7\x9f4\xe9\xa5\xf2\xf3\x7fGL\x93OYI~-\x04\x11\xf1\x9fe\x99\x12\x04\xe1XX&gt;\x04\\\xbd\'y\xfeG\x10\xe8|B\xa2eCT\xaf\xfe\xc5[J\x91\xbf\xea \x08BG$\xf9\x08\x82 \xdbeA\xe8\x80D\xdcJ\x91\x89\x13\x04A\x10F$\xf73\x00\xb2\x07\x10\x84vl\xeb\xf9\xff\xeb\x1c\xcf\r\x8dmM\xdc\xba9\x12\x97k\x8f\xdc\xa2\x14\x84\xa3a\xb9\t \xdb\x00A\x10H\\r\xfe\t\x11\xffZR\xc7\xcc\xa1x\x1a\xdf \xe3k\x18\x02\x91\xf28b\xa5\x89\xe8h\xbaV\xdf\xa1)\x11-\x08\xc7\x81\x84\xba \x08\x99\xc8c\x84\n\xab(\xfd\xf7\xa0\xe7\xe7\xb5@\xd0\xb9\x8ag\xf6\xf5\xf6\xfa]\xb7\xfc{\xbd\xb5X\xb5\xf2\x82\x90I\xde#@\x85\xf7\xb5W\xb4\xe6\t\x82\xc0\xccn\xb7K\xfe\xca\xedu\x97\x17\x01\xb8\xbe\'\xb1\x01\x8a\x9e\x08+\xcc\xe1&gt;;\xe3\xe1&amp;\xccR\xc32\x0f\xad\xeb\x04\x87;\xe7\x18\xe9Z\xfc\xd7\x07\xe2\xfa|Y\x108\xe8\xf2w\x00V\xb4\xe6\t\x820\x83\x00\x7f\xd7[\x07a\x00v\x1b\xca\xe1\xb8\xff\xcaI\xa5\x08d\xaf\xff7\xfe\x17\xa6v\x00\xb0\xbb}o-\x00\xa8g\x8b\xc6\'\x16v\x9b\x9f A\x10\x04AX)\x9f\x8d\xad\xeb\xab\x7f\x08A\xe8\x04j\xc0\xff\'^\x94\xc1 w\xf5)j\xc8\'\x16\x04!\x85\xa3\xff\x94\xcf \xd9M\x10V\x88Z]\xc1\xf4\xef^i\xcf\r\xbb\xaeD\xeb\x12\x89\xd3-S\xedAs\xc3?\x85UC\xdb\x00\xc8D\x0b\x02\x91&amp;\x7f/vX\x8ey\xec\x82P\x04&amp;B\x97\xab,\xe1\xa8\xbc(\xac\x17\x04\xc07\xfa\x8b\xb3\x9ay8\xdd\x03\x85\xb5"\xd5\xbf \x1c8\x81\x90\xf2\xd6\xfe\xe5\x0f\x85\xc8\xd3\x81\xed9B7\xdb\x1ay\xe5\x14\xf1pn\xf9\x0c\xea\xa1\x13\x04\x80\xe4\x07y\xa5\xe0\x1b\n\x04@8q\xf9\xc5A\xf2g\xc79\x90\x8d\xc1\nA\x80\xb7{\xde\xda\xd0\xc7W\x04\xa1\x8c\xf0\x87\x80\x89\x8f\xfdl\xfc\x9e\x9ad\x0bA\xa0SX0\xe1\xfe\xebX.\x1aI)\xea\x1f"\xc9\xebm\xc8\x84\xb5\xe5D\x1aa\xb7\x83\x9d\xfa\xf1b\xd3\x0e\x15\xab\xff\x98\xa3\xc9gD\xd7\xc6\xad\x01\xbe\xd8[\x07A\x18\x9e\xe0R}x`7|{Tn\x9e\n\xdc\x88/EA\x18q\xd7\xed\x7f\xb6\x07q\xf9\xf8\xdd\xb5\t\xcf\x02\x05\xf3\xc9\x92mR\x92\xcf\n\xce)Zh\xf8\xc8\xca\xf2\xd7Gl\t\x1b\xdbg\x8e\x9aK\xcb\xec\x08BO\x88k\xb6 \x08\x8c\x0c\xb5\xebvT\xf0\xd3;\tm\xdc\x12\xe2\x9d{_\xd7\x85\xb4\xb3X~\x1d\xdf@\xbdQ|f%\x0c\xbfi&lt;Z\xfe\x11\x11\x11\xbe+\xb3#\x08\x9d\xd9b\x10\x8eT`\r\xcc\xb7{+ \xf4\xe5&amp;\xae\xda\x9dz$\xcf\xb4\x07\xf0\nW^8\x7f\xb3\r\xc0\xc0\xa7!\xe7\x1d#W\xb7\xd4\xa1\xb0/\xd9\x00\x0c\x8bL\x8d l\x87\xb1\x82y\xa8\x13V\nm\x15\x9e\x93\xef\x9aL$\xf0R^\xb8\xc7\xf7\x00\x99\xa7\xe9\xc6V\x04\x01\xcev\xc7v\x012lPD\x8d\xf9\xf9\xfa\nd|h\xa3o\xa9\xf7\xf0~]\x0ba\x94;\x8d\xa1\'\xb8\x86\x8dGA\x10\x00F\xfc\xb6\xcd\xd1\xf4\x89\xd0\xc9\x80\x88\x00\xafk\xdd\xa90\x00\xccg\xf6\xd1\x9d@\xa2\xb4\xdfFD\xc4\x07\x9a\rW\x14\xd1\x8c\x9c\x83x]\x93\x04\x92r{\xa4\xdc\xaf\xd8\x90:r4\x96O\x16\xcd\x9c\'\xfe\x07C\x04A\x18\x90Q\x12\xfd:\xe9f\xbdz\xeb\xe28k\x7fm\xd67FW\x81^&gt;\n| \xd3\x1e\x80gO\x92\x05\x9f5\x18\x19J\x19:\xdd&amp;Q\xd0\x19\xcd\x9f5*$"A\x10\x04!\x13\x9e\x14|nY\xfbG\xa5\xda\xa2\x1b\xdc\x01\xa4\xfc\xe5`Z\x93\x87p\x97\x0b\xaaA&gt;\xc9*Y\xeb"\xb5I\x15E*#\xd5\x7f#\xae\x16\x8c\xdf\xe1g\xc1J\x11\xbfg_\xb2\xd2\x10\x10\x04A8f$q\x0f\x87\xab.\xe7\x9a\xa6\x9b\xb3l\x00\x88\xf0\xcb\xd4\x0cB}\xf0&amp;\x91{R\xf4\xa8\xd3ucx]+\xb9\xf7\x94\xc2\x11\x01\xfbj\x9bM\xfc+w\x91\xe7C\xedu,S+\x11\t\x820\x067\x1b\xf7[5\x06G\xec&amp;0\x93Q\x97\'\xd5\xd9\xe1\r\x00\xf7\x1e\x80U\xe0\xaca\xe7B\xe4\r\xc7T\x06QR\x1c&amp;V\xf3\x00\xb0K\xf3\x8d\xb8\x7f\xae\xb56e*\xac/\xc2\xa3\x8dE\xbd\xd3\x01A\x10\xc8\xac=\xfcd\x8f!l\x13f\xc7vU\xe4\x96\xfc\xe5u\x84\xc0eN\xbe\x18\xdd\x00\x8c\x18\xa75w)\x82\x9f\x83\xb5\xc3\xf5e\x0b\x9f\x89\xcc\xfb\x8a\xd7\x97A#n\x8fD\x9c ds\x02\x9b\xa4\x8f\xb4\xf9\x06\x89j\xec\x00\x9e\xbf\xffi\xe8|7\x18b\xa85\xb0\xdbq\n\xb3_B\xd0=\xe1\x90\x08\xf6\xff\xa7\xbcAS#\xf6\xe0\xcc\xaa\xd3\x8c\x90\x02!\x15\xef\xf6^\xf5\xb1\xc8ED\xdf+`\xb7\xdb\xed\x02\x81\xb6c\x0e\xc3\x86\xb4\xb0^!!\xcb\x0b\x82\x10\x80\xafp?)\x93\x9c(UK\x80c\xd8\x00\xb0}dS\xe6\xe2\xd8p\x1c\xc9#\x02&lt;az\xffM\xae\x83\xf0\xeb\xd1\x9f\xa5\xa6\xc0?*\x1ef\xf5N\xe4\x15\xcb*m-D\xef\xf6 \xfcW\xea\x83=\x02\x05\xa7=\x11\xae\'v\x16\x84M\xb1\x03\x00D\xe4\xdb@\xe3\xf8\xa7\x05\x1e\x10`\xb7\xaf-v;X\xed(\x1aS{\xba\xd7\xebNk\x84dmg\xfd=\x87\x8c\xf1nz(\x91\xca\xfba\x0f\xfc\xa6\x04\xc2\xa8\xde\xde\x1c\xb5\xc7\x8b\x00\xff\tp\xd6\xca\xbd\xb0\x82\xa8XeP\x7f\xd8\x0c\x88\xc8\xbe,\xb2\x16\x1e\x82 $s\x02\xb8\x97\xab\xbc\x07\x16\xf7\xa7\x81+=\x92Q\x8c`&gt;\xd2 \x04\xa8j(Y\x1eZ\x92Y\xfd\xabo\xbb^XiB\xc8\xa1\xe0i\t\x8f\x89pNG\xb5\xcd\xb8\xaa\xea\x1f\xf6\x9b\xcb\xdd\x90\x0f\xa8\x8c\xef\xed\x0fOm\xc0ab\xcd,\x87L\x12)3\xc6\xb7\xa4 l\x90\xac\xfb\xec\xea=\xfa\xdb\xad1t\x87\xfe\x94\xe1\x90\xac\xceV\xeb\xd2v4&lt;\x0f\xe4\xcc\xcf\xfc\x87\x1e\xda\xe1}\x04h\xd8y\xcc;:y\x9c\x7f\x030\x8f\xb7p\xc8&gt;\t\xc3Zr\xbd&lt;\xac\xb7\x02\x01^\x96\xf5\x10]j\x13\xe3b\xb4:\xfd!A\ry\xbeK\x10\xbaq\x8f\x8c6\x9e\xca\xa0*L] \xc2\xc7\xa7\xb5\xf6\x0e\x92t\x84\xcd\xf0\t\xceE\xd4[\x91\xbb\xdfK\xfc+B\xa4\xea?\xab\x82i\x06\xbbbs\rT$Y\xc9\xc6_TD\xf5\xb2d\xf7\xc2nX\xff\x19\x92\xe4\x88\xc3i\'\x8c\x00\x7f&gt;|\xcc\n\x82\xc0\xc6*\xd6\xe9\x99OO? \xacI\xed\xca\xf0\x1d\xb2^~\xe8\xf3\xdamS\xd1\xf2\xcer\xbc\xac^O\xa8\xfe\x8f/B\xf1{\x85C\x9e\xfe:\x81n\xbd.\xb1\xb9W\xa0\xdb\xc6\xa3\xa1\x0b\xb5\x19f\xfd.J\xcf\xf2\x1a\xfce\x0cuZ\x8f-9\x08B&amp;|_\x03\xbap\xf8:\xb4\xefT\x10]\x81\x0b,?\x8e\xf6(\xe9p\xe4$\xd6wf\xb6\x13J\x99V\xedS\xd5\xee\x88%n\xd2\x0b\x8c\xe3\xf1*D\x84\xaf\x16\xca\xd8\xed\\\xf3\xd4\xe3\x01z\x84\xdd\xeely\xfd\x16\x17\xee\x8d\x07\x9bd\xde\xbcq5\x89\x82R7\xd9M\x1f\xd8\x88\xb2/\xdf?\xa1\xfcJhc8\xc5\xf1$\x06Ah\xca\x17\xb7\x1d[\xd3\x11\xc2\xd1\x9d/\x12\xf9\x85\x9cF\xdaq\xa3\xd0\x8c\xf90\xac\x8a\xd9\xf5\xc3\xf8\xc8\x1d\x00\xca\xdfjMe\xdf\xaal\x10\x81\xe3\x8f\xfd\xa0\xfe\xbeL&gt;\x17\xc8\xf9g\xa4:$7\xb6\x1eY\x92\xf3\xa0I\xde}t=\x88\x92\x83\xa8\xe1\xc6\xca\x0cCk+\x08\x02\x17\x9c\xa1.\x19\xa4?\x9f\x13\xe3s\xb1\xb7\xe4U\xeb\x08\xbf\xad7R\xdc\xc5zlN\x93\xeb\x7fu\x1b\x90AX%T\xfe\r\xc2\x00\x05k\xfa\'G\xc73\xe3\x9e\x01U\x02\x80\x178^\xeb&gt;\xe9\xeb@}\xb6M,&amp;\x08T\xba&lt;\xf5\x82|\xfd"\xc0W\x00\xce\xc6#k\xca\xb6\xbb\xdd\x19\x01\xbe\xce"s\xdb`\x85/\x87\x16\x98`\x8c2\x97t\xc4\x1d\x00\xec\xce\x04\xf05\xeb\x1d\xedw\xc2W}\xe7W\xf2[\xff\x1equ\x12\xebNh\x05\xd4I\x1dDs\x9c\xac8\x88&gt;\x02\x0b{O+\x99\xd3\xd5\x05\x97 0P\xe33\x00Qh\x91F\xdc\xcd\xbf\xaa\xfc\xeb\xab\xe7\xba\x1f\xe0\xa0\xdc\xd7\x8ben\x03\x84\xf3E?\xbf\xb5\xa2\xbcyT\x87C\xf5\xe7e\x07V\xf5o]"\xd5?\t\xf7\xe3\x1f\xc6\x1fU\xcb\x95\xdc\x0b\xfa\xf7\xf47R\x12q\x7fV\xdcY\r!\x85\xf8\xd3\x83-\xb4\x10\x04!\x9d\xfc\xe0,\xbe\xcbO\xed\x07n\xbft1\xe2\xb3\xa1=\xc1\xe9Qr\'_\x94\xe4{\xc4x\xb7\x85i\xf7\xe2[?\xfcS\x95O\xe5?\x84\xa0e\x9e\xbb\x03\xe0\x8f\x18\x9eg\x18\xd3J\x1a\xcd\xa65\xd6\x0b{\xd7\xbf\xa3t\xb7\x82\x89\x18\x12\xb1\x9b \xac\x94\xc7\x1c\xd2\xdfi2\xd3z\x87\xd4y\x0bI\xd6t\xc4VG\x8d7&lt;\x93v\xd1\x1b\xaa\xfe\x01J\xbf\xa6\xc6\xf8*\x93q\x87\t\x80\xbf\xc8\x13\xfe\xed&amp;w\x96\x7f\x91F\xfe\xb3\x02w\xad\xcc\xe0&gt;,\x08B5\xe6\xf4w\x05\x9e\x151|Yj\xae\x91\xc4\x04\xca\x01\x7f\xe6\x0eM\xccx\xacD\x8b\x1bj\xe4fU\xff\xf5\xef\n\xe67=\x86\x82\x0fO\xc27\xcc\xf6\x1b\x00\x80WW\xeaB\xd0\x91\x05B\x10\x8e\x97V\xc1?\xfd\xc1\xd1\xc4f\xaf\xab\xa2\xcc\xca8\xf23\xaa\x85\xc9\x0e\x7f\xd5[\x91\xf1a+\xc7s\xca\x7f\x92\xaf\xde\xa7@+\x86\x11e7/\x83\xe7H\x9eA\x91\xc4\x1e\xdbl\x00\xf6}\xd5\x14\xde\x13I\xe3.\xc4 \x82\xb0yj~\xdf\xf9\xe6\xc9]9\x1e\xa4\xfer\xda\x95/?,\xe5\xec\x91\x90U\x91\x93\xe4\xf0m\x00z\xf1\xde1\xd4+\xd1\xa1C\x080L\xeeuk\xa8\xbd\x9a\xad\xc8\x1aB\xa3=\x08o\x9a\x0b\x03\xb1\x8c \xe4\x83\xf0p\t!\xc1\xcd\x06\x96\x9f\x9b\xd6\x1e\xc2\x9a\x8dccU\xe4I\x8f\xea\xb9\x85\x90\xab\xffMYr\x18\xae3\xfd\xd0\xc1\xbce\t\xe4zpKDD\xf8\x14\xbb\xe6/\xe5\x13\x85\xd6\xaf\xb2\x01\xa8\xcd\xf4\\@$i\x88\xd1\x04\x01 \x14\t\xb2\xee\n~V\xb8\xfc\xd8\xaa\xb2\xfe\xb1UGw\xbfXGr\x1f\\u9\xa9\xdd{\x0f\x99\xe4f\xb3\x94\xa4}\x80d\xa1:\xa8\xa7\xa4g\xecph\x9a\x96=\xacb\xfaa\x8d\x92O\xee6\xc3\x95mrU\xf0\xbd.\xd1\xe1`\xd9\x00\x08\x82\x10A\x8f\x13\x89\x9c\xe3\xa2p\xae\xd7\xe3-\xeej\xa3\x96\xfek\xdb\x1aQ\xf0T\xe7\xa4\x12D).SJ\xff\n\x0b\xf9\x8dY\xa5\x11Ax\xf5a\x14\xf3\xa0\x0e\xa5[\xcf\x0f7/\xd3\xb7\xe7v\xc3V\x93\x9d\xa3\xa9c\x9d=\xef\x81}\xfct;]\xd6\xc4\xa8\x9e,\x08\xc2\x08l\xb1DKC9a=\x82UD+\xb9\x96\xd7\xe0\xc6\xbc&gt;pXx6\xe4]\xa8T!\xfe2=\xb2\xdc\xe2|k&gt;\x95F\xa3\xb45f\xac\xf9\xe6\x81\xd8C\xeb\xec$\xb8\xfc\xb0\x11w\xadB\xa7\r\x80\xb2Q\x14\x04AX\x0f\x7f\xd1[\x01\nG\x9bX\x93\xaa\xb7\x8d\xf0\xab\x87\x91~Ly\x8dy\xe0\xdf\xdc\xa01\xcd*$\xbdX\x0f\xed\x1c"\xd5?CU\x9a\xe9\xe4\xfe&amp;\xff\x94&gt;\xc5\xf3@\xa4\xa4[)\xdd6\x00\xac\x1b\xb3\x9b\xd2n\xd6\x01\x00\xc0%\xc4K\x05Ah\x8a\x1cD5\xc0\xae\xdb\xc6\xb1yUM\x1a\x0cs\x1cK2b\x16\xf7\xc1=\x80\xf1!&lt;,\xda\x00\xb0\xa8\xce\'m\xe5\x8c\x99]\x07Ti\x10\x10\x11\xe1\x1d}\xec\x83\x88\xf0\xe325\x82\xb0AN\xe8\xad\x80\x8f\x1d\xecv\xbdu\x10\xfa\x81U\x1f\x8a\xd8\xcd}\x00 \xc0=\xaau\xb1\x16H\xa6\xb6\'$0HD\x98\xce\xba\x0f\xc7\x97\x19\x87\x98\xbb\x89\xb4f$\x8e\xb7\xa6\x99\xa7\x86\x83\xab\x00\xe0Y\xc7:;\xd8\x12\xfb\xc7\xc3`\x07\x00W\xec\x93Rv;\x80\xcfu\xe9Y\x10\x04\xc1\x8d\xac7\\p\xde\x01\xf0\x1c\xaf\xa6J\x96\xc9m\x08"&lt;\x82hp\xc7e\x99G\xfa\xa4S\x7fN7\xd0\xc5\xb6\xf9\xd0m\x07\x10\x11\xceM\xfc(6W\x87rS\xa5\x1e\xb7\xec\xad\x80 \x08\xc2p\xc8\x92\xc3\x06_\xbd\xc5_\xb7\t\xf5\xb9Ua\xfbj\x1b\x800O\xc8\xd3s\xfeq\x9b\x8e\xda\xb8\x16\xa7N\x96 \x08\x820\x16\xebzPA\x05\xd7\xac\xfch0\x1aS\xe6\xc5fo\x93\xcd[\x86\xb3\x0e\xdc\xed f\xae\x12{""\xa5\x8b\xad\xc2\xe4\x8a\xd3\x84\xd7yFK\x10\xd8\xd8\xbb\xea\x0e\x00v\x17\x01\xf8xou\x04a\x08\x86\xfd\x0c@\x14\xdf\x92\xb3\xd1\x83\xbd\xba0\xae\xdf\x1b+\x05N\xe4\x10\xf2v\x0e!\xe3\xc3\xfb\xb8~}GB`\xc9\x15\x95\x8f\xc0\xffa\xdc\x9b\x15\xbb\xdd\x0ez}VkH\x83t\xe6\xdd\xbd\x15\xe8\xcb\x95\xf5_U\x0f\xf9\xe0nyI\xaa\x7fA\x10\x04ah.\xde[\x81Rp\xf9\xe4/\x9e+\xe1\xc9\x1f\xe2\x17\x14\xfeB\x89jpw\x96\x8f\x01\xd0\x1fX*\xea\xa2\x9a\xf0\r\xb3\xdd\xa7\xbc\x16\xb6=\xba\x0c\xc4 \x82\x90@\xf6\xe9\xcdy\x01\xfe\x8dS\x11A\x10\xb6O\xa4\x9a\xdd)\xff#\n\x9c\xdb\xa5\xeaP\xf8\x08\x901\x92\x86\x8f\xc1\xc4\x9e(\x9b\x15;\xdeg\x9c`\xfbOy)N\xdc\xa6\xbf\xcdZR\x10\x84\x14\xa6\xc3\xb3\xed\x1f\xb1\x08\xa3q$\x07\xa2[\x1e\xe3t4{^\xeb\x0f\xe2V\x1f5cw)\x9fW\xe6c\xd6\xdc\xff\xd7\xd6\x10\xd5\xfc&lt;&gt;\xf5\xe6}\xdb\xcbS\xb3\xd1\xcdN~\xdf\xe8\x95\x9b6\xb8 \x1c5slc\x9f\xc5\xaf?G5\xd8\x119\x1a\xaf\xf3,\xa5\x19c\x1f\xdeV\xd6#@\x8d\xba*\n\xe7\xd7\x1d\x9en\x1a\xd2\x15\xe5tf\xcf\xaf\x1e\xbd\x05\xcai\xba?\x17\x04adn\x02\x00\xca!\x13HR\x10\x1as\x1c\x1b\x00\'\x1b\xde\xfc\xb4\xd8\x00\xf0\xed46&lt;\x11\x1b\xe2\xf7[\xde\x03Q\xeb\xe3M9\xc6\xc1\xd5\xc7\xda\x00 \xe1n\xc3O5\xd2E\x10\x8e\x8c}:8_O\x05\x12\xb8\x8f\xd5\xda{\xf7&lt;K\x19A\xc8&amp;\xd5\xe5\xb6\xec\xa2LU\xb5)a\x16;\x97\xfe\xafCJ\x01\x11\xea\x82p :T\xc1t\x9c\xa0\xeb\x8f|W}\xdch-\x8f]\xcd\xacK\xdb\x99h\xfc\xba\xdfU\x0e.\x05AX%I1\xecH\x04\x9e\xc5{~QVn\xa1\x19\xe2i\xbc|\x06\x11\xe1\'4\xab\xea\xab&gt;\xce\xafV6\xfe\x91\xcf,\xea\xff\xc2\xfcC\x0b\x8d\x00\x00\x10^S\xf1\xfb\x9a\xaaI\x1e\x9c\xc6\x03\xcf\xeb\xee8\x1fZ\x16\x04\xc1\xc4\x97\x02\xbeM^\xb1\x84\x00b=:\xcf\xeb\xad\xc0\xd6P\x9eW&gt;\xd5\xfc\x9ag\xc3_Q\x8b\x9a\xc2\xd7\xc0S\x07|nd\xbd\x8coC\x96\xbf\x97\x12%\xff\xa3\x08\xad&gt;e$\x08kB\xbe\xd8K\x10\x84-\x81\xd3\xf7?\xc2!\xbf!\xa2\xe3k:17\xfbe7&lt;*\xf6e\x96\x18\xeaHh0\xdd8}\xf1i\xdaw\xfeN\x8d\x0f\xbf\xef\xa0\xdb\xdf\xae\x13\x84\xd1X\xef_\x02\x16x\x91s\x11a\x1b\xecv;\xfd\xe8\xf9\xf0W@\x1b\xdf\x04\xd8\x18\xa9\'\xaf;\xa9\xfe\xb9\x19\xf7\xf9\xf5\xe9!\xbb\x9a\xea\x1d\xaa\xff\xac\xa6\xfb\xb6\xfb\xd4 \xd5\xbf L$n\x00R\x12P\xee\xdd\xbaAs\xdc\xd6\x91\xb4\xb8y\xba&gt;\xde\xd6\xf4i\x90\xddtLx\xd1\xfd\xaf\xf3\x7fX\x84\x03@\xd2X\xe4\xa3\x87\x02\x03\x08\xf0\xbf\xbdu\x88Pw\x11\xc9\xfa\xb3n\xcaFTJ\x7fA(!\xe9\xf9\xb9\xcc\r\xc0\xf1\xae\x94G;p\x81\x8b@\xc4\xd1?\x91Y\x87\x0e\x8f\x83\xf3\xf6\xf88M\x1a5Ma\xbf\xef\x0ce7\xb8$(\xa1#\xf2y\x12A\xe8\x8a|\x80F\x10\x06\x84\xef\x1b\xee\x87\xa2p ,v8|3\xd8[\x11\x01\x9e9\xbfH32\xaa\x1b\x80\xe6\xf3\xa2\x16L\xbf\xb0\xda\xe2I\xca&gt;\x151\x85 \x08}\xd8\xafa\xdf\xee\xadFUd\xbd\xd9$\x0f\xd8PY\xec`\xa3\x1b\x80\xce\xcc\x7f\x02I\xf9f!\x00\x80\x97\xa5\x19y\x90y\xd9?&gt;\xb2:\xdf\xf8\xd4\nu\xaeD_\x17\xfa~\xf67\xf0\xe4"\xf3.\x08c\xf1\xd9\xbe\xddWXG\xf3&gt;\xa5\xd0\xfe\x8b\x05\x05!\x8cY\xa7\n\xc5\xe8\xdb\xaa/\xcf\xdf(\x92d\xe4\x82\r\xc0\xeb\xf6\x1d=M\x0e&amp;r\x11\xa3q\xd1&lt;\xb7\xc8A\x86 \x0c\x03\x02 \x9c\xa6\xfb\xa7\xd9\xf0\xb5\xc9\n \x00\xfe\xae\xbbU\xdep\xdc\x8fS\xf7&gt;\xe1\x13\x84=\xe2\x87\x8c\xa8\xe5{\xa6a\x0b\x8e-\x10\\\xb7 \x04\x1a\xdd\xef\xbal\x8c\xb6\xc6\x94\xb9\x13\x84a\xe8\xf8i\xb6,\xa6%\xb3|\xfd\x16\x04a\x9d|\r\x00\x00\xceSX\x82\xff\x06\xe2\x83\xbb\xe5=T\xefC(I,w8Eip]Y\x14\x01\xce\xd9[\x87\xa1\xd0\x9dG\x0b\x8a\x15Mk\x16\x91\xbbp[\x1f\xbe \xa4\xd3\xe5\x8b;x\xa5-O\xf1\xae\xe4Da\x15Jn\x8eu\xf8\x86\x90I\xee\x06`*\x1ar\x9b\xeb\xbf\xfe}\xba\x04\x972S\xf5V&amp;-S\x03IP\x9b\xc0&gt;\xce\xdb\xf6\xb4\xce!|c\xef\x05\x82 \xe8\xb4N\xf7\xd6)\xd7\xa5X\xa4\xc2\x85\xea\xdd\xbb\x90\x15q\x04d\nJ8Eo\x05Riv\x1fR\xfb\x0c\xc0;\n:U\xe5\x94\xe8\xb3\xb8\xfa\xbd&lt;\xcf4R\xe5d+0&gt;\x7f\xde[\x81\xf1a\xf1F\x83;\xaf\xc4=\x9c\xacWsA\xd8\n\xfa9=\x9a\xdf\x1d\xeeXD\x1f\x93 \x99;\xc8+\xe4P!\x0f\xc6)h6\x9b\xbc\x0e\xb9\xf9\x8d\xe82\xba)\xe8\x1e\xda\xa0S\x03\x16A5\x0f\xef\xe3n\xb0\xed\xac\xb5\xe1\xa1qr&gt;\xfdn\x12\x07\x95\x1d\xbb6\xeb\xd5\\\x10F\xc1\x8e\xa2\xd3\x11BkICzJ23\x94\xbe\x12#\x0c\x90qd\xb1\x19\x815&gt;\x99PAg\x04\xb8\x08\xab\xc0\xa1\x98B\x1e\xfe\xa8\xednG}X\x82\xeb\x0e@U\xe5C\xc2\x99nD\x8c\x0b"&gt;~\xa3CK\x001\xf6\x17sk8\xe1\xd1\x9b]\x10\x8e\x1b3\x05\x90W;\xe7\x06\xc0z\xceU_\xbd\x9a\xac\xa6\x86\x9a\x92\xe3\x86\xa3\x83\x1b\x90\xa0\xec{\xf9;\xddnm7\xce\xa02\x9d\x8d\xaf\xf2\x0e+\x10x\xeb\xb2,\x9b\x99!i0\x9c\x95Xl\xb3\x19@\x10\x84\x8dc\xacLv"\xd3\xdf\xad\xb2\x92!\xc0e\xfco\xb1\xf7%\x141\xe2\xa1f\xbf\x1a\x8b\xd5\x0e\x0f\x91\x1d\xaf\x8bJi\'\xa9\xf7\xe0\x05\xa1\xb70{\x03#\xac\x07\x99_A\x10ht*\x9e\x94g\xfd\x01\x01NJkd\xe9\xc9\xafyx\x8d\xfcy\xee\xbe\xb6A\xc7\x81\xa8\x0fi\xf8.\xa0\x0bc\x19\xc866\x00\xd0|\x08]\xbc\x08\x01\xee\x94\xded\xd8\xc8\xf5\x8ded\x9dS\xf9~o\x05\xd6\xc8\xa5+\xca\xc6\x1a\xbb\xe2r\x81]n\xc3\n\xc2\xcaXM\x18\xd8uU\x8d\xadK\xa0\x94\xfcJ\xff\xbfCl\xf3o\x15d\xa62\xa4\x0b\xcdw\x06\x9e3\xa4z+`\xf3v;\x85\xdc\xe5X!2e\xa3Y\xc0\xa9O\xed\xf2\x9d\x85\xd1,)\x08G\x01Z?\x10\xda\xf4\xfe;\xc4\xdc\'\xbb\xb8\x97\xca)\xf36[:\xea+\xa2\xd5\xc7.\xd7N\xde\x03\xe5\xc7\xc0z=\x07\x01.^M\xf6Jm\xb2%*M\xc1\x06f6u\x08\xeb\x8dqAX7\xcd\xbe\x19\x83\x11\xf6\r\xc0\xba\x86\xbf&amp;\xa2\x9f\r\x18\xeb\x93\x03\xdd8\x1a\x0b\xbc&gt;1\xd0\xcc\xc0$\xb6\x1d!\x9c\x7f\xaf\x9ad\xc9W#P\xe7\x1b\xf0\x8eqf\x8fp\xc8\x820\x06\x87\n\xac\xf7\xb9\xbe\xe7g\xdf\xc5g\xf6\xbf\x955\x10\xa9AI\\)\xb5\x81\xd4\xf7\x1cl\xc9\x80%\xa7\x83\x1b\xf3\xa5\x82\xb1\x1cc\x998\x1a\xd9S\x10\xfc\xb8\x0b"\xc05\xb3\xc4\xae\x94\xdd\x00\xe5\x87 \x1c5\x7f\xd0[\x01\x1e\n\xcaMI@\x14\x92\xad\xd4\xb5b\xab\xd7uF\x15\x9b\xdbS\x9f\xbbs\xc3\x84C\xe6\x1d\x80\xa2.\xebw1\xec7\xe7\xae\x8e\x9b\xf6V@(b\xb8\xaf\x8f\x13\x04A\x10\x04&amp;\x8a\xea\xbc\xb1\x9f\xd0\xab\xaf\x92\xf7t\xd0~1\xcfD}\xac*u\xcf\x96\xf8\xc41o\xd1\xcb\x90(\x10\x84m\x93\xf8\xed\x04\x7f\xbc\xbat\xf0\xe0\xe9\x87\xd5i&gt;\xb3^\xcd\x87\xe5f\x000=(\xbcI\xf36\xb8q\x8f\xdb\xfd\x9bJ\x08\x88\xf0Zkh\x9b\xf5\x96\r\xd3\xe5\x19\xda\x01\x9dd@\x95\x04A\xe8\x87\xf2\x01\x034_\xdc\n\xca\xe9\xecv\x06\xd5\x89M\x1ap\xc3%]\xcdq\xb9RG?\xea\xe8\xa0\x8dNr\xc8\xea@\xeb\x07z\x93\x8d\xb1\xd5q\tB]N\xe8\xad@5\xe6*\x7f\xa7\xbc\xb2\xa1\xd2\x7f\xcfn\xb7SF(D\xb9\x8e\xe7\xf5-\xed\nU6\xec\x1bu\x87\xb6S\xfe\x07\xd0\xfet\\MVuF\xfalU\xf2\xaebGB\x15v\xd6\x0f!\xb6u\xf0e\x90\xed\xb7\x9b\xb5\x88 l\x0c\x89\xd5\xa3"\xfd\xa3\xae\x05%\xda\xc0O\xba\x87\x89)\xbc\xcaA\r\x89&lt;i-\xac\x99\xd5\xa6\xb8\x1a\x9c\x15\x00\xe1\x8cb\x10AH\xa6W\xcc\xb8\xfb\x1d\xf8\x91\x1eD\xc4K\x0f\xaa\xdb\xb6x\x82\xfa\x07%\xb2\xe1\x9d\xa96a\x12\xbe\xa9u\xe4\x9f\xf5\xb4\x8ds\xff"i^|\xb7\x95|r\x8exF\x8ee\xf8\xc3\x8dQ\xd9\x00&lt;Y\x7f\xe7\xac}\x14\xea\x06\xda\x0c8_\x82 \x18X\x81:\xc4\xd7Y\xf8z\x1fA\xb7\xa3\xe0\x86Z*\xef\xca\xa4\xc0=I\x8bJ]mKl\xd2\xdf\x92\x0c,S\xb0\xb7\xc3O\xd6\x1aTJ\x01\xf1\xdb+\xab6\xa6\xf2\x88Eg\x04@\xb8\xf1\x9a\x86\xbf!\xea9\xde\xeb\xeb\x88\xad\x84s\x03\xf0\xb0\xdeZ\t\xc2\xaaiS1\xfc\xaa\xf1\x99\xd7\xee\xdbw\xbc\xb3_\x01=\xc5\x8cN\xa2\x9eC\x8d\xc8m\xe7\xe6\x96_\xba\xabs\xb0\x94&amp;\xed\xff\x16\r\x9f\xb1\xe6\xeb\xcfa:*9Cr\xe0d\xa8Q\xdb\x8cm2\x18^\x11\xf1\xe7\xd6\x90\x0c\x8f\x8c\x95mJ\x0bqm\x00\x04A\xe0\x80\xb9\xee1\x83sM\xa9j])F\xd7\x13\x01.\xdcS\x9b\x14|vn\xbd9T\x14\x18a\x03P\xd8W\xf9\x10\xd6\xe2\xf9\xc54y\xd6\xab\n\xf7\x9f\x84{\xe4#\x8eq\x97U\xa8\xc4t{\xe7\x98\x1e\x83\x91\r\x80 \x94\x10\x0e\x98\xaa\xa9d\x8a\xd8O\r\x12\xb4\xe1\xc1\xaa7+F\xc7\xdc\x00\xac(-\x0e\x92\xc7\xabo\x00\xd8\xf9\xb6\xff-\x86\xd5q\x88I\x19\x911l\xb2|\xcf\xa9_\x9f\xd7J\x91t\x0c \x9cm\xfcd\xc5\x86l\x00\x04\x81\x8c\x19!se\xd3)l\x10\xaf\xb6\x82\xd2JhJ\xef&lt;n\xee\xf4z\xeb\xc3\xc1~\x08\x05\xa3\xf8\x0c\xe2I\xd7n\x84*\xe0\x08G\x03\x88\x08\'bx\xab?\xb9\xf1\xbb[*V\x9bB\xaf\x16zqK\xbeu_\xaf\xfe\xc5\x19\x04\xc1O\xfe\x06\xe0\xba\xdb\r-I\x1c#\xd15\x8f\xbb\x16\x92\rl\x00\x9a\x82\xd0\xe7o\x9a\xf6B\x1e\xad\xe9\xc5\x16\xddls\x8b\x11\xda\xb7\xa7\x96\x1c{Y\x16\xf9r\xfc/\x08u\xd9\xf0\xf6z\x83\xab\xc8\xba\x19a\x03\xb0^\xce^Mr\xdc,\xdab|w\x04\xf8\xadu}\xd4\'\x0f\xa9?z@y\xe4\xfdhg\xe4\xe4\xbd\x15P@c\x9a\xf4\x9f\x8b\xe7H6\x00\x82\xa0P\xa9R_Mt\xd9zF5_\xcb\xd0\x8e\x82\xae7s\xbb&gt;\x11\xc7\x03\xc2Cy\r\x98\xf0\x94\x8b\xe3\xb4o cf\xdaD\xb9M\xean&gt;F\xfd\xb1W\xef&amp;]uh\xc6\xde\xcd\x1e\xb0\xfeh=\x1a\xe6S\xb6s/\xcf\x1d\xb0\x84\x8c&lt;\x02$\x08\xb5Y\xe3w\x0bhg\x0cSv\x90/\t\x1e\x9d\x01R\xf9\xba\xfc\xdc\x00\xe1\xf3\xf8\x1c\xceb4\xe31\xf7\x11\r\x98\x7f\xa3o\xde\x00\xa8\xcd\xe7\x9f\xaf\xaf\x16\x1f\xbd?\t\x80\x08\xef\x1a\xd1\xf8\xac\xf4753\xda\xb6yC\xe3Rq\x9f\xfas~\x0c`\x85%\x8a \xac\x83\xd4#\xaeq\xe2P\xcd5\xaf\xad\xa0\xd8\xf5\x01n\xc4-3\x89qL\xcd\x05s\x1eO\xaf\xfcZ\x98\xb4\xf7&amp;\xe7\x08)4\xb8\xd1\xfc\xf0\xb3^\xfd\xe7\xc9g+\x83\xa0\xff\xe69\xcaIb\xeb\xc8\x80\xf7\x8e\xea\xb2\x1c`#\xc2MgGzpo\xbd\xd6\xc5\x08w\xe1\x04a\xb3$\xac+\x83-B\x155i\x98t\x02\xcf\xb9\x8ecj!\xcc\xa7\xe7\x9f\x06\x8b\x91\xedS\xcd\xe0%5\xf7|s\x92G\x91\xf2\xaf{\xca\xeb81\x0b\x05\x9e\xd2\\~@D\x80\xe7\x96\xaa\xb6\x06\xd0\x85$\x07\x02\x8a\x95~^&gt;\t \x08\x82\x83\xc2c\xbf\xd0\xbb=\x96[\xa1\x06\xcdwq\xf9ns^\x0eM\x8e\x84}\x89p\x92\xb22\x9d\xd8Kr\xab\xab\x9b\x9f\x8f,V\xa3O\xedX\xd8\xe9u\xe0\xa2V\xdbmVr&gt;+\xc9\x06 \x8boi\x9f\'\x96\r\x80 \x086\x15\x9f\x0e&lt;\x03"\xc0\'\x00\xa0^\x17\x00 \xc7\xfcd\xb2\xadtt\x0f\x1e\x1c\r\xe5\x13\xaa~\x06\xc0)\xedj\x05\x92\xd5[\x13e\xaa\xf6\xac\x1dS\x1f\xb1\x9b\xae?\xbar-x#w\xd0\xea\xff\x82\xbd\x15\xd8c\x9bE;\x80;\x98\xee\xacC\x99N\x10\x84\x05\x04\xb8G\x97\x03*\xc2\xc1@\xf6M\xfc\xbf\x9e\xfb\xc8\x92@\xec\xe5\x1f\xaa\t\xdf\x00\xa8\x9f\x00eO\xc4w+\xac\xc1Wd\x92\xb3\x19V\xbaB\xb3\x9c/&gt;-8\xfcB\xe1c\x96\x8f\x06\xa8\x9f\xee\x8f\xac\xaa0\x10\xae\xe8s\xba\xbax\x94 \x90@xv\xc1\x89i\xceJ\xe3zZ4wM\xa5.\xc6\xef\xactgp&gt;\xb4C\xa6\xe2 \xd0U\xbf\xa4\xd6\xa7\xeb\x1c\xbf*\xde\x00p\xed"F\x82w \xc8\xf1G\xafV{\xe8\xab;\xc6\x80\xa3\xd0\x0eD\x07\x04\xa7G\x9er\xfdg+Q\xc9\xc31\x99"!\xed\x1c\x93Y\x04\xc1\x07Z8/\xe8\xa2[1I\xc7H\xf3\xed{N\x05\xa6R@y&lt;\xa0\x9e1\x7fe\xaci\xaa\xee9g\xa0\x0b_|\x80\xa5p\xdfT\xf5\xff\x00\xf6}\xa97\x99$\x89\xe0\xd3\xc7\xddCM\xd95|co\xcf\xfbp\x8b\x1d\x90\x12\xd3mkg^\xca\xbd\xca\xecpRr\xf3A\x0cNL;#\xa8*\x08]\xb1K\x7fO\xf0\x0c\xb4\x01H\xce\xec\xea\x88\xdc\xa3P\xb6\x07\x88\x00\x7fX\xa2\x9eC8*w\x00p&gt;{\xdb\xb1\xf62(\xf5\xb7\x8eY\xc2\xb9T\xba\xc1(AQHy\xb1\xee\x93\x19\x9a\xa0X \x9f~\xa0\r\x00~o\x80\x82R1\xe9\x06\x1c\xafvZ\xd8\x80\x89F\x80\xbc\x95\xea\x16 \x19\x9d\x8a{\x08G\xceW|\xc5?\xc2\xa5\x07\x8f\x8d\x0f\x14\x04\xb0\xafU\xf5\x87s\xf6it1\xf20\x1b\xaa\xfa\x1c\xcfH\xd7K\xbe\xe7\x975\xf4\xb7}#\xfe`\xa4\r\x80\x9c(s 6\\\x1d\xe7\x1e\xfa\xcff\x1d\x96\xeco\'6;]\x15e\x04a-x\xcb\xff\xad\x15\xa6\x94\x03\xb36\xc3G\x00\x80\x7f\x99{\xc9:\xb78\xae\x9dC{\x06^\xeaF%\xbf2F\xdc\x7f,\xde\xfb\xeep\xae&gt;\x9a&gt;*-u\x1b\xd9\x0e\x82\x8fm$7\xe5\x8ez\xc2\x92\xad.\xbb\xfb\xa5\x12\xd2\x83\x00\x00 \x00IDAT\x7f\x17\xad\xab\xa6 \x8c\x8c\xbf\xfa\xdf@\x8eP\xc1\xdf\x8f\xe7\x08\xf5)\x9d&amp;\xe4W6I\x13\xc4\xff\x082\xb7\xc0\xaab3\xd8\xbb\xca\xe9{\xab\xb1&amp;\xf2\xf7\xcc\x91l3\x8eW\xac\x82\xd5m\x00\xba\xaf5\xc7\xe6`\xeb\x7fxl\xaaR\xbe\x9c\\\xb1Xu\xcep\x87\x0b\x82\xd0\x90\xe38\xfe\x9fn\x11\x0e7\xae\x94D\x9c\xfb=\x18[\xdc\xcee\x83\x00\x97&amp;_\xe9{g\xff\xd6;9\xf4\t\xf4\x8e\xfb\xbe\xf4`l\xf00\xcc\x13+wau\x19I8\xab\xabh\xbbs\xd9\xde\n\xd0\xe9\x9e\x96\xed\xde\xb7\xe1\x03\x01\x0e\xcf\xa0\xc2\x87\xd6\xbb\x13\x98\xdc&amp;\xfd\xbcr\xfb\xa5\x8e \xd0\xd8\x81\xe7\xdcn\xb7K\xf8d*"&amp;]\xdf\t&lt;\xfcg\x07\xd5&gt;w\x8b\xe9\x92\xf7\xc6\x8f\xb7\xdaOS\x86\x9d\xe7\xf9\xcd\x9b\xa3\xb9\xdf\xf3 ~.W\xc8\xe6\xc8\x98\xe8\xdc\x9e\xf6\xf6\x07\x80\xdd\x0e\x00\x01\xf7?l\x8b\xbd\x8bz\xc6\x85\x88;\xff\xbb5\xb4\x01\x80u\x7f4\x1fq=N\x82\x88\xd0v~\x8f\x1du\xc5\xdfA\xd5\x05\xd1\xd1\xf5\xaeaw&gt;\x1d\x8cWdQ\x13\x8e\x93\x13@\xf7\xfe\xddD\x8a\x10\x84\xec\xbb\xff&lt;\x9bo\x9a\x90\xe5\x1bw\xaaE;\x92\x95Y\xd8\x05\xf4\xe18\x1b\xc3\xdd\xd4M\x11\xbf\x81\x9f\xd3\xc5\x16\xca[9\xad\x17\x8c\xe9^\xc0F\xed\xbe\x9bw\xe7\xce7[\xda[5\xf1\r\x9a\xf5\xca\xcc\x9a\xea\x99+\x00\x00\xfcFo-\x8e\x96\xe4\xe8\xca\xbc\x0b\xbd|\xbb\xc06S\x98 \x1c/\x08p\x96\xdc\x86\xc5}\xd3J\xe4j\xb7\xfc\x14i\xdc\xc2\xd5\x87\x14\x0b4/\xd3\xea\xa0\xc0q\xde-\xed?^\xed\t\xd7\x11\x9fac!\xfa\x1cH\xce\x07\xe5c\x0f\x068\xdf\xbafzGB!\x9bt\xe9\x811\xd7\xc1$\xfbgo\x00\xd2\x97\xb0\xc4g{\x12\x05\xe7\xfdYRA\x10\x86\xe3\xc2s$\x07\x9e\x08\xfc\\\xfa\xf3\x82d.2w\xce(T\xdd\x00\x14\xeb\xfcb\x1ee\x8e\x89\xdeO\'\xcf\xa0R"\x13\xf5A\x80\xf7\xa4\xc8\xefN`h\x08\xf7L\xd60\xb6\xdb/O\x02#\x18M(\'\xd5\x13\xb6W5"\xc0\xb9\xc9W6\xa3\xdab\x8d\x88\x88g\x92\xea_\x10\xb6\xc2\xa1&lt;"\x1c\xf3\xd7\xa8b\xab\xa6\x12&amp;\xc9C\xe7\xbbQ\x15\x1be\x03\x90|dE[8\x11\xe0g\xc9\x17\xd7\xc6\xa9\xc0\xd7\x95\x81_-M\\Z\xf5\x80\xf0U\xba\x05\xd6\xfb\xd1I\xc1\x00\xd3gs\x7f\xf1\x1d]\xafo\x9a\x07e\xfb|^\xc3J\'\xf4j\x85\xb0\xf5)\x13\x84\xc1\x08\x9f\xc9e\xcaL\xd9\x00\xf4b\x84t\xd3]\x01\x1f\xc3*6\x14\xf4\x1bA$g\x1b)F\x9c\x01\xdbn\xa9N\xca\x18\x93&gt;\xe3XO($\xed\x0e\x80\xdb[\x9e\xb0m\x7f(XUGZ\x8e\xb5\na\x18\xad\x04\xe1H0r\x01W\x04\xee\xe5\x9ce\xc8\r@\xd2\x9f)9N\x9aYf\xd8)\xe0_\x8d\xae\xc3\xb8\xc2\xd5\xf7^\xbb\xcaozP\x97\xd6\xcb\xb0^T\x8f\xf2\x89x\xb7!\xb0H\x9d\x8e\x8c~x\\C1\xb5b\xbe@\x05\xf9\x8e\x1e\xeb&lt;\xa1\xa7\x1f\x11\xca\x8a,\x08]y,\xbbD\xa5h\xe8\x1e\xde\x08\x975nJtWIH%2k\x85\x95q\xcd\x9d!\xfe\r\x9b\xcb\xb5:\x837O\x07\xaav\xda\xf8\x91\x86U\xe3L_Gh\x87=#\x8f\x9aW7\xca\xe2\x85\x00\x1f`\xed\x14\xe0\x8fK\x97K\x7fsY\x8e\x05\x81\x99h\x11s\xa4\x91v1%\xd7\x1ck\xc6Y\xf7\x90\x11\x11\xe0\xbb\xe1K\x8a\xe5\xb7\xa1\xa4\xa3\x12\xd7\r8\xbf\xf2\xca\xdb\xba\x04H\xf6\x06@\xd8#\xa6X#\tO\xbb\x11N(\xaa&lt;\xa9_\x98\xaf\x10\x11^\xe7\x92 \xd5\xbf 0A\x8d"D&lt;#C\xa1\xc3\xfb\xbcP3\xae\xac\xf4\xcb\xd8\xf5 w96O\xe1\xcev\x1b\x13\x84\x00\x9f*j\xef,#:/\xc3O\x94g\x00VH\x8d\'H\xb7\xc4=b\x17\\9m\xed\x88\xc7H\xa5\r@Qs_\x89?\xde\x13\xc2\x82\xd0\x93\xb7\x96\x9c\xed\x11O\x08\x98\xe2m\xedA{3\xf6\xfb\xb3\xe0x\xd8i\xedVZ\x17\xb1\xedA\x85\x1aw\x89\xb8F\x05\xf4\xbe\xbb3g4T~~\x94\xe7\x0e@_w\xfdO\xff[\xf25\xe1cB\x99\x91\xc3\xc4\x99k\xd3QLh\xbc^\xaf\xf0\x04|;\xabR\xcbw\xd75\xf2\xf0\x8f \xe8\x94\xee\x86\x89{\x00\x01*\x94;S\xf5?\xb8\xf1\x07W/\x1f\x84/\xb4\xbc9\x8e\xe6\x03\xacm&gt;\xc76\x97\x0b\x88\x00_d\xbc\xf5\xc4]\x85p"im\xe5\xd8\x0b\x13{\xd5\xeb\xee\xb7\xb2\xfcr\xd6\xbcd_\xafPs\xd9\xd5\x0b\x82\x06\xc2\xd5\x96\x14\x99+\xa3}D\x8d\x16\xc3\xa4s\x97:j;W5\x04\xc0o\x8c\x91\xec\x10\x11\xe0B\xbd\xb5\xa8\xc4\xad\x02\xefY\xa7M\xc5sq%s\x03\xd0f\x15GD85\xc2\x0b\x94\xef\xb3\xe2\xe8W6\x00\x81\xfe;\xf5\xdb\x15&gt;k\xbb\xa7\xeflC\xe4C\x9d\x0eK\'\xb2FqS\x18B\x12\x01^\xc0\xa3\x8c \xac\x1f\xa3@Y[F\x18\x85\x98\xdd.[\xab\x9ep\x89E\x15\xf6\x1e\xd5n\xea\t\xdf\x04\xda\x06\xa0\xdc\\\xfa\xb4\xce\x1b\x80\x86\xb3\xa0\xf6Nk\x10\xbcrX\xffq\x84\xcf\xd5\x9bo\xa7\xa7\x12\xed\x8f`\xec\xcd\x12\x0f7`3\xefz\x8e\xb7\xbb\xe8\xd9huh\x0ee,\xbf\xec&gt;,\xdb\x94\x1d\x04!\x81\xae\xf5\xc4\x11\xd12\xe1\x1ag&lt;\x03M("\xdep;\xd9\x96b[\xfe\x87\xbe\xb4=@\xf3\xaf\xcdIq\xe3\x15O\xb4b\xe47\xaa/\xb4\xb4\xf9\x12\xc2\xfb\x1f.\xbeb{\xb6d-\x9b\xa5&gt;%\xf8[\xec\r\xc0XkD\x06\xe4S\t\xfb\x1a\\\x8b\xb7\x08B\r\xe6Dp\x8d\x95\x9e\n\xacC\xe7\xd6\xb6\xedU j:8\xb3\xed\n&amp;\x8bJ\x17\xf3\x1a{\x80\xe6\xdd\xa7\x1d\xff\xd7\xa7\xd2\xfa}\xa2na\xa3\x16o54D\xe5\xb1+\xf8\\\x8bN\xd7\xcfj2\xcco\xf5\x08\xe1\xdf5\x8e\x87~o\xed\xd5?\x94\xd4\x00-\xc3Y\x10\xc6\xe3\xccK\xf0\x9c\xb1}U\xc1\xb5x\xd7}\xd0%\xd7&amp;j+I4\x00+Z\x9b\xc7F_\xc2;tL\xbc\xb8\xc1\x1e\xe9?\x1b\xa5\xac\xd9\xda\x94@f\xbe\xedc\xda\xfca,V\x1d!\x1d\xf1\xeb\xb0\xb6#\x86\xae\x9f\x01\xe8\xef\x00\x82 \x8c\x82\xe4\x05\x07\x1dO[\x05\xc1K\x0f\xb7L\x8c\x85v\xf7\xbb\x1a\xf45o\x00\xa2\x1fl\xf8\x06u\xe7s\x8e\x84{)Z\xd7\x1c\x83\xed\x9f\xe7\xabl_e\xfd\x8a3\xeer&amp;s\'\x08\xed8A\xfb\r\xd5\x1f$\x0e\x05a`v\x07b\xd7u\xdc\xbeFu\xa3@)\x13w\x9e\xbe\xb8O\x97\x97\xbe|C{\x16 \x9c\xee]\xf3\xaf\xd7\x08ju\x02-\xd3N\xdd\xc2N)\x90\x9eAS\xd9\xcf\x0e\x98&amp;(\x15\x84\xf9\xe1\xa6\n\xd2w\xbb\xfd\xec\xd0e\xafw\xa5\xcb-\x97Iy#\xd0m\xad2\x9d\x96\xa5\xd6;_\x8204\xcas\x05Z,"\xc0GR\xe4\x9c\xa7\xe3\x01\x03{\xd7r\x07@X/\xa8\xc0(0\xb5Ia\x9f\xcd\x1bf\xa3\xdeAU\xeb$#\x9d.\x97{\xdfR%\xa2*\x07\xcbn\xfe\xf8Z\xb5\xb2\xd5\xf4\x18\xd5\x18Iu\xd5G\xce\x1d\x94\xaf\xf9\x8c\xc0{\xe2bku\xbd^\x1f\x10\x04f\xec{\xcd\xa9\xe1\xd11\xb9WIOc\xacU\xe3\xb3I\x13\xad\xbaD\xd8\x13\x8d\xc7\xa4o\x8b\xa2\\\xa6]\xd3)v~\xa5\xcb\x06\xc0\xff\x98\xd0\xe1W\xd5\x1a\xdan\xc1\xfd\x89\x0e\xd7\xdc\xf5\xdf\x00\x94\x18\x16y\xb24O\x9eG\x80\xfb\x17\x0b\xe9\xc8\xcb[vVm\xdb\xf6\xe3\xdc\x02SY{\x86\x17\x84""\xa7P\xc9\xe2*\x9e\x13\x8c\x86|}\xea\x9e\xf3\x1e\xbd\x05\xd6\x0b\xdf\x93\xe5\x00\x8c\x9bpD\x84\x1f\xcb\xd6\xcd\xa8T\x1a;\xa7m\x04\xc7\xdd\x00\x9c\x8b\xfe\xfb\xe0O\xbb\x8d\xe6(\xb9\x10\x11\xbe/\xb1\x16\xdc\xd02\xbb\xb40Qe3\xff\xd4\n2\x05AH\x86\xedo|\xa6\x1c\x15\xac&gt;Y\x17W&lt;\x9e#\xd8\x8a\xfb\x8at\xb1\x88p\x93\xc0\x1d\xa1u\xcf\xe0\x86\xb8S\xbf\xae\x0f\xee\xc1\xb8\x01@\xc4\xcbdJ\xd3\xf2\xcfe\xd4\xb3\xf6\x06\x8ez\xfb)\x01*_$\n\xb73\xfbU\x92\xa4\xd7h\xf6\xebrC2\xc8|/e;&amp;B\xea\xd7O\x1d.\xb7\xdbWPJ\x10\x84\xad\xc1y\nH\\\xa5\xbe\xbf&lt;\x11\xba\xea&lt;\x15U&gt;td\x85\xceE\xeba\xd5\xaa\xffdSSFW\xe9\xe9\xccm{\x05k_\x07/\xfa\x8f\xe6]O\n\x1c\xfe\x9f-\x8dd\x7fc\x89u\x13r:e8\xbc\xf8\xd3\xb5o\xdc\xa1\x0bE\x93\xc35\xf3#C\xf4a\xae?UVeo\xcf/\x93/^\x05%\xf7\x99\xd7\x9eB\xf38\xc2!\x0b\xc2X\x84\x83pY\x05\x87yd\xa8\x9e\x02\xe1\x01\xba\x1f\xff\xad\xf9\x99\xa7\x0f\xa5\\\x7f\xb6\xa8\xc0N\x15\xc9r\xaf\x7f\x0c\xff\xe9\x88z\xe4|\x0f\x00\x80\xc7m\xe3/\\f\x0f\xc1\xbd\x01\x98k\xee\x06\x87\x0e\x8e\r\x80\xddi\xba\xdf\xca\x06\xa0\x0e\xc3\x9bT&amp;]\x10\x84\xf5@KXOm\xbf\x9e\xf9\x0bq\x00\x80OW\xe808\xc6?\xf3\x15\x01u\x8a\xda\xc7\xb2\x8b\xed\xb6\x01X\xb6\x8e\xc7\xbd:*[h\x04\xf8\nl\xa4L,\x99V\xbc\x83\xb9\x01\xb8\xb8\xea0\xd6\xb9C\xad\xfbW\xfe[\x01\x00\x00\xf0\xd5\xf2`\xcc\x96\x90\xb7m^\xbbS9\xd8D\xb0\x08\x14\x10\xe0\xad\xbdu\x10\x84\xed3\xf2\xa1l\x87\xa7#b\x0bL\xcb\xe7V\x03\xfb\x8dl\x91G5\xd1\xfd\x9e\xaeI\xe0\x05\xfcZ4\xa5\xf0\x84\xde\x9d\x7f\x8c\x93\xf8\xe9\x9aKU\x9dS\xbd/\xf6\x8e\xecomN\xd0*\xa7;\xe7\xc6\xcc\xfd-F\xeb@6\x00G\xc3\xb05\x89 l\x91\x11s\xebh\xfa\x1c\xa0hU\xe5\xb4{_\x12]\xbc\xbbY\x10\x01\x9e6\xfd\xd8[\x99\xa18Fkdo\x00\xd4\'m\x1c\xcd]w\x00\x86(\x0bN?\xab\xc4\xb0\xed\x99\xff\xdd\x91SE\x00\x00\xbc\x9c\xc3\xb6\x9f\x1d1\xcf\x0b\x82\xc6\xd37\xf6\xe9pA\x18\x9d\xc0J\x1cm\xca\xaf\r\x89\xaft\xeaW\xc7\xbb\x9a\xd6Xh\xeb=\x05\x91\xa2\x84V\xfaH\x9aV\x11k$\xb0\x14\xf7\x8f\n\xdc\xe92\xf6\x00\x03`\xde\x97\x08\xee\x04\xdco]\t\x97\'\xe2*\x8d\xcb\xa7\xd80f\x14,\xc8\xdb\xb3\x8e\x93\xd8\xa6kqQA\xe8\x80\x04^\x12\x81|\xfd\xe2\xad\x1a\xb3\xc9!\xe26M\'\xa8&lt;l)\xa3#\x8c\xb5\x01P\xb7.\xf37?\xbaF\x81\xa1\x01\x8e2\x16a h\xd5\x7f\xbf\xdb8r\xfbH\x10\x84!\xf8\xcc\x18\x8b\xa8gu\x7f\xf7\x08\xbaUb\xc5\x8f\x11\x0bd&lt;S\xfc_lS\x9fR\xd6\x8f\xe9o\x93V\x0fq\x17F\xa1\x01\x8e\xb4\x9f\x11\x86G\xf3\x96\xb2\xc7\xcf\n\xd5(ln\xb8\xbd\x84\x80 \xac\x92\xfe\x0f\xa2\x0c\xf7l\x80\xd0\x91\xd7\x1c\xad\x0f\xb4\x1d8s\xe5\xb1\x99YsW\xf9\xbe\xe3\xff\xe3~\x16\xff\x08\x936\x02|6\xb7i\xdfeN]gs\xda*O\xae"\xbc\xcb\xde\x00\x1c\x9b\'\x08B2\xc3E\xc8&gt;#\\\x0c\x11\x11\xcf\xdac%\xb3\xaa\x7f.\x1d\x863\xb5@\xe09G|S\xa2\xf1\xc0\x8f\xd6\xce\x8c\x1c\xf9\x06\x00\x8e\xcf\x8b\xf2?/\xee\xf8\xab\x14\x151\xcb\xf1\x82\xea\x1f\xcec.\xd0\x8eO\xa4\xc8\x11\x9e DpEH\xf7\xf5C=\x82\x1f\xe1\x03I\xa9: \xc0]\x0e?)C8\xfa\x85\xb9\x05U\x8d,\xd3W\x8a\x18PHFj\xb8*LO\xfb4\xb3-\xf7\xa7\xc6\x9f\x1cn+\xb7\xf1\x05!\x87\xbbr\x16:Y\xe7\xe8\xdd7\x00Z\xe2H\xcb sC\xe3\xbb\x08\xe5d\xae\rU-,\xd3W\xc6\xe2\xff\x7f\xd3S\ra\x1d4\xaeP=:l\xa7\x17\xad\xc7\xcdW\xc6\xb2\x01\x10\x04:\xcb\x81\xf7\x91\xd7\xa9J\xe2x\xe7\xfe\x05r\x06A\xf8\xbe\xbah\x1d\xe4\xdc\x01\x95;\x95\xc7m[A\x00\x807v\x8b\x82Ww\xea\xb7\x90\x91\x93F\xd5\x02+\xe1\xe4%\xf1z\x92\xcc6\xc7\xe4R\xa7\xd6@6\x00\x82\x90\x04B\xe8!\n\x7f\x14Q\x97\xf3\xe5,&lt;G;N"w\x0f\xf3\xfe\xb2f\xec\x83G\xf2\xb1\xa4\xe3Cn\xfb\xb8\x08\xda\x84\xfe\xc8\xdc\xa3\x19U\x12\xb2@\xb8Z^N\xc3:\xf9\x90S\xda\xc1\x03\xeb\xc7\xaf\xd4\xa95\x90\r\x80 $1=\xf1\xe2\xfa3\xef\xfe\xc5x\xc9\x92\xb15\x9br\xcd\x80\xb0h+\xd5\xff1\xb2Bog\xc7\xfd\xf9\xbc\xe0\xf5\xa4\xe7w\xc5\x</t>
        </is>
      </c>
      <c r="E56" t="inlineStr">
        <is>
          <t>&lt;class 'numpy.ndarray'&gt;</t>
        </is>
      </c>
    </row>
    <row r="57">
      <c r="A57" s="1" t="n">
        <v>55</v>
      </c>
      <c r="B57" t="inlineStr">
        <is>
          <t>steps_per_sec</t>
        </is>
      </c>
      <c r="C57" t="n">
        <v>700</v>
      </c>
      <c r="D57" t="inlineStr">
        <is>
          <t>2.584992</t>
        </is>
      </c>
      <c r="E57" t="inlineStr">
        <is>
          <t>&lt;class 'numpy.ndarray'&gt;</t>
        </is>
      </c>
    </row>
    <row r="58">
      <c r="A58" s="1" t="n">
        <v>56</v>
      </c>
      <c r="B58" t="inlineStr">
        <is>
          <t>Loss/RPNLoss/localization_loss</t>
        </is>
      </c>
      <c r="C58" t="n">
        <v>700</v>
      </c>
      <c r="D58" t="inlineStr">
        <is>
          <t>0.085860185</t>
        </is>
      </c>
      <c r="E58" t="inlineStr">
        <is>
          <t>&lt;class 'numpy.ndarray'&gt;</t>
        </is>
      </c>
    </row>
    <row r="59">
      <c r="A59" s="1" t="n">
        <v>57</v>
      </c>
      <c r="B59" t="inlineStr">
        <is>
          <t>Loss/RPNLoss/objectness_loss</t>
        </is>
      </c>
      <c r="C59" t="n">
        <v>700</v>
      </c>
      <c r="D59" t="inlineStr">
        <is>
          <t>0.036835313</t>
        </is>
      </c>
      <c r="E59" t="inlineStr">
        <is>
          <t>&lt;class 'numpy.ndarray'&gt;</t>
        </is>
      </c>
    </row>
    <row r="60">
      <c r="A60" s="1" t="n">
        <v>58</v>
      </c>
      <c r="B60" t="inlineStr">
        <is>
          <t>Loss/BoxClassifierLoss/localization_loss</t>
        </is>
      </c>
      <c r="C60" t="n">
        <v>700</v>
      </c>
      <c r="D60" t="inlineStr">
        <is>
          <t>0.2617924</t>
        </is>
      </c>
      <c r="E60" t="inlineStr">
        <is>
          <t>&lt;class 'numpy.ndarray'&gt;</t>
        </is>
      </c>
    </row>
    <row r="61">
      <c r="A61" s="1" t="n">
        <v>59</v>
      </c>
      <c r="B61" t="inlineStr">
        <is>
          <t>Loss/BoxClassifierLoss/classification_loss</t>
        </is>
      </c>
      <c r="C61" t="n">
        <v>700</v>
      </c>
      <c r="D61" t="inlineStr">
        <is>
          <t>0.16421455</t>
        </is>
      </c>
      <c r="E61" t="inlineStr">
        <is>
          <t>&lt;class 'numpy.ndarray'&gt;</t>
        </is>
      </c>
    </row>
    <row r="62">
      <c r="A62" s="1" t="n">
        <v>60</v>
      </c>
      <c r="B62" t="inlineStr">
        <is>
          <t>Loss/regularization_loss</t>
        </is>
      </c>
      <c r="C62" t="n">
        <v>700</v>
      </c>
      <c r="D62" t="inlineStr">
        <is>
          <t>0.0</t>
        </is>
      </c>
      <c r="E62" t="inlineStr">
        <is>
          <t>&lt;class 'numpy.ndarray'&gt;</t>
        </is>
      </c>
    </row>
    <row r="63">
      <c r="A63" s="1" t="n">
        <v>61</v>
      </c>
      <c r="B63" t="inlineStr">
        <is>
          <t>Loss/total_loss</t>
        </is>
      </c>
      <c r="C63" t="n">
        <v>700</v>
      </c>
      <c r="D63" t="inlineStr">
        <is>
          <t>0.5487024</t>
        </is>
      </c>
      <c r="E63" t="inlineStr">
        <is>
          <t>&lt;class 'numpy.ndarray'&gt;</t>
        </is>
      </c>
    </row>
    <row r="64">
      <c r="A64" s="1" t="n">
        <v>62</v>
      </c>
      <c r="B64" t="inlineStr">
        <is>
          <t>learning_rate</t>
        </is>
      </c>
      <c r="C64" t="n">
        <v>700</v>
      </c>
      <c r="D64" t="inlineStr">
        <is>
          <t>0.02266645</t>
        </is>
      </c>
      <c r="E64" t="inlineStr">
        <is>
          <t>&lt;class 'numpy.ndarray'&gt;</t>
        </is>
      </c>
    </row>
    <row r="65">
      <c r="A65" s="1" t="n">
        <v>63</v>
      </c>
      <c r="B65" t="inlineStr">
        <is>
          <t>train_input_images</t>
        </is>
      </c>
      <c r="C65" t="n">
        <v>700</v>
      </c>
      <c r="D65" t="inlineStr">
        <is>
          <t>[b'1024' b'1024'
 b'\x89PNG\r\n\x1a\n\x00\x00\x00\rIHDR\x00\x00\x04\x00\x00\x00\x04\x00\x08\x02\x00\x00\x00\xf0\x7f\xbc\xd4\x00\x00 \x00IDATx\x9c\xed\xddi\xd0&gt;\xcfz\xd0\xf5\xee\x93?!\x81\xa0\x04QT6\x150\x80!"(B(0$\x8a\x92B\n\x14D\x04R\n*\x14\x9bZ\x12\x96\n\xa0,\x02\x85$\x84\x02"\xbb\x98\xb0\xc4\x80\x10\x84\xd2\x12\x04^\x88Z*!H\x94\x04\x91-\xb2*\x86"!\x90\x03\x07/_\xcc=s\xf7\xec\xbd\xf7\xd5=\xdfO%\xff\xf3\xfc\x9e\xe7\xbegzz\xdff\xc6\x18\x00\x11de\xfa\x8d1\xd2:X8 \xfb\xc4\x1a_\xd8e\xe6\x8a\x99\xe7Dr\x8fW\xda]\x80\x15\xfb\x16\x85\x8e\xeb\x99\xaf\xd6\x9f!Y/\xfc\xf4\xd6\x01\xc8\xa1L\xfa\xda\x12\x07UKD\xac}\xd6%\xa3\xa8\xa5\xda\xb5\xf6UB\xc9`\nmZGkM\x93\xaa\xafZ\xfd3]o\xd0\xb9\x9c\x9c\x9c\x14\xc2\\\xc7\xa9i\x13]\xeb\x7f\xca\xd3Z\xc9\x14s\xd4\x99\xde#\xadEW\xe1\xa0\x0f\xdfQ!\xd2\xa9\xc7\xea\xe8P\xa1\x0c\xf9\xa1\xecGTk\xca\n\x03\x0c\x94\x85\x99f5\xac\xb5S\xb1\xa4\xf7\xdf\x91\xa9&amp;\x08\xffV\x9e\t\xf2\xf4\x83\x94\x90+\xeb\xf6X\x04.\xc3\xdc\xdf\xe54\x17W\xbe\xf4p\xba\nWW\x91w9e9\xd2\x92\x19{,J(\xa4Pfx\xd0\x00`2@\xa1\xb2\xd6\xd2,\xa92\xe5\xa9\x01\xb2\xd6\xa8\xdc\xa4\xb16\xb2\x04u\x94\xbe\xcb\xb8\xb4\xc2\xb7\xca\x1d\xa7&amp;k\xad\xdb\x99\xeb-\xf8\n\x8d\x11\x83WW\xf1\xd5\x19\xcf\xe3\xac$\xcf\x05\xa8q\x04\x8e\xb1g\xb2y4B\x8b\xde\xb32\x803K\xd1\x9e\x8b\xf9\xb6\xa4\xe7j\xcf\xa2\x8f\xd0E\xe5\xd3E \x15\x1a\xa0\xab\x94\xc5\x14\t?\xb2\xb7xx\xa5]\xd3`+\xcc?\xc5s\xf5\xff^\xa9\xd4(\x8c[&lt;B\x93l\'"\xe6\xa7\x91\xdd\xf1D\xe7u}\x9e\xc6f\xec\xae\x9e\x88\x18\xf3\xfbF\xbd\xba\x82N\x86\x9d\x03\x18c&amp;\xf8\xda\xd8W\x97\xe0\x9d\xee\x85\xf2@\x89\x03\x92\x94\xfeN\xd7G$\xfc6\xb2\xd2D\xa4\xb3\xbb\x8bDDY\x1c\xa2&amp;\x85\x85\xe8\x01D\xa4`\x9c\xbb\xad\xcb`)KvE\xef\xe2\xf2\xf0\xa6\xcbH\x11\xd8\xe8\xa8\xd2[\x82\xaa&lt;\x9cJ\x1c\xdf\x03\xa0v\x08%\xa27l\x07\x14\xec\xe4\xf3\xd7|\rT\xb9\x07\xcc\x84\x8dq]\xd9\n\xddo9Jhk\xed\xcf\xeds\x9b\xbbc\x8c\x84\x0e3n\xb1Ud\xae\x1e\xdb,\x86$&amp;\xb1\xb5\xef\xcd\xf7#T\xf5\xef\xf0\'^\xc5\x0f\xce\x10\x98+^\xf1\xec\x99\x1cn""\x8e\xdb\xd5QU\x00\x96 \xa9\n\xd5 T\xa6\xb8"\xb2s;^"J\xfb5p\xdam\xaek\xe9%t\xb1\xc4\x7fq\xa2\xebs\r\x99\x94\xda\x04\xb5\xcez\x9a\xf2r\x93_\xad\xea\x90u\x17.\xc3]O\x85.d}\xf0\x7f\xf6,\xb4Z{\xa4#\xca\x98uJ\x88\xce\x04N\xa7m\xd3\xf8\xa9\xbb\xc6&amp;\x96D\xff\x02\xca\xd8\x91\xfd\x00\xe06\x1fRg\xd5\x91\x1e\xc9S=\xe0\x1e\xa7P\xda)\xcc\x0f\xee%\xb7\rI\n\xbf\x01@\xc7\x17\x88\xf1\xcc9\xb6D\xb6\xec\xa6\xc7\xbc\n\xe4U\xf3\xfa\xf7S\x84kP\x1c\xcb\xef\x9bQb\xbe|\x94\xb7\xbc\x8f\xa63Br\xf2\xef\xd7\x9a\xa7\xee\x17\x9a#\xa7\x9b\xba\xf5\\\xb1\xe4;\x89\x99\xa2\xd1\x95\x9e\x1c\xb2\xbe\xd1m\xf2{\x8b\xcdxe?\xec\x13\xd0\xbf\x9f\xf4_\xf9\xa0\x86\xf3L\xd2K\xe6\xf9\xd3\xad\x030\xbenvJm\xb2l\xc4\x1e/\xf7\x08\xcb\xcd\xc4\xc2}o\x8eWl\x98\xfb\xe7`\x13o={\x15\x85\x12\xc9\xb7\x94\xb2\xf5\xc1\xdf\x85\xaf\xe2I\xe3\x8f\x93~(\xd4%E\xef\xfc\xc6\xb5\\\x05\x10e\x14\xac\xf0\x81J*\x0e[\xbb\x18\x1f\xd7\xb6\x9ec+5\xdf\x16\xb4\x10\x81(\x05c\xf8\xf8\xc8*\xd3\xf480\xc9[\x892^c\xe8\xa1\xb2,\x83&lt;\x88\x13]\xe9\x0b\x08\xcf\\\x14],\xab\xa3\xd1_\x7fb\xb3\xfb\xf9I\x91\xe6\x89&amp;\x15H\xf5\xec\xc2S\xef\xda\xa9\xad\xea(=\x00\xd8\x1c\\a\x82\x96\x08R\xf3\xcb\x8c;\xfbC\xbb_\xeb\xfb\x1f\xb4\xe5\xcf\xbe\xbc"\x908&lt;\xa6!w\xfd\xda\xd6\x01\x00\xf4\xb9-\x99\xbd\xf4G\x9dp\x16\x0fj\xf98\xd1\x1e\xdb\xbd\xab&lt;\x00P\xa8L \xfb\xb8v\x97g\x80;\xba\xa8\x88\xa0vtu\xd9\x89\xc8\x17=\xf8\xf2K\xeb\xaeB\xc0st\xba\'L\x8c\xdc\xefS\xf7=\x96\xc8\xf5\xde\xb8\xa5\xf4j\x7f\r\x99S\xcdl\xaeH^[\xf6M\xae\xf0;q\xa2(B\xe6\xcb\x0c\r\x92\xa8N\xd6\x02\xca%\x9f\xdb\xd4\xa9\xca\x1b\xd5\xc4f\xc2f&lt;\x03|[Of\x94x.\xe9\xee\x95\x91Mu\x97c\xfbB\xf4\x0e`\xd4D\xec\xf6zDr\r\x00&lt;\xfb\x7f\xcas\xc0E\xf0J\xf4\xc9\xde=H\xb3\x1a\x89)\x8f%L\xe2\x07\x00"r\xf3\xadwv{l6\xa8\xd9W\xaef\xc8\x8b\x02\xbaC#[\xdf\xa8q~\xfc&amp;\xe0\x0e\xe4L\x89\xee\x13\xf5l\x85\xf1h\xf11\xf7\xa6\xe7\xf5?\xe7\x12\xc2\x8a\xe7\x98\xa6t\xbd\\\xd1\xde\x8e\x06\x1fh\xbcv\xa2\xa3\xbd\xdd\xec\xb8P\xe5\xb1\xb7\x97\x943^\xed\xd2\xad\xee3v\xc1\x01@b-\xfc\xdeI\xfc{U\xc4rw\xef\x97n\xd5\nZk\x07\x18S\x8dm\xca\xc8\xf6w\xc6~\xb1\xab\x82\x80\x0c\xba\x1b\xd83\x06h\xc7\xbd!x\xec\xe6\xa0\xd1h\xb3\xb3\xae\xc8\x9d\xe27.\xa6\xa7\xd1\xc9\xde\x8a\xee\'\xb9\nf\xa3\x94%\xe3M\xb4Z\xfb\x8d\x8d\xf9k\x19\xc2\xf4$\x87Y\xb3\xf4\x16 \xf4\xa2\xe8\x8e\x0e\x9d\xb7\x88\\z\xdc} :\x14\x88\xf6\xfb]j\xc0 \xd8\x98\xe7#=\x96\x0e\xb7\x00i\xde\x17\xe4\x196\x8dA\x9f\xd4\xbe\x9bp\xb8fc?\x00\xc8{u\x9as?\x96\xf4?O\xa0\xa7wy\xddVa\xf3\xb3y\xc5\xdb\xd3\xa3\x08@+&gt;-l\x07\xad\xf0\x10=\xab\x93)-Q\xfb\xfeA\xcf\x8c\xf1A\x95\xc0\xc4\x98\x82^g\x85%\xfa,\x1d\x8d\xbf\xb3\x87\xb3\x97\x0b\x7f\xa6%G\x1ffQ\xe7\xa9P83E\x92\xfa\xf6\x15\x18E\xf6\xa7\xd5u\xcd\xa7\xda\xe9\xa0j\xea \x88\xf7\xec\xf1\x16%\xbd\xd7\xe6\x192\xed7\x01\x97\x88\xe0\xbc\xfb\xf6\xd4n\x02soZ\xd0\x9bO\xf5s\xf6\xb3v\xe4\x9d\xf4\x9f\xbf\xffcg\xd7R\x88[(6?O\x1b\x97\xb9\xe1\x01\x8f\xb4\xdc\x7f\xd7\xa6\xa2\xe8\xad\xae\xc5\x03\x9cL\xa2\xa1?&lt;&amp;\x02\x039\xcf\xc9\xcf\xce\xe7O\xbevT0\xf6\xf3m\x9a\xb4\x92\xd3I\xff2%\x17@\x1d\x8c\x07\x90\x11\xd9\t\x881\x97\x9a^\x8a\xcf3\x06\x00\xb9\x1f\x1b\xadl5\xb5Zu\xddK\xae.\x816Q-\xed[\x80J#_\x028\xf6\x05T\x0e\x15\xad\xf6+\xf6\x11\xf3\x03\xb7\x1e\xcbF8\x93\xb5\x03g\xadUu\xefQ\xcd\xa7{\xd3\xd9\xf0\xb4\x1ey\x12i(\x89\xe1)\x00\xe8D\xe5\xdc\\\xbb&amp;\xb2\xcb\xfb\xaf\x90\x84\xfe\x18\x00\x00(\x84y\x9f[\xb2V\xb9#\xfe\x07I\xa0GZe9\x14\xa6h1\xae\xa3Gj\x02\x19u\xf0,\xe7\xd1\xed\xdf\x030!QP\x81\x88\xe8|\xf6\xe5\xa6\x13\xa6\xb98P\x8b\x0ec\xf7\xd0}\xde\xc7R\x8a\x96{\x00^\xcf\xdcV\xff\xc8\xc5\xc7\x8eJ\x0b\xdd\x13\xd6\x81\xe2).\xdb\x7f&gt;5\x8f\xb5\xc5\x9c\x93r\xe3\xd6?S\xdb\x97\xbbq\xc9q\xb4\xc3W\x9fj\x16\x11B\n\xbe6v6\xfd\xb3b\xe2&lt;.\x1b\xc4\x0c\x00J/\xd0\xc8\xf2\x1f\x95\xc6\xa8,\xd6\x0bm?\xf7\xf6\xf3\xee=a\xcfR|J\xc9\xaeoD\xd3u\x93\x1c\xa0\xd0\x18\x95\xf0\xa4\xc4\xa5dl\x9e\xad#\xd3!}\x8d;\xe4\xcb\x86\xd1KV\x96\xc8\xbcUj\x87V\x17\x1b\xbf\xda\x860\xe34\xfcfs\xa7\xf2\x85\x17m\xf4g\xd4;\xec\xb34f\xb7\xcby\xafu\x00\xeb\xd1\x7f\xb1\xe2\xac\x12\x8f\x98:Y/\xe7{N\xf1\xf3[s\x1e\xb3\n\x111\xdf\xdfy l\xf9T\xee:/\xa9-\x0b\x19+\xd2\xaaW\xa7/&amp;\x8b\n\x1e\xd3\xbb\x89\xf1\xcc\xfdv\xd2\xee^\x05\xc9\xf7\xa6\xf4U:.\x9b\xec\x1e\x99\xa0\x11\x96\xd8\xeb\xb4\x08\xc4\x95\xe29\xfbuy\xc9\x87\xae\x9b\x96\x91\xae\xf4V\xc3j-\x08\r\x90\'\x11\xd1S\xa5\xf7^aj\xb2\xdd\x10\xaf\xb0\xe4\xee\xeb\xd5\xc3\xbddw\xc1^\x1dF\xdb5\x8e!\xfe\x1e\x80\xd2\xa9\xa1s\\\x9bQ\xdc\xd5\xd9\xe5?\x19\xfdzc\xad\x96\xa6B\x89\xcb\xec\'\xee\xc7\xea\x84\'\xaf\xd0\xcat\xf8\xc2\xb8h\xb1\xd3A\x85\xf4\xcb\xae\x93I\x1a\xeeH\xd1oI\x82\xd7\x7f\xd5TPNr}M\xdb\x90\xf4\xcfn\xa6\xd5\x15\x16\x84\xdb\x10\xf9\x95\xdf\xce\xee?\x19\xd6s\x9a\x7f/9\xa2\xa2\xce\xe2f\x08U\x81Q\xe1,\xcf\x8f\xb2K\xe4\xf3\xfd\x03\x7f}\xb1]\xc7\xc6aj\xf6{9\x80\xe9\xbcH\xe2\xd6sR\xb6\xa7\x9c\xac?\x84;^c\xc7\xd7z\x8d\xc93I\x9c\xbeb\xa5p\xcd\xab\x7fb\x84E\x00/\xebM\x08\xa6\xd3\x1b\xa3\x9dEX\x11\x89\x9fF\xba]\xed\xed\x91\xe6\xd95\xe0\xde\x9c\x83S20\xed\xec\x86\xdf\xc6\x95:\x92*\xed\xbel\x9a\x98\x87\\u\x1d^[\x80\xecO6F\xd7zb\xfec\xca\xfa\xe6\xda\xf2W\xaa"&amp;\x1d&lt;|\xc6\xd7\x0f]\xfd\xeb"\xd2\x14O]\xbc\x83\xc4\xb0\x0fH\x11_\xba\x0b\xd6\x0c\xc9\xbb\xa4\xfe\x82\xc8wX\xff\xc6\xa9\xcd\xf4Uh\x85m\x96\x07\xdb\x06\xc6\x183%p\xeb0\xb4\xa1#\xfe\x9fD\xd9*\xcc\xb7\x8f\xf8\xcem\xe07\x1f\xd8\xd4t\x7f\xb8\xc0#\x8f\xb2\x1c\xa4I\x8aTh\x03r]Z\x91(\xfa\xf3^\xc5AY\xa9qI\xe6\xb0\xcd\x0f\x92Ry\xb11\xc6\xb8\x8aj\x12\xa3\xab\xc7\xd8\x1e&amp;\xab\x07PP\xc0\xe7\x00\xfc\x17M\xce\xdb\xfc\xf2\x1fk=\xfa"\t\xb2\xf1\x1cD\xbe\xe2_\xc3\xa0S*-\xc3I\xe1%\xb6\xed\xbd\xfc]Y\x05~)\x9c\x1a\xb2\xc7\x96\x88\x14\x08\x98O&amp;t\x9b\nU1\xb3\n\x98y-\x00TH\xc4}\xdbyq.a\xfbA?\xa2\x12\xabt\x05[\x96h}woAS]j\x9a/\x19fj:C\x9a\x06\xb5\x959ZY\xfa\x00\xb5z\xa4Ex&gt;\x05\xe8\xfe\xda\xaa\x8d\xccj=\xff\xa1\xf4Y\xba\xcc.\xb3\xe3\xc0\x97\x99\x1d\xf9\xc7\x93\xbe]fg\x93O&amp;\xec\xe3q%\xb5\x82\x16\x957&gt;\xbb\xe9\x1a\x17|\xbds\xf8G\xf9\xc7\x9b\xe2B\xe1\xe1\x81oE\x9cg\x08V\xbfkQR2E{T\xcd\xac\xb3.wV\'*%\x075\xa4\xf6\x96\xfd\x9c\xdb\xaaF&gt;\x02|?\xe5\x13:\x0cb\x86o\x10\xeb\x9a@[\x9a\xae2\xba\xb2\xb0\xb5\xd2d6\xebp\xd9\xc1\xe7\xc3\xa6E\xa6\x8a\xab\x9dT/\x85U\x11\x14o\n\x9a\x00\xbd\xab\x10\x97\x91\xd3`\xf5\xd8\xc9\xdbf\xb3\xfc\xbbYE|\xdc\xc2\x88\x02\x81U\xbao\xfe\xb9\xc8\x84\x1dM{w\x14\xd4\n6\x8d\x94\xef{\x00\xf6\xc3\x9d\xc3! \xe3\xc2\xc7qr\x85\xc22\xf6\xce\xb6\xea\x82\xd6L\x93\xa5\x89\xd59/O\xbb\xafC|~\xb3?Jp\x10\x1dq1\xe3\xce\x8f\xa4\x9c\xbd\x90\xe4P\xddO\xf7\xea\xab\x00\xae\xad6\xbf\x05\xa9\xbc6\xb5&gt;]\x83XvK\x84\xbb\x1b\xfeK\x8d1_\xf2Z\xff\xf7*\xde\xa3QQ\xd2\x03\xeb\xabG%Pw\x95\x92\xaf\x88\xfa\xe7`\x17n\xca\xa9\xdf\xd9n&gt;\xb0\xff&lt;\xab\x82\xe9\x1f\xe4\xc1\x08\x1b\xd9\xdd\xdd0\xa0\xf6\x16\x1aE\xb7Km\xe4(\xa79\xa3\xfdiM\x80{\xdb\xc0\xf4\xf3\x9cU\x8c\xd6\xcc|`?\xd9,\x9a^9\\\x9b\x93\x84\xad\xe5\xafy\x9eVB\x87\xb7_\xa3\x8eI\xdd\xfdQ"6\x15\x90\xb7JS\xbe!Ay\xf0\xba3\xea0\x8cM\\\xb9T\xc8!\xa3f\xc2EJ\xb3\xb5\x8f\x9cN\xa3\xcb\xad\xba\xa9\xc65yO\xc3jQ\xe6!\x1cH\xb0\x9a\xc4\xf1\xdd\x02\xe4|]\xec\xb7\xdaf\xb1\xf7x\xc2;\xa5\xc9\x12\xd5\xe8\xdc\x900\xb1\x7f\xb6u\x08F\xe7\xae\xd7\xf7\xe8\xbds\x88*#M\xe9M_\xfd\xe61\x7f9"p5Y\xd6c\xdfh\n\xb3\xfe\x80W\xbe/V\x81\xed\xfe\xab\xf65\x7f\x9f9|h\xa9\xc9\xf1\xafd\t\x05J\xab\xffd\x00\x00\xcf\xd4\xbe\xab\xe1\xe8}\xd0\xdb\x93\xaf\x11\x111\xff\xa9\xa6\xa8.\xdc\xe4u\xd4\xaaR\nPN`\xc6"#\xee\x15.\x9f\xbd\xd4S\x00n-uE\x89v=\xf1\x80\xed\xee\x88=\xfd\x00]\x1fcLz\xfd\xaf\xb0\x11\xf1I\\\x11)\xda\xe5 \x83\xe1\x89d-\xe58\x19C\x05\xda&lt;\x18c\xcc\'t3;\x85P\xa5\x07\x00]\xd4\x1e\xde\x15]\xb6k\xe9"Z\xee\xa4\\B\xf1\xcb\x8f\x98S\xf7\xe8\xdf\x17\xef\xfd\xf7Rdb\x8d}u\xd9\x8c\x9e\r\xb6\xf2d\xfd\x90\x02/\xc6|q\xca\xb9\x06\xb6\xd4\x83\x0f\xa8\x8f\x06P!\x81\xc8\x06\xfai\x1c\xa1uQ\x818\x81T\x1d\xce&amp;.\xa2Es\xca\xc6u\xa6\x9b_Q\x17\xe5%M\xdc\xd5\r\x1c!\x17\x9ey\xd5P\xe3\x01\xf5\x11\xbc\x0c\x96\r\xfa\xea\xf0]\x17\xc3\xe9B\xb2$P\x89$\xd6\x9fs\xf4\x87P\xad\xe8x\x13\x91?\xc2\xb4\x05\xbc\xfc\xb6\x01\xd2\xb1\xf7\xf0\x8f\x804\xb8s\x10?\x87e\x8f\x98|\xa2\xa1\x12=\xcf\x92c55\x82\xdaOl\x0c\xa3\xa3\x1c\xd8\x9d9n?\xabu@\x90\x8a2\xd2\x17\x8dOh\x92&gt;\x9f\x8e\xac\xd0\x1c\x93FgB\xd7\xf4\xb4L%\xa3\xbcg\xc3mQ\xc6\xb8\xa2,\x86I_\xfd\x94W\x1d\xca\x83\xe7c]\xc6\r\xad\x15\xaa\x19\xb2"\xf5\xaf\x13\xc2\xdf\x03P^\xa7OG~\x82\xbe\xe6b]\xcf\xcaO\x1d&amp;\xd0\x89\xd5\x85\xf4\x98\xf1\n\xa1\x86\xac`iGwo\xa1\xce\x7f\xa2u\xde~\xdf\xed\x1dt\x84\xbc\x05\xa4QmO\xc6\xf6De\xe8\xe56\x0f\xcb\xfa\x86\xf2aZ\x19\x9f\x0b\xd18\x00@f\x05\xf2s\x7f\x85dj\xc2\xb5\x06;oC\xab\xf4"c\xd1\xd7E}sy\xfc\xa4\xdd_\xec\xfaSY\x1f7\xf4\xeer\x07\x8f\x01\xf6\x9f\xcfr\xf3L\xcd\xa1f\xfda\xad8|&gt;X)X^F\xae\x16\xabE\xb5\x9d^hm\x8c1\x7f\xbe\xe6y\x8b\x9a\x8a\x91Oi\x1a9\x0fy\x90\xb1c`\xc9\xcd\xb9*\xd6M\xf1(T_g\x0f\xb6{X\xf7\x98\x11[\xa4J-\xb8K\xceW\xa6\x0f\xb0+`2\xcc\x85\xa0/\x1e\x1b\xcf^mG\xde-\x04N\xd5g\x8c\xb1\xe6cD\xfe\xe6M\xfe_\x05u\xee\xefO_I,&gt;"RkCN\xcb\x86\xd83\x96\n\xb5JO\xb6\x8b\xf9U\xff\xa2\xa3x\xd6\x907B+\xa2\xe9\xf3\xcfZ\x01\xf86\xdb\xb5\x9e\x86a\xa9a~g{7\x05\xc9\x18\xf3\'\x8b\xa5\x8a\xb5\xdb\xb9\xe4\xb9\x994!O\xa4-#\xeb\xb67\xfbG\x8c\xf1\x9e\xcc\xf8*\x1d\xcf\xd89\x0bm_\xb9\xf7\xc96S\xa4c\xcc\xa5\x99\xd3\x0bye\xcbb\xf9\xd3\x1ac\xcc\xd7\xddW\x0b\xd6Zk\x7f\x98\xb5\xc6N\xff\xef\xd4$\xaf_\xc6XzfuJ_\xcb2\xce\x96\xe3&amp;\x9cb\x15\xb0\xcf\xadP`\x12i\xc8&gt;\xa1y\xb8\xbb&lt;\x9f\xe1\xc1y\x9b\x0c\xa46?i\xb6Z3-\xf6,B\x11\xf9\x7f\xf3\x1f&lt;5\xcc\x197\xc5\x96\xde_\xeb\x7f\xf0\xaeK\x81\xbeu\xf9L\xfa\xbf\xa8,\xfbOZ\xb9,\x9e\xbe\xd7\x15\x933\xbf\xb9\x8a\xfc\\:\x0c\xa5k\xbf\x12\xbc7\x0b\xe1\x9e\xac\x95&gt;W\xd1\xe3\xe7\xf2\x17:\tg\x1b\xb9z]\xeb\x96\x95\x18\x8f#\xe6\xcbK\x95\xdbr\x95B\x86#\x17\x19\x00\x90\t\xa3\xd1\x1e\xeb\x95\x9e4\r\x13wSWPT\xf3\xea\xb1\xf6\xfbo\x1e9\x008*\x05\xd9\x0e\xfb\xc0\xf8\xbc\xf0\x8a\x8a\xba\xb1\xe1\xb3\n\xf0W\x8d\xf9\xf8\xe2\x01\xa9b\xc9j\xcb\x16\xc9\xd0]S\xa6\xc3\xa5\x93\xce\xcc\x89t\x18\xcf)I\xf0N}\xa3c\xd1\x0e\x08\x11Z_e9g\xf4\xf6\x8c\xf4\xdaRO}\xbbi8\x86T9\xb6\xe3N\xd7*Kl:\xa9\x03g\x83\r7\xc23\x96\x82\'\x14\xa8PM\xe2\xe4\xfe\x1e\x00\x91o\\&gt;\x18U-\xd1;\xe5\xea\x96A\xc1\xdez\x1b\xeb\x89\xb4T\xa3\xce\xc1[7SP\x11\rC\xca\xa5\xcd\x13R-#\x87\xeeA\x1ds?\xaf\xea\xe9"\xbe\xb7\xfb\xa1\x8d^j\x8c\x08\x9b)\xf9\xf5-%\xd9n)\\\x0e;RL&amp;\xaef4\x19\x0b\x1d\x0c\x006\xeb2\x03\r\xd1\xb6i\x13\xba\xde\xc2\xddBj\xc4\xa4\x82}\x0f-H\xc4\xee\xbc7\x0c\xe4\xde90rf\xb0\xb6Y\x13\x9b^SZkUu\x0f\x06\xae\xfc;\xa9\x18\xed\xee\x87\xfeu\xb5\r&amp;o\xbc\x8f7\x060i\x97\x93\xde\xc3\x0c=\xfbS\x9e\x02\xe4\x16\xb1\xe5\x871\xfb\xf3O\xd8]\x97\xeb\x86\x90\xbf=h\xfc\xa8\x15\x95pKF\xde\x17\xe1,F\xac\x05\x16qu\xdck\xdd?-f\xf2\xcc\x14\xa6\x1f$\x9d\xaa\xa9\x9faku\x0f\xe7\t\xd1\xac\xb1[\xb7\xb3\x17a8\xf9\x93\xd5\xb3#\xd5#\x0es\x07TU\xc9J\xb4\\H\xc3\xac\x18zv\xd5\x03\x80\xd3.l\xce\xf8\x1d$\xf3\xbd9\x0bv\xc3\x14\xad\x979\xdd\xbf\xd8\xf9U\xf4\xc1\xac\xb5\xe6\xeb\x8d\x15?F\xc1\xd8\xef\xd3\xf2\x9f\xdd:2\x1e\xb6\xb8&gt;;j"\xab}\xff\x9d\xc5y\x15\xad\xb7E\xf5\x9d"\xeb\xd8K\x8a\xc9?\xbb\xa9\xed&lt;\xd2e_;\xf9\xd4W\xfb\xfa\xe7\xe4+\xdb\xa4q\x0en\x97\x7fo\xae\xfap\xedew\xfc\n\xb5z\xe9\'\xdb\x8e/\xe3.\xa9\x84\xb3\x87|e\xff+\xf7\xb6\x8fkR\xf8\xa6\xb4\xb3mH\xfe!\xdc\x1d\xc9\x18c\xec_6\xe6\xef\x7fD\x16/\x9d@\xf5\xbd\x92\xdeh\x993\xd1c\xdf6\x94Iz\x11\xb9:\xf2j\xff\xa8\xf3\xffy\x03`\xf4\xdd]\xba/k\xe3\x95\xbeP\xc4\xc00r\x15\x99\xc3.lt}\xfe\xee!x\x1fa\xfb\x15\'@\xfeW\xe7\x17\x1b\xefC\xe7\x8d7\xca\x14r\xf9`\xff\xab\xdb\xecU\xa2\xf9&lt;d\xadMy\x0c\xc5b\xd5\xfb\x7fZ\xe1\x11\x19\xa9\xaf\xfc\xb8\xe4\xf3U\xeb!\x15\xbf*\xe0\xb3b\x8c\x8d,\xbe\x17_#\x0b\x04\x90z/s=@R\r\xc3Z\x9beE\xcbZ\xbb\x1f\x03D\xb7\xf1I\xb3\x00\xe6\xfd\xe2\xe42\xe7\x8d\t]_cf\xe6\xe3\x1ed)\xb7\xf3RT\xb3\x9d\x06\xa1\xe7\x1d|C\xfc\x15\xefK~b\xe4\x0c\xa5Z&amp;\xbf;\xc5z\x1bRLx\x96\x0b\xa9\x9a\'?}\xc4*\xa5\x8b@B\xad\xee\xf2\x8fO\xd5\xb1\xb9\xa8^\xca\xb21\xa6\xf9\xe3\x8fJ\xeb"!\xd4\x84\xf0\x15W)\xe1\t\x18\xb7-c\xd3\xf5jT\xd8ArQ7P\x1ek\xa2\x1dc\xa8\xb6XwpVc\xa2O\xdd&amp;\xd8!\xf4\x87\x10H7\xe7\xf3\xd5\x933Z\x06\xe8\xda\xaa\xe61\x85z&amp;g;\x93\x91\x88\x88\xf5\x97k\xc7\xef\xc1\x16\xa0\xeb\xb3:\x0f\x85}\xfdo\xc4Y\xd3\xa9\xcb dY4u4$n4Q\x91\\\x7f\xbb\x13\r4\x06@+G;v2l\xca-%\xd3&gt;%\xa0\x17\x89\xedc\xcaS\x80\x9a&gt;6\x98n\x01\xb0^\xbf\xde5\xd5a\xeb{jV6Wt\x86\nx\x88\xe9\x195!/Q\x11c\xbee\x8d\x90\x1d)\xfd\xb2\x17\xaa\xa3r\xa6t{f\xc7\xce\xbf\xfd\x9d&gt;\x99\xeb\xb1x\x91\x03\x00\xba\xdf@{w/\xa8\xf7*\xa7n\xd5\xa3\xa9y\xd3\\\xc9\xf4\xf7L\xd2\xddX\xb1eWFS6\xcb.W\xc4^\xa7\x91\xe2\x9d\xeb\xd6\x98\xff\xabu\x18jP\x19\xf9\xbd\xb3\x17\xf5\xfe\'\x8a\x88\xc8\x97\x8f\x1b\xed&gt;9*\xbd\xe9\x89\xcc\xb7\xe7\x13\x8d\x88A4zh\x19E\xb7\xed\xeb\xf7n\xdf\x06\x8b+\xe2\xfb\xffn\xda\xd7\xa1\x96\x93\xa6r\xabqX\xc7\xb2\x89\xcf\x1f%\xf2\x17c\xdf\x7f\xf7\r\xbc\x06\x00\xf77\xbc\xd6L\xe2\xb1sT_\x05\xa7\x97p\xfa\xbb\xcd\xf0\x1a\xe4\x8d\xf0\xecGK\xcf\x12?zs@c\xbeGb\xb0\x1eh\xa4b\xd9Z\x91\x98\xbc-\'\x7f\xbe@K\x10z\xb4\xc4\x00\xc4~w\xa8Fe,\xabN\xbf1\xc6\x98?y?\x02\xa8\xd2K\x18\xac/\xd2\xd6md\xb6\xea\xaa\x8e\xd7\xe9\xdcj\x11\xabq\xde\xe1\xac\x11T\xed\xb1QM\xad\x08\x8f\xb1\xc9\xba\x9d\xadboH\xd3\xa7\\\x0fL:\xbb\xff\xb2\xc8}i&gt;\x91\xf0.H\xdd\xc4\x15\x06q\xd6\xff\xf0\xcc\xb1\x11\xdfM#\xe9op\x83\xa7M*\xd7l%\xddS\x97Jk\x9e\xb9\xe7\x87\xe6\t;\xabz8\xe5&amp;\xe0\xf6\xca\xdd\xeb\xf3p\xbdmq\x0e\n\xaa\xef\xc4\x98\x7f$t\x14S\x18\xc3&gt;\xeb\xfe\x9c\xf9.\xbak\xef\xdb9\xed\x8f:9l\xce\t\xce\xcdq\xba\xaaU\xfa#\xbb\r\x12E\xef\x88\xbd\xf7\xbb\xca\xac\xcd\x1ac\xfe\x0f\xa53\xacJ\xfc\xa3!\xe5\xb7\x97\x05\x8d\\VW\xba\xbf\xf0O\x18-\x1e\xdc\x0b\xdc\\+\xd51\x9ef[\xde\x93^\'Yr\xa9d&gt;\xb8\xa1\x9cbc\xdfZ\'d\xc2\xd3\xa6?=c\xf7\xb6\x96\xd8\xb1\xc3T,\\5\x1d\x1c\x9c\xf1^sY+\x87\x01\xc9\xfb\x91\xd9\x05\x97%\xd5V}\xce\xbaP\xe0{\x00PX\xbf\xab\xe4"\xd2K\xb0\xa7\xb7\xda\xe7\x19\xe5W\xb8d\x96\xbb\xb1\x91{\xaen\xff\x82Gc\x8c\xb1\x1f\x93\xed\xd0\xa8\xc0:\x93\xff\xd6dx\x8aV\\\x0ff\x98\x14\x7f]\xbe\xd1\xfd&lt;\xb2#v\xbd\x0c\xe4\xb3\'P\x7f\xaaI\x91w\xbf\x96\xbfn}\xed\xf7R\xdd\x8bt\xbe\x05h2\xc2\xea\xd5k\xe9\xf6;\xb7\x0e\x87\x8f\x83\xa8\xee=\xfau\xca\xf5\xac\xdf\xfc\x06(q\xdd\xdao\xef\xce\x94I\xb6\xc7\x90\xaf3?\x9eT\xee\x88\x9b~\xa7\xf9! A/\xf2Ub\x96[m\xc2\x0cy\xfcy\x83j\xa7X\xf5+k9\x0f\xed\x84\xf96\x99\xa6\n$\xed|\x7f\xe3\xe8\x97I\x97\xb6\xffn\xc6v0\xf4PI\t\xa4\xb0\xf96\xc6\x94\xd8\xe6]*7?C7\xb1w\x10\xbc\x1e\x82\xbd\x93X7\xed\x9b\xd2\xeeb\xa0\x0fU\x9e\xa8\xd0*\xedB\xcf+;\xd9\xc3S\xfa\x14\x082d\x12\xf44\x008\xf3\x17\xe4\x0b\x92\x02\xf3\xbe\x1cu\x97\x16\xe64\xe4\xe9\xbd\xff\xc3v\xb6\x89\xe8\x0b\xc9\x1e\x92\x8c\xa6\xd2\'\xab\x7f\xef?\x11r\xb8\nYYy\x9cFS\xdf\xe2\xde?r\xaeZP"\x88\x881_\x94\xe1(\xaa\xd3hD\xbf\xa0xl7L\xd3\xd0\x93\xee\xba\xe6\xb9\xc3\xbc\xeb\xfd\x93\xdb[\x1a4\xfec\xb3\xd6\'\x95\nPS\xbd\x97\xb2\xec!/Z\xff\xf4\x1b\xcfy\xbd"\xd6mE\xd2\xa3\x86f#Z\xc1F\xfd\xf1\xf2eH2\xf6\xe2\x97\xb4\x0e@\xaa%\x1d\xfb\xa8\xaf\xea\xf4\xcb\xff\'\xaf\x01\x80\xff\xa9;\x88X\xc5\xb2&amp;\xb4\xaeT\xe8\xa3\xd0\xdd\xeb\xfb*\xd4\xf7\xd6\xea\x04\xec3\n\x9dEk\xac\x1a3\'\xfdt\xbb\xc8\x83\xee\x80Vj\xce)\xcb#_\xcaE\xa0\x9a\xa4)\x92\xf1\xd4\x9c.\x035)\xb55\x07\xcct\x17\xa5.\x99\xef*[\xaai\x85Q\xbd\xd8\xb7%\xe5*\x87C\xee\xe9\xa4\xc8\ry8\xe0\xa6Hb\x9c{\xa6\x9a&lt;\xfd\xed:\x12\xf4(\x8e\xc3"\x93\xeb\xd6\xe1\xd2M\xc0|\xfc\x8f1\xe6\xc3\x85N\x91\xa8tUS\xae\xf2W\xdb|/D\xe4C\x85\xca\xb9\xd2\x9b\x17\xd5\xb2\xd6\xda\xbf\xe4&gt;\xb0\xb9\\\x04\xaaI\x9a\n\xcf\xcf\x11\x11\xf9\x8f\xe6\xb1U\xe9\xd3\x15\xa2y\x16\xa1\xa8j\x17\xde\xb64\xf8L\xbf\x1d\xf5\xfe\x8b\x05\xe8&lt;\x10\xce\xd9\x13N\x7f~\xb1\x8ag"\x9bYGu\xa5\xc8yr"\xb8{\xa2}&gt;\x7f\xd8\x9e&amp;\xc6\x9f;+_\xa0_*n\xaf\xd7Z\xab\xb6\xf7\x9f\xc3u\x95\x92?\xa3/ig\x7fJ\xf6cg\xa6\xa3\x1f\x88q\xb5m\xd1u/nvl\x8cXu\xaf\xa2\xe1\x15y\xe4R\xd9\xdb}\xe6\'\xe7\r\xcc\xa1,\xa7\xb8&gt;{\xe9St*=\xfe_G \x86/\xd5\xcc\xed\xeei7\xe9R\xae\xdc\xd1&amp;\xae==\x86\x19\x01\xa0\xa0\xa9\x18|\xc4\x98\xaf\xd7b\xac)\xce&lt;G\xfd\xb3C?q\xde\x08\xd3\xaa2\xbc\xcd\xa5\x87mI\x9e=\x06\x1f\x16\xf9\xe8\xed\xde\x9e\x8b\x8fS\x8e:%\xb9Vo\x86\xd64\x966\xf5\x8f\xc8\xeb\xbd:\x99\xeb%\xdaD\xb8\xcaf\x02\x11\xe9\xf1=\x1a\xc8H\xdam\x17\x16\xf5\x9b\xf0\x94\x91\xa0\xcd\xaf\xad4\xccQ\x85\\d\xd4\x8b\x1e\xf9\xd1\xe7\x83\xba\x0b\xefco\xde\x8bya\xb0\x98\x7f\x0ez~{\x07\xe5N\xc4T\xbd\xff\xa1\xbf;\xd3\xf2\xa2\x8dn\xab\xe0\x8b\xc0\xa6\xa4\r\\\x08\tx\xb8\xc4\xaf\xe8d\x91\xe5\x814L8-a\xe8e1N\x81\xd3\x19\xe8\xa35\xcd\xb6\xab\x9c\x03\xa6\xe9&gt;&gt;ob\xf8\xe0\xafAe-fs9\xa5\xa9S\xea\xde*\xd8`S\xd9\xb6\x063\xfb\xe6\xc9\xb9\r\xaf\n;dUv+%\xe9\xcf6GI\xcc\x13\x14o\xb6\xeb\xf4\xb5\x9f\xe7\xc2\xd9U\xe8\xba\xbd:h88\xdeD\xe0\x00\xf4\xcc3\xad\x07!\xe6\xe1\x13-)\xf4\xa4\xe9d\xc8\x82\x7fT\xf5y\xb5;\x89/d]\x1d\xc7\xaf\xa1\x1b/\xf2\x91(\xa2H\xd6\xa9U\xdc\x80\xb1\x1fA\xa5\xd5\x1a\xc8\xf5\xd4\xe1\xbe~r\x13\xf7\xec[7\xa7?\xf9b\xab\xfeC\xb9%\x91\xd7\x91\xcd\xaa\x08\x14\\\x01\xb0\xde\xd1\x167\xc0\x8a\x88\xa3\xdb1\xe2\x18\xa3\xbd\x16^\x03\xe5\xe9\xbd\xe2\x1a\xaa\xd8u(4\x84\xc8\x94\xb8\xe5\xa8\x02us\x87#:\x8a\xe1\x80\x08\x17\x11c\xbe,%\x00\xfd\xe5K\xf5\xce\n\xfb\xf2\xfb\xa8\xda@]*E7\xdf\xe5k\x95W$/g\xa4\xf7_\xda}\x96\xde\xfe\xf54En\xf3\x95\x9by\xd2\xb3\x93\x88|\xe2\xd1\x00\xc3}6c\xbd:\xb2\xd8\x89d\x9dF\xed\xcbC\xb5\xf9E\xe7D\xe6:\xdby?,\xb9}\xec)\xb1\x89["\xe7\xd8\xba\xfe \x8a\xe2&lt;\'w\x85\xb67\xd1\xb3_E\xcf\xf2X\x87M\x9b\xdb\xf4\xca\xeb\xafFCC\x1cM\xed6\xee\xc3)\xcf\xe8C)\xbc@\x85\x12\xbbs\xc7\xdbT\xd6k8\xb2\xfee"\xcfn\xe1E\xf02\x06\xc6=\x8b\xb5\xf9\xfbQ\xfb\x05\x96\x82+\x00\x9e^\x0b\x05\x85\x0b\x97{\xe5\xd7\xad\x9eg\x8cS\x1d\x1c\x12Y\xa2Z\xddLU{\x9f\xb1\xfa\x17S\xaeq\x9eR\xf0\xc2\xb3\xc7\xbc\xc2I\xbeRd\xb7\xc9|\x9e\xaa|\xff\xa1\xef\x1c\xadvyp\x17\xcfI\x87J?\xc8\x88\xb6\xf3\xfd\xf6[\x9c\x7f.G{\'e\xf2\x9b;\xcd\x7f\xfd\xb1\xfd\x99K\x04\xa6P~\xdb\x1fx\xfcl}=\xa6\x1c\x83\x869\x98mE\xd0\xf9\xb4V!\xdbX\xfa\xdd\xc6\xfc\x8b\xc4\x12\x0e\xa4\xb4\x97~UA\xe4\x19(\xdax\x06\xb9|*\xda\xd3\x1f\xe0s\xe6\xb07\xe2\xdfE\xd9m\xbe7\x9e\xf1\xec1_.\xf3\xc3U\x93\xec\xba:\x1dg\x83\xf6+\x00\xa5\xfd\xf2\xf5?\xa7M\xeam\x82R\x8c\x86)\x98\x94\x1d\xcc\xcf\xb1\xad\x16\xbf?\xeb\x00\xc8\xcc~\xae\xef\x07c\x0e\xee\xd7\xfb\'W\x17R8b\xc5\x18c\xbe;\xf7\x83\x18\xe3\xac\xc0\x9d\xc4\xc6\xd9\xa8\xe0\xe9\x0e\xfb"6|\x97\xc7&lt;+\x9f\xa1#1\xaf?d\xee\']L\xd5\xff\xe9NJP\xf1^\x9a\x86\xc9\xe9) \xc6\x18z\xa5\x15\xf0\xb0\x05c\xcc&lt;\xd9`\x0e\xb3\xdcHS\x08($\xba\x13\xe6\x9f\x9d\x82\xef10%\xcb\xf5\\`phnIM\xb9V\xac\xc2):r\xfdD\x1a\\I(\xcbqw\x11T\xefg^\xaf\xff\\\xaf\x1d\x15t\xb8\x0c2\xfd\xf2\xf0OW+\x00=&gt;\xb1\xe4\\\x9e\xa1$n\xf1\xb0\x053\xcf\x1e\x9d\x95\x9e\xafp~\x1e\xb2i\x11G\xeb\xb0d\xd4\xc1\xb5Dg&amp;\xaf|\x18\xf9\xe05\xbfO\xb2np\xc4\xed\x0fy\xeeT\x8eV\xe1\x14\xe9\xe6\x1b]\x8a[J\xc4\x90UtYGw\xbd{\x7f\xd5\xeby&gt;\xad\x9b\x98\xeb\xe0\x15\x7fjP\xd0\x91\xe7\xfbl\x0f\xc2|5\x00\xc8\x95\xed\xdd\x9b\xb8\xf3\x1c1+\x9d\xa1B\xbfns\xd4w\x18\xbcE\xd9\xbe\x9f%\xa5\x88i*\x9e=\xa4Zx\x18\xffL\xc9.\x0e\x9d\xa7D\x05\x1e\x03\xa2\xa7@\xc5\xaau\x05j\xefo\xee\x88g\x04&amp;\xd6\xf3OK\xa9\xb3\x8b\r\x8d\x83\x83\x01\x80\x93\x12\xa9q*\xf3\xd3\x8e7\xff\xd5Fg\xa8"\x0cs!\xc3\x9b\x1fP1d\x9d\xb5\xbd\xa8A/S\xa7\xff\xfc\xe8\x97W\xd5\xc2?\xecw\xab]\xe9$|N\x13\x9e\xbf\x96\x0e9`\xefMD\xe5\x15\xe6\xe1\x961\xeb\xf0\x8a\xb4\xdd,&gt;O%N\x17\x16\x1b\xe3\xdf\x04|g\xa8\xb2\xddEaxN\x95z\x97\x1c\x1d$Vs]diM\xfe\xd5\xa3_\x9eM\x17\xad\xfb\xdc\xe7Q]\xe11\xcd\x0f\xa9\x13\x82\xf8D\xcb\xf4\x89\x8b\x8f\xb9\xdd,\xffI\x87^\x92\xa3\xf4V\x10k\xad\xb5\xdf\xbf\xc4\x91\x03|\x89\x98\x9f\xe5uuj\xca\xd1\xf7\x8a\xfaV@-\xe3\xb9S\xa8-\xe5\xc1;\x961\x03mJ\xa6\x8e\xac\xb92\xe2Ne\xb4\xf5W\x0e3\xd5\xd3rZ\xd3\xeb\x1d"\x92%\xd8\xd9\x81\xd2\xcfi\xcc\xaf\xccrM\xd7\xa7-y\x8a.\xf9D\xcbu\xea\xaf\x12\xd1\xff~\x8c\x87UV(\xe0\xb4::\xaa^F\xcbi\xfa/\xea\xb4\x80g.\xf6Z+\x11\x8f\x86\xb3\t1\xe67\xb5\x0e\x03\x12\x9ct\xcb\xb4\xe6\xb7\xe1|\xcc81|\xd6\x1d?jAO\x8f\x91\xe5\xbc\xe5\xaaqy\xcd_\x8f\x93jY}Qz7"\xae\xda!E\x90Wx\xdd\x15|\x86|\x87J\xa5\xbf\xec&lt;\xbd\x80\xd3\x1bC\x11\'u\\\xb1Z\xaf\xbe\x01.\xa1\x1b\x17\x9d\xfe\xfb\xec\xf4+"\xd3\xe8\xe4\x14\xf9S\xfc}\xe4O&amp;;\x95C\x81\x8d\'"\xe6K\x88\xba\x0c\xca\xb7\x80m2y\xc4I\x9b\x94\xc7\xfdI#\xc3\x10\x14z\xb5U\xcf\x10]\xb1\xd1\x04\xa6H|\xa7\xa4h\xea\x1ft\x9eD\xbe\xb0x\xf5W\x81\x18c~P\xdf\x97\x90\xae\xea\x85\x1f\xf6\xc5\x0f2\xd8q8\xf3\x0e\x00\xf2\xeb\xbc84&amp;\xb5\xb6\x19\xac\xd3\xe8U\xa1U8/F\xb2i\x10\x0b\x9d\xa2\xc4a\xaf\xcf\x18Q\x835\xa9\xf4\xf6\x95\xb9L\xafl\x8a8\x90\x89y\xabs\x87\xf7C\xa0\xae%\xc3\x14\xcd-\x9b\xb2W\xe2\\\xfb\xe2=\x9d\xe5}\x81\xa6\xbbw\xa5I\xab\x97\x9b&lt;\xdcmS\x91\xfd\xcdM\x07\xb9\xd7\x14\xc9\xaeu\xca{\x13\x9bK\x9b\x1bM\x13\x94R"\xe2\xff\xea\xe5:qxV\xb3\xf5f\xa9\xcd\x0c\x0fc\x08\x95Pl\xf7\x8d\x88\xc8\xf9\x1b3}\x0e\x97\'\xfb\xc9\xf8o!&lt;\xec\xb7\xf3\x14  \xbfM1s\xdf)\xd3C{y8?q\xfa2\x11\x14\xe5\x11\xe5e{\xff\x9e\x81\xc0\xa1u|\x86E\xa3\xe7k\xb9^\xa7\xc8:\xa7\xe8?I\xd9j\x01\'m\x1a\xd5\xce\x03\xb3\x8c!\xc2\xad\xed\xa3{\x96\x9c\x1b6\x95\x1e\x90\xf4~\x87}F\xfd\xb6o\xbe\xcb^\xf6z\x05\xc0\x18yJD\xb76\x8d\xaa\x89\xeaSq\x13r\x05\x02\xa01\x8d\x06\x9e\x97\xed\xd4u\x03\x961\x99\x0eO\x14WL|&amp;\xe7\xc6\xcei\xd5\xae\xae\xc4\x89|j\xc8\xb1\x93\x0f\xe7\xf2\xac\x06\x9fUk\x9e\xf5\x86\xef\xd9\x9d\xd3&lt;9\xa36^\x01\x10\xd1t\x93\xf6\xb9!\xb6\xa5v1\xcd\xdcR\xcb\x97\xde\xf7\x93\xbb"\xc2\xd9\xcb\xa5\xf5\xc5\xda\x7f\xfb\xfcO\x19\xcfs\xd8\xfb/XL.\xdeQ\x8f\xb6|j\xc8%\xe1(\xf5\xb9h\xee{8a\xcbS`\xa3\x0b~\xd8Bz\x1f\xab\xeem\x94\x1d\x00\x94\x8eu\xb5Ee&lt;\xdc\xf8\x15\xee\xf8n\xa7\x1e#Q\xd4?\xd58#\x95m\xf0\xaf9\xfb\xc3\xf4\x14\xcd\xf4\x13\x94\xb9\xe8\xfb#&gt;\xb2m\xce[\x97\xb6\xcc\xab]\xbc\x8fi\'G^\xff\x11E\x9ec\xf3\xfa\x1fu\xf5\xcfVw\x89\xbe\xb9\x07\xef\x81\x9a%\xd9\xfe\xeec\xf5~@\xeb\x00\xe8"k\xad\x83\xd3\x07\'\xbad\xfb\xab\x1e\xa2\xf1\x1d\xc8w\x80?\xca\xe7{\x85\xc3U\x96\x9et\xd9\x87D.%\x9e\xab\xc41S\xbe&gt;\x80\xebh\xccW\t\xec\xea\x194tR||\x12\xa8\x97\xa6!\xa3\xbcu\x8e\xcf\xe9\x8a\x1e\xbf;\xf1+\x00\xfe\xa9\xb5\x1av\xe8O\x00\x11\x91\xdfY"\x9c\xbdg\xbeF;f:\xf5N\xeb%\xd9\xfbJ\xfee\xc2\xe0\x1d\xec\x7f\xfb#&gt;\xdf+\x16\xa2\x1aTMk\xadk\x0c\xaf\xdeC\xd4I"w\xe2^\xd3\x14\x91\xf9\x9d\r\xcf\xdc_L1p\x16\r\xd3_S\x1a\x85\xa5\xcbdm\xd9\x9dZ\xf0\xb7\xca\x01\xdb\xa7 \xde$P\xab\xf4k8\xea\xd8\xccJ\x97\xae~UU\xef}\x0b\xcd4\xbd\x0cm\x0b\x8dD{\xb9\xfc[\xc3\\Hi\x07\x19i\xf9MO\x11\xd8c\x98O\xf5\x9c{\xc5\xbcR\xe1s\xcd\xe5j\x80wJy\x1c\xa1\xd7\xb8*n\x9f\x91\xe6\xdfT\x8a\xb1Uz)\xa6=\x90\xb9S\xed\xa04\xa9\xd7K8\xa1\x88\xceL\x93\x1e\xa4B\xe5Vgt\xf9[\x02/"_\xd0\xf3\x85 \xcc\xbb8\xf4\x9d\x81\'\xd5\x8aa\x85\xb3\\\x8d\x01\xa2\xbe^:\xc0\xea\xfd\xb8VQ\x11q\xd2^R\xad\x87pf\r\x9b\xc8g\x8a\x98&gt;.\x1c7\x86O\xc4\xf8\x05\x117R\x1a-\xacH\xceE\xb3\xa3\xb5G\x92h\x00\x00 \x00IDATD\xce\xfbT\xb51\x96\x9f\xc4\xfb\xdd4PI\x1e\xfd\x88X\x11\x19g!8\xb8a\x9a\x9e\xc5|P\xd1\x99\x92[v\xa4\xa3\x97\xec|\x8d\xc8\xc7\x99qrH{K\x1e%JQYz\xa7+\xa4\x97\x9b\xb5;\x9a \xe8\xaa\xe3\xef\x01p\xdem\xe4\xfb\x95\xdcc\xa9\xc2\x0f\xc0\xc3\x89q\xc7\xc3\xe3{z\xda\r\xd5\x0b\t\x7f\xaa\xc3\xae\x91zm\x1f/\x1a-=\xc5\xf97\xea\xee\xf1&amp;)*Lm&gt;\'2\xeb\x1bxf:\x97\xc4(Z\xf2\xeeu6\x9e:\xb6J\xd6\n\x82J\xdc\x07\xd5\xce\xd4\x9d\xbcW7\\T-]\t-\x03_\x8cA\x82^\xf2\x12n\xb0Z\xcbZ{\xd8\xccY{4\xd8\xb3K\x99]\xbe\x8b\xa7\xaa\xd5Y!\x9b\x15R*b{Z\xb2\xbb\x92!~\xc2\x0f\xd1\xd1^\x0f\x11\xa9\xf7"03=F\xc6~\xd7\x9ag\xf4\xe7\xa6\xd9\xfcP\x85\xccg\xc8}@\x15D\x8c1\xbf\xbcu(\x0em\xf67\xb7\x1f\x9a\x03e\xbc\x9f\xc6&gt;\xd5]\xd3#Gf\xbfk\xf3\xb0\xf6&gt;\x9f\xdd\x8eA\xc8(O\x14\x18\xc8z\xea\xfa\xbcbP2\xc9\x8dt\xa4\xe3\x16\x9d\xc5(J\xe3\x8a\x1b\x1c\x0fu\x10-\x9f\xa95`\xf1\xc6\xbb"_\x8f\xbdp\xa0\x17\x9e\xcd\x81\xeaV#\xb7\xd0\xcb,\xda\xaa\x16:\xa6\x88\x94\x9d\x04\xeah5\xc4\xa8\xb8\xad\xb9\xa5\xc1.\xbf\xaf\xcby\x15\xc5\n\xe1\\\xd7%\nc\xa6\xf4\x16 T3\'\xa5q\'\x15\xfbj\x14\xceT\xbe\x8a}\xa1X\xd7o_e\xcc\xdfS-0\xfd\xa2n9\xe4y\xa3v\x17\xf7s\xc7\x062}K\xf3\xbbD*\x88\x9f\xfb\xab\x98\x82\x9bt\x0f\xc0\xc0\xc6h\xa5\x82X\xb5\x93\xf9i"v\xf1\xd5\xdf\xafU/\xb3\xcd\xc9\xac\xf6QN\xc7\x9b\xd7\xd1\xad\xe9\xa1\x88\xeb\xdf\x8cP\xbbj\xba\n\xaf\xde\x7fO\xdd_\x119{8\x95\xc4?\xc8\xab\x8fk\xf7\xd6E\x8f\xbc\x0b\xcb]\x0fSe\x15\x15\x9f\x8a\x12A\xc4X\xeb\xd5\x8d){\x0f\x80\xa2(\xf1p\x18\xda\x87,x\x19\xf3\xde\x1a\xdc:\x1cy$lt~\xcd\x04\x0c\xba\xdc\xb9D\x8b\xda\x84V\x1b0\x84\xd9\x97&gt;\xfb\x8b\x9b\x04\xe4J\\\x19\xaf\\U\xeeO\x17q\xf6\xfdW\xf4\xeew\xdd\xbc\x83\xdc1\xfd\xf2\x0f\x0eX373e\x0b\xcf\x1cU(\xdb\xe7jj=\x171\xce\xfeT\xe6\xfe\xcf\xda^\xb3{\x97Q:Rg/\xb7U\xb5\xf8\xb8\x8a\xa6\xf3^o\xe6w:\xea\xcb\x00\xf2\x87\xfaM\xa0~C\x8e\x14Z\xd3\xbd\xf7m\xcdn\xe0_?\x07\\\x8b\xc2\xcam\xe3 x\xbd\'Y\xbf\nG{\xad\xf73\x1e^\xc2Ss\x94\xe7\x08\xe0\x01\x8fz\xfc(\x91\x8f\x1c\x0e\xfeF\xbd\xf6\x8b\xeb\xea\xf2\x92\xcbl\xfa\xd7\x17\x15\t+\xe0\xcdi\xda5\x81\xc6\x94\xecHQ\x12\x8cX\xaf\nj]\xfb\x19\x9fZ\xabua\x8c\xacZ\x83\xd2\xebh\x93\x8c\x88\xb8\x9b\x8b\xa6\x0ft\x9a\xfaUu\xbc\xe3H\xfd\x9do\xad\xdco\x01\x9a\xa7\x15\x06\x1f!\xc9GN~?\xe8EOiz\xf2\xc7\xee\x8bG\xbe[\xf2\xf5E\xc5z\xe5ND~\xca\xfa\x1ak\x16\xd5\xe1\xab\x05\x94\xa3\xa4hy,\x85\xe7\xc9\xe1e\x9e\x13\xf2~\xb4\xeb\xfe\x97\xd7\x81\xc9\x17\x868\x91\xe9\x9f\xb8ua\xba\xee\xf53/\xff\xc5\xe8\xa3\xc1\xdfm\xe6/\x98\'\xad\xb5\xbf\xc7|\xf7RG_\x19\xacM\x94\x8d\xd6\xe1)f\xd7\x8bj\x15\x90Z\xbeh\xbck\xdcf\xd6\xb1s\xac1\x877*T\xbc\xea\x87D2\x1e-W\x0e\x1f\xa4j\xca\x12\xf2\n\xd7~\x11\xc9\x9d\xc6\xbc\n\xd1\xdb\xc6\xee\xb3}\x95B\x11s\xfc\xa0\x80\xa9*\xddY\x8aj\xffuV\xb8\xe7\\\xe9\x90\x1e\x93]\x1b_fO5\x83\xfe\x10B\xa5W\xf6\xce6\xcc\xce\xbc\x9e\x90\xe5hQ\xe7\x8d?u\xe2\xd7=O\x11\x1a\xce\x9fv\x1c\x9f\xbf\xe4\xfa$q\xc1\xcb\xe4\x975={\xa8\x9b\x1bT6\x89\xd5:n\xdfB\x0b\x9a\x9e\x06\xf16$aKi\xc2\x16^\xc5H\x1d\x97\xf4\xbd\xb5\xd7\xd3\xabt7\xbc\xcc9\x9e\x8d\x9a=\x1d\xc7\x96zp\x89+\xa9\xf6\xee\x05\xf4\xec\xb0&amp;9\xfbe\x85\x92\xb8i\xd1\xeb\x97\xfd}QR\xc8\x8d\xa5\xd2\x0f\xae\xf1:\xfe\xf2\xa4\xc9\xfc\xe7\xf7\x0e\x03\xa2D\xf5%T\xdc=x\x1b\xf2\xb0\xc7\x80f\xc9dz\x86G#!Js\xe8.\x0e\xdbW1\xea\x1f*\xfa\xb2\xba\x07p\xf9o\xbb\xf0\xa0k\xcbN\xf4\xa99\xfb\x97v\xd5o\xa1\ny\x7f\xd8\x8b\x13\x15\n\xc3\xfa\t\xcb\r\x1e%\xe4s]\xd6q\xfe\xa9?\xeas\xb6\xd3S8\xff\xbdw\xf4|\x91\x8c\xcb8t\x00.$Fr\xd4m\'\xf3\xe7I\x17T\x90\xb0\xa8\xaa(\x83\xee\x97\xdaS\x0e\xd5\xe9\xb2\x1d*\xe8f\xe7\x12t;\xcfH\xa5\x06\x00\x87\x8c\xd6\x1a\xeco\x89\x98\x7f*s\xa8\xaa^i\xf6\x13\x1d\'_\xfc\xdet\xaa2\x0f\x0f\x8d\x9c\xdb\x8c\xa1}\xde\x0e\x8f\x12\xb5\xd6\x86z\xealr\xa8\xa0\x8bm\x0c%\x15Y\xa1\x1e&amp;{\xf8\x91\xe9m;R1\x17\x9d5\xe7\xd6\xf9\x7fU\xcaT\xe9*\xf6WD;L\xc4\xb8(r\x0f\xf5\xa4\xa2W\xc4x\xdd\x8f\xfd\x15m\x1a\xbe\x0fJ\x9f~\x80\xd8\x1c/[\xa8wZ\xbf\x93\x16mY\xfb-[\x07!\x0fk\x0bl\xca\xedI\x91+\x7fX|Zc\xd4TF\xd5G \xd6\xaf\x08\x95\x89\x1e\x15Q\x1e\xcdZ\xbb\x19\x03D\xc7\x92\xb5\xd6\xf0*\x83L\x94\x14\xe5\x8c\x0e\xde\xc5\xbe\xcb{\xb8\x96\xb4H\x87 \x1eK\xa2\x7f\xb6\xdc\xc9\x1f\x98\xc4A+\xc8\x1aJ\x81\x13N\x16\xbe\xfb&amp;\xf9\xf6\xfb=\xc7\xd9\xfe\x9fVah^!\xf4\xe0,\x99\x88\xbdl\xc6\xaeL\xca\x15\xf3\xd1F&lt;%&lt;~\xb7@e\xd9\x96w\xc7X\x80*\xca3o;\x1f3\x15*\x8d\xdb\x84c\xe1{A\xedTM\xd1\xfadS\xc4.\x96:\xf7]\x81FI/"\xab7\xec\x9e\xd4\x0c}o\xd7I\xe5\xa4\x16%\xb4\x9c\xb1\xab\xc1r\x1b\x1f\xc2\x9e\x02T\x8e\xbe\x1bYd3\xa6\x1c2c\xa9\x94\xad\xf7o\x8e\x1a\xcb\x8aT\xe5\xe7c\xbe\x0f\xb0;\xf8\xb1\x1c\xdfsLa\x8f\x8bde\xb5\xcd#\xe4\x8a\xf0\xc4\xe3,I\x7f=kX\xb9\x9fm\xed\xc1\x03\xb5tg\xd1\xf7\x83\x80\x96\x18=\xf8\xd4\xfaw}\xad\x1b\xa4\xd4\x12\xaf\xdc\xe5\xf50\xa2VZ\xae#\xe5\xb2\xc9N\xfd^H\x13Z\x06\x00\x8b&amp;\xb5\xc3\xdc\x12\xbc\x9f\xa50\xe5\xa2eo\x9d\xca\xd2\x8bS\xabZ\xe0\xfb\xe7y\xc8Zx\xcd\xd2G\xae\xb9m\x9c~d\xb5\xa0\xbc\xfc\x06c\xccu%0?\xc9?\xf2\x04KR\xd2ZT\x93q@\x1e\xbd\x8dUd\xdbQ\x90\xd5\x1f\xd7\xdb\xb2?\'2x\xb1Ve\xf0\xa2\xd7\xb8\xf9e\xf3Jf\x89\xb6}\x9a\xbc:\xfb\xeby4\xfd\xef\x0cY\xbc\xa2\xfa\xf3\x823[\'\x15\x8b\xd2qI\x90\xe9V\x94\'(\x91\xa9\xb6\xa9/"m\xca\xe7\xfa\xe2Z\x84\xe1&amp;z\xfb/)\xcfp\x94\x8c\x99\xd2\xeeu\xe8\x07\xe6\x84\xca[n\x0e\xf7Z\x9cl\xc0\x88\xd9`\xb0\xed\xea\xf5\x9c\xa0\xbd\xac}7\x0f\xe7k\x19\xdd\x18\xb3\x1e?xlb\xc1\xad\xcdv \xe7\xb7\xc6\x98Z\x89\xaef\xcfg\xc7-E\xbe\xdd&amp;\xf5J\xd3H\xf5\xf9\x99B\xbb\x80\xde+\x00K$~\xb3&amp;\xc3\xa9\xed+\x15\x1b\x84\xe0\xf4\x0f\x9dg\xa7Nf#\xf2(y\xa9\xf9Wr{Y{\xad\\\x04\xce"\xf9pp\x17t\xe4^"\xdc\x9f\xe2\r\x06\xf9\x9d%_@\x9a\xceO\xee9\x8a\xb1G\xc4a\x19^\x8b\x15W2\x15L\x1d\xa5\xbb\xe3"\x99%\xe4\x9f9/\xfdd\t\xd2\xad%\xc8\xf6\xe7u\xdf[;3m\x11,p\xe0\x9f0mv\xd1\xb0-\xcf\xd9\x8e\xd6\xb0\x18\xaf\xf6\xc5i\x88\x96T\xe3uz.\xc8\x91\x94\x83\x94\x08\xe4\xfeD\xca\xb3Y\xb5\x08\xb9\rC\x96\x83h\xb8\x9cG\xc9\x17\xe1\xc7i\xe7S\x88\x0e\xce\xfe\xc8\xd4\xaf\x9f\xf3\xbd\xcf\x98\xa7t\'\x1e\xa4\x99~C&gt;\xae\xe1\x1b\x8b\xab\xa7\r\xd4\xb7Dq\xf3\xf0\xe8\t\t\x82l\x12N\xa2\xb6\xb4\xcd\x85"\xf8\x8b\x11\xba\xc8in\xdd\xa79\x9cw\xb6ux\xcf\xd7\xd2\x97w\xcc\'\xc6\xf9:+\x9a\xa9\x84\xfa\x14\xd8}K\'Zv\x8c\xd4\xd6\xa6\xd1\x97\xe5\xa5\x01l\xb5B\x1f6\r\xc6x\xd5\x85\xe7M\xc0_[6\x14\xfa&lt;ja}$S\xa2-\t\xb7y\xaaF\xc0q\x96\xff\x84\x0b\x9a- \x8b\xb5B\xe9\xaeh*\x95\xef8\xbf, \x97\xf7\x7f;\x05\xdc\x19T\xdc\x0f\xd7\x0f\xebs\x85\xb3z\x15\x82\xd4\xa6i{\xf7\xfe\x81q(\xacC\xfc\xbd\xde\x04|1\x172_^\xbd\xc9\x12\xdae\x1fqs\xdb\xd55\x99\xecI=c\xcd\xd6\xf1\xdf\xea\xa1\xf6\x88~\xee\x8a2v\xe9\x7f\xd0\xfb\xaf\xce\x9e\xfe\xe3\xf2\x93g\x1fX\xa7`\xf7\xa9\xb9\xd9\xd14t\xfe\x1c\xf8\xd2\x1eg\xc8\xbc\xea.\xcbw\xb1D\x1fo\xbd\xc3\xe9?\xdc\xfc\xde\xfd@\xb5\xb0\x94?Q\xf7\x06\xde\x94\x96\xaa\xb7hIK\xca\x9e\xaeT\x89\xbf\x9e\xe3F\x82,!\x81\x02Z\x92RN\xb4\x0e\x17\xc2\xfc\xa4\'%\xd9\xa8\xb9tu]\xebk\xf4\xbc\xde^\xe2\xe4\xec\x81h\xe6\xf0\x12J\x8c\x81T\xdd\x84pKIh\x95\x04C!q\x1e\xf6\xd7:,\xc5\x91\r\x9a\xa8&lt;\xe9\x951\x957\x87\xaa\x9c\x7fD\xa4h\xc1\xecw2\xf2\xa2\xbb\xe0,\xf3~\x07\x91?f(\xef\xaa\xc9\xe1\xe3PG5\xea\xecx\xf4uuw\xcf\xc0\xc5\x00\xc0p\xcf\xdc\x1e].\xe5\x1e\x97@\xdfP\xcc\xd7&gt;\xe6bK\x9as\x8e\xd1\xd7\x84\xe7\xecU\xcc\xbdd\xd1\xf6\x04\x88t\x9d\x0e\x00\xae\'\x0b\xf7wM\x14\xba\xc6Q;s(\xeb}o\xf7X\xc2\xaf\xeb\xb0 +/M\xf7;\x9c\xceF\x08\x835\x1e\xfe:mf0\xa2gM8\x15\xf5\xae\xd0Fm\xd2\x9a\xba\xab6\xdf\xedLt~.]3_N\x96\xe59\xecF\x85\xa2\xed\x8e{k\x9e\x17\x15\xf5\xdaL\xf4\xd5\xd7\xeaq\x00p\xff\x14\xa0%\xf8\xf6\xc3EC\x02\x85\xfa\xd8\xc7V\x07\x1bs\x871\'\xe2I:\xea\xae\xb2\xfb\xb1\x8d\xde\x8b\x82\x93\xb5H\x15)\xa1g\xc7L?\x97\x9b\xdd\xac\xd3c\xa8\xbb\xcd\xac\xda\xa92\xa3N\xf6\xd0\xfey\x86\x11i$\xf3=\xa8eBtp\xaeD\xf6\xb3\xe7\x1fl?\x8f\x91\xbc-?g\x1fxp\xa9{\xcaU?8\x89WdG}\x1e\xc8\xd0(\x0e\x9b\xfa\xbf\xe1x 7\xec\xf5\x96\x14\x10c\xe7\xd1\xbb+\\\xb1~p\xc1\x12zV\x03\xe4\xca6\xdf\xb4\xe9+\xf6\x96\x1f:\xa9\xdf\xde\xf2\xe4\x1c\x8f3\xf4\x13\'*\xea\xb1W\x8c}\xce+\xea*\xd4\xae)\xd9\xe0\xd1\x95\xff\xed\xc5_T\xdc&gt;\xc7\x8e\rW\x94\x84\xe4\x7ft&amp;8\xf2\x8a\x90\x9e\xea\xbe\xfc\xe4D\xebp]\xc9\x12\xc8.\xae4\xce\xfb\xd2\x9c\x1e\xcf\xa8\x17[\x94\x1bc\xb7\xb1w\xd1\x8ed\xcal\xff\xe3\xc5q2$\xee\xd1\x93@\xe6\x1a2\xdfYr\x0b\r\x92\xc2K\xb8P\xbaNN?~\xfd\xf8T\x95\x82\xe2&lt;L\xb2\xe8Yzi\x9dU\xf9\x90y\xbd\x16\xe4\xcfm*2W\xc2BF\xc5E\x10\'\xe5\xc9\x07\x9e\xae\xa3\xe8\xf5\xb6\x1d\xf3\xe4\xfe\xffq\xe6\xdf\xdc\x0csQv\xce\x15\xcf\x9f\x89EO\xcf"f\xc1\xd6\xdd\xf9\xd9}M\x15\xf6\x8e*\xd5\xf5#/~\xfb\xcd\x11\xce\xa2\xf7\xe4\xd7?\xde=\xb5W\x10\xcd\xf7\xb88`\x86\xb4=\xd9\x9c\xb3\t\x9c\x92v\'\xba\x11\xec\xab\x14\xbcwL\x95?W\\\xcaZ\xfb\xdfg\x0f\xc9\xdd\x193\xdc\xbd\x9a\xcb\x14\x98\x9aMI_\x19\xb8\xaduE\x16\xf8\x1c\x00\xa9z\x8b\x86\xdc\xdd\xc8\xb2\xcd\xc6\xfe\xef\xc9r\xbf\xf9\x9c\xdc3]\xf5C\x9e\x989\x91\xa8\x07\x11\xee\xeb\xc7\xc3\x17\x9a\x86\xe7\x1c)\xd3l\xbd\x02\xd5{N\xbe\x88\xf6\xecG~\x1d\xdf&lt;\xa8,\x84:l\x1d$\xe8Q\x10!wW\xbbG\xbelh"\x0bQ\xc6\xc6k9\x94\xaavDU`\xba\x16\x1f\x93"R*\xf2o\xbbCc:+\xb6\xa1}\xd7a$\xd6c\xab\x9b\x80C\xe7\xfc*&gt;?\xfa\x95\xbe\x97\xb3\x1a\xfb\xd0\xf8_\x88\xb5vy\x9f\xfc#\xbc\x97\xb0\xd5o\x80\x93L{\x90^k\x91\xe1_\xdcd\x8a|UL\xa1\xdcV6\x137\xcd*\xa5N=%\xa9\xde2\x90IJ\xda\x1dO\xab\xff\xec\x90:\xd3{^\xc9\t\xe7\xd5\xae!\xdd\xf7\xae\xfe\x83U\xce\xf2\xde_\xa1\xb9\x0e\xef\xda~\xc4\xbb\xac\xdf\x8a\xc8w\xbc\xb8\x7f\xb2l\xa0\x1e\xd3YY;\xcc\xe7\xd5\xd6\xa</t>
        </is>
      </c>
      <c r="E65" t="inlineStr">
        <is>
          <t>&lt;class 'numpy.ndarray'&gt;</t>
        </is>
      </c>
    </row>
    <row r="66">
      <c r="A66" s="1" t="n">
        <v>64</v>
      </c>
      <c r="B66" t="inlineStr">
        <is>
          <t>steps_per_sec</t>
        </is>
      </c>
      <c r="C66" t="n">
        <v>800</v>
      </c>
      <c r="D66" t="inlineStr">
        <is>
          <t>2.6166387</t>
        </is>
      </c>
      <c r="E66" t="inlineStr">
        <is>
          <t>&lt;class 'numpy.ndarray'&gt;</t>
        </is>
      </c>
    </row>
    <row r="67">
      <c r="A67" s="1" t="n">
        <v>65</v>
      </c>
      <c r="B67" t="inlineStr">
        <is>
          <t>Loss/RPNLoss/localization_loss</t>
        </is>
      </c>
      <c r="C67" t="n">
        <v>800</v>
      </c>
      <c r="D67" t="inlineStr">
        <is>
          <t>0.077364415</t>
        </is>
      </c>
      <c r="E67" t="inlineStr">
        <is>
          <t>&lt;class 'numpy.ndarray'&gt;</t>
        </is>
      </c>
    </row>
    <row r="68">
      <c r="A68" s="1" t="n">
        <v>66</v>
      </c>
      <c r="B68" t="inlineStr">
        <is>
          <t>Loss/RPNLoss/objectness_loss</t>
        </is>
      </c>
      <c r="C68" t="n">
        <v>800</v>
      </c>
      <c r="D68" t="inlineStr">
        <is>
          <t>0.12916997</t>
        </is>
      </c>
      <c r="E68" t="inlineStr">
        <is>
          <t>&lt;class 'numpy.ndarray'&gt;</t>
        </is>
      </c>
    </row>
    <row r="69">
      <c r="A69" s="1" t="n">
        <v>67</v>
      </c>
      <c r="B69" t="inlineStr">
        <is>
          <t>Loss/BoxClassifierLoss/localization_loss</t>
        </is>
      </c>
      <c r="C69" t="n">
        <v>800</v>
      </c>
      <c r="D69" t="inlineStr">
        <is>
          <t>0.28149068</t>
        </is>
      </c>
      <c r="E69" t="inlineStr">
        <is>
          <t>&lt;class 'numpy.ndarray'&gt;</t>
        </is>
      </c>
    </row>
    <row r="70">
      <c r="A70" s="1" t="n">
        <v>68</v>
      </c>
      <c r="B70" t="inlineStr">
        <is>
          <t>Loss/BoxClassifierLoss/classification_loss</t>
        </is>
      </c>
      <c r="C70" t="n">
        <v>800</v>
      </c>
      <c r="D70" t="inlineStr">
        <is>
          <t>0.14121166</t>
        </is>
      </c>
      <c r="E70" t="inlineStr">
        <is>
          <t>&lt;class 'numpy.ndarray'&gt;</t>
        </is>
      </c>
    </row>
    <row r="71">
      <c r="A71" s="1" t="n">
        <v>69</v>
      </c>
      <c r="B71" t="inlineStr">
        <is>
          <t>Loss/regularization_loss</t>
        </is>
      </c>
      <c r="C71" t="n">
        <v>800</v>
      </c>
      <c r="D71" t="inlineStr">
        <is>
          <t>0.0</t>
        </is>
      </c>
      <c r="E71" t="inlineStr">
        <is>
          <t>&lt;class 'numpy.ndarray'&gt;</t>
        </is>
      </c>
    </row>
    <row r="72">
      <c r="A72" s="1" t="n">
        <v>70</v>
      </c>
      <c r="B72" t="inlineStr">
        <is>
          <t>Loss/total_loss</t>
        </is>
      </c>
      <c r="C72" t="n">
        <v>800</v>
      </c>
      <c r="D72" t="inlineStr">
        <is>
          <t>0.6292367</t>
        </is>
      </c>
      <c r="E72" t="inlineStr">
        <is>
          <t>&lt;class 'numpy.ndarray'&gt;</t>
        </is>
      </c>
    </row>
    <row r="73">
      <c r="A73" s="1" t="n">
        <v>71</v>
      </c>
      <c r="B73" t="inlineStr">
        <is>
          <t>learning_rate</t>
        </is>
      </c>
      <c r="C73" t="n">
        <v>800</v>
      </c>
      <c r="D73" t="inlineStr">
        <is>
          <t>0.023999799</t>
        </is>
      </c>
      <c r="E73" t="inlineStr">
        <is>
          <t>&lt;class 'numpy.ndarray'&gt;</t>
        </is>
      </c>
    </row>
    <row r="74">
      <c r="A74" s="1" t="n">
        <v>72</v>
      </c>
      <c r="B74" t="inlineStr">
        <is>
          <t>train_input_images</t>
        </is>
      </c>
      <c r="C74" t="n">
        <v>800</v>
      </c>
      <c r="D74" t="inlineStr">
        <is>
          <t>[b'1024' b'1024'
 b'\x89PNG\r\n\x1a\n\x00\x00\x00\rIHDR\x00\x00\x04\x00\x00\x00\x04\x00\x08\x02\x00\x00\x00\xf0\x7f\xbc\xd4\x00\x00 \x00IDATx\x9c\xec\x9du\xfc&gt;YU\xf8\xcf,\xb1H*(\xf9#\x04\xa4C\xba\xbb\\Y\x96\x10\x01\x05i)\x01\t\x05\x11]\x10\x90\x14\x14i\x90\xb2\xe8t\x97\x90\x0e\xe9\xee\x94\x94\x90\x90\\\x9a\xf3\xfbc\x9e\x99\xb9=7\xce\xad\x99\xf3~}\xf6\xbb\x9f\xcf\xf3\xcc\xdc{\xee\xa9{\xee\x9dy\xe6\x01`\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aa\x81\xb5\x05`&lt;aK5\x02\xce\x00n\xde(\xb8i\xc7\xdb\xf6\xe8\xfcAD&lt;h\xe3\xeb\xac\x10_\xf6\x94\x07:\x01\x85\xe4\xbc\xe7\xd0\xbe0\x02\xe2\xf5\x0f\x9e\x19\xa4\x87\xdbdW\xddW0\x11\xa2p{\xeb\xfa0\xe7\x1e\x8f@\xb0\t3qb\n\x99\xca3\xd4\x16\xa0\n\x07\xc3\r\xc3&gt;\x87\xcf\xc4#&amp;\x1f\x04\x18\xc6\x7f\xb6\n\x8e9\x12\xb7\x15)\x08\x080|\xed\xf0\xff-\x8d,\x8a\xd1\xa5g\xc7\x96]zN\x95\xd0\x80\x9f_\x18\xe0\xc3\xda\x8b\xf5\x03\xb0\xbe\x04.\xda\x96Ne\xf4\xc28\x81\xa5\xc2\x10\x91(\xb4\x11\xb1\x15\xff_\x05\r\xb5q\x80\x1eL\xa7\x13\x80\xb3UI\xda\xa7p\xe8y\xa4h\xb6\xec\x9b\x11\xaf$\x1c\xfd\x0bWCc\x0bG\xa4\x8a\xc4\x14b\xf1\xf2L\xfe\x9e\x87\xf6\xb3\xcf.\xd8W\xbd\xb8\xc9\xc1\x1e\xe6\xa33\xc10lbaC\x93\xc4\x86a\xd4\xc7 Z}I\x90MdJ\xbd\xfa\x87\x16|\xb4i\'\x8a4\xdc\xda60"\xdc\x9e\xdc\'\xda\x9b\x90\x11\x11\xe0\xf9\x00-\xb8\xd9:\x82\xf6\x86a\xfe\xf9\x81\xf7\xf9\xc3x\n\xf5`\'Q\x88v\\)\x1a\x11\x9a0\xba\xdc\x95L/Z@\x04\xbe\x06\xd8\r\xb6+8\x0c\xe3G\x8e\xcb\x91\xcd\x12q\x11\xb9}\xb64\xa2{\'_\xb2w\x99\xf8\x03{\xf1\xf3\x18\x84I\xa4e\xe5\xc4\xc96{\x85\xf9\xf4\x1c\x03OnS\xbdO#U\xa0\xcb\xb5`\xdf\xa0\xaek\x89\x1a4MXo\xa7\xf1\x81j\x80n?\x89\x10\x8c\xaf\x000]\xf1\'\x08\xe7ny\xde\xaaE\x98N\xb6\xab\xc1)7Fn\x08\xa5+&amp;\xd3\xd4;\x0e\xa9\x87\xfd&lt;/~\x0b\x00\x00\xae\x1b{\xfa\x8a\x89\x7f{~y3\n\xa3\xa3\xe9\x8d\xff\x85G\xc7\x9ct\x8d\x95\xf7\xa7\x10\xca\xa1\x82\xe86\xa7kX\x03\x0c\x14\xd6\xc1\xb7\x01T\xbe\xf9\'4\xfb92\x1by.E\x80\xdb\xce\xbf\x864=\xb8\xaf\x04L64\xbe\x05el\xd1IhSb\xb3\xe0\xd6*\x9c&lt;\x0b\xca\xc67\x81t\xa6\xe17\xbd\xb1\xb7*[\x0e\xe1\xd7;\xd5\\hkx\x07H\xc6\xb1\xd3\xab\xf7+&gt;#\xda$\xd6\xf1jI\xe0q[\xbc\xe0\x93\x91\x04\x8fj[\xcf/]\x15\x8f^~\xd2x\xa7\x10\xef\x11\x8d\xcf\x8f\xbe\xe4\x99\xaa\xc4\x0f\xc3E(\xea[\xc6}t\xa5\x8b\x0c\xa5\x9a\xda\xb4Mr]\xb6\xe7\x1b%\xden\x19\x90\x87\xea\x9aR\xcc\x96,O\xa7\xae@5\xfc\\4\xab\xc9&gt;\xcd\x1d\x88\xe7%\xdd\x1c\xdb\xf3(^#&amp;\xf4O\xc2\x90\xdf\x0c\xa6\x99\x95\x95\x13BdiR\xf6\xce\xbaN\x1c&gt;9\x9d\xa2\xfcC Q[\xe1p\xc8]\xbf\x1b|Z\xf6\xa9*r\r,O\xa3\xa6\x16|%\xff0\x00\x02\xbc4\xa8w\xf7Mn\x00\xf8\xd7\xaax/\x01\x00\xf8S\xad\x80D\xfcr\'!\xe6\xa0\x98\xaf\xd7\xd7\x14\xcd\x02@/\xfc\xe76\xefT\x7f\x8c\x1e4~{w\xa3\xb5\xb5\xc1\xdc\x0c\x11c&lt;\xaeL\tI\xcd\x8f\xcd\xbe\x95\xb4\xd9\xdea\x07N$J\x81E\xf3F\x17&amp;NO\xa7\xcb\xde\x01\\\x92b\xc8Y\xb2\x90\x0f\x8f0T&amp;\xf1Y1\xb9\xd4\xf1\xe8\x02\x00\x01\xde\x15s\xe6\xfa\xa0|\xf6\xa1\x10\x00\xe1\xc8\xa0\x15\xe0\xdf\xab+\xc6/Y\xce:\x93\xae:y\x8bj\x03\x9bJ\x05K\x99\xfa\x9a\x92\xab\xb7\xd4\x05\x80iK\xb8\xfe\x18\xb7@\x93A\xc5\x0b\x80\x8c`\x96\xbd\x7f\xa6\x06l\xbe\x8eh\xc2X\x04\xe9\x944{\xd4JD\xe6*"\xa9\xba(0O\xa1\xe5!]&gt;\'&amp;\xca6U\xf0\x8fB\xb5\xa6w\x9e\xf5\x1cW\xfd\xa6\\\x14U\x9b\x92\x8e\xdf@\x190\x8d\xfc\xef\n\xf4\xd4F\xbaI\xaf\xde\xaa\xef\xa0\x1f[\xaf\xeb\x9d\xa2W\xff\xddG~sX\xe79A\xe1\x9f\xac"\x19\x13\x02\xc7E/42#\x03"\xc2\x1f\xa6\xd6\x82\x84{pw\xac\x93\xe1m\x9d\xb6?\xdd\xfc~\xa5~/\xa2\xd5\xfd\x08p\x9d\x95\x93\x8cs\xb9\\\xd6\x07\x9dM9\xa0\xedB\x16\x9c{g\xf1Q\xa32Y\xc3Y\xe0\x05@\t,Z\xf5L\xcd\xcc6a\xa3\xb7\x05\x02\\5C\x9b-Y\xf9\xd7\xabd\x9b\xb1\xc7/\x98\xdf\xca\xce\x15\xf2w\xd1\x04k\xf5\xbf\xb1R\x15^\xe12 \x92\xd3\xb3\xa6\x08\xb0\xfbh\xa6\x8f\xfcGb\x13\xb2S\x0c9\xe2\x98\x8d\x0c\xad%\x1e\x0epf\xfdU^\x00\x101k\xef5\xd2\xcd\xacm\xd3\xbe\x84Eh\'\x97"\xc0\xab3\xb4I\xded\x8a\xc6b\xe3b[\xb3\xde&amp;\x11\xa6\x12\xfb\x02@\xb2\xbe\xf6\n/\x006@\x9fU\x85\xb2H5\x7f\xb3F\x0b\tH\x90\xe4\x97\x00/\xa7\xbdD[\x1c\xa3\x92\x99\x92t\xea9\x8d\xa0\xdd\xaeZ\xc2\x99\xdf\xe9g\xb5\xf4\x03h\xd9\xbc\x9bm~\x80`(\xda\xfc\xce\x1a\xeb\xc2\x87\xc7\xceS&lt;;\xf4\xc0\x1f\xc9\x7fZ\xd6\x00\x93\x03\x98\xca*\xae\x04\xfa\xa7[\x13J\xd2\x9a\x9d\xb7\xc9:\xbbOm\x03\x18\xb7\xff;\x1c\x05ca\x0f\xa6\xd4\x9c6\xfb\x02@\n\x96\xb4\x8c\xe4\xf9\xd9\xbe*4(\x92\x83\xd3\x17L\xc2\xb6.\xcah,\xd4\xe5(f\xcf\xcfwZQl\x89\xe4\xd9\xf9\xeaj\x0bF\x9bv[=2\x13\x1b1\xa1e\x01\x80\x88\x007\xa8-\x9c\xca\xe5\xfaT5W\xff\xdb%\xb16\xed\x05}\x98z\xba\xa0\xef\xd1\x92\x97"\x1b\xa4\x94\x8e\x8c\xae\x9c\x87\xc6\n\xeb\xe7N]\x98oR\x8d\xd7X\x98\xd8a\x07\x93\xb8\xe8\xe1\xf4\xb3\xf7\xe3\x12\xdbB\xb0 \xad\t\xac\xb7[\xf7]=\xee\x99l\xbeR\x96+\xd8\'ZvM2p#\xde\xc2\xa8 \xbcJ\xfb\xbc\xd7\x19\xb7ge\xcdu\ru\xf9\xe93\xf4iIM=\xe1s\x87\xd2OK\x08\x92\xfc\xcc\xc4w\xa4\x9b\xc0\'\x01\xdaSeR\n\xcd\x9c~\x892\xfc\xc6R\x07\n\xff\xa6\xf0\xc9\xf0F.\t\x88\xd76=\x13\xc9\xaad\xc9\xbd\xf3Z\xa1\xa5lV_\x82.i\xc6~i8f\xd9\xa1\xf3\xa11[\x9bNZf\x9e\xea\x9a\xbd\xdb$\x05\xc3\xc7\xda\xb4\xa2&lt;\xdf\x90\x1b^\x00 "\xe2\x19]"\xf9&lt;\xf4\xf9c\xc4R\x19\xf9\xe7t\xbd\xa5\xda\xda\xe3\xdc\xa9\x0b\xa3J]\xcf\xafs\xf3\xab\xaefih\xcf9\x93\x98\xd5\x95p\xb5\',?\x90\xaa.&lt;/-\xa2b\xf6\x1c\x1e\x96\xcd\x10s\xce+\xbc+\x19\x8b\x8f{]4\xfb\xec\xb8\x88\x13~\xca\x95g\xbf2\xcd\xe8L\xdf \xe2\x9bvj\xc7\xf29\xad\xfa\x97{\xe4\xe3U\xa0VN\xa6t1\x0e?\x9f\x12J\xac4\x82\xf0\xcc\x96x\xdd,2G48\x8b\x91T\xd2%\x8de\xb5\x04\xcfU\xa6;\xd7\x15\xf6\xb3\xa8\xc5\xa8H\x90\xe1\x14\xdf\x8e\xd3\x83^Q\xb8\xc2\x846\xb4c*\x19\xe5\xf8\x9cSg\x80x\x14\x96`\xaaQ\xd0p\xa1\xa9M\xbdu\x81\x17\x00\x9bc\xcf\x19\xa3\xec\xc0\x11\x11\xf1S\x1b\x8c\x1asBP\x93\xc5\xfeRG\xcd!G\xf6\x98\xbe\x8d\x98&lt;\x97\xfd\xf6Z\x0b\xd9\xa6\xcb\xd0\x89\xf8\xa7\x1b\xab\xb8Bv\xb5U\xdf\xfe/\xa2\x05\x80\xc3i\x89\xb5\xad\xc4\xe6\xed\xe2\x1a!\x12\xc6\xd2\xb8\xe7x\xe5\x91l\xc5\x1d\xf7EsV\xb3\xf9\x12{\x1a\xa3\xf1\xae\xda\x02\xc4Q\xdc\x81?\x9e\xfd\xc2q\r\xac5\xee\xbe\x17\x00\x15\x87\x9c\x96\xa2\xaf\x15y\xe2\x97h\xa6\x86\xb9\x91\x0b\xda\x0e\xc8t\xb3C\xa8\x99\xb6\xe6\xccc\xfd\xed5\x1c\xf5\xe1\xe0dW\x00Vz7\xbe\x1b\xd3\xbb\x16\x9b=\x1b\x91:\xcb\xf4\xac\x0b&amp;\x1e\xb6;\xb3+\xd8\xe1\xc9\xb0L\xde\xbc\x00\xa80\xe4Cw/\xab\xb0\xe4\xa0\x18\xa9OM\x96\xfe\xe0WK\xb3o\x0f^\x00l\xe8\x13\x92\x81\xfa|\xdeb\xf1KD*A\x8f\x91\xb8\xcbVA||{\xf72\x08#I\x1eL\xf7\xeb!&amp;\x82\xad\xe52\x86q\xb1\x85\x8d\x9f\xe68\xec\xcb~~\xd4\xed\x9f\xa161m\xf2\x02\x88\ra\xec7+;j\x1c\x0b\xd9\xd2K\x0e\xc2\x05\xc0\xeaN\xb0G_\xa1b\x04\xd7\xa0\xdb\xa8\x1d\xe3\x11-\x1e\xa5\x87\xcb\xa8uxneN\xf9\x87`\xd5Q\x92\xe0\xbb\x80\xd2\xfbkI#\xd3\xb8n\xdd\x81\xa9z\xa5\x9f``\x04\x88\xf3\xe6\x8eLO\xb5]\x92\x8f\xf6%\xb40\xf9\xe4\xbbP\xa9\x0cw\xe5`\x00Po&amp;-\xbe\xd0:7\x91\x95\xbd\nJ\xe5\xd11\xf6\xc3\xe2\xba\x0e\xf9 \xec\xfe\\z!\xbd\xe6\xd4\xea\xff2\xca\xec*)yN\x01\xc5\x95X\x0c\xd9Z[\x1b]]\xd0\xf9g\x08\x97.\x10H\xcd\xc7jq\xba\xc9b\xed\xd1\xbe\xde\xb6\x91\xcf\xe7Q&lt;\xb9\xf3\x81t\xc5\xcdk&lt;o*\xd9]}\'z\x9f\x02\x0e\xe1Va\x1a\xe0\x02#\x98\xb3\'\xcf&gt;U\x17\x00-\'\xff\x05\x7f\x9f\xdc\xc6\x84\xa1\xa2\xfaG\xf7\xa3ki \x842\xe4\x1fQ+Jk\x8a\x94\xd4\xb9se\xbe1C\xaa$\xb9\xfa:\xfd\xd6P\xd2K\x91\xe1E\x1c\xb9\x158\xc6\xa1\xf3|\xe6\xa0\xd9\xfeGD\xf8F\xf2\x02 \xd8\xeb\xd8K\xcbSe\x01\x00M\xda\x9aB\x9e\r.\x00\xa6\xab\x99\x17\xdf\xca\xea\xbc\xa5y\x9d\x84m\x8c\xa2Wb7\xae.\xc1\x86K \x97\xea\xb4\xec\x8d\x80\xf8\x8e\xdayo\x8b\xd3\xcan\xc9Zi\x11\xdc\xfd\xef59\xfa,\x00\x1e\xc1\x1e\xdb8z\xf5\xbfS\x93\xf5;|\x04\xf8hm\x19:\xa3\xc6z7\x17\x9b\x19\x08\xc3\x84P\xce\xe13\xcc\rQ\x17\x8b8\xc67B\xd6b+\xb5\xcd\xa8\x05\x00\xd3#\x82\x05\xfb\xac}\xe9X\xf7\xf9#\x12;\x00xMZ\x0b\x96v\x11\x10/\x90\xa3efg\xec9\xfe\x99\xee\x18\x8a\xf7D\xd7#Bx\xb8\r0\x94\x1br{l\xa9@\xc9j\xc7\xd4\xc6\x8f\x0c\xec\x87\xc2+7c\xd9\xbe\x10,7\x0c%3j\xc3$)\x01\x01\xfe{\\L\xa8o \xc2\x8d2y\xf9\xeb9~\xc2\xd9\xce\xee\x05\xc9@6\xa3\r\x86\xe9\x80{o\xa9\x9c-\x80|\x97\xc2\x06\xd2\xd4!\xd9&gt;\xa0\xb6\x1cf&lt;\xb6\x84\xc5G\xca\xa6s}\x8aF\x18&amp;\x1a\x8ak \x8e[\xa9\x8a\xdf]t\xed\x82}Q\x82\x88p\xcb2\x8a\xeaUE:\xe9\xde\xc5\x0b\x00\x86a\xda\x045\xfa_&gt;\xb5?\x04\xab\x84?j\xce\n\xedHR\x86b\xe3mM\xab\xf9\xe4\xa1X\xcd\xbav)JG\xcb\xd5\x0b\xf6\x15\xcb\xc7\r{9\\\x86Va;[k\x0c%\xec\x0f]\xb0\xf1\x02\xc8\xb0\x00\x88\xceT\xad\x94\xad\x8d\x88\x11\xc1\xf5\xa9\x97a4\x85\x17\x85$\xbdP\xc0yD\x13\x13v\x87\xbf\xdbJ\x00\x8e(c\xa4[\x00\xec\xcc#\xe3h\xca\x15\xf6\x80U\xdb\xec\xb1\x0cCM\xa1]\xba)x\xdfW\xa4\xbb\xf2\xe8\xf5\x7f\xfc\xc4\xd1\xc86G#bx\xa0\xab\x9a\xf8:\x0c\x81*\xbaQf\x1c\x15\xca$\xd9\xc4d+\xbd\xc6\xae\xe0\xa16L\x17\x89\x1f\x02ft\xf8s\'\xe5\x986\xce\xcc^&gt;\x0c\xc3\xb0\xeb\x8f\x182{#\xf7$T~\x86\xbbX\xf1\x1e\x8b`\xc9Xq\x8d\rC\x0b\x9f\xa5n\xa1\xfa\xf1\xc1X\x9c\x0f\x96\xdf]\xedX\x87\xfc\xc8\x98\x8f\xc3\xab4a\xd3\x1c\x88\x97\xbb\n\xfa\xccd\xf2\xe1\xad0\x15i\x14\x1f\xf4\x16G\x10\xbb~\xff&lt;\xe1bOh\x06\x11\x08\xc6\xc8W\x00\x98\xb28|\xec\xe3\xca\x91\xec\x99\x0cS\x8avv\xb9\xbaG\xdb\xf8\xef_\xabBY\xd76\x8e\xfd\xda C8\x0e\xe6\xf9\xc8\xc6\xa5j\xd5\x93\xcb\xb2\x03\x11\xe0\x8a\x14M\xde\\\x0c\xe3\xa7E\xe6F\xf2\x0b\x08B\x83$\xeaU\r\xc6\x9e\xcd\xc4s\x19\x8f\x987\x1e\x80\x00\xb75\xbc\xca\x0b\x00\x86)\xc4W\xb7P\xa7\xba\xb8^\xb9\xd9M-\x83\n\xf4\x9b\xb9\x8b~\xf2p/rn\x0f\xad\xfa/e\x85g\x91/\xb6\xd1\xe3;\xe3\xbc\xda\xa9\xa0\x8d P\xa3QA\x99\x0e\x88[@\x8e.\xf7a\xe3[\xbc\x00`\x98R\xfc\xd2\xf2\xfa\xfb\x8bJ\x91\x8b\x92S\xdb\xe6\xb6\xd5z\x1a\x08\xd70U\xd0+\xc9\xd2\x1d\x13~\xf0\x97*x\xdb\xaf\xaby\x01\xc0\xd4\xe3]+\xcf\xb2\xe5\x05\x00\xc3Te\xbe\xb0\x9e\xa1\xe5\xed"O\xa9_\xa9-N:\x14\xb5\xc1\xf1\xbd,!\x98(\xca\x95\x91B\xe3\xb7q/9\xe2\xe4\xb9\xcc\xdaJ\xc6\xbb\xb5N\n\x989\xcb\xb7.(\xb3!\x10\x11\x7f\xe8\xb1\x00\xe0i\x83a\x88\x08\x0f\xa5,\x93\xfaVn\x8e\xb70W\x0f\xaf\xdeH\xee\xa2p\x00\xce\xe4\x9b\'8Q\xdc\x93\xa4G[\xa7\xf1[\xdb\xf6\x05@\xf0\xa6$\xb1\xcfs\x041\x1bA/\xee\r\x9f\xdc\xe2\xabR\x0cCD\xe4r:\xcf\x85\xb8\x97\xf7\xfc\x14\xa0\xf5\x0f;\xbd|S\xf5.\xc9F\xcc\x962\xf9f\x06BK\x90\x93\xccN\x95z\x9b\x8d\xad\xd3\xf8\x05\x80\xe5\xf6\xe3\xb5+\x03\x0c\xb3_b6\x17\xa5\xd0\xb5^nC\x80\xe7F\x8b\xc50mP\xbd"\x8c\xde\xcb\xe79Oa\x0b\xaa\x08\xf1\x04\x92\x8d\x98-(m\x89\x85\x97oc8\xe4\x94^\x00\xact\x10\xb9\x00\xb8\xb2\xa1\xd0G\x94\x1b\xdc\x08\xdb\x19\t\x93\x93L\xf7\x01\xcf\xcd\x9e\xcc\xfa\x8c Dx){)\xd37\xb1\xc5w\x06\x1964{\xb5M\xdbzf7\x08&amp;\xba\xa0\xdc6)\xaa\xc8\xa7I\xa5^\x0f\xebE&gt;\x11\x95\xea\xdfo\x01\xc0N\xc20\xa9l\xfcvaf7\x88\xd3F\x1d\x7f&amp;\xab]\xb8\x00Z\x05\x11\x1e\x10\xa7"\xd6m\xb3\xf0\x02@\xa7UU\xa4Y\xeatZ\xc5\xaf-\x00\xd6\xef\x03\x8c\xe8\x97\x90M~\xd5\x1c\xb3\x1f\x90}\x98\xd9.\xe3\xf4P\xd4\xc3?\x87x\x8e\xf1\xcbe\xe3YV1\xc3\x00)\xf2\x8f\rm\xf7\xfb\xbc#\xd3\xd7\xa4\x16\xe0\xec\xd7 \xb3\xf7\xb3\x81j\xe3\x8e\xaf\x83\xa1\x06\x80\xd8/]F@W\t\xdf\xbe\x034-\x1c\xc3\xb4\x07/96\r"\xb4\x93\xb5\x0f\x13TaaRW\x1d\xca\xb5\xef\xe8\xf2]l\xc7\xd0\x08bq\xcd\xb4\x02/\x00\x9afr\\6PUp\xca\x106\x13\xa0\x90_c\xcd\xf4KD\xfb\xa9\xed;\xc0\x11~\x875y\xf9\x86aT\xd8Q\x99x&gt;7^\xb5\xad\xefDx\xf8w\xa82}P\xf6\x9a\xd0\x90\xdb\x0c\xf5\x8d\xc40\xe6\xdb&lt;\x86a\n\xa1\x7f-/\x123\xe2\x91\xc6\xe7\xfd\x83\x84,u\xc4!]6]\xe6\xa7\xb0\xb1\x8f33[\xe7\xb2\xb5\x05\xf0\xe7N\xb5\x05`f\xd0\xf6X\xb7\xf2\x92\x08\x1f\xc3\xfdzUI"\t\xfc\x18\x9c\x8d\x1f\x11\xb5\xb3I\xf8\x16\xf3\xfa\x8c\x9ey\x0e\xdb\x83\xe9\xd8i+\xb2\xa4\xd0\xdcV\xc0\xe5G\xff\x0c\xc0c\xfb\xf7\x01\xce\xbf\x0c\xc3l\x9a\xdb!\xe2\x1b\xe7\xac]5\xdd\x85|\x80\xacYh\x86\xb0\tUd\x82\xeb\xcb\xea\xb8\x9d\xb3\xa2\x81v\xef\x18a\x1f\xc3M\xed\xcc\xb5\x00\xe8\xdf\x16\xbc\x01\xc30L&gt;n\xd8F\x96&lt;\\\x01\x80\x1bV\x16fK\x93\x87\x17\xfb\x19)\x19{r\x8ffY\xbf6U\xc5@\x1f\xa9\xe1\x1b\x95\xbc\xf1T\xe6@([\x82kU\xbf\xd4{\xff "\xfc\xfb&amp;F\xc20Ls\xf0^\xa6\xc4\xa6&amp;\x8fu\xea_r\xe9\x8f]\xad\x0f\xdb\xa5\xcd \xad\x11M\xb5\xbc\xd1\x12\x08EK\xf0\xa7\xda\xab\xff\x16\xdd#\x86\x8d\x0c\x83a\x18\xa6u\xf6\xb7\x00\xd8\xd7\x15\x0f\x02XW\x8c\x8d]\xf9\x86\xf1.\xff\xa2{\xf0\xce\xed\x7f\x04\xf8\xdb\xdc\x020\x0c\x93\xc8~2&amp;\xd32\x08?E\xe1\xe3k\xbb\xa0\xed+\xe6\x08\xf1\xb6\xd8U)\xb6[Z31\x02\xfcym\x19&lt;!\t\x10T\x96\x01\x0f-\xbb\x07\x7feC\xd1/\xfc\x9c\x84\x93\x00\xc34\x8d\xfdS\\\xf0\xb3\xd2\xb20\xbb\xc50\x91\xec\x84fG\x9d\xb22ivI\xc3\x10\xc2V\x8e\x87.\xea\xf17\x11\xef&gt;\x15\xdf\xc57\x14\x96\xee\x9e\xbb,\x00~\t\x00\x007\x81\x17\xb0o0\x85@\x00\x84K\xef\xd0\xe1\xd2\x86|cS\x02*\xb8\x85\xc00\x00\x00\x88\x17\xc7\xc3~s{\xa5p^\xde\xdc\xd0\x02@\x16\x00\xf1\xcf\x10\xe1\xbb\x91\x0b\x00\xce\x1e\xdb\xa6\xe1+W\x1d U\xeaI\xb1\x8fp\xbd\xa9\x05\xa1\xcd\x9f\x19\xec\x92\xc5R\x8f\x9cz|\xda2\x90\xc7f\xed\xb1e8\xeb\xd5\x02\xe1\xaf\xcb&lt;\xf8\xb65R\xf7\x0f\x0c/\xedt/\x96\xa9\xcbt\xc3I\x97)\x14\x13\x92\x7f\xf9X\xb3\xf4u\xdf\x1e5\xcf\xd4\x81\x17\x00)h\xd5\x7f\xfa&lt;.-\x00\x8c]\xa6ua\xebYe\x1a\x0b;\x06\xc3t\x88\x16\xcf\x0c\x93\x9d\xbe]\xee\x86)E|\xe1e\xcf=zUr$\xb9WV\x8e\xf6\xb7\xbc\x81\xb23/"\'\x8fo \x1eY\xd6(Z\xfd\x8f\x80x\x93\xfa\x99|\xcb\xa1\xc70\x998+\x00H\xb7\xffr\x8ag\x8a\xd0\xf9u\xa7\xf8\t\xefn\xa5\'Ke\xebq\xf3d_\x00\x9c\xdcb\xbb&gt;=\xd9\x9f\r\x0f-\x99\xbdL\x9dz\xfdo\xbc\x1aPT$(\xd9;/\x82\x99\r19s\xc7\xa5\x18\xd3%\xb5\xa7\r\x12\x9e\xe4}\xe4\xdd\x94X+[.\xec\xa7\xfa\xcf\xcfu\x10~\xb0\xcf\x05\x80\';\xd4\x00\xed\x92\xbei\x05\xae-\x00\xd4\xc3KJ\x94\xb5;\xbc\xb6k\x9c\xea\xc1\xf9\xe4`\x18:\xd8Q\x99J\x04\xa4\xd3\\\x12\x94\xed\x0b\xe5?\xdfbz\x9di\x9cs8\xed\xc5\xa6\x84=*\xa1\xc2\x92\xbe\x1az\xd1\xff~D\xb8\x93\xb1\xfe&amp;\xf9\xb4C\x80P\xab}\r&gt;-\r\x83\xf10i\x9e\xb2\x1c\xb3\x1cf?\x80a\x18\x86\x19\xf3i\xe3y\x12sJ8O\x16\xd0\xbc\x1e\xdctaJ\x12\xb2\xfa\xc36\xd8\x9f\x8a\x10q\x0bQ\xec\x83a\xbb\xc6&gt;p\xe5\xd0\x8c\xca\x19\xc5Z\xad\xba\x8fH\xe8b\x18\x06\x98~\xec\xdd\xecb\x11\xc8\xb4\xc6\x1e\x1f\xa7\xc8t\xce\xb0\x83\xf9\xd2\xc12\x95&gt;\xb5\xd9\xa8\xf5K)\xbb\xd9\xfd\x84}{\xac\'\xffT[\x80\xe2\x0c\x87\xcf\xd2m\x1ei\x13\x1c\xe0\xefW\xe2\xa1\\\x86_)\xcb\xcb\xc2u\x18S\x9c\xf9n\x8a\x0b\x05\xf9\x1e\xfb*\xc3\x94\xe0\xfd\x88\xd7D\xbc\xfb|\xb7\x00\xae=\xc5\xaf&gt;\xbe{\n\x88\x08\xafis\x08\x0c!l\xe2\xbd#\xdf\xee/\xfe0\x0cS\x99\x12\x1f\x85a\x18&amp;\x10\xe3\xa7\xe5\x10\x00\x9fB\x1c\xb0g\xe7\x0c\xb0\x06\xc2GX9\x11\xb0S1\xf0u\xc3\x9e\x05;F0\xac2&amp;\x1bR\x85\xc1\xd8H\xd7\x0fk\x98\xf1B\xaf\xfe?9\xef\x9f\x1d\xee\x9e9\x9e\xbc\'\x9a\x06\xb7\x06+\'\x0e~\x8aTEZ\xba\xc1\xce\\]4#^\x1fp\x0ebr\xb2\x14\x011n\xb6\x07\xcf\xa4\xaa\x03\xf6\xa0+&amp;\tu\xe3_\xbdt\xeeSW!\\\xde\xb3\xfcR\xae00\n\xf8\x8b=}^\x81\x0ev\xa7Z\xb4\x16\xce\x93&lt;ohD\x9e.i\xc7\x9c\xcc\x06\x91\xef4\x08\xe1\xb8\xa6rM&gt;x#\xb0q\xb6b\x1a\xb5\xf4\x07xHD|\x05\xdch\x9b\xed\n\xc0f\xd2\xc26FQ\x12\xd6X\x15P^\xcf7B\xca\xde"\x03\xc0\x1f\x9b`\xb2\xa3l:\x06\xf0\xafp\x85\x9dxfSY\x95\x91\xb9\xfa62\xa4!\x0c;]`7V\x850\xc5@\xf8o\xb6{\x15\x1a}H\xc0\xde\x16\x00\x08\xf0K\xd2\xf6\x10\xbe\xde\xe5\x1c\xc0\xf4C\xf4\x02\x80i\x96]%\x8dN\x07+\xcb\xfc\xb6\xcd,\x00\x8e\xe6L\xb2W\xf8\xee\xffz4:\x83w\\\xfd\xb7\xf0\xa0\xd0\x9f\x01\x9cx\xfa\xbd\x05y\x98\r\xa2d\x8dv\x1e\x91\xcbD\x81[\xf9\xc6\xa8m\x83\x82u\xd4\x89\xdb\x14\x83\x88\xd8\x85M\x11\x11\x068\xf8\x1f\xb33\xe6\xe4\xe3\xb4\xfe\xe1 h\xde\x99\xbbb\n\xbc\xdarl\x04\x9f/\x02\xcb\xbd\xb89\xc9\xf4\xfd\x08\x03\xdf\x87\xc04\to\xf9\xb4\xc60}\xa5\n\xcf\x04=\xf0\xff\xb4\xea_;d\xde\xdaC\x84\xb6\xc3m\x1a\x0b\xbb\xdev\x08\xf17\xbfcy\xce\xc8\xc2\xb0\xf3oK$&amp;\xe8\x9b\x80\x0b\xf93\xaf\x01\x18r\x94\xcd\x9a\x90+\x89\xf3\r~\xec\x96-1~\t9\xd34\x03\x00\x00"~I\x7f\xe7\x01\xea\x0b\xc3\xc9KH\x94\x0ej\xbf0{\xc2l\xf6\xa7\xa8\xf7\xb6M\xf9\x89s\xd4N@@\x84kny\xdd\x97i`\xd2\xf3S\xa7\x10\xda\xac\x12\x99J|\x1a5|N[\x0e\xe6u)\xc3\x84\xa3\xc7\x9d=\xf4\x8e\xe9!\xffsB\xd8\x18\x81\xa6\xfc\x90\xe1x\xfe\x8c\xd9\xce\x91\x1d\x80}\xc0\x8f\x83\xbe^\xa0|\x87\xc2\xbf\xfa\x9c\x9aK&amp;f\x9b\x1c\xe6l)P=\x925G5\xc3$`\xaa\xfe\xd7\xe3\xeeA%D\x8beJ\x08w\xac-\x08C\x00I\xd5\xce\x0b\x80\x9d\xa3mp\x9cx\xfd\x9c\xdd\x93\x183\x1ci\x8c7K\x05\x1f\xb6\x00\x18\xbf\n\x80\xd3:\xc3DaZ\x00p\xeaf\xda@\xf0\xc9G\x11\xb5\xc3\xbe\xbdC\xf4\x14\xc7\xac\xc2\xfab\xcap\xf0\xb1\xbf\x15\xfe\xf2\xf7:\xef\xa5\x02\xc30\n7\xf6\xa9\xfe\xb9l\xea\x88MY*\xaa\x02\xe1\'\x81\x96\xa1\x0f%w\xbd\xc1Q\xf7\x13*\xc8\xcf\xf2cr3\'\xf7\xc9\xcd\x96l\xef\xf70P\xec\xe4\xd1\x84\x0c\xd3\x1aRee\t"D\x843\x00\xfc/\x7f\xa4\x9b\x1cD$~\xe4\xf1\x11\x00\xbf\xc8\x96\t+dZav\xf0\xeaTt\xe8\xe9\x14\xcc\xa7\x90\xb1\x9f&lt;\x8d\xb7O\x17\xc3W\x17\x8fQO\x07\xaeVc\x04=\x05\x88\x9ca\xe0\xea\x9f)\x06B\xd4#\xa6\x86!\xfb\xa3\xc7\x9a\xda0hJ\x98h\xf4\x8b6\xe3\xde\xcc\xc7\xea\x88\xb3O\xe6\x95\xf6\xa1Z2\x04\xd1h\xa5\xaf\x17\x14j?L\xea\'|\xbc\xd2/sf\xc2\xa1|10\x0c\xb3sz`J)\t\xd7\x86\x9dW\x12\x96\x0b\xcf\xdbH\xc8\x11\xf4\xf0\xc4O\xdd8\xa1\xd5\xffEQx\xfcq\xebtv\x81\x83a\x0eI\x1a\xb5\x0f\x004\xe4\xc6\xedH\x02p\xbe\x96\x84\x89\x07/kzRG\x1fYv;\xac\xdf_\xc1w\x81\xe6\xe4y\xbd\xdcG\xd1\r\xcblBq\x03\xf3\xe3\xec3Q\x8b\xf3\x14\xa3\xa1\xdc\xfc\x13\xee\x0c}\xdd;\xc4\xc9\x9a\xe9\x0b\xc5c)\xb2\xf6\xc6i%\x13\xe51S\xf5q!\xfciu\x19J\xb2\xe2K\x1c\x8f\x99i%\x9c7\xc8\xef\x93\xe8\xd6v:[\xad\x0f\xe4\n&gt;\x94\xcf\xf7\xb5\x00\xc84+3L\x16\xb4\xc8\\\x8b4\x87{w\x14\xa5I\xb4R\x90mR\xdb\x8d\xe8\xb6!\xee\x81_a\x85\xe4\x04\x11\xff\x835\x9c\x0b\xcc\xf3\x94\x08\x04\xb8\x05i\x83L&gt;\x92\n\x83N\x17\x00\xcd\x0b\xda\x08\x9cy+#\xa7\xe6cW\xbc\xd7\xe1\xdeK\x94n\xdc\xa6\xad$\xa3\xcdi\xfb\x03T\xba\xdd\x84f\xee\x0cm\xb8\xd9\x0e\xd0\xbd\x85uN\xc62/|/]\xab(\xfc0;\xa1\xab\x05\x00g\xed x\xb7\xaf%|\xf6\xb6\xa7\xc9R9\xec\xc1}Ei\n\xed\x0c\xb3\x95k\x11D\xdct\x19Q\xc2\xa0^&amp;\xed\x18u\x8a\xb8\xedE2\x8a\x16\xdc\xb5]F=\xdf\x15\x11\xee&gt;\xedX\x97TW+\xf9$\x0bt;\xb8\x87y\x07\x11\xe1\x9e~\xed\x88]\x9b\xb3\n\xeal\xd5\x10\xed\x11\xa2jD\xb8~\x85\xb5_\xc4\x87\xac1\xf6D\x86\xa9\xcaTk\xc8\xcf|@\xdd\x99\xc7\x03\xa5\xe7y\xcd\xe7B\xe8\xc7\xfc\r\xed7\xcf\x9c\x83*K~0\xc4v\x1e\x14vp#\x0f/\xb2\xba\x8dX1\x0b\x0f"\x84\xaeT$\x95\xfd\xe9\xcf\xa9\x9c\xfc\xa4#\r\x14E_e\x95\x8c\xa9\xb9\xf7M\x1aH\x8eGH\xd0*\x8e\xff\xa0;?L\x19\xc4\xb8p&gt;\x08p\r\xc4\xd7\xbaz\x8azTe\x19Z\x99z\x92\xf9\x02\xe2\xd9 \xc6%\x8a&amp;\xf3\x88\xc7\x80\xf6\xf0l&amp;\x86\xd19&lt;\xf1\xed\xef\xd4W\xbd\xce\x1d\xd4_\xfc{\xed\t\x84\'a\xdc6D\xe2\xc6\xb6\x11A\xd9\xdb\xd8\xb8\x8a\xf6"\xa1\x89\xe9\\\xa1\x8dy\x19PFE\x1fMn\x818(\x86\x01\x86s\xd26\xb9)L\xeeV%/\xf5\x12\xc2\xf3e\xba\x92Z\x1a\xc6)\xcaT1\xbeB\x10k\xfc\xd8\x81\xb9\x89\xc3%\x04g\xf5\x0f\xf3\x07\x17\xd4+\x03M\xb0\x8dK\x14c\xf5\x0f\x101\x96F\x0b\xec\xfem\xb2\xb0\xa5\xb109h(!\x16&amp;\xee2q\xfe\xeb\xcb\x9e\xab\x0b\xc71\x9b\x98X\xb6B\x86\xca\x83\x8d\xeb\xa6j\xb5\xd7\xd5\xcd\'\xa1\x8a\xa2N}op\x8b\x94\x89&amp;\xac3Jr\xe9\xc4T_\x9d\xc6\xb4j\xc7\xff\n@\x8b\x8b\x92X\xe2\xc6\xd2\xfb\xa7\xee\x18\x80\xc7y\x06\xe4\xd0\xc6\xd5\xea\xf2\xe9#\xb2\xbb\xe1\x1d\xb4b\x18zX\x8b\xdaC\xbe\xfd\xc1\xb4G\xa6\xbd\xcd\xe1\xdb\x10c\x80]\xba\xd9;\x116M\x05\x9d\x0f\x15\xbe\xe4\xab\x18\xc3!9Q\x8d\xeejD\xedt\xc80\x0c\xc3\x00\xef\xf2\xd0$B\x93\xb5\xf5\'\xb4\x1b\xee\xb6\xe9\xf3\xbb\xa3\x8b\xf5\x1c\xe3\x04\x11\r\xdf\x0f\xc5,,\xfb\x161\xe7V\x8d\x8eIr\xc4\x0f\x19C\x95W\x00\x1b\x87\x8d\xeb\xe6\x17\x98\x12\xdd\xfbbR\xd4\xcd\xdb\xd1\x15\xfd\x96\xbfBG\x11\xd4\x9e\xcc\x16\x95r\xacu\xc9\x99\x0cf\x9b\x1c\x8e\xe9\x19\x8e\xc95ZM[\x0f\x0b9\xf8\x12\x00\x18rJ;\x13\xc9\x1e\x11\xa6s&amp;\x1f\x88\x88p\x83\xf2J\xae\xf0l\x93&amp;9;\x00\xc87\x87\xf8\x83pv\xe3}\xfb\x944\x99\xf6\xcd\x08:lAf\xabJo\xda\x8fJ;\xa5\x1d\'`\x98Ur8*\xca?%A\x00\x84s\x15\xc8\xc5\xb9\xe7\'\xac}\xf9b\xd7\x08\xd3y\x0f\x8c\xa2\xde\xa1;\x87\xa94W\x1e,\xfb\xee\xd2\xfd\xb6\x84\xb9\xe0^\xb7\x05\x96\xb8\xf7?L\xa4&amp;\x10\x04\xae\xcf\x9aJ\x9b\xa6\xef\xfb\x93f\xfd:\xef\xd8.\xfcY~\x86)\x86\xe8\xdb\xcb\x03\xe4B\xceJ\x15\x80\xf6y\x8e\xeenr~0\xa3\xe8\xc3\xd7\x18\x11\xbf4\xee\xdb\xd8\xd8Rr;\xd6\xf6g\x87o\xf8Y\x8aF\x10\xb1\x8a\xcc{\x8f,[\x15h\xf1\xf6\xfaEc\xf3\x9f\xd68\x11\xe2\xcf\xa1\x199\xdd\x06kDH\x1b\x11\x8f\x01%\xa1\x98\x8f\xe3\xf8`\xacR\xdd1;\xa2\x81]\x131\xb3\x0c!\x1f\x8bzM\x06\x0122\x0c\xb9?\x96\xad?|\xad\xd85q\x8f\x8d\xc0Nv\xe6\x9a!\x8b\xba\xc4\x1d\xbd\x01\x00\xee\x94\xa3\x93|\xbc\x11\xe2\xf5\x92\xa2\xcfF\x1fkX\x06{\xf5\xaf\x1f\xd8\xcc\x96q\x0b2\xb8\xf8\xc50\\q\x18Z\xf1\xab\xef\xac\xbc\xdf\x84\x90M\x81\xff\x8f\xcc\xcd\x8f\x86W\xb8\x9bJ\x88\xaa\x17 \x1c\xd7z(0\x81\xf8\xd7R\x08p\x8b\x95#\x1a\xca\xd9\x00\x10\xf11\\\x9a\xca\xf2\xa0\x84v\xf4@B)\xe3\xae\xae!\x9bs\xb3\xa6\xc9u/\x9ctY\x7fy\xd2\xd4s\xc9;\xca\x08{Qi\xfcn\xb3q\xdfDR\x83\xf6\x17\x01\r\xf1r\xbb\x1a9\xdc\xda \xc6\x0cK$&lt;\x93\xe3a#L6\xf5\xe0\xd1\xebF\xef?\xc8\xe9$?\xde[\xb1\xfdPj.tw\xf1&gt;aV\xde\x05i:\x9f\xaa\xf37\x10\x1bN\x9f\xda;\xac\x93\xe2\x04\xd6\xd7T\xdd\r&lt;\x08\xb2\xd1\x99\nk\xb9\xa3\xe0\xca\xbc\x1c\x9b61-\x16\x05\xee&amp;co\t\xd1\xef\x0fV\xe4`\xd8\x0cSj[?\x10\x10\x01\xde\xe4\xd3\x1c\xfb\x06@IU| \x7f\x173S\x1ewes\x92!;\x1a\x11\xa7\xe4=\x90\xe8Hx\x959i\x93jL\x9c\xda\xff\xa6\xb3"\t\x93&gt;\xe6\xfeX\xc5\x037\xef\x8d\xb9\x16\x00\xa2Cz\xd5\xe0\xb5\x01@\x80\x8b\xc8j\xd9\xb0\xdd\xe3\xb1\xa8.7\x7f\x91\xbf\x8b}\xf1\xa8\xc9x\x12\x05-\xca\xe4\x06\xe1\xe8\xf5[\xae\xbd\xcd\xcd^q\xa0T\x8c\x94\xdfV\x91v\xe9\xcav}\x10\x00\x97\x15\xc8\x0e\x9c-L\xcf\x08p\x19\xc3\x8b8)m\xf5to\xad*\xb3{G\x93\x82,y\xf2\xe9\xf7\xaf\x18\x0bu\t\x1d\xf2\x0bmE\xa1\xbb\xecn\x9c\x82\x19\xf8\xb1\xa5:J\xe6\x02\xb2\x8a\n\xa5\x85\x1d\xc6`f\xcc\xfe]\xda\xaeLM&amp;[3\x01\x94\x9a\x18\xaa\x98\xe6(!\xb3Wd\xd3\xd7\x94\x1f\xaf\xcc\xa0^\xd8s\xb2We\x1f\xd1\x1d\xce+\xb1\xdc\xd3\x01U\xfb\x18\xa3X[\x03\xf3\x0b\xb1\xb2}\xb4\xe794Xr\xb5t\x06\x00\x80+\xf9\xd5\xd9\xd1\x14\xb8\xb3\xa8g#\xe6C\xfch\x10\xb31F\xbf\xdf\xf0\x04\xac\xb2g?\xde\xf3\xd8c)4+\xec*\x06u,\xc5n\xef\x18*\x0c\xdf\x13\x1d\xef\x85,\x00\x9a\xd0\xe1&lt;\xc5\x04\xeb\xc1\xcc1\xf0c\x82\xd2\x8dH\x98\xa5\xb1l\xdaF\x80g\xe4i9\x12\x83\xe6Sk\xcaE\xdf\xe6\x00\x00 \x00IDATo\xcd\xa0s\xd1\xb9\xfc\t\x00\xf8\xbe\x95\xf3\x92\xfbe\xda\x06+\xa7\xb5\xc5Qv\xeb+\xbb\x1dx\xd7\xec\xd9cSh\\i\x8d\x8b\xd7-\xc9\xdb"i\xe5\x85~$j?\xeb]\xc3\x93\x9ap\x8f\xa9\x80K,\xb3\xa6s\xe5\xa6\xa2\xa7c\xday\\\x94\x8d\xa4\xc1\x86\xb9\x9a|\xa5(\xb6\xd4V\xcc\xf7\xd7\x0eS\xca\xafDv\xe8+U\x11\x1d2q\xd8&lt;D%\xd73J\x1f\x8bx\xf7\xb9\x8f\n_\x850\x8e\x9c\x9f\xc0\xca\x84\x82\x00\xbf\xb6\xfel_\xa6\'\xba\xc8\x06\xd8\xbc\x84:8\x96\x01\t_/\x85z!\xe1\xdd\x1a"*\x93\x8b\xda\x9a\xf2\xee\xdc\xbc\xde}c\xdf\xea\xe5\xff\xa5~\xda\x99\xf3\x88\x06\x00\x18D\x8dL\xe3\x0bksl\x81j\x12\xd7\xe4iG\xe7\x84,\xa3\x1cu\x1e]-\x0bny:\x80o%\x08B\xcf\x00\x91.\xba3j\xcd&gt;^\x13\x8a\xe7\x17\x81\x05\xaf\xd7\x97\xea\x7fi\x81a*sZ\xeb\xde\t\x00\xe0\xdb\x0e\xd9\xf2;%Eb2s\xbd\xf6\xf7\xaa\x0e^\xd9-\xc4\xb2{\x16\xe2j\xafx!\x83\x1c\xef\x93\xfe:\x9d\xb5+4\xb5X\x8fa\x9a8\x83E\x1a\x06x\xa0P[\x8f_\xa07}\x8f^\xccw\'e\xfa\n\xbea\xfegc\xc8\xb1\x9c\xbaW\xbeh(\xbc\xfa\x07\x80\x01\x8e\xf3\xe8a\xf6\x90\x05\x8f\xb6\xf1\xb0\xb0\xf1\xbd\xe0\xb6?\xc4\x8b%\xe55\xe3\x15\\\xeb\x07\t;\n\x01\xe1*\xefC\x9c\x06\xe0\xbb\xdb\x8cv\xa6\x1f\xe4\xcd\xa7\xc1\xf8\xde0\x9c\x11\xe0\xebE\xc5b\xf2\xa2\xef\x137\xc7\xb4\xc9\xda\x94\x84\x9eW$\xf0\x95\x08G\r?\x008Up\x07\xa6\xca(\xc4R\xca\xd6\x9a\xe9b\x82\xda\x9a\xeb"@`\xef6\xa1pn(\xa5\x91Q\xfbSRj\xca1\x12\x10t-\r\x8aDiM@\xb6\x92\xff/\x80+\xd2d\xad\xf9j\x92y)b\xf3\xf9\xe8\x914\x9el\x0b\xe2\xbe \xd9\x04\x9eW\x00\x82\x19\xa4_\xbfG7l^b2q8\xef\x06^~\xe5\xea\x7fkxmrT\xbd\xabu\xdc\x81\xab\xd5\xbb\x05Oy\x86\xa3\x86\x81\xa4\xfa\x1f\x0eE\xa1\xbf\x1e\x94\x83\x8dE\x8c\xfb\x94\xd5\xe3\x83\x10./&amp;54}\x903E\x96\x16\xb1T\xff\x10we\xa2I(lv\x13\x80a\x80+\x86\xc5\x82\x83\xf9j\xd20\x0c\xc3\xbd\xe7W\x87i\xc1e\x919:!U\xda\xf0vS\xe7\xea\xc4 \xab\xb1\xc1\xcb\xbc\xb9\x16\x000\x0c\xc3?\x92/\xe9\xc7\xfc\xda\x9e\x16\'\xd4\x0f\xca0\xf5\x11&amp;\x1d\xfbA\xe3{\xcd\xd5`\x0c\x01\xe3D\xa7\x99\xf6\xd3j\xa0V\r\xd7f=\xef\xbf\xf2|\x05\x81V\x98/\xf5H&lt;q\r\x90mM\x897~\x10\xb5C\xd1^;\x1cnb1\xadu\xa3\x8a\xdd\xf6&amp;\xd9\xd7\xa4\x9d&gt;n\x04\xbc\x80\xac\xf4_\x1a\x9e\n\'|\xccr\x8f\xcf\xea=\xfc\xf124f\x96\x91\xf29\xf60\xf5\xd0t\\k\x97\xaa\xa9r\xb6\x1dI\x8c\xf0\'\xe5\x99(\xd8OJ\xa3?\xd7\xe26\x1c\xad*\xb9R\xd9\x83e\xcd\x7f\x92\xb2q\xd5\xac\xa1\'\xc4\x06cp\xbf\xfeM\xb5&lt;\xe5U#\xd5^Y0X\xce\x8f\x87\xe74\xb1\xee\xdb\x01\xde\x1e;\xa2|\xc3\t\x04\x01nW[\x06H\xbc\x04!+6Q\xb7\xd2\xe9\xcd\xee&lt;\xf5\x89\xe6\xf8\xed]\xd9g\x9aB\xf4\x17v\x95\x82p\xa8\xae\xa1\xcf\xe2t*\x92\xdaN\xbd5\x16\x11\xe5F\xe6\xd6W\x05\xa6\x1b\xa3\xdaR\x8a\xae\x8c\xf5S\xba\xf2O\x8b\xf8\xadCS\xd0{\xb6\xf17qI\xa2\x0b\xdf\x9c\x16A\xe1\x13\x16c\x17\x9f\x03&lt;G\xc0\xc7K\xc2G\xd5\x8c\x83\xd5z\x02\x0f1\xa2\x05\x92u+}\xb8+\xdb-@\x1b"`\xd5\xd5R2bz\xe1Z8\xdeg\xd1\xce\xae\xc9\xe6\x11oG\x9e\x9f\x91\xc2H\x98TB\xef\xa2\xe9O\x83A\xe9\x7f\x00\xc2\xa3o\xd6\xce\xd4\xab\xffX\x11H\x15c\x91&lt;u\xe7oy\x8eL\xa3\x99\xc6-\x96a\x16n-j[\x93\x07\x00\x00\xa4{~\x00\x00\xe07a\xb9\x11\xc8\xa7\x81\xd0\xfe\xc2\xcf\xc9\xc5?4#I\n\xb4\xe1*)\x84\x17\x00\x19i2\x1d0M\xcd~\x03\xc0\xf0\x9a\x01\x06\x80\xdf\xae-\x8a\x07$\x97 \xed\\\xaf\xd0\x05\xfd\xe5)\xdd\xf3?\x96\x03\x0b\x08\xd30\xc30\xc8\xda!\xd3\xc7\xb0\xfco\xb8RZS\xb3-\x15;z|\xf6[&lt;z\x08\xfd\x08\xb2J\xeed\x9f\xbc? &gt;\x98\xa3\xe0\xcc\xb4\xdc\xb7\x80\x97\xb7g\x8fW\x1fn\x1bq\x0cR\x90\xf9\xc7\x08m\x15\x9a\xf1\x0c\x1d\x0c$p\x83\xa4\xa1\xacy\xcf\xda\x02$\x82\xa6\xcd\x05JWi\xd9\xedz\x05I\xbf9\x85\xd9\x13\x8d_\xb2\x8c\xff~"\xaf\xd6\xcb=\rs\xbe,\xee\xee\x0b\x03G\xda\xb8\xf9\xa2\x10\xaeL\r@[;\xba\xd5\xa5\xdf\xba\xa0\xbe\x9f\xe8\x8a\xcbm$\x902.&lt;\x84\xc5\xb0L\xd6\xe9\x8a2\xdf\x05t_\x80G\xa66[\xf6b\x97vg\xd4\x11\x00h\xb9\xbe\x81\xfeJ\x0b:\xb8\x18\xc1\xcf\x7f\xea\xabH\x08\xbaF\xdd\xd7\xd0\x9a\x04\xe7\xff\x87g`\xe9\x0c\xf3\xbb\x08\xc0W\x004\x08V\xaf\xda\x157\x86\xf1\xe4\xcf\x01\x00\xe0k\x95\xa5\xb0by\xa2\x0e-\x91[\x9dAgy^\x01\x0f\x1d\xe9\x06C\x9e\xe2#c\xcf\xb1X\xc7\xe1K+\xc5\x06\xc9\xc7\x0c\t\xadu\xe1\xa9E\xe1\xe9*I\x18}\x13\x1f\x91\xdelQ\x175\x18\xc9j\xb6\xa0\xc7@\xad\x1e\\\xe7\xc3\xc1\xe1N\xd9S\xc6\x08\xdb\x0bi\xe8:@\xd7\x0c0\\c\xbc\x90\xf1Y\xf0\xba\xae9^r\x9b\x1fH\xac\xc5\x02\xc2x\xcbq\xf8\xfe\xd6\xc69l@B\x83[\x0b\x8c\x0f[\xdc\x7f\xdd\x13\r}\xb0/ywy+,\x85v\xc2\x96^\xc4D#\xed\xa5\xdb\xa4J\xf7\x13\xa2\x9c\x8f\xf0v\x80\xcb\x8d-\xb9\xf7\xde\x02\xdb5}\x91\x81MT!|hz\'\xa0\xdaG\xed\xcb\xcf\x051K\xd2\xfa\x89.\x8c\xb01r)\x95\r[F\xd5.\xb8\x81\x9eBQ\xbc\xa4\xb0\xcf+\x00\x86}\x89Ys\xc1\x97\xf1\x98&amp;\x98\x9dZ\xb3\xdd\xb4"FD\x80\xf7\xae5\xd3\xdaS\xcc\x18\x85\x02{{M~\x95M\xc7\x84\xdc?\x8c\xd3\xce\xd4 ]n\x92\x1f\x817\x96\x16\x04\xb5\xc5\xa1\x8d\xd4\x96\x06\xb8\x9c\xf0;\x0c\x00\x9f\x81K\x86:\x90\x97c\xdb\x8f\x90&gt;\xd1\x10\xd8u6&amp;\x1b\x15\xff\xa8}\xe1+\xf0Q\xd5\x7fr\xa7\xa9\r\xc8\xad\x91\x7f\xbek\xb9\xd1\x84!\xc6\xb6\x05`|\xf9\x1a\xea\xb9\xcd\xa4\x87V\x90\x1e\xb3\xda\xd8\xa3\x85\x19?\xccV\xd3\x1eN\xbcfY\xb2\xa7\xed6\xc0a G\xd5\x96\xc3\x17\x9f\xa5\x97\x1c\xa7+\xc7F\x1b\xd1\xaf\xfd\xddPjI\xec\x08\xbd\x10\xa3\x07w\x99\'\xd8\xc3\xda\x14r\x94\xe1E9\x89\xb9Z0\xb6\xaa\tS\xc5\xb7\x1f\xb0\x85\xa4j\xc6h\xa8\x15j\xdd\xa7dd\xd5\xbb\x00\x00\xe0\x0c1\xc3|^+c\xdc:\x06\xe5\xdf\xd3\xe1f&lt;\xc7M(1\xc9\xf4\x88\xc1v\xa6\x84\xbb\xde\xceV&lt;A\x1cx\xb9N-\xbf{\x9e\x8d\x00\xcfZ;\xc4\xdf\xa0\t\t\xee\x8f[s\x80\xea\xf2T^\x00\x00|\x87(*Q\xfc\xf94\xe2\xbf\xb71\x0b\x9e\x04\r\x01k\xae\xa8\xfc\xf0)\xce\x10\x11n97\xf8\x07c\xc8&lt;\x8a\xbe6\xc5\r\xe5U\x13\x9e\xba\x16\xd5\xde\xd8\x02\xc0\xfb\n@\xdcH3\x8a\r\x1f\xda\xae_\x85a\xd1\xbf\xe1c\x00\x8c\xcc\x96s\x13\x11\x93\x8azB\x8b\x84U\xfe\x1d\xe0u\xf0\x90\xfeFj l\xe04\xfc\xdb\xd2\x97x%\xed\x14\x84\x91\xa5\xa5\xb6\x95#\xe3:9m\x8b\xd9\xa05yR1Y\xb0@\x1eF\xd1\x89\xee\xd3\x8c\xa1e\xc7&gt;\xa9\xf9u_\x7f^\xa9\xc9\xd4\xc4\xf8\x15\xfb[\x14+.\xad\xcd\xad\x11\xa6nD\xb8\xb8X\x96\x9d\xa7\xb6\xf8n\x9e\xa89^\xe8p\xb3\x86\xd8\x96\xfd*\x10\x8b\xf2O\xdaJ\x8ak\x1c\xd6\x91\x8bNc,$;,\xbb2\x99sV)"\xefgK\x19\xb8\xb0\x00\x00\x14\x8b-:}\xfae|DD\xbci\x94\xc7\x1e\x1a\xff\x87\xfe\x1d \x86r\xa3\xae\x97R\xf0\xbc%J\x935!\xe4\xe1\xd3\x14LAu\x99\x1fi*\xba\xba\xa9\xc1L\xd4\xb2f\xa0&gt;\x11\xe1\'\x08o\xf7\xdc\x97\xad\x9c\x85$\xb1\xf5W\xfd\x87\x9c\x8f?\xcb\xedW\x1daR~m\x17b\xb6\xc0\x0ebl)\x97o7\x0e\xf6\t\xdb\x1eoV\xe6\xbcsHC/\xa0t\x1e{R\xa3\xc8}%&amp;\xad6Y\xf4f~\x9b~.\xb9_-%W\x9e\x1ag\x17=\xdf\xfc\xf0\t\xc9oCy\x1ad)\xfe\xa3\xe5\xd1\xc697\x95\'\xac\x04Q\x11\xe0;9\xbaX\xef;\x84\x1b\x84\xdcoSb\x14n\tT1\x82\xc7\x0b\xf0\xe9\xacB\xee1]\x9b\xd15\xcf\x9aa\x98u\xc4P\xd9y\xf0\xa4\xdf58\x9e\xfe\xb7\x00\xd1\x17"\xec|\xd9\xdc\x94\x9a\xf8\xe2\xa7\x84\x9dN\'\xa6\x99^=\xa4\x9c4\x9b\xc64CG\xe4\x9c\xe0:,\x8e\xe8p04\x95\x07*\x81\xd3\xbb\x0e\xd0j\xc8\r\xf7%F\xe2\x14B\x966\xc7`\xb3\xc8\x0ep\xc7\x1a\xfd\xd6\xc4\xa4\xfcK\x8e\xef\x10wD\xdb\x1c\xc34\xc4\x189\x17Kt\xf2)\x02\xfb+([]\xfc\x98\xa7C\xd4\xf3\x1e\xe1MGD\xed\xb4N\x0b\xd5F\x9b\xdcj\x0ca\xba\xa5,\x81\xa3\xba\xeb\xad\xa9Y\xf7\x01\xfe\xc4f0I\x98\x9cL\x1d\x11\xc7\xbe_\xc7\xe1L:\xb9\x81\xd8\x92\xfe`\x96\xe5\xf8@\x89b5\xe0wV\xe4x\xcb\xd3{*C\x906\xe3\xbc\xccjV\xfe]\x11\x11\xe1\xeb\xadN\xeb\x0c\xb3Ijg\xc0X\x9a\x95\xd61\x1d*Y\x8f*\xd35\xab\nj\xa2\xaa\x8d=\xa0M\xa8\x80\x00\xe7N\xbcD\x96\xe2\xa5\xd62\xebL\xc6\xd6\xac]\xf8\x17p\t\xd2\xfeS\xf8)\xfd\x10\xaa\xc1Q\x8d\xa3&amp;\xb5mux\xfb&lt;M`\xf4S\x1c\xe2\xce\x9aO\r\xec$\xab\xe7\xec\x1c\x04@8v\xd9z\xf0\xd4\xa4Q\xff\xd7S\xdd\x8fa\x98B\xd4\x8e\xba\xa5\xeb\xe8\xb9\xa1!\x10\x11\xe0L\xc6\xb7\x9e\x12;k\xba;\xa4k\xaaq\xf0\xde\xba\xde\x10/\xbf\xd4+\xfb\xc4R\xcdT(k\xa8k\xac_\xf5\xac\xdf\x0e\xfc\xcbF|\xe0\xfeT\r\x85\xa9o\xb6\x14\x8a;\xbb\x7f0\xb6$\xed\xefJf\x8d\x14)}p\xb5\x97\x8e{Fp\x95@Mz{ \xc30\rB\x9c.\xe7\xac\xf1\x1f\xfe\xbb\x08)}Q\xcc=+\xbd\x08\xff\x9aE Mp{\xce\x95&lt;\x8b\x83\xa2\x84W\t\xcb\xe9\xb2\n1M\xe4/J\x8d8\x9frA\xed\xb4\xbc\x1b\xd0\xd5.\xb4\x05P\x84\xf6\x04\x1d\x8a\x9a\x9c\xff\xfc[5\xe8\x82E\x9d\xbb \x18\x96\xcf1\xbeC\xdeo\x02\t\xe7\xd5\xa2\xc6Bu\xf8Q\xa3\xf25\x0f\xa4\'\xce_7B&gt;\xb52\xfb\x02\x11\xe0C\xb6\xf7b\x1b\x14Z\xc8\xe4\xa5!\xf9%g\x1aB\xea\xcal\x87A\xad^2\x1a\xb9\x87f/\xac3\xa9\xd7\xdcw\x0f\xba\x1f7\x93\x0c\xa4\xf3\xac\xa3f\xb3b\xea=\x976\x0c\xbdS\xb4\x94I6_\x05\xaa\xeaB8&amp;H\xdb9\xf1\xd2R\xf4\xc0\x19O\xf4Y\x1b\x01\xfe\xd1\xfft\xd9\xd9\xcc\x86\x18h%\x1e\x9b\x1d\x06\xdaf\xfb`\x1c\xfc&gt;\xc7\xce\xec\x9e\x1b!\xbeH\xfc\xdb\x1d\x08K\x02\x1a\x80:\x0b\xfd\x1c\xe0\'\x00\xa7\xa0k\x10\xa9%l\x9fe\xc8\xe2\x9c=\xc0\xc1`\xf3a\x88\xa2\x05q&gt;\xaa\x98xE\x90\xea\x96Q\t\x88\xa8i#\x1f?C&lt;\xb1\xf87u\xd4D\x16f\x19\x82\xd7\x80.\\\xd4$\xfb#\xc4\x93%7\xa2\x12]\xd1\xea\xa1\x04\xe8ZB\xf99\x1bQ\\\\\r\xf1\xf5S\xbf\xd6NW\x04\xb6Q\xc6g\x18X*R\x00\x18tW\x1d-{\x04i\x8f\xbb\xb6\xeb0\x0c\\\xfd\xef\x83\xc7\xd5\x16\xa0=^\xf9"\xed\xa5Z\x9b=\'&amp;\xab\xfe\xb1XE\xdb\x1a\x83\xe17\xd0K\x90A:\xa4\xdcNeu\x8b \x14\xf4o\xad\xfa\x1f\xa850\x0cQ\xb3WG\xfb\xb9J\xf5_\x1d\x9c\xff\x91^\t8^~{\xbeT\x90h\x12\x04@X\xaa\xff\xb4\xc6\x18\t\xf1\xd24\x02"\xdc&lt;o\xfc\x0c\x83\x98+\x96\xf0\x1e\xd8\xb2\xcc\x86\xa8s?@\xd9N\x1bG\xbd\xbc</t>
        </is>
      </c>
      <c r="E74" t="inlineStr">
        <is>
          <t>&lt;class 'numpy.ndarray'&gt;</t>
        </is>
      </c>
    </row>
    <row r="75">
      <c r="A75" s="1" t="n">
        <v>73</v>
      </c>
      <c r="B75" t="inlineStr">
        <is>
          <t>steps_per_sec</t>
        </is>
      </c>
      <c r="C75" t="n">
        <v>900</v>
      </c>
      <c r="D75" t="inlineStr">
        <is>
          <t>2.6315236</t>
        </is>
      </c>
      <c r="E75" t="inlineStr">
        <is>
          <t>&lt;class 'numpy.ndarray'&gt;</t>
        </is>
      </c>
    </row>
    <row r="76">
      <c r="A76" s="1" t="n">
        <v>74</v>
      </c>
      <c r="B76" t="inlineStr">
        <is>
          <t>Loss/RPNLoss/localization_loss</t>
        </is>
      </c>
      <c r="C76" t="n">
        <v>900</v>
      </c>
      <c r="D76" t="inlineStr">
        <is>
          <t>0.18633199</t>
        </is>
      </c>
      <c r="E76" t="inlineStr">
        <is>
          <t>&lt;class 'numpy.ndarray'&gt;</t>
        </is>
      </c>
    </row>
    <row r="77">
      <c r="A77" s="1" t="n">
        <v>75</v>
      </c>
      <c r="B77" t="inlineStr">
        <is>
          <t>Loss/RPNLoss/objectness_loss</t>
        </is>
      </c>
      <c r="C77" t="n">
        <v>900</v>
      </c>
      <c r="D77" t="inlineStr">
        <is>
          <t>0.061472874</t>
        </is>
      </c>
      <c r="E77" t="inlineStr">
        <is>
          <t>&lt;class 'numpy.ndarray'&gt;</t>
        </is>
      </c>
    </row>
    <row r="78">
      <c r="A78" s="1" t="n">
        <v>76</v>
      </c>
      <c r="B78" t="inlineStr">
        <is>
          <t>Loss/BoxClassifierLoss/localization_loss</t>
        </is>
      </c>
      <c r="C78" t="n">
        <v>900</v>
      </c>
      <c r="D78" t="inlineStr">
        <is>
          <t>0.581291</t>
        </is>
      </c>
      <c r="E78" t="inlineStr">
        <is>
          <t>&lt;class 'numpy.ndarray'&gt;</t>
        </is>
      </c>
    </row>
    <row r="79">
      <c r="A79" s="1" t="n">
        <v>77</v>
      </c>
      <c r="B79" t="inlineStr">
        <is>
          <t>Loss/BoxClassifierLoss/classification_loss</t>
        </is>
      </c>
      <c r="C79" t="n">
        <v>900</v>
      </c>
      <c r="D79" t="inlineStr">
        <is>
          <t>0.3357097</t>
        </is>
      </c>
      <c r="E79" t="inlineStr">
        <is>
          <t>&lt;class 'numpy.ndarray'&gt;</t>
        </is>
      </c>
    </row>
    <row r="80">
      <c r="A80" s="1" t="n">
        <v>78</v>
      </c>
      <c r="B80" t="inlineStr">
        <is>
          <t>Loss/regularization_loss</t>
        </is>
      </c>
      <c r="C80" t="n">
        <v>900</v>
      </c>
      <c r="D80" t="inlineStr">
        <is>
          <t>0.0</t>
        </is>
      </c>
      <c r="E80" t="inlineStr">
        <is>
          <t>&lt;class 'numpy.ndarray'&gt;</t>
        </is>
      </c>
    </row>
    <row r="81">
      <c r="A81" s="1" t="n">
        <v>79</v>
      </c>
      <c r="B81" t="inlineStr">
        <is>
          <t>Loss/total_loss</t>
        </is>
      </c>
      <c r="C81" t="n">
        <v>900</v>
      </c>
      <c r="D81" t="inlineStr">
        <is>
          <t>1.1648057</t>
        </is>
      </c>
      <c r="E81" t="inlineStr">
        <is>
          <t>&lt;class 'numpy.ndarray'&gt;</t>
        </is>
      </c>
    </row>
    <row r="82">
      <c r="A82" s="1" t="n">
        <v>80</v>
      </c>
      <c r="B82" t="inlineStr">
        <is>
          <t>learning_rate</t>
        </is>
      </c>
      <c r="C82" t="n">
        <v>900</v>
      </c>
      <c r="D82" t="inlineStr">
        <is>
          <t>0.025333151</t>
        </is>
      </c>
      <c r="E82" t="inlineStr">
        <is>
          <t>&lt;class 'numpy.ndarray'&gt;</t>
        </is>
      </c>
    </row>
    <row r="83">
      <c r="A83" s="1" t="n">
        <v>81</v>
      </c>
      <c r="B83" t="inlineStr">
        <is>
          <t>train_input_images</t>
        </is>
      </c>
      <c r="C83" t="n">
        <v>900</v>
      </c>
      <c r="D83" t="inlineStr">
        <is>
          <t>[b'1024' b'1024'
 b'\x89PNG\r\n\x1a\n\x00\x00\x00\rIHDR\x00\x00\x04\x00\x00\x00\x04\x00\x08\x02\x00\x00\x00\xf0\x7f\xbc\xd4\x00\x00 \x00IDATx\x9c\xec\xbd{\xfc~O5\xf7\xbf\xde\xdf\xf8\xa6\x90\x1c\x92\x8a\x0eB\xa8\x08):P9\x14Q\x0e\xc9)r\xact\xa7\xa8\xc4\x9d\xe8$\xc4M\x89D\x92\x14\xa9\x08%\xee\xca\xf1\xbe;\xa8T\xa4[$"9\xf6+\n%\x9d\xd6\xef\x8f\xeb\xda{\xcfy\xd6\xcc\xac\xd9{\xf6u\xbd\x9e\x8f\xef\xe3\xf3}\xbf\xf7\x9eYk\xcd\xcc\x9a5kf\xef\xebz\x13\x0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4`\xe6\xbb2\xaf\xafvu\x8d[\xb3A\'K\xe1\x81m+\x82\x99\xb7n\x0bO\xff\x05\xf9\x8cry\x19d&amp;\x05DRH\x083\x13\xfdX\xc2\x82\xa0\x1b3\x07\x9a,\xb0\x93\x83\x15\x89\xee(o\x8bq\xc5\xbf\xf5R\xa2o5\x0c\xe0Ic\xc8\x8e\xe9z\xc8\xa4d\xb7[=\xc3DLo3\x8b9\xfd\x96\x1f8[Kd\xec\xac\xeb\x01\xf3\x1c\xf9\xde-\xf6\xaf\xc6\xec\xf1\x85\x1c\xaa{\xb5\xe6\x1e\xb0\x8aSx\x88\xe7i\xf2\x88\xa0\x8dYc|\xdb\xfa\xad)\xe9\xbe-\x95\xa1o\x1f\x00 \x06f]\x1a\x8e,\xea\xa0+\x83\xf9\xe4P\xc6$xU\xae\x800\x0f\xd8K{\x89\xbc\x8cp\xf9\xf9\xf6\xc2V0\xfd\xdfL\xbeH\x81T5Z\xa1\xd4\xecxo\x87\n0\x7ffDE \xe3\xa4\x7f\xcb\x0c\xa5\xd3\xa2\x90\xfd\x92v%z \xd4L\xa7\xa4U \xad\xce\xbd\x1b,v\x7fc\xb31\x15\xf6,\x8c\x18i\xcb/\x1a\xd3`\xa3L\x99\xf3]\x0e!QQKL\xf8\xb4\x93\x9c\x8c\x0cnz3\xa2\xd5\xda\x12\xdd\x7f\x02\x00:\xb1B\xf4\xc9\xdb\xb0\xa9\xf6\x0c[\xf4\xcfj\xea\xc6\xe9\xf9q,\x01\xeb\xf0]Z\x82BY]\xd1yg8\x1d\x9c\x7f\x9c\xb3\xc9d((\xcd~\x9eh\x9b\xed\xd5\xb2\x95f\x13\xac\xe3\xf5\'\xb9g\xf3\xb3\x9c_\xc9=\x85\x98\x7f\'\xa2\xf7\x9a~\x10fu\xe1b\xb6\x84\x0fZnM%C\xa7\xfeiu\xd3\xad+[\xbf~w\xb4C,\xaf`f\xe6/\tu\xf8\xad\x0c\x8d%\x83\xc8t\x19w\xeb\xe8\x1b\x10\x1a\xbb\xe0\x9e\x84&amp;\xab:\x9e\xd6[\xd6\xfb\xcd\x0c\x98\x94\x17\x12ic\x8dEX\x08\x00X\x15\xe1\x8c\xb5C\xf6\xe0h\x1a\xd9\x16\xd1\x86\xe6T\xdb\x05\x86\xe1\x81\xb1\x1b\xda\xbe\xb7\x8a\'\'\x02`a\xeac\xa5\xa7\x91\xa7\nDL\xf4k\x89\xec\x8a\xe7\\\xd6\x94\x16\xd7\x96\xd8\x00\xcc\xb7\xe6_]\xa5^j;\xff\x98\xed\xfc{9\x96\x87\x1a\xe2\xeb\x8d\xf5\x9ccjba\x8a\xdd\xcdU\x14\x8ec\xcc\xce\xf4.\xeb\xb8\xd1\x8a$\xbbn\xb7\'\xbaB\xd2\xf3A{ln?uBlO""\xd0F\xaa\xcb\x16\xfe\xa8\xbc\n\x00\xa0\t$\x82\x11\xcaC\xe1`|\xd2\xd6\x06\x80\xa1\x10\x1fmvW1\x14\xf3\xeb\x07!\xe3\x9f\x9dNF\xed\x17\'\x84\xe1\xc2\x0e,!\xd5K\xbaLDD?\xe5\x07\xa2E\xdd\x9f\n\x92\xc5t\x8a\xecY\xe5%\x82\x81\'!1\xa5\xbc$\xb8\xfe&gt;!l\xaa\x91\x8623\xd3\'E\xfb\xd0\xea4\xb6\xb6ON7.\x8a&gt;\xf3x\xf1\x0f\xbd\x17r\xe2\xf6\xe7\x91/\rN\xc9x-\xa3\xdf\xe2\xe6\x19"\xb3\xda\xb3Y\xf8\xa2\xe5J\x96\xc6\xe2Yl\xd4\xbd5\x95t\x0e\x00\xe0\xb4\xf9~\xe3g\x95\xa0\xb0RdI\x86\xe0\xd1\xd9\xaf\xe5\x00\xac\x88\x91\xa4\xc6\xf3\xad\xf0!\xfd|\xf1\x19\xa9\x84\xd2\x97\xe6\xe4\xbb\xd5\xf3\xd4L\xd7\x92r\xe2\x1b\x8cPFlg\x9f\xf6\xc3\x81Y\xc5/F\x92EG\xd4tmn\xec\xe3rF&amp;\x1a\xf2\xf6d_\xd9\xc6xM\xf0\x9a\xe6\xb7\xd1\xeb\x1cKz\xcc\xe0Btb\xb25\x16\xad\x92\xdcMl\xa5\x14\xdb[4l\x03\x00\xf4\'\x14\x04\xf5UL1\xe22]\x15)\xd2\xb26\x039\xe5\xfd|J\x83\xf2\xb6\xad\r0\xc9t\xec\n\x81b\x18\x8cf\n\xb2\xa2\xa3\x0f\xff\x98\xe8\xad\x8c)\xcd\xe2\xc6\x08\xe3$\xd9qQ\xc6-v\x94\x1ao\x10%3c\xeb\xfa\xf4\xc3\xd3\xa6V\xbc\xc7\x10\x18O\xac\xa3\xc6/\xc6\x90\x93j3\xfd0[w=1\xcb\x8f\xefkm\x00\xa2U\xfe\xfeh\x9ba\xa7\xc4\xc8\xe0&amp;a\xab\xb9P&gt;\r\xf9\xf8`!\xe6\xc9-\xd9\xbf\xd8\x04\xab\xe7\xfb)\x02\x00\x14\xb0\xc6ldQ\xc0\x1d\x8b;\xee\xc7\xd4]b\xe5.\xa5{\x80\x9d\xf9R\x84\xaa&amp;\x98U\xde .\xd9\xc9\x98=Q\xd7@f\xa6w\xe7+V\xe4O\x89\x94\xdd\x1e\xbb|\xc2\x97\x9b\x0el\x94\x8ae\xf9\xde-\xef\t@\x1a[\xdd\x87\xa6\r\x8e7\x8a#?\xa7/\x9a\xfb\xb4\xfcC\x98\xf9\x877f:m/3"g\xa7\xc2\xfa+xN"\xb4\xe0$B78o\xbe\xfa\x94&lt;x\xa5\xb6`\xe6\x03\x9f\xea%A\xd1\x97\xf6\xe3\x96%v\x0e\xda(Q:\xdb\x10\x94\xe2u\xab7\x00\x12c\xcc|\xfa\xa1\xd5\x81\xceO\xcd\xd9\x92\\k\xa4#\xd3\x9et\xcbE\xc7\x00\x9eN\x8e\xbd\xec\xed\x85\xae\xb9\xf6C\x80l3s\x05\x8e\x92B%\xf9\xad\x91\x17r\x8ef\x08^|?\x8a}a\xbc\xd3\xae\x9c\x90\x13\xdb\x96l8\xddD\x1b\xd4\xea(g;OM\xc4\xb6\xbdz\xcc\xb8\x04\x80\x98\xb6%\xea\x8c\x194)\x01+\xe3\x1e=z/\'\xachJ\x93\xde\xafo\xd1\xdcP\xb7E\xed\xb6s0\xdf\xdb\x1a\xc9\xca&amp;X\xe9u\x95\x00\'\xcf&amp;2\x13\xf1\x06\xc3\x96\xe4\xd8M\xd9\x97ih\xa6\xd1\xa6vg\x0f\x103\x99\nRCQ[\xe6V\xdbi\xbd/\x7fIL\x89\xf9O3Y\xa6\xd1\x99\xef\x1f5#\x9a\xaa\xbe5\xf1\xe7\xde\xd6\xa4\xfc&lt;\xbe\xde\xc2\x97\xdbcZ\xe3\xde\xf6\x16\x029\x00\xd89\x9b.3\x00$\xd8\x9f[n=\x95\xf6\xb5\xeb\xd8\xdf\xf8:\x9c\xee\x06 kC,\x95w\xb3\xab9abf\xfaOI\xf6\x9f{&gt;\xe0\x9d\xe5\x07\xcf\xd7\x13\xbd\x97h\xd4\x9c\\\xc67\x00\xd5\x1b\x18\xffh\x80\x89\x98\x9e\x9e\xcd\xdd#\xd2\xe6[\x86\xccX\xd3"\r\x89)]\r^\xf7\x1b3\x0f\x9d\xf3\xe0\x88%R!G\x7f{\xde\xf6\xd3\x13\x00\x05V\xf5c&lt;p\x18\x89\x91C\x98\xbam\x8fY\xa3\xb1\xe3\xf6gO\xaa\xb2\xba\xdf;\x81\xbe\xea\xb7\x01\xf8\xde\xaaZ\xea\x04\x8d\xff&amp;\n5\xcd\xbbb\xff\xfa\x04Y\xe4OtW|\xed\xb0O\xd6\xb3\x1a\xa4\xef\x99\xa8\x87 S\xa0\xb5A\x8ad\xedq\x03\xac\x07\x8fw\xcdm\x00\n-\x0c\x9c\xcao\xb8R\xf4W]:\xd6\'\x10\xb8\x008e\xb0\xcd\x101\xf2\x06\x00\x9c\x0e\xb1\x03\xd7\x93\x87\x99\xe8u\x9bZp\xa7\xb6\xea\xa9\xf3i+z\xf4\xc9\x98\xa3\x96\x84\xf7\x1ej\xda\xd3\xa9\xb9\xa4\xaeXC\xb4\xdf\xa4\xfdi\x17k\xdc\xbaL\x15\xcd\xc7\x14\xae\n\xa1\xa4\xb8\xfc\x02Q5#\xfbA\x85\xa36\xf7\xd8\x07\x9eAD\x02\xe0\x1cX%\xb5\xbd9\x12hp\xa2\xe8:\xf6yN\x93\x11Z\xdd\xcd\x06\xefuv\xdd\x14|\xe2\xd5\xb2\xd3\x9cj\xbd\xd1#\xf6\xea\x16\xe5*\xb2)_}\xd7\xa4$\xb3\xd5\xa4i\xef\x14\xd8\xa7\x15\xf5ji[\xec\xe6\'\x1f\x19Ek\x01pF\xc0\xe9;\x82\x98\x02Ta&lt;\xdd\x02C\xd2\xcb-/#\xca\xa7\x8f?\x0f\x10o\x03\x7f\x88my\x98\xf0\xa6\xc0\xad\x9c\xbcMZ\xa4\xa245\x1c\x92\x84\xbbb\x0ff\x8b\x95\xd7\x9d7\x00o\x97\xeb\x02\xe0\x04\xe8tr\x03\x0e\xa0cO\x98\xb5\x07\x97\xa7O@\xae\xacW\x97\xb3&lt;l[\xff\r\xe3\x93\xea\xe1\xcf\x149\xcc\xe6S\x83\x03\x8f\x0e\x96_eM\x08])\x9d/\xd3\x01|\xf8\xd6:\xb3/\xa1({\xe2\xbe\xf2\x91|\xc5\xa3\t\x00N\x03&lt;\xfc\xd2\x84\x99\x89\xbe`k+\xc0Ir\xed\xad\xf3\x9b\x95\x19\xaa\xb1\xeb\xa5M\xd9\x12BI\xcd\xb6\x08ttY;\xd2y\xfcP^\x11\xc0H%\xc3o\xf6\x07_\x8cI\x8b\xac{\xa9=x^\xb0^\x9a\x9b\xfc\xd0\xb6g\x86\xf1\xd2\xce\xea\xe986\x00\xe0|\xc1\x06@\x11t&amp;\xe8\xc8\xafc\x89\xda\x86\xb6y\xad\xfc\x92\xb7\xa2\xb4F\x12\'\xcd\x9d\x14&amp;;\xf3\xe1\xeb\x19"\xc2\xcdq\x83^\xd4z\xda\x1d\xfa\x8aO3\xfb/\x92\xdc\xd1\xbbR\xfb\x10\xcbHc\xffRhL\xc3G\x9f\xb1p\x03\x00\x00\x18\x17,Q\xfb\xc49\xe9\x8c\x0f\xe2\xfe\xc6ww\x06\xaf\xc9\xf4\x1c\xe0\xc3\x99\xe8\xa9V\x96\xd9\xf6\xbd=\x9d\xb2\xd5\xb8%\xab\x8e\xf2\xb4\xab,VZ\xb1a8T\xc1\xf1?\x00\x00\x9c\x15;~\xcd\xe0&lt;\xf8\x90\xad\r\xe8@&amp;u\xb3\xf2\xc2\x15\xcc\x11\x91\xb0d\x1c#\xf5Qn\x1a\xdb\xf8\xd7KE\xe9\x9a\'\xb0d/c-\xef\x1c\xa5\xe7W\xd8?\x00\x00\xc0\xae@\xbc\x1e\x9a\x812`M\n\xbe\x96d\x0c\x17M\xd9\xd0s\x8c*\x9a\xafhLc\xe7\x87\xdf\xfe\xd7{\x05(Z\xf8a\xf5/e\x19/\x0e\xed\x99P+\xd2[\xee\xc0\'%\x8a\xf5\x9df\xb0\x02\x00\x80\xb3D\x12\xd6\x07\x8b\xfbC\x19\xd3\xce\x895G\x0e\x1f7\x00W\x1a\xa1\x076\xb2\x81\xb90\xb5\xd2\xcd\xfe\xbb\xa0\xb7\x01H)\xa9\xdb\xbd\xb4\x9b\xb1b\x1e\x9c\xd9\x94\x86\xccxw\xa8\xba\xc2n\xc7T\xc7\xf5\xbb/\x00\x008\x17vp\xce$\xde\x00\x8c\xde\x90=\x81\xe5s\xe2\xec\x93\x89\xd2\r\x80\x9e\xde\xd8\x8d&gt;\x96\xd4\xbd\x02\xa4\xe4\x1b\x8b\x90o:\xd8 \x17\xfb\x1e7\xf4i\x0eVRN.\xea\x06ou\x0f\xd4\x87\xe6\xbf\xe2\xac\xe7,\xd8\x1b\x83\x1da\x02 \x06\xae\x0b\x86\xa6\xda?\xef0\xd2+@[3\xcc4\xd7}\x16\xc16},)\x95\xba\x97WY*\xdfq\xea#yy\x9e\xb0\x9f\x0e\x04\x00\x80}\xb3I\xa8E|\x072\xaaR\x01#\x87\xd8\xd8\xd3\xce&amp;\x95\xd1N\xda^#\x97\xa6\x922\xaa\xbd;\xd4\xbe\xe7\\?\x03\xe6\xe5\xc1EZoo\xabx\x1e\xcd_:\x97\x89\x03\x00\x00\xe7\x86r|\xffZUi{\xe7d\xd6\xce\xdaLh\xa0\x83\x7f\xcd\xd7\xa3\xb7\xe0q\x92B\xbbz\xd5J\xd3\xce\x1e\xa3\xb3\xe9\x06 S\xb0\xb7!\xf3Kk\x9d\x15\x01\x00N\x02\x04\x8b}\xf2K[\x1bp\xb2\x0c&gt;#\xe4\xe6\xb55d\xab=@\xf1\x8b(\xc9f\xfe\xcbT\xe0\xda\xb5\xe6t\xef\x84\xba7p6B\xd7\xc8N\r\xdfEO\xf6\x80\x8d\xff\x00\x00 \xc7N\x16\x9e\x11\xe9\xdbu\x19\xe1\xd5\xaa1\xdc \xcb\x92\x99\r\xf3rHH\xf4\n\xa9\xb3T\xf8\x8d\xa3\xf53\x12\xae\xb9\xab\r@\x9a\xb3J=U\xbf\xf1I\xe9\xe3\xd4\x93#\x9d\xcf(\x80\xd3\x04\x1e\x0c\xc6\x07^\nz\xb3\xd51\xfc\x9c\x94\xac\xb4\x01\xa8\xca\x80w\x917\xe7\xbf/r\x17I[\xb6\xab\xd7\x7f\xf1fMu}\x98\xf7\xd8\xec\\l\x10x\x02\xdd\x02\xce\x8a\xecL~9|\x1a\x00\x1f\xcc\x0b\xd0\x83\x1d\xbc\xfcs\x1a\x88_\x1f\xdf\x1ef\xa6\x87\x8fb\xe7\t=6!"\'\x05\x12~S\xd0\xa9\xb4\x1d\x00\x00\x80\x88_6C?\xd6\x00\xd0\x81\x93\xc9\xabF\xa7\xfb\xf1\xbfj\x8a&lt;\x90W\x847\x00{\xf5[\xa6\xcf\xcdYn7m\x17\x8f\x8c\x00\x00\xc30Xp&lt;\x9d\xc3\x9b5a~Xy\xbf\xed\xe5\x88\x114\xf3\x18\x1d1\x1bx\xcby\xfa\xa7\xf9\xaa\x15("t\xfc\xbfQO\x16~._\xf2eA^1d\xfc\x00\x80j\xc6;3\x18\xca\x98]pB\x8f\xbcA\x17\xb4\xdcc\x93\r\x00|\x1bH\xf1\x97\xb3M\xdf\x08\n\xeau/\xc6?\xefq\xb8x\xc9T\x0bsaP.\xd9\xda\x00\x00\xea\x19,{\xbc\xe8#v\xacF*2\xd8\xf0\x81\x01\xd1\x9aS\x9d\xe6fZ\xe3\xfaJ\xcf\x8a\x81\xc3Gqh;\x94\xb7\x1c\xe6\xe2bC\x07\xf25\x076#\x17\x17\xf3=\xff\xd6\x05\xd1{&amp;Q\x98\x0b\x00\x00Ur\x9f6\x1bxy\x00\xcb\xf9\x16;\x97\xd4\xd5(\x0b\xdc1\xe8\n\x00@5\xe1\xc7\x02\xe2\'\x15\xefuR\x9fr\x06\x00lM&lt;\xa0 \xd0\x0c\xcdj_yq&amp;n\x90o\xe6x\xaf\xcc\xad\xcc\xae\x9b\xbf_\xcb\xc1\xe9\xd0\x10\xb1\xe7\xd7\x85\xf0\x11\x91\x81\xc0+@\x83\x80)QG\xfc\xc1\xe2\x05\x9e9\x0e\x0c\xd3\xc5JCt\x16n YR/.\xce\xfbA\xfc\x8e\xf2\xff\xc0p\x9e\xf1\xc0\x811h9\xafa&gt;\xbe\xd1t\xb1\x9fY\x08\x00\x18\x94%\x18\xe18a\x97\xb8\x1f\x1a\xc3\xba\xd0\xc6\xed\x83W\xf1\xc0\xfd@\xfeq\x13:\n\xec\x0f\xa6wm\xf6)aqlq?(|\xf6\x8f"\xc1\x19\xf1\xa7[\x1bp\xaa\xf0\xf4/B\xc9\t\x80q\xec\xca\xb9\xf7mv\x03\x80\xa4d`\xf0\xd2\xc8X\x14\xfd\xcd2\xfb\x9b\x82\xba\xff\x99\x08\x00\x86\x02\x8e\xbe&amp;\x1fj\xfd\xb6\xc5\xb2\xf1C\xedJW5\x1b\xfey\x16\xe0Q@\x861\xfaG~\xaa\xda\xd7\x8e\xb1`zyI{\xc7\x18\xca\x13\xa60\x89gb6&gt;\x02\x80\xcf\x01\x03\x00\xfa\xb3\xe7@\xb3\x92\xe5\xd9.Z\xa1\x0fw\xbb$4~\xbf\xf5\xaaM\x16/\xd8\xbf\xdf\xdd\x94\xed\x19\xd7\xd9\xb0\x01hg\x9f\xc1\xa4\x88\xcd\x1b\xf8\x8e\x92]\x96\x9b\xfd\xd7\x0e\xd0\xe6\xad\x06\xe041\xa6\xe5^\xb3\xb1=\x80\x8e\r\xb1\xdf\'\xc2\xa3\xce\x94\x80U\xa3\x9a\xba\x01\xe8\x8a\x93\xa6\xf5\r\x93\x96/\xba\xa9Vz\xdax\xd9\x7f\xdd\'\xda\xd1\xbd\xfa\xe0[\x80\xce\x1d3\xe1_~\xc4\x1aYG\xba\xdfZ\xbf\xf5\xe64\x07e\xbf\xdfN\xb3\xa3/\x9a\xba\xa8\xb7uk\xaf\xd3\x8cE\xcc\xcc;\x1a5P\xce\xfb6\xd6o\x98)\x92\x8a[\xcf\xa6!\xa8\xeb\x04\xcc[}\xb0\x018o"\x8b+\xa2T%}\x93\x8bS\x8e\x80\xdd\xcee\xef\xdeG\xec\x811GDf\xd5\xff\xb7\x8f\xf7q\x95\xec\xfb\xd8\xa5\xad\xa3\xb7xs\xf6\xfaD\x8e\x88\x88\xde6\xf6\x81\xc2\xb0\x86u\xe4\xe2\xe2b\xdeV5\xec\xaf\x008W\xee\xd2g\x9d\xf6\xde\xcd\xc3\'u:\xf1E\xe8\xcf4}\xfag\xd7\xa9LGD\xd3\xfc\xb4&lt;\x16\x91\r\x00\r0\x83N\x07\xec\xc6N\x91\xc3_\xdd\xc8\x97\xcaL\xe3\xd3\xd9\xac\xcb:\xe4\x84\xa8~\xcf\xd2\x94@\xfb\x8e\x0f\x87\xb7M\xcfk\xdc\xa5\x1c\xe6~\xbas$e\xf6\xc4e\x99\xdfN4V\x8b\xda\xe7)\xf0A\xafVs\x0c\xfb\xcc\x1c\x9b&amp;NX\x98\xb3\x88\x92i\xc5\xccCM\xc3\xf3\x05\xaf\x00\x9d"US\xeb\xe2\xc2|RwZ\x9cf\xab\x12\xb4\xff\xbd\xc5\x91\x1f\xa3\xcbX\xcc\xbf~\x1f\x05{\xfd^\xf93=\xc0\xfbo\xba\xb8\x18*\xed8\xcbQX\x83q\x86X\x9d\xc7\xf6WqAt\xe7\xc441\xb3\x84\xaaHr\xa6\xe1\x07\x80\x95\xc9\x7f\xc3\xa3\xfbL\xfc~x\x05\x08lE\xbd\xcbi\xfbj^Z~\x82\x8c=}$=\x86 \xb0)\xe8y\xe03\xee\xb1\x82\x14d\x17\xe0\xcc\x19\xc4\xfb\x8dD\x9f#\xd7\x01PA\xba\x17\xed$_\x8f\xe3dy\x99\xda\x01?f\x19\x08\xc2D\x0f\xd9\xda\x86\x019\xce;\xd5\x15*%\xe7\xb3\xd9]\x1c1g\xdb`f\xfcigp\xfa\xfcx\xf4\xce\x18\xde\x1f\xcb\xbav\xb4\x01\xb0\x8d\x94\x18\xfc\xc3\xbbh\x97\x80\xabh\x0b\xdc\xb2[\xc4.\xc7\xf4\xa4\xf0\x02\xbc\xd7\x85ymo\x0cl\xf8\xcf\x92Qz\xe0T\xc2\xd1\xda\x04\x8f\xae\xaaE\xad\xa5t\xa8\xb1\xee\xf3\xa5\x0b\xee\x8a\x8ch\x03\xce\x8f\x81\x13\xe8\xc0a?y\x87\x1c\xbb\xc9\x12r\x1b\x80\xa5!K\xc9\xddlo\xc4\x1c\x8f\xc4\xb66\xa3\x92\x92\xe1\x88\x8e\x9dH\x88\xa0\x0c3\xd3\xaf\xec\xc4\xf9\xcb\xb9\x99`j\xff\xd8n\x1d\xa9\x8c3i\xe6\xc9"\x9c\xa4\x9a\xa3|C\xd1\xb2\x18+pb\x8bN\x80\x86\x85\xf5\xc4{fXN\xf8\xe32 \x00{\xdf\xec\x11\x9c\xb1\x17\x17t\x02\xbe17-\xf8\xa1\xa5\xd3h#\x11\x19\xd1s\x98\xe60\x93\xb8{}\x9fL\x17\'\nH\x96\x08\x91)\xfaO\xe6\xf7-\xb1\xa7;\x1c\xffF\x8e\nQ4R\xd3FF\xb1\xdb\xc1F\x0c\xf4Uf\xd3\xd4\xa3A\xec\xe9\x01\xc2\xcb\xee\xc0P\x9d\x17\x91)z\x82\xdf\x9b\xe6ll\x0eM\x0e^\xdc=C~\xc9iA\xfe\xd4l\xbfX\x97(!\xf0\xf7\x8d\xcdz\x85\xac0\r\xc3*\x86Iv\x99\xd8\xd8\xcenj\xd20}\x02N\x02\x1e\xff[\x89\xeb\xe2\xcfx\xc7O\x00\x00\xe0\xbfY\xce\x06\x1b\x1a\x16gL\xab\xeahiKa]\xd5\xd1\xfc\xee\xfe\x1er\x94\xff\xf6S\x1a\xeeV8\xceF\xaf\xebH_K\xcb\xdc\x1e4\xd4\x80\x1e\x9c\xd5X\x9f\xec\xab\x92\x00\xec\x90\xbd\xbc\xb8\xdf\x177\xdd7\x7f\xa5\xd0\xae`\x1c\xc6\xb4\xaa\x96\x9fT\x92\xf3%Jr\n\x08\xe6\x9d\x8an\xb3\xcd@\x0f\xe9\xf6\x89\xbc\x7f\xb8\xed\xfa\xd1\x92\x9f\xb1.\xfe\x00\xa2. \x1a\xfa\x83\x7f}\xf8\x17x&gt;\x00\xa3pF\xb31\x11j9\x9e\xb4\xd9\xf9D\xe3\xf9\xf4J]\xddl\xea\xae\xd8|\xf9\xb4]\xe5\xd3\x03\xf6lma\x03\x03&amp;(\xc2\xec\x7f\x10\xcb\x83\xdbB\x00\x0e\xac\x10\xabW\x9f\x05Lpx\x00@\x05}\xa3U\x81p+\xab\xebdN9"K\xdez\x16\x1b\x80\xc6\x06j\xf5O\xb5{\xd4\xd4\xda\xc8\x1b\xc7\xf2\xa5P~\xcf\x14\xda\xb1\x0f\xb2\r\x18\xc1\x0606\x83\xacz\x1a\xca\xe6I\xf7\xb9\xea\x81\x11\xf3\x08\x00\xd0\x85\x93\x8d,\x83\x1f@\xee3\xa6\xab.EBQ\xf7\xaa\x18\xc7\x93\xdb\n\xe6\xd2\xfa\xf0\x06`[\x1f;\x1apZ\x03\xb1o\x86\x1a\x8bD0Qq\x9b\xf5\x1a[\xb5\xf1\x9eg(\xd3\x95\x12S\xb5\xac\x15\xdf\x88]7\x00@\x95\xbd\x04\x94^\xaf\xa1\xf7`,\xdb\n\x125%\xb3\x99\xe9\xa1#\xf5\x80\xcb@\xb6\x95$\x16#=\x04\xb0l\xf8\xa2--\x01D\xf4\xff\x8c\x07GM\xf0\x17\xa8\xf8UJ\x08OO\xb7\xaa\x15\xad\xef\xfc|P+\xdeu\xcf\x162]]i\x9f\xfc\x97\x03\xccz\x00\x00\x08\x81\xc0\x14d\xfbn\xd9\xfe\xb4\xb8\x8d_n\xfa\xabCC\x13O\xe5\x7f ]~\xdd=@\xf4\xfcr\xcer\x90\x97\x8c\xc2u\x9b\x06\xe2\xfb\xea\x9d\xcaq\xcb\xa4\x90D\x19\x81\xf6\r\xf3\xe0\xb5\xf5bZ\xad\x05\xbe\xbauex\xd3&gt;\xdfV\xfb\xb9\xc3\xc1?\xc2\xc0\xe3\x7f?t\x15\xe6\xb7\xfbo\xf1\x97\n\x98y\xbf\x7fvg^q\x93\x8e\xc1\xcc\xbb\xf4\x9cH\xeb\x98\x98"~\x12\xc8@6oxx:\x9f\x0eX,\xb2\xb8n\x99s\x86y\xc2\x86\xfa6\x1b$7[)\x0e\x8d\x843\x9c \xef\xb5\xb5\x01\xe7\xc6\xb6\xb3\x08sxK\xc2\xe9\xe8\xa9f\x10f\xabN\xb4\x89\xfd8\xe6\x08\x99t\xa2b&gt;\x8f\x96\xd51\xd1\xc5\x9cG\xedk*\xec\xcbZ\xa0\xce\xc1k\x8d|&gt;\xeb\x0f\xb3\xcb\x04\xb2\xff\xfc\xcc\xbc\xb8\xb8\xd8\xe6\x89\x1f\xfc\xfcd\xc1\x06\x00X0\xfe\xfee?\xd6\xeb\xd8\x11\xf2\xbc\xcd\r\xd83\x92IX\xe3N\x03\r\xca\xe1\xf9\x8c\xe4\xed\x02\xbc\x11\xb0\x05\x03\xb9\xca\x98,s\xb4\xb5\xab\xc4\x0e\xceD\x17#\xc4vp"\\\xb2\xb5\x01`(\x06_io_n\xa1\xb0\xfc5\x8am\x19\x1a\xac\x10\xb4\xe6\xfb?x\x17\xbc\x88\xe0\xce%6Tz}\xab:F\x7f3}\xd8\xb1@?\x9cdf\xa8\xaex\xe4\xb6\xf6\xc8\xfd\x82\xe1D\x00\x9c\x01\xbf\xb4QH\x8a|Ji\x8c\xa8s\xfc\x14\x14\x17-\xbdCX\x0eN\x88\xca\xcf\xf0\x01\x03f\xe6\xc7\x8a\xfe2\xb7\xff\x01\xe0\xad\xbf\x15\x84y\xfe4\'3\xd3\x1be\x96|/\x1b\xdf\x03CDO\xeei\xe2\xf8\x94o\x9f:\xb2\xb5\x19\xe2\xaf\x06:\x9f\xef\xc3\xc9\x7f\xa2\x1a\x80]\xb0\xc3\x19\xbb\xfa\xf7\'\n\x95m\xbe\xf6\x03\x00\x9a1\xbf2%=\xa9\xa3\xe9\xff\x86A\xe0\x81\x1c=(\x91\xc2_\x86\xfc\xe6\xf4\xfe\xae\x05P\xc2\xfeJ%8\t\xd87{\xf3`\xc1\xe7\x91\x00\x00\xa0\x8a{\x9a\x19|*\x9bO\xa4\xff8\x05\xd85\xdfX\xb1\x83\x9a\x9f\x9f\xfc[/\xab@\x98\xfa\x8dnU\xad\x87;\xf1\x01\xcfW\xc1i\xc2\xccD\xaf\xd8\xda\n\x97\x8e\x8bk\xc7\x99|\xd7\xd55J\xf8\x94M\xb5\x83\x13 \xb0\xfe\xed\xfd\xf9\xb8w\xc2W|\xfc/\x89Q\xc12\xb6j\xb0\t-[\xb8\xb9\xd6\x15\xed_w\xc7N,\xff\xa8\xe0|\tE\xa4\xc0\x80r\xe4\xe7\x147\xb0\'8v\xfb\x00\x9c\x0c\xe76\x93/\xd9\xe1\x93\xee}Y\x0bhwCv\\\xd43\x19\xc3\xd7&amp;v\x00\x92&amp;\'6\x00H)6\x04C\xb0\xaf\x07Y!;\xed_?\x94\xef\x97nHq{\xb1K\x07`\x0f\xe0\t\xdd\x89\xb1\x8b5\t\xec\x9e\xab0\xd1\xf7yW\x03\'\x8bu\xc7\xff\x1b\xf1\x93\xc8Zr\x14l\xe1\xd4\x15o\xb1T=\x99\xa7\xcf\x8b\xcf\xae\xeb\xeff\x87\xcew\xdd\x19\xf7\x1b\xa5\xa6\x96N\xde\xe1\xa79\x00\xa7\t\xfbQ2=\x1b1K\xab\xd8m\xa7a\xb8\xc1\x113eyn/\x1d\xf5\x1b\x80q\x1c\xb5\xd0\x92\x93\x9eb\x1b\xe6v\x01\xbd=\xd3\xee\xb4\xc768\xf6\xca|f\xa8\x8bb\xfd\x16\xd9\xc9\x14\xb51P\xf2\xbbK\x8d\x06`H~&amp;\x11q\x06\x99\xfc?x\xf8\x9f7Q\x071/\xc4\x88qS\x85Sm\x178\t\x9a\xe7]\xe4\xe0\xf3\x98F\xec\'I\x02E\x8c2\x82\xfd\xdc\xa9\xc4]O\xc8\xbd\x97&amp;\xbc6r\'\xdf\xc0PI\xbce\x00N\x82\xc4\x04\x18m\xe6G\xd6\xe6X\xc9\r\xd9y\xd0\x8cs\xaa\xed\xda\t\xe8\xfc,\n\x1b\x00{\xbd\xe7\xcc7\xff\xec`F\x8co\xe1\xb6\x0c\xd3?\xfeZ\xac\xe7]E\xd9|\xc0\xcf\xb7\xe7\x06\xb1\x1b\t\xf3\x12M\xb0\xe6x\x9a\xc0L\x1f\xa1CN\x13\xfc%\xe0Q\xb8\x08\xfey\xcc\xed\xb8\xb8\xb8(\xf92\xd0\xcd\xa6h[\xb4,\xa9\xbc\xfak\x9ac9\xc4\xd91`\xf7\x8f\xb6\x10\xfe1\xa9nS\x99S-\xbc\xb8\xb8\x08\xff\r\xe1\xa1`"\xfa\x99\xad\x8d\x00\x02..\xdc5W\xc5\xbb\x98\x0f\x92.\x1a\xd6\xf4\x01\xf6\x00\x7f\x12\xbbQ\xd7\xa4Cg_\\\\\x1c&gt;\x04!)\xda\xac\x13\x80\x91\xb8_t\x7f\xbf\xf9l\x1f\x91\x82 \xb8R\xb8\x1c\xf8sZ\x00lDK\xb2\x92&lt;\xee\xefy&amp;\xba}\x82\x15cX\xc3\xb6b\xdb\xe5\xb2\xf8\xf3\x1b\xcc\xfc\xdab\xef\xea\xef\xf0k!~L\x87\xc5\x14\x9c\x19{\x9f\xdb\'\x87\xfbY\xe7|\x8d[b\xec\xc0\x91\x8d&amp;\xf2\xe9y`\x87\xec?[k\xe4/]\x01\x19\x96\xf7\xc4\xd6\xd3(,WkX\xc8\xe7\xe1\x9f\x00\x9c\x16\'\xbc\x018\xe1\xa6I\x19\xa0\x07\xbe\x17+\xc7Jl\xd5\xcf\'2\xb8\x91p\xa1s\x14\x1a\x13^!\xaaTs\x7f\x15\x80\xba}ofH\xe6\xa3\xd2N\xb8\xdc*\xf5X\xb3\xa4\xce\xbe\x17\x0000\xfcy\xfb\xf8\x1c\x9bC\xc1\'\x99zY\xd0\x14\x13W\xea\xf0\xd9\xc2\x94\x9d\xd7\xe9\xb0n-\xe8z\xdc\x85\x00\x00 \x00IDAT\xea~\x17)\xc8\xb9\xb2\xb3q\xef\x1d+\xbc0{\x98w\xcf\xea\xa4\x14\xc8\x18:\x80Slu\x16\xff\xe19\xc5\'\x00\x03o\x00n\xb4\xb5\x01\x00\x9c\x16\x03\xcfv)\xbd\x9fZ\x8e\x1d\x13i\x8e\xe1\x87\x9f\xd3\x85$\xb2\x8a\xae\x83\xbdqR\x0fj\x86r\xcbH\xfe\xa4\xf8\xa5"\x035vW\xb4\x1f~\x15\xbf\x91o\xd7\x15W\x7fx\xe0Kl\xe8\xa5\xa9\xea\xc1\xf4\xfdZ\xc9/\xccIW\x1fx\xbd\x1b\xd3*\x00\xc6e\xd8\xc9,b\x04\xe3\x07\x0e\x88%0\x13}zeMQ\x0f03\xd37\xed\xbf\xa3\x80\xc7\x89L\x81\xeedf\n\xfap\x13\x9a\xbdW\xe1\xb3\xe6\xfd\xb4\xc72\xf8\xd4Q\xce|\xab\xb0\xee8\x18v\xee\xc0Z\xe0\x83\xefWZ\tf\x1e\xed\x8b&gt;\xcf\x06\xde\xcc\xcf\x99\x15\xbf\xb8p\x8e\xb0\tG\x92\x94\x99\xcbb\xfa\xef\x8d\x96!;\xa3\xe1f\xe6\x8b\x0b\xea\xd4^f\xbe\xa0\xf4WF2\xb1\xd2wJ\x963\xecB\xc3\xc7\xef\xc7\xdc\xc0\xb6\xc9\x1f\x0e\xf1\xb8\x97W$\xee\xc6\x94f\x93\xe61\x87\x92\x92\x96\x0fk3\xf0\xc1\xdf\x01X\x89\x93\x9a\x15\xab\x9fO\xa8\xebZ\xe9\xd0Bu\xd0e9}\x81\xbczS\xc06`\xc8$\x1cf\x81\xb0\xaf\xa6 P\x12\nx\xe0\xc7\x08\xc3.4\x1b\xda5\xffM\x9b\xadl\x08\x9f\xe8\x8f\xeaBy\x0c\xcb\xfd.\xad\x9d\x1a\xbb\xed\x8d=\x83\r\x00(g\xd8E&amp;\xcc\x05\x85\x1e@\xf7;\r\xea\xc7\xe1\xef\xcb\xa4\xee\xfb\x7fD\x05\x00\xa2s\xda&lt;x\x7f\xe0IR\xb8p\xce\xa4\xa7\xe1\x163\xf0\xd2\xd55\x16\xa3\xdd)\xa5)c\xd1\x9f\xb6,Bd\xc9\xc5\xc5\x1b\xec\xdf\xbb\x98\xb2\x02\xc7\x1d\xf6\xf1/\xa9]L?\x18\x05j\xfe\x12\xc2\xb8\x9b\xea\x13\x06\x1b\x80\xcdX\xdc\xfdZ;\xf4{\xff\xcf(v\xd6\xa6 \xc4\x12\xb8\xd3\xf0+\xc9-\xd2\xeb\xdc\x9f\x9d\xd8\'PW\x05K\xd4\x8e\xb9\xa3F\x861I\x18.|\xfc\xf7\xd6\x06\xe4\x88\xbc\x16\xd5\xf00y\x9c1\xc8[rqqAt\xe5\xd2ZC\x12x\x95\x8b\x99/..\xeb\\)\x90\x88\xb0\n\xce\x8d]|\xca\xe7\x848\xf1\xae.\xf1%l\x00*9\xd9\t{\xfb\x13m\x97\x85\x86\xdb[\x1f\xd0\xccI\xfbn&amp;\xfa\xc3V\x8d\'N\x8fE0\xf3Ul=\x08~~\xf7\x01\xf3\xcf\xf1\x8f\x02\xa7Y\xb3\tB|\xab\x1a\x8d\x1f\xbc\xbd\xa7\xcdN\xf7\xa0\x00\x80\x05&gt;~\xc0\x8e0\xa3O\x8es\xf8\xf0\xee.\xda\xb8\xe4\'\x98h\xe5\xbc\x83\xe8\xbd;t\x9a\xeb9\xec\xbe\x9e\xae\xa51\xe3\xa2~\xf2zqq1_\xbc\x11\xd1\x1fE\x9e~\xa4\xb5\x8e\xf8\x92*\xb3\xd1\x13\xc7\xd7kce%\xf6\xcf\xd5Gl\xec\xa9\x83\x1e\x07@\x85]$1\x0e{\xb4y\x17\xd4w,\xe7\xbfd\x06\x80=\xb1b\x86wTu\xf1ODW\xa55\x83\x9b\x93\x04\x1b-\xe5\xe9\xab\xe0\\c\x9cS\x9b`\x1a=dNl\xee\x84\x156\x00\x07\x99X\x896\x01\x9f\x01X\x9b\xf6G]\x89G\x8a\xeb2\x82\r\xa0\x05\xc4\xdcN\xd4w,\xb2\x7f\xd0\r&amp;z\xcb\xd668|\xae\xae\xb8\xe3\x07R\xaf\x1a\xfc\x1cT\xc7\x05\xcb\xcct\xed\xac\xd7\xf9\xb0\x9co\xc3\xce&amp;\xbb\x9fz\xc4&gt;\x0fx\xf1\xc7\xc1\xea\xc1\xfcgg\x9d\x00@%\xa1\t\xb0\xdbL\xfa\xb2L]^\x8c\xdem\x87\x80\xfd\x80\xb7NA\x7f\xe0`\x14\xef\x04\xd5\x0f#1\x13}\xbc\x9a\xb4\x1a\xfd\x92w\xd9\x97\xbbN\xc9\x9d|\x06 l^\xc4\xf8\x80\xfd\xa3\xb6\xebL\xc1\x13\x80U\t\xbb&gt;\xd3\x1b\x99w\xf05\x0e&gt;\xff}8\xafT\xdf\xbe\xf7xU4\xc1Gj\xab\xeb\x0bb\xa8\x06\x83v Fv_d\x9e\xc7\x9e\xfd`\xe6b\x95N\xa8\x9f\x94\xfc\x99\x8a\xb4:d\xeb\xe0rZn\x7f{\xe6^\x1c\xe5\xe2\xe2\xe2n\x87\x9f\xdew\xb9\x183\xbe\xe5\xaf\x16\xee\xa5C\x00\x90\x13\x8d\x85\x8f^\xd5\x8c3#}$\xe3\xfd\xd0\xcb\nMQH\x13\xdb\x18\xf3\x8cm@\x93\xd49\xb1\x06\x9eXs\xd4I\x9c\x04+\x05\xb1\xd2\xf3\xf2\x8e\xe3Uwx\x1f&lt;&gt;\x1f\xd9\xaf&lt;\xdb\xa4\xc7\xff\x87\xc2\x12\r}\xbe\x1e\n\x00\xa0\xc1\xe9L\xce\xb9!\x9d[\xd4\xdeczK&amp; z\x02\x16\x98\x8d@\xb7wa\xd4\x9c\xa9\xca$f\xfeUY\xc5\xd1\x9a\\\x91\xc4\xef+\xfb\x8f\xf2\x1c\xc3x\xc5?\xb8\x01\xc0)\xb1\xcb\xb9\r:\x01g\x00\x1b\x00\xafSe\x88Y\xcc4\xe8\x01A\x85I\xe9$x\xc06Z&lt;]\x9c\xca\xc7\xce\xfe\xf7\x9c$\xcc\x1f\x0bL6A\xf2g4\x00\x00\xe0\xcc\xc8,\x18\xab\xd9\x01N\x16\xac\xbe\xaa\xe4\xd3\x1dP\xc8\t\x04:/\xa1\xbfO\xba\xc0\xfeS\xff#\x92V`\xca\x00\x00\xd6aG/\xf7\'\xd5\x9c\xc4\xf2\x00\xc6\x00\x8e\xd4\x05f\xa6\x07\x99}\xbb\x93~&gt;\x83\xd8\xd23\xe9\x0c\x8c\xf8\xd3C\xc9}\x9a!\x1f\xe0t\xe1\xe4\x9d\r\x800v\x1aw\x86\xd3`\x93&amp;\x9fB?\xeb.`\x08\xc1\x00\xa8\xc3\xcc\xbf#\x9cY\xc2b\xef\\c\x9e\xaa\x1f.\\\x7f\xc0t\xf6/\xbb\xda\x93\xfa\xd6\xcb|\xea\x9f\x17?Xgn\x00z\x00\x9c\x02K\xa4\xc0\x83\xb0\x11\xd8\xcf\xc9\xbae\xe4~\xcc\xde\x98\xd0,{\xe06\xa6\x80S\xa7dJ\xaa~-\x98\xf0\xe2\xaa\x11\xe3\x8c\xa2\xd3s\x8f\xd18\xdb\xe49\xe3/\xed\x9c3\xeaL\x00\xce\x02$p\xa3\xb0\x8f\x81\xc0\x06@\x05\xec\xbaA?\xea\\ky&amp;\xac7\xa9#\xbb\x02\x04\x8d\x0e \x1a\x8b8&gt;\x17BG\x01@4\xc0!\r\x18\x13\xc9\x91\x1e\xfc\x04\x80#\xb2\x0cl\xa5\xd7i\xe8s\xaa-\x89\xb7B\xe9[\xf3\xcf)\x03\xbb\xf5j\x9a\xf4\xb3\xffa\x86\x89\x99\x89^\x93/w%\xc9\xde\x92\xcf\xe1\xd3&amp;\x00\x00\x006\x06\xc7rg\xc40/\x9d33\xbd\xa9~\x03\x10\x97\xaa\xd0\xba\xa3\x90\xec\xbch\xeb\xcc\xda\xb7\\\xd4\xc1\xd734p\xc3\xa2O\'\x8b?\xcc@4\x80c\x00\xb0\x16\xce\xac0\x82\xe3\xcdZ\xa4\x16\x96\xff\xa6\x06]\xfb\x05\x81\xe6\xac9\xc1U\x19\x8c\xcb|\xb8\xde\x9e:G\xe4+!\xc8\xd5\x14Z1\xc0\xec{\xf3\n:\xc6hi\x17\xa6\xd4?\xb3W\xfcv\xe6_\x18e\xcb\x07\xc0\xd8\x18\xc1Q4[\xca\x83K`\xd2n;9O5&gt;\xae\xc0\t\xaf.\x00\x0c@\xf8\x9b["e\xe33\xb10\xaa\'eTH(\xab\xd5\xeb\x84~\xb4H5\xccC\xa1S\xa6\xbd\x931F\xdbq\xc9\xd6\x06\x9c&lt;M\xce=\x85\xf5\xfb\x97T\xba kN\xcd\xf3\xf3\xa2\xc5\x12\xb0\x05_\xba\xb5\x01\x00\x9c2\xccD\xcf\\\xbe\x93\xadz\xbfm\xd4)\n\xb3\x96\xae\x8b\x8b\x8b\xf9\xdfR\nj-\r\xd4^\x11\xaa,\xef\x063a\xd1\xeb\xcf\xc5E\xeb\xb8_\x1c\xc6\xea\xe1\xf6W$y\x1fx\xc3&gt;\x01\xec\x12\xcfqKOk&lt;\t\xb9\x07\xcd\xa1e\x0cg\xc9\x07\xf6\xd5\t\x83|\xae\xf1DA\xd7\x15q\x82\xdde\xcd/f\xca\xc4\xc9\x97\xa7\x85\x89/n\x04[lm\xcd\n\x9cC\x1bw\xc0\xc1\xdf\xfew\xca\xe5\x0e\xb7\xfe \xe1\x9f\xe7\xe1\xb1\x00X\xd4&lt;\xab\xc5T9\x01\x84\x8b4\xc6\xfa\x8c\xc1\xd0\xaf\xcc\xfc\x1d&amp;\xf2\x9e\x1fi\x8c\x0e\xc6\xe3u\xed\xbd\xb3\xbb\x98\x7fp\xb9O\x93~D8\xb4\xf6\x9d\xc9\x96\x15\x80#\x07wG\xb0&gt;G\xce\xe9\x94\x0e\x80\xdd\xb0\xf3Y\xf9\x17\xd3\x0f\xfbm\x028\xfdC\x1ff\xa6Oa\xf7\xd2\xa9\xb7\x1a\x9c\x0e\xccL\x97\xf3?\x86\x0b\x80\x08/\xcf\xf8X\xf8\x8f\x02;\xee\xc3;\x9fk\xd2\xc6\x91\x9f\x07c\x7f\xae\xb5;\x83O\x9e\xadF\x84U\xb5\xab\xc8\x19\xfem:\x00\x12\xec\xf0\xa0h_\xd6\x9e\x1b\xbbs\xa7j:63\xf4q\x9a\x1d\xb1_\xcb\xcf\x85\x1d\x86}\xd0\x8c\xce+U\xfcA\'\xe29\xa7\xd1\n\x00\x1a\xc0J\x00@\r\xbdf\ro\xb7\x89\xc2\xc7\xb8\xf7\x02\x13\x99_\xe8Y+\xc1\xfc}\x91\x86Q.\xa0\xdb\x02\xaa/\x93\xa7OV\x10\xbdD]x\x03fK\xffk\x15u\xcbK\xcbS\x87\x08\x9f-`j\x80\x13\xc3\x8e\xf8\</t>
        </is>
      </c>
      <c r="E83" t="inlineStr">
        <is>
          <t>&lt;class 'numpy.ndarray'&gt;</t>
        </is>
      </c>
    </row>
    <row r="84">
      <c r="A84" s="1" t="n">
        <v>82</v>
      </c>
      <c r="B84" t="inlineStr">
        <is>
          <t>steps_per_sec</t>
        </is>
      </c>
      <c r="C84" t="n">
        <v>1000</v>
      </c>
      <c r="D84" t="inlineStr">
        <is>
          <t>2.6101487</t>
        </is>
      </c>
      <c r="E84" t="inlineStr">
        <is>
          <t>&lt;class 'numpy.ndarray'&gt;</t>
        </is>
      </c>
    </row>
    <row r="85">
      <c r="A85" s="1" t="n">
        <v>83</v>
      </c>
      <c r="B85" t="inlineStr">
        <is>
          <t>Loss/RPNLoss/localization_loss</t>
        </is>
      </c>
      <c r="C85" t="n">
        <v>1000</v>
      </c>
      <c r="D85" t="inlineStr">
        <is>
          <t>0.020122772</t>
        </is>
      </c>
      <c r="E85" t="inlineStr">
        <is>
          <t>&lt;class 'numpy.ndarray'&gt;</t>
        </is>
      </c>
    </row>
    <row r="86">
      <c r="A86" s="1" t="n">
        <v>84</v>
      </c>
      <c r="B86" t="inlineStr">
        <is>
          <t>Loss/RPNLoss/objectness_loss</t>
        </is>
      </c>
      <c r="C86" t="n">
        <v>1000</v>
      </c>
      <c r="D86" t="inlineStr">
        <is>
          <t>0.029858258</t>
        </is>
      </c>
      <c r="E86" t="inlineStr">
        <is>
          <t>&lt;class 'numpy.ndarray'&gt;</t>
        </is>
      </c>
    </row>
    <row r="87">
      <c r="A87" s="1" t="n">
        <v>85</v>
      </c>
      <c r="B87" t="inlineStr">
        <is>
          <t>Loss/BoxClassifierLoss/localization_loss</t>
        </is>
      </c>
      <c r="C87" t="n">
        <v>1000</v>
      </c>
      <c r="D87" t="inlineStr">
        <is>
          <t>0.20045695</t>
        </is>
      </c>
      <c r="E87" t="inlineStr">
        <is>
          <t>&lt;class 'numpy.ndarray'&gt;</t>
        </is>
      </c>
    </row>
    <row r="88">
      <c r="A88" s="1" t="n">
        <v>86</v>
      </c>
      <c r="B88" t="inlineStr">
        <is>
          <t>Loss/BoxClassifierLoss/classification_loss</t>
        </is>
      </c>
      <c r="C88" t="n">
        <v>1000</v>
      </c>
      <c r="D88" t="inlineStr">
        <is>
          <t>0.08958119</t>
        </is>
      </c>
      <c r="E88" t="inlineStr">
        <is>
          <t>&lt;class 'numpy.ndarray'&gt;</t>
        </is>
      </c>
    </row>
    <row r="89">
      <c r="A89" s="1" t="n">
        <v>87</v>
      </c>
      <c r="B89" t="inlineStr">
        <is>
          <t>Loss/regularization_loss</t>
        </is>
      </c>
      <c r="C89" t="n">
        <v>1000</v>
      </c>
      <c r="D89" t="inlineStr">
        <is>
          <t>0.0</t>
        </is>
      </c>
      <c r="E89" t="inlineStr">
        <is>
          <t>&lt;class 'numpy.ndarray'&gt;</t>
        </is>
      </c>
    </row>
    <row r="90">
      <c r="A90" s="1" t="n">
        <v>88</v>
      </c>
      <c r="B90" t="inlineStr">
        <is>
          <t>Loss/total_loss</t>
        </is>
      </c>
      <c r="C90" t="n">
        <v>1000</v>
      </c>
      <c r="D90" t="inlineStr">
        <is>
          <t>0.34001917</t>
        </is>
      </c>
      <c r="E90" t="inlineStr">
        <is>
          <t>&lt;class 'numpy.ndarray'&gt;</t>
        </is>
      </c>
    </row>
    <row r="91">
      <c r="A91" s="1" t="n">
        <v>89</v>
      </c>
      <c r="B91" t="inlineStr">
        <is>
          <t>learning_rate</t>
        </is>
      </c>
      <c r="C91" t="n">
        <v>1000</v>
      </c>
      <c r="D91" t="inlineStr">
        <is>
          <t>0.0266665</t>
        </is>
      </c>
      <c r="E91" t="inlineStr">
        <is>
          <t>&lt;class 'numpy.ndarray'&gt;</t>
        </is>
      </c>
    </row>
    <row r="92">
      <c r="A92" s="1" t="n">
        <v>90</v>
      </c>
      <c r="B92" t="inlineStr">
        <is>
          <t>train_input_images</t>
        </is>
      </c>
      <c r="C92" t="n">
        <v>1000</v>
      </c>
      <c r="D92" t="inlineStr">
        <is>
          <t>[b'1024' b'1024'
 b'\x89PNG\r\n\x1a\n\x00\x00\x00\rIHDR\x00\x00\x04\x00\x00\x00\x04\x00\x08\x02\x00\x00\x00\xf0\x7f\xbc\xd4\x00\x00 \x00IDATx\x9c\xec\x9dw\xdc}GQ\xf0\xe7\x86 E\xa5\x85^\x82 \x1d!B@\x08\x82\x14A@B\' EB\tEz\x08\x1d\x84\x17P@Z\x90\xde!\x14!\xd2\x11\xa9J\x17\xe9\xa1\xf7\x1a!H\x91\x00\x11\xe9\xcc\xfb\xc7\xb9\xe7\x9c\xed;\xbb;\xbbg\xcf\xbd\xf3\xfd\xfc\x08\xcfs\xef\x9e\x99\xd9\xd9\xdd\x99\xd9=\xe7\xde\x07\xc0\x06\xd1\xf1\xa2\xde\x02~\x82\x88\x08\x10m\xd9\x92\x83\x11\x07\xab\x06\x8e#tDP\x10wq\x83\n~\xf7"\xc0\xad\x8fG\x8d\xceV\xd6\x00\xa2ed\xb0_\xdb\xab\xdc}\xd1\x96\xaaW\r\x83\xd5\xb3\r\x1e\xc7r*\x12: y\x05u2\xfa\x8dW\xfd\x15\xa1\xd38#\x08\x82\x90\xcc-b\x95\x96 \xb4\x85T\xcb\xa2\xdd\x1a\xe0y-\xccK\xc6\xda\xa5\x1c\x16Zq\xb1\xbe;_g\xaf\xfe\xa3\x1a\x85\x9d"e\xf2t\xb3\xdf^&amp;s-\xddkA\x10\x04.\x9ao\x00$\x80\xae\x8e\xd6)6\xad\xc2xF\x1f\xe5H\x08\x84\x8b\xe3{\x95\x1a+\xd0A\xc2\x06\xc0}U\xca\x12\xee\xd9W= \xfe1\x98\x1d\xa2me\x17\xe5\xe6li\xcb\xee\x8bL\x00A\x10\x84\x8e\xb8\xe3\xd2\x06tK\xedt\x15H\xf6U\xea\x80j\x87\xd9\xdd\xb0\xed\xe0\x99=\xef\xf8\xbc\xea\xdd\x1b\xec\xb8\xbb\xa8\xa0&lt;\xa1\xc1\xcd8\xe5\xb4\t\xb6\xac\x93q\x1c\xe8\x12\t\xe7\x9d\x7fv\xac8\x99E\x82 \x08\xfd %\x8e\x8f%=#\x0f\x8f\xb1\xe3\xdf\xfc&lt;\xc9Y\x8d\t\x03\xf8\xe8&gt;N\xa6\xbb\x01\x19\nY\xd2\xf3x\xcdP\x8c\xc9\xb5G\xdf`#\xe0\xf8O\xdf\x00tr\x97C\x10\x04A\xf8\x1c\xdcBb\xb1\x8fz\x9e\xa1H\x96qiE7O_4\x01\x01^\x9du\xd5~bw\xbc|\x9e\xa8\xd5\x7f\xf3G\xedm\xa5\xc5\xd5?\xd8\x1b\x00\xb7\x97\x8c\x8e\xef\xc9\x8a\x13\x04a\xc5,\x1c\xa4j\x1e\x14)b{9\x8e\xda}\xc4\xcf\xc2B\xe0y\xfa\xda\xe7\xf4cI3\x96\xddmz\x9f\x82c\x90L\x08k\xca\x9d\x0f\xd9\x00\x08\x82 \xc4i\x12%\xfb\xaa\x0cv\x19\xd9\x00TF\xdc\xeb\xe0\x1c\xc3\x11\xef?e8\xa7\xde\xe9C\xfb\x91Z:\xca\xf1?l\xb6\xa6\xd9nm\x00\x04A\x10\x04a\x1fA84\x90\x05\x8fme\xc6\x95[)j\x00\xbene\xfb+\x84+4\xf9\xf8\xc1GRK.\xb4~`e.\x85\xdb\x8dWOO\xde\xef#\xb2\x01\x10\x04A\xd8)\xae 95\x8bX-2?S[\xb9j\x91\xb1[\x8e\xd2"\xb8\xde\xe3\xd4\xa3\xc0:\x13o\x89B\xf0wd\x03\xb0,\xb2\x01\x10\x04A\xd8%$\xa7f\x12\xdf\x00 \x82\x995\xa3\xd2d V\xc5\xa5\n\x87l\xdc?\xc4\x87\xbed\x8fQ\x01\x9f\xc157\xba\x03\x7f\xbc;\xc1jm\x1dq|\x06@&gt;\x0c \x08\x02\x03\x12D\x96A\xa9M\x8fX\xd8\x94U\x11\xdd\x00\x0ci2i\x03 ;\xb1\x11GU\xd1\xceE\t;\xb1Bc^\x0c\x87\x0f\xba\xde\xe6\x17Ux\xe6*3\xaaK\xce\xbd\xea/\xaeE\x00\xfc\xa9c? \x08\x82\x90Lb\xec\xb8\x9b\x84\x1bFFgF\x12R\xcf\x19\xeb\x00\xe3w\\\xfc\x8b\xe1\xd1\x84\xd2\xfam\xfdz\xd8\xa0n\xca\xdfzL\xabz\x1b&gt;~\x80\x08p\xe1\xba*4]\xe1\xf7\x89S( \x7f-\x93JX\x11V\x80\x93\x99&amp;\x08\x02\x1f\xe1\x07\xac\x05v\xc2^}\xf6\x8a\xdc\xbe\xfcQ:\xb5\xfa\xa74C\xf8\xeb\xa5\xbb3\xf3\xf8\xb9:\xd7jtN\x0b\x1d\x85E\xa4\xceXi\xf1\x11+\xeb\x13\xf6\x90!)\xebt\x8e\xd03\xae\r\x80\xec\x01\x04A\x10v\x94\xf5\x06\xf7E,\x8f+\xb5*]o\x93Nn\xbf\xcc\xa6\xfe\xad}\x13\x801\xfd\xe3+\x0c\xcf\xdc&gt;\xe2\xa5\xa8\xc0.g/\xc1\xaa\xd0\xb6G\x10\x96\xc1*\xfa\xe5) A\x10\x04/U\x83\xa3D\xde \xa5\xf5S\xad\xdcF\xdf\x00\x14\x1c\x00gpv\xff[\xbe\xcf\xff\xb1\x18y\xb4\xa1K=\xf5O\xf7\x83j!\xc2\x03\xf3\x06\xf1G\xe9\x97\xb0#\xa5\xd5&gt;\x83\x00\xb7X\xda\x06\x13\xff\xa9\x84LTA\x10\xea\xb2\xba(\x83\xf0M4_\t\xfd\xda\x1e\x04\xf8\xeb\xa5mX\x84gG[\xd4;\x82\xb5n\xa0\x87\xda\x00\xdc\x90\xdd\x00\xa7\xc2\x94\x96\xdb\xf2\xba\x92\x8bT\xe7\xa4\xab\x98\x1eR\xda\xca"\xdfEY|1\xf6\x80\xec:\xda\xf3{\xe3\x0f\xf3\xc9\xfa\xffus\xf7/J\xf3s\nA\x10\xf6\x91\xc5\xa2Ln\x953\x05\xf4\x83\xf5j\xa9\x9b\x9b\xa7\xfb\xf8\x8c\x01\xb9\xcb7o\xe9\x1c3\xdfGw\x08\x9c\xdc.szWJ\xfc\x88\xc6bI\xbex\xbe\xea\xe1\xf2 \r\x99\xbf\xdd\x8d\xe7\x8eVg\xfc`\xf0\x97]\xfb\xde5\xb0\x16;\x05A\xe8\x9eZ\xd1D\x8f\xa7\xca\xcf\xef@\x807\xc6.\xc5\xbfG\x04\xf8\x87\x0c\xad\xc6qi\xd3\xc2.\xce\xb26$\x9d:\xaf\x9ak\xa7vA\x9b*\x85\xdd\xaf\xf8}\xf3\x95(\xa9~\xcc\x8f(t\xb3\xd6\xfag\xc1\r\x00\x9f\xc6.60\x1e\x1bB\xb6i\xa9\x81u\x03\xb0\xb87\x04A\x10\x96e\x8e\xa7\xd9\x0f\x15\xa4\xd7\xee\x8a\xa2U\x9e\xee\x08\x8b\xa1o\x17\xbd\x9c\xdbw\xb9:cwn\xbe\xa5\xac\xdf\xaf\xf5P\x11\xae\x81e\xa6\n\xdfFw\x14\x08p"\x87\x9c\x12\x13\x1c\x1d\x89u\xd3\xdc\x00\x94{\xe3\x11$\xc7\xba\x8d\x91=\xb3 \x08;Jr\x84\xcd.\xa7\x8c\x96\x1f(\x88\xad\x12\x91K\xa8\xe1\xbd6\xc7\xa5~\x15\x91\xbb\x04ZIQ\xc5\x80ep\xf6\xb7+\x0bW\xc9B{\xc5\x1a\x1b\x80\x0e\xd9\xf6\xf1o\x82\xdf\x0e\x0c9\x0b\x96\xb0\xa3H\xdd\x00\xc8M3A\x10\x84\x11\xfd\x0e\xc0\x12\x06\xf0\xeb\xed\xe2^y3\xd8{\xfa\x1f\xacUK\x06h\xe0kT\xff\t\xa2f\xa0\xfeo|U\xbe\x8c\x9c\x83\x856\x00\xd0\xdf\x0e\xb3\x1e\xd1n\xc6J\xf6\x0b\x0e\xef^Tm\xef*\xd6oY\xb6\xf9\xdf\x93\xe1\x10\x04A\x88\x82x$"\x1c\xb0\\\xa2Zl\xe3\xb13\xf0\x8e\x9dq;\xc8q\xfa^{\xaa\x98\xe5\xff\xdeM\x8f\xf9\xd35\xfa\xb7\x92\x0b\xd9\xc8\xb9\xef\xe2`\xf0\xf4\xfd\x87JM\xafN~SH\xeeM\x95\xcb\xcbFZ\x10\x04F\x9a\x05\x94z\x8a\x10\x11\xe1K\x08\xf0\xf1:\xf2\xb7Zb&amp;H\\.\x84y\x03\xe0\xf9LH\xc9\xc1[\x82\x01\xdc7\x1f\xd66\xbbf\x0fK\xf5\xdf?=\x0c\r\xc2)=\x98\x11%d\xa4z\xae\xef\x0f2\x88\x88p\xe9\xe4\xce.}KS\x10\x04!\x8b\x95\x1f\x82R\x8c_o\xefv\x15\x04D\xb8\xb5\xf6,J\xd9\x9dw\x81\x0e\x06\xb7aB\'t\xb37\x9b\x0f\xce\x8fL\xba\x8c\xd1\x02\x16!\xdb\xa9&gt;\x9f\xf1_\x8f\xcb$YG\x82 \x08\x0b"\xc1w\xc5\xd4y g\xc1)\x91]\xba\xb5\xfe \xe9\xd2\x0bG\x96\xad\x8fah\xfeci3 k+\xc28\xaf\x10.:\x17\xeeEE6\xea\xfb\xde|\x0b\xdd\x7f{\x84\xf4\xad\xc1\xfb\xfb\xe4\xa1 \x08&amp;cl\x95pP\x8a8p\xdd\xac-)F\xad\xcd\xea\xcb\x9a&lt;\xc0\x82\xf47\xd0\xb2\x1f\xe7l\x12\xdb\xd7\xb0\x9c\xa3p\x87/q\xc8q\x98v.D\x88\xef\x01\xd4\x83\x8e~\x06W\x10\x84e0\xbe\xde\x9e+*M\xdf\x88&lt;\xfc\xd6U.\xa9\xc4\xcewP\xe8\x08\xbd\x86\xb8\xa5\xb3IT\x82\xf3c\x88\xe5\xb6\xf9\x14V\x93,\xd0!\x87\xe2\x9b\xda\xd3c\x1f\xc2x\x0b*&lt;\xb2?\x9e\xe2\xc5\xc4\xca\x06@\x10\x84-V8(\x0f\n\xf3\'\xfc\xa6\x18\xb7\xeb\xe1f\xd9\xbc\xd8\x8fc\xa5&gt;h\x87\xbef\x9fR&amp;\xa1\r\xec\xbad\xb2\xe5\xf1eZ3k9Oe\xebR\x07:\x88\xc7#\x02|c\x01\xd5\xcc\xd4p \xea\xff\xfc\xed\xf8\xb7\x1f\x82 \xac\x98\xc2p`~\x98r\xfa\xd9n\xb0\x1c\x19}$\xc5\xd3\xb1\xe5"t\xf5\xd9\xaf\xb3\xf61\xd0\x00\xf0\xabn|\xd2\x8c\xe4\x99\xb0\xfe:`\xbd\x96\xaf\x97\xe3\x01\xf0\xb9\x0bL\x1b\xe5\xa0\x8a:\xc9\xd72=\xee[A\xe6\x98\xb6.\x8d\x00\xd7\xa8 _\x10\x04a\xcb=\x95\x9f{\r\xbb\xeb\xaeu\xfc\xac\xb8_\xb5\x8e\x12\xcb\xce\xb6Wz\x7f&lt;\xb9\x9a_b\x03\xb0:\xaf\nN\x16\xab\xfe\xc9\x1b\x80~\x8eE\xa2T|\xe8\xae\xa7\xe3!A\x10v\x96{,m@\x985\x96t;N\xcdGQ3e\xd6|@\x96~7\xa9DE\x02\x8f\xd4\xba\xa9^\xbb\x8a\x95r\xde\x95\xd8\xd9\x98\x9d\xf4\x89\xbe\x01\xa0\xf4q\xf5w\xb7xX\xe7Y\x86 \x08MYu\xact?\x80\xa47I:\x08\xe1u\xc5z\x1d;\xf1\xe75\x84\xd6\xdc\x00\xe4P\xb3\xfa\x07\xfa\x13\xba:\xf7\x02\xf89\xf7\xf2T\x8a~m\x03\xd0~ \n5\x1a\x9b\x96^&amp;\xd2\xa2\xec\xa6\x13\x94\xb3\x7fR\x07\xd7\xffx\x9b\xc2\x1b\x10.\x9f\x7f?\x93\xd3\x12A\x10\x84^\x98\xca\xb5\xcb\xa3\xfa\xbb\xb3a\xe3P8e\xa0\x1d\xc8CJ\x17\x18\xfbb\x9f\xe7=\x91Ir&amp;=\x8d\xd4k\xd52\xdd_\xcd\x94\x1b|\xe0\xf6\xff\xef\xb4\xc6\r\x80"\x81\xb4\xc3\xefdp\xab\xd2\xcf\x1c^\x96\x12?T\xf2a\x9e\xd8\x94\xfb\x1e\x0c\xbc\xb1\x89\x16A\x10\x842\x8c\x9b\xc2\x81\xe3\xdb\x943]\x9e8;[\xd2QY\x99\x8bzN|7\xb6\xbe\xac\xf9\x94\xae\xb6\xcd\xeaa\xe78\xab\xad9|\x97\xb5zo\x80\xcbx\x84\xffG+\x92\xf6b\x87\xb0\x03]X\x9aJ\xcb*K\xaco\xed\xd7a\xd5\xf1D\x10\x84*t\x1b\x14^\xa6V\xfc\xa1\x83Rz\x00}*\x02\xdc5\xd8\xa2[o\xd4\xa3N\x97\xbf\xb7\xdc\xf7\t\x16P\x7f\xd3\xa2?\xee\xfc$ou\xcbQ\x19\xdc\xac\xec\xf2N`:%}\xe1\xca\xa6\xa2P\x83j\x0b&lt;\xf3\xf8\x9f#HR$\xc8\xe4\x17\x04\xc1\xa4\xffc\xda\xf1\xe9\x14\x9e\x93\x92hg\xeb\xb9\xe2\x8c\xd5$\x17R\xaf\xcb\xaa\xb7{\x9ec*U\xbd\x01\xc3LV\x1f!\xf3\x7f,a-\x1e3\xf0-\xb1\x92Z\x87e\xed_\xbfX\x82\xb0\x03\x94L$\xde\\\xc9R\xfd\x7f\x87 d\xa5\x91D\x10\x84\xaa\xac\xe89\ro\x9d\xb4\x08\xabp\x1a\xd1B9=j\x82\xfa\xa8\x15i\x0306^\x8f\xff\xf5\xa3z\xd5l\xae\r\xbc\xb0\x93\xacb\x92g\xd7\xeb\xc3UW\xaf\xd3\xcd?N\x90)\x0bP\x10\x84\x99\xa6\xcf \x96\xd3\x8f\x9d\x17T\xaa\x9c^\xb3W|d]\xcfS\t\x95@m\xc2\x8c\x852\xe5\xf4n-\x83b|\x9ea6\xfb\x96\x88W[M\x90\xc9c\xb7{g\xc0=\'\xbb;\x87B\x80\xd7\xda/\xe6&gt;\x8a6.sDD\xfc^nO\xf5\x0f\xc5M\xbb\x11\xba\xa8\xaeN\xd0\x04AX\x9a\xb6\x1fB\xda%\xd4Z\x87r\x82\xbe\x88\x87##\xebJf2\x13\xaa\xa1}m\xd4n.:\xa5F\x19\xbe\xe9\xe8\xc6\xd3\x1b0~\x94_\xdf9\xef\x0c\xbb\xd4\x97\x08\xe4\xbdk\x82\xc8\xce\x1c\xe8~\x86\xad\xf8\xb3(\xca\x1d\xbf\xc4\xe5\x8f\x1e^\x8a\xf4{kO\xcf3Z\x10\x84]\xe5\x9d\x98|\x90 h\xf1\x98\xd8\xb6C\x0f\xb7\xdf\xfb\xed\xf5\x11\xd4\x83\xb5\xa7\xff\x97\xb3\x83\xfa`XF\xa5b\x1eR\x9aJ\xe7=\xb3\x9c;,G\xb9\xdb\xefF\x96sI\xb2\r=FH\x9d\xe9\xc9\xbd|\t\x06\xd4.\xfb\xca\x7f\x8b\x02\xdb\x04A\x10\xe2LG\x0ekI\xe15\x8cL\x89\xe0\x0bDg\x92\xae\xea\x95\xa8\x14y\x1ac\x01A\xf4\t\xcf7\x84\x982\xc9\x83\x9eQU\xa8\x97\xbc#\xf0\xf6\xae|$\xa0\xff\x9a\xd5A\xdb\xfd\'\xce?\xccz\xcf\xe8\xb4\xaa~\x84,\x94\x8f\x88\x08\xbfa8\xfeO\xdd\x06\x90\xeb\xff\xf5\xcdFA\x10\xd89\xa0\xa6\xf0\rl\x9fb\x068\xa1\xa6\x1e\x1e\x10\x11\xe0\xb4\xec\x91\xf1\xf2\x9b\rl6\x9b\xc1\x1b\x116\x1b\x18\xda\xdd\xabY\x80&amp;X\x05d\xfbK\xac\xa8)~d=io\x03\x1b\xd8\xce\x87\x18\xd3C3\xc0\xd9\xc1\xcdV4\xa1\xec\xd8l6dcU\xe9[\xae\x15o\xdbbnTe\x8d}\xc0\xe9?\x8dt\xa9|y\xf8\xbf\x1f\xdbM7\x9b\xa4\x99\xb6\x0c\x9b\r\xc0\xa9\xf8\xadD\xde5.\x08\x82P\x9f\x15\xc4\xac\x9eNGz\xb0Ah\xc89\xf5\xf3\xfe\x94\xa3\xf4m\x91\xce\x7fL~\x1a\xfa\xb9c\x16\x01\x83\x8d#\xcf\xb7\x01\x9c\xbd\x82\x01B\x04t\xdfYZQh:K\xe6u\x8do} \x02\xbc\xd8|\xd1s\x9a\x1f6L\xee\x00\x08\x82 d \xc1QX\x86O\xe7N\xbc\xc7\xcf\xa5?\x02\xbc\x95\xd7*D\x84\x1b,\xf3\xecJ\xe5\xbd\x07\x0b\xcd\x1eL:\xaa\x89\x16\'\xa8V\xa2\x1d\x8f\x85\x13D\xc4\'\xe6\x8cQ\xd3\xbfKx|l\xf7&gt;\xaf\x05\xda\xd7HH\xf5/\x08\x82\x90\x0c-8J\xf4\x14\xd8\xc9+\xb0v\xe3\xf9x\x07}U\x9c.K\xfa\xb2\xb0&amp;V\xed\xb8\x8e.\x17\x15\xbb\x88\xf0\x1e\xaen"|m*\xdf][\xf4\xd8\x06\x80\xc9\n\xfa\x16B\x10\x84}\xa1\xfb\xa7)\xbb\x03W\xeb4\x04L{R;GE\xef\xceA\xc4\xe1#\r{E?\xe3\xd2\x8f%%l\x0b\xcb\xe93;;\x8c]C\xaf\xa4\xd7\xf9c4\\\xc9\xd4M\x1c\xe2nH "\xac\xc3\xa5\x82 \xec\x14U?\x04\xbc3\xa8\x07\'\x1d\x85\xe9\x84\xa3\xa3\xe1\x00\xa8\xb2=\xfd\xc3w\xd0\x96\xf1\xe7u\x96\x02{\xfa\xec`G\xcb\xa7\x9c\x0bu\xe2\xd4\x9a86\xcb\xeb\xe8\xf5\xb4\xcd\x7f\xc4\xb2f\xccS\xde\xe7\xb7\xcdr.]\xdb\x8d\x1dA\x10\x84\xa6\x04o%\xa3\xf2\xdf\xc6$\xdc;n\xf2\xf4g@x?\xd9\x85\xc3\t\x933_3\xed\x01\xfa\xe9\xa0\x0e"|a7\x1f\x13Z\x14\xbbl\xba\xf3\x92\xe6\xd4G{\nhM\xd3)\xc7\xd4\xb1\x8f\xef\xe2\xb3\x02\x11\x11\xbe\xee1f\x99\x12\x1cW;\xa6\x82 t\x84\x1a\xbc\xb2&gt;t\xd57\xfe\xd2\xf9\xcf\xe0\xae\xcb\xd5\x7fwN\xaa\xe9\x17\xfa\xecWw\x1f;\xa3\xa7\xba\xc8\xc7\xf2\xd6\x902\xf1\xf2\xad\x0b\x8b\xdc\xef]Y\x96\xbc\x8f\x8av\x1f\xb8\xb8\xe9g\xda\x8fQ7&gt;\xbd\xf3\x86\x89\xbd\x8faS\x17H"+\xfdh\x87 \x08\x9d\xf1\xe2!\xba=3\xed\xcf\x1fr\xc6\x9d\xfa\xf1\xeb/\xdd1\xbaU-\xe8\x94\xbf\xec\xe1\r)\xfb6\xb9\xf3\xe0\xd0\xcbqm@\xc8\xab\x0b\xe47\x83X!q\xe9R\x94\xae\x8a\xce6\xa8\x8c\xecd\xa7\x06\x90\x1c[\xbarB_\xc6x\xaa\xff\x8b/f\x91 \x08}\x13&lt;\xab\xb8X\xc2\xad\x00\xc6\xe2\xb5\xd51\x86\xb3\xef\r\xaa\x07_\x19wt&lt;\x05R}\x82cG\x88}\xb9\xa7\xe2p\xefU\xfa\t\xd3\x82t\x95wk\x83\xbf\x1cW\x962F\xef\xad\xad\x94p\x10\x9b\xf4zm\xe60\x85\x88\xf0\xce\x95\x1cC\xa4\xf1\xd2\xf1\x87\xbe\x9fR\xcb\x01\xbb\x89-;\xc4g\xe5n\x80 \xec\x19\xc6}@e\xfd\xbb\xa2\x00\xd2\xbfy\xd0\x13G\xf4\xea\x84)|7\x8b\\\x8b\x04\xc7#G\x9f\xdb\xaa#&gt;\xa4\xf9\x04\xcb\x1c\x18\xdf\x00\x9c}\x81$\xadlD\xf3\xbeas\x9d\xa0\xc5\xfd\x1d\x93\'g\x94\x03\xd3#\xb8\x93\x9fnD\xa4\xc9\xac\xbf\x99?\x85\xf5\x13\x90R&lt;\xb5$i\x03 #\x12E\xf7\xa7\xec\xa9\x04aO06\x00\x91py\x03z9\xe5\x8e\xcev\x81\x92o\xbaCW\x9b\xa7\x1dV\x14\x1f\t\xa6j\xa7\xc5\xac\xba\x17+\x89\xd4Y\x9a\xb5\x01\xd8^r\xcb\n\xb6\x99\x9a\x8a\xfd\xe3\xb8+\xe5\xfcs@J\xb3\xcf\xa6\x1a\x10\x1c\xcap\xd1\x10\xd8\x00\x8c\x07\n\x1e\xb1Q\xab\na\x0cA.\';Z\xad*t\xf4\x8c1\xb1\x9f\x1ah\t/\xdeC\x9f\'\xcd\xb4p\xac\x10\x04a\xa7IY\xf3\xe4f\xf7v\x87\x92\xca\x1b\x806\xecT|D\xca\xc6/Sp\xcbA\xd18ES\x9du[\xa3\xc1I\x18\xcf\x12\x08\x14\xd0\xf8\xc4\xa1\x17\xffk\xf4E\xff9d\x00\xaa\x86\xc2i\xfdw\x00"\x12\x02\xef/\xf6\x80\n_\x08\xba\x1aM\xd4\x95\x8a\x15\x05\xd8\xa9\xa0d\xa1\xafG5}\x9c&amp;\xdc\xeb\xc5f\x17\x07\xf8/\x19\xe5xN\x11\xbf\xdd\x87\xb3&amp;eA\x10v\x8d\x84/Q\xf1\x84\x92\x1a\'\r\x08\x0fk\x19\xe5\x11{\xb9OZZ;^\x9f9\xdc+\xa2\x8a\xc6\x97\xe1\x91\x8cb!O\xa9&gt;\xa3\x12\xd2m\xbd\xe9\x1d\x1e&amp;}\x03PG\xff\xa2\xf5\x19\xcbB&gt;b\xf1*\xf3\xdc\xa1{)k\x04\x01\x10\xee?\xef\xe1\xe7|1\xad\x9a\x84C\xab\x1exLb&lt;&lt;_\xee1\xd9\xb4YJ\x9e\x0f\xb2\x01\x10\x04\xc1\x0bK\xd5\x9e\x18\xbe\x17!r+\x7f\xdb\x85\xfb,l?j\x81&gt;\xdd\x9f\xfc\xe1\x1e\xf5\xff\xe6H\x96\x0c\xe4\xa0\xaeC\xc2\xe7\xf7g\x03\x00\x80K\xd5R\xdd&amp;\x0e\xec\xfa\x8c\xca:R\xe9:\x02#"\x9c_;Px\xa3rJ\xdd\xb1\xe5\x01\xd2\xea\xf8\xb2\x93\xb2\xc2\r\xc0\x1a\xdd+\x08B&amp;\xd4s}\xbd\xc8\xdbI(\x07\xfc\x88\x88\xf0e\xde\xd29\xfb\xb0|\xa7\xc6B6\x00.\x96rHm\xbd\xcd\xaa\x8d\x1d\x98Q\xfeg\xbd\xb2\x8f\x8a\x93\xb9c\xfa%Y\\7\xf6\xa9\x92\xddG\xdf\x004\t\x89\x8d\xd5\t\x82\xb0,\xea\x9f)\xb7\xff\xe6\xfb^\x82\x88\x00\x9b\r\xd4u\x08\xe2\xfc\x17\xe07\xab\xf6\xfc\xb6\x0f\xca\xafE\xdd\x19\x8a\x98\xcdZ}\x82\xc3\xc0\xeac*\x8b\xcb\x07"\xaew\xac\x9b\xe2Y\x17\x08\xa8\x95\xc3\xdd;s\xadk\xa1y\\\xd2vs\x1b\xe5\x7f\xd9\x02\xd5\xa9\xe2\xec\xc8\xa4\xd2\x8a`\x82 \xec \x07\x00\xc0~\x1c\xa8\x90\xd9\x9c\xb4\xd9l\xaaf\xa9\xed\xb1\'\xae\xe5,\xeb\x9e\xe1\xb7\x87\xaf\x11\x02Dx8\xc29a\x1d}\xaa\x04N\xff\x998|;\xd8\xbb\x03c_\x96\xaaWQ\xff\xb9\xf7\xc7\x1eNO\xfbD{\x8f5\x9bv\x9c\xdcg\xf5\xffP\xff[\x9a\xb7\xff\xa7\xb6!:\x9b\rl6\x9b\xcd\x066\x1b\x80\xcd\xc1\x00\xc4\xafuv\x82\xa8o\x14\xe1E\xb6\x9c\x9bo\x0e\x9dtg)\x11\x04am\xc8-\xbf\xb6\xa0\xc9\xd2\x06E\x89?\r\x85h&lt;\x87P\xd2\xa9u\xcfFk@\xd72\xca{K\xb3\r@\xbe\xfc`\xac\xc0\x9e\xe7\x98\x12\x10z\xddb=4\xfc\x19\x18t\xfd\\\x9b\xfb:tQ\xf3\x85\xa3\x81\x95s\xb4]\xd9\xf8k\xd7\x13I\x10\x84\n\\$g\xcdw~`fq`O\xd6\xceU2"\xde\xd1\xf8~\xc6\x16\xc1\x97\xa2\xe2\xa5\xca\xcf\xe1\xb1V&gt;\x88|\x02\x02 \x1c\xb2\xae\xb9Q\x9b\xc0\xfaz\x888*\x87\x95\x05\x1f\x16X\xbb|\xe7v\x0e\xe48\x11\xa8\xcc\x1dU\xdb\x0e\xd4\xde:5\xc2\x7fF\xb7\x07\xadzgn\x00^\xeekd&amp;\x11\xbb\xfcW\x1aX\x03\xd4\xf7`\t\x82\xc0\xcaI9;\xfeC\xd6\x15#|\'g\xbe\x06-\x83\xe0\xfd\xfdfT"\xd0q\xf5\xf5\x8b+?\x87\xb3\xa0\x10\xc4\xb3\x01\x90\xc36\rjHY\xf7\r"\x1aX\xf3\xe3\xb6\x8dg]\xff\x05e8\xb8}\xc2\xf5"%\x84\xb2C:\xfe\x1f\xa3\xca+\x8dW\x9c\xd5\xbf \x08\x820Qx\x1b4\xe3\xaa\xe9\x92f\xb7)\xb4\xe3\x1f\xe3^\xf0\xf6\x95\xf9L\xa8\xf6\x11W\x89\xc7V\x84m\xb3\xeb\xacn_Y\xc19qSv\xc9\x0f;9\xac\'.m\x80\x17})\xa9E\xff\xc3\x17\xb6L\x10\x04\xa1\x0f\xdc\xf7\x04Py\x96==o\xe5\xd5s\x8bW\xc0\x97\x1bd\x1a\x1c&lt;\xfe\xd9\x9d\xae\x9e\xb8\xc8&lt;\xc4\xea\xf1\xdc+:\xcd:r\xbbB\x15\x93\x14W\xcc\xbdv\xbe(\xac\x01\x04x#@I,]\n\xf5\xe0\xa3C\xe2V\xa9\x0e\x97S\x7fA\x10\x84$\x94\x83\xf0\xf4k\x9b\\R\x034\xb6\x00\xfa\x1d\x80^\xc8\xcag\x88\x88gowK\x87*\x99V\x1b=\xaf\x9a\x01\x9dq\x1b\x9c&amp;\xa1z#.\xe4\xa55U\x96\xe9\xf4S:\x0f\x96|\x0e\xe1\xb2\xc4\xd5G\x1b&gt;\xe8\xef\xb3dE\x07@\xfd\xa0m\xa1e\x03 \x08\x82@\x8d\xe9u\x12\x80?\x05\xf6\x15\x9d{H\x18^\xed\xa9\xf9\xac`\x1ck\x17\x01x\x8e\xe9\xee\n\xe2e)=ZwQ\x12e\xdcpN\xdd\x0c\x96/{P\xd9\xf42\xdc[??_\x19\x8e\x88\xdb\x95\xfb6w\xf7\xdeB\xecp\x04\xc9\x1d\\\x07\xd1\r\x98 \x08\xc2&gt;\x90\x94l*\xa5%w\x16\xdc\xf5\xc2.\x95)c\x05\x9e\x8d\x89qsL\x1cq\x97\x11\xd5\x8b\x80\xb4\xbf\xe1\xba\x87\x89\xdc\xef\x19\xa9l\x18\xa1NB\xfdD9\xf0\xf5\xf9\xdaE\xce\xb5\xac\x8b\xaa\x84-9:a\x92\x9e7\x93\xb9\'\x08\x82\xb0\x0e\x10\xe0\xe7\xca\xcfm\xc27\xe1v\xf96\x0b\xfe\xba\x859+\x00\x11\xf1\xeee\xf5\xc1t\x8c\x97[^48\x9b\xc4\xd4\r\xc0.R4:\xba\xd3v\xe4\xd4\xb6%oG\x93\xc8\x05S\xb3\xef\xa5\xba\xdaho(m5p\xcc\xba\x16\x9foy\xddY\xdclA\x10\xf6\x9d\xc5\xc3\xd0\xe2\x06L\xe0\xbb\xe5,\xd3\xe4e\x85\x1b\x00\xd3\x9f\x88\x8fNrr\xe5jr\xdb\xb5\x97\xae\xe5$\xbb#\x0b]\x05\xeb\x82\x9b\xa8\x8e&lt;\x93Hb\xf5_Mq\xbb[\xa0\xb3\xae\xf7\xb5P\'\x08\x82 \xec+\xeb-\x0e($\xdd.\x0f\x08\xf1\xbe\xc5Z\x19\xa3\xf6|y-\xa8\x85\xd4X\xf7\x0c\x86\xbd\xae\xa6I,tu\x8f\xc2&lt;?\xde\xef\xbb(\x19lW\xeeRN\xb3n&lt;d,\xcc,\xb3\xcf\x82\xf0\xa9)\x0e\x08\x82 \x08\x8b\xd3Q8\xee\xc7\x92\x00W\xc8\xae\xbc\xd9J\xea\xc3\x10\x11\x7fQ~z\xf7\xf2f\x0eW\xbe\xdf\x03\xf1\x15\x95v\x02E\x15\xd5\xe2\xdb\xc5\xe8G/X\xefW\x14\xc81jG\xd9\x00$\x82\xb1\xb1\xae\xac\xde;|/k\xa3\x7f\xe9\x85\xc6\x8b|\x8aL\x10\x84Z \xc0\xb5\x97S=\x9d\x0f\t3\x87\x9a&gt;i\xee\x1fDD\xfcd\xe4\xd3\xba$A\xcd\xee\xfe[\'\x8e\xb5\x94\xd4\x90\\\x1f\xcaY,\x9f\xf7\xca6\x12\xfa8\xbeJ\xa9 \xfbw\xfe\xd9\x966`y\xb4\x95\xa8\xdd\xc0\xe9\x7f\xf8:\xc3\x08k\xca\xeb\xb2+\x10\x04\xa1\x14D\x84\x07,\x18J\xe4l\xcf\x81\xe5\x93%\x06H\xfb[\x01\xf1\xd6\xfe\xb7.\xc5c\x0f\xc1\x86\xd1o\xff\x9ewu\xac\xa7\xeb\x9d\xab\xf6\xee\xe8\xa5v\x9b\xb9\x83?.\xdd\xf2\x95\x16|\xd6\x06\xf8\xdbR\xf1\xac\t}\xb7\xf9[\xca\xd8\x15N\xb9N`\x9e\xa2z\xfd?\t\xff\xd0\xfbdC%\x08\x02\x1fk\x0b%\xab\x8f\x80\x1f\x0e\x19\xdfW\xd7\xe2\x96\xac\xb62N\xa2d\x03`\\\xf5\x1d\xcf\xebq9\x7f\xb9\xb5\xe1\t)\x17\xd9\x1b\x80g:U+\r\xb2Y\xf8\xf9\x13\xa1\x03\x94\xea\x7f\xfb\xef\xcd\xa1\xe6\x7f:5~}\x86\xaen\xa2\xa5\xd1\xe5\xbf\xe2\x10i\xaf\\\x04\xc0\xc3W\x9f\xfe\x04A\x10r\xf9\x98}Wte\xec\xd2\x83Ok\x1f\x0b\x95PZ-H\xbaZM\x8c\x88\xf0\xb78Lb\xb2@\xfdi\x8a{\xa6\x98\xe1\xa8!\xdc\x9b\xcc\xd2\x93{A\xd8\x92t#\xa8d\xc7\xd8\xc9t\xc5mH\xff\x83\xa9/\xd7`\x11\xe8#\xf7o\x9f\x0b\x82 \xac\x9f\x1d*:ya\xf7\t\xe9\x0e@\x1fi\xb8\x98\xba\x9fH\xd9zI)\x8c\x88\xba\xbeel\x00\xd2f\xfe\xd7\\\xa5\xd8\xbb\x9d\xda3\xba\xbf\x13\xe3\xbeV|\xb3\xa8\x87\xf5\xa8\x9e\x88\xd7\xd4\xb2|Oa\xde\x00\xf0\xd8\xa3\x1d\x168\xe9\xa3\xd7\x82 \x08BG0&amp;\x06\x84o\xee[\xa6i\xf1D\x01\xad\x82\xd7\x1e\x82\x07\xfd\xf3\x94\xe9\x15\x80\xdd~\xdfFv\'A\xa5\xf4\x9c_\\\xb4F\xc4\xca\x1fQ\xedv\xde\xd6\xda\xed\xc8\x06@\x10\x84\x0c\x0e\x18\x7f\xe8\xe7AI\x00\x80\xb3W&lt;g\x1d\xbay`\x1d\xe1\xfd\xc3Z\xfd#\xe0\xc1\xfd\xcc\x9a0lV\xe2\xf0t\x8c[ \x9b\x96\xcdf\x13\xb1B\xb5\x01\xb7?i\x17\xf9\x9fTr*\x04\xb05^&gt;ld\xc8&lt;!p\xf4\x8e\xf3\xf3\x1b\x95m\x18\x87u\x1e[Ugx\x8e\xd5\x00\x11+U\xe8\x93H\xe7L\xee\x81M\xb1m\xee\xb4\xb8\xd9&lt;\xb8@\xa6 \x08\xfb\xcb\xf6\xe0\xf0\xfe\x88\x00\x7f\xbf\xb41[\xea=\xbd\xd3\xeat\x04\x01\xae3\xfe\xd0S1\xc4\xecX\xc4\x05\xbe\xa4\xf5\x97\xa9.\xdd\x0e:\x8f\x9d\x18\x90\xd6\xf0\xe0MW\xa4&lt;2\x14{\x04\xa8\x8dy7l\xa2\xa5s\xbc\xcfP\xd1\x9e\xd4b\x9cK\x83\xa8\x93\xf3\x1f\x12c2\xa3\xda\x11uga\xb6\x0e\x88\x08\xcf&amp;\xdc\x18\x94/\xce\x16\x04\x81F\x8f\x91\x82\x9e\x1e\xd2\xd3Xb\xfb\xccD\xa5&gt;\xf1\xd9\x15\xec%{\xeb\x0e\xa6\x94\x0e\xdaQ+W\xcd\xe1/\x9e\xda\xd4U\xa8\xfc\x1b_\xf9\xb7\xf9\xf1\xe2\x0f\xcb\x03\x00]c?\xa9e7x\x1a0\x1f\x82(s\x06\xd5\xe5\xd0\x9eJ\xdb\x8f\xc0\x84\xdf\xc3\x85\xb0\x87]\x16\x04a\x1f\xa1\x07\xbb\xac\xb0\x98\x9f\xa8\xba*\xc2\xe6b\xd1{\x80\xbd{\x87FJ\xdd\xdf\xa64o\xb8\x01P\x7f6\xf7\x03\xd5l\xa8!v\xe7f]\x9c\xf0)8\x02\\o\xfc\xa1\xa2\r5\x857\xc77\xe1\xef\x88/F\x04x@[k\x04A\x10\x84~@\x84k\xe5\xe5\xbc\x8b2[\xb2\x18C\xf7\x7f=\x17\x1f\x8fC\xfd\xdd\x15U\x8dD\xcd\xd3V\xa7Ii\xfe\xea$-&lt;\xcf#uy\x97)\x89\xb5\xdb\x9fA\x8dg`\xf6\x9c\xc0\xf1\xbf8Y\x10\x04!\x81\x15\xe7\xa7\xf5Z\xde\x86y\x03\xf0ac\x03PK\xdbb\xc3\xf1\xad\xe9F\x07\xfb\x83O\x0e\xea&lt;\xdb\x10\xe3\'\xeb\x9e\xedk^\xad\xb7\xc8\xb5&lt;\xba\x01\x18\xde\xfa\xb9~\xab\x87$\x94\xde~i\x9a\x8d{\xa1\x16\x04\xb8\'\x8f!\x82 \x08\xfd\xa3?\xa2\xda\x7f.\xd1hU\x84\xad\xcc-3\x17\x9b\xcf\xc5k\xab\xeah\n\xbd\xbbYg[\x82\x88\xf8\xb5\xde\x9f\xdd\n\x99\xa7L\x8f&gt;\xe6I\x02\x99\xd6z\x9f\xc1SZ(_\x94I\xdd\xbbj\x0b\xcd\xdb\xfe\xf6D\x1b\xb3\xf76\x15Z\x96\x91\x13\x7ff\xcf\xf7\x12\xbe\x04A\x10\xda\xf0\xfb\xea\x06\xe0\xadI\xe1o\xf9X\xd9\xa8\x0e\xeb\xbd\xea\n\x80M\x8a\xadU\xa4OF\xdbZ\xdcdp*m\xbe\xeb\xe0\x05\x01\x10\x9e\xbc\xc0l9a\xd0xl{\xef\xd1\xba\x89\xf3\x07v\xcb&gt;\x89\xa4HD\x04x\x14\xe9\xaa\x0c\x8d\x8ec\x856\xa1&amp;\x80:\xa9\xc8\x07\x1f\xa8\x01G\xadz}\rt\x1e\x87\x05A\xe8\x06-\xfc\x8d\x0fQ\x10/\xadh\x16\xd1\x82\xc1\xec\xf3qY\x92\x1b:\xaf\xc9\xee\x8a\x9b2\xc9iW\xfd\xaf\xa76\x8d\xda\x19)e\x96\xeb/\xc2o\x9a)E\x80\xbfKiL3\xec\xeb\xcb\xdco\xec~\x8a"&lt;\x08\xcbj\xe8;\xa8\x17\xa6t\xd6\xa512Fj\xbe\x18S\x06"\xdcj\xe1\r\x00\xe8\x1b\x00\xdd\t\xde\xbe\xe8\x8d\xbb\x9d!\x14v\xa6#\x82 \xb4@?\xffH\xe0\x88NB\x8cq\xd2\x83\x88\xf0\x83\x02\xc3\xb6\xa2\x92\xfeH\x02Wa\x81\x9e\x9f\xf3\xf8\r[\xd1\xf3\xbchF\th1\x12\xf0e:\x986\xeb\xda\x00(ua\xc3\xbc~}\xedq\x9d0I\x05\xc72\xdb\xc5\xee7\x00\xcc(\xa79\xee\xf7\xa3\x97\x87&lt;\xa6\xbd\xab\x15\xdcp0\x02&lt;Q{\xa5%\xa3=hZxe8ul\x8a\xd6\xbd\xa7\xf7\x84\x96\x071\xb2\x01\x10\x04!NF\xbc\xb8SBe\xd0\x86/M?1\xa4\xf9\x9co\xce\xee\xf1O\xb1\xe4\xee\xeb\xfcRR\xe4x\xda\xb3\xa7\xa5\x1an\x8f\x1b\x99\xe2\x8dr\x0b\x8f\x9c6\x00\r\xf3\xbar30\xde\xd3\xb4\xf9_0-K\xfa\xbe\x03\xdf\xa1\xc4\xc5\xcdK7\x00\xda#\x7fh\xbd2\xb7i\xedp\xe5\xa3\x14zj\xfb\xc0\xa2\xa3\x7f\xce\xd9\x18L\xba\xb1\x96\x80\x1e\xaaC\xb7;jh\x17\x04a}\x04\xe3\xc5\xa7}\x97\x8c\x8d\xdfZ\xd5\xb6\x1cX6\x00\xc9gW\xfd\x84\xd4\xdfN\xcf\xe6\x96o\x00\xd0"\xf5\xd2p\x1b\x06\xbf\x1d\xd1\xd8\xf3K\r\xb4r\x13\xa0\x91\xba\xaa\xe2\xcbV(\x89GV\x96\xbf\xe3\xc4\xea\xc8nqn\x00\xd4\xb7\x96\xb1J\xe5\x82\x98\xb5\x9c?\x14\xa9\xec\xe3\x1b\x00\xf5\xdd\xf5\x8d\xac \x08\x15@\xc4{\x9b!#\x1a\xfd\xbb\xba\x03`p`\xfe\xa5C\xaf_\x9f\xf0&lt;\xc3\xf8_\xe3\x92e=\x93]\xb8\x87\x84$T\x03\x87G\xf4\x96\x196\x8bi\x9e\xc6J\xd4\xa5Z\x8b\xfa\xbf\xff\xc9\xd5KQa\xbc\xd8\x0f\xb9\x0e\xbf\xc4\xd4\xb5\x83:\xeb\x11\x9d\xc7,\xa9|\x95\xd5\xbf\xc6X\xe6\xf6\x80\x15H\x93\xaa\xf0O9.\x07@8\x8dr\xb9.\xd9\x19]\xf3\xe3\xb9 \x08;\x8a3"\xb0\xd4g\xe5\x94\x1a\x90\x11\xe3\xd2:&gt;\xb6\xac\xe9\xae\xbc\xa3\xdf\xc2\xea\x7f\x161\x9b\x91\x90P#\xd9\x85k\x03\xb0t\x8eO\x18\x97m\x7f\xdf\x95\xb2\x01x5\xd6\xdd\xe4&lt;\xba\xf7:\xa0`|\xfb\xd9\x8dw\xcb\xfc\xdd\xa3\xc1\x83\x1e9-.\xa6\xa0\xfa\xb7\xab\xf6y\x0f\xa0\x7f\x02\x9bR\xdfK\xf5/\x08\xc2\x84/j\xbc\xb6\xf2\'\xa2\x1a\x91\x15\xe6\n\x13\x9e\x92Po\xc2\x11d\xbd\xf1:V@\xf3\x14\xd9\xa6PZ\xab\xc8\x17\x9f\x17l\x00\xe6K\x96\xcfdI\xaa\xb3L=\xbe\xca \xaatu\xe7\xca\xa0Y\x08\xba\xba\xa2\xd3\xa3q\x07\x0b&amp;\x04D8\t\xbd3\xb3z\xb1\xb8\xaa2\xb4\xc0T3\xc3&gt;\x02\xe1\x0fH\xd2\xee\xe8*\xeb\xb7BP\xd9\xbf\xf9\xda\xac\xc5\xb7\x82 4d\x8e\x1aC\xc2\xb3\xa2FI\xd9\xd1\xd5\x89QmKB\xc29\xa2\xb0\xf2\x89d}8*\xd7\x85%D\rS\'[\x99\x1a\xcd\xc3\xedg]}\x8d\xd57\x00\x9a\xb2\xdc\xee\xf49\x0f\x89\x98\xcfQx\x9b\xbdj\'\x8b*\x04\xc0\xfbX\xfdjQJ\xba\x8f\t\xfato\x91\x13\\\xce$\x89\xf2\x14\xf6jF\xc0@\xc3^\x9d)\x08\xc2\x92 \x9c\xc3\xac)=\x91%\x83[\x10J\xc0fD\xefq\x97I\'&lt;\xe8\xc2q\x8a\xa9v\xa1\xab\xfd\x95\x03J\xc1\xca\xbc\x01@\x84O/\x92\xf3Z\xa8\x93D^\x19\x84\x13\xcd\x03\x11G#-6V\xb6\xa7\xf4\x08&amp;O\xa9\xf2\x0b[.\x08\xeb\xb4#s\xc7\xc1\xed_x6\x00\x89\xf9\x88R\xfd{\xdb\xe5Y+\x08\xc2\xce\xe2\x0f\r\xbb\x1a;\xca7\x00\x81k)w\x00x\xbf+\xa9A\x152\xaa@\x04\xc4\xffN9\xb2\x82\x94\r\xc0c\x996\x00V\xda[\xa6l\x12\xd6\xc9\xfc\'x\xff\xcf?y\xf4\xc2\xab\xba=\xcd\'\xb3\xbb\x9a\xacW\x8e\xbb\xfdYu\xbf\xb1(VT\xa4n\x00\xd4\xf9\x19\x88r\x8e0\xf8\x82\x1dt\xa3 \x08E\x04\xea\xb3%J\xa8,\x10\xe1Ni\xe7(\xe3\xd9R\x9e\xb6\xa2\x83\x9f\xbck\xa3\xb2\xeb\x8dQaUM*\x92\x8e\x18\x04\x1e\x9bjZ\xcc\xcc5\xcc^a\x854\x9c]\x08oW\'s\x1b\xe6~\xb5YJ\xba\x16\x87\x19+\xa7V\xd8\xdfz\x0c\x11\xe0\x8d\xf6\xeb\xb3Kw\xea\x08O\x10\x84F\xd4=Z.\xbb\xfc\x0e\xa3\x98\xd4\x14U\x96\xcfr?\x0b\xd16\x85\xb3\xe1\xa9\xaa\xb7o2\xcd\x90t!\xe6\x08J\xf5\xaf\xa2w\xfcn{\xeb\x87Z`\xd3\xc3\xe9\xbc\r\x00\x8b\x85F\x11Y\xb1\xbf\xcd79\\|\xdd\xe5\x16\xd5Wg\x1b\xc7\xe2\xc4&amp;\xf6\xd8\xa5\xff\xea\\*\x08BGt\x1eA\xf0\xef\xd2\xe2]IX\xcc:MY\xcfI\xccq\x88\xf0\xb2\xc8\xdd\xe4\xb1\xb0\xe6\xcb.Y.\xd5\xb2\xec\t\x9amk\xf1v5\x8cq\xd9[?\xac\x85\xf0\x00m\xe7\xf3\x87\x12\xe6\xf3\xf6\x92\x9b\x17/\x81y\xbd\xdf\xaev)9,\xd8\'\xd6TQ\x83\xd0\xe37\xc3\xbb\x9fot\x18\x11\x7f4H\x10\x04!\x89!\x88\xdc!\xdep9n\xd5\xee\xf4(\xa3\xac\\Q8&gt;\xc56\xd5Hfsm},\x02 \xfcky\x8f\x9c\x1b\x89\xc4\x01}\x96fv\xab\xc9 \xb4\xa4|G\x87\xf3\xbf\xbe\xa6G\xcc\x98O\x0cf\xff\x1e]\xa0\xb2l\x85\xaa\xe8\'\x11\xe6g\xe7\x90\x16\xcaX\xb2\x83T\xff\x82 03\x16|\x82\xf2\x19\xac\x84k\xd6\x14\x91\xcd\xd4\x15{\xb6\x9e^a\xf8\xfb&gt;\xed(\\v$\xda\xff\xda\xed\xff\x1f\xd2\xbf\xab\x05\x03\x04xQ\xf0}\xfch\xee\xd3w\x9e\xcfM\xf6\x03\xb31s\x1f\xfb\xea\xe6\xae\xe2\xdd\x03(A20\x10\\s\x92^\xfd\xaf%\x1f\t\x82\xb00\x1d\xe6\xcb6\x98g\xd2\xfa\x87\r\xe8b\xd87\x00\xf5\x02\xb7\xd3\xce\xd0\x06\x80Va\x84\x9d\xb6{\x13l\x97\xfa\xd2\x8c3\x86\xdf\xce_&gt;\x0f\xdb\x96\xc2k\xd8\x00 \xc0\xd1\x0c\xe2"\xdd\xec\xe1\xd1\xf0J\x06,\xde\xaf\x81\x849F\xae\xda\x93\xf4\x86\xe4L\xea&gt;\xd6\xd7*\x10\x04\xa1;\x10n\xd4IT\xa5\xc0h\xa7\xf7\xc9\xce\x94H\x8d\xf0\x8f\xc4\xbb\xc0d\xb3\xb6\xa2\xbe\xcb"m\xe6G\xe8K\x9f\x9e\xea\x1f\x12\xd2m\xc8i,\x99\x8fnEmE\x15\xb7gu\xc4\x06\xd4\x95\xf4%\xe9r\x8c\xb5\xbfo\xbe%\xd8\xff\x06`\x823D\xf8#\x95\xf2Wc\xf5\xa3k\x82\x01\x95\x02,\xd7\x9e$C\xc8\xa23\xc1\x1bZI\x17\x97\xab\xcc\x92 \x08\x82\xb0Od\x84\xe9\xb9\xf1\xf6^&lt;O\xc9^\'v\x87S\x02C\xf1\x84\xde\x07\x12Zm/sRl7\xb4\xce\xd6y\x15\x89y\xfd\x13\xd2\x9e\x10\x0b\xec\x01\xd8NF\xd7Z\xfa$\x8e\xc5\xd0\xc7\xdb\xc6\x9f\x02\xea\xa4\\\x1e\xe3\xe4\x02,9\x13\xeehm\xc2O\x1e\xe4\x00\x00 \x00IDAT\x00\xaa\xc7\xa8\xe2H.\x08\x82\xb0o\x0c\xb1\xf2\x85J\xdc\x8cd\xd6\x89S\xb1\xc6Ym_\xc1\xc9(\xf6\xd7\x91\x9b\x00\xd9\xd2\rqyr\nX\xf3\x06\xa0\xf9\xe7V\xc9\xb5\x08:\x7fMt\xb5r&amp;\x8d\xa8\x7f\xda\x95\xa5\xd7\xd3zYg\xe9S\xb4\xe4y\'&lt;\xe5\x16\xc1\x15\xb2\x04\xafta\x16\xe2\xd9\x01\xd4\x9a\x9f\xe6\xad\xb0\xbd\xf4\xb9 \x083O_\xf7\xe1hkh^\xaa\xe6\xd2\x9a\xb1\xfbT\x80\xf83O\xeeaMK\xaa\xa8\x96S\xee\x8d\xeb\x9f\xe1\x85;\x81\xb4#\xe4\xd84K\xdd\x1e\x84["\xbct\xd28n\x06\xf8\xa6\xdc\xf4\xc3\x95\x10\x01^\xc2$\xb6\x05e\x15\x1bc\xa0\xf8z\xdbg\x84\xf6\x81\xc2\r@\x92\xb7\xf1\x91h?\xfd\x85\xf0N\xc9\xfb\x82\xb0\xd7\xac\xf3`\xaco\x10\x11\xe0b5\xc4"\xe2\xdf \x02\xdc\x8b]\xf8\xde\x83\x9e\x9f\xa3\x8d\x99\xd4\x13*\xbcx\x1b\xefB\x0e&lt;c\xe3j\x1c\xad8\x93\xce\xf8Im\xc6\x02e\nG\x85\xbb\x1d\xdfC\xf0\xeb\x00\x01\xecg6\xf2n\x0289\xbe\xc0\xb6f \xc0\xadi\xcd\xd6H\xe1\x06 Y\x13\x00\x02&lt;\xc8xg\xb5\xde\x13\x04\x81\x07\xa9\xfe\xd7\x82|\xbb_\x1bbN\xfe\x18\xfbM\x0cR\x85\x17+\x8b}\x95\xe2\x17\x00\xc6\x87\xc2\xe9\xe7\x8b\xf1;\x0049\xa9\xbc.\xb5\xdeE\x80\xb7\xd9/zb\xda\xeb\x92\xedI\x83a&gt;(U`a\xf5\x1f\xd2\xc0\'mYX&lt;\x93\xb4=\xe6B/\xfa\xab\x0c4\x00\x00\xfcx\xdaN\xdb\xc2\xf5_wgV\x08\x82@d\xf5\xc7\xffOX\xda\x00\xc1f\xd53\x8af&lt;o\xc2\xfe\x1d\xca\x89\xb5\xf1\xeb{Tc\xe6\r\x80\xb6\x9c\xe7\x93u@\xbc\xc4*\x1e\xf6K\x88H\xe3\xae\xe6\x7f\x885\\\xd5\xbe[\x9e\x87\x1bf\xd9\x10\x1e\xf4D\x93\xec\xcb\x11\xefX/\xe0\xf3\x7fB\xe9\xea\x00\xefe\x15hq\xe2\xb47\xe6\xb5&lt;"\xd0\xbc\xbdc\x1a\xc0&gt;F\xb6=\xf7T_Yy\x19 \x08B2\xa9\x87m\x7f\x07K~o\x83\x8b~,\x11\xb6lgT\xad3\xadvDN\xc1Y{\x97x\xdc\xae\xf9\x16\xad\r\xc0\x1d\xe7FC\xb3\xbb!\xc7\xca\xedl(Q\xfbh#\xc1\xbcs\xd46H\xff\xcd6\xe9\xd6\x0fh\x17\xaf\xd4\xa3_\xed\xf5\x9a\xe3\xc8|\xb3\xa2\xc5\xd9|\xda\xcd\xb1D\xb1\xa1\xf7\xb5;\x00\xe4\x8d\x1fR\xdcr1[;"\xfc\xb7\xa9\x02\x11\xe1[\xdb\xed\x87l\x00\x04A\x08\xf0CP\x9f\xd6\xed\x82jwN\x85|\x10\x00o\x98V\x99\xf5\xc9\xb0\xe3\xf5\xbe\xcb\xda\xbbT!\xfe\r\x80a\x9e\xf2\xe1\xbf5\x8f\x85\xcd\xb3\x88\xc5\x90B\xeb\xc7&lt;\xec-A\xfd2\x0b\xa7(\xed/.\x1b\x93i\x801{9z\xe1\xdeK?\xbf\x8a\x8b\xe22\xf5\x9b\x00d\xb1\xf1\xd0\xea\x92i\xcd\x04UH\xa2\r\x82 \xec7\x9d\xd4vS\x14\xfb6"\xc0O\x965f!\xba\x18\x88\x91\xe7\xd9\x1fo\xabo[%\xf9A\xb1\xfc\x05\xd6\xed2\xafC\xfc\xbe\xf9\x8c\xef%\xad\xc3\xc5\xc63\xa4\x93\xd9\xd8\x03\x08p\xff\xe1\x87\xb6\xebtR\xd7~\xdb\xc3%\t\xaf;\xceae2\x17\t\xb4\xcd\xab\x1f\xa3T\xe1\xba\xa2s\xe7\xf4\xcb\x8a\xaf\x8eM\xa6C\xe6\xdc\xcdg\xaa\xed\xd4\xdbh\x19}\x13\x04a\xe7q\xc5\xc7N\xa2\x06s\xad\xb9tw\x12\xd1\xeb\xbc\xc5q\xfc\xe1UD\x048._`F3.W \x02|#\xf8&gt;\xef\x06 \x93\xb3\xce3\x7f4\xc3=\n-\xe9a6\xf6\xc3"{0^\x88\xc6\xf3\xf6\xd1\xf9\x87\x9cK\xe4#\xc0\x05\xcd\x97\xaa\x07\xcf\xd9\xe6+!\xc2\x1b\xd0\xf7.U\x9c\x7fi\x07\x96\xbc\xee@\x84K#"\x9e&lt;\xfe\xdaE*\x17\x04\xa1W\xbc\xb7\x1a{\xc8jz)\x96m\x0f\xc2\x05\x19\xbb\xe3\xff\x0b\xb8\xf71\xce\x84r\x15\xa8\xb1\xfeJ\x8b\x8f\x82\xab\xea\xa4\x7f\x9asz\x9aE}13\'\xf1\x8d`\xf8m\x86\x8a\xa4\xc8\x00\xa5\x99\xe67\xc7(\x1c\xc2b\xe4\xf2\xbb\x1da$i\x14\x8a\xebfRt\xad\xf2Q\xda\xacx\xd2\x1b\xdb\xe0\xc6\x14.l\x9f\xa0\xe3U\xd7\x03?o\x1e\xc6\xf1(\x04D8\xdd8\xa0\x7f&lt;eOA\x10\x04*C\x049\xdb\xd2f\x8c\xa78\xbf\xa5l\x00.\xe6o\xc0\x99\xbd\x02QXy}\xfc9+\xf8\xf6\x94\x17}\xd5?\xe9\xd4\x10\xd1(\x1dp:\xfc\xabh\xf2\n\xc8\xdc\xffhC\xc0X\x93\xf52\xd9\xf6\x9e\xe41u\xb6\xa7\x0b!\x94\xe0WI]\xf5D\x1e\x9e\x1eOV\x07\x02|"\xeb*\xe5_N\xf8%\x0c\xab \x08\x82\x9b\x8e"\xb2\x1e\r\xe3\x8d\x8d\x17\xf8{1\x05\xd6?\x18\x85\xfb\xa3s\x92\x1b}\xdb\x89%\xc9\xaa\xfb\xb5\xeb}\xd28\xadT\x84\xb3\x8b5\x94,-\xbc\x8e\x03\xbfY(P\x1e6\xa0\xf0\rB\x9bT\x07\xba\x8e\x18\x86\x81\xa0\x8c\x85\xba\x1e\x1f\xe4ioF\x00&gt;\xb6\xf1\xe4n\x9c2\xbb\x81\xc7cf\xe5O\x8a\xc3VcA\x10\x04*e5_-2\xcc\xa8`\xbf+\xb6r\x04\xdc[m\xd3\xf6%;\xac\xa5~\xcdg\x0fV\x18\x14m\x14\xb2\xb6|\xc4\xab\xda=R\x1cn\x86H\xbf;G\x7f\xd6\xa8\x04u\xf2\x1fT&amp;J\xa0\xe3\x8f9\xd4\x85\x80\xdf\x8b\xb7\xacTMv\x95\\\xf8I\xad\xda\xc9bbr\x1c\xed\x05A\x10f"_\x90\xcc\x11\xb9r\r\xe3~\xd2\x14\xe0\x91\xac\xf2\x94\xafVx\xa1c\x03\x90/W\xe2u&amp;\xe6(\xa4N!\xf2\x85\xeb\x1b\x1dt,\xf3*\xdf\x8c.\xb37\x06\xbbg(!\xfayfD\xfdPF\x80\xc5:\xd1\t\x11\x11n\xb8\xb3\x13\xc6_\xb8\'?\xe5\x95\x94_\x96\xcb\xdd\x82 \xf4\x0e\x02&lt;\x1e\x00\x00\xfe$\xd8\xec\xf4Z\x10i\x15G\x12r\xcc\xd1\x08\xdf\\\xee\x93\x8b\xba\x9d\xe5\xd16)\xc4\x0bN\xb2}\x98r\xd5\xbaF\xc71-\xb9\xe7\xd8\xad*&gt;"\xb2\xef\x04C\x8a\xe1\xf6\xc4\xd20\xc7\x14\xc4\xd7\xb0n\x00\xf6\xe0\xc3\xa9\\{\xa7\x84\xe4"\xd5\xbf \x08\x01\x02AA}\xcb\xa8\xfe;\xda\x00\xe8\xb9o\xf9\x18\xc7\xb8\x01\xe05l\xaf\xc8\x1e\x85\xddu\xbe\xcb!\x88\xbf\x9f\xd0\xd3X\xcb\x9e\x96a\n\xb5\x03Z\xb6\xfc\x1fO\xf16X\xd9\x9b\x9f\r\xa5\xa8+\t\x9bAc\x96b%\x05.\xe2\xb3\xda\xd5\xe2\xe1i#\x08\x82\xe0\xc5\xb1\x01\xc0\xd2\r\xc0_2\xd8\xa5\x81f&amp;[:\xd8\x15V\xff\x8a\x04v&gt;\x9bj\xc78\xd6+\xcd\x1fyf\xaf\xae~%\x12\xae\x0e#\xa3L\x9b\x93\x07\xd6\xaf\xfe\xd9\x9f\tDxV\xb73\xfc\xdb\xb4\xb2~\xfb0Ij5\x9f\xbd\x01\x00\xc0\x8bvw\xa2\xbc|\xe4\'c=\x86\x07\xdf\x1d\x7f\xe0\xf4j\'\tQ\x10\x84\xd5q"&lt;D;|J=a\x9ap%\x18\x9e0\xe7\xb0\xacz\xfd\xb1"\xd4\xf2=c\xe02\\Z\x7f\xb7\xb0\xe3\x83\x8b\x88\x08\x7fT\xaf\x8f\xe4\xcf7\xbb_\xc4X\x9b\xda\xb0\xdf\x81D\xe5\xbf=\x92\xb2\x06\xb3\xa2\xdf\xd5z\xab\xe3s\xa9R\xe96:\xa7\xdf\xfe\xcbJ\xaf\x01\xb1\x88x/D\xe6\x8f\xbd\t\x82\xb0\x07La\x88g\x03\xa0\x1eE\xf0\x95\xe9\xb2\x01\x08\xa3\xe5\x95D\xcf\x10/\xc4\xc76t\xf8\xd2\x83[w\x82M\xde\xfe/\xe6R \xd9\x90\xd0a\xb3\xbe\x96\xd3%\x97P\xa2z\x95`\x92\xb7\xf7\xc93\x16\r\x16\x8b\xfa\x87\xd2\x98\xc5\xaa\xfc\x0e\xdb8\x1a\xfb\nA\x10\x84\x04~\xcfYc\'\n\xb1/\\\xf5\x83%\x95\xe8\xd0!x\xcdh\x19\xda8\xb5\xf4\xb2\x01\xa8c\xc6\xc9\xf6B[\xaa\xbf~\xd5E\xb6\x85/\x89\x08L\xab\x86w\x84\x0e\xc3\xc2\xdeRia"\xfc\xb00\xc3\x86\x84\xcf2\xf7k\xe1\x08\x82P\x8a\xb3\xfa\xcfJ\xfcr\x08\x11b\xb9\xaf0\xb29\xca\xbe%\xed\xa5\xf9\xd9\x92\xef\xe9\x94\xe9\xc7\xba\xc6\x10\x96@Q\xa2\xadV\x07tB\xd4o\x94\xc9\xb6{n\xa9\x8d8\x8d\x85z\xc5\xb4q\xbb\x95O\xf8\x8e\xc7\x13A\x10\xeaaW\xff9A\xe4g\x92~\x82h\x1f\xb4X\xda\x98\x01DD\xb8H\xe0\x0fD\xd8\x0f\xad&amp;&gt;_\xc4\x86\x922\x1b80\x96\xa1\x8b\xb7\xca\xb0\xd3\xe5Z\xe4V\x92&gt;\x97\x9c~\x88?\n\xbf\xbb\xde#bt\xbfV`A\xc4W\xf7\x12\xafZQ\xa3F\xd7%g\t7.A\x80;\xd8r\xa7D\xc3c\xb0 \x08;\r\xc2-\xb6E\x7fiM#\xe7v!\xb2\x1f\xd3\xcf\xd5\x17Wt7\xa5\x14\xf3l\x00\xb4=a\x9a\xd9\xb9;\xc9Q\xb5&amp;i\x9e\x96\xb5r\xb3\xa9\x9fT\xfd72fe\x9c\xd6\xf7\xc6\xec\xb1yF\x85g\xa0W\xd2\xde\xfb\\\xef\xfe\xe0\xd5\xab\xd4*Xs.\xf9\xfc\x8a\x06\xc8\x9eNu&amp;\x98\x16N}\x96x\xafU\xaeB8\x8d\xb6\x85\xd6\xa2t\xab\x14#\x08B\xffP\xc2\r\xe3\xdd\xc9\xb5\xe4f\xfcy\xd3\xea\xed1z\xc9\x18\xa5\xd0\xaa\xd4\xcc\xcd\xef\x87\x92\x9d\xa4j\xb9\xe5\xb4a&gt;_\x91\xc1\xc4\xa0\x11A\xeb\x90&lt;\x9a\x19\xd5\xad[U\x8a\x90\xe0C8\x8b\xa1\xf4\x05\x95\xf2\x85\xb9\x83{B\x93\x825\xf9Q\xb7\xc2\x8d\xf1R\xb9\xa3\xad\xde\x1bg\xa936\x000\xee\xa2\xb7~~\x9d\xdaR6\x00\x82 L  \xc2k\xb4ZD\xa9]\xec\x82\x86%|\x94\x94&gt;\r\x18;\xfb\xa2f\x16f\x94\xe3\xf9\x0eL\xae\xa8\x10\x01\xee\x91\xa7\x8b\x1bu\xe6\xf0\xce\xc9$\x1b\xc2\xefn\x0f\xde\xdeE\xda\x00d\xda\xe0Z\x98\xc3\xbf\x93bJ5!},C\xe7P\xb6\xbe3\xd6\x1f\x08\x0fJ\x1b\xa0\x86\xbeJ\xd4bL\xd7T#\x8f\xc07.3W\xdf\x07p\x94\xeb\xf5\xc9\x92w\xb4\xb3\xc5\x8b\xb5p\xbc\x9b\xe7\xbd]J\x82\xb0\xa7\xfc\x19\xa1\xcd\xad\xf5\xcc\xb1\r\xd0f\x95\xd1\xfb\x06\x00\xe1\x7f\x98d\x1e\x88\x00\xf8\xa0\xcece/\xd5[[\x94^/T\x1a\xf6\xe3sea\x9eU-\xadH\xf7\x91\x16\xda&gt;\xf9p[R0\xc4W-4hQ\x10\xc08\xd9%\\\xc3\x1c\xa5y\xb1SI\nwN\x9a\xdb\xb5Q-\xf9\xef\x85m\x01\xd0\xed\x99^s\xef\xb5d\x03 \x08{\x02\x02\x9c\x8b\x1a1\xb5\xcc\xb1\xfd\xc1(\xfd\x95\xec\xd2e\x10\xe1,\x07\xaf;Hd\x92V\x89^\x07\x82\x13\xab\x06\xda\xfd\x04\x86p!j\x1f\xb5\x9a/\xb9B\xda\xed\xf9\xb3\xde\xae\x8ds&gt;1\xa0e\xd6\xd6Mp\x9d%%\xcbh8cc\xf7\xee\xb6\x0b\xed\xfbv\x85\xbd\x04\xae]_\x91\xab\x05A\xd8\x05\xe6\x83\x93x\xa8:+\xc2\xf3P-\xb9\xb6\xe1\xe3\x0b\xe3U\xfd\x1e/\x01\x00\xc0I\\\x19b\xf0\xc0\xaf\xba9p\xdaC\xcc\xbdh\xae\x902\x03\xce\x98\xaa\xbd|\xb6&lt;/\xf5\x10w&gt;\xe7\xeb\xa2\x16\x11\xcaQ\xee\xc4&amp;N\xbf\xfa\xf19G\xb8\xa3\xfa\xe7\xf9\x0e\x80\nPW\x1f\x02\x1c\xa6m\xbf\x17\xc64@\xdfk\xdd~\x11\x9b\x04AX\x96\x84s\x97!.+\x11\xed\xfcy\xe7\x07\xcb\x9d: \x1c\xae\xee\x01\xf2\xcc\xf8u\xf1IUK\xfa\xb9-\xbec\xa4\xfc\xc9\xdb\xb9%\xc3\xe63\xbd\xa4X\xd1t\x15\xaaR\xbf\xfa\xf7\xcd\xcc\xe0\x8cuU\xff%\x1b\x80\xaf\xe5^K\x11\x9f\xbc\xf7fZtD!&gt;\xf3\x10\xe0:\xe3\xbb\x1f\xb0b\x82\x84\x05A\xd8K\xfe\x84Z\xce\xf2\x85\x8c\xaf,\x12t\xb6\'\xa0S\x82\xd9v\xe4\xad\xdbg\x99\xc6\xc8~A\xf32\xd5-h\xd2\xfd\x91*\xc2\xf3\xf0\x93\xbd\x1b\xb9F\xc6\x9bf\x94i\x9c[\xb2\x07\xdf\xcaz\xf6CfB\x0eO\xdf\x95\n\xa9\xcd\x06 U\xb5\x16QO(L\r=\x95\xb3|\x8b\x8e.\x07\x01&gt;\xefy\x1d\xe6\xa7\xa4\xcc\xa4\xdf\x8b\xc7\x04Ah\x88]\xd1z\xb9\xbe\x12,\x8a\x9f\x9dh\x0f\xe2\xcd\xf4;\x18jw\\e\xbd\xf6\xfaV\xc4\xca\xaa\xff\x91\xbf\xf3\x9d\t\xad\xc4\xfe~I\xa8\xe9S\xa4\x06\x12s\xf6\x02D\x80\xbb%&gt;=rt\xba\x96\x1d\xe4\x83R$1`$\x17\xd4\xde\xd0\xa3n\x89\x96\xdd\x1c&amp;w@H\xfe\xa2\xd5\xf9rj\xd2\x17\x04awI&lt;\x06`80H\xd5\xc5\x14\x9e\xcc\xda]\x11~\x82\xf3PD\xb1\x13\x9d"V\x95i\x0cS\xb5=\x0c"\xc2\xd3\xf2\nJ\xa1\x1a\x88\xf0\xcd\x1a\x1e\xeel\xd4\x10\xe1W\x9d\x99d\xa3\x1d\x1c\x08Y\x981\xd3\xd8\x0cp=$\xb3c\x03\</t>
        </is>
      </c>
      <c r="E92" t="inlineStr">
        <is>
          <t>&lt;class 'numpy.ndarray'&gt;</t>
        </is>
      </c>
    </row>
    <row r="93">
      <c r="A93" s="1" t="n">
        <v>91</v>
      </c>
      <c r="B93" t="inlineStr">
        <is>
          <t>steps_per_sec</t>
        </is>
      </c>
      <c r="C93" t="n">
        <v>1100</v>
      </c>
      <c r="D93" t="inlineStr">
        <is>
          <t>2.497249</t>
        </is>
      </c>
      <c r="E93" t="inlineStr">
        <is>
          <t>&lt;class 'numpy.ndarray'&gt;</t>
        </is>
      </c>
    </row>
    <row r="94">
      <c r="A94" s="1" t="n">
        <v>92</v>
      </c>
      <c r="B94" t="inlineStr">
        <is>
          <t>Loss/RPNLoss/localization_loss</t>
        </is>
      </c>
      <c r="C94" t="n">
        <v>1100</v>
      </c>
      <c r="D94" t="inlineStr">
        <is>
          <t>0.2438773</t>
        </is>
      </c>
      <c r="E94" t="inlineStr">
        <is>
          <t>&lt;class 'numpy.ndarray'&gt;</t>
        </is>
      </c>
    </row>
    <row r="95">
      <c r="A95" s="1" t="n">
        <v>93</v>
      </c>
      <c r="B95" t="inlineStr">
        <is>
          <t>Loss/RPNLoss/objectness_loss</t>
        </is>
      </c>
      <c r="C95" t="n">
        <v>1100</v>
      </c>
      <c r="D95" t="inlineStr">
        <is>
          <t>0.019956969</t>
        </is>
      </c>
      <c r="E95" t="inlineStr">
        <is>
          <t>&lt;class 'numpy.ndarray'&gt;</t>
        </is>
      </c>
    </row>
    <row r="96">
      <c r="A96" s="1" t="n">
        <v>94</v>
      </c>
      <c r="B96" t="inlineStr">
        <is>
          <t>Loss/BoxClassifierLoss/localization_loss</t>
        </is>
      </c>
      <c r="C96" t="n">
        <v>1100</v>
      </c>
      <c r="D96" t="inlineStr">
        <is>
          <t>0.3233569</t>
        </is>
      </c>
      <c r="E96" t="inlineStr">
        <is>
          <t>&lt;class 'numpy.ndarray'&gt;</t>
        </is>
      </c>
    </row>
    <row r="97">
      <c r="A97" s="1" t="n">
        <v>95</v>
      </c>
      <c r="B97" t="inlineStr">
        <is>
          <t>Loss/BoxClassifierLoss/classification_loss</t>
        </is>
      </c>
      <c r="C97" t="n">
        <v>1100</v>
      </c>
      <c r="D97" t="inlineStr">
        <is>
          <t>0.16990343</t>
        </is>
      </c>
      <c r="E97" t="inlineStr">
        <is>
          <t>&lt;class 'numpy.ndarray'&gt;</t>
        </is>
      </c>
    </row>
    <row r="98">
      <c r="A98" s="1" t="n">
        <v>96</v>
      </c>
      <c r="B98" t="inlineStr">
        <is>
          <t>Loss/regularization_loss</t>
        </is>
      </c>
      <c r="C98" t="n">
        <v>1100</v>
      </c>
      <c r="D98" t="inlineStr">
        <is>
          <t>0.0</t>
        </is>
      </c>
      <c r="E98" t="inlineStr">
        <is>
          <t>&lt;class 'numpy.ndarray'&gt;</t>
        </is>
      </c>
    </row>
    <row r="99">
      <c r="A99" s="1" t="n">
        <v>97</v>
      </c>
      <c r="B99" t="inlineStr">
        <is>
          <t>Loss/total_loss</t>
        </is>
      </c>
      <c r="C99" t="n">
        <v>1100</v>
      </c>
      <c r="D99" t="inlineStr">
        <is>
          <t>0.75709456</t>
        </is>
      </c>
      <c r="E99" t="inlineStr">
        <is>
          <t>&lt;class 'numpy.ndarray'&gt;</t>
        </is>
      </c>
    </row>
    <row r="100">
      <c r="A100" s="1" t="n">
        <v>98</v>
      </c>
      <c r="B100" t="inlineStr">
        <is>
          <t>learning_rate</t>
        </is>
      </c>
      <c r="C100" t="n">
        <v>1100</v>
      </c>
      <c r="D100" t="inlineStr">
        <is>
          <t>0.02799985</t>
        </is>
      </c>
      <c r="E100" t="inlineStr">
        <is>
          <t>&lt;class 'numpy.ndarray'&gt;</t>
        </is>
      </c>
    </row>
    <row r="101">
      <c r="A101" s="1" t="n">
        <v>99</v>
      </c>
      <c r="B101" t="inlineStr">
        <is>
          <t>train_input_images</t>
        </is>
      </c>
      <c r="C101" t="n">
        <v>1100</v>
      </c>
      <c r="D101" t="inlineStr">
        <is>
          <t>[b'1024' b'1024'
 b'\x89PNG\r\n\x1a\n\x00\x00\x00\rIHDR\x00\x00\x04\x00\x00\x00\x04\x00\x08\x02\x00\x00\x00\xf0\x7f\xbc\xd4\x00\x00 \x00IDATx\x9c\xed\xbd{\xfc\x7f\xcfV\xd75\xf3\xf5\x8b\x88\\RQ@\x08\xf2\x10x\x81$\x0b=\x11A\x08\x82\x84\xb7\x83\n\x8a\x98aZ^\x0b\x91\x03\xa9\x19\x12\n\x9a\x9dP\x82\x10E%\xedx\xcbK\x99$\xd1A.\xc2\x03\xd1.\xdc\x04!\x8e\x81\xe0\x83\xa3\xd4\x91K\x90\x02\x01\xab?\xf6{\xef\xf7\xec\xbdg\xcf\x9e\xcb\x9a\x99\xb5f^\xcf\x07\xfc\xce\xe7\xfb\xf9\xec=\xb3f\xcd\x9a5k\xae\xdb\x18\x00\x8c!\xa2\xde"\x00\x00D\x00o\xb0@D^U\xcc\xa6\x1fr\xe8\x92o\xcccmD\xbaE\x8e$\x91t\x11XT\x95\xcd\xcc\x8b\xde\x02\x00\x11Xk{\x8b\x00\x00\x10\x01\xbc\xc1\xc6Y\x13D4\x9bz:\xd9\x03\xad\xb9\xef\xfey\xc6\xdab\t\x89\x0cS(\xdc^W%b\x97\x15\x19A&lt;h\x02\x11\x05\xda\x7f\xfd\xac\x01\x00\x00\xcc\xce\xcc\xdd\x01K\xd9gV\xa04J\xa6\xe1\xcbW\x84`\t\x00\x00\x00\x00\x00\x00\x94\x92\x14U\x97\xcc\xabb\x0f\x0f\x00\x00\x00\xc5\xa0\x0f\x03\xa0%\xe7\x16\x876\xc8\xc5\x1a\x94\xeb\xd0g\x97S%\xe0\x00\xce\x00\x00\x00&amp;\x05\x9b\xdd\xc1=\x88Q\x98X\xa3\xbd\x9d&gt;\xe5\xb4\xc1\xdbxTI\xb4z\xa3O\x19aww\x01\x801\x18\x00d#\xa0\t\x01\x00\x80\x17x\'6\xa0JF\xec\xf6\x1f\xa9\x04zv9c\x15/\xd6\xda[\t\x85\xc4-\x9b\x14\xc2U:&lt;\x18\x00d\x02\xc3\x05\x00H\x05\xde\t\x88\xc3Z\xeb\xb9VI\x12\xb6\xb8g\x17\x12a\x87\xe9\x1e\xbdt\x17\x00\x00\x00\x00\x00\x00\x00\x06\x1e\xbbk4\x8c\x01\xba\xa3b\xa44&lt;X\x01\x00\x00\x00\x00\x00(a\xdb\xd7\xd2U\n%`\x11@\x02\x18\x00\x00\x00\x00\xa8\xc0\xaf\x1aa\x92\x0fS\x95 \x06\xc7L\xa6\x08me\x1c&amp;\x96"\x06\x00\x00\x9c\x81o\x02\x93\x82\x8e\x19\xcc\xc3l\x91\xa8\x90\xf2*\xba\xf9T X\x01\x00\xa0\x16\xf1\x1eR\x883\x05\x00H\x00\xde`rz\x1b@T\xee\x12\xb6\xf1Xk\xb7%\x17\x0c\x06\x00\x00\xa2\x88\xf5G\xbd=&gt;\x00\xcc\xc0\xa4\'\xe0\xaf\xf5\x16\xe0\x1e\x9dv\xd8Sf\x8d\x1a\xc3$\x1a\x00\x00\x00 \x02\xf4\xc7c\x83\x90\xcb\x05\xda\x90\x00\xaa\x00\x00\x00\x00\x00\x004\x82\x7f\x00 \'\x96\xd5\xb3\xb5\x06\xc30\x00\x00\x00\x004\x031\xc7lT\xafq9\x81\xac\x1cInQ$*\x00\x00\x00\xa1L\xd8\x97LXd\x16\xc6\x98w\x1c\xa0\x08m\x18\xa3\xba\x01\x00\x00\x00\x00\xc0\x91\xf88o\x80p\x90Vz\x0b\x02\x00h\x04\xae\x01\x05\x00\x00\x00\xf2\x91p\x1fb\t[\xdc\xaf\xbc\x1c\x00\x80\x040\x00\x00\x00\x00\x00&lt;h\x8f\xec\xd3\x99\xa6\xbcB\xd6:\xbeO\x86\x18\x00\x00\x00\x00\x00`&amp;\x08_P\xea\x02\xf6\\\x81\xbe`\x05\x00\x00\x00\x00\x98\x94m\xfbO_1\x00\x00\x00\x00p\rf\x8c\x00\x00@?\x98\xfe\x07`,\xd0\xa4\x01\x00\x00\x000%\xd8Q\xa6\x05l\x01b\x860\xac\x07\x00\x00\x00@\x0ec\xc4\x0f\xd8Q\xa6\x00\x0c\x00\x00h\x04F\x86\x00\x00\x00\x82(\n\x9d\xfd=\xdarw\x16\x8e8\xcb\x07\x03\x00\x00\x1aa\xed;\xf7\x16\x01\x00\x00\x00`\xe1f\xac2\xdf-\xba\x00`\xec\x0b\xc00\xa0-\x03\x00@e\x105\xb5\x07+\x00U\xc0\xb0\x17\x80A\xb0\x98\xc6\x02\x00\x00/\x08\xd9\x01\x00\x00\x00`\x0cb\x02\x00\x00\x90\x0fV\x00\x00\x00\x000\x81e|\x00&amp;%\xe7\xf6O\xec\xfc\xe9\x08\x06\x00\x00\x00\x00\x98\x88\xdb1\x85.\x1f\x80\x91X\xc3\xf8\xd2\xed\x92\xf0\x0c\x00\xe8\x06m\x18\x00\xa0\x1c81\x00b)\xef\xf4\xc9\x81E$p\x0bV\x00\x00?zNM\xfe\xc4.\xb9\xc2\xc1i\x015\x05\x00\x00\xb7\x14v\xfa\xae\xa7\xd5\x13?\xa8\x07\x8a\x06\xa0)\x8f\x85R\xf88\x00\x00\xb8\x81\x10\xa5\xcc\x00\x06\x00]x\xd9[\x00\x00\xe6\x02\xde\r\x00\x00\x008\x83\xfe\xb1%\xd8\x02\x04\x00\x00\x00\x00\x81 \x1c\x04\xa0\x16\x18\x00\x00\xd0\x07\xec/W\x8e\xfe\xc3j\x9f\x9bsm_\x14D\xc6\x90\xd1\xae\x1f\x00@+,\xa6\xff\x01\x00\xd3\x80\xf0H%K\xdc\xaf&gt;\xfa\xaf\x0cn\xf3\x00\x00\x00\x00\x00\xe8\x00"0v\x92\xe2Z\xe8\x1f\x000&lt;D\xc7\xb5D\x8c\xffU\x80-@\x00\x8c\x8cD/,P$\x00\x00\x00YXk\xdc\xd3\x1a\x85\x9d\x0e\x06\x0f\xcd\xc0-@\x00\x0c\x8b\xcc-\x95\xb8\xd8\x0f\x00\x00\x06\xc2\xe3\xd1e\xf6&gt;\x00\x00 \x80\x0f\x1fm\x9ec\xb0\xe2x\x99\xa1\x8c\x00\x00\xd0\x0b\xac\x00\x00\x00F\xc6\xf9\xe69&lt;\x1d\x00`V\x10\xea\x81=\x88\xfe\x9b\x813\x00\x00\xf4\x05\xeb\xa4\x00\x80\x19\x916\xd3\x8b\xb9g\t`\xef\x10\x00`X*\xf41\x95\xfa-\xf4\x85O\x10\x19\x000:h\xe3U\x80\xf3\x94I\xdd\x15\x00\xd4:\xc8bd\xb3)h\x14\x81\x17\x13\xa6LR\x04\xc0L\xcc\x03\xb82\x00&amp;\x80\xc7\xe3\xc1]\x00\xe0\xb9\x1d\x16\x00\xd0\xb7{H\xca\x1dk\xe2\x00\x00\x90\x04|&amp;\x00h\x06\x004\xa0b+\xc3I\xe5[\xe0\xe5\x00\x00\x00\x00\x00\x00(\x05Q5\x00\x00\x00\x00\x00\x00\xdd\xb8\xda\x08\x84\rB\xa0\r03\x00\x00\xe0\x05\xd7\x80\xb2\x81`\x08\x0cI\xc0\xaa\xad\xc5\x8dm\xa0:\xf0\xab@\x080E\x00\x80\x07"2\xef\n\xef\xe0\x01NS!\xa82\x00\x00\x00;\xd0\x9b\x03\x00\xc0\xc8\xc0\xcb\x03\x00\x00pq&gt;`\x0f\x00\x00\xe9h\xf7 \xaa\x85\xbfc\xe0\xa2\x01\x00\x00($\xa7\x8f\x18\xba\xd3\x04\x00\xc4\xa3|\x00\x00\x00\x00\x00\x00Q\xe0\xc6j\x00\x00X\x80+\x04\x00\xcc\x0b\xd3LSgG\x8a\xf92\x00@W.|\x10|\x13\xe8K\xda\x8e\xb2\x9f\x00s\x05\x00\xc4\xb2\xb9\x17\xed;W\x01\x00\x80\x19\xf8D\xd0\x91G\xaf\x0c#\x04\x00T\x00\x1d\x1c\x00\x00\x00e\xa0\xeb\x02\x00\x00\x81`=\x01H\x00\x1f\x02\x03`L\xf0\x8d.\x00\x00\x10\x07B\x7f\x00\x160\x14\x06\x00\x00\x00\xc0\x1c$\xc7&lt;\x08\x93@\rD\xac\x00\xa8\x9e\xaaD\xb3\x04\x00\x00\x00@\x1cVu\xcc\x03\x00x\x80\xa19\x00\x004\x03\xfe\x16\x00`\xe0\n\x00\x00\x00\x00\x00\x00\x98\x07\xcc\xbd\x96#b\x0b\x10\x00\x00\x00\x00\x00\x00Y`0\x90\x0c\x06\x00\x00\x00\x002\t|\x87\x01St\xe3\x81\n\x05uxc\xc6;\xfb\x93\x148V\x91\x0cT\x06\x00\x00\x80\x9f%X\xc4y\xc7aX+\xd4 r\x00\x8cl\xa3J\xf8\x8a\xc6\xe8^\x01\xc0l\x04\x88\x07\xd6\x02@K\xac\xc5m\'\xe3\xe0\xf8O\xd4)`\xe4\xd9/g\xdc\x8e\xca-\xcc\\H\x18\x00\xf8\x97\x89i\xa5\xbd@`H\x10\x8b\x00\x00@\x1e\x8b\xff\x94\xe3E\x11\x1e\x8cB\x91E\xc1\x06Jx\xd9[\x00c\x8c\xf5\x9e\xdeX\x1cM\xb8v\xe58#\x00\x00\x00``Du\xb8\xa2\x84\x01\x11\x10\xef\xda\x11B\xffr$\x0c\x00B-\x19\x8d\x1c\x00\x00\x00\x00@)k\xb0N\xe1\x88\xee\xbb\xd3SF\x8885\x18\x05\x02\x00\x00\x00\x00\xc8\xe4vG7\x11\xe1\x1e\xcf\xf6H8\x030&amp;\xd8\xa1\x08\x00H\x01\xee\x02\x000#\xd6Z\x1c.\x07\x00\x000#\x98/\x00\x00\x0c\n\x9c\x1b\x00e D\x00\x00\x000\x06\xe8\xd1\x00\x00\x00\x00\x004\x81]\x8e\xa0\x10\xd8\x0f\x00\xa0\x14tEy@o\x00\x0cC\xe3\xb6\x0c\xd7\x01\xf4\x03\x1b\x06`\x04Zw~CD\xcf\x0f\xf9\xf5\x17\x04\x00\xd0\x148\r\x00\x00\x00\x9d\xe9\x12\x8b\x0f0\x00\x88\x97\x9f\xfb\x96.\xddz\x03\x00\x00\x00\x00\x00U\xd0\x1e^\x03/\xa8V\x00\x06\xe1\xd7\xa2-\xcf\x80\xc0Z\x16(\x12\x00\x00\x80kR\x97M0Z\x00\x00\x80\x8eHs\xc2\xd2\xe4\x01\x004\x02\x8d_;\xf1c\x80\x016Y\x01\x00X\x807\xe8\x07\xd4\x0e\xc0\x80\xa8\xfc\x12\xb0\x84n\xa0\x81\x0ck\x16\xfd\x0b\xcb\x8b\xb5\xf6\xf5)\x0fW\x14\x05\x00\xa0\x07\xf8\x82N@\xf1\x00\x0c\x08\x1a6\x00\x00\x00\xe9ls.\x98\x14\x00`B\x16\x0f\x80\xe6\xcf\x88\xca\x15\x00\x00\x00\x00\x13\x82\xee_\x18\xa3-P\x03\x99H\xd8\xf71\x1e/{\x0b\x00\xc0\x19\xc2\xda\x94\n0%\x03\x9a\x013\x13\t*\x05\x00\xadtm\xbd\xeb\x98nq\xecD\xc6\xae\xff "\xb8\xfb9AL\t\x00\x00\x00\x80\x05l\xff\xabD\xbb-@t\xe6\xf9\'\xe3\x0cE\xbe`\xf9\x8b\xfb\xf7fB\x82\xeeXk\xd1\xc8\x01\x00`zx\xbf&gt;\t\xb4bWz\x0b2\t_\xc6\xd9\xea&lt;\xa1\xbf\x7f \x10z\x85Q\x1e\x00\x80v\xe0\x13\x00\xa8\n:_\x00\xc6\xc6?\xa2b\xdc\x81\x13\xe3&gt;\xae\xf3\xda\xbd\x8d\xf1\x1f\x00\x00\x00\x00\xe4\x83\xed\xac\x19`\xfbwK\xfc[\x80jG\xff\xd6Zk_\x19\x91\xc0N\x0c\x7fj\x98\x9f\x00\xa0\x8c\x9f\x82F\x04\x00\x00\xdc \x96\x05\x92\xa9h\x9d\x81\xe8\xbf0)4*\x00\xb8\xc04\x15\xd0\x0cn\x0c\x1b\r"\xb2\xd6\xa0Zg\x05-\xba\x1d\xb5\x0e\x013F\xff\xe6\xb1bp\x9f8\xd0\x06\xea\x11\xe4\x00\x0f\x00\x8c1\xe6\xcb\x11+\x8c\xc6v5`g9@7P\xf5\xed\xa8\xa2\xeb\xeb\xe8\xbf(G7YLXj\x85\xc8\xa0\xee$\x81\xf96\xfd \x0e\x06\x00\x00\xd0\x9b\xd3\xed=[\xd4\xfeN\xbc\x89\x97\xa7\x06\x00\x00\x00Te\xc2\xde\n}4\x00\xf2a\x9e7:\xb7y\xf6\xa9z\xac\x03\x00\x00\x00\x00b\xc1\xba"\x00\xf2\xe1l\x9f\r\xa2\xffs&gt;\x18\x03\x00\x00\x00\x00\x00\x00\x10O\xbb/\x01\xf3\x11q7(\x00\x00\x00\x00\xc6\x05\xbd?\x00%\xf0\r\x00:6Ex\x01=\xc0e\x03\x00\xea1\xb0\x87\x19\xb8hy`\xfd\x1f\x80\x12\xd8\x06\x00\x1d=\x13u\xce\x1f\x00\x00\x80\x08\x06\x0e\n\x07.\x1a\x00\xa0=L\x03\x80\xaf\xf1\xc7\xdf\xdb-@\x8cW\xf7x\x13!\xc2\xec\x88\x0e\xbc}\x18\xea\x0e\x00\x00\x80lp\xb5\x11\x18\n\x9e\x19\x85p\xab\xb0\xd6d\x1f\xdbMjo\x98 Q\x0b.2\x07\x00\x00 \x1ctU`\x1c\xa4\x1c\x02\xde\x7f1`\xfb\x1dF\xdb\x93\x00\x97\n\x80\x02\xe0\x93\xc1\xdc\xa0\xab\x02\xe3\xd0b\x00\x10\xd9ex.\x11M\xcf*\xf9\r\x00\x00\x00q(Xd\xc5\x10%\x0b|\xba+\x0c\x94\xb3\x90j\'Dd\xfe8T\'\x94\x16[\x80\x8eYF\xf7!\x19M\x0e\xbb\x80\x00p!"4\n\x00\xb2\x98h\xbf\x07\x1cE\x00"\xfa c\xfe\x06\xf4\x93\x01\x91\x86i\x83I\xe92\x00\x88\xcd\x17\x03\x80Q\x98\xa8\x1f\x05\x00\x0c\xc0\xd2\xfb\xf4\xeaP\x10\x8e\x03\x00j\xd3\xe1\x0c@\x97\x954\xaco\xf6\x02\x8a\x07\x00\xd4f,/3RY\x00\x00By\xd1\xd1o^d]E\x1ek\xb18\x00\x00\x00\x12\x11\x18\xbe[k\xfbu\x19\x1d\xb3\x06@:\x02\xdd\x85Rz\xdd\x02\xb4M\x0b\xbf\xdf\xe9OO\xc7\xc7\xea\x03\xe1O\xfb\xd0\xb5\x1f\x05\x00L\xc1\x18N\x06\x91\r\x98\x10\x98}/:\x9c\x010\xc6Xk\xc3;,\xb3\rb\x8cn\x00\x00\x00\xc0t\xe0\xc4$\x98\x8f\xbc\x13/\xd7o\xe1\xcca,\xdd\x06\x00\x91\x89Yk\xe3\x93\x8f?^\x0c\x1a\x80sl\x00\x00\x00\x00h\x06\x02\x8fx\x9an\x01\xb2+&amp;\x14\xd4\x1f\xea\x8eR\xa6\xf5Q\xebB\xf8n\xdc\xc6\r\x00\x00\x00\x80\x96 \xfa\x8f\xa7\xdd\n@R\xad\xac\x1b\x84\xcc&amp;!{\x16\x00\xcc\nVH\x01\x00\x00\x80\xa9\xe1Y\x01\xb8\x8d\xbcS\xc3\x8du\xa1 \xe1=\x04\xff\x00\xdcBD\xb8c\x10\x00\x00R\x80\xd3\x04\x03\xf2\xb2Q&gt;w\xe1\xf96\xc1_0\x8b\x8f\x11\x00\x007`\x95\x0c\x08\xa4\xefW\xb7\x00;\xa3U(\x16M\xc1\x88\xb0\x9d\x01(i\xea\xfb\xed=9C\xedq\x1c\x8d*p{\x17\x00\x00\x803Cu\xca#\x95\xa5\'\xcf\x80!\xe1\xdb\xacD8RX\x89\x16+\x00\xf7\x1b\x84\x1e\x0f,\x9b\x13\xfc\x0f[,\xc2\x01\x00\xc0\x88\x0c\x15,\x02T(\xf0\x93e\x15\xb0\xa5j\xb0j\xf6b@W\xee\x0b\xc2#E\xdc\xfe\t\x00\x00\x00\x00\x00@$\xccq\xf3U\xa4\xce\xb7A\x889q-\xe0j[\x00\x00\xe0bT\x8fz\xee.\x87,&amp;\x00\xa0\x1c\xe6-@W\xdf\xed\xca\xf5\xb6d\xbe\x89C,\xe5`\xab=\x00\x0002VX\x1c\xea"8.\xd8\x00\x00\x0cH-\x8f\xe0\x9b\x87H\xcb\xae\xf2\xc5\xff8\xd5?\x1d\xa3\xce\xf9\x01\x00\xe6$unH\xbb\x03\x84\x0f\x07\x80\x91Z_\x02\xde\xbe\xf8\xbbA\xc46\x93m}\xe9\xa7\xa7\x01\xe6\x02=\x87r\xb0\x0e\x06\xba1\xc62\xac\xf6R\xfc\xbb\xbd\x05P\x8e\xee\xda\x07\xec4\x08\x89\x8e&gt;\'n)\xe0\xd2SYk\xcc\xe7\x1b\xf3\xc18\x1b\x0e\x80\x080-\x07\x86G\x9a\x91\x17\x86\xf2\xa2\xca\x02\x1a0\xda\x97\x19\x80.\xe8\xc4\xe1\xef\xdb\xf0\xf4\xfc\xe4\x15\xedK\x01\x00\x00\x00\xf4%\xd8\x15~\x0e\xbaNp\x00\x95\x0e\xceT\x1b\x0e\x12\xf9f\xe89\x8d\x10cY\x00\x04"m\xae\x14H\xc1\xdf)\x80d\xdc~\xf4\xaa\xad\xe1\xf6&lt;\x00@\x98\x0e.\x80e\x10\x00\xe7\x05\x80H\x96\xd6\x8d\xe6\t@\x15b\xa2\xff\xd3\x83\x1e\xd0\x87\x0209\xbek@+\xcf\xd3x\xfcN\xca\x98\x00n\x0b\x00\xc1T\xf9\xb4\x08Z=\x00\xc6\x18\x13\x1b\xfd\x1bc,\x0e}\x02\x00\x02\xf8n\x01j\xdf\xd7^\\\xe9c\xed\xe3\xff\x9c\xa7\x10\x07(\x00\xdb\r\x01\x0b0$\x00\\\xb6\xf6\xe0\xdd`\xbb\x1e\xa5{\xaf\xa62\x01\x00t"3\x9e\xc6%\xfd\x00\x00\xb3\x0c\x01\n\xbf#~\xff:\x11a\x91\x01h`\x1b\x12\x17^\xa6\xb7&amp;\x02\x9b\x07`^x\xbe\x03\xc0=Q\x07\xaf\x04\x00(\x86\xc8\xc4x\',-\x82\x08\x04\xacG\xb9\xd1\x7f\xc4\xd3\xdd\xe5\x05\xdc\x080B0\x0e/\rv\xd9\x02\x00\xaaQv)P\xe1\xe7\xfe\xec9\x08z\xb8\xbb\xbb\xfd\xd1\xf0\x87`O\xff\xbb\xad6[~,\x8b=V\xae\x0c\xa6\xcc\xe6\x81\xd7\x08qc\xdb\xe4\xbc0L{\xfe3\x06\xa6\x18\xcb\x02\x10f\x806R\xbb\x83\x89W\x91{\x03\xfa\xed;\xb81] ]\xab\xc3\n\x90a\x8f\xb5\xd6\x18"\x03C\x05y \xfa\x9f\x9ce\x0bP\x87\x15p\x8a\\\x9d\x07\x00\x80k\xc2\xbek\xbd9 ?BBt\x05\xe4rg\xfc\xcd\x04\x01\x00\xa8\x03\x0e\x02\x0002\x8c\xe1;"*\xd0\x95\xa7-o\xa6\xe8\x1c\x0b&gt;\x1a\'\xbe\x05vE@3\xd6\xf4\xb8\x08\x11\x80\x1e\xc0\xd0\x01\x00\xc3\x12\xea\xe9\xfd\x9b\xa7qq\n\x90\xca\xde6WS|\xfc\xf6`\x99\xce\xd1&gt;2\xe4\xdf\xf3\xc6b\xcc\xba\xf6\x91\xc7O\x07(*\x14\x00y\xf8&gt;\x04\x06\xc0TT\xfe\xf2\x1d\xe8\x85\xb7\xb3\xbf;4\xe9;8\xbcO\x13\xc7.A\x1f\x1c\xdb\xfcy\xeeo}\xc6h\x9f\x0f[c=W\x02q\xf9&lt;-\x81r\xeaJ\xe0\xb4-\x1d\xb7\xc2\xcc\x83\x94:\xd65\x8b\x00\x86\x02\x03\x80NTm\xf5\xe7\xfe&gt;zq?\xe6\xe2P#\xc7y\x82y8\x98\xe6\xb3\xf9\x10\x99\xa0Mz\x9aC\x0f\xa7\xb74\xf9\xc0\xb6\xa5z\xf9\xba\xff\\\xd7E\x8c+\xcc\x15\x88L*\x82o\xb0t\x85\xe7;\x00\xe5\xc0\x02@7\x12m\x8f\x1e_\xdc\x04\xda\x88\xad\xe8O\xb9}\x82\x08\xb7\xac\x83\x0e\\\x9a\xb0\xb5\xc1\x11i\xad\xe9\xff$\xceq\x7f\x9b\xe3\xf5\xbeQ\x93\xdd\xbe\xfea\xedzS@\xdc\xeb3Q\xbd\xe0K\x06\x13k\x18\x00\x00\xa6\xa4\x9e\xdf\xa7\x13\xf1\xaf\xfa\xdf\xf7QIx\x00\x02\xec-\xf0\xde\x08\xcfv\xfb\xeaN\xa6{h2m\x1aQ\x82\xba\xd0\xd2\x9b\x03\xf5\x02\x00\x00\xe0$\xa2\xff\xbe\x8e\x06\xe2\xa2\x7ft]\xa0\x0f\x7f\xfc`\x81\xbf\xf8\xfc\x88@\xa3=\xe7\xde@\x98\xd4RKS\xda\xa8@\xb1B\xb8\xba7\x00\x00\x00Tr\xeeTv&gt;m\xb7[\x9a\xde\x85\xcc\xdf7\xbb-\x11I}\x12\xbc%h\xcf\xc1D\xad\xf3\xff\xb7\xd6\xdb\xcbb\xe9b\xffOUy\x9cL\x1f\xff\x1b\xf9\xfc\x19\xb4tVh\xbd\xba\xca\xe00UG&lt;\x03\x00\xd3\xf5xP\xfb|\x01\x00#\xe1\x1b\x00\xac[{\x9e\xbf\tE!\xf1c\x00\xb8,\xd0\x05\x8f\x91G\xec\x07\xeah\xae\xed\x07\x00\xae\x8a\x1ew"\x1d\xf3z\xfa\x83\xf3+g\xd0\xd8Y!\x84\xfe\xdd\xd9\x1d\x02\xde\xce\xc4t\x12\x06\x00\x00\x8a\xf0F\xffD\xa7\x1d?_\xf3\x9c\x1a&lt;y&lt;\xacJ\x03\xe9x&gt;\xfb\x95\xfeJK\xec\xe9\xb0\xed\xcd\xd9[f\xc8x\x9c\xc3rr\xfa\xdb\xd1\xe4{\x808\xb3?-\xea\x00;\x8b\x00\x00\r\xb8\xd8\x1aa\xde\x86\xccw\xb8\xbf\x0f\xee\x07H\xdc\x02t\x99\x0e\x00m\x10\xbb\xed\xa7/\xfb\xfd?v\xfbU@\x1bX\x01\x00Sq\xd9\x05r\xdb\xfat\xcb=\xd8\xd1\x04@+\xe8j\x03\xf4\xf2%\xd4\xc3\xaf\xb7\xcd\x12\x9ei\xd4\xf4Ci\x9d\x9a\xf9t\x1e\x15\x18c\xb6\xeb\xeb\xef\x9f\x9b\xbe\x03z\x0e\x00\xcc\xa6\xb1\xf0\xd6\xf3\x9b\xd6?\xb9&gt;\xc1x\x1c\xbf\x03\xb0\x9d\xcb\xe6&gt;\x9d=W\xcb\xa9\xa3C\x00\x80\x87`;\xa3w?\xfdu\xfb\x85\xd2\x16\x8a\xcb3&amp;\xc6F\xde\xe1?{\xb4\xea\xb6\x10{\xfc\x9d\xb7\xf9\xa0M\x81\xd9xy\xf5\x87\xd9\xdd\x07\x00@\t!g\xf5\xae\xe6\xeb\xe2\x13\xfaT\x1d!\x00\x9c3\x00a\xc2-\x19\r\x08\x003\xdb\xc4|K\xb0\x02+\t\xec\x97\x98\x82\xe2\r&lt;?\x9d\xe8\x1b\xcaR\x00\x00\xf4gw\x05\x90y\x86\xfc\x81\x13\x898J\x01f\xe3\xb8\x05\xa8\nS\xaeX\xc3YH\x02u\x01\xaep]\xd37\xdaw\xef&amp;\x07\x00\x80\x0b\xb7\xff\xa5\xfd\xef\xf3\xa2\x7f\x00\xc6\xa3M`\xb4\x9d\xbcA\x1c\x06\x00\xa8Ed/n_\x18\xf3#\xce%AY\x89&lt;S\x83[\x03@\x1c\xbbv\xec4\xd2\xc7\xf9\xff\xf3\xa3\xb7\x1fR@K\xe7\xa2\xf2\xcd\x90X\xf0\x8f\xa5\xc9\n@\xdcW6\x00\x00\x80\x97\xe5\x9a\xff\xd3E\xff\xcbIJo\'\x01\x1f\x05\xc0\x00\\\x85\x80\xfe\x86o\x1f\x9e\xa2\xaaH\xc0\x98\xfaq \xc2\xccx\xda\x0c\x00\x1e\xa0y\x01\x00\x8e\xf09l\x9f\x83\xb1\x8f\xbf8\x84\xd3\xe0\x12F\x05\x98\x94\x01\xc0\xda_\xfe\xfc\xf1\xf2\x99\xb9&lt;C%\xe0pDQj\xd38\xea\n\x00\xc8\xe7\xee\xd3&lt;Y\xe9=\xc9Hy\xae-@D\xb8\x12\x05\x8c\xca\xee(p\x9c\x9d{\x9b\xbf\xee6.\nG\xbfu\xb4JD\xa8\xafXJW\x00\xa0h\x00@&gt;5\x1dHF\xda\xd3MP\xc1\x81\x839 \xa2\xc3\x06?_c\x9f\xac\xf9\xb7g\xfb\x0c{%\xcfC\x93\xad\xe1\x96\xd1t\x0b\xd0\x93O\x9f\xf1^ \x00\xc0\x99\x9a\x93\x08\xceM +\xc1\xe7\xe1\x94\x00\x18\x87\xc3\x86\xbf\xe5\xfb\x9c\xc6q\x05_F\xe4\xf8\x06\xbf{\xc0,\'/\x11\xfb0\x8bR\xc7\xa4F&lt;}4\xf5\xfcF\xf7\xc5E\x1c\x00pQ\xf9\xc2\x01 \x8b\xab-@\x8e\xcf9\x9e\x08^~}~7\x06\xd8\x15\x00\xf2\xc9\x9epD\x03\x07\x03\xd3g\x05\xc09\x8d\x87\xd6\x05\xeab\xdf\xa9\xb7\x04\xa0#\xce\\\xc3\xc5\xccS\xbe\x17Bl\x00\xc0\xa8XD\xff\x1b\xd8\xaf1(\xcf\x01\x00\x11\x99\xcfA5\x83\xe1\xf8\x87\xf0\xe2\x13q\xe8\xb3\xc9\x18\xf3\xe7i\xf9i?\x0bx\xf2u\xbf!\xc3\xfb\xc1\xb2\x00P@\xec\x1d`\x8f\x87\x1f\xb7\x82\xd6\x97K\x07d0\x06\x18\x9a\xb8\r\xb2\x00\x00 \x1d\xf2\xe1\xfe\xda\x18c\xccW\x04\x1e\x8e\xa1c\x01\x01\x00e\x04\xda\xf5\x87\xf7\x96M\x1c\xf0x\xa3\xb2\x8cq\t_\xea\x05\x00\x8cD\xb8\xc7Z\x0e\x1fewj\xd6`\x03\x10\x00c\xb0s\x15\x88\x82\xc0&lt;\xbc0\x8f\x9b\xa0\xf1\x11&lt;\x00\xc08\x84\x1d\x1a\x15\xaei\xc3[\x0e\x05f7g\xe6\xd9\x96\x11\x05\xe9\x03K\x13\x05\xbc00z0"X\xb2\x04\x95&lt;\x1b\x1c\xa66n\\\xc1\x9f\x84\xab\xd0\x06\xaf{_\x1a4\xda\xb5JPk\x05@w`@\xae\xef|\x1c\n\xc2\r\xa7\xb7p\x0f\x04\xa1m\x00\xfaR\xcb\xef\xe1\xab\xd8`2\xaa\\\x03\x8a\xc9Wa\x8cV\x1d0\xb0\r\xf4W7\xb0\xeenD\xf4?\x04t\xfa!\xe5e8\x1f\x01\xb0\xb7\xc4\xabS\xae\xa8n00\x9d\xbe\x04\x0c\x9a2B\xd4\xb29\xe2r\x8f&lt;\x8cO\xc7]u\xb1\x14\x8f\x02pJJ\x0e\x85\xedw{\x9b\x8e7\xc3F\x013\xe8N\xcb*@u\x83\x81\xc9\x1f\x00h\x8f\xa2\x1c\xf9u\x17d\x12\\G|\xeb\x93\x97\x87/|\xf7r\xa91*}:\xa2\xef\x01\xdf\xbf5[\x10 \xbei\x94\x8f\xe5\xb6\x1f\xe6\xaaY\x10\x04\xc6\x00@,\x08\xa1\x80R\x88H~\x94\x13\x06\xad\xaf6\x13_}=g\xa9]\xfe\xc0\xee_\xb5-aR3\x03\x00\x00\x00@\n\x13\xc7\xa6\x00T\x07\x8d\x0b\x00\x00\x00\x00Gd\xc4\x07\x12d\xf0#C?\x00\x14\x00\x1b\x06\xa0+\x98\xe7j\xc0\xcb\xd4\x17\x88\x08[\xe5\x00\xe8\x8d\xdc6\x08\xff\x00\x14\xb3\x06\x1d0bQLr\xb33X8\xdc\xf9\x81J\xafD\xf2!`\xd4\x04\x98\x1c4\x81\xd1yCo\x01@?\xda6n\xccq&amp;\x01\xdf[\x13\xa1\xa6\x88*\x07\xa2\x19\xe0P)\x00\x00\x80\xa6|\x1169\x0c\x83\xeez\x94f\x87\xb4\xd2[\x90\xc1\xc1\xe0\x8a\x01l\x8b\x02`Z\x0e\xbd\x14\\\x01\x88\x04\xdb\x1b\xc6`\x88z$A\xd1\xe0\xb6\r\xcf\x1aAR\x8d\x08&gt;\x04\xc6\x80\xb4\x96\x8fq3\x005 \x1f\xe7\x87z\x886\x16\xa3\xeb\x10\xb3\x9b\xfc\xfc\xd1n\xfa\x1c\xe2\x83\x12\x82\xe4_\xa3\xff7\x15%\xd5\x90@\xbf\x03\x82\x15\t\x00\xd8I\x8a\xd8\xd0\x00k\x93\xe2\xe5$\xcdn:\x0c1s\x0c\x00\xd0\n\\\x0fP\t\x069\xa01%S\xb6\xb0\xd5.,^B\xac\xaf\x10+\x18\x00`\x06\xb0\x05\x08\xa8\x84\xa5\xe3\xd4\xb5\n\xafKZ\xe0\x82-\x1f\xa90\xaaKl\x90-V0\x00J\x80\xbb\xd3\x02\x06\x00`R\x16\x0f\x05?\x05\xb2\xb1\xcb\xf6\xdf\xc3?\xaf\xf7\x03\xc3\xd8\xe2a\t\x8e\'\x8a\xb0aZ\xa0\x13\xdep\x7f\xa2\xa6\xa7\x19\x0c\x00\xc0\xa4l\x1eJKX\x06\x97\xda\x11O\x0f\xf7v\x8f[*\x9eQ\xbf3\x16\xb8\x1a\x07`n\x0cT\xa1\xcc9\xc0&amp;A\xe6M\xa6&gt;\xcbAW\x05\x00P\xc1\x12\x90i\x08\xcb\x10;\xf6\xe1m\x9e\x17\xfe\xe4\x9a\xca\xf1\xe2 \xd4#\x10\xc9$\x1e\x06\xe3p\x1d\xfcbTS]^\xf6\x16\xa0\x118n\x05.x\xae\x04\xf4\x95\xe3\x162\xe6G\xf7\x96A\x11\x1cM~\xd7\xfbX\xb3^L]\xecH\x84\xdeJs\x07\xaf\x17\x85O\x96\x87t\x1f\xb8\x01\xe3\x19\x1c\xc7\xf5\xa2\xae\xeb1\x8bZaC@5\xb81\xb0=n\xf8_\xf8I\x1a\xec\x91\x05@\x0e\x88\x07\xc4\xb3\x9f|Ae\xd5a\x96\x15\x00\x18\x10\x00\xa0\x008\x90A\xc0X\x1a\xa0\xf6\xc5\x83*j\xc1\xf0\x03\x00\xa5\x8b\xed\x00\xec\xc0G\xd1\x0fT\x9d\xc3;L\xd8\x97gs&gt;q\x8e9H\x00\x00\x00\x00\x00\x00\xba\xf3\x01?p8\xad[\x81}\xfajv]+\x04\xba\xd5H\xddZ\xc3\xf1_\x00\x00\x00\x07&gt;\xbb\xb7\x00\xa03\xcd\xee\xea\xc1\x8d@M\x90\xafX\xf9\x126\xe5\xd8\x00\xab\xa5\xcf\x9e\xf2!\x1f\xd4,P\xc1\xbck\xd0\xd8\t\nv\x10\x11\xecab\xbca\x81\x7f\xe7\x15\x11\xef\xb5\xeb\xb0\xbaY\xc1\x0e\xd53\xcb\xf7\x19\x8d\xa9\xd0.\xb6v\x87\x16\x07\x80\x99\xf6C`\xeeN\xdc\xbe\x92\x00)\x04\xbe\xe0\njBD\xc6|to)\xfcx\xddC\xa1\xcb8\xfb\x1cx!^\xb4\xe8S\x89\x98\x8d\xb1\xf5\xd4\xb2~\xb2\x0f~\x1e\x00c\xa6\x9d~\xd8_\xf07\xa9\x12\x00\x90\x80\x90\xb5\xb8\xab\xa8\xd1\x15\x8ck\x06\xd1w+\xa8\x99\xd6\x1b\xb3#\xc4\xa2n\xc1Ap/\x98\xa7\x0f\xa3\xc5\xbc\x81|&amp;]\x01\x00\x00\x08\xa1dN\xae\xc1\xa6\xde\xed\xa8\xee.\x97\x9fZ\x94\xe3\xb9\xb4\x98\x0c\xe6B\xcb\xf4\xbfA\x0c\x17$K9j\xaa\x1e\x00\t\xcc\xeb\x800\xfb\x02\x80v\x1e\x93a\xa6\xf4\xf3\xbc\xa9Q#\xfb\n\x80\xe1(\x050\x98?\x06\x00\x8082W\x00\x14\xcd\xb2\\\x81\xeeaD\xd4\x9b%H\xe2\xb1z \xbc-\xc7\xadQ\xe4\xd9\xae^W\xdc\xe42\x96\x01\x90s]\xac\x04\x19fBm\xd3\x06Z\xc0\x16 0\x12\xb2\x03\xc1t\xf4\x86wI\x0c|9\xf7\xa1`\xec%U:\x91\xd1\xa0\xba{\x19\x14w\xd1\xac\x91\x12\n\xaa\xb44\xc5\xe8l\xda@\x11e\x16V|\x1d\x1e\x00`nv\xf1R\xafp\xb6\xda\x16\xa0g\xc2\xf6n\x06\x15\xe7\x80\x19a&lt;(\x893\x97\x00\x80!)[\x01\x80O\x04\x00\x14 cj\xb3\x16n\xe9"\n:\x91;\xad\xbd\x02\xc0u\xdb\xe3\xa8\x0bS\x00\x00\x80-@@\x04\xe8h\xe7D\xe3\xb5\xdc\xf1\xd3\xff\x89\tO\xd4\x04\xb4T\xba\x0e)\x01\x00 \x1d\x0c\x00@g\x06\xde\xff\r\x92(\n\n[YQ\xc5\xc8\x15\x8d\x80\x03\xe6#\xb3\xd8\x98\x95\x05\\:\x00\xf2\x81g\x03\x9d\xc1}\xac\xa0;\x91\xf1J\xeaM\x9d\x8do\x17\x05@\x02p\xe9\x00\xa8\x00+\x00\xa03\xe8*@w\xc2F\xb8\\4\xfaKL\xddSOh\x083@D5\x0e\xbe\x88\x9aq\x87%\x03\xa0\x024T\xd0\x1a"\xc2\xba:\x90F \x84r\x02\x1aJ\xb4\xdb\x84\xc0\x0ca\xd3\x0c\xe0N\xa1\x96\xa0\xaf\x01 \x00V\x00@\x17\xe0\x91\x81F\xfcv{\x1d\xe6\xc3\xce\xc7\xa1\xf0t\xc16\xf7\x8f\xe8\xbf\x19\xd6Z\xb4A\x00\xae`\x18\x00\x88Z|\xbc\x02\'M\x01\x00\x19\xc4\x84k\xd6\x1a\x9c\xe1\xedN=\x0f\xbfu\x1f%9Xk\x8d\x95\x1a\xfd\x7f\xc9\xb9\x7f\xfc\xee.\x82\x80&gt; @\x9a\x12\x91\xce\xa8\x02\x8f\x85W3\xf7\xb7\x0b\x04|\xb8\r+\xe0@*\x9e\x1e\x90\xc3Pc;\xd6\x8e\x8db\x88S\x9b\x0f=\xd7(\x88[\x85\xfa\x15ud+\x9d[4\xef/\xc1\xa8\xa0_\x9e\x93\x97\xbd\x05h\x04,\xdb\x98\xb9\x07?\x00\xdcp\xfcV\xef\xfbp$\xaabZm\x08\xc7p\xfb\xa9\xe5L&amp;\x89\xfe\xbd\xbf\x1c\xaf\xbc\xc0\x0b*\x1a\x00P\x1d\xe6[\xba\xc7CE\xc08:\xb4\xc2\x98T\x98\xf2\x8c@\x05\xc6\xaf\x97\xffa\xb3@\xc7\x08\x1d\xb3\x1c_\x03@)\xf0\x9c\xe5`\xd8\x07\x00\x00;\xf6\x93\xbe\xa6\xd0O\xde\xf6R\xb8\xa8\x04\xf4\xe3\xb4u\xea\xdd\x88\xbe\xfe\xf1#,\x13\xc8\x04\x8bT,\xe0\x16 \x00\x00\xd8\xe1v)D\r\x96\xad\xd0\x87\x89\xe4=f\x98_\xb4\xf6\xb0\xfb\xff\xebw\x7fm.\x0f\x98\x8d\xfcV\x86\xe0\xbf\x10\xe8\x0f\x00\x00\x8e\x1c\xa6\xed\xb3\xe6\x99\xc8\x901\xd6\x86W\x000\xc9*\x17\x01\xb7&amp;\xb4\x07s\xab\xe0\x8c\xa8{\x02pd\x99\x0b\xac\x00\x80\xaa\xcc0\x85\x06\x06\xc4\xed\\\xac\xc98\x9bAD\x91\xd6\x8fn,\x9a\xc6[~\x9bG\x18\x12\xf64/q\x15\xa2+ \x19\xd8\'\x0b\x18\x00$CD\xc6|\xfd\xfds\xa0\xd1\xf6\t\x00j`7V\x0bN0\xe3-\x90\x0b~`\x18\xddX"\x13\xa8K\xce\x18\x00\x80\rQ&amp;!J\x18\xd5@\x8f\xc9`\x85T\x15\x04#\x07\xe5\xecZ}\xd4\xce\x90\x9b@N\xfe\xce\x9f\xb1\xaf\xbf\xacM\xde\x96\t\xecm\x00\x004\x03+\x00`l\xd0\x95\x02\x06\xb6\x98\xecq9\xa2\'\xba\xdf\xddI\x171\x8d+\xdd2\xdf\xc2\x18k\x7fjo)T"a\x16\x1f\x80T`\xb7\xb3!\xbd\x13\x12\x08V\x00@\x189\xe7\xa5\xe4H2\x04d\xd6\xc8~Y\x07X\x1cA\xc6\x07\xa8P)c\x93=\x91_\xb6\x02\xf0\xed\xc6\xbcC\xd6\x8b\x00\x80\x19A?\x94\x01\x11\xa1\x0b\xd7\x81\x96\x08X\x8b\x9c\xc0!s\xbe\x0c\x15\xad\n5{\x08\xb1}\x08\xcc\xc5\x94\x97t\xf1\x02\xf5\x01\x01L\xdf\x921\x00\xd0\x08\x11-\'\x02\xbc\x1c\xfe\x84\xfaUGnH\xadf\xcc\x00f\x00\x9d\x0b\x00\x00\xb0\xc1\xbeW\x12\x9b/\x95C\x8f\x0f\xd3\xa3\x1e\xc5S\xb9\x8e\xb6C"\x99\xb9\x10\x0c\t\xb0\x02[\x02\x80\r4\'\x10\xd8\xf5\xdd\xbf\xffF\xf4\xd0\r\xa8]:M\xdaf\x91\x07 \x07^\xb1"so\x9f);\x18A9@\x0f\x000\x01\xcf\xe2\x92\xaa\x8a1U\xb7/T\xff\x01\x00\x00\xa07\xf9\x1e\xa0k\xf4\x0f\xc7\x05\x00\x00\x1e\xe0\x1f#\xb9\xd2\xd2\x14\xda;\x1aI\x83"O\xa0U1L\xe8\x04f+/\x00z@\xdb\x04C0Y73pa/#\xa4\xc9\xaa\x18\x0c\xc8b\xc3}-\xb9\xf1 \x04\xcd\x16\x00\x00\xc0\\\xd4\xeb\xf9\xd0\xa7\x8e\njvZ&amp;\\\x1c\x00\x00\x00\xa0\x94\xf1\xbf\x04\xfcv\x05]2.\xcf\x02\xa9Xk\x11\x05N\x08*\x1d\x00\x00\x00\x00`8\x10\xe1\x81k\xc2\xd3\xff\x18\x1e\x80\xb1\x81\x85\x03\x00\xfa\x83\x85xP\x01\x18\x15\x08\xb1\xdc\xfe\xde[\n\x00\x00\x00`V\x84\x0c\x00xe\x90P"\xa0\x11XN+\xa0\xe7\x10B\xdc2\x88\x00\xd5\x04\x14\x02\x0f\x03\x16$\xd8\x01\x8b\x0c\xcfD\x04\x94\x08\x00\x00\xc0\xd8H\xe8=\x01\x00\xa0\x1f\x18M\x02\x00\x00\x00@\x10\x08K\x80J\xb4\x19\xee\xe9\x0b\xaf\xbd\x04\x01C\xe2\xdd\x14\x013\x03\x00\x00\x00\x00\x90\x02\xf6\xb0\x02\x00\n\x81\x0f\x01\x00T\x05N\x06\x88E\xb1i\x96\xb5+\xd6#\x01\x00\x80~\xcc;\x1d0g\xa9\x01\xd0\xc3\x84\xaei\xc2"\xb3\xd0\xfaC`\x13W\x13\xc37\xc5\xf0a2\x8d\x88\xba \x12\x8e\xb2\x9c\x99u8o\xc9\x01P\xc2la\xc2\xe2\x90\xe7\x9d\x94)\xa0\xf5\x00@u\x08\xabZx\xd0\x15A\x96#\xd8K\x8a\x15,\x827k#\xfc#\x17\xc1\x958\x14\xd0\xb3\x97U-o\xd9Y\x0e\xe0GPw\x03@&lt;\xf0\xb6\xd3!j\x82|xh\xa5\xb7 \x1edJu\xa6\xab\x0e\x9f\x03\x00-\xea2e5\xab\xab\xa4S\x81z\x01\x12 \x87\xde\xb2(\xa3\xf5\n\xc0\x1d\x93\x8e\\\xa77\xdcI\xeb\xbd=v\xa5\xb7 \xea\xe9\xa4C\xad\x157\xbd\x8b\x03\x00\x00\x00\x0e`\xfc\xca\r4\tj\xd2\xbf\xa9v\x17 \x15u\x02\x83\x81\x815\x0e\x06"\xa8&lt;\xa4\xad\x00\xe8\xa3\xdc\xe6.\xdf\xefa\xd0c4\xa1\x89g\xb8\xdf\xb6\xb7\x003\xd0\x7f\t\xa5\xbb\x00\xa9\xa8\x13X\x0e\xd8$\xc9\x0e\xac\xb1\x1f\xb0d\xa0\x1c7J\xbe\x8a\x98\x89\xe8u)\xc1\xf4\xd5\xf8u\x8c\x88\x1c\xb4\x01\xd6\x02&amp;dl\xb3\'\xa2\x99\xaf\xcf\x03\xe0\x16\xac\x00\x80&gt;\x04\x06\x00\\\xe9\xc3\xac\x01\x90\x03:\x9b\x18\xa0\x9fhn\x14\x05M\x02\x10\x06\x0e\x19\xf4\xa1\xb6\xd99\xd1\x06\xec\x1b\x00\x11\xa0\xb3\x01\x00\x00\xa0\x1a\x9c\x01(\xa4z\x1c`\xad\xfd\xc4%\xa7\tB\x0e\xc4U@\x05\xd8C\x0c&amp;A\xa3O\xd6(s\x04\x8fI@\xccv_\x01\xcd\xa4\x82nL\rD4n\xd8A\xc6X\xb7\xe9\x8e[R\x89\x0cmZ\x00\xb4\x83\x88\xac5\xe8X{C#V\xc1.\xb8\x85\xc7&gt;\xb3(\x08\x9a\x01\x9a\xc0\xb0\xd5\x05\x9b\x9d\x00\x00\x00\x00/\x88\x16\xae@(\x05\x00\x18\x9fJn\x0e\xde\xb3\x1e\x85\x9d\xd3\xabQ5\xa3#\xb0\xf5\t\x14\xc9\x18\x83\x19\xa2iA\x88\x0f\xc0\xe0p\xb7\xf0\x01\xfd\x05\x06\x00\xea(\xec\xba\xb02&amp;\xe1\xfbk\x00\x80\x8e`\x00\xc0\x0b\x0e\x01\x03\x99$\x7fB\xe1\xearF"5qm\xbc\x9c\x95\xb69\x0e\xb9{RN\xed\x17\xabW_\xed0v\xd8%\xa3\'\x16\x01\x142m\xc1\xc1\x98\xd8A;\xa9^d\xa8r\xc8\xe35@\x10Dd\x8d1\x11\xed\xdc\x1b[\x8c\xee \xd0\x00\xd3\xc0\x11\xe7\x8e@\xf9\x00\x00 \x93\xd0\n\x80/\xbaB\xf0\xc1O\xde$\x99\x9cyMv\xac\xb5\xd9\xd1\xff\xf0\xd4_\xd0\x18M\xab\x08@;"C\xf9\xa3\x994\x003\xf0\x9a)\xbbx\x19`\xafU+\xf2\xf4&lt;y\xed\xd0\x05\xbd\xe5\xaa\xce\x0ce\x04\x00\x000!N\x07\x17\xd5\xa1\x7f\xdd4]?(\x05V2\x0csF\xff\xaaA\x05\x01\x00\x00\xb8\xe2\xfd\x9fW\x1dd\x1e\x02\xac$\x18\x00\x93\xd3\xa2i%\xb5\xe1S\xf4\x8f\xc6\xdf\x8eTW\xfbs\xe1\x9d\x85\x81\xfe\x12\x80\xc1\xf9\x13\xb4\xce\xa3\x8f\xdc\xd21\x0f\x08@]X\xda\xd5\x96\xc89\xb5\xe57\x19\x03\x80\x0c\xd7&amp;\xd3G\xc8\x94\xea\x82v\xa7V\x88\xc8\xa4\xdb\x06\xb8\x05\xfd%\x00c\xd3\xb2\x8dwt&amp;\x88\xfe\x01?0&amp;.\xf6q\xff\xa7x\x1b*\xda\xb0\xfc\xe2;\xb2u\x10R\xb2f\x94\x02\x95\x02\x00\x00\x00\xe3 \xaf_\xdf\xc9\x13\x88t\x85G\xc0\\\\\x95Qx\xf1\xfb\xca&amp;Y3\xaa\x81b\x0f\x08o\x86\x00h\x87\xb7}\r\xbf\xc7\xa9\x1e\x12\xeeh\x03s\xb15~\x19W\x04\xb6\x83\x88\xac\xb5\xd3\x16\x1f\x08d\xb1\xc6\xa1M\x11WW\x030,\xe8OK\xc0\x97\x80ASTM\xad}2or\xf0P@\x1a\xd6\xda\x81\xcd\xb2\xbe\xb7y\xf7\xca\xe9\x03yh\xea\xc2\xd2P\xd5;\x03\x90\x02\x8c[\x02X^\xcf&gt;\xbb\xcc+\x83A\x8b\x00\x00\x00\xa0\xe1\x04\xda\x15z%\x97\xc0,+\x00\x93D&lt;\xc2[\xc2\x04\xfb\r\xeeY\xe7\\\xbb)a\xb3\x90\xbf\xd6K\x02\xd0\x04\xc9\xae\xa0\x06\xb3\x95\x17\x00\x16T\xef\xa2Yd\xd6(9h\x87\xf0\xc8\x98\x111\xc5\xe49\xe3\xdb\xbe\xe2\xc4(\x10\x00\x00\x00\xa8K\xf7\x15\xe9\x12\xe6\t\xedj0\xcb\n\xc0&lt;\x03D!%\xbdj\x92\xa9{f\xd9s#\x12v\x00\x00 \x00IDAT\x8b\x03g\x01\x00\x00\x00,\xf4]\x91^\xc9\xfdJ\x8c\x98\x98G;\x18H\xf1QE\x93\xfe\x8fg\x99\xd6\x83\xe0\xfb\x8c\x02\xf2\xe4\xc9\xe9I0\xb7\xbc\x980\x00\xe0\xcc\xa3]Tn\x1ac\xb7&gt;\xd53\xa9\xa32\xb6\xc9\x85\xd1Sv-r\x8e\x8b\x1e[Q@\rM\xae\xbd\x0b=\xff\x8d\xfa\x02E\x0co?\x83\x17\x90\xd1\x03\xb4\x19\x00xr,N\x86A\x14&amp;\xd0\x87\xca\xe3\xe3DYHcp@\x16\xc4\x02+Q\x81\xdb\x9eQe\xa0\x84\n\xf6\xe3\xff\xc03w.\x80\x19\'PP7\x00\x90\x82/\xd8j]\xba\x91\xf4Y\x8e`m4\x12\x0c\x03\x00\x10\xe6\x85\xc1&gt;\xaa(\xa44!\xf7\xde\xee@\x95In\xf6%\x82\xb9\xef\x8a-\xa0&amp;\xfe\x1f^\x1d\x8a\xf5!r\x9b\x83\x046\xaf\xd2XI#u:\xe7\xb24S&amp;l\xdb\xcbH\xd65!\x92c\x18\x00\x84#\xb4\xf1p\xcdI\xec\x13\x91XR\x17\xb1u\xd1[\x84F`sv\x1c\x98/d\xa5\xed\xb9,T\x1c8\xa0|\x05\xe0\x9f\xf6\x16`|0D\x06\x8d8\xb8!wz\x86\x88Jfk\xa6]\xc2*\xd4\x1b\x00\x07Z6\xa5i\x9b-h\x00|\xa3\xd9\x9a\x981fzU\x00//{\x0b0\x18\x841U\x18\xdfB\xf9c\xfa\n\xfe:\x03\xe8\r0\x02[\x02\xbd\xe0ue\xb0d#K\t\x08\x8d$2\xcbw\x00Z\xa1\xc5\xc4;,\x0b\xba\xa7\x17\x00\x00JQ\xbe\xaf`L.\xaaCM\x1d\xc1\x9c\xe4\xf0\xdfWi\xdd\xe8\xfa\x01\x1b\xb4\xfe\x97\xd0\x1be\xc0\xaf\xb1\xb2s\xbd}kP\xb5\xfd\xe8\x95\x1chFq\x93\x19\x12\xf2^\xe1\xfa\xe7\xf4\xd4\x11\xccI\x0c\xaa;D0\x19\xe4\x8e\x01`\xb5*\xb9\xf58\x7f\xb9\xa6?\x82\xbf\x03@"\xe5\xadr\x94v}\xeb\xa0\xe0\xc1\x00\x00c\xf2\x07\xeeB4\xda\r\x03F\x83\xb7t\xa3j\xa9\x04\xe8\x04\x00i\x947\xc9\xdc\x14:\xdc\xdf\x7f\xdb\xc1\xdd\xa6\x11\xf1\x1b\x00\x00PE\xcc\xd4\xfe&gt;D\x16\xed\xf8\xb63\xaf\xe1\x87\x0e\xafp\r\x00\xc6\x1e)\x95\x10\xa9\x10\xa8\x0e\x80\xb1\xe9\xd2\xc0\x9f\x8e\x85o\xa2\xa7&lt;\x11\xd0\x91\x8fE\r\x82\xcaH?\x99AwW\xc5y\xdd\x9c\x84\xc3\xa6tq\xa7\xc1\xf2\xfb\xab\xbf\x06R[~(,\xda\xad&gt;A\x80\xc1\xb4\x97j\x84`c\x12\xd5\xf9\x0c~\xf6\xdb&lt;j:\x81]o\x96\xd1M\x00\x00@&lt;\xa2o\x01\xa2\xd3Dx\xf8\x01Q\\\xf9\xed\xc5\xa1\xa7\xba\xf5a\xba\x81\xf0\x0c\xba\xe4\n5\xb8\xc8\x08\xacLb\x06&gt;\x83\xd7Up6\x7fBD\xe6O\xd4\xf6N\xf64\xd6\xea\x89po\xcc\x0b\x96v\xc1\x84\x88\xf6\xe6\x17\xb3\xfbf\x13;\xd0b+\xf4\xd0D4K\xc7_\x8f\xf0\xfc\xd9`S\xec\x00\x80\x8e\x10\x91\xdb_\xc4\xbf\x17xe\x12\x1f\x85\xc5\x07\x00\x86gY\x01P3\xf0\xb5\xd6s\xafC\x1b7\x85\xd9\x01\x16\xc2\x93\xe8\xdd\xa7\xd81\x0f\x94\x08t\x05\xe4b\xadM\x8d\xfe\xd7sdw\x86\xdd\xdbK\x90\xf7\xde\xcf\xc8\x17#@\xf4\xaf\x17ta \x92e\x00\x90\xb3\x19\xbd\x0b\x87\xcc\x97h\xb1\x8dD\xddcS\xd3[\xf93 \xa1\x96E\xf2\x8b/~\xaf^W\x18\xf2\x01\x0f\xc1I\n#c\xe0{\x7f1\x90\xd4\x03r\xa0&amp;_q[\xc5\xcd\x9d\x9e\x84\xe6\x02&lt;\x88\xf6\x05W6\xbal\xa2\xbfy\x86\xdb\xcde/\x89\xde\xbfH\x14\xb3\x8a\xf1\x82\xe8\x87\x8d1\xf0\xe0\x00\x00P\x07\xa5[_\xbcb+-\x0b\xa8\xcf\xecG\xf9\xc1\x82\xe8C\xc0.;?\xe6\xfc\xa3\x99\x15g{R\xfb\xf9\xf7I\xc7\xa4\xf3#\xd6N3?\xfdY\xbd\x05\x10\x8a3s\x839\x15\x00\xf8Q\xea`\xe3\xc5\xc6\x92\xd7\x9c\xec+]\xa5\x91\x83a\xb9rI\xfbK\xeb=\xcf\xd055\xe5\x05\xf9\x0cS5\x14\xf3I\x07\xee\x1c\x87\xd1\x1e\x00\xa0\x07_\x08\x1f2#m+=\xb7\xab\xba\xff\xdek\xb6H\xe0\x8c\xfc\x81\xe0\xedZ\x15\x19c\xb1\xd9q*\x84,m\xbbV\'A\x9eH6\xedMr\x9fIM\xf8o\x06\x13b\xdb\x00\x80Q\x18d\xc3\x0f\xd7\xd7\x90\xc0\x86\xf4-@\xcb\x1c\xeb\xe9\x97\x8f\x9b\x1a\x8c1W\x96\r\x13\x19x\xac,\xa4r\xbb\xec\xc8*\x9c\x059\xacZ\x08\xd1\xa4Z\xf8\r\x005\x02\x00`e\x10\x97\x02\xd7\xc8\x8e\x02\x8dF\xccS\x1e#\xa2J\x9d\xa8\xa2\xc99\xaf\xd2\x86\x0e\xfb\x06\x99\xe4\xb8E\x91\x11\x02P\x93Y\x9a&lt;\xe8EUg\x8b\x05\xd8T\x86\x0e`\xfa\x10X\x01\x90\xb5\xdd* L\x9b\xe8\xffV\x8c\xc8\xf7\xab$\x1bG\x97\xe9\xeaV\x19\xe5=}\xf3\x9a\xa8&amp;\xb0\x00\xdf\x07\\~\xbb&lt;\x13mC\xc4M\xfd\xa1.L`\xd3\x06\xd2\xa8\xedl\xe1\xcb\x93\xb0Y_\xf5\x03\x01\xf4(su\xd8\x8b\r4\xbb\xfd\xd3\'Bf.\x81-\xe3\x913\rIs\x06W\x17\xc3y\x05`\xcc\xf7\xf0^y\x8d&lt;r7\xfc\xfe\xf2V\xed\x98n\x07@&amp;\xe1\xb6y\xeb\xe8&amp;i\xda\x98f\x06\xa3\x02\xdb.G\xfa\x19\x80\'\xcf\x8b\xff/\xbfo"\xdc\x14\xca\xc4K\x9e\xaf\xba\xcb.6\xc1\x82\xa92\x86\x1a\xd9rO\x15"f\xaf\xbcp\x83\x01`\x18\xd8g\xdc\x03\x91\xfd\xe6-\x82\xcf\x8c\x89\xb7h\xda\xcb\x8b\xeb_\xc0\x81g`\xe0\xb4w\x90\xca\x0bEM\xcb\xba|\xec\xf6\xcbv\xa1\x7fy&amp;\x9b\xf8\xe7\xdf\x87_\xe4\xaa"\'\xa3\xc8\xc2\x14\x9d7\xbd\xb4\xae_\x18\x9b\xec&amp;\xaf\xb5\xffv\xb6$b\xd1\xd2\xf4\x00(\xa4\xd9`\xdbZ\xbb9Z\xef\x03\xa2\xf6\x05U\x1a\x17\x1d\xa2"Lt\x80!Y\x9b9\xec;\x97%D{[\x04"7&lt;\x87\x9b\x85.\xbb$\x85.\xa3\xb5\xecL\xcf\x03\x80\xed\n\x9a\xea\xa5\x08\x8c=\xb8s*z\x19\xed\x0e\x80\x86\x84f%\xc4\xcc&amp;\x96\xbb\x85\xad\x8c\x8a&amp;\xf8\x00\x88\x07V\xcd\xc2c\x0b\xd0?\xee+\x85\x02\x9co\x0fsL\xa7\x14\x0e\x03\xca\x05H\x82q\xf6\xae\\\xf8\x7f\x10\x93\xc2\xf5W\x93\xcf\x03\x922\x8a4\x83=H\x00\xb4\xc4\xdem\x16\x95\x10W\xf0\xba\x05\xf8\x180\x1e\xe8:\x81\t\xcd\xd6|\x8b\xe7\xeb\x01ue\x89\xe69\x0b\x95(\x129T\x92\x8d\x11\xef\n\x80\xfb\x9b\x8e\x05\xa9\x9d\xb5\x8a\n\x02\xec\xa0\xdeU\xa3\xc5\xb5\xde2F)\x80L\x86i&amp;@\xcf!\xe0\x13\x7f,l\x84?e\xff\xcf\xfd\xf7\x8f\xfa\xb2MA\xa5J\xd3x\xf1\xa1F;\xffi\xbe\x1b\x90Jr\xc9~\xb7\xea\x04B\xe5\xf9\t\x11f\x0c\xae\xf9\x90\xde\x02\x80\xc6\xc8j\x92\x98\x1f\x05\x00\xa8\xa4B\xdc)t\xe2&lt;C\x1e\xa6\x82D\xbe\xcep\xda!$\xeaiq /\x97l\xd92^\x04S\x01;\x01\x0e~cx\x95\xc8\xce\x05D\x92\xb1\x14\x9f\x9c\xbe\xb0\xf1aw\xd0^@\x11I\xd6CD\xef=\x8a\xb55\x1b\xc9\x94g!s\xd0\xa5\x03(\r\x00Y\xbc\x02\x0emHj\x0f\x00\xc0\x89\x0fA#\x02 \x13-\x03\x80G*\xe82\x01\x00C\x00o\x06@\x184\x10\x00\xc0\x93A&lt;B\xbf\xf3\xca&amp;Z\x87\x93\x07(3\x97\x1dlL\xde\n\x00\x18\x03\xb4\xe2\xf1\x81\xb3ND\x9f\xaeP\xbf\x1c\xc4\x0e\x00j\xcb\x01\x80d\xb0Q\x07\x00\x19\x94\xb7\xc1\x88\x14~\x1bZ\xbaB6\x07-\xdcY\'\xcd\xbf\x02!\x087\xaaJLXd\x00\x00\x00s\x82\xd1~!\xdd\xae\x01u\xef)\x13~g\x99\x961\x00Z\xc2\x89U\x1bsh\xa6J;\xfa\x05&lt;z\x9bA\xff\x00\x1c\x80\xd9\x03P\x1b\xe1\x01\xe4\xc0\x0c&gt;\xfc"\x87.\xf9\xa7=-\xa3.\x92n=\xab\'\xf0N\x1b24\xa3\x12\xe8\r\x00\x00\xc4\x81\xdbEA\x7f\x067\xc1C\xe0\xc8\x16G\x8e\x1a\x92\xa6\x94\xab\xfe\x88eD\r\x030\x1fCx\xcbhw7BaA]\x84\xcc\xf7\x010\x0b\x8c\xab\x01N:h\xc6\xa2\xd1\\;\xaei\xe9-\x05\x00\xc9 &lt;\x02\x03\xb3\x9a7,\x1c\x14S\xe2+\xabn\xe1\xe0\xdab\xc4$$\xe7^\xa0-\xa9\xed\xbf\xe8\xae\x042F\xbd\x8cQ\x8a\xda@E5P\xb1y\x12\x00\x00&amp;\xe4\x851\xc6Z[r\x8a\xa2\x81\x8b/\xcc\x82\xe5\x8c\x08o)7\x9d\xe3\xfc\xca\x05"\x8e\x97\x145\x0c1\x08o\xdd\xbd\xe8k`\x03+V\x00\xddZ\xed,\xd5:I1Au`H=ya\xa4\xfa,k\xad\x1b\xba\x1c\xa6\xcc{\x894D@\xd8\x93\xe8\xea\x13\xa3\xe7!j&lt;\xdbnG(\xfc\x05}\xdb\xf2$\x9ed\x92b.\xc8\xecIk0K9Au&amp;\xf2\x0f\x02y\\\x03\x9a\xed\xb9\xea\xc7\xc4\xc7\xc4\xbb\xf4(\xf3x\xf6\xda,\xd5\x173\xf9\x8a\xe1\x96\x04\xc6\xb6{E\x97\x11\x03\xc1\x8c\xddJ&lt;\xa0\xb1\x000\x0bc\x85\xbf9e\x91\xb0\xfeP\x1b\xde\xa2\r\xac(\x81&lt;\xecS\xa1\xcea\'`\x18T\x18\xb3\n!\x01\x00\rx\x19\xf1\x0c\x8d5\xda\x1f\xaa0\x8cdL\xea,}\tf\x83\xba\x83*\x00\xa0;h\x86`2\xa8v@\xb5\xc6\x18\x06\x91[\rb\xbe\x04lyU\xafn\xaa\xb2\xef\x94\x89\xd2\t\x1b\xf4\x85 \x86\x99\xedDi\xd3\x06\x0e*k\xf0\xc2\xf0T\x96\x05t%\xc7{\xc7\xdf\xbe\xb0=\xe6\\\t\xf9$#kp f\x00\xc0\x8c\xfdz\xc5\x07+\x9b\xc7+d\x8c\xdc+\x17To\xd3\xdf\xee\x99\xed-\x08\x98\x14\xfbso\x1f\x81q\xcaFT\xfd\x94\xb928B\xd0\x92\xa4 \xde\nkj@!\xb9\x1f\xce\xe85\xe2$"\xf3\xbfr~y\xc0\xf4\xbe\xfaP\x14\xaeB\x88\xc8\xbc\x1f\xd4\x02\x00\x18\x1e\xbf\xa3C\xd7\x00\xda\x10?\x91\xef&lt;s\x9a\xff\x87\xadr\xb0\x9b\xbe\xf5n\xe9&amp;"\xbd\xb3\xbc\\l\xd6\xd6R\x155v\xbfa\xd7\xfe\x81g\xcd\x9aE\xd7\xd575\x02\xed\xa0\x11\xcd\x0b\x11\rZ\xf5\xb0j\xd0\x90G\xc7\x1b\xb6\xb7c\xdc\xb5\x8f\xfaa\xab\xccx\xc7U\xf7#\xad9FcM\xcbXm\xa4+t\xf4\xfc\x85\x07y\x9a\x9e\x12q\xb5!N3=\xf9\x9fz\x0b \x15"c\xde\xac\xb7\x10\x00\xf0\x02\xd7\x97\x8f\xbc^U\x9a&lt;@\'\x83\x99\x11i8\x82\\o\xa9\x8b\'\xc1\xca\n\x0cHH\x8f}\\\xd2kP;\xf2\xfa3\x00\xc0\xd0\xfc\x9fZ\x1d\xce\xaf\x13\xba5E\x8e$@(1k(?l\xcc\x8f\xaa.H+\xae\x16:\xe5,\x80\xba\x1eD\x82&lt;\xdc\x14\xee\xb1y\xaag\xdd\xb4\x03\x00\x081\xde6\xce\xf1J\x04\xb4\xd7i\x97}\xc2\xc0H\n\xdeFC\xd8\x88\xb6\x94zct\xf64+\xc8\xd9\xb4\x1eG2\x1b\x00n\x91l\xf0\x92e\x03`\x18\x06\x8b\x97\xe4#r\xe1E\x13\x1d\xae\x01\xedN\x8d\x91"o\x9au\x86(\\\xe9\xc4\'\xe4\x7f\xf2\x87\xd0V\xc1p\xf4\x9a\x7f\x8a\xe9\xfc\xea\xca\xf6\x10\x00\x8d\x1a\xccN\x87{\xb1\xe7\x8e}7uc\xfa?\x8f\x9b\x01\x80\xea\x8b\xde\xcfT*\xce&lt;-0\xa9\xa4W\xcf\xbe\x1c\xc8\xa2@_\n\xe7~\xe6i\xb9\xf5pw\xe4\x01\x00Z\x02\xffe\xc6\x8aQ\x1b3\xe3\n\x00;*\xcc\xcf{\xec!5~\x8aoih\x93\xf5\xb9\xaf8!\x01\xae\xd8Mw\x03\xd8h\xe1\xa4\x86\x10\x0b\x99\x07-{P\xcb)*\xe9\xdc\x13\xdbI\x0c\xe0\xc4\xb8Pq\xc5\x8b(\xd2\x06\x00h\x93\x170\xb7\xc1\xa5O\xaf\x1dC[\xfb\x9e\xcb\x0f\x03\x8f\x01\x86\xb6\xd8\x80z\xdd\x8f\x1c\x8f\xa0\x01o0Q^\</t>
        </is>
      </c>
      <c r="E101" t="inlineStr">
        <is>
          <t>&lt;class 'numpy.ndarray'&gt;</t>
        </is>
      </c>
    </row>
    <row r="102">
      <c r="A102" s="1" t="n">
        <v>100</v>
      </c>
      <c r="B102" t="inlineStr">
        <is>
          <t>steps_per_sec</t>
        </is>
      </c>
      <c r="C102" t="n">
        <v>1200</v>
      </c>
      <c r="D102" t="inlineStr">
        <is>
          <t>2.596193</t>
        </is>
      </c>
      <c r="E102" t="inlineStr">
        <is>
          <t>&lt;class 'numpy.ndarray'&gt;</t>
        </is>
      </c>
    </row>
    <row r="103">
      <c r="A103" s="1" t="n">
        <v>101</v>
      </c>
      <c r="B103" t="inlineStr">
        <is>
          <t>Loss/RPNLoss/localization_loss</t>
        </is>
      </c>
      <c r="C103" t="n">
        <v>1200</v>
      </c>
      <c r="D103" t="inlineStr">
        <is>
          <t>0.029871356</t>
        </is>
      </c>
      <c r="E103" t="inlineStr">
        <is>
          <t>&lt;class 'numpy.ndarray'&gt;</t>
        </is>
      </c>
    </row>
    <row r="104">
      <c r="A104" s="1" t="n">
        <v>102</v>
      </c>
      <c r="B104" t="inlineStr">
        <is>
          <t>Loss/RPNLoss/objectness_loss</t>
        </is>
      </c>
      <c r="C104" t="n">
        <v>1200</v>
      </c>
      <c r="D104" t="inlineStr">
        <is>
          <t>0.012725408</t>
        </is>
      </c>
      <c r="E104" t="inlineStr">
        <is>
          <t>&lt;class 'numpy.ndarray'&gt;</t>
        </is>
      </c>
    </row>
    <row r="105">
      <c r="A105" s="1" t="n">
        <v>103</v>
      </c>
      <c r="B105" t="inlineStr">
        <is>
          <t>Loss/BoxClassifierLoss/localization_loss</t>
        </is>
      </c>
      <c r="C105" t="n">
        <v>1200</v>
      </c>
      <c r="D105" t="inlineStr">
        <is>
          <t>0.31399238</t>
        </is>
      </c>
      <c r="E105" t="inlineStr">
        <is>
          <t>&lt;class 'numpy.ndarray'&gt;</t>
        </is>
      </c>
    </row>
    <row r="106">
      <c r="A106" s="1" t="n">
        <v>104</v>
      </c>
      <c r="B106" t="inlineStr">
        <is>
          <t>Loss/BoxClassifierLoss/classification_loss</t>
        </is>
      </c>
      <c r="C106" t="n">
        <v>1200</v>
      </c>
      <c r="D106" t="inlineStr">
        <is>
          <t>0.119396664</t>
        </is>
      </c>
      <c r="E106" t="inlineStr">
        <is>
          <t>&lt;class 'numpy.ndarray'&gt;</t>
        </is>
      </c>
    </row>
    <row r="107">
      <c r="A107" s="1" t="n">
        <v>105</v>
      </c>
      <c r="B107" t="inlineStr">
        <is>
          <t>Loss/regularization_loss</t>
        </is>
      </c>
      <c r="C107" t="n">
        <v>1200</v>
      </c>
      <c r="D107" t="inlineStr">
        <is>
          <t>0.0</t>
        </is>
      </c>
      <c r="E107" t="inlineStr">
        <is>
          <t>&lt;class 'numpy.ndarray'&gt;</t>
        </is>
      </c>
    </row>
    <row r="108">
      <c r="A108" s="1" t="n">
        <v>106</v>
      </c>
      <c r="B108" t="inlineStr">
        <is>
          <t>Loss/total_loss</t>
        </is>
      </c>
      <c r="C108" t="n">
        <v>1200</v>
      </c>
      <c r="D108" t="inlineStr">
        <is>
          <t>0.4759858</t>
        </is>
      </c>
      <c r="E108" t="inlineStr">
        <is>
          <t>&lt;class 'numpy.ndarray'&gt;</t>
        </is>
      </c>
    </row>
    <row r="109">
      <c r="A109" s="1" t="n">
        <v>107</v>
      </c>
      <c r="B109" t="inlineStr">
        <is>
          <t>learning_rate</t>
        </is>
      </c>
      <c r="C109" t="n">
        <v>1200</v>
      </c>
      <c r="D109" t="inlineStr">
        <is>
          <t>0.0293332</t>
        </is>
      </c>
      <c r="E109" t="inlineStr">
        <is>
          <t>&lt;class 'numpy.ndarray'&gt;</t>
        </is>
      </c>
    </row>
    <row r="110">
      <c r="A110" s="1" t="n">
        <v>108</v>
      </c>
      <c r="B110" t="inlineStr">
        <is>
          <t>train_input_images</t>
        </is>
      </c>
      <c r="C110" t="n">
        <v>1200</v>
      </c>
      <c r="D110" t="inlineStr">
        <is>
          <t>[b'1024' b'1024'
 b'\x89PNG\r\n\x1a\n\x00\x00\x00\rIHDR\x00\x00\x04\x00\x00\x00\x04\x00\x08\x02\x00\x00\x00\xf0\x7f\xbc\xd4\x00\x00 \x00IDATx\x9c\xec\xbdy\xfc\x7f\xcfX7~\x8d}_\x8aR\xb2\x14IYBE\xc8\xbe\x14*\x95B\x9b5n\xdd-\xb7\xfc\x08\xa1dMn\xa1T\xba%-*\x15Z\xa4$\tYB\xc8\xbe\x94"-\xea\x8b\xaf}\xe7\xfa\xfdq\xce\x993\xcbu\xcd\\\xd7,\xe7\x9c\xf7\xfb3\xcf\xc7wy\xbd\xcf\x99\xb9\xae\xe7\\s\xcd5\xeb9\x07````[\xa0\x0f2\t \x02\x90\xb7\xdah\x8f\x85\xa3\x00B\xe1N\xfat\x96.\x05\xd4CB\xb5\xa5:\xc0\xa9~\x03&lt;\x06X\xa3\xa9\xb8%\xaa\xef\xbd\x85\x84\xc1J\xa8\xb7\x12Z\x82\xf0\xa0\xb66o#M\xe8\xf0\xe94\xaaVS\xcaM*Y\x96\xcb#\\A\x9eu?\x9f\xc6\xb3\xf5\x92\x8b\xb0\x96\xbaUu\x04\x05\xa1\xd3\\\xa5i\xbd\xc7\xfa\xa9\x00\xe2%r\xd2\xf6\x0bn\x95\x92\xf3\x9e\xf6{\x84\xe74(K(\xb3_e5EE\xab\x1c\x18\x188\x06\xa2\x88\xd6Q\x89"\xc77J\xbam\x89N7\xfds\xb2\xc9\x15\x0cO0\x14s\'\x80w7\xd0\xe7VYm\xc7\xd9v\x02\x10H&gt;\x1e\x88\x01\x87\x9ag\xc7\x06\xae\x979\xd1\xb8\x91(#\x02|?\x94\x0e5\xbcR_\xbe"\x92T\xa3\xa3\xc6_\xc0Ox\xbe\xc1\xaan\xa61\xc0\xdb\xac\xfc_eR\xc4e\xef5\x0bu\x8a\x89\xa8\x1eI\xaf\xb3\x14\xc9\xbc\xd4S\xda\xa0P\x1dMtR`\xf6&amp;00p\xc6!\xe8\x1b\x8ci\xdf\x0c]\x15\n\xf9\xc9^++\'\xce\x9d\xceb\xd3\xf7\xb0\xc0\x00 B;\xc3N\x95e\x0cT\xf4\x1aSu\x1f\xbe\xae}?6\x96wQ;*\xf2mlk%D\x8c*\x0e\x11\xe1\xff\x02\xdc\x8f\xa5\x87\x88\n\xf2\xda\xf1n\xa7\xa0g\xc5jc\x91V\x13\\\x1c\xf0lZ\xa62\xac! \x88\xdb\xa9W,c&gt;\x0bpnR`P\xf8\xbaf\xcb3\x98\x85\x9b\xc6M\xdb\r\\\x8cc\x19\x90\x1b-\xadj\nk\x87\x0fJ}p\x8e\xbd\t\x0c\x0c\x0c\xf4]{P\xf4\xcdL\x1c4\xc6\x9c\xb1!\xf2\x04\xa3U\x95!\x02\xa0y\xd4\xf4\xc7\x95j\xc44Z\x15E\x80\x177\x11D\xc3$\xff\xd4H(\xa8\x81e9R\xbc0y\xab(AdhcLP\x8c\xe9\xfe}SrUM\xfe\x08\xab\xa7\xdf\x0e\x00\x1b11\x06&gt;\xc8\xd8\xe7\xc9+\x01Y\xe0\xd5\xcc*q\xce`\xccT\xa7\xf1\xe8\x1f\x00\x0cUu\xbd\xa3w\xe8`Ep\x9c\xde\x9a\xaes\xbfs*\xbb6\xf4\x0c\xe9\xee\x99\x848m%\x1f\x188&gt;\xa2\x1d\x00\xe8\xd0\x12\x83\xb5"{y^&lt;\x11\xe6T\x05Gu\xb9\x96\x0c\xa7/\x04o\x82u\xd5\r\x11[-\x89\xc5Z\xe6a\xc7\xbc\xceW\xbe\xfc\xbf\xc8\x81R!\xc4\x80\xaaO\xdb\x81`\x04R\xcd\xbc@\xed\n\xc96\x9a1&amp;\xdc\xb8\xc88\x83[\xad\x95 \x96\x9c]L\x1a\x82\x82i\x03\x8b\xd6\xf8\xd4B\xb5NBZ2\xc7\xbf\xd3\xee\xae\x1f\x93AS\x90\xc6\xbbI\x01\x9b\\\xd8\xf1\x12J\x85N\x19\xa2\xcd\x1ccL\x91\x1d:X@\x8c\x16\x1b\xa7Z\x18\xc4\xcf\xcf\xbf\xf8\t\xf1tk\xec\x00\x0c\x0c\xec\x80i\t\xc7\x98\x9f\x8f\x17\xe7\x9ai\xf0\x96!\xed\x1f\x92\x9cO\x08E\x08U\x86\xeas\xd9\xc7\xb0\xbf\x028?K\x8c\x00\x17\x03"\xd0\xf7X\n\xad\xa9\xb0\xbf\x9d\xfe\xf7\xc3\x13\xaf\xf0\x00q\x16t\xdan\x07\xad\x9d\x92\xae\xa3\xff\xbbuRf5\x15&lt;j\xb0\xfc_\x9b\xd5]\x12\xf0$\xaa\x19\xf09\xcc\x1a|\xd6u\xd6\xdc\x9a+\xed\x18\x9a\xf2\xcd\xd9\x8d\xa3\xab\xd9\x08,i\xf0`x\xaa\xdcB\x91\x96P{\xd8J\x95Z&amp;rEf\xd1AqV\x7f\x95gG\xfe\xeb\xae\x87\x93\xa8\x94\xf4&gt;\x98\xe8Nk\xf1\xdbh|\x88\x1d\xfd\x1b\x00\x03?g\x07\x1b~\xb2#\xec\xd9\r\x0c\x9c\x91\xf8B\xaa\xf5\xbdB;$\x9a\xf0nqJ|\xd9\x06\x8f:\xf1\xbb\x8d|\xf2Db\x9d\xb43\n\xce&gt;/{\xb3\x95\xa2&amp;n\x83\x14d\x92\xc9\xacd\x19\xa7+\xaf\xaf\'\x0bW\xb3\x83\x17\x8ad\x07\x9f,0N\x94\xf2\xaep\x17i\x93!\x0c\xa8\x9e\x95\xad\xed]\\A"JQF\xa6\x16\x922:\xc4\xbaL\xb9\xd4\xd6+Q\xdbGE/\x14\x12V:\x12\x1d\x03\x8f2\xca\xdd\xbc\xd6\xd2\xba\xdc\x06\xbb\x19\xa5\x81\x81\x01\x1e\x97q\xc2\x9c\xdf%\xa7\xa3X&gt;2.\x83\x18J~\x8f\x10\xf0s\x80\xf8\x96Fb\x7f0\x1f\xfd\xf7\x0ea\xc2\x92j\x87#\xff\'?\x88\xb9a\xc22m\xc7\n\xed&amp;\x12\tp\x99\x04Y1NRO\xb3\xb5k\xa5\x05\xc6%\x12i\xa7\x0b+\xca\xfe4J\x9d\xb2\xe0Nv}\xcd&amp;\xe4\xd1\x19\x05\xd2.\x1f\x08\x91\xab\xd6r\xeb\xe0!\xab\x96\xb4\xea"\xaa\x85LZ\x14\xb3\x80\x80\xce\x91b\x92]\xeb\xa8\x00\x87"3\xa1y\x03\x19\x18\x18(\xc5\x9d\xa2\xaeE\x16\xc2\xe64\xe7e\xd2\xd0\x81\xd4S\xd1!*=\xb5h\x0c\x91\xbc\xbd\xae\xc5\x86\xb7\xe1\xdb\xf7\x8ab\xcf\xf7z&amp;\xaf\x147\xbb\x7f\xb42-\xb7\xc9\xd5d\xdd^\x12\x95\xd9Ci-\x84\xa4\x06\x89\xfe\x1cc\xf5\xcfH\xc6wR\x9eL\x88/`\xb7\x0e\xfd\xa7\xff\xde\xb9Y\xd3H8p\x90fIy\xbf\xb4\xb8`V_\xc3*2\xbeZBn\xf9_\'&lt;AI#Sr\xf4\xc4*\x12\xb9\x8d\x93\xa0\xc6\xcd\xb2 \x99k|\xbb\xae"\xf8z\xac\x87\xd4\xd3*98.t\xa0\x01nA[\x18\x18\x188s\xc0\xc5=A7V t\x92\xfc\x84\x9dC\x92\xb8\x7f\xa2\xef:y\xa5\x0bcZ\x82\xee\xb80\x94\xe5\x90\xf7+\xab\xaa\xd7\x8cj\xff\xffR\xacDB\xa2\x1e\xb7yu+z\xb5\x94\x1f\xc29\x83\x84\xfc\xect\xe9\xda+F\xae\xab\x16\x8a\xd8\\\xa8\xcb\xe5\xe5\x0bk9\x92\x9fI&amp;\x94\x05\xbf\xc1\x99(\x95=\x10\xa6\xc8\x1b\xe0E\x89\xfa\xec3\xd6\x91\t\x17p\x08\x1a\xac\xa8vb\x15\xfa\x02\xe4er\xae\xa21\xec\x9c\xc6\x97s\xed\x1a\x1a\xf5\x85]\xe5\x14\xed`\xa8\x08\xf4\xa8\x9d\x81\x81\x81\x81M\xd04\xf8r\x01\xfd\x18QrS&amp;\x05\x8a~\x8aZ\xe0L_)\xd6\x15S%\x8d3]\xb9\xce\xfeu7\xc12\x14\xf0I\xf9\xa1\xb7\x03\xd0g\xa2B\xb0!y\xad\x1c\x1aM\x00\x02\x1d\x1e\x19\xe1\x0c\xed\xb3\x94\xd1\x9e\'4\x94-\x88\xb8\xa6$B\x93h\xa2\xa2\x9e\x18S\x83s\xe5z\xd6\x90\xbbq\'\\8\x0c,\x0e\x19\x89am\xfa\xb8)\xe9\xa6\x88=*\x14\x11\xe1\xb7U\xab\xf2\xd9J\xccd\xd7g\x19\x18\x18\x18\xd8\x0e\xd4\x80\x00\x88\x10\xdcD\x0b\x15\xd3w\x8f\x92\x87\x181\x08\x10\xdb-aU\x8b/n\xa5\x92\xe6Q\xb7\xfe\xad\xac}\xc9\xbau~mR\xe6\x8a\xf7\x04@\x80\x17i\xe8e\x81\xcf\x8f\xcdu\xafp\x80\xe5\x98\xe5G\x85b\xe5\xb5@W\\\xe9\x82\xa8ToqF\xbd\xe0&amp;b\xab!f%u\xda\t\x7f\xd6\x88^\xc8\x01\xe0\xdf\xfd\x0b$\xed\xe5\xe2\xfbh\xb6la\x11\xbf\xc290&amp;\x1b\x7fW8[R*\xc0\xd9\x9c\xbeZ\xe1\xa7\x07\x17?@\xa7&lt;00\xd0\x1f~xu\x07\x1f6R\x7f\xba]8x^#9J\xfc4""&lt;\x8d\xdd\x8b\xdfv\xe8\xa0\xea\xf2\xe9\xec&gt;[DD\xf8*\xbc\xa1W\x95\xce\xad\x92\xa3\xa8\x7f\xe4\x8a\x8f\xcfl\x1co\xc8\x05\x00\xa2\x81\xec\x9c.7\xbc\xe8S\xc0e\x00t\x8c\xc5\xe9\xb2\\k\xf6Zk\xdf\xb4\x80|Z\xf4A\x06.Ta\xd3\xab\xe6\xe5\xaa*\xf2N\x028gP\xce\xcc\xd9\xf6BV\xbdh\xcb(\xd1&lt;\xcb\x10\xcb\xe9\xec&lt;7j-\xb0\x13\x0e\xd1j\x06\x06\x066\x05\xdd3O\xd1\xf0\xcb\x12\x01\x91\xec-\x88\xc0z\x8c\xc8\xe2\x97\x8b\xeaH\xb6\xa4\xda\xb0?\x0bD&amp;\xb5\xb1eOdbl\xd2\xbec\xae@\xb9vj\\B\xdf\xad\x18\xaf\xbb\x92\xe7i\xd8\x03\xd4FCx\xbc\xfe\x10E\x96\x93\xb6P\xa55~9*\xbc\xb4jqGr\xc5\x15L\x89\x8fB\xcf\x85G\xef\xfe\x85\x95\x12\x16\xd3\xad_\xaf\xba[\xbaq\x11\xc2\xb7\xcf\x1d\xbf\x82N&lt;\x86a\x07\x06\x8e\t\xae\xa3\xf2Cv\x98\xc9YN\xc6;\xc5\xb9\x82\xc3\xe8\x99\xc6\xeft\x15\xbdp\x9bCE\xf9\xf64X\x81\xb3mSo\xeaL2$\xb3\x9c\xa2^3U\x90&amp;e$l\xc56+\x91\x94\xb6s\x00%\x93\xd2\x89Pl\x85\xa6\x9e\xe3\xdb6\x95\xb0\x89:\x19\xf82\x1f\xad\xbd\x84\x9eY.\x81)&amp;""|~\xbbRS-N\xcaz3\x92{b\xf3\x92fm{\xc2&gt;\xab60p:\x90i\x96\xf3\xf7\x03\xe7/\xad\xbb\x99\xec\x9d,2\x1fMD\xc4\xfe\x9f(\x0f\x8a\xb9\xd3w\x1c\x11\xe0[\x01\x9e;\x17\x19\xd2\xdf\xaeo\xa3q\xae)\x9d"\xcfZ\x94\xad\x82\x04pB\x03x\xec\xfcka\xfd{e\x95\xc55\xae\xb4\xfbM\xb9\xfc4\xab\xa4\xf6\xae\x8b\xd8\xdb\x0f\x05v\xc0:\x17\xc2\xa5\x10\x9c\x90\x1e\x06\xb4\x85\xa2\x05&amp;Bk\xd3J\xb4\xa6+\xb7!\xe5r\x81pA\xf6\xa8;X\x04\xce\x96\xd8 \xeaj[\\*\x02\x9cb\xcc}\xee\x86%\xcdi&lt;\xc7vT\x06\x06\x06\x16\x98\x87\xf3\xb7\x96\xffD1u\x9d\x174$\xd2RX,}\xdf\xa8\xbe.E\xfd\xb9]\t\xd9d\x05f\xf9\xa8\xbd\x00\xee\x1a\x98y\xb6w\x9d\x12\x0b\xc6\xc0w/\x7f6`z,\x10\xe3\x82z\xa1\x06@\\\x1b\x8c\x84\x1e\x96&gt;\xc4\x88\xa7\x92\x831\xc6$\x84\x04[;u\xba\xdc\xe6&lt;I\xe6\x06\x9dt\xee\x16\x03/\x84\xc7\xe0\xc2\xa5\xc1\xf1Ec8R"\xaas\xdeX\x08\xe2\x0b\xe6\xa9\x85\xa6\xd4\xff[\xbd\x1eO\xa6O9\x84M\xc3\x16\x9cPp\x8c\xe3\xac-\xb0}\x8b7\x00\xb9\xd5\xc6\x81\x81\x81\x1d\xc0\xec\xdf\xcem\xf5\xa3\xec.j\xe6\xcb;\xb2 \xce\t\xef\x84\xed\x1f\xbe\xc4\xc4a\x80m\x99d\xe0\xb0B\xff\xc2\xb1x6\x04U#H:v\x13\xf1\xf1\x00\x02m\xe3B|\xef\xaa\xe5\xc9\xa4\xb4"\x0e\x87\xc0\xbe\xceO\xa8~k\x81v\xae\t\xa7D\xf5,8\xba\xf2\xcbO\xeft\x81\xd7\x88\xd4\x99\xf3\xe6\x8d\xc3\xf8\xd3\xa3\xf4Z\xb3\xdb\xe7\x16\x98\xbb\xfb?\xbd\xd0\x12[6\xc0E\xe1\x0em\x7f`` \x8b\x87\x06\xb1\xd2P\x8fI\xd1Y/E\xf7\x8b\x8a\xa6~\xaa\xc3\x01a\x10\xc4\xe5h\xfe\x11\xb0vi&gt;C\xefZ\x07\xa5Oo-\xb3\x0c\x19\xef\xad\xed\xb12rH\xdf\xd8\n]j6\xa1\xaa\x91I[(\xd7\x0f\xe3\xd2^\x91\x94\xd6@;-\xb5\xd14\xf5x\xc86\x07\xae\xb0\x99gx\x9a\xd8\xe7V-\x84\x9c\x89H;\xea\x11v!\x07\x06\xced\x9c\x0b\xf03S\xd3\xb4\xa7i\xdd\xb6\xca\x1e\xb1\xf5\x1b\xb4{\x12\xf4\x8c8O\x19c9w?\xfd\x01\x08\x81U\xb3\xf9\xa7\xe4}\xc8\xc5\xda\xf0\x8b\x00\xfe\xdb\xb9\xd0\xbb\xd6\x90=p\xbc\x0b\xf2\x03\xa7\x9a\x87\x1cb\xe9n\xc1\x89\xbb\x08p\x8e-,cU\xf7\xac\x88\xe9\x049aa\xbd\xd2\x0f\x01\\\xb4\x90\x049\xe0\xd0\xd4i !\xca\xab8(\xbfHhq\n(Z&lt;9\xb9O\xe3\x88\xa1\x0c\xa7T\xddk\x8c_\xf9h\xca\x91\xb1}\xd1\xd6\xca\x88\xab`&lt;\x0300\xb0/&gt;\xeb\x9c\x18\xa7\x0e\xf9_\x89\xc9\xe7\x9c\xa3\x9c\x0e\xe2\xbeu&gt;\xee\xbcm|\xb1\xab\x0b\xbf\xba\xe7J\xd8\xbc\xd6\xb4\x9e\x0c6`\x8c1/\x90\xf7\xcd\x1b/\x04\xc3\x03\xbc\xd1\x7f\x1dD+m\xe6X\xe7AM\xfa\x1c\xb0}\x12\xa6F\xba1\xf3\x89\xe4@\x91\xb1\xb0\x97\xaaF\xff\x8ae\xcev\xad3\xdc\xd6\x98\xff\x87v\x91\x1a\xc0\xb7\xa062 "\xe2E\x8a[\x05\xa9L%\xcc\xad!\xeaa\x03\xe1Ay\xad\xc9\xd3\x8b\xfa\x84\xb0\xa34\xa9\xa6\xb0\xeb\xf7\xb3G\xad\xd7\x05\x99\r\xd1\xc24fJ\xd7\xd8\x89=\x11\xf4\x1dk/\xb5!R\x81\xf6\xb4N\xb3\x06\x06N*\xd2\x8b\x97\xe9\xac[\xb5hox\x81\x1b\xbdZG@\xa8\x82\xc9\xb2@\x0e\x9b\xd8\x90\x1ec,\xda\xb5{\x11\x9a\xf4X\xf3&amp;\n\xa1\xa2\x1a?D,y\x81R9\x10\xb1\xae\xd2\xb7&amp;l\xf5:\x9c\xd9!\xab1\x90X\xff\xcb(\xa8\xde\xac\xa0B\x19\xec3\xea\x08\xf6K\xf9\x12IJ\xad(\xd7\x924\xde\x80:\xcc^\x1c\r\xce\xa5\nhG;9u\x05\xa7Lz"\xe0\xb8\x16\x1cd\xec=v\x00\x06\x06\x8e\x8fG\xc8\x92m6fZ~\xc0\xb2\xbe\xb0\xf7\xeb~\xd6\x9f\xa5c\x95P\xd2\xd3\xdd\x050DD\xf8\xb6\xf8l\xeb\xaaWw\x1a\x98=d\x0b\xd3n\xbbr\x85K\xf2\xe2\r\x9bV\xbf$\xba`yn\xd6=Q\xba\x9a\xc2\xb5M\xc5\xd9\xdf\xad\xdd\x89XZVT%\xba.\xa0W^sN\xda\x1dP&amp;\x92\xfd\xdbdNy\xa5\xdb\xca\x8d\xd7p\xd5\x14\x9d\xf5{c\xfe;\xfd\xca\xa0\x13\x84\xd8(\xec\xb1\xf9\xf0\xe7\xeaZ\x8e\x8f\xf5_\xd2n\xba\x8d#\xd1\xe7\ti[\xe7\'m\xdc\x1fc\xd9\xa9\xaei\xfe\x03\x03\x03\xa7\x11\x18\xe1h{\xcc\xfe8x\xbd|\x00:\x9aQ\xb8\x8b\xbbS\xb1\xf8\x85qU\x10\x00\xf8\xef5\x94\x8b\x07\x8e\xbc\xb4\x8aR\x88\xf0\x8a\xd2\x8c\x84\x9d]\x17e\x8as\xe2\xb0\x92\xbfX\xa6o\xae.\xac_\xef\xb5t\x1b\xd9\xbfm\xc5\x1d\xc2\x07\x82\x99\xbc(\xbd$\x95\xc4\xd4~\x15\x13Y\x96\xdfG0\x94\x83\xf7E\x0c5^\x1a\'k\x19\x10\xda\xba\xe8fH\xb5\xd3\x92\xd9`\x03\x0b\x9c\xf8\xb9\xd4\xc0\xc0\tD\xfa\x8c\x04\x11\xdc\x0e\xb5\xdd\xe9\xf2\xdb\xfe\xa33I]\xf3\xc3j%\xe7~a\x92\tA\xd5Hz\x1a\xf3*\xc0kk\xcf\x81\xd0\x82\x8dy\x03\xe0\xd5\xa1\xe3\x1e\xf1\xc5\x01&gt;P"&lt;\xe2;\x19\x19\x11\xa7\x82\xdb\xfb5\xc7N\x0e\x00A\xebc|BYXOJ\xe5\xd15\x0e\xc2\xd7\xad\xb7v\xb6&amp;\x02\xbd\xc7N+E]\x0f\xe1\xe5\xac\x9c\x90-\xca\x8e\xe8\x04\x96\xe7\xd3\xbb\xf1*\xact\xfb\xd7q\x8e\x85P@e\x8b\xd68\x00\x96\x1cJ\xc4\xda\x93{{\x80\x8d\x1b`\x0b"\xf4=\x08{a(2\x05\x8e#@\x03\x03[\xc3yV\x95\x04\xf9\x9c\xd9q\x16&lt;~)\xbed\xd9\xdd\xbc?\xcf\xf5\x00\x12\xb1lf0HT \x9c\xcf;\x1d\xa50\xe65\xd3s\xa5\xeb\x03\xa6\xd7)8\xb8bnG_\xbf:\xf4=)q6d\xdc\x8f\x01\xc3h}\x80}\xed\x85N\xe0\xb0\x7f\x05\xd7\xfa^\xb7\xf8\xdb:Wt\x8b\xa9\x1f\xc1\xb8y\x85\xc3\\\xfc\xcb\xf2\x07\x84x"\xab?\xd8\xc7\x87\xe7%\xf3\xc2v\x94\xce$^H\xb6&lt;\x00*\xdf\xb8o^^\x9a\x93\x83&amp; \x1b\xe6wP\x1e\xcd\x88\xb9{\x98E\x80\x1f\x8b\xaf\x8a}M\xfa\xd0\x9a\xbb\xcb@]\xe6\x15\x9c\xc4\x10\xc3Q\xfe\xac\x93\xa4\xe6\xe1,5N\xa0\r\x07\x06N&lt;\xa4\x9d\x19\x9e;\xbf\xc5\xbc5\xc2\xbd\xcb\xe8\xe2.\x04\xe2\xbb\xca\xa0\xc8m\xc8\xae\xf7z\x9cq\nw\x827:\tPX\x96\x99\xe1S\x11\xbe\xf4(\xde\xd8\x03q\xa5\xe0r\xc6\xe9ZM\xcf0h\x9b\x8c\xc4\xb7\xa7\x04\xff\\\xdc\x12]J\xcd|~\x12\xf2\xfd\xcaRS\xb5P\x8e\'\nh\xfagr4\xa7\xbf\xd2\xdc\x82\x04~.u\xab\x17\xd0k\x8f\x85d+\xa5d#\x9b\xad\xb4\xfe&gt;O\xc6\xaaG;7\x95\x03[\xe4 \x89VZ1\xa11\x03\x18\x188&gt;\x9a\xef\xd1\x97#\x087\xdb\x1c\x01\xfa\x11\xc4\xcf\x00\xfc\xda|R\xc2=a\x02\xb1ep\xdeE\x05\x80\xbf\x07\xb8\xaeP\x05S\xae\xbe\x08\x95B\xd3G\xdc\x10O\xc1\x03sB,\x95\xde\xa8\xbcQ\xa7j\xdf\xb8\xdb\\\xba\xea\xf1\\\x9f\xcf\xc9\xa8\\DtO\x85\xb9\x88\xca\x8e\x93\xcf.\xc1d=\x07\x04m\x8a\x9c\n\xa4\xf1@\x8a\xab\x1ar\xc8\x95\xaeGt\x8f\xac8\xf9\x8d1\x97@&lt;+\x93}\xdes\n\xb4o\xbb\n\x8eN\xd4\xad\xd1\x8bn\x9d\xc6\x08\x0eJ\xa9^\xaftx\x10\x8e\x13\x1f/\xd4\x9c\xff&lt;\xd0\xc0```\xe0\x0c\x80\xbf|\xb5\xb1\xc6\x9a\xd5\x0eR\xf4\xfa\xa3\xa3\x96\x84\xfenJ\xf32O\xd6\xe2Y\x06\xbeO.\x87FjM\x8a\x88\xf8$D\x80\x9b\xb4aY\x87\xd4\xc2\xe1\x81\x81(}F\x9c\xbc\xdb6\xd4$L\'7/Q\x10t\xbcNLc\xd2\xf2\x1a\xaf\x80DI\x03&gt;\xbe\x9fo\x07\xbf\x89\xd5\x8b\x11\xb9\x84\x80\xcc\xc9\x01\xed6a".3\x00\x00\xdc\xd2VA\x8b\xe2\xe3\xb9\xea\xf2\x0f\x0c\x0ct\x87m\xe7\x87X\xf6\xe3V\xf3\x9a\x83\no\xda\x83\xd6\xf6#\x05\xfc\xfdh\xd9O\xaf\xa6\x1c\xfd\xd7\xaf\x10qZT\x8b^v\xb9\xbf+\xb5\x83;&lt;\x82\xcf\x01\x9c\x13\x00\x1aX\xf7\xb8\xcb\x8bG\xe5E\x03\xfd\x07^\'\xc4\xb6\xf5\x1e\x1f_/nTV\xb3&lt;\xc8^\xf2\xaa\xfb\xe9\xf1#\xe2\xf1(V\xd7\x92\x0f\xaf5\xfd\xc2uk\xd3\xd7O\xed6\xd8\xff\xa4Y\x15&gt;)\xdb54\xd8w\x07\xd07\x94\xb2\x9aP\xda\nQ\x1b\x98\x0e&lt;\xf9u\xc4\x15i\xba\xfe|^\xba\xbe\xd6N\xd4\xeci`\xe0\xccD\xb0@\xd2\xad\xd5\x8aU$\x170\xda\xf1\xf0J}\xf5bQ\t\x92\xc5\xebO\x1b\xa2\x92\xd8\xba\x8cz\xaa\xe3}\xf9Rb\xb1\xba7\xeca\xd2\xeeA\xa0\x03l\xac\x10W\xd0\xd1KGx[i\xbdL\x19\xaf\x1c=L\x15k\x93Ks/hCt"`vkY\x17\xd2\xd9\r\x11\xeev\xd8p\ri\x83\xbb\xaeR\x1c\xac\x9c\xf4\x8e\xcb\x95\x18\xe4\x90\x06\x1c\x18\x18p\xb1\xc5\xc8&amp;\xdf\x8d\xb9\xd7\xfb\x91\xa1O\x0b\xb4\xd6b\xb5m\xa1\xe8\xebu\x92\xbd\x94[\x18\xe1\x84 i\x81\x97\x87\xf5\xd8\xd1\\\xd9\x96R%\\\xa2\xbb\xb5\xd2\x02(\xcaN5\xe8V\xa6S\xc9i|z\xb0\x91\xcb\x05E\x08\x8c\xb3\xc6C&gt;{\xc8\xa9\x88\xc6*\xe1\xd0O\xd6\xfe@\x0f/\xda\x16\xcb\x81\xb1F\x81\xfdd\x1aa``@\x8e\xce!/\xdb\x93\xc5\xa1\xaa-\x19\xa2\xc3k\x14\x1f3z7\xd1\x15\x9a\xaex\xf0\xd41\xd6\x9f\xbd\x81\xb5+\x91\xe4\xe6yo\xbfR&lt;\x89\xaf\x8e\xb4\xd2&lt;%\x91\x13\xb2n ,r\x83\x01GA{AD\xb8M\xe3\x86\x96\x8cW\xa9\xf4\xad\x9c|\x8b\xd0\xf1\xbc\x02\xf9\x87j\xc2\r\xc98\xa6\x98\xacqB\'\x00\x00\xcdz\xcf\xd9+\x9e]\xcdg``\xe0\x0c\x05\xc6\x00\xf8"7\x81\xfct\xd0I\x83[\xae~E{\xe2\xa4\xe5\xb3\xcbA\x88\xf5\x91A\xf1i\xab\x8e\x83\x0cjl\xd4OWO&lt;\xa0\xbf\x7f\xfa\xd5\xf1\x87\x18\xdcH\xe7\x12\x8aN\x97\x82\xf6\x87Wn6\x01\x08\x08\xc8\xa4]u\xf6\xf6\t\xe7h:\t\xc9\xd1 \xe3[\x83\xf6\xbeq\xdb\xec$\xbf\x1f\xde\xd5\x8c9\x02\xb5\x14\x82\x07\xdf\xacHB\xd1v\x92R\xb2)jU\x0c\x0c\x0c\xb4\xc5\x12\xc2\xbeq{\xb5dDx0\xd1E\xa2\xc3\xb4\xa0\x93;1q\xa7\xae\x8bbL\xfap\x8c\x93\x11\x16\x16\xf6\x01\xddG\x003\x99\xb5,\'v\xcc\xb1\x01\xdc!\x88s\xf9\x07R\x16\x93U\xb4\xe3\x15"\x02\xbe\xba\xed\xdafAL\xa8\x18\xee\x10\xb9"\x02)\xe1\\\xd3\xf3L]\xe2\xed\x97%\xc4\xf6\x01\xe5o\'\x00~\xa0\xab\x94A\xd7`?\x9b\x9f\x108\xc5G\x84\x87"qq``\xe0P\xe8\xddaT(%"\xac\x84*"\xc2\xd9e\xc3\x91\x13\r\xca&gt;T\x9f\xc7vc}\x0et)\x92zL0\xb8z\xda\xeaQU\xa8\x94\xcf\x93\xb7\x1a\xbcuT4U Ze\xf3\xca:\xc4\xc6\x14\xbb\xca\xab\xf1O\xa2\xd1\xb1\x06\xcc\xcb\xe0\xa5v\xb4C\xe7p\x91\xd2\\\x97\xbb\xd6,\xb4\x95WS\xecb\x93\x1d\x91\x9f\xe8\xfa\x9b\x8d\x88\x88\xf0\xa0\x94}\xce\xd1\x9a\xe2\xc0\xc0\x80\x1cG\x0b^%\xefU\x9b\xc2\r^\x0c\x00\xdec\xe54c\xc4h\xec9\xec\x90\x83xs]\xb4\x08\xc3\xa4\x9b\x92a\xa3\xbd`B\xa6,\xa9\x97k\xf9\xc3d\xdfI\'\x14\x7f\x84:Z\xb1\xf4\x8a\xa2\xb4\xe8\r\xbc\x02\x90f1\x95o%D\x9c\x0659\xbbEZ\xd6\x13\xd1\x8d\x90\x15e\x1c\x87\xee\xf7*\xc6\xb9\\\xcb_\x94\xfa\x12\xdd\x84\x9b\x03\xf3fJ\xe7\xae\xc7k[\xbf6a{l\x121\xbe5\x9b\xe2VX\xe7U\xd3\xcbJ{\xf9\x87Y\xacq\xb2^\x05\xaa\x82\x1b\x9fq\t\xd1t\x8d\xb8fv\x7f\xe3#:q\x1b\x18\x18(B\xb8h\x14\x0e\x01\xeb\x83;\xbbf&amp;\xeb\xbb\x10\xe0\xec`7 \x95z\x87\x05\xaa\xe6\x13\x80\x8a\xe5\xdbO{d\x12vN.h5\x83\xbc.\xa2\x15\xb5\xf0~CV\x07\x80\xca\xe0\x983\xce\x9c\xac\x1b\xbd\x9c\xe4\x0f\x88\\\xeeD\xc3-Wi\x01\xf9\x16\xe7\x1f\xa0\xf2m\xc84\x07oV8\x7fi.\xaa2t%&gt;\xbeC\xa5lX\xd7u!\xbd\xda-\x83\x06\x1bU\x9c\xac\xa5\x9c\n\xc8\xda8\xd1\xef\x03"}\x0b\x00\xc6\x0e\xc0\xc0\xc0\x8e\x98f\xea\xf3:\xcb\xbd\xd0\tq\x8d\x83\x9aR\x9c\x01\xb8\xf8\xc4\xce\x180\xa6vi3\t\x1b\xd3U\x1cM\xdb\x85\xa5e\xf1\xd5\xa7!\x1c\x8a\x9d{N\x9b\xd52\x916\x86Z\xb3jW\xe3\xb3S\xa9\xe5\xdd%\x96TOF\x80\x8d\x862\xef\r\xf5\xa4\xe7\xb4\xa9?\x97\x8bm\x9b\xa9I\xfe\x19\xe1\x0b\x9c\xe5\xeb\xbeK\xad\xbb\xc1[\xd4l\xbe\xd5\xe0\x88\x8b\xe6\x02d\x8d\x1b\xbb \xbeFE\xb3\x06\xa2ev\x00\xf6\x7f\x00p\xef\xa6\x94}l\xd0p\x8c2\x08\xd0\xd1\xb2\xbe\x9dX\x0f\xa7:#\xfb\xe7\xe9\x98\t \xc0\xdf\xd8\xdf\xd6tF\xf4\xed7\xea\xd3zv\x90100p\x0c\x84+\x19\xcb\x08\x98[\xa0j\xa1\xafz=&amp;+\xbc\x9a\xd8nQ\x8a\xb7\x8fh\xc3$X\x02\xcc\x9b\x02\t\x14\x11\xaf\xc5\xbe\xda\'\x06zW/i\x1d*\x83K\x12\xefl\xb7\x15=\xde|z\x84rM\xa8-\x1a\xd5\xd4\x82\x8a\x0b\xae\xf3\xee!Z\xaa@\xb8_(\xb0\x86?\xc5\xa2\x95\xe3)\xb8\xcdJ\x11\xe1*\x9e\xf6\xb5\x98\xf6\x9f0S\r[T\x90&lt;\xa9\xbb\x01\x1e\xe7\xc5\\?\xee\xfc~\\s-\x03\x03\x03G\x84\x17O\x9d\x00\xfalq\x0c\xa5\xba\x9c\xccP\xa6\x1a\x0f*\x96|\xdf\xb8c\xdebP\x85g\xfbV\x8a:lm_r5m\x84\x8d\xca}\x12{\xaf\x86\x03\x11VC4\xb0\x90\xfb\t=R\xf1\r~w6g\x98\x98N\x92\xe3\xd0\t\x1fs\x8f\x9ath2\xbd\xca\xd5\xcf\xd5\x11\xf1k5\xe7\xee\xec\xd1\x88\xb8\x96\xabk\xf6j[6\xedR\xb62\x07\xfe;\xce~\xb3\r\xa3b\xfeh\xacb\xb9u\xde\xae\xb1\xbd\xcc\xce\xbdk\'\xab\xdd\xaf\x05\xcf9}G\x1d\x18\x188\x03`#&amp;\x11p\x15\xd9\xbd?\xb5B\xf6@\xef\xfe2\xf3^#W\xfbV\x86\n{Sa\x9e\xc3t\t}\rE\xba\xae\xd8\x93\x9f\x10\xfaR,m\x9d\xec\xe5\xb5\xfb7_\xd8\xbd5%\xe5;E\xb3\xb3\xa3\x86L:\x0e\x89\xfcJi\xe7\xc9\x8b\xb9&gt;*\x9e\x03@4~\xb5\xd6nS\xb3\xa1\xe4W\xd7\nL*\xd1W\x99(#i:W)c+\xa2\xff\x92\x9e\xa8,)\xc2\xfc\x87Z\xc0\xd3\x17O\xf0\xc5\xb6"F\x19\xe7\xac8]\x9c\xcd\xe1\xd0\xca\\-\\z```3\xdc\x88\xe9\x9f\x04\x08W\x14\x82\xa8\xdd\x85n\x1dJKZ\xaa i\x072.\xb7\xa7D\x94:\x1f\xf7}2\xf9\x82\x1c\xb3\xba\xb3 \x1c\x17\x91\x9a\xc5\x11\x9b]\x00\xdf\xbb&amp;\x88V\xd7\xe4\r\x81s\xc8\xf5\xe2\x85\xa6\xeb\x7f[VD\x89\xea\x1c\xaf\xb8\x98uH\xe9m\x0c\xa6\x8c\xca(\'\xab\xd3\xd8\\$l\xe2\xa6s\xec\xee\xcb\xff\xbe\x1bHkP\x96,4\xd1S1\x98s&gt;-\x9d&gt;6o3\xd4\x8be}F.\xf3\xd5\x91\x10\xbe\xf8\x11\xdb\xf8\xcft\x89*\x8c\xd9\xc1\xfe\x03\x03\x03=\x11\x07\xd0\xc2e\x9e\xbe\x81\xb8\x10\x0e\x8d-\x18\xaa\xec\xe0\x99\xba\xd4\xf8%\xb4\xec\xdf?\xc0\xd1s\x99\xdf\x0fI\x803\x94Y\x12?\xb1nL\xb3\xb5\xcf\xd0\x05K\x16\xd6ft\x05\xc42\x9f\xedL$\xe4$\x00\xeee/\xdf\xb6\xda\x1ff\x99\x9f\xce\xf7\xf4\xf1\xadG\x90F\xa8\xaa r\r\xf21\xde\xdf\r\xb4P\x8a\xc32\xb2\xa5\xce\xc9\xd0\xd5&amp;\xedH\'s\xaa\x0c\x00\xbe\x11\xe4e\x11\xcds|\x13y\x97\x01\xf0e\xeb6\x1a;\xad\x92V\x90\x02\x97V\xd4{O\x10\x1c\x9e\xa2*;\xb9~\x91W\xa7-\xf5\xea\xe1~\xc6\xd3\xf6\xde\x80\x81\x81S\x04\xa2\x99k\xdf\xf5AF\n\x03=_\xdf]\x00\x87\xa5\x8c\x1b\nb\x17Zy\xdc\xf6\xb01 \x8e\x81\t\x8d\x08XeO.\x9a\xf3u\x8d\xe9r\x81\xff.\xa0\xa5\x98\x12\xa3\xb1\xec\xb6\xf5\x99T\x07g\xfcn\xd3\x98\x97\x03\\\x9f\x14\x92./"f[\x93\xcb\xc3O\\f\xccPl\xa2\x8a\x97\xba\x0b\x13|\x02\xf1|Q\xea\xe2W\x00Mj\xdc\x86\xb0\\\x99\xfe\xfcB\xc4\xf7\xd5kI\xe8\xff(\xc2\x85\xac\xd8\xc5.|\xc3\x8c\xcd\xae\xf5O7\xfd\xf4\xf7|C\x13\r\x0e\x0b\'\xe8uVT6\xf0nm\xe4\xaaf\xd8@=b\xe4x\xf2^\xfb]p\x9b\xcb\xc1sA\x13\x9c\xd9\xb0\x90\xcf\xe3\xf1\x99\x94\x8e\xd7\x80\x0e\x0c\x9c,(\xe3\xae1\x8d\xdf\x98\xd9\x05\x0eG\xd1\xcaU\xf6\xfbY\x88\xe8\x9e\xf2\xe5\xe5\xc8)\xa6\xc8(e\x85\xa2\xa9\nJ\xd6\xd92\x06\xd6U\xac\xde\r\x1c\xdbm\xba\xce\x96V\x16\xfa49\xfa\x87ly\xeb\xe6\xd2Um\xca\xbc?\x9f\x84i\xb9\xd4\xe8\x1f\x00\xe0\x0bj\xf8\xb8\xc5\xf1\xb5\xbe\x7f\xfd\x06\xd5\x9f\xa4\xf2\xaf\x0b\x93\xba\x86`.\xe4j\xcb\xd8\x05\x97\x86O\xdd\x93\x8eI\x17\xc3\x1a3\xbf\\\xb4\xe2\xb3w\xeb\xc2\xeaQ\xa0}q\xa7\nka\xcb\xa3\x9d0\xa3t\xeb\xa0QaKw\x12\x0c\xf1z\xda\x90\x12\xd9\x8a\x11\x11\xf1r\xf0\xdc\xd9q\x99\x97\x11P\n\xd5\x1d:Q\xae\x1b.\xd7\xc6\x04``\xe0\xa8\xa0"RY\xe0\rC\xc6\xdeS\x02\xaa\xd7\x9c\x03\x9b\x9cY"bk\xac\xe4\xa4}\xbc\xb3\x9d\xad\xc5\xe7\xd492\xc8\xd6\x11"\x80y^*\xc5\x1f\x8a\x95\xd1E\xceY\xe1Cb\xf9J\xf0E\x0f\xde~\xdf\xdb\x8f\xc3\x86S1\xcd\xf3F\x18\x97(\x16\xc2\xdd\xc9O)H\xcc\xaf\xb4\x8f\xaf\xae\xbf\x01\x00\xcc7\x01|\'\xf9\xf9\x8ap\x88V7\x16\xbe\x84\xe1+\xd6\xd9\xcer\xaf\x06LKP\xb6JbKm\x17\x1aJ\xf5\x1f\x1a\x9f]\x8a6\x95/1\x07Kc\x99s\x89\xec\x1c\x9f\x8c)\xd0\xa8@f?5\x97\xb3R\xb51\xf0\xd4\x92\xd5\x99y\xde\xf2\xda\x89\xf6\xd3y\x05!^\xacV600\xb0\x05\xd6\xa1\x18q\x8e\xb0n\xfc\xe1\xf4\xd6\xbb\xf6U\xff\x95\\\xd7\x91\x96QzV\xd2/\xf5?\xc6\xa9\xc8\xd4J\x13\x15\xd8\xf3kI\xdeRQ\x1eI\x92\x7f\xc4\x8d\xb5y\xda\xbbH\x99Z\x88\xf2\xfew\xf4\xf4\x02]\x8f[\x8f\xb48\xc3\xaaE8v\xf8B8W\x81(\xd2KeS\xd6\xda\xa9\x0b\xb3\xee^\xdbp\xb4\x08\xdf\x89\xbe\xf8\xc36.\x81\x00\x08WH\xf8f8p-\\Mh\xc2\xb5Qu\xd8r\xa5\x8aM\xb4P\xcc\x05\x96\xbc\xd2\xa4m\x9b\xa3Y`\x11\xd3\xaeR\xe7\x9b:\xb5\x89\xc1T\xd0\xc0\xc0\xc0\x91\xe0\x84\x0c"\xe0\xea\xe5]\xee\x05-\xa55\x84\xe5\xf0\x93\xe4]\x80\x0f\xb4Q\x10\x169,5\x99l\x03\x13%(\xa9d$\x86\xcb)\xad\x81\xeaCxEL,]5[R\xad\xf1\n\x04x\xaf\xe3\xf0u\xb4+\\\xb4\xa6~\x11\x11\xbeL4\xb6\xd8~`\xb1\x8d3\xa4|\x91\xac\x91=\xdd5d\xddP{X\xd7a\x01\xb1\xc90Zd\xe1%\xed!\xc7\xb2\xb3}:W\xbd\xb7\xca\xc3\xd8\'\xba\xbd\xfb\xf2\xdf\xc0\xc0\x00\x05\xaa\x89N\x7f\xbe\xb8\xac\xc5\xba\xd2\xa20\xbak\xdc\xccE\xa2zn\x92\xf2\xa6;\x9a\x8e\x81\xbb\x91\x965o\xc4\\\xbe^;_?\x82?D\xe4\x11\x11\xbf\x82\xd9\xa2\x89\x8a\xb9Q}i\xaal!\xd9\xca\xa3\xfe\xa9\xceE\x1fX\x1fF\xd8\xbb\x9d\x9b\xcc\x9e\x88m\xce\xf8!= \xdb\xd18\x8e\xea\x17m\xa6\x11\xe09\xf5B\x12h\xc2\xb3?\xda\xcc\x85\x84\xba(o$\x12\xbd\xe6\xc4Xo`\xe0LC\x87\x18\xe7D\x84\x83E\xd2d\xa8j3\x98c\xfb\x0f\xcc\xa4\x98\x92\xf5\xb1\xcf\x17\xf7\xaa\x05\xa9\xd8R\xed}\xbd%K)US\x8f\x9c\x7f\xbc\xb7\x9fK\xd3\xfe#J\xefQ\xfd\xb6f\xa7\xf8\x14dJ\xf0g\xa4\xd2\x04\xa5#-\xc4\xb6d\xe2\x15\xdf)c\xb6\x16\xd2\xfe\xdc\x13\xe1\x1a\xb9\x98\xc6\x81\xd6\x86S\xed\xfd$`K\xc2\'\xd7J\x03\x03\x03.Z\x87`\xdbo\xc5\x01b\xff\x18\x91 \xd0\xc6\x0e|\x17\xc2\x9e\x9c)\r\x9d\x08p\xbb\x02:U\xc5\x0c\xa8\x8a\x0b\xf2Z]Io\xd0\xbfG\x91\xd0\xe6*\xb3\xbe\xee\xa4$\xe5\x95\xc5\xd2\xab#\xd9\xccsdj\x02\xa5\xe9\xe4\xbd\xc8\x94\xa0%\x1f\xce\xc1\xb6\xf2:5\xca\xf8D~\xb5\x7f\xa1\x1c\xdb\x06U\xd0\x91[\x81|*\xcbv\x84\'ud\xc4\xe9\xact``\xe0\x04\x80\x89\x0e\xd9\x00!]4\xea\x84\xf6\xa7\x80\xa8\xe0h{\xbb\x94:?\x94g6\x10\xe4t\xe0\xd2\r\xc6\x82\t\r\xcd\xe6x\xfd{\x94G\x88T\xa4*\xb47C\x00\x04\xb8\xb14)G\xef\xdc\xd6\x8b\x14r~u.\xd7\xbd\xfc\x92v?\xf2\xe4^\xe9\xa6\xab\x0f\x96\x93W-\x98\xff\x84c\xf0\xb0\xed\x9f&lt;\xcb\xd0xB\x104\x10\x11\xe0[\xf6f\x15b\x03\xe7/\x08#D\x96\xa0\xd5o7\x16\xdf2\x1e\x0e\x0c\x0c\xb4\xc1\x0fv\x95\xdea\xb4\xd4&lt;\xb2\xb4\x8f\x92\xf7\xe1\x8a\xed\x9f\x02\x12\x91\x0b\xa2\xf9\xe5y\xd1\xe9\xce\xa9]\x150\xeaB\xf9\xefnc\xd5\xa3t\')\xbbwgX2, \xe8e\x87/s\xca\xeb\xe6f\xb0}\xd7A\x8fP\xddu\x90\xb8\xc4\xff\'\x99$\xccr\x1e\x10\x8f\xfe\xb7\x04&gt;B\xacQ\xeb!\xb1_\xe1!\xb6\x88\t\xac&lt;\x97\xff6\x97_\xd4\xb2\xdc\x0ee\xe3\xb8\x14Q\xd9O\xf5\xc0\xc0\x80\x12ND\xeb\xac\xc1\x8f\x0b\xb5\x13\x80p\xd3\xb3\xe2\xdcN\x0f\x0b$FN\r\x85\x91\xf2\x93*^\xd0$:_\x97\xb3X\x9b\xf2Fh(\xaa\x0ei\xcb{)[\xaa\xbd\x9f\xda\x98\n\xdfCD\xc4\xa7P\xa7\x1d,~\x02\xc3\x81E}\x99r\xbez\x84\xea\xee\rD\xc4\xcb%\x8d\xf9\x0f\x94\xcd{6\x07\\\x8e0\xcd\xf2\xbfA]\xe9NzY\x16G&gt;\xda+\x87u\x00i\xb3\xaa\x10\xde\x8eZh\xd8\r\xd0\xcf8\x03\x03\x03\x8d\xb1A\x8c`BR\x17%e\x99\x7f\xb9\xb9\x05\xd8@\\+\x93\x14\xfd-\xae\x8a\xbc\x16y\xca\x94\x90\xb4pe\x913\x89\xe7\xbb\x0f\xeb9\xc8\x9e\x04.\xe3`\xce8T\x9d\x12\xe4\x1b\xbaS\x1b\x17\x8a\xe6\'V\x1a\xed\xa8\xfdOc7h\x119\xf1\xdd\x84o\x84\xc0\xcd\xb6TkW\xe2\x8b\xdb\xb28\x0b\x99l\xa3\xf2\x168!\xd3X\x9a\xf2)\xabn\xb2%\xb7f\xc8)\x83*\x9f\x19\x18\x18\xd8\x05[\xf4.TH:\xdc\x02O\xcb\xe5\x7f\xa0F\xea\x89A\xb3Z\x01-\xf9(1W[\xd1\x82\xdeb~\x94&lt;\xc8\x03g\xb7_~\x93\xd4W\x90,\xe4\xbf\xf6\x88=X]\xbc\x89Xb\x92\x83\xd6\xc8I\xe6M\xba\xf6\xa6&amp;"D\x1f4\xc8h\xd1\xefm\xee\xa2\xed\x97\xb2:r\xec\x7f=A\xf2\x17\xb9\r\xa7QI\xc9\x19Et\xc9\xf2\xfc\x95\xaa\xbd5j;\xba\x0c\x8b\xc0\x84\xcd\x93wcn\xb5\xed\x14\xc0]\x16\x89#\x1ei\r\xef\xcf\xe5\xca\xc9o\x8c\x03\x03\x03\x85\xf8\xbb\x0e\x81\xe9\xa8@|!s\xa0"Hg7\xdc\x0b\xacqhK\x86\x1d\x8081u\x9b\x1b\xac\x90\x9d\x8a\xed\x84j8\x0b\xad\xfa"r\x9a\xd7\xbc^\x14\xac6\xf0\x04\x97\x89H\x1dW\xad\x9d\\\xb7w\xa3(\xf4\xae\xad\x90nq\xe2\xbas&amp;\x00J\xedUq\xe95\xa5\x8d7\xe2!K\xa5\xf3d?\x13[\xcc \x14\xc8\xc5:S\xeb\xd4\x04 -3KO\r\xa2\xc4)\xfc&amp;s\x9d\xac\x14SKn``\xe0\xe4\xc0\x8dG\xc64i\xfex\xb80\x82\x88K\xe9\xe2\xf8\xbb\x96\xda\xbfWj\rDle\xc9\x96\xb0\x85\x13p\x9b\xd3\x1a\x00\xa0\x13sU\x1c\\\':;c@\xe8\x1e|M]\x06\xe0=\xaa\x8c\x91\x84Z8\xc6\x04\xb68K\xa2\xae\xce@Y\xe9\xe3\x00\x17Lg\xa29;\xcd\xa4)\xa6\x16\x01\xdd\xc2B\xf7\x803\x19\x99o\x0e\x99\x8c\x01\x1c\x0b\xaf\xf73f_,\xa8E@\xa0\xa0r\xe7\xb2\xf7\xf1\x8aH\xf2\xe4*\x9f\x048\xbf$\x90\xdaz\xb1\x85$\xeb\x88j#\x90\xf3\x990\x93\x9fe\xdf \x8f\x88sI\xb3\xd3\tc\xe8\xc9\x17G\xfe\x1c\xd5\xe4\x06\x06\x06\x8e\x82\xec\x02\x861\xc6\x180\x06\x8c\xf9\xc8\x94\xa3Z\xe7\xe1\xc6\xbe\x19\xac\x9dp|\xbd`\xc3\xdd\x1cp\xf4\x0f\x00\xc6\\\xe0Y\xd2\x8e\xdc\x18\xeb\x16J%\xee\x1f\xa4\xe5\xa65z\x91\xacX\xf9\x9c15\xfaO\t,\xcbF\x8a2\xb3\x8d\x0e\xe8\xed\x88\x17\xc8%a8\x9b\x86\xae\xfbp_.\xaf\xb4\xc74|+\x00\x00 \x00IDAT\x01\xfa\xce\xaf\xec\x18\xab 2\x92\xf6t\x02\xf2\xe2CY\xb3\x97.F\xc8\xd2d:\x08\xd0\xef&lt;\x94b\xb2\xc7\xf9ai\xeb\x8e^\x9e\x80k\x1c\x99\x9d\xa6\xc5\xfdt\x82\xc4\x95\x88\xdb\xc6X\x833\xe99&amp;\xf9\xe7\xc0\xc0\xc0\x99\x02~\xdbq\xd3c\x00E\xb0\xdb\x94\r\x0eM\xae\x85"7C\xdd\xb7\xb6\xd1\tN.\xf6"\x8f\xfe\xd8\xe2\x85\x15\xf6\xd4e\xa4*p\xa7S"\x9bx\xce\xe1\xdc5\xa2A\xd9\x1f\x01\xbe\xba+\x05X\x8ep|k\xa1A\x8a\xe2\x00\xe5l\x8cCv\x87L\xa9\x88O\x07\xc29\xbd\x96\xf3zf\x9dN\xe2I{j\x82\xa7\xa2\n\xdcd\xf7\x8b\xd2oY\x89E`\xfd\xed\xd8\xb4\x07\x06\x06\xda\xc3\x1b\xdd\xceC\xeak\xb0\xf14\xee\xc0\xf6\xc0\x9f\x85\xf1\xab*l9Q\x8f\x88\x8d\x91\xfc\x1fTt\x15\x07\xc6&gt;\xb5\xc9\xdb\xad\xce\x9e\x88\xf0=\xb2\xecD\xe7\xb7\x91\x05\x8aJw\x8fV\x8a\xd3K\xb9\x1b"4{\xf7F\x14\xac\x14\xb8\xd6(\xad\xfdL\x88\xa0a\xf8\x94\xde{\x086\xa9&amp;*\xca\xad\xb8C\x7f\x02)\xc8\xda\xe6Z\x8fL\xcag\x04\xe2\xb2\x86U\x84 \xd7\x8b~\x0f\x99[\x87\xc5j\x90\xee\xado``\xe0\xf8\xc8\x8d\x8av\x180\xb1 :\xaf&amp;\x13\x00J.#?\xa7w\xe9\x96v5W\x82\xe4zK:}jP\x90\x9c\x8fA\xad\x8a\xbf\xb76W\xd1\x88\xf0\x84\xaa\xc2\x96\xfa\x0c-\xac\x98\xc6\xe6\x90R\x8dk\xbf\xae\xfd\xe6u9\x1a\xdbD0*&gt;\xa4e\xbaS\x8e\r\xc1\x13s\x9b\x7f\\\x1d\x955\xe2\x85\x97\x9a\xecT\x88p\xb8\x89\x1e\xe2\x17\xd7\x91\x8e]C/j\xc1j\x0b\x8cg\x00\x06\x06\x0e\x82\x8f\xf1\xb7^U \xce\\2y\xdb\x8bQ\x87;7h\xcc\x15\xaar\xeb\x0f\xb2\x9a\x05\xd4\xcd\xb3m\xc7\x87\x90?Q\xba\x0b,\xf1\x17\xcb\xfa1;T\x00;&gt;\xb8\xfd&lt;krS\xa9:E\xca*\xb1=?$\x17\x08\xdf\xa8~8\x81z&amp;\x10\xf1\xff\xd4\x8c\xd3\xb8q-\xf7;)\x0b\x15\x89\xf7\x86\xc4\xectY\x9a&lt;]\x90\x1fK!\xc0\x7f\xce\n\x13\xa9\xee\xcb\x0f\xcb\xc8\x91\x9f\x80\xba\x1di\x17\x9f\xd7\x9f\xe5\xa8sL\xea\xa8\xb1\xf8\xfa$\x8f1\xf3\xc3\xa0\x88S\xe9+\x18\xce\xf8\x91\xe5\x07\x16\xcd\xee\x12F\xb2\xc7U\xbc\xff\xcd\xb7\xba\xb7\x14\xd7/\x16\x8b\xd1^!\x11\xd6\x98\xdc\xc0\xc0\xc0\x19\x03ziD\xb3(E\xc8\xe4\x97m\xe4K\xc5[\xa0\xf5\xa2Nh\xbc`mI\xd9\xb5\x84\x15\xd1\x92\xa7\x1aOc\xae\xeb\xca\xb5\x16\xe4U\xc5\x85"\xcd\xb2\x0b2\x04\x98&amp;\xa0\x97\xbe\xaa@\xb8\r&gt;\xa6\xc0n\xe8\x1f\x0eA\x04xQ11Wn\x0b!\x05j\xd7\x01S\xb2\xf6\xcb\x97\x8d\xb9\xebRg\xe3\xfd\x93p\xdf)\xcd\xa7\xf3\xcb\xff\n\x9f\xf7R\xbe\xc8\xbd\xf3\xb9r\x9fd\xb7"\x11\xc3@\x97\xe0)w]_\xce\x1d\x9c\xecb\xc6\xc9\xda\\\xe7\x01\x02\xce:\x07\xe0q\x13\xdaJ\xe5\xf2[\x11\x1b\x18\x188\xd3\x10\xc5b2&lt;\xb9K\x14\xa7-\xd0\xb4,\x0ei\xb7\xc2\xe0NUD\x91\xfd\x97I\x97=lJ=&gt;\xa8\x94\xe9\x08\xd7\x18\xf0.\\\xa1\x14\n\xe9\xeeSM\xbc\x11\xfak\'LTReO\xf6,\xf6\xb7\rZ\xf1\xde\xd1 c\x04\x81\x89\xda\x1c\xaf\np\x9d\xa4\x873\r@\xe6\xc6\xf2V\x93\x14\xcbfL\x89\xcd\x99Z^\x1c\xd7\x1a\xf0\x1d\xd29\x8f\x98LL\xfb~\t\xb9d\x01b\xe6\xeb-\xf1\x96N\x8a\x13a+\x95\xef\xc9S\x0e\x0c\x0c\x0c(\xf0\x14.\x9ak"\xd4\x19\n2\xb2\xb7\x13F\x8a\xcdt\xe7.&gt;FucT\xaf\xd6k`\'(N\x89\x90\x93\xbe\x0f.1\x82\xbc\xde\x9d\xe46KC\xb7\x0cU\x94d\xfd\x10\x02\xfcM\x0b\x0e4D\x8eA&amp;\xa8\xb6\x0f\xe3\xde\xf4@SP)\xce\xddh\x95]H#\xbe\x99\xcdU_\xe4F&gt;\xc6\x8f\xbc\x11\x1f\x8e\xe5\xfb\xc9&gt;\xc9&lt;\x7f\x9a\x83\x9f5\xdd$\x03\t\x8c\xae\x82\x8d\x91^\xe8\'\x7f&lt;\x0300pX\xdcc&gt;\x96\xfe\xfe\xf5\x92yY\x90f\x8b\x00\xe4\xaa\xdbDK{\xd4\x1dJNev\xba.vO&lt;\xcen_\xde\xeef\x98^\x12\xee\x0bO\x1f\xbamS\xef\x81NMF\xe3&gt;;\xf14\x00\xd5\xf3$\xd9\xae:\x9b}\xc2;J\x8c\xe04\x1c\x9b]y\xa4a\xf9\x99\xfezQ\xa0\x12\xde\x17\xd9\xad\x1a\xe5\xa2\xf0"\x80x\xd3\x16\x1cr\x8a\x12\xe3\xff\xf9\xff&gt;\xffj\xcbX\x01\xbe\xad\x0b?\xb0\xe5\xd5#D\xdf\xff\xe0\x8bg\xd3\xe5bH\xcb\xd0\xea*M9\x86\xc6\xe1\xd7/(F7.d74\xd3\x02\xdf\xea\xdd\xbd\xb5\x9f\xf8\xdc|^W\xac\xfd\x98\x02\x9b"\x85\xb5"\xd7\xd6\xeb\x88r~\x8b\xfcd\xb5\xb3\xeck\x87\xd9\xc5\x82(.!\x00\x1a3\xb1A\xf8\xe7\xa6\x1d\xfdkOjo&gt;0p\xa6\xc1?7\xe2,u\xf0\x13\x00\x84\x9b4m\xe1\xdc\xd2\xcb1\xc1\xaf!\xb5\x90\x17\x08\x97l\xcb0\xdf\x1c\xf8\x98h\xf9\x90\xbe\xfd\x8e\xf0\xae\xaa\xb0/&amp;7\x1c:\xc2\x17\xfe\xd2\x85\xfcg\n\x95\x92\xb5 )\x02U\x83\xde\x1da\xf6\x02\x92\xd8z\xa8G*\x84_\x93\xab\xe8\xdc\xa23e\xc7\x0bW,\x1e\x0b\x95\xbb\x7f\xbb\x04\\J\xe7HVP\xd6aT\xed\xce\x15\xec\x86\x8eX\xa5Z\xde\xafi-\xa9T1\xb1\xe2\xcf\xde$\xdd;(\xd1\x9c\xd83`lh\xda\xb6\xa1\x96\\z"\xd1.\x8bY\xa4\xea\xa0\xe0\xb9\xdd\xa9"\xc7`\xa8\x8c\x1d\x80\x81\x81\x13\x81\xe9](\xf3B\x00\xcc/{\x08\xd2D\xfd\xd6\x0b[2\xc0X\xc7\x1c\x8c^\xdaRM+\x84\xd6\xa9\r\x9a\xce\x82",K2\xebMO\x13\xd3\xbb\x90\x0c\xf2\x1frM\xe0J\xabJoqK\xd2C \xde\xd0\xa36e\xe9\xfa&gt;(\xdfJ\xd7_~\x9c\xabT\x9c\xb3\nk\x00\x9c\xc7\xda\x13\xc5Ow\x9f\xc6\x98\xbb\xe5\xbf\xd3\xaa\xe0\xe8\xe9Z\x96c\xbb~\xcb\x16\x00\x00\xef)\xcf\xa1\xfd\x02\xb4\xb2\x1dE;Z\xfe\x10\x1c&gt;&lt;/\xa87U:e\x89*\x1aa=\xbc\x03\xf6\xb59`\x00\xe0\xf3\xde\x9eL\xb8\xba\xcck\xf1=P\r\x03?\x03\xd4\xce_\xe9w\x9a?\xaf\xae\x1e\xe7\xf7\xfd\x05\xc9\xd9\xb7r9\xdb+\x1c\xed\xf9\xd5l\x8b\xfd\x8d1w\x0c\xe9\xe6K\x8c\xcb\x80\x19&gt;\xedo\x0bd\xc5\xb8\xaa\x8c\xb9\xe4\x8e\xef\xbe\x0bf:\x10\xf9w\xbe\xf2\xdd\x19\xfe;Kf\x05\'d\x19o`` \x84;\xbeL/\x0c\\\xa3\xa5\xd6H\xcb\x8eK)b\x88^,\xad\x90\x16\xbe\xa7\xce^\xc9.\xd2\\\x91_\xce\xc9l\x02$\x86 \xbc\xccLA\xf4Y\xa4\x10I\xeb\xa2\x9ax\x03\xba\xbd\xf5(\xc4W!\x0b\xb5&amp;?\x97/\xe7\xca1%IE7AX.\xe7G\x13\xc1\xc1T\xb3\x88\x14a\xb7\x9c@\xfc\xac\xae\x08L\xe5\x16\xd6\x05\xe90^)\x0e\xb2/Z\xec\xcf\xc0/[4\x02\x02U\xdd\x94c\xfc%\xfcddmD\xbb\xdd\xe9f"\xca\x90\xaa\x0b\x9b\xeb\xaf;\x152\t\xba\xc8\x94kE\x8c\xe9d\xc4^\x81\xab(G\x872\xe0\xc0\xc0\xc0IB\x18\x11\xb6\xd0\x14\xfc\xddDxW\xf2~G\xd2G\x11\x15\xa0\xfd?\xff\x9dJ\xc5\x86\xfe\n\xcdy9T\x96\xe6\x13\x80\xcc\xac&amp;I\xa0\x81)\xd2\xea*\xcb\xeeg\xbcZZ`]\xfd\xeax\xc6\xa5{\xe0\x9c\xf7\x8eE\xdaC\xc9\x85\xd3i\xef\x80\x96~\x02\xe0\'\x13hgd&gt;\x0e\x93\xb3\xc4\x88\xf3\x9c\xec\x9dH\xc1U\x06w8\xc4X\xca\xd6QQ\xee?.mw\xf8LYh%\xeb\x9a\xf1\x81\xc0\xd4n\xbd/SPM1\xe5-\xa8-\xdc&amp;c\t\x93\xee\x84\x88\x00_\xc5JI\x9e\x8f\xf2\xe5\x1f\xc2\x15\x07\x06\x06\xfac\x8d\x1d\xef\xec\xab\xe8\xcaL8n1\x01\x08\xa3\x7f\xe3H\x1d\xc7\xc7\xe6!2\x0e\xe5\xdc\xc5\x0es\x00}\xf6H\xa9`0\xa4\xa4\xa4"\x10\xd8\xad\xcd\x04`\xe5\x906y3\x07\x8e\xb4\x17Oi\x8a\xa9\x92YZ6%bBR\x13\x04\xa4\xa5\xc3\x1ft\x95\x96\xd6\x1a\xe5\x1b\x99\xb4`\x0f\x96\xf1u\xd1\xca\x8b2x\xa8t\xfa\xe7\xff\xd5\x9d\x98\xef\x0f\x99\xf9U\x9dC\x16\xe5\x9d-\xf0\xd0\xf7o\xbe\xe0\xed\x9a\xc5\xad\x88\x97"\x81\xa4OR\x19Bo\xd4\x96n\xcc\x13\x06\x06N8\x04}gkM\xd2\x91\xbabX\x10\x84\xb0\xb6\x85\xaa\x08\x91z\x1d\x81\xa2\xd7\'\x024\xd7\x07\x94\x91\xfc\xf6j\xc2\x99\xee\xa7\xad\xf5\xf8n\x0cZM\x000\x1a\t1\xea\x1a\xa0B\xfe:l\xcap\x15\t\xa4\xb2\\s\x12~W7I\x93r\x06\xd7\xca\x06g\x8a\xd2Min\x98\xd9+\xe0\x94\xf8S\x97\x0fH\xc8\xb9\x13\x9epM:\x9a\x00p\x16P\xd6 _0\xb1\x03D\xacz \xd3\xb8\x16\x97&gt;\xa3G\x99\xd9\xa6!w\x0c\xda\xca}\xabx``\xa0\x07\xdaE\xc6\xd6!\x80\x95\xa3\x0c7\xba\xd8\x14\xa4\xcc\xc6M\x15\xb6\t\x94a\xe7\xe7_f\xe7BA\x1c\xcf\x8f\xc5;\xd0\x95L&lt;\xce\xbf\xe5\x04\xa0\x99\xd8\xf8\xb2]\xa1l\xeb\x0cDA\xb2&amp;\r\xbd\x05\x01\xfe^\xb0Y!\x1d(\xcc#\xb0\xab\xb8C\xd85A\x93\x82Z\xe6uU\xd9\xd4\xb5\xfe-\x16\xb5\xb2E\xc4\xa7*\xa3\x8a\xa4"\xfcJ\x87\xb5D\xff\xbb\xc6,4\x0f\x05\xf9\x94\xc6z\x9b\x13\xc5\x0f\xcaH\xda\xea\x8c\x82\xa4\xea\xa5&amp;\xa2&lt;\xb0\xca\xa3\x06\x06\x06vA\xc3\xb0X\xdb\xafP\xd2\xe8\xd1\xaa*\x9ak;\xbc0\xa5\xcd\xfb~6\x8b\x18\rz_\xb5\x1eo\xedP`\xb4%Y\x14\xe2\xbb\x13\x15\x9e\xdfx\\c\xeb\xc5\xddX\x93\n\n\x8b6\xe3oz;\x00FH\'O4\x90\xa0\xf6#\xb1EE\xf0\xf2\n\x84\xbc\x94H\xf3\x95\xb1W[\xf2q\xf9w\x1f\x978\x1c\x8a\xf9P\xc5"J\x17\x18$\x91\xcb1\x9a\xba*\xf5\xa5\xb8eXM\x8e\xb0\x86\xb1\x85w\xd1\xed\x9d\x01\xe1\x1c\xc5E\x93\xe6\x92\x17\x8a\xb7\x8c\x9e\\\xd2\x03\x07\x06\x06N\x0c\x9aD\x84HT\x13\x04\xbdTx\xf7G\xa5\x8a\n\xe2\xd4\x16\xcb\xf3\xfdT\x10\xca\x8a\xe2\xf5\x06!\xdeS\x91vB\xbf\x08\xcfoH\xc9\xf1\xff\x86\x1d\x9b\'\xe7%\x81\xa8\xbe\xb5_P\x8a8\xa5\x93\x9d^amL\x9a\xc2\xe7\x18\xf7\x88\xeb+\xca\x1a2\xdf\x1b\xcd|\xc9\xaf\x970&lt;\xc6\x15D\xe6\xf5\x84\x14\x19J\xe7\x00\xdf\x11\xd0\xee\nOQl\x87\xce\xda!6yAfI\xca\x1b(U\xd4\xb0J\xc8\xd9\xc4\xa4\x03\x03\x03]\xd0l\xadW\x1c\x0e\x14\xdf\xaeo\xb2&gt;\xa4\x8dS\x9b\xf4R\x9b!\x0e\xd7-7|\xea\xb7\xefCbT5\x11eh\xdc\xeb,\xd2n\xd3R\x05o\xa2\xc4\x95)\xcb\x83[h./\xc5\xb7f\xbce\xbb\xfd+\xd2{\xbdr\x9d\xaa\xd6jq#\xf7\x0f\xce\x0eQ.\xb6\xde\xb3&amp;\xedS\nz\x12\xd2G\x17\xa9\x7f\xd5\xd8M;\xbboF\xd99\xc3V\xd6\xdfQ\x925s\x80GW/m\xd4d\x1f\x18\x188\x16\x9a\xf4\x07\x920W\x12\x16\xeb\xa1V$I\xd9\x86v\xe7\x0e\xd8WS]\xc5\xa4\xc8\x06\xf4~$\xe3\x12[\xbbMw\x15\x93\xe4\xfb\xc4\xd5\xd1\xb0\x82\x1cE\xfalZW\x99R6\xb0\x18Y\xd5\x0b\x13wY\xf7\xa8\xa3\x10\x95\xe7\x88\xed,j\xbf\xe2\xd6\xb1ak"\xebq+\x04\x1a\xdb5\xabPC\xa4P]^ib\xdf\x07v\xb1\xea\xc0\xc0\xc0)C\x14\xb3\n\x02J6\x12\x11\x91q\xa3\xb0U\x1a"\x99\x12\x15\x9b\x88S\xb0E\x04_\x15\xbd\xe8\x88\xcc\xd3\x9dY\xe4:G\xef\xf0$\x8bysA\xae\xe9\x94\xe5(\xa5\xfb\xfcL\xe3\x8f\xc5\xc7\x8b\xdbN\x89\x8fb\x07=\xe4\xb4\t\x9ff3\x8alRd\xb4\xbev\xd6\x94\x11Z\xb8P8,n\xeb\x9c\xb3\x0e\xb7 d\t\xa7\xbb\xaa%\xa7\xb3\x05\xe9#3rV\xedZ\xa7\x03\x03\x03\xa7\x0f\xf20\x9d\xc9.\x94\xbfm\x84\xc2\x0b\xe8\xd5\xf1&lt;\xb5\xf1=\x81\xa7lf\x8d\xc6\x8a\xc2\xaa\x0c\xc4V\xcd!9\x9b;w\xff\xa3\x94w+x&lt;\xa7\xdf\xbf7\xff)ur"\xcdazn\x9fX\x9a\xd5q\xd7\xe3\x8f\x0c*\x1eRf\xec\x1e3;\xba\\\\F\xb2iwS\xd5\xc9nD\xdb\x17U\xa5/\xc2i52z\x81|\xf7\xcf1\x01\x18\x18\x18h\x84\xca\xa1[f{\xbas\x7f\xd6\x06\xff7M\x12\xf1R\x88\xf0\xc09\xc1S\xab\n\xf2\xbe\x83\x9b\x82C\xb2*\x0bKd\xa5}i\x9c\xfd\x07\x14\xfdkwx]/\xe7\xdd\x13\xd5k\xe7d\xe8\x87\x02\x91\x84\xd6\xfe\xe3\x99:"9\xb0\xa2\xca!\xbd\xea#%\xc4</t>
        </is>
      </c>
      <c r="E110" t="inlineStr">
        <is>
          <t>&lt;class 'numpy.ndarray'&gt;</t>
        </is>
      </c>
    </row>
    <row r="111">
      <c r="A111" s="1" t="n">
        <v>109</v>
      </c>
      <c r="B111" t="inlineStr">
        <is>
          <t>steps_per_sec</t>
        </is>
      </c>
      <c r="C111" t="n">
        <v>1300</v>
      </c>
      <c r="D111" t="inlineStr">
        <is>
          <t>2.617623</t>
        </is>
      </c>
      <c r="E111" t="inlineStr">
        <is>
          <t>&lt;class 'numpy.ndarray'&gt;</t>
        </is>
      </c>
    </row>
    <row r="112">
      <c r="A112" s="1" t="n">
        <v>110</v>
      </c>
      <c r="B112" t="inlineStr">
        <is>
          <t>Loss/RPNLoss/localization_loss</t>
        </is>
      </c>
      <c r="C112" t="n">
        <v>1300</v>
      </c>
      <c r="D112" t="inlineStr">
        <is>
          <t>0.1687417</t>
        </is>
      </c>
      <c r="E112" t="inlineStr">
        <is>
          <t>&lt;class 'numpy.ndarray'&gt;</t>
        </is>
      </c>
    </row>
    <row r="113">
      <c r="A113" s="1" t="n">
        <v>111</v>
      </c>
      <c r="B113" t="inlineStr">
        <is>
          <t>Loss/RPNLoss/objectness_loss</t>
        </is>
      </c>
      <c r="C113" t="n">
        <v>1300</v>
      </c>
      <c r="D113" t="inlineStr">
        <is>
          <t>0.013982245</t>
        </is>
      </c>
      <c r="E113" t="inlineStr">
        <is>
          <t>&lt;class 'numpy.ndarray'&gt;</t>
        </is>
      </c>
    </row>
    <row r="114">
      <c r="A114" s="1" t="n">
        <v>112</v>
      </c>
      <c r="B114" t="inlineStr">
        <is>
          <t>Loss/BoxClassifierLoss/localization_loss</t>
        </is>
      </c>
      <c r="C114" t="n">
        <v>1300</v>
      </c>
      <c r="D114" t="inlineStr">
        <is>
          <t>0.4298072</t>
        </is>
      </c>
      <c r="E114" t="inlineStr">
        <is>
          <t>&lt;class 'numpy.ndarray'&gt;</t>
        </is>
      </c>
    </row>
    <row r="115">
      <c r="A115" s="1" t="n">
        <v>113</v>
      </c>
      <c r="B115" t="inlineStr">
        <is>
          <t>Loss/BoxClassifierLoss/classification_loss</t>
        </is>
      </c>
      <c r="C115" t="n">
        <v>1300</v>
      </c>
      <c r="D115" t="inlineStr">
        <is>
          <t>0.3120823</t>
        </is>
      </c>
      <c r="E115" t="inlineStr">
        <is>
          <t>&lt;class 'numpy.ndarray'&gt;</t>
        </is>
      </c>
    </row>
    <row r="116">
      <c r="A116" s="1" t="n">
        <v>114</v>
      </c>
      <c r="B116" t="inlineStr">
        <is>
          <t>Loss/regularization_loss</t>
        </is>
      </c>
      <c r="C116" t="n">
        <v>1300</v>
      </c>
      <c r="D116" t="inlineStr">
        <is>
          <t>0.0</t>
        </is>
      </c>
      <c r="E116" t="inlineStr">
        <is>
          <t>&lt;class 'numpy.ndarray'&gt;</t>
        </is>
      </c>
    </row>
    <row r="117">
      <c r="A117" s="1" t="n">
        <v>115</v>
      </c>
      <c r="B117" t="inlineStr">
        <is>
          <t>Loss/total_loss</t>
        </is>
      </c>
      <c r="C117" t="n">
        <v>1300</v>
      </c>
      <c r="D117" t="inlineStr">
        <is>
          <t>0.9246134</t>
        </is>
      </c>
      <c r="E117" t="inlineStr">
        <is>
          <t>&lt;class 'numpy.ndarray'&gt;</t>
        </is>
      </c>
    </row>
    <row r="118">
      <c r="A118" s="1" t="n">
        <v>116</v>
      </c>
      <c r="B118" t="inlineStr">
        <is>
          <t>learning_rate</t>
        </is>
      </c>
      <c r="C118" t="n">
        <v>1300</v>
      </c>
      <c r="D118" t="inlineStr">
        <is>
          <t>0.03066655</t>
        </is>
      </c>
      <c r="E118" t="inlineStr">
        <is>
          <t>&lt;class 'numpy.ndarray'&gt;</t>
        </is>
      </c>
    </row>
    <row r="119">
      <c r="A119" s="1" t="n">
        <v>117</v>
      </c>
      <c r="B119" t="inlineStr">
        <is>
          <t>train_input_images</t>
        </is>
      </c>
      <c r="C119" t="n">
        <v>1300</v>
      </c>
      <c r="D119" t="inlineStr">
        <is>
          <t>[b'1024' b'1024'
 b'\x89PNG\r\n\x1a\n\x00\x00\x00\rIHDR\x00\x00\x04\x00\x00\x00\x04\x00\x08\x02\x00\x00\x00\xf0\x7f\xbc\xd4\x00\x00 \x00IDATx\x9c\xec\xfd{\xdc~\xdf6\x17\x8c\xcf\xf5uLa\xb3\x1dr\x88\x92c9\x94M$\xfb!6\x95]r,\xc7l\x92\x10?=\xf8E&lt;\x9e^\xce\x84\xa8\x9dC"\xa4\x90_\xd9O"\x8a\x14"J9m&lt;T\xa8\x90s\xb5\x1d\xc2\xc6\xf8\xfd\xb1\xae5\xd7&lt;\x8c1\xe6\x18c\x8e\xb9\xd6\xba\xee{\xbe_{\x7f\xbe\xd7\xbd\xd6\x98c\xbc\xe7\x98c\x8e9\xe6\\\xeb\xbe\xee\x10&amp;&amp;&amp;\xfc\x00\x00\x00P_&lt;\x85\xcc\xf5 \xf1C&amp;\x03\x1bdm\t\x8de\xf3wK\xd4\xde\x11.\xc1vu\xda\xe6\xba\xbb\xf3\xe1C\xc2\xe3\xf5\xfc}M\xde\xfb\xcc6;\xf2)\x7f&amp;\x87\xbb\x82\x85\xf0\xc1\xdd\\\x8e461\xf18\x01\x00\xcb2\xe7\x9a\x08k\x06L\xdcuK\x89\x8e\x0e\x04\x80eK\xcfw4.\x07DQ\xe5|N,\xa2\x90g\x94\x08\xf5OH\xa0\x89\x07\x08\x10\xc2\x03r\xfb}\x05R:_j\xce[_\x82{\xa2s\x03\x00\x15&lt;siCq/\xf1\xf9\xc4\xd9\x04&amp;&amp;\x1e&gt;\x8a&lt;\x00\x00\xe1\xfe\xce3\x0eB\x954\xfds\xe8\xb2,a\xb9\xc1]9\x8a{9\xbeZ\x96eY\xdet\xfd\xccp\x8enC\x1d\xc8\xf8\xf5\xf4\x15\xb1\xf3Q\xd2\xe1\xf0\xa2\xba&lt;\xa4\xea?\xdcb\xac\xb3GC\xc2\x00=\xec_\x9e\x91\t\x10\rC(W\x8a1\x81j\xc8E\xb4\xab\xaf\x16V7\xe7\xab\x9f\x1b\xfb\xba\x9a\xd0v\xcfO\x81&amp;&amp;&amp;\xdc0\xf7\x00\x0cTY\xf2&gt;R\xeaK:\x90\x14\xf4\x14Bx\x15\xaf\x1a7\xd5\x83\xbd\xc0\xf0\xb1\xfd&amp;\x8e\xc7}D\xcb\x84\x0c\x17|\xaff\xa3\xf4Ug\x13\xb9;x\x8d#\xc4]X\x08\x1f\xec\xa4\xd3\x07\x17\x0c\xd7\x89\x89\x89Q\xa8K\xb1\xbd\xee\xf7O\x04\xd7\xcb,\x96&gt;\xc2\xa0\xd7\xca%\xc9\x17\x00\xc2\x9f\xe9\xad\x9e\t+\xc7\xa5~/C\xf1 -\xcc\xa5\xebaa\xcdK\x8e\x03zVl\x1c\x15\x96\x90\xfc{$\xe6\x8c{P\xb8\xb7\xc7\x8f\x13\x13\x13\xbd\xd8&amp;&lt;\x948\x9a\xc0\t\xd0\x9b\x1e\x99"\x9bnw\x19\x14\xfe\xd9\xce\x01\xe3\xeen\xe2\xf0\x88\x9d\xe0\xf0\x9f\xbb\x1f\x1e\x0e\x8a\x10_\x9dr\xcb\x07\xd8x\x10u[\xde\x85\x8b\x85\xd0i8\xe3Q\xfc\xc3\xf1\xde\xc4\xc4\x04\x8ab\x92g\xa5\x7f\xd7\xfc\xd7\xb4%K\xb7\xc7X\xcf]\xa1\x90\x15=\x85\xe8PO\x8f\xb8X\x03FI\xb3wztqu0\x0c\xe3[\xe7"WF\xe7\xe2\xb0\'\x00\x13\xfe\xb0\x84\xe2\x8f\x0c\x1d\x8e#\xc2\xe9aM\xc0\x89\x89\t\x01\\\x8e\xff\xb5\xfb\x07\xca\xdc\xa1\xa5piHTP\x8e\xa0\xd7\xbd\xfb\xf2\x04\xd5\xc1\x9e\x8e\xbfmW\x8cuG\xe6eJ\xa5\x07\xbc\xc4\xdaF\xf6\x1a4\xae\x8f\x07\xd9\xa9\xbb\x04\x9d\xc7 \x959\x92\xd2@\xbc\xfcC\xe9\xc8\xc4\xc4c\x83&lt;\r9\x1dB;l\x00\x0e\x03J@\xc0J\xc0\x99T\xf2:\xb4\xf2K\xe5Y\x15\x19\xe9\xd7Y\xf4\xed3\xed\x8f\x0e\x18\x8b\xdb-\xfe\xcd(\xa7\xa1y\xafQ\xbfFr\x17x\xf2q\xdb\xb0\xcby\xd8e\xd0\xfb\x95\\0\xf6\x1cW\x81\xc3z\x07\xdbo\x1f\x1dcnbbb\xc2\x84\xbf\xa3\xab\xe4\x0eLj\x17y\xf4\x7f\xcaK\x96O\xc7o\xdc\xd3\x8a\xf2\x8fm\xbfG\xe1\xb4\xcf4\x9a\xa58\x8fx\xe2\xc10\xf1\xd5\xf9\xc0\xf0\xc0\xfcs\x9db\xf1\n\x1cR\xc0\xf6\x0b\xdf\x8e\x1b\x80#\xfb\xa8\xb4u-\xe7OLLL\x9c\x862{^lq\x1a\x07\xe6\xf1\xf1Q\xab\x97\x87\x15\xebZ{B\x05\x0c%\xd2;\x92\xd6B3\xb1\x81\x81c\x07\xae4q&lt;\x06W\xaf\xe1B\xefw\x15\xb8\xc5\xdb%\xde\xeeS\x13\x181U\x87\xce}1\xe1\xcb=v~P\x90\xf5\xae\xe9\x84\xf9\x87\xc0&amp;&amp;.\x03\xe2\xf44Og\xf9:\xa7\xfa\xa5R\xf4\xaf\xb6\xfc\xc5\xa3\x97\xf6\x03R\xf3B\xfe\x9d\xaf\x83\xfe\xf8\xd7\xff\x86\xben\x92+\xd8U\x176\xfa\x0f\xab\xb9\xfa{\xff\x0bd\x8eJ\x15v\xaf\x00\xf5\xdf\xc0B\xb6\xc1\xfa\xfe,\xd7rB\x05\x08\x03\xa2\xe2;\xb4/[\n\xc52\xb9\xd3\xff:\x9e\n\x8b\xf0o\xca\x9d\x9a\xa5\xa4$/\x00\xe3^E\xf2\xc7\xda\xaf\xb9RLLL\xa0\xc8s\xc1;\xa2\xd7\xe3q\x17}\xc8])&lt;\xe3\xd7m9&lt;\x9a\xc4T8V\xe5gj|]\x0f\xd4/\x03O\xc2\xd7=\xab.p\xe60\xdd]\x84\xd0@\x9f;]\x98\xc0U\xf7\xf0\x13g`P\xdc\x9e;#&amp;&amp;&amp;2\xc8&amp;\xa4\xa8\xb6\x03\x80\xf0V\xb0\xfe\x10\xc2o\xb6\x85\xbb\xe1\xa6\xc4\xe3\xd5\x85A\xa9\x8d\xd5\t\xec\x8f\x9c\xce]\xb5\x92\xf3\xc3&gt;\xc2a]\x81\x9cX\xab\xb5?\\\xd7\xc9\x01\x96_\x08\xbe?\xd7U9a4\xff\xd2\xab\xf7\\lI\xde\x11=\xf9e\x9e\x13\xad\x9f\x04\x97.\xdfoLNL&lt;8H+\xd7w\x83\xe0W\xb8\x07\xcfo\xc6\xb8\xc8\xc1s\xf4\xe1\x97\xa8\x1aH$\xbf9\x91\xf4\xed\x8ba@\xef"}\x0feh\xf7\xc0\x1d\x17d\x9e\x10:\xa1\x90\xb9C\xbf\xbd\xdd\xb9%x\xd3\xf4\x1d\xba\xf4`\x8c\xf5\xcf\x9d\xed\xd0\xee\x85\xe7\xc4\xc4\x84\x14\x1f3\xea\xe8\xfaD\x14\xa7\xd4\xc7t\xed\x18\x1f\xde\xac\xa8~\xc5b\x04\x81\x91 L(\xecJv\x86\xc7\x07\xfc\xc3\x9bh\x14\x1eC\x1f%\xb8\xf6p\xff\xea\xd9\x04\x1e\x19\xb0H@r\x02!f~\xde\xcb\xa8\x9d\x98\x98x\xb0P\xad=\xd7^\xab"\xae\xc1\x90x$}Xq|\xe6H\x01\xf5,h(%\x97\xc7\x14\x97\x08\x9e{\x98e\'\x91DG\xed3\xe1\x8e~}\xa2\x80y\xaar\xad\xfe9y\xeb.B\xeb\xce1\xea\xb5xW\xcd\xd4\x16bbbb\x02\x07y\xae\xfc\x80sGg=\x9d7\xf4y\x96\x02\xc0\xeb\x197\x16:\xe6\xe9\x83\x08a\xafeb\x83:x\xf6\xc6\xe9\xbep\x82\xa3\x9e\x16\xb0Ts\xd7\xa3\x96\x92WO\xae\x96\xc2C\xe1\\\xa1&gt;B\xf0\xbf\\\xf4\xe0}\xfb\xe0;811qo\x0b\xb6\xaed\x17\xbcx\xe3\xbd\x010&lt;\xc3\xf9\xb7=\xd6\x15H\x18\n\xbb|bl\xd8\\z\x14.H\xe9\x1c\\u\x80\xec0\x05&lt;{\xc6/\xdei_,\x0f\xab\xc9\\\x8c\xbf\x03\xae7(G@\x18\xb4\x13\x13\x13\x07b\xd4\x9c&lt;b\t?\xacP\xc8Sv\xfa\xf9\x13h\xf1\xa1O\x00\xdam\xa9[ZUZ\xeb\x12\x9d\xf2~i\x08H$\xed^}\xc0\xb8\x9aCT;\xc9K1\x17\xa2\xc9\xb9\xd5/\xe9Q\xc5\xf5\\47\x00w\x1c\xb7=\x98\x1b\x80\x89\x89\x0b!\xa6\xa1\x9f\xf6\x9d\x96_s\xdc$\xefH\xa3\xd2\x9d\xc3\x97W&amp;nF_\x11\xd2\xc3o\x85auq\xe3\xe9O\xd8\xde\xdd\x17J\x8e\xc0\x88~i\xad?\xb6\xd5\x97\xc7E|\x92qp{\x97\xec.\xf1p\xbb6_L\xef:\xdc\xb9c\xe4_\xc8!\xe9\xfe\x9d\xfc\xb5\xb4\x89\x89\xcb\x03\x00\x8a\xbf\xe9\x18\xa7\xdf}\xfd\xad\xc7\x14k\x17*\xfe I\x1d\xa9Cj\xe7d\xfa\x03\xfe\xa7\rm\x0e\x94\xb7"zg\x06l\x8eY\x00\x80\xea\xd4\xbd\x83\x1a\xcaT`\xfdp\xbfa\x8f\x01\x00\xec=\xda"-$\x13G4\x89|\xf1@\x87\xe6\x0e\xd0\x93H\xef\x16|\xef\x06\xf6}\xc6\xb9\x10O\x9cM`b\xe2\x81\xa0\xce5\xeb\x85\xbbNA\x0b\x96A\x01DGJi\xcbF\xc9\x88^\xb4\x1e\xde,\x1bv=_\x82\xabJ\xc5\xfa\x01\x10 qNe\xd2\xe1,\nr\x04\xbb\x97\xf8\xe7\x03\x9c\xce\x86\xc7\x1e\xec\x91\xdb\x12\xfab2\xe4\xbe9\xd1O\xd2\x98\x7f\xa7\x87:\x94"\xf8\x1e\x1e\xc7T\x03\xd91\xad\xa3\x85\x0b\x82\x0f\xb3\x81\xeb\xe2\xea\xec\xb3\xaa\x7f&amp;rN|0;11\xf1\x18\xc1W\x8a\x86u\xce\xeb\xe9j]\xceRw;\r\x1d\x89\x1b[$\xd1\xbb\xf4\xe26\x947\xb7\x00\x00\xc0\x07\x08^w\x0e\xe1o!$\x19\xbc\x0e\x98\x7f\xc9\xc4k\xd4\xfe\xfd\xae\xe7\x12\x01\xd0\x19\x90\xe9\x9e\xed\xfaQ}\x17$k\x00@\x08\x9fy6\x8b\xcb\xa1{\x1c\xef,\x0cP\x1c\x18\xcc\xefI\x11\xb8\xbb\t511q\xc7H\x92\x8e\xdb\x06 Q\xeb\xf6k\xb8Er\xe4\xf7\x06^8&amp;\x1d\x9f\x9e\xf4\xd1\xcdU\xb3I\x7f\xa5\xdb\x8fK.\x99o\xdcAi\x9b2\x0e\xfd\x1a\xeb\x96c&amp;\xe0\x95!\xee\xf5\x1d8\xc7&lt;\x82\x8fs\xe8\x07\xc1\xbab\xce!\x98\x98\x980b\xc8\xfa}+\x0bn_;`_]\xa8"\xe3\x9a\x1b\x00\x1b\x19\xba\t\xbc\xdb\xf5\xd6\xd7~\xcf;\x8e\x1a\xaf\x07\xba^\x82:\t&gt;\x9e\x01I1a-86\x03\xed0\xb8+\xcf\xdf\x13\xca\xb7\x16O\x0br\xdc\xee\x1c\xf7\x15\xef\x7f6\x81\xf9\xcd?\x13\x13\x13\xf7\t\xb6\xc2\xb8\xe2\xe9\xa3\x95\x0f\xb1\x88^\xacw+\xb6&gt;\n\x9d\xff]\x8c\x92\xd1\xbd\xbb\xa0\xf7\x8e\x84\xaa\xfb\xfa\xe1\xb8\xdc\xec\x1b\x87\xebw3\x9fP&lt;\xdb3\xfarx\xa8\\b\xc8\xae\xc0\xe1"\xae\x98\x98\x98\xd8\x10\x935R\xd7\x9e@\xe7\x86\x7ft\x9ei\nl\x95\x7f\xc1\xfa\xc3\\\xd7Z\x8f\xd2\r\xad\n\x1d\x06\xa3\xf2\x93c\x8aa2\xacm=\x97\x1be\x0c\x96q\xbf\x87~\xf1\xb8\x8b\xa11\xe1\x1a\xe7\xeb\x1a&lt;\x9e\xfd\xd8\xf51\x07bbb\x82D\x91\xaca\xfb\xc5P}\xe2\xf8)OZz\x1cp\x88\xab\xaa8)%\xbe\xbf\xe1\xe0\x0f\xc5\x93\xf4\xbd/\xfdK\xbeZ\x83z\x87\xf3P\xce\x89G\xf5\xe2\xfe=3q1&lt;\x90\x19w.\xae\xe0\xc09\x8e\x13\x13\x8f\x06\x90\xd6v\xc7Y}\xc8\xbf\x8ey\xc3\x95\xb9\xa1\xa0\x9e{\x008\xbf\x17\xb4\x1b\x12\xeb\xe4\x9e\xc9\xe4\x82|&lt;\x9bzq\xa1A\xbc\xaf\x88\x9a\xb8&amp;\xa8g\x9b\x0ejG\xc5\xa7\xcf\xaf\xee\xf4+\x99 A?w\xd5j\x9a\x7f\x07`b\xe2\x18,\x07\xfc\xdd\x13\xf4\xbaK:^\x96K\xff\xc5\x9a\xfa+\x9f\xe5\xbd\x16K\x0e?!^\xbccd\xffc\x08\xfa\xb6-\xb7,|H/\x96\xdf\x04\xf0\xe9|\xd3"\xba\xf5*.^\xe8O\x08}\xec\xca\xed\xc7\xce\xe61!\x07\x1b\xf9\x1e\xa1\xa5zH\xa7Q\xbc\xe4\xf2\x96\xa4g\x9d;\x03\xbf\xec\xe1\xdc=\x89\xafu\x88\xff\xe4\xb8P\xca\x9a\x98\x98\xd8\x81\xcd\xff\x03\xb2R\xab\x02;\'\':nK6}\xdbQ\xf4=\x9d&lt;\xf9R\xe5\xb4\xa9^\xb2\x82\x04M\xcdBUf\r\x83\xa0r\xc8\xe9\xb8\xa6\x0fO\xc4}x\xe3\xd5\xf6\xe0w\'\xdc\x98Y\xe5u\xeeq\x01\xcf\xed\x1a\xaevx\r\xf2\x1a\x1d\x99\x98\x98x\xe8\xa8\xd3\rZm\xf8g%\xfd\x97Z\x9eR\x03\xf5g\xe4\xb29@\xf8\x06\xa36\x8a\xc6\xff\x84s^\xd9\xea\x04\xe5X\xb9\xc3\x8b\r@\xdaJ[7\xdf\xf5\xa2{\xd7\xe4\x1f\x1d\xb6\xef\xadJ\x83\xb3\x08]&gt;=\x0e\x19\xeeau\xa7z\x07k\xdd\x00\\\xe0H\xe5t\x02\xb8\x8b\xe6\xa6bbb\x02\x81\xaa\xc0u\xcc#\x07\xe7\xa3\xb3\xd3\xdf8\xeb\xb7\x93\xef;=:\xea&amp;\x9cu9~\xbeSo\x98\xf1\xe0z\xfa\xc0\xba\x93\x01\rN\xdd\x08&gt;\xb8\xe1\xce\xbb\x7f\xb9\xde5\xb7d\xd7\xc1\xdc\x00LLLH\x019$\xc2?z\xe9_\x0b\xc3l\x85\x10\xc2\x876\x05\x87S\x19\x82\xfa\xcc\xfbA@\xd8\x97\xecdqo\xf2\xa0\\11\xf1\x90\xf0\xc3\x80\xe5\xff\xe6l\x15\xcd\xe8q\x0f1\xd2&lt;3\xc2\x84\x90\x87\x9d\xc3\xcc\x87\x13\x13\x13(\x0e~\x08pd}v\xff\xb5\xa0\x1b\xf9\x8b\xb8\xa2M\xe3i\xa6\xf7v\x9e\xff\xa6\xd6\xbb\x9b\xaf\xfeJ\x03\x9c\x06\x00\xe1\xff=\x7f,&amp;\x9cp7C)9\xe5\x19j\xbf\xa7\x12=1}\xddL\xdf\xcfo\xe3\x1c\x85\xbby6211\xd1\x8d\x0f\xbdD\x11\xa9\xc1}\xb1M\xe1\xce\xdc\xa2\xd0}\xdb\xb0?nj}C\x9c\xcd\xaes|\x0e\xd95=\x81z\xe0";\xb4\x89\x88\x0b\x0f\x07\xfe\xa6G\xbbY\xeb\xd7\xe5\xc7ty\xf8\xbby\xe3GJ\xa1_\xfeP\xfd\xe2\x10\xbe\x14p\x0c\x99\xf9\xb5A\x13\x13\x0f\x16\x000\xe2\xab\xc1\x06\xa9\x1d\x8d5\xab\x9e\xc5\xfcf=\xac_\x02\x08\x9e\xb9w[.\x96\xe4\xff\xb8\xf5%\xfb\x8e?\x85+\x00\xc4\xdf]\xe8\xda\xb5n\xc4\xfe^6b\xeft6]\r\x97u\xe3\xb9i\xe7\xc1\xc0\x98\xb8&amp;X&lt;\xef\xd9\x04&amp;&amp;&amp;v\xb8.c\xa3N\x11\xae\x97~EE\xe7\xb9\xcbFn\xbd\xcdD\xb1\xe0-\xcb\xed\xd8\x9b\x16+J\x7f5\x14\xae\xbbRp\xdc\xc3a\xe1\xf5f\xd3\x85\x90\xe6C~/\xb7_\x04\xa0\xb6\xc1\rCa\xc8`,qz\ni\xe8\xc9?*\xcc\xea\xdf\x11\xf3\x0f\x81ML\xf4\xa2.\xad\xae\xf1\xa4r\xe1s%\x00\x84\xf0\xba\xc9g\x85\xe6\x0eV\xfe8\xf1-V\xb1\xa0\xec\xb5N\xecE\x1d\xc9\x82\xb74\x86z\xd7\xf3\xdd-\x06%\xa1\xea\xcb@\xef\x08p\xf3\x8c\xc0;g\xe2\xca\xdc.\x07A\xa0\x87\xdc\xa5\xe9\xcb#d\x18/\xcb2h+\xb6Z\xe5gPz\xf7&gt;\xa7\xda\xe5q\xfc\x97\xc0NLL&lt;\x06P\x1b\x80\xcb\xa6\x95mI\xba4\xc9\xebC\xe9=\xf4[\xf9\xea/.4\x8cK\xf6\xb5E-Y\x9d\xfe\xbb\xde\x00\\\n\xdes\xed.G\xe4\xf8@\x82\x1c\xda\xe6o\xe7\xfd\xbb:\xe6\x86U\xdb\xbb\x0c\x80\x1e(\xbdW\xe6Xks/&lt;\xba\xf1\x9a\x98x\x148\xbd&lt;\xb2\xadm\x0fl\x03pF_z\xbf\xe5\t\x90o\xc0\x80\xf0\n\xf2o\x81PW6=\xc5\x10\xa5/\xe9\xc2\x7f\xf5\xd09\x02\xda\xce\x9e&gt;)\xe6W\xa3\xec\xe8\tWa\xb4\x172\x86\xad\xb8L\xcc\xde\x0bL\xd5\xe3\x8a\x90\xce\xac\xa5M\x92fC\x13\x13\x13\x13\x87\xc2\x96\xb0Z\xb5\xe9=\xe1\xb2Y\x9b)#\xb6\x8bf\xda\xcaj\xbe\xef4\x94R\x99\xbc\xe6pQ\xff\xdb\xde\xab\xb0v\xc7\xc1\t\x97\r\xe6\xb30\xca\x1b\xe8\x8c\xd8?\xef\xd7\xcf\xcd\x93\xef\x80}\xb7\x95\xc4\xb49\x90.\x18~=\x89\xeb\x82\xdd\x99\x98\x98\x98\xb8(\xee7c^\x8dy\xb2n!\xaf\x8a\xa1\xc2Z\xf5\x82\xa2\xd3\xb3\xe8gl\x0cUoh\xd2\xd3kk\xcd77\x00\x11l\x17\xac\xfb+\xcc3\x1feR\xb5\xfb9w\xf8\x97\xc7\xcf\xc9\xcc%\xd8V\xa5\xb9\x8dI\x93f}\x05\xbdX7\xed\xb7\xdd\xd7\xda\xf9\x1d*\xeb\xd4\xf8\xc4\x1e\xa3!9Gp=:\xc9&gt;LLL\xdc/\xf0\x83\xc6_\xd1Lo\xf3\xf1\x86G\x12y\xa8i\xe8"\xfdB\xc6\x08\x1d\xb5!\xeb\xc1s%\x112\xa4vqSdp\xcb\x882\xda\xa2\xb3\xb9a\xc0\xcfw\x07U\x93\x03tZ4[{\xd7\xbfg\xce9H\xea\xb0\x0fw.\xfe2\x02\x12!\xd9IAS\xdb\xc1\x1bK\xc6\x9c\xd3\xb6\xfc\x0f\xf73\xd1\x9a\x1e\xe7\xc0\x0f\x99;\x81\x89\x89\xfb\x84ObU)\xc9\x85\x8fx%t\x9eU\xf8\xa1\xf3\xe5\x9f\x11\xb8\xf4\xa9\xf3\x95\xb9\xf5`d\xad\x8f\x9b;[!$\xff\xb3\x98+,n\'\xf4\x16\xa4\xaa\xce\t\xb0\x1f\x96\x18\xf5\xfd\xd3\xb0\x87n\x00\xa8\xeb\xfe\xcb%\xaf\xd0q\x96\xd1J\x1ej\x8e\x9a\x98\x98\xe0 I.W\xc8\x0e\xbd\xa7e\x9ft~\x17\xbc\xe1\xfc~\x88\xa6\xb9\xcf\t(\xa2\x9a\xe3\x06\xbb\x10\xdb\x85\x9e\xbaj\x0c\x90\xd7\x1b\xae0\xa7T\xa0\x9e\xf9\xdc]Gv\x18\x98\x7f\xaf\xbd\x1ak5\x1c\xe2\xc6\xc1\xcfd\xee\x14\x94+D[\x9a\xe3=\x99\x0e\xdf\xb9\xe3\xa8\xb3&gt;Cnb\xe2\xe2\xb8\x9b\xb5\x01\xe7)b&gt;\xac\x8f\xef4@\xe7p\xc8]qF`\xb4\xcf\xa8\xda\xac\xde\xf0b\xf1\\\xbd\xf1Lu\xf3\xd5\x86\xbf\xec\xd4\xb35\xb2o\x00\xee!\xc38O\x8aZ\xac\xf5J\xc9(\x17\xddM\x86\xd7\xe0\x07O\xee\x117\x8fF\x1c@\x00@\x08\xbf8z(}\x95\x8b\xb5=\xb4\xe0\x9c\x98\xb8\x1b\xdcr\xca{\\e\x12\x9e\x94\x83\x8c\xeaG*?\x19\x8e\x07\x87\xca\xd7\x15 |^\xba\x82n\x1f\xd2\r\xc0\xd0a\xe5\x7fuR\xabK\xe5C\xd1\xb38;\xb1\xf3\n\xc1\xaf8\xc9\xee\x08\x08\x87\xe0!\'\x87\xe31~\x9f\x99&gt;,Q\xeb9\xa64\xf7\xb5\x12uz)\x9c\x98\x98x\xb08(S\xb8&amp;\xb8\xe1\xc5\xe2\x83\xc2{\xa4\xf5e\xdf\x06`\xe0\xcb\xa6.\xab\xe0Q\x81\xa1\xab\xd7\xb7\xae=\xa2\x88=\xbd\xfe\xb8\x11\xf8or\x1a#\x0ew\xb9+\xa7\xbb\xc8\x17\xdc\xfc\x15\xf6\xb4\xb39\xa7\xd8\x98[l{\x86\xa6H\xbf\x95&amp;\x87\x07\x16]\x13\x13\x13Z\xdc\xf1\xa3\xbaV\n\x83\x10\xc2\xffo\xe68\x19\xd6\xea\xd3\xe3d(jp{\xbd!js|4q5\x00\xc0\xbf\xbd^\xbf\x1e\xa4\xab#\x00 \x84o\xbaT\x1f\xd3\x08\xbfF\xb4{\x9e\xbeS\x92R\r\xe7{\x03A\x9bR5\x8eW\xe8\xc5\x05B\xeb\x12~\x98\x98x\x9c\x80\xfd-\x85\xbb\x9c\x87WX\x1d\x1f*&lt;N\xd9]\xbfL\xf3\xc1\x0f4\xd9\xc7;\xf9\xcd?\xc9\x18]o\x10\xaf\xc6gE\xe1\xc9\xf6i\xf1\xb9\x8e\xbd\xde\xb0F&lt;s\x84\xd2z\x93&amp;l2\x82\x0cjK,x\xfa\xc0\x9dN`b\xe2q\x02J\x9cM(\x82d\xf2\xe9\xf9!\xcaq\xb4/\xe4\x1c\x04\x17\x1b\xbe&amp;$lk\x01\xd5\xaaV&lt;\x85\xb8\x03P\x83\xe84\xb2\x9b\xf2aqr\xbd4r\x1c\x0e.\xef\n[\x03\xe2\xfc\x01\x8d\xa3`Sj\xeb\xec\xd6\xea_k\x84\xaf\x02\xdf\xd9zS\xf5\xe6\xd7\xea\xe3\xc4\xc4\x04\x87\xabn\x00p\x00@\xf8\xa6\xab\x93&lt;\x01\xa6\xe1\x1b9\xe8M\x9d\xff\x9c\xb5\xdb\xc9*\xe9\xd7\xa8\x90\xb6\xb8Z(\xd9\xe2\xdc\xd0\xf3\xcc\xb4y\xb5[\x0e\xde\x85\x08 &amp;\xc6\xceP\x9e?\x00\x84\x7fc#`\xa7MM\xa5Q\x195\to\xaf)&lt;r\xe0x\xb5\x9f\xe2\xba\xd9\xb8\xdc\x03\xb4\x0b\xe0\xc0\xee?vWOL\xdc\x15\xaa\r\xc0\x85\'\xf0\xfdlT\xee\x02\\\xd5\xd2\xe3d\x8f(\xea\x1d\xe2\xc1\x11\xa2\nBZ\x98\xd2\xf0&amp;6V\x98\xda\x136\x00:\xfd^d\x92\xde\x1d\x9f\xc7\xc8\x8e\x0f\x8e\xc3\xdfR\xd95\x0c\xee\xd0t*\x08\x89\xcb\xaf;\'\x05\x95\x17\xe6\x8a911\x81#\xaf\xfe\xd5M\x87pbM\x1el\xd1\x11p\xb1_\xb4`6\x00#\xd7\x8c\xfb{3\xa7\x86j(ig&gt;\xc7\x91\x92\x9c\xc6F\xc6\xdf\xffg\x95\x1aW\x9bY\x11\xa3\x1d2j\xaa\xe6j{\xf4\x8b\x19Vo4}\xceA\xdf\xd3\xc5s\x83\x1c\x83\x18\x0c\xd5p\xd8\xac\xfc\xc0K\xce\xc1\x89\x89\t\x06\xc6\xec\x96\xb6\x1a\\2\x1aq6\x1f\xbc\xb0&gt;\x85\xcaup\xcdPIp\xddx\xeeDQ\xd2ik2\xb9\x95N\x81\x87\x07\xb4\xcb\xe7\xfb\xe1}\xc9\x18(\xe2_\x14*\xaf\x9f\xcb\x8c\xef\xdd\xa0\x19Z\xa8\xcd\xab\x7f\xdd\xfbEBz\xa3#\xe1\xb0H{x9sb\xe2\x81#f\xb7\xcf\xd6L\xdd"-\xde&gt;\\h\xf2_\x81I\xc1\x81_H~\xf5 RR\x8c:\xfe\xc7\x16\t\xd0&lt;M\x1a\xbfXB\x06R\xcc\xaa\xdfm\xa6t\xff\x9a\x84\x03\x87Z\xe9\x85\x92\xc0y\xc8\x9d \xf1\xc9\xf1~\xeb\x1b\xac[\x0cC\xf6\xdaU\xa6\x1c\xfd|i\x10\xb3^\xe2(\xb6\xd5\xc9\x93\xe2\xc8\r\xc01\x86&amp;&amp;&amp;|\xc0\x17:|\xc3\xed\xdf\xb5\xf97\r`g\x06\x84p\xd1\xdf\x198\x89\x8f\xee}\x95\x8d\xe1\xcf\xf8\xea\xdf\x95\xe7\xef\xa2\xc8\x87\xe98\xef\xb1/)\xc5}\x82^\xabc@v*\x99\x1b\x80~\x98:\xbbM\x01\x00\x08\xe1\xa5\xcf\xf2X\xe7`\xfd\xa7\xa2\xc4Gv\xf5\xc9]%5S\xab^\xf4\xcdMj\x03p\xfet\x10\xf4\x08&gt;o&gt;\xb8\x9b\x98x|\xc8R\xde\x03\x9a\xe4P\xe00\xbb\xc6f\xf1\xb5l\xec\x8d\xfc&gt;Jj&amp;\x06\x8f\xdd\x96\xba\xd7i\xaf4\xb9\xfe(\xaf\xdb\x9f\xa8\xb8=(\x1c\xd5\xfd\x8e\xda\xe5Z\xdb\x12,`|L\xf4\r\xc4k\x87.\'K\xd0\x08\x15\xd7\x8dh\xad\'Ns\xd2\xca\xa1\xf5\xb1\xf8pA\xee\x93*\x89ui;\x1bM\x9e\xdfs\x04\x8b\x89\x89\x89\xc3\x90&amp;\xa9\xc3\xb3\xd5P[\xdc\x06\xe0\x82I9\xa1\xa4;\xfdJ\xce\x99\xfa;\xf5\x03\xc1\xban%\xad\xd4\xcf\xca\xe3\x1d\xb9\xa1\xf0\xb6\xee\xb1z~H\x08{\xe47\xdc\n\xa3*\x95\xde\n;\x01!\xbc\xef\x08\xb5T$\xeb+\xc8q\xb0\x1c\xbd\xfb\x18\xa6\xd3\xef\xf1\x00\xd9Kw\xbc\x98-%\xaa\x9a\xc8U\x0fQ\xdb\xb0\xf9\xf0N\t\'&amp;\x1e7\x98\r\xc0\xf8\xe3\x99\x0f\x1a\xa9\x9c\xfb\xe5\xad\xbbHa7\xda\xedU\xe4s]-\x1a\x8f\xc1\xd2\x7f\xd7\xab|\x9bB\x83~\xb1\xbc\xc4\xb3\xf5a8\xa0k\xdb\xbc\xf8)\x89\xad\xf3k8G\xf4WfI\xb4\xdb\x9f\xf8%4\x1e\x8eo#r\'{t\xd0!\x02\xed\x1a\xae\xb0\x8d\xc9\xf0\x9e\xc7\x93q\x1d\xcd\x89\x89\x89\x0b\x00\x7f8~\x91\x93\x1b\x11\xee\x82d\x06\xc5\xaa/?Y\xf7\x82m\x03\x90\xd2\x13\xb0\x85\xdcTg\xa4\xf5zF\xd5\xd9\x8a\xed\xefr\xb7\xa2\x84Z\xad\xd6\xed:\xf9\xden\xbei\x08/\x9ci\x1b\xe0\xb7\x9e\xca;\xceG&gt;\xcey_yM\xeat\xcb-\x19\xa0\xa3\xb2\xfa\xaf\x0f\xb0\xe2\xf9t\xc2KU\x0fj\x1aC\x89]\xa4\xd7^X\xce&amp;01\xf1\x10\x00\x00\xcb\x82\xcc&amp;\x00X\x960j\xa2\x01@\x08\xa8]\xadi\x8a\xff\xb5q\xcb\xc6\x03=| \xd6\xce\xd8FA\xd2\x96\x1f\xe2\xfe\x00\x00\x80%\xdc\x06\xa3\xb8S\x8cN\\D\r\x16{\xbc\xe4\x0e-\x99M&gt;\x04\x08\xf4\xcc\x05\x80@xr\x141\xb3\x15\xb3\x89\xba\x90\xba\xf7`@Q0,z\xdd\x9c\xb0M\x99\x89\xcb`\x1d\xd9\x07\xbc\xdaNLLP\x10\x9c\xb1\x8d87\xa2\x15j\xcf\xc6\x1e\xd4\xc1\x86\x06\x97y)s\xe4\xb1b3\xf6\xfaMS&amp;\x08\xcd\xf5E\xc59\xba\x92\xda\xa3\xc3\xf5]\x94?\x0fq\x1bS\xa8\x10\xc2\xb3\xe3\x1dT\xdc\xc5n\x07A\xee\xe9\xc7\xf5\xc7q\xc5\xbd\xf0\xbc\x08`\xcc\x13\xb9\x89\x89\x89s \xc9\xe9\xfb\xdd\xbf\xac\xad\xce\xc7\xe1n\xd6\x98a\x90\xbdp\x1f\xa5\x1d\x07\xeeH\xcfK_(\xea\xb3\xd1\xf1\xdb\x9c\x9a8\xbc\x9b\x88\x1d&lt;\xcd\x19\xcd\x7fx\x98\xd1\x06bM/\x11\x03\x80\xf0s\x0e\xfe\xa9\xd2\xef\xfe\xdb\x05\\f&gt;\xe9\xd7@\xe5\x1b\x80#\x89\xd9\xf1}\xb1\x17]G`w\xd3\xdfn\x14~\x98\xfb\x81\x89\x89\xfb\x86\xeaP\xa7)v\x14.B\x83\xc4\xcem\x18O\xb5\x07\x1ci\\\xc4\xf3\xaf2\xf0\xb5\xe0\x11\x01\xe6\xa9pU\x05\xb0\xf8\xfcrdY_\x8e\x9d\\\x00\x1f~\xc6o}4:\xf5\x0e\xa2\x1d\xb5\xd3\xd6H\x96N\xc55\xf7!\xb0\x90\x19\xc1\xd9\xe0\n\xa2\x89O\xfd:.\xc3\x87\xad\xc8&gt;{\xe8q\\ &amp;\'&amp;&amp;:\x90\'\xf4\xd6Q\xeb:\xdb\xbfW9\xe7]\xd3\xc4\xe0\xe5p\x80\xce1\x87\xa9\xa7%\xdf\x97\xbe\xc2\xa9\x8fo\x00 \xaa\xae\xb9\xb6m\x93\xd4\xb1\xfbjU\xd7p\x8b\xbe,\x96J62\xa1DI#\x97*Rn!&gt;v\xea5\xbb\xa6\xda\x00\xd4b\xf1\xc7\xad#\xba\xa8\xdbU\xbd\x97l(\xdf\xf2\xb6I\x8e*\n\x95r\xeb\xa7\xe0\x1a\x13\xad\x81\xbb 911\x81\xc3\xa3\x9en\xb4U\x99\x10\xc8H\xb4=\xfc\xac4\xba\x1a\xb8, yA\xa2\xb8\x81JK\x14\xd6\xb1\xe4Wak\xa0\xa9\xc0\x8eatA\xa4\x01\xa0r\x05\x00&lt;]\x1c\x0f\x1d~~\xd5\xd8\nm\xae.\xe8+&gt;\x98\xda\xdeMK3\x8d\xab\x80:\x10*\xa8\xb4\xd9\xd2]b\xe5\x9c)\xc3\xc4\xc0\xf1dl`\xa8\xdeQ/&amp;&amp;&amp;0\xf4\x95\x14\x9al.\xfe\x83,\x14~y7t\x91\xd4\xf3\x86\x82\xa2-\x84_&gt;\x86\xcc!8\xd0\xedx\xa1\x833\x81\xeaLQ\x18\x99\xa8\xcc\x89u\x03\xbf\xdcv\x14\xa6R\xeb\xb5\'\xaf\t%OE\x05\xa9+\xd0K\xbc\xe96:h[a\xf5_V\xfc\xf9\xb8_}tb\x07\xd1\r\xc03\xc9m\x8c\x9bu\xe1EVG7\xbd\xd6\xa3$\xd5\x16Hk[)?11\xf1(\xd1_U\x08\xdb\n\x17\xeck\x9f\x8e KZC\xfa\xb1\x1e\xd5{\xa0\x19\x96m\xff\xff)\xfd\xbb\nA]\\\x96*\x9b\xf6\xb6\xda\x08\xb1\xc2\x98\x1e]\xfd\'\x04\x8e\xc0\x91\xd3\xfc\xf8\x94R[\x84\x1cL\xc3B\xe6I\xb6\x14\xcdmkG\x03\xa1\xea\x12\xbd\xe6\xe2^e\xb77!\x9c=\x83\xb0\xebs\r\x9a\x98\x98\xa8\x90\xad7\x1d{\x00\xc9\x0b\x0c\xd4\xa9\x18\xca\x86R#\xa1\xa3\x94WA\xb1\x018\x006\x02W`.\xc2\xc7\xb7K\xfc~#u\xc8\xf5m\xdbD\x0f\xa9\xa8R\xc6&lt;\xa0\x86VVx\xd9\x82\x10^\xd9I\xd59P\x15\xb5P\xe1G\xb1\x94\x88V\x9f}\xd53D5\xa6\xe6&gt;\xe0\xbb\xd07\xe3\xa4\x044\x92\x83}\xd5\xbdiQ\xc5\x83~\xe8\xefau\x98\x98\x98\xe8\x07\x9a\x9a\xb5\xf9\xc5\xbc\xba\xd4\re\xab\x1d\xb9C\xb8\xcfbHiU\xd9G\xa4\xc0\xbd\x8b\x14/\x0b\x03\x8f\xfd\xcc\xaea\xd3\x86\xbcn\xa1\xb2\xd29Fz\xe8\x9aS;\x10IS\xb9\x95\x87\x8d\xbc4o\x04*\x85Z.mP7T\xb3|e\xe9\xfeD\xadY\t\xa6\x0b\xf2\r\x80\xc7Bs\x07\x01l\x1dnB\xfe+Tz\xeedu\x98\x98\x98pA\xe7\x06\xa0\xa7\xec&amp;\x1a\xf2\n%+\xee]\xe2\xa8U\xea\x8e\\\'\xda\x00\xf8\xf6(-\xc2\xd2\x8b\x1aC\x8a\x191\xbc\xf6\x12\xd7\xfa\xf2:l(L\x0e\xe9\xa0\xad\x1b\xd9\xac],\xd5\x04\x16$\x1b\x80o\xd37Qs&amp;\x87~\x80\xdaZ\xa6^h\x023\x85\xbf\xdb-\x1ao&amp;v\x02\x90r\xc2\x84\xcf\x84m\xac\x1d\x06\xf7\x81.\xac\x13\x13\x13$\x90tCg\x9f\xfeE\xa8\xd0fhBqx\xc7k\xe7\xaf\xc89\xe9\x02\xfdL|\xa2\xc2\xa1\xabun+\x1d,\x89E/VU\xe5\xa7T\xcb\xd5\x04\xbd\x8fM\xfa\x9a\xfb\xa9\x05\x08\xe1\xf5\x94-\xf2\xfao\xf0\x9bWd-\xbf\x8d\x0e\x1a\xd5\x8c|*\xa8\xe5\x8c\x0e=\x93T)55\xcf\x84\x12y\xac\xb3\x8b\xb5r\xa0\x9eU\x93r\xe1p\xe9\xfe\xed\x14\x98f(!/\xcbWf?x$\x93\x89\x89\x89\xf3 \x9f\xc3\xe7f\xcc=\x89;shj\xeb6\x97\xacv\xe6\x85\xed\x9ak\x15\x8a\x01T\x0f]\xad\x19[\xcc\xf5\xbc\x1e\xea\xa7\xca\x17\x7f\x8d\xa6;\xdb\xfa\xcfw\\\xba\xee\x19\xa9\xfc\xc9\xd5\t\xb4u\xa4\x14C\\\x0e#;\xa6\xac0\xa4\xc3\xea\x07it\xbd\xfe\x9e\xbej\xb2\xbc\xaa\xfaz\xde\x90l\xe2\xd8\xd3\xca\x93\xb2\x99\xf5R\xb7\xed"\xaf\xb6m\xfe\x9d\x94\x91\xf6{T\x1d\x7f\x81\xb3f4\xdb\xfd+&amp;\x99\x89\x89\xc7\x8eb\xd22\xb9\x03\xbb\xe57\xab5/\x1a\x15\t\xdc\x8d\x83\xdb\xaeF}\x1ag=\xc0\xd3\xb5\xd1\xc9[Q\xac\xa9\xbezs\x13\x07\xa1\xb6\x15\xfbH\xc9\x0f\xadWT\x9aa;\xe9\x84k\xbc\xd8\xd3\x80\xe0\xe5\xb7^\xc7bn\xec\xd1\xc9\x8cHq\xbd\x1e\xc7\x9d\xc97H%\xdd\xa3K\x0f\xc8\x82*\xbe\x80w\x87\x07\x19\x12\x97\xd6]\x13\x0e7cTKR%\x7f\x16\x92$s\x04\xe1\xe5\x00\x1b\x13\x13\x0f\x1b1\xb9,\xcb\xb2\xfe\x1c\x96PM\xae5\xc5\'b\xfb\xf5\xe3\xa7a\x99\x0fsJ\x0e\xaa\x1d\x15\x8e1z\x8a\xdb\xc5\xc8\xc7\xc7\xc5\x99I\x94\xeek\xb1Y3\x008\xb0\x02\x00\x9a\x03\x00,\xc8&lt;\xea\xb4v\x83\x95&lt;\x1a6\x00pt\xc0\xd38\x82\x8c\x87\'\x11\x85\x12UL%W4\x97\xd4|g\x8d\x1a\xdb\x8b\x10\xc2\xc2\xcf\xaf\x13s,e\x97\x9f\xad&gt;\xe9"g\xd2\xad\xf0\x8aK\x80af\xf5\xf8\xf6\t[\xb3\x89\x89\x89\x88u\xfa\xed\x93pY\xf2\xcc\xb2N\xe9e\x15yj\xd5z&lt;\xc1\x1ac\x97\x8e\xe3WU}\x06\xdc\xe5m\x07o2\xa8O\x19o\xc7\x81Io\xd4]#\xde\x19H\xef/\xcb\xf2v=+\xe8\x97\xbb\xb8\xab\xed\x9aA\xc3\xd2Q: \xd5\x7f\x08\xcbe\xaa\xffpL&gt;Y\x12\xf8k\xffDn\xd4\xe5\x16\xbd\xd9\xf9?1\x88\xfc\xa2+\x97m\xed\xa873\xd1z\xfd\xe1\x18\x94\xcb\x1cr7K\xaa\xee\xbb\xc4\xdc\xdc\x0bwj\x00h;\xf0\xf8\xe7\x06\xca\x99uN$LLL\x0c\xc5a\x8f\xa7\xa5\x86\xae\x9eb\xda\x0f\xf4\xe9\xbb\xbf0\xec}\x80\xe4\xf9\xbe\xa6E\xeb\x15\x85x\x8bx\xaf\x06m\xd8\xf5\xda\x83\xe2\xf1\xbd\xea=\xb4\xc0\xc8\x1b\xd9\xf6\xbe^|\xed8\x7f\xc8\x00\xf6\xc7\xe4\x06\x86P\xeer\x01\x00\xc2\xef\x80\xfab{~\x91\xf4|b\x83\xe0\xbc~x\xf5\x10\x9e\x87j\x91\x16|]\xd3\xb9\x81\xcf\xc4\xd4\x1e\xfdn\x12\x00\x84\x8f\x97h0\x9d\xb0|7\x84\xf0\xba6b\x17\xc1\xd5W\xe4\x89\x89\xc7\x82\x7f\x90NE\x9fw\x13\xb7to\x99\xe4#\x16\x86\x0b\xa4\x1b\xbeS\xbd\x8b\x8d\xef\x82\n\xb2\x8a\x99\xa2\x11\xb2o\xd9\xdb\xef\xa7b\xa1\xaa\x1e\x00\xe0)\xad^\xd8:\xa8\xe2/\xd2\xf8m\x00e\xe9\xd3\xa1-o\xd2;\x88\xe7\x87\xfa\x04\x83\xba\x8c\x87x\xbd\x91\x07\xec\xd5\x7f\xe057\xb5\xa1\xe5{S2\xb9\x866\x11\xed\x91\x08\x9d\x1cU\x00\x08?}\xf2,8c\xc5\x81\x10&gt;o\x1e\x01LLL\x1c\t"\xe3|\x94\xbd\x94\xf1\xdf\x03\\\xa0*"z\xd4:&amp;\x17+w\xf2Xy\x18\x19B\xf8j}\x01]/\xf9\xe9r\x9eo\x00\xf6W\x98:\xea\x1b\x9cPT+\x94\x17\xdb\xcdzJI\xb0v\x10[t\xc7\x8f\x8e\xde3\xca\x97\x06TU\xe0%\x80m\x11\xcb\xda\xbf,sqE!\xfb\x9eJ\xe7\xdc(\x9dn\x00\xe1og4HU\x9a\'{\x01\xeb8fB\xb7\x018;\x80\xed\x0b\x9f\xad\xd5\xe6\xae\x0bM\x90\x0b\x8c\xc2\xc4\xc4\xc4\x998p\xfeW\xe5&amp;+xJb\xe2\x8e\x8a1J\xf7\x96=\xab!@~|\x89\xb2\xb3i%\x8dV\x0f&amp;\x16\x10\xc2\x7fh\xd6\xe8hCMl\xec\xd5\x982\xa2\xe4V\xee-\x06\xda\xb0\xf7\xa8p\xda\x1a-"O\xfeh\xa7Q\xa0~l\xb6\xad\xe5c\x11_\xa3\xa8\xe1\xd2h\xc4g\x93\x86G\x8b\xa4\x02\xbb|M\tS\xc5\xcfk\xefl\x8c\xceb\xd1\x0eG\x95\x01x\x97\xa2&gt;\x1f\xb7\xee\x00\xc0\xff\xad\xe4\xef\x95[(\xa3\xe3:;11q\x1c\xce\x98\xc9\xc6\x83\x90\x10 \x84\x0fiI\xa9\x17&lt;\x17pFO\xa2\xe4\x8b\xa6c\xf7\xa5"y\xb2_\xd5@\xbd\x04*m\xb1\xb4\xea\xe5O\xb5Z\xff\xa3m\xd8\xd4\xe9\xe2\x93B\xaf\x9b*\x0e\xef\xc5R\xb0r ]\xd1v\x11_\x80\n\xccB\xf6\x83\xb8\xd6\xa1\x08\x87$2k&lt;\x17\xbfl&lt;\xdf-&amp;]\xa3\x83B|\x91\xf4\x91\x9aN\xad\x0f\x8c\xc9\x04\xcdB\x88\x92\xbe\xb9\x896i\xea\xf9\xb6\xc6\xd3!5\\\x12K\xd4\xe0\x99\xa3\xc6(\x9c\x98\x98\x10\xe1\xe1\xcf\xbdc;\xe8\\\xc3yA@IL[\xf4\xe0e\x97\xc0^\xf8\xe9\xf7\x12Q3\x05\xd5+\x13#GJ\xa1\x19\xb6\x13\xc4\x8b\x06O\x89\xf2\x84{\x10s\xb3\xce\x1e&gt;u\xc3ZO?\xb1&amp;\x0c\xca\x0b\x13(s\xea\xa2\x1fP\xe5\xdf\xac2\xaaeht\xdd\xdf\xdb\xe4\xdfI|X\xa0;\xf6~&amp;/\xb0\xb1\xc5\x04\xb2\xeb.\xe3\xf5\x83\x87\'\x96\xeb\xe7\xb1\x89\x89G\x8f{(8\xee\tW\xa8\xe1\x8auEH\x89\x97\x89w\xc9E\xab\xc4\'\xd4\x1a\xbc*E\xa2`z\x87@/\xd5\x8c\x9aN2\xfd\x00\x80\x10\xfe\xfa\xfa\x91\xf2\xed\x00\x9ef\x85\xc49\xb7\xf7\x92/\xefr!\xe9\xe6+"\\\xcda\xc3T\xfc\xc6*\xd6d\x7f\x8cr\xd2-Z\xa3\x06\x92\xfa&amp;\xfb\xb9\xbe\\^s}\xe7E\xe6\xa2\xdd:5\xa1\xe2\x87\xf3s\x14\x0e\x80\x10\xc2_\xd7\xed3\xdf}$\xa1\x89\x89\t\r\xc4\xf5\xdc\x85p\x91\xba\xed\xb2\xc8\xfc\xd3WR\xe4E\x89\xe0\xd5\x8b\x11\xaf\xb2\xb0\xac\nb\xaa*\xea\x8e\x82\xff\x9e\x03~\xd4\x9b\x03\xbb\x01j\xb8?[|\xb8\x9b_\xf3\xa1\x85\x19\x92\xc0\xa0Zh\xdd\xc2[\xc1\x027\x91\\/\x04 f\x8c\xbaQ?\x99N\r\xddh\x0f(K\xb2J\xe0[\xb2\x1a\xd7\xb5/\xd3\xbd\xdb\xc6\xdd\xa5\x9a\\`\\&amp;&amp;&amp;\\1bu\xe9H\x9d\'\xe2\xeeXI\x0f\xc0\n\x87\xd7\xa3\x13kq{\x1d\xa3@j\xc2\xed\x80vb\x1c.;(Pm\x02\x07Qe\xcb\xfd\xe2\x8a\xfa\xfc;\x84\x10\xde\xbdU\xa5\xc9:5\xa0\xef\x7f\xf50\x8b*U\x02W\xd3w\xbfT\x1a$\xbe\xbd;$\xbb"6y\t4\tS\xd2^\xcc&amp;&amp;&amp;\xdcQ\xaeI\xaa\x96\xe1E\xfc\xa6w\xb5:\xbai\xbe\x00\x0c\xcb\xfc\xb9\xa8\x08\xb7\xb7\x04g\xc1\xca\xa4\x1a\x91\xbeW\xb1\xcdm\x1f..\xea\x93\xa3\x06\x0bVc\xf5\x8dwX/~\xdc\x03Lt\xe7\x82qf\xb3\x92f\x04T\xfb\xb4\x8e\x01E\xac\x1f\x14!\x9agb\x04\x9f\x19\xc9\x13\x13w\x85"\xaf\xc5\x1f\x85I\xa7\xce\x98\x00\x10\xc2;\xba\xb0\x12\'\\\xcb\x11\xda\xf1h\xbb\xf4J\xd9\xf3\xc6\xb6\xa0t%\x86\x0ep\xed\xce}-~\xf7\xc5\xf6\x02\xb0\xbc\xa53\xec\xec\xf6\xcb\xbd5\xdb\x0bV\xfc\xea}\xeej\xe2\xf1\x13{\xb7\xad%t\xacG\x9d#{\x86\xe7\xe1$\xbb\x13\x13\x13v4\xd6\'\xcd|N$\xbd\x9f~zis\xc5\x08V\xcb\xd3\xdd\xd4\xcd\x00\x00 \x00IDAT\x85\xfb\xfb\xb8\xf0\x80G!\x8f1u7\x1fm\x88nG\x0c\x90B\xd0d\xc8s?)\x07\xeb+\x19\x89\xe6\xa7\x84\xc74\xe8~\x0b\xe2(\x0e#\xf0O\xfa\xcc=\x9e\xf0\x98\x98xP8&gt;\xd7\x18_u\xf5\xb2\xed\xd1\xd9\x1e\xa7\xf1\'L\xb7G\x19\xbdo\xa1\x1c7\x9ag\xe7}G\xeb\xff\x1fo\x85\x13\x0f\x07\xdb|\x87\x1a|\xab0\xac&lt;\x02\x80\xf0\xbe-\xb5/\xdb{\x8a|\xca\x04\x97\x1b-v\xb3\xb7\x1f\xcf}\x8b\xaf\x8f\x00E#^\xa9\xc3I\x1e\x90\xa8fJ\xa7\x9a\xf4\xc4\xc4\xc4}\xe1\x8c\r\xc0\x99\xe8\xe9,\xb2\xd2X\x95\xb0m\xc9\x04-\xb1\xf8\xd8F\xd3 \xb0\xb9\xe8\xef\xa1\xab\xec]{\xef\xde\xf9_\x16\xe8\x04\x14n\x00\x02\x15\xa8\xc3Fj-\x82\xa9\xe0\x97\xf0\x19\xb1.H\xb4}Pb\xf4-\x04\xeeE7\x00=\xb4\x99\xca[\x84\xbf5d=Mun\x9f\xcb\xc1\x92+\x13Z\xa4\x08\x1c\x8c\xe5\x14\xab\x13\x13\x0f\x17\xd9\\^B\x08\xcb\xa1\xb3\x0c\x00\x96c-\xfa\x00\xc0\xc3Q\xc0\xe7\xb4ulJ\xff\x00\x80|\xa4\x08\x9e\x9dn/\x88\xdd\xc3 \xde\xe2\xbc\xe0\x99F?z\xeb\xf2\xfd\xa2\x80\xf7\xf7\x81\xa21\x8f\xfc\xed\xe9\x03\xbel\x02\xb0\xce\xe1B\xca\xbd#[\x18\xd7\xb6n\x94\xea\xbeT\x91O\xb12\xc6\x98pf\xd5U&amp;\xd5$J\xa6\xddlZa\xe6~\xa5vi\n\xf3\xcd\xeb[\xe8\x88\xc8\x90\x0c\xc7fC0X-U\xd2\x867\x83b\x13\x9ex\xe2\x14\xab\x13\x13\x0f\x13\xf9N~Y\x96\x83\xab\xffp\xbf\x05J7m\xf91J)\xb7,o(\x7f=\x85\xe0\xa9w;\xf9"\xecF\xcf\xf8\x06\xf9\xc8\xf3\xa4TmV\x16\xecWi?,\xcb\xd2\xbfG:\x00\xc4\xe1n/\xff\xab\x81=\x8e]\xc6\x9d\xa0\xa308v)^\xc9[\x96\x9arv\xe5[}{\x84\x10^{A\xf6%u\xef~\r\xea\xfb\xadP\xcf_D\x1c;R;UU\xfcS]\xa8U\xc8u.\xaf\xb0k\xc7,Z\xf8\xac\x8aS6\x15%Ud\x1a\xf2\xc3\x82\xb6b\x1e4\xf1\x00\x8f\xb7\xa4&amp;&amp;&amp;\x0c\x80\xf0%\xfb\xcb\xac\xf3\xa5\xe7\xab\x81\x19\x97q\xf5%\x00\x84\xefn\x04\x03TP\xe9\xbf\xc9\x8f\xdc\x00P\x0f\xc7\x87\xd7\xe5\xc7/f\xbd\x16\xe7\xac?\x07l(\xee\x81\xfa\x83}/\xfb\xc9b\x1ey\xc7C2S$bU\x96\x90.7\xf2$c\x9b\xda\x9a\x0cf\\%\xcd\xc4\xce\x98\x95]\xefJ\x1d\x94]\'&amp;&amp;\xbc\x90O\xd7\x81I\'\xc9\x0e\x8f%A\xdcA*\xfcT\xb2b\x08\xad\xa5]\xb3v\x96\xf8\xa7I$\xd0m\xd1\xeb\xa6mF~\xc5\xb6J)Z]d\xdc\x07\xbcy\xdc\xbc2\x14\x97\x9cP]\x94Z\xf9\x90\x9b}\xc8\xf8\x9a\xca\xdftZ\xe4\xc4Z\x04\x1a\xcc!\xb5\xb2\x9bxcm\xde\xb0\xe7\x19\x82X\xa9w\xdbk\xc9s\x9d.\x0bYX^1\xd4\x11\xa4+\xc5\xbdp\x9e\x98\x988\x1aU\x12/6\x1ecM\x0f\xd5O\x19\xd5.\x15\x17A\x1c\xa3\x0f\x95\xe4\xf4Uf\x8c\x87\xbb\x06\xae\\\x93&lt;\xd6\'\xdd^\x85S\xd4\xcbDb\x03\xe0+\\\xc7\xe5\x17\xab2\xa8\xe9R\xba,\x88\x17\xdf-\x9cW\xee\x8c\x0b]\xc6b\xd9YS\x96pJ/\xeaZ\\\xa8\x15\xd1\x1e\xad\x94Q\xa4`\xcb\xdaTO\xf0\x92\x98LRe\xc2\x8a\xdd\x16e\xfa@2\x13\x13\x13\x8f\x0fu\xc6\xa9\x05\xe49\x88Od\xe9E\xf7\xbc&amp;W\xf8\xbe\x9eY\xdee\x85&gt;\x01/\x06\x10\xc2\xb7\x137O\x7fY\x93X\x89\x01B\xf8TT\xeePv]\xb8\x03\xaai\x19\x17\xd8\x99%\xa9\x99\xd2*g\x04\xdb&amp;N\xb1\xab\xca\x99\x8d\xbb\xdd;R\xd54)\xaa\xd2\x10\x9e\xd9T[\xa3P%\xc6_\x13\xc6\x92\x10\x141\x17\xe5\x9dz\x18\xbf\x89U\x1d\x99\xfa\xde\x9f\xe2\xa0\xd2rV\x12\x98\x98\x98\xc0\xd0\xaa_\xb1\xdc\x94\xa5xT\x1e\xd53\xb6\xac\xd4/\x0cNf\x8f\xcc\xc2\x03\x91td\xfd0\xa2S\xea*$\xbf\xe0\xeaj\xa3\xb6\xcb\x8d\xb5\xa1\x17\xbe\xc1\xcfG\xcb\xe9\xb3\xa3\x93\x80/\x7f\xad\xb6\xc6LT\x1e\xcdHl\xf5T\xcc\xeb\x95\xf7\xeezc\x84o%\xd7VrH=\x89\xeb\xef\x1eh\xa1\xdf\x10i\x80g\x91\xad\xde\x9a\xd6\xf6\xcd\xa7O.-\xee\x8e\xf0\xc4\xc4\xc3\x87$\xd1\xa72\xdc"\xe1[\xa5]\x1e\x0f\xa4\xb3\xe5Jy\x18~C(\xa7[\\i\x1d\xb5B\xad\n\xab\xf5\xd31\xe8\xf9[\xe7\xa0\\\x0f\xad\x87\xa2\xe5]\x81@\xe2"\xd7s\x07O\xcf\xaf\xaa&gt;:\xf9\xdc\x90nv\xdc\x16\x18\xdd\xd3\x1c\xd1V_tQ\xee\x01\x91\x1b\xe3g\x8b\xfe\x89\x89\x89\t\x12\xb7\x14\xa3Y\x9f\xd4\xd5\xd8o\x0b\xea_&gt;&gt;\xe2qmi\xf1B\x0b\xc3\xd1\x18PR\x90\xa6\x06\xeb\xa7\xcc\xc6\x88M\xdfpx\x8c\xc0:~\x8e7\xce\x1b\x02\xb4(\x8c\x1b\xe0\x17\x95j\xc1\xa3\x88\xdcg\x92\xfd5\xf8\xc1o\xbb^\xed\xfc;\x83a\x7f\x92\xd0\xcf\xad\x1f\x85\xff\xd3$p0\x8f\x82\x95AE\xcb\x02\xf2@\xe6\x9c\xceNLL\\\x07d\xbd^\xe5\x08Ib\xba5\xf9%Q\x8a\x8f\xa6_\xd0\xf3\xb4uHRcs\xe5\x07\xbb\x9b\xeb\xc55\xd6\xd7\x1c\xa2x\xa8/\r\xe1\x82\x99\xbeHQr)&lt;\x0c\x9f\xac\xbdx~\xf1;f\xc4e\xe3\x89\xb5\xd8\xd0\xa1\xa1\xde\x0cx\\\xc6oSq\x12\xb8\xe1\xd8\x92|\xff[FH\xdb\'\x0b|\x1eB\x08?\xed\x9f\x88nv\xb7\x7f\xc3!C\xf00R\xc7\xc4\xc4\x03\x07\xb5\x18\x18\x0f\tN.\xa4\x9c_`\x10m~\x1eY\xa6\xeb\x1f_\xc9B(\xa9Q&amp;\xc6\xe3B\xfe\x87\xe4\rry\xa3\xb4\xe2\xd5\x9a\x8bM\xcc\xa1(\xac\xb6WQ\xe2\xc6\xbfI\x04\xbe\n\xfa\x0b8\x9aO\xbc&gt;\xac\xfa\xe7\x1e\x89\x8c\x03\xe4\xe0\xc5F,a\xc20\x18\x94\xf1r\xeb\x07%\xd5\x99\xba\'&amp;\xee\x11\x9f\x99\x14\xbe\xf74\x87}KFh\xbd\xc9\xfa\x80\xa0\xed\xe6\xd8\r\xc0\x85\xeb\xfeAO\x96\xfcuz\xaaEU\tf\xc7\x88*\xaa\xf87\x84\x10\xc2\x97\x8a\x1av\x9f\xdf_ &amp;\xa5\x04\x04Tq\x81\xc6\x06@\x8f\xa6\xe7\x0f\x9a\xec[e\xff1"25%\x1fWh;+\x116;\x10k\x95\xcd\xaf\x8e.\x9f&gt;S&amp;&amp;&amp;L\x183\xf3?\xc3\xaa\x10\xb3\x01\xf0BDQ\xe2\xbb\x07\xe8\xc3\x158\x08\xa1\xa2\xea\xf3\x0e@\xf3$\xcc\xac\xdb\xc0P\x183\x06V\xa7F\xe3\xcb\x9fd\xf7\x86C:&gt;\xd6\x84\xa1\\\x1b7\xe2f\xb5\'\x06ar\x96D\nh\xe8\x1d\x13Q\xd9\xae/\x85E\x9d\xba\xa1J\xbecd\xad\xbbD\x0c\x7f\xf4\x1ak\xee\xc4\xc4\xc4x\xc8\x92\xda\x8f\x1eo\x1d\xb6\x93\x9eA\xa6\x15\xb8\x02\x07\x1e\x10\x1f\xf2\x1cG5\x16I7\xeb\xda\x02\x8b\xaf\'\xac\x0f\xb8\xc7\xed\x1b;4\x9f\x14?j\xaa\xdc\x93\x1c\xfc\xc7\x13\xa6\x86\xbdtV\t_\xe9\x00\xe2\x86\xc3X]\xad\xe3\t\xba6N.\x1b\x80\xba-\x00\x84\xf0\x9cJ\xfc\xf9\xe2\x96\xc9fq7\xd77\xe8\xaa]\xd9\x91C\xff\xc41f&amp;&amp;\x1e0\x0e\x98\xae\x00\xafh{\xec\xde\x94Y\x96\xb0,\x0bqkY\x96%\x10w\x0f\xc5\x05(l\xc0\x97\x1f\xb8y{\x91r\xf5\x8b\x99e\t\xb71bG\xea\'\xaa\xbd\x1c\x84\x10\xc2B\xee\xf1V\xbd\xfa\xd1_n\xf8&amp;mC\x89fm\x93m\x8f\xe4\xceEf\xfdFAn~im\xc9\xd2\x9f`5qx\xa5\x98\x8d\x82\xb8^Q\x93\xbc\xe5\x1f\xe7\x173\xba\x10#\xd0\x10\x8arD\xda\x83\xcf_l.m\n\x88\xd4\x0ep\xe0\x8bTW\x9e\xbb,\x8b\xcd\x7fE\xc8i2{\'.\xb4\xd4MLL\x08\x81\xa4\x19\xf9\xf2cZ\xe1\x86\xbce1\x91B\xe8@S\rt\xf8\xd0\x14KZ\xf7i\\\xd4\xe3ANn\xed\x1eC\x9a|\xc2&amp;\xbcX\xdf\x8a\xa3v\xc4y\xa1D?\xfd\x14\x11\xfdl \xd1\xd1\xf6\xde\xb0\xcfJ\x88?W7\x1d\xdf9\xd9U\xab8R\xd7\xa9Cz\x87X\xa5\x95\xbb\xec\x94\x80\x80\x8b\xda \x9a\x02nF\'&amp;&amp;\x86#\x99\xab\xd5\x8cm\xbd\xb2YHg\xad\x1a\xf3\x1f\x06\x1f\x0e\xedfF\x9bx4\xd8\x87\xec\xb8\xd2-\xb1\x8d\xb0\xc9W\xb8;\x19k\xf3\xbe\xb7k\x8b\xde\xb4\xa9\xe7\xd3i\xf0\xa0\xe0q\x8cR\xbfB\xeaJ\x81:j\x14(\xb5HuX\xcf_m\x11)\x91\xd4\xe8\xc4\xd7&amp;\xaf\x00@h\xfc&gt;\x92\x98-\xb9UV\xc6L\x01\x86\xb3\x87\xaf:5LLL\xb4\xc1\xacI\xaa\xb3\x84D\x06\xc2\xab\xb5%\xc3\'{\x9d\xaeq\x86\x0eh2\x1a\xe7RJ\xcb\xfdt5:r\x03\xc0p\xbb\xd1\xb8Z]\xe5\x84t\t\xaf\xbd\xed\xea\x7f\xbc\xe2\x01\x80w&lt;{\x94{p\x85(\xcd\xa0#3\xea\xa88\xd5\xd8\xd9&gt;W\x96\xbc\xfc\xa3\x9c\x8fu\xa8\xfb\x8e\x9d\xdcu\xda\xed\x87\x8aCSyq+I\xb9\xa3\xf8\xf4\xb4\xf5\xf3\xd2\x95&amp;\xe9\xc4\xc4#G]\xfao\xb3\xfd\xf5\x9b\xf2B\xf5\xbe\x84Q\x1b\xafY=\xc1o\xd9ux\x88&lt;\n\'\xd51\xeb\xda\xb3\xad@\xfb3\xfd\xe62\xc6,Z&amp;\xd7\xe9\x1e\xd9_\x07\x19\xb7\xbe\xe5\xb6\x9f\x8bN\xf9\'_\xdd\xb7!\x04f\xce^?6hPs\xe7g\xfd\xf4\xe7?\xf7\xf9\n\x00\xc2\xbfK\x9bo\x9f\xad\xa7\xf8\xaf.\xe3\xd3\x12\xf8dC\xa7\xb0U\xcf\x076\xb5#b\xd8\xafw\xc6\xa7\xaf\xb2\xe5xbb\xe2p|N\x9d\x02\xf7d\xd1x\x19\x03\x95\xc1\x8f\xb2d\xd5vG\x8e@\xb2\xdbv\xa5\xf7 \xedn\x0b\x0b5\xa8\xa5\x82\xf7\x00u\xd7\xb6\xea\xf0\xad\x8e\x1d\x8b\xff\xd4\xd3\xf8\x821s\xf3\x1e\xf7\x06\x82eu?\xa0\xa7N\x15\x8c\xdd\xbe\x9b"z\xa6x\x99\xa0\xf4c\xd9\xdb\xa2\xa9.\x04\xcf\r\xf5\x9eNI|b\xed]\x9b\x95*\xcdv\xc0g\xee\xe4\x1a.\x97\xdc&amp;&amp;&amp;,\x90/\x0f\x8c\x80C\xe6z\x97v\x92:|\xa5\xe9Y,\x87\xe0\x9d\xc62\xa1\xfa{\xe4a\xb6\xd4\xe7\xd7\x19\x94{\x01\x98J|^\xe1\xa5f\xc7]\xe0xw\t\xd3\xbbPO\x0c!\xd8\x0e\xfe]\xd7\x02\xe3\x16\xd4\xdc\xaf~\xb7H4\xd7\xb7~ \xb9~\xf3\xaa\x86\xc0\xc1Q\xf4F97\xa4SWe&gt;11\xd1@w\xeeC\xd6\x00\xadNa\xcdwT\xfa\xf8\xf6\xa4\x0b\x17JX\x05\x9f\x01\xde\xb8D=77\x00\x97\x84\xe3\xf9\xe8\xf51\xa4(\x94\xdb\xb6\xb5c\x14v\x96\xfe\xa9\x96\xc2\\\x9a\'\xfb&lt;f\xaf\xe0\xad\x16\xd1\r\xc0\xd8\x07&gt;\x0c\x07y\x93\x11`&lt;Y\xdc\xe2%\xcdV&amp;&amp;&amp;\x8e\x80\xef$\xfc\xb5J\x9b\xa1t\x16P\xfa\xac\xc3\x12G\xe7z9\x08\x17\xa4\xd4\x8fc\xb6X\xda\x80&lt;\xc4\xc9\x1d\x1d\xffA.\x0c\x86\x91\xbfU\x81c\x94_\x0eq\xba=\xeb\xa4.w\xd6\xb5\x8eL\x1a/\xb4\xe4\xbb\x02a\xa5HY1SS7\xccZ\x1f\x9aZ\xd7\\T;\xca\xb0n:r\n\x01\xc2\xc7\x896\x00M]\xac\x9dM\xd5\xa3\xc9$\x13\x13\xd7\x82o\xca\xab\xf5\x184\x03\xfdvr*T_J\xfeu\xc3eK\xed\xa6\x97.\xc8\x99\xc7\x11~~wu\xb4\x0f\xa2T\xa9\x1dR\xe1U5D\xef\xf9\xa8\xd0\xee\xc4\xb9H\xc7\xddy\x98\xac\xebE\xde\x04ybP\x1b\xe8\xa0f|l\xd2\xbf\x1a\xde\xda\xea\xcf\xfb\xc36R\xa7o\x00\xd2\xbe\xd7~\x10\xf8\xc7\xf6\\z&amp;\x93\x89\x89C\xc1da\x7f+\xa3q\xd9J\xfd,\x00@\x08_x\xac\xb9\xd09\xdc\xc7\xady\xe4\x06R\xd2t\xc8V\x99\xbfn7\x91is\xdb\x00\xf4\xf1T?\x12do\x1d\x9a\xbe&lt;F\xc7m\xdfN\tS\xa1u\xe2Qk]\xecb\x19;\xb9\x92\xdc\xfd)\xef7H\x9b$\x8d\x1a\xb6h\x146/%\x95\xcd)\x9d\xe6\xb62m\xdct\xebq\xe0\\\xbb\'&amp;\x0eC_\xa6\x1b\x82\xde\xda\xf1\x12\xdd\x19I@\xd5\xc1(\xec\xe7\x13d\xb5~\x89\xe6\xa9\xb0\xe0M\xd0]]\xe7\x02&lt;\x12\xee+k\xa5\xf0E\x9a}\xe7\x97^\xde\x84\xa7W\xbbJI\xf5\xf8\x12nQ\xbc\xa2\xb0^\xf9\x85^\x0f\xec\x07\xd8\xad1\xc2\x19\xd2\xe3{D\xb4\x9f;\xad\x00 |a\x16\xbd|\xb4\xcb\xf3@\x95\xe8\xec\t\xa4\'\xff\xa44\xd2\xe6\xdf\xa2\xcc\xd8\x9d\xc3t\xc8\x10\x0b\xaa\xff\x8e=X\x07\xb1\x89\x89\t\x01 \x07#\xd6\xd4\xe4KL\x02\xb4\x0c\xeaO\x9dW\x03Z\xc7\xa0}\xa7\x15xU&lt;7e\xe1\x0f\xd5\xe5&gt;\xb7\x01`\x16\x83\xa2N\xa2\x02R\xc8\xbf\xb7\xa7\x82\xe6I\x91\xe1vBohB\xf7\x14\xffc\x1d\xee\x</t>
        </is>
      </c>
      <c r="E119" t="inlineStr">
        <is>
          <t>&lt;class 'numpy.ndarray'&gt;</t>
        </is>
      </c>
    </row>
    <row r="120">
      <c r="A120" s="1" t="n">
        <v>118</v>
      </c>
      <c r="B120" t="inlineStr">
        <is>
          <t>steps_per_sec</t>
        </is>
      </c>
      <c r="C120" t="n">
        <v>1400</v>
      </c>
      <c r="D120" t="inlineStr">
        <is>
          <t>2.581077</t>
        </is>
      </c>
      <c r="E120" t="inlineStr">
        <is>
          <t>&lt;class 'numpy.ndarray'&gt;</t>
        </is>
      </c>
    </row>
    <row r="121">
      <c r="A121" s="1" t="n">
        <v>119</v>
      </c>
      <c r="B121" t="inlineStr">
        <is>
          <t>Loss/RPNLoss/localization_loss</t>
        </is>
      </c>
      <c r="C121" t="n">
        <v>1400</v>
      </c>
      <c r="D121" t="inlineStr">
        <is>
          <t>0.21186101</t>
        </is>
      </c>
      <c r="E121" t="inlineStr">
        <is>
          <t>&lt;class 'numpy.ndarray'&gt;</t>
        </is>
      </c>
    </row>
    <row r="122">
      <c r="A122" s="1" t="n">
        <v>120</v>
      </c>
      <c r="B122" t="inlineStr">
        <is>
          <t>Loss/RPNLoss/objectness_loss</t>
        </is>
      </c>
      <c r="C122" t="n">
        <v>1400</v>
      </c>
      <c r="D122" t="inlineStr">
        <is>
          <t>0.05186455</t>
        </is>
      </c>
      <c r="E122" t="inlineStr">
        <is>
          <t>&lt;class 'numpy.ndarray'&gt;</t>
        </is>
      </c>
    </row>
    <row r="123">
      <c r="A123" s="1" t="n">
        <v>121</v>
      </c>
      <c r="B123" t="inlineStr">
        <is>
          <t>Loss/BoxClassifierLoss/localization_loss</t>
        </is>
      </c>
      <c r="C123" t="n">
        <v>1400</v>
      </c>
      <c r="D123" t="inlineStr">
        <is>
          <t>0.4346757</t>
        </is>
      </c>
      <c r="E123" t="inlineStr">
        <is>
          <t>&lt;class 'numpy.ndarray'&gt;</t>
        </is>
      </c>
    </row>
    <row r="124">
      <c r="A124" s="1" t="n">
        <v>122</v>
      </c>
      <c r="B124" t="inlineStr">
        <is>
          <t>Loss/BoxClassifierLoss/classification_loss</t>
        </is>
      </c>
      <c r="C124" t="n">
        <v>1400</v>
      </c>
      <c r="D124" t="inlineStr">
        <is>
          <t>0.20044602</t>
        </is>
      </c>
      <c r="E124" t="inlineStr">
        <is>
          <t>&lt;class 'numpy.ndarray'&gt;</t>
        </is>
      </c>
    </row>
    <row r="125">
      <c r="A125" s="1" t="n">
        <v>123</v>
      </c>
      <c r="B125" t="inlineStr">
        <is>
          <t>Loss/regularization_loss</t>
        </is>
      </c>
      <c r="C125" t="n">
        <v>1400</v>
      </c>
      <c r="D125" t="inlineStr">
        <is>
          <t>0.0</t>
        </is>
      </c>
      <c r="E125" t="inlineStr">
        <is>
          <t>&lt;class 'numpy.ndarray'&gt;</t>
        </is>
      </c>
    </row>
    <row r="126">
      <c r="A126" s="1" t="n">
        <v>124</v>
      </c>
      <c r="B126" t="inlineStr">
        <is>
          <t>Loss/total_loss</t>
        </is>
      </c>
      <c r="C126" t="n">
        <v>1400</v>
      </c>
      <c r="D126" t="inlineStr">
        <is>
          <t>0.8988473</t>
        </is>
      </c>
      <c r="E126" t="inlineStr">
        <is>
          <t>&lt;class 'numpy.ndarray'&gt;</t>
        </is>
      </c>
    </row>
    <row r="127">
      <c r="A127" s="1" t="n">
        <v>125</v>
      </c>
      <c r="B127" t="inlineStr">
        <is>
          <t>learning_rate</t>
        </is>
      </c>
      <c r="C127" t="n">
        <v>1400</v>
      </c>
      <c r="D127" t="inlineStr">
        <is>
          <t>0.0319999</t>
        </is>
      </c>
      <c r="E127" t="inlineStr">
        <is>
          <t>&lt;class 'numpy.ndarray'&gt;</t>
        </is>
      </c>
    </row>
    <row r="128">
      <c r="A128" s="1" t="n">
        <v>126</v>
      </c>
      <c r="B128" t="inlineStr">
        <is>
          <t>train_input_images</t>
        </is>
      </c>
      <c r="C128" t="n">
        <v>1400</v>
      </c>
      <c r="D128" t="inlineStr">
        <is>
          <t>[b'1024' b'1024'
 b'\x89PNG\r\n\x1a\n\x00\x00\x00\rIHDR\x00\x00\x04\x00\x00\x00\x04\x00\x08\x02\x00\x00\x00\xf0\x7f\xbc\xd4\x00\x00 \x00IDATx\x9c\xec\xbdy\xfc\x7fO97~M*iQh\x91t\xb7\xa1\x85\x94T"\x95H\x11\n\xdd\xa4\xecI!7%\xdc\x91~\xb9e\x8f\xdc$\xb2\x14\xee\xb2g)DI\x91,\x89H\x88\xee,\x91\xadH\xb7\x92\n]\xbf?\xce6\xcb53\xd7\xcc\\\xb3\x9c\xf3:\xcfG}\xbe\xaf\xf793\xd7u\xcd\xb5\xcdz\xceQp\xe2\xc4%\x01\x11\xa7\x1fJ\xa9pA\x80p\x81\x11\x81\x88\xb1vUe\x0e\x10W\xecE`u3\x00P\x933mj!\\k*\x1fV\x1d\xdbu\xb3\x80\x88\x00JA\x89\xdb\x1b\xad\xde\x95\x1bp\xf4\xaf\x97\x86\xde\xadK\x138\x8f:\x00L\xde\xd0\xa8\xb1\xdc\x94[7\x10*B\x8f\x8f\x96\x8a\xbdd\xe4\xf5\xe3\x88X\xdf\xbb\x16w\x08{B\xd5&gt;\xfd\n\x95\xe8\x9e\x08\x01\x11\xf4L\x10,\n\xc0,\xc9\xe6\xcde]\xca\x07\x10\x01~\xa0\x05\xaf\x14(\xa5\x94\xe2\xc4\xf6.Ss\xd7\x1eQM\xba%\x80\xe2n&lt;:VM\xa8\xa5\xe5\xe5q\xb7\xea6\x85\x14\xbb\xe4l\xbc]\xba}9\x94\x02u\xcd\xdeB\x0c\x03\xc3i\xda\xa5\x14\xf6\xecK\xfb\xa3\x82\x18\xb52\x95\x15\xb5\x97\x95\x10\xbba\xe0\x84\xa6^\rS\x97\xed\x0b1\x9cGk\x8d\xc6l\'\x9a\x00q\xb6\xeb\xd3\xa2E\xff\x19\xdd\xf1z\x91+\xcc\xac\xeb\xfb\x13j\xa8\xcd\xcb\xc7\xbe\x03\xdf\x13\x14\xf0\xf2&amp;\x00\x16\x96@\x08(\x81\xef\xb1\xa9\xf1\xdbN\xf3\x8cfV\xa7 \x08C\x92\xa1RJua\xbaf\xef\x08\xea\xca\x96K9.\x15\x9a\x18\xc4\xc9)\x8ciw\n\xf2r~\xfdB\xb8\xc5\x18),\xff\xe6*{1\xc7\x89\x082\xcc)k\xfb\n\xa9\xd3C\xb0s\x17\x82\x88\x00o*\xab~F\x9d\x0c\xe4|\xe0\xd8\xa9\xf0\xc0M\xe3b\xb0q\xe7 b\xd8h\xa0\xa2\xa7\x0e\x9d\x00\xab\xcf\x7f\x92+\xd8\x83{o\xb1\x81\xb5\xba\xe0o\xc6\t@\r\xa4b\x85\x02\x01\x11\xe1\x8fp\xfa\xb5]\xa9l\xa9\xe8&lt;\xf0\x9c\x00\x1c\x01\x9a\x8d\xcb\xa7\xfe\xe5~P%\xb6\xab\xe7\x8b?o\x9d7G\x1a\x85\x1c\x00\xa7&amp;i\x98nvx-\xb1\x06\xf7g\xe8E\xb1\xa8\xe8\xb5\xd1\x82-\xa49\x01\xce\x0c`0\x07\x0e\x8d:hQ\xc7\x92\x1f\xbc\x87\x17\x04Um\xd8\xae\xf6\x04\x80\xe9*\xcb\xdd\xe1\xccq\x82\x8b\xcd\x93\x8aS\xc3\x80\x99\xa5\tZ\xa7\xd4\xe2y\xda\t)42A\xaf\x85\x96\x86\x9e&amp;qt\xb0L\x80\xc2\xe1Qr\xc5\x03\xa7\xca\xb8\xcf|\xeb\xb9v(\x08\x86\xef}\xc3\xc8\x13\x00\x00\xd8{w\xd6 U:\x16\xec?\x01\xf0\xd5\x96\x17\xe8D5l\x9bJ\xc5\xa9\xe1\x07\x87\xcc,\x95\xf1\x01\xec\x80\xfc;,\x7f\xde\xf4\xf9\xe3f\xf0\xe6\xb8\x18%\xf4\xec\xb6[M5\x05\x96\x1e\x12)\x98*-\x1d\x1b\xa5w\xcc\x97\xe2\xbd&amp;f\x155\x9c[\x1e\x1f,\xbf\x1d}\x02p\x82\xc4\x83\xd7_-\xa7pI\xe1i\x15&gt;\xbdk\x978;\xb0l0\xf5\xb6\x8cQ\x1eW\xc6\xed\xfb\xce\xbe\xf3\xd2 \x9d\xf4\x8f7\x02\xc8\x89\x08K\xa5\xa5J\x9e\xeb^%\xb3z)\xc61hx&amp;\xf6\x99\x00\x087J4V\xbe\xbb\xf6\xca\x93\xf8\x7f\x1b\xa6\xe8g\xf0f\xbfr\xc3\xc7\xb3\xf7\xe1BB\xd5:1\x99\xd4\x1d\xcd\x96)\x8c\xecq\xe39\xc3\xdc%\xcc\xec\xc0\xb1\xdf\x81m\x9c\xdc\xb4\xa6\x1e?\xf6\xd6\xf9\x19\xff\xf2\x90\xb4\xf88\xab\x80\x7fG\xcaPQ0\x93\xb2\xdc\x04\xa0\xba&amp;}9yM\xd7\x88\x08\x0f\xeenP\xa3\x17\t\x97K\xa5Z"Q\xebl\x99\xbc\x94\xd6\x0e\x12\xb1?H\xf6\xd8\x07\x04\x15\xf59\xab\xed\xca\\\x9a\xe9\x03)\x92\xbb%\x9f\x94*\xd5\x89\xfe\x90[!\xd85\x86\xcb\xddO[\xc3~7\xd8\x91\xa8y\xd8k\x03\xd1Dwa\xc8\x8b%\x82\xbd~\x1d\x10;\x0f\xe4\xc1\x1b\xcd\x8b\x9f"5\x01\x10\x84\x8f{\xe0:.\x8b\xee\x9dS\xc4\xc7\xdb\xae%&amp;L&gt;\xb5&gt;6\x1d\xae\x07\xa9\x80c\xb7n(\x18\x9b\x00P&lt;\x01\xb8\x0c\xff&lt;\x91\x87\x9d\r4+`\xb8\xd1\xf6(\xc3\xb5\x13\xfb\x81\xd7a\x86\x9a\x00\x00&lt;\xc2\xb9\x82\x88\x08\x1f/\xb0\xbe\xc5\x98]\x10\x1b\x02}c\x7f\x0c\xa3d\xa2\x9ak\xe9v\xc9\xb0\xce^\xf5yb\xc7\xd8m\x14\x9f8!\x80\xbd\xf7d\xbdE\xd8\xe0t\xab\x03\xc9vbT\x98c&amp;\xe7z\xab\t@\xba\xc7\xb6\xce\x1b\xc4\x0e@\xc79@\xd7\xb4Y\xcc\xb7\x96\xf0\xdf\xab\xdb\xe5\xcc\x81;\xc4\x8e\x07\x03yX\xbcT\xdc]Gt~N\xd6\xf2\x96AD\xc4\xb7\\\x98{\x1c\x1f\xadF\x18;\xc4\xa7\'\xe9\xe4\x9e\xfa\xc0\xe4\x0bO\xad\x9e\xe0A\x1f0m\x0ecL#\x1bxQ\xd4]\xbb{2=\x01\xe8\x15bgtS\xe8l\x94\x11qN\x84F\xc6b\x1dY\xbf\xddq\x08&lt;\x89\xd2\x03\xda\xe8$\xdc\t\x1dgZ\xa9\nc\x04\xb6]M#\xf2\x92\xd3@\'\xe2\xc0\xe5\xc8\xc4\xe6o}R\xed\x7f[\xe5\xb1&lt;\xbfo\xd2\xb7:\x1e\xa7?\xea!\x1b"&lt;\xe3\x8cn\x0b\x17&gt;\xd8%O\xac1]\xf4b\x95\xd6\x13\xb3i\xae\x80p\xddsh\x0b\xe0I\xad\xef\xeb^\xbdxE\xf5\xc7d\x86\xa7\x9f\x96\xa8\x02\x8f\xaf\xff\x8fK\xee\xde\x0e\x861\xedh\xafs\xf7\x11b\xb0,O\xca3Fo4\x8a\x8a\x86@\x7fs\x8c\x87\xb7\xb0t\x82\xfc\xc3l\xa7\x92EAi\xfe\xa2uK\x0e\xf4\xcf\t\xc0\x18\xa0\xa6b\xa7I\xf2\xf1\xd9\xf4\x80\xfe \x8a\xbd\xe8\xd58\x0e\xac\x15\xbbSW\x0b\xc6z\xb6\x1e\xae\xb5E\xa2\x88T$\x91\xb1\x9a\xbcGh\t\xf3k\x98\x85\x0f\x1ft\xe2\xfd\xc8F\xed\x0e\xa5\xcf\xdf\x8b\xc8s\x14\xf4\xd7\xc6pF\xb9\x80\xf0\xdc\x1d\x823\x80\xa1\xbcg\x0f\xf0(\xed Z\xc5\xc1\x86qcb6\xf1\x9e\r=\x02\n\x83%ZQx\x02\xe0&lt;\\\xb1\xf7`\x1f\x01\t9s\x0cm7\x98\x81|\xafhK\xa5z\xfc\xdf\x1e@\xf9\'t\x9c\xf9\xe7\x04\x0b\x97&lt;\x01\x884\xf0\xe1\xa9\xd9\xdc\xfb\x9a^S\xa5\xfb\xd5\xea~%o\x06\xaco\xeby\x82q\xec\xc9XY\nZT\x14,\x91\'\x98\x97\x9f)\xf0\x05\xa4\xd0\x90{\x0b\xb5=!\x94*\xa9\x1a\x11\x01\xbe\x8f]\xd6v\x80\x1a"\t\xe2\xd2z\xfc\x1e\xe8\xa0\xd2\xd7r\r\xfa\xdb\xc7\xeeDN\xb0\x902\x018\x94\xbbDG\t\x89\xc4\xdcw/\xdae\x0e\xa6\xc0\x13\x16\x1a\xf4\xa6\x89,z\xf9[ide\xeb\x90?d\x94\xc3\xab)\x8b\x1c~D\xf5B\xff-\xb1\xb6KDS\x89\x18\t\x9d\xa0%gs\'\x8c\x80\xd4\xa1\x9dLv\xe8\xae\xb9\xbe\xd1&amp;6\xbb\xf8\x00\xb3\x83\xa8\xdbO\x15B\xf5\x16\xe0\x82\x10\xf0\x00\xa5\x14\x00\x9e\xe6\x88@\xd3\xa0\xd2\xfe\x7f\xe2\x02\xa1G\x93R\xf2n`E\xab\xf2;\xdbT2P\xa0\x1e\x16\xd6\x05|\x11\xe7\xbc\x93Hd\xd5O\xcb\x86\xd76z\r\x14\xb8G\xb8G\x98\x95!\xa5\x07\xcd\xa09\x04K\\\x11\x11]\xfd\xf8.\xae\xbf\'^\x85b\x8b\xc3#\x8f\xdd\xf9\xfb\xa5\x1dv\x18\x90!\xd8\xd6j\xa5\x14iP1,\xc1P\x858\xc1\xcd\x1e\xcb\x05\x0c\xaa+\xa1\xa2LY\xb8Bo\x01.\x08\x11\xeb\xdf\x06\xc6Y\xc6\x18\x13h\xfeF\x84Sc\x17\x0b\xa5\xa1\t\xc3\x0f\r\xdf\x9e\xbc\xd1\xbb\xd2\xf3\xc2Q\x1du\xd2^\xba\x0e5\xb5\xb7\xeb\xd5\x94R\xeaE\xf0\xe8!\xbb\xd20\xb2\x96\xff\xbcm\xac\xb1\x9eX\x18L%\xf6P^\x02;\xb3\xb2\x1f\xf5\x1bR}\t\x9c\xd5\x04cC\xc6\x10\xe7E|"9P\xaa\xd9\xe8\x9fb\x1e`\xad\x14\x80\xdaa\xca:!\x0f\xa4\xb0\x04\xca\x95\xce\xe1\xac\x81\xe0F\xea\x1ewQO\xec\x08N\x90&amp;\x15\xfe\x9bfB\x16&amp;\x8doF\xfc\x8a\xa2Pj\x1e\x86\xa3n\xa6\xfb\xe0\xe4yI\x9a\x0cU\xdca_\xea\n\xc3\xed7k\xa8W\x02\xb1S@\xe2\xfc\x06\xb0\xb2k\x8bz\xed\xed\x8e\xd4\xde\xe1\x1c\xb1\x9c \x1f\x06\xaa\xf2\xfcb\xa7Squ1j\xae?\x0e\x0e\x9c\xaf\x93\xf1\xa8\x84\x0e\x9b\x8a\xeb\x911\x8b\xf7\xbe\xfb\x90\xd6\xc5\x9e\x04\xae\xe1\x12\x89\x9e\xd6\xe2\x10v}\x163#\xbb\xe1o\xd0\xff\x1c\xb9k\xd8Kr\xc8\x04"\xc2\x97Q\xbd\xf3\xf1\xfbkn\xef\xd0F\x9a\x13\xe3\xa2\xcd@!\xccb\xcf\xee(/\xf3Sw\xac\rq\xech\x08\xdb\x0ci\x13\x80A\xde\x93\x18\xc2\xfd6\tO[3\x81\xa5\x0bx\xc2\x1a\xbed\xc3\xb9m\x97\xeaR\x89\xc1\xab(R%\xdc\x95\x89w$\xaa8.\xb6\xe1\'\x12\xd1f\x02\x006\x0b{?\xce\xba\xbe\x17\xfcq\x05\x99\x0f\xd7\x95\x86^G\x10\x19\xc4\xdca\xdf\xeeq\x82\x03;\t\x1c\xc0\xf3\x9fS\xa9\t\xabr\xfew\xa3\xbc}\x82\x01\xd2\x04B\xd6i1\x01(bq:\xde\xa0`\xd9\x85\xef\x9f\x88\xf8\xd2&amp;\xb6&gt;\x9fKh\n\xd7\xf6\xe2\x8f\x86\x90\xee5\xbde\xc8y\x11\x01\xec\xcb\x01\xb0\xfc\x9d\'\x1a\xb1\xa5\xed(\xfb2\x8d\x81\x81\x88\xa0&gt;\x1a\xe0\x97\x88\x96z\xdc\x06\xf6\xe5!\'\xa2\xd0\r\x9d\xf1\xf2\x9f\xcbA\xb8\x9f\xe6\xa7\x0bDl\x98[\x14\xc0\xdb\xe7\xd1\xc8\x81-K\xbc\xf2\xc50\xd7\x98\xc9\\\xb4\xff:\xb1?\xac&gt;\x1a\xf7\x01D\xf4\x16C\xc1N\xf9|\x0bP\x1b\xa0\xf6o\x0f\xf6h\xe5\xc7\xc9\xb7v\x96\x89\xea\xbc\xf2\xa5\xe5\x9bd:C)z\xf4\x0f\x9e\\\x83\x18]s\xfa\xb7sQj\x01~b\xc55u)\x9a\xc4\x1a\x00QH\xdb\x05\x92Z\xf0\xde\xdd\xc2y,%$\xb4eix]\r "\xe2\xdb\x11\xd7u\xec\xbe\xda\xae\xc9\x9dx\xe5\xcb\xe8\t|5\xfd#v\x15\x05\'R\x11Ht\t&gt;:\xf7\xc7\x04\x9d\xe9\x9ci\x96h\'\xfa\xa2\xcd&gt;\xf2wo\x9b\xfb&gt;T\xe1\x9b\x87Q\x84A\xcb&lt;\xbd\xe5\xa9\x01\xde\xee\xf3\xd2v}\x14XW\xae\xd6@\x80\xcf\x96$G\xc5\x97\xb4\x0ba\xf0O6\x15[N\xd4ohd\xe5\x93\xc6\xfe}i\xd6\xc3{&amp;\xce\xf1\xd6\x86O\xf8\x9dz\xb9\xc5\xb2\xd7\r\x8e;\x01\xf0p\xc4\x81\x8f\xb4\x1d\xbds96\xde)\xcdj%&amp;6\xd3\x85\xd6\x9bl\xfd\xb2`p\x8d&gt;o&gt;\x12,\x1f\xaa\xb7\xea\x8c\xdaV\xe3\xf2{\xba\x0ep\x9e\xeb\xd80o\xa5\x91\xb1}!{\x02a\xac\x9a\tj#cG2\xb5\x8a\xe4\xa6\xa7,A\'\xa8\xa1Jp!J|\xf6\x8e\xee\xc5\xa6o\xf4\xac\xbf\xc9\x92\xe5\xe1\xc0\xf3\xa5\x91\x81\x80\xe0\xdf\x97\xf7W\xb3&lt;\x04*\x1e\xce\xd1y5\xd43"\xf67\xab\xd6\xd3\xa5K\xf2\xe1\x08\xcf\xaf!\xbf}\xd0tBw]\x9dH\x87x\x1f\xe40\x88M\x1bN\xb7\xd95\xfc\xcbi\xef\xdapa\xec\\~X@,r\x8a.y^\x02^f\xea\x8a\xa3\xb7\x83\xa9\xd7\xf1\x99*\xed\xd24\xe6\xd2O^\x8d&amp;\xfd\\\x17\xfe3+\xd8\xe8`v\xcfB\x83\xf5i\x84\xe6\xab\xe0\x93Y\x9f\xdd\xdb\xb2\x88x\xfb&lt;\x19\xeay&amp;\xf5\xa4r\x87\xbd\x911w\xde\xf6\x91\x10\x10\x05\x02\x8aY\x1d\x11\xf1\x19N\x7f\xfaD\xc4\xb7T\xd3\xd29\xa5h\x04\xcb\xd1\x97#^\xdb\xd5sz\xd7\x18\xd1\xd4sZ$\x8aU\x87\xcev\x93\n\xac\x0b.\xc5\xd26\x01\xe6\xfd\xabi)f\x98],:\xae\xcbH\xbaM\x9b5\xb6\xf4$e\\\x0c\x91\x9b9\xb9\xe5*\xe3\xa1\xfa\n\xdfQAYv\xf6\xd3.\xf2d +#\x9d\xc8\x87\x9e\x83\x02j\xefn\x17\xcd\xb7\xa1\xc0\x9f\xf3r\x0b.\xfb\xbe\x15\x9b\x7f&gt;\x04\xdc\x06\xe4\xc3\x1c\xa3O~\x93p\xac\xd6\xf8\x93\xce\x0e\x16-\xda\xc1~\x10\xcfQ\x1a\xa9\xab\x9c\xa7\xae\xd1\xfc/.\xd4\x0fh\x0b\x7fwh\xfc\xccn\xf8F\xbfS\xc7\xba\x9dp\x1dgar:j\xdb[\x8a\xd6\x101\x81\xe6E\xf3\xfe\x03"\xc0m\n\xa9\x96"\xa9i\x97\xf3\x1e\x88A\xc0\xd35\x12\x0f{w\x02"\x00\xbc\x8eQ\x8c\xf4\xba\xac6,\x8b=9u\xd98\'\x00Mp\x15\xf7R47\x8d\xd5A\xf2\xb0/i\x93q\xc8\xf1f\x11\x9c\xf4\xb4\xbc]J\x1f\xac\x1an\x9c\xb9\xa3\xaa\xf1Qj\xe1\xdb\xb1s\xb8E\x03GX\x15\xb5\xacBm\xb7\xdcWx%\xc8\xa3\xa9-\xa0\xc0G\x81\xe8\xb9\x9du\x80e\xd8\x7f\x98p\x1ac\x98\xd1\x1aj\xfd\xa7\x8c\x8cRJ\xfd\xbf\x85\xe2D\xefe\xc5Ts`\x1fl\x1b\x0c{\xec\xd3\xeb@m\x08\x14\x82\x9eg\x96\xb7\x87\'\x17\\\'Zg)^,\xf4\xa8\x1e|"\x0b\x9eC\xb7\xda\x95\xdf&amp;\x8b\xef\xe8\xc8\xfe\x0e=\x16}\xf0\x05\xf0\xee\x8c2\x00\x0c\x95F5\x1c&amp;5\xceaV2\x8aeC@#\xb8\x11w\xb8\xac:Ic\x8d\x88\x7f\xee\x97\x96\x8a\x08I\x14\xf8@=\x0c%LG\x08\xd8\xa5O_\xa0\xe7\x16!\xa7}p\x1d\xff?\xc1D\xa7Da\x18]\xeb\xf4\x1b\x89A$\xde\xe1\xb2\xe5\x894\xa0\xe6F\xf6E7\xbf\xd4\xebz\xeba\xbc\x1e\xbd\x12.\xa4\x99\x92@D\xf8jc\x02\xb0/\xdf&amp;\xd0t\x02\x00\x88\xf8A\x04\xf1\x02\xbe\x145\x9bh\xdbn\xaf#*x\xe3\xbau\xb3;\xedU\x10\xb8\xf2\xa2\t:\x10i\x85K\xf6b\xfa\xb8Q\xd0E\xe7\x96\xad\xb5\xdf\xf9b\xf03\xcc\xe9l\xc7D\xd0\x9cG\x98\x00\x8c\xe1\xac\xfb\xd2\xd8\xc0\xb0\xdd\xb5V\x9fZN\xb3/\xea5\xe7!\x06A\x8ar\t\xd3\xbb\xda\xe7\xb2\xa6\x04\xd5\xd5:\x08\xf0\xe3m9.\x8cE\x1b\xcbsr\x19v;\x89\xa3\xbaC\x19W\xe1"\n!\xc9\xfeL\x11\xe5\x8e3j\x04x\x04\xc9zd\xff\x99d{R\xdb#\x83\xa6\x17!.\xeb iZ\xfa\x9aL\xad\x1a\xdc\x99\x14\xae\x86\x00\x00\xffS\xab\xf2\x03\xe7\xe4a4\xcc\xfetUv\xd9]d\xf6\r\x98\x9e\xda\xc4\x1b\xb8;\xa5\r\x8c\xed\x00\xba\xdd\xb3\x96\xa9W\xbc\x9f\xee\x0e\x11\xb5L\x84\xc8\xcb?\x14R\x94\x90\x02\xb5\xde\x8ea\x9a*V\xbbe?\x7f\x90uE;`H\xcaB\xec\x0e\x16Jyp\x15.\xa4\r\x97\xe6\xfc\xbf\x0c\x16?\xd3\xcfL\xe1\x045\xb2\xf3t\xf1m\xd2\x9d\x9a\x05Z*\xaf\xad\x98UqT\x9b^,\xd2\xbc\xa7\x8b\xebg#K\xda\x1a\x11\xb5\'\xa5\xed\x045\xd3_EK\x1d\xc1\x07n\xd0\xb0\xe3\x99\xc0\xe3\xf5\x07\xc5\x14\xbc\x15Sk\x89`a\xcd\xe1\x1e/\xe6\xc4K\xa3\xc5\xefz\\\xc6G5=8\xa6\xc4\xf5MG|FX\xa7\xb3c\xb3\xdf\xb3\x87 "&lt;\xeaB\'\x00\xf0O\xdb\xb1L\xb7\xe0\xd3\xec\xa7\xc2r\xe4\xbc\xcc\x97\x1f\xf4\xc1j\x92\x927\x8eMD\x86{g\xd9\xd26\xfe\xebru\x07\x15m\x0e\x9e^-\x0c\xcdT\xed\x1d\xcft\xf8\xcb2\xae\x95\xc4\x87\x8bz\x07%A\xdd1\xb3\xcd\xac!\xfe^)\x9e\x90\x9b\x1aj\x7f\xb0\xa2Z\x16\xdd\x1f\xea\xf9\x8fD\xc7=\x8d\xd5@\xa9\xff\x02\xb8\xa2\x90\\l\xde\x12\x03\x8f\xcb\x019t\xd6_lW[\x8dnP#\xa2\'\x93\xcce\xf5\xef\xf0@J\xda9_\x03\xda\x0e\xc6\xfb\x92A\xff\x9d\xb4\x96\x00\xe0\xf1\xd1\x9e\xd8\xdav\xa6\x98\xc3\x81\xf5\xca\xb6j\xcc\xef\xbb\xfd\x9e\x96\xde\xda\xcb\xd0\x0b\x93\xca\x97W\x9e\x9e\x91U\x17\tY8\xe2\x84z\xbc\xf8\xad&amp;\xe1\xc9\xa7W\xac\xa8\x97\xa0$\xb2\x9f\x9a\xc8\xb4\x1f\xfdo\x12\x1c\xdfUd\x1e\xfc\xa0o\xdc\x04`\xb6\xe2\xff(\xe7\x12\x86i\xa9\xf50\x0f\xcb|Z\xa1\x0b\xea(\xf7\x82/^\xde\x87\x80\xb9\x07\xb6\x9c\x1d\xc9\xe5r5\x99\xab\xc2lE\t\x95U\xb1\xf0"\x11\xc9N\x8c\x81\x1b\xeb\x7f\xd8n_\x86\x94\xb8\x93\x85\xcbw\xa7\xf1k\x83HM\x89\xb5\xd7\xdf\x92bq\x18\xf36\xcd\x13\xd3\xb5\x00G&gt;5\x11R\x97\x8ac&lt;4y\x80&amp;\xe4!c(\x15#d\x1f\xa7\xe9|\x0c)P\xd2W\xb7\xb2\x8c\'R\xe1s\xae\x14k\x05i\\\xa0\xc9/\xbc\xf9GG\xbd1z_\x9f1\xf9\x1e\xc6{\xd3[\x81\x9e\xdf\xa5\x82\xa4\x96\xe7\x99\xe0C\xa4,%\x9c\xb2\xbe\xe3\x18\xe3\xd7&gt;\xd0l\xf1\x97\xbde\xe1\xa1(\xca\xf2\xb9J\x10\xa9\x83_0\x87\x01%ae\x0e\xa8~\xb5\xebSI\xe6\xd8\xe6f1\x13|\xcf9\x16\x1a\x1aB\x03\xf7\x00\x99\x8b3\xbc\xde\xf0/\xbc\xb0\xb6\'\xc1M\x8b\xbbp\x18MHi9\x07j\xfe8\x92\xb4\xc7f\xd9\x0e\x1a\xd08rL \xed\x8db\xed\x1d\xd9\x7f\x9e\xd8|\xf5\xd4A\x90\xfb\x0e\xbb\xce\x8aY\xd1\x83\x8fi\xa6\xa2\\.\x82\n\x19\xc6\x19\x8cG{\xa3\xa5_w\xc1\xe3\xc0}@n\xd4\x1e\xa0t\t\x86\xbf\xd8\x86\x17\xc0Q\xd1.TWY\xc8!\x1a\xfeks\xbf\xf5M\xbd\x05\xe9\x81\xce\xee\x87\x00\xef\xa1\t\xd2x\x02 \x86\xbeRY\xacu-u\xd4\x98#@\xa8d^\x17\xfci\x9d3\xe7XN(\x02\xa1l\x8f\xfcqs\x1d\x01\xc4\x11\x97\xe7\x11\xe7phl\xd0\xc3\xd6\xec\xe4hP\xa8l\xf5\x95K%\xfaI\xf8a\xaf"\x87\x10\xcf\xc1\x98R\x01\x18\xe3\x861\x85\x1c\xdf\xb8\xc5(\xc8\x00\xfb\x06f\xbcN\xb1"8&gt;\xa6\xb9\xe2u\xdaH\xb5\x0b\xe8\xaa\xa3\xfa\xb5\xa9\xe3x\\{\xb9\xb6nQ\xda\xc7\x8e\x9c\x918X\x8d+\x9c\x9ce\xb2}I\xaf!(@\xdb\xac\xfe\x91{\x18\x0b]6v5l5\xa0K\xfbXDD\xbc\x9f\x80\xd8\xd9\x14|\x8aL;I\x95\xcb=\r\xcd\x13\xc1\x91\xe0\x0e&amp;\x8e\x86c\xb7\x8e\x02\xda\xf3\xba\xde\t\x90\x9d@\xf6\x94\xb1\x93Pd\x05C{\xa3\xf5k\xab$\xe7\xdb\x0eK\xb1F\xabD\xe7\x1bf"\x92\x12]\xc1\xf8r\xcaL?J\x88\xa4\xf2\\\xf3\xeaHG[O\x98\xa8\x199\\\xeey\x89\xbe\x82\xd8\xd7+""\xa0\xc93Bv\x80\x1e\xc9\xb45\x8e\xdd:\x0b\x88\xc6\xa7\x94\xc2\xc6ek\xa6T\x81\x1c7k\x9f\xb1[a\xb1Hfm/D\x85&lt;\x0c\xbe\xac\xb7\x00\x1c\x10\xb6[mZ\xd5\xdc\x8245"M=\xd3\xe1\x82\xcb&amp;X]\xaey\xd3\xefsf\xdc\x0e\xe4\x8bx[\xbd\x9c\x17\xd7\xffd\x04\x80\xa2\x7f\x97\xf8\xf4?f\xd7D\xc4\xeb-\xafH\xd7\x91\xa8\xc8\xc3\xbf\x14\x99\x89\xa1\xfbiU\xfbCJ\x03\xe0\xd0\xef\xe7\xb6\xbc\x0b\x95\x02\x98&gt;m\xa0\x94R\xd7\x84\xcd\xb8\x1e?$\x93\x95}\xe0\xa4t\x12\xf5p\x00h\x97\x8aYh:\x80\xde&gt;Wp\x8b\xe4\x840\x92\xd22\x80\xad\xf7\xa0\xbe\xb9!\xafl\x90\x03\x15\xb5|\x90\x84\xaa \x1d&lt;\x82_u\xb0\xcc[7\xdf\xda\xbe\x84\xf0\xa7\x80X\xbd\x97EO\xa6&lt;1\x1e\xfa\xac\x94\xc8rD\xf8w\xb1\x97a\x97\xd7\xba\xe0\x05\',\xe8\xc0\x1a{\xe0\t\x12\x079\xff\x13\xf3CO3\xaf\xbf\xd6\xfaN\xb7\x80\xdf9\xa7\x8b\x0f5sZ\xbe\x1aYD\xa8`\xf9\xef\xd5\x8eo\x95EeQN\xc8\xa9Ctj\xe3{\xf5\xbe\xa4\x1d\x08\xa6\xde\x04U\'\xfcP\xd0\xb6&lt;\xd0p\xb8e0j\xe5ZN\xf4\xf9\xf0\xf5\xabN\xa6z\rd;a\xa2S\xae\x94\xe4\x88(\xe2\xd9\x991\xd9$\x8c\xc7\x01\xfa\x87V%\x06e\xa7\x8c\x135\xa0m\x10\x1fB\xf9\x9b#\x11\xcd\x89;\x18\xe9\x84\xd1\x11\x86PN\xbb\n3\x16\x10\x11&gt;\xb6\xe5\xd2C&amp;eg\x08\xa2\x13d\x1ds\xcaaf\x18"\x7f\x83\xb7\x19\x0c\x99\xf7\x1d\x83\xed\x85\xaf\xd1kT\xec\x89\x9a\x1aZ\x0b"\x89\xec\x94\xc43\xa2@\xab\x18"\x9eG\x80\xfa\xa3M\xf2\x91\xdaQ[\xddYP\xec\xb4\xb0\xaf\xf6\xc9w\x1e\xbe\xa8}\xc2\xc5\xf5\x1f\xfd\xa2\xa1\xb4"\x85\x0cu\xf8\xe1\xc2\x96%\xd4h\xda\xcf\xc3\xda\x06\xea\x90!7`\xad\x8aJ)\xfdx\n\xc1Ty\x0e\'\xa6\xe1\xdf\xc3b\x18\xb7~\x0et\xffT\xef\\\xd3z\x02q\xb0\x1d\r\x06\xc0\xdfa\x13LH\xc8\x0fs/)\x80\xebq\xab\xf7\x83\xe1&lt;{\x8e\xc1\xf2#p\xe9P\x82Gtf\xd4l\x81Z ahb\x81\x83d\xa6_\xa8}Tn&gt;+\x1b4\x8a\xe5$\xd3\x9f;\xf6\xfb\x9d\xc2\x17\xab\r\x07\xb5\x93\x00\xf9\xec\xd6&amp;\x94\xc9lhB\xa9\xbb\x02\xfcz\x015) C3\x9c2b\x98\x03\xd59\x0c\xaf\xab/\xc7\x10\x888\xe6\x01tD\xf0\x9f\xfc_\xb4Q[\xec\xa6&amp;.\xc3\xea\x06}\x05\xb6\xc29M\x18\xa1\x94\x92\r"+\xbb\x92l]f\x0b!\x11Q@\x1b)\x8a\x9d\xd7\x19\x90[~c\xa1 \xb5\xd6\x8e\xe2k|L\xae\x02;W\xa9\x8c\xc3W\xc6\x1cO\xc3\xcbI\x80\x1cy\x9e;\x00\xad\xe1s\x1c\xcf\xc4\xe0\xb6\xc2\xfbG\xd7\x9d\xf7\xc1J\xd6\x0c\x96\xe9&amp;\xb38)\xbf\xcd\x1f\xf1\x85\t"\x15\xea$\xb0S\x86\x00\xb7\x8fRn\x1a\xfc\xcb\xb4^\x9ai\xe7\x8d\x14?2\x1a+\xb9\x00\xb6\xee\x15\xef\xe5`@d\x99\xbc\x99\x18%\x0e\xd5\xdb\x13)\xfe\xa6\xf5\x9f\xbd\xfe\xd9JTS\xa6\xcc\x03\x12\xcb\xbagD\xe8\xf5|\x04\xce\x0fi\'4rf\x90`\xfe%\xbej\xac\xfa\xb6\x8d\xd9\x06\xa7;\x18\xe8\x1e\xfb"\x18\xb5?\xd2\xb0:\x97y\xb0\xa7\xbb\x03\x9c\xd8\x15\x90B\xb8d\r\xd6R49\x1c\xc9;\xb6@\x88\x88\xf8\xa9\\\xc1\xf2\xe57\xa3\xd7\xc2Cw\x14\xcf\x8dM\xd9\x1eT\xeb\xc8\xf6ft\xc3\xe8q\x03-@\x8e\xab\xd8Z\xb8S\x81\xde\xde\xb6\xd5\xea\xe5\xd8dzt\x12u\x1f\xaf\xa8\xa6\x90\x9f\xe0\xf4D\xc2\xa8\xc61\x81\xe0\xa3\x8a\xf9\x8e\x93{\x07\x11\xe3\xe8pF+\xfb\xe9\x7f\xbft\x872\x1f\x17\\cT\xe8u\x1a{\x00\x8bWq\x17\x9b\xd8\x9c3\x00\xf6\x82\xc7\x92\x96z\x86\x00\xe5@\xf4M\x17O\x0fIGYn1\xc6\xdc\x00\x08\x9f\xdam\xa8m\t\xe3\xc9\xd5\xde\x96V\xe8he{\x01\x00\xd0_\xe4 \xde\xcb\xf0$\xa80\x1c\xe16D\xbec=qx\xd8\xc3\xb6\xb6C\xa9|\xecE\xce\x8b\x02\xcb\x81\xea\xa5\xc8F\xde\xc0\xe6e\xb44A\xb6\xad\x03;Gl\x83aps\x04\x1c\xe6\x1c\x16d#\x7fP\x85\xc4xt\x1c\x10y\xd8\x19A\xa2]49\x9b\xc5\xd9\x97\x93\xd2\tJQ\x1bI\x8c\xa72u~\xb1\xa3\xa2#\xb6zy\x7fh\xddv!\x89s\xe0q"\x07\xb6\x1b\xc5\xca\xf0\tG;\xe0f) 1B\x92\xc3\xc9\xd1!\xaf\xee\xb9\xf0S\x8e\x88\x99\x0cs\xec\xaa\xcbIq\xa4\x13U\x90\x18\xce}`\xa7\xe5\xe5\xb7/\x1d\x95\xb6E\x96f\x81z\xfb\x98\x86\xdf\x95\xf0\xb3\xcd\xc5\x8e\xdejg\xe3Z\xf4)\xb2\x9cq\x94\x14w\x93\xc5\xe7\r\xe5?\xfb\xe9aO\xccp\xa6\x92\xfe"\x194\xe5\xe4\xccG\xed\x8e\xdcV\xe07p\x18\r\xa4\x9fa\xe1z\x91~\xe5\xda\x89&gt;\xb6\x87\xf1\xdc\x8a\xbd\xc8\xb9?\xdc\x9f\x1e\x19\xbb\xd8A\x84\x92\x01\xe2\xbb\x05)\xa3R&gt;\xc7\x1e\xf8_\x9b\x18\x84&lt;\xf5dK\xe8\xd7R\xb2\xcd\x7f\x95Kf1\x97&amp;(\x8e\xda\x12b-.\x9e\xfehs\x8c\x0f\xa9&gt;\xab\xd9O/vb\x0f\xb0=\xd8S\x86\xefsQj\x1dPS\x12G\x81\xdc\xad\x86\xe1\xc3\xf8\x89]\x8d\xf8\xe3\xaeJ\x89\x84\x9b\xb8W3\xbc\xceO\xd4\xc5\x88\xd9)\x17\x91\x868\xd7\xb3\xfc\x7f\xae\xc2\xe9&amp;\xda\xc0M\x02\xb9\x198\x9f\xb5`\xc9\n\x18;\xcb\xcdj\xb9gU\x1e\xf5(cx\x02P\x19\xb5=\xbc\x0bF\x7f\xef\xd2\xe1\xb1:\xae\xd4\xeb\xa5\xf5H\x18\xff\xbdZ%pc~\xbc\xf6bA\x88!v{\xbb\xf3\xa6\xdaU\x80\xa6\xda^Z~"\x03\x888^ \xd8\x0e\xb4\xf7\xd7\x96oy\x9b\xd7\x10D\xe479&lt;\x9a\xe9h\xdc\x88` \xfe&gt;\xd7-\x7f&amp;t\x94K\xd1\x11\xa3\xa0+4\xa7\xdd\x81f&amp;i\x17I\xa7\xffh\xfd\xe9\xcf"\xdew\xbe\xd1\xc6\xdc\xfb\xd2\x1e\x13\xe7w\x00\x1a\x807C\x15\xf2\xaa\xe3\xf8f\x04\xe3O\xc4\xa7U\xf2l9\xcb_\xff\x9f\xcf\xda\xfd\xdd\xf2CuX\xf7D\xe3qV\xa0\xb7\xbf\x9f\xb8\xfe9j\xd3\xec\xd7\xda\xf7\x92\xa3)~\x06\x11\xfe\xcf\xba\x87\xd6W\x96b|O\xa3.l\x82\xe9\xe0\xd4/\xbf\x18#|\x17cX\xecD3[\xd4 \xf9U\x96\x8f_~,_\xa1h\'Y\xf2\xd9\xd7\x13\x17\x8c7\x05w\xa9\xb26\xb0\xa2[Q\xfa+\xde\xfaB&lt;\x00p\xfe_\xdb\r\xe8\x1c\xacRuK\x01U\xf86\xd8um@\xbf\x12\xe5f\xd0}\xde\xb1H\xf7\xd6\x19RmW\xedh\xdd78\xad\xd8\x1a\x9b\x94\x9d\xbci\xad\xaf\xd2\xa8\x9c[\xcd\xa03\xcd\x9f\'\x0fAEy}[o]\x8d\x01\xd7(\x89f\xea\x15\xaa\x84w\xd9b\xb4N#\xe9\xae~\x90Dw\xa2\x10\xe1\xe4\xc5\xf7\x12\xfb4\xb6?\xc7}\xf9a\xd3_\xa4\x0f\x1a\xa8\xd5o\x1fR*\x11\xd4l\xd7\xd1tU\t\xc3\xfa\xbfW\xa4\xf1D\x15@\xb4\x15\xf4\xc3\xb2\x1c\xc2\x03*\xaaq\xee5\xc8.\xbfY\\\x92\n\x1f\x16\x8f\x17\xb1\x0b\xde\xb6\xb9\x072\x1d\xacqtd\xb9\xfae{\xe0\x89\t\x91D\xc9t\xa9e\x19)\xee\x88G\xce}\x8d;\xa1|\x8c)\x95\x0c*\xb6\xebp\xba\xaa\x83Q\xfd\xdf+\x95u\xe5&gt;\xadD]\x04\xe8\xa9\x99&lt;\xd3\x8c \xb9\x03\x8f}\xbf\xaf\x81\x90\t[\xa9\xc3\x84CG\xf8\xd2\x02\xaew\xfb\xc8\xc5\x01\x9dC:\x0b&lt;R\x9a=\xb17\xc4\xbc\xc7\xe7R\xc4\xde1\xc3\x11\x97s2\x87\xc4\x83\xe9N\x08{\x1e\xb6!1K\xf5GcI%\x83j\xa9\xd0\x13\x1dG\xd4a\x12\xb4^\x90\x18O\x0f\xd2-y\x03\xd3&gt;\x14\xd4L\xd4\xee\xca\xd9\x1a\x9eVm\xd0\x9c6\xec\xccS\xc77\x8e\'Rs\xc4\xac3\xa0k\x99\xe8\x92.B\xf0\xe9\xf3\xd2=\xed\x04\x1b\xb2!w\xc1n\xf7\x18\xdf3\x00y\xa8{\x96\xbd\x12\xf1\xbeh\xdb\xf1\x8f\xd5\x138 N\xb9h7ed\xde4@-\xa8\xd7\xed\xcb\xd9\x86\x8e\x8d\x0e\x9b\x9bO 9\x94\xf2/\x9c\x00\x0c\x95@\xe4Rn%\x8c&amp;OG \xc0\x12\xb9\xc3\x99i\xa7\xa0\xdd\xde\x89\x82\xd7d\x93&gt;-u\xb1\xe8\xd6?\xed\xda\xed\x1e?totT,\xefeX\x87\xa4)\xf8-D\xde\xcb\xc7\xe8]/\x80\xab\'\xb1k\x89\xca\xae\xa8\x11\xb7\xdd&gt;\xe1Lj\x9ax\x89\xf1\xe5\x0e\x10\xbbFe\xa6\x8b\n\xe2\x7fk\xb3\xb5\xa44;\x86\x02m\x08Y\xf6\xbe\x922\x9d8\xd1\n\x0f\t\x06\xb2v\xeb\x08\xb3\xfd\x13\xfb\xc5\xd8g%G\x9dr\\d\x04&amp;\xb7W\x7f\xabU\x8e\xba\x98U\x9cU\x96\xac\xf1ncT\x15\xd2T{\x96B\xb4*7_\xaf\x04\x8ag&lt;\xb9\xfb\x06\xf3\xc0\x0fS\xb0l\x04\xb9\xa4\xc8P\xab\x0f\xd6\xa9\xbdoB\xb5&amp;c\x82\xd5\x97\xf85$\x1e0\x1b9\x84O\x9c\x08\xe3\x06\xfe[9\x8e\x9d\x9a`e\xb1\x93w\xc2\xee\x1e\x93]]m#\xa0\xf8\xc7S\xe6N\x9d\xf7f\xdc\xcd\xe5\x9a}\x9age9\xda\x075f\xbd\x81\xbcE\x86E\x8a\xab\x18\xb54gi\xea3\x16|\x92c\xb3\x8fa!\x82\x138\xb8~\xf5i\x12\xbbL\x12\xb2\xedJ)3x\xd3\xbe0\xb5\x96_L\xa9W\xc7\xe9\xeb:\xa4\xcay\xd1\x81\x00*\xcf\xb5R\xb1p\x01\x8f\x1fb\xc6\xb7\xb7\x84dFD\xb8\x12\xc0\x7ffQ\xab O\x98\xc9p\xd9\xf8\xc4\x06*\xc9\x88\xd0=G\x80\xdda\xe5\xd9\xbf\x04\xb8i\xc3H&lt;?\x04\xd6\x02\xb8\xbc\xbf\xc7\xb9\xa3\xea\x05 o69\xa7}5\x0b\xd9tm\xa6\xfd|\xf7\x84\x85\xc5\xfb\xd2\x0c\xa1\x94\x82\xf9c;\x01\xf7]\x17\xa7\x05\xac\x9c::\xc9\x98\xd2$\x95\xdf*Ra\xbd~\x89\xa8r8im$\xe5g\xae*\xdd\xc7\xaa\x01`.KX\x93\x03\xa6`m\xbe\xce\x13\xe3\x90\xea6bs\xffI\xeb\xff\xe1\\f\xaa0Wu\t+\xfa]\xb3\xef\xf7,\xae\xd6O\x88\xa1\xf7\x12M\xd4\xfa\xb2\xd99\xfa\xcf\xc0=\x19e\xf2\xfd\xea\xa6\xb5m\xd2i\xab\xe1\xd2\x81\x88wl\xa8\xf4\xeb\xa4\xa5\xd7\xfc#\xddY\xe8\xb9\xe7\x15@C\r\x8c\x83D?I\xa2+m_g\xb7T\x8cx\xfe\x04 \xd8F\x11\r\x04\xf6\x88\xc3q\xe4\xdeu\n{\xee\xceW\xbe\x10)\x146\xa7\x18\xa6\x00\x88\x88\xf8\x89\xe5R\xddv9\xdc"\xfa\xd0\xf6\xa2.C\xc3I\x14\xf2\x98r\xa2\xa3R(\xed\x03\x17\xdb\xf0\x00N\x85\x08\xc1Q#7\x12\xabJ\xd5\x9e\xd7\x89\x1d!\xf3\x835\x99\xcc:\x8f\'\x82\xe7\x9e/\x0c\tI\x1f\x11\x11\xff\x11q\xdd\xd2Z*\x12\x14\xaa\xd9w\xed\xa5zZ\xcal\xd7k\x03\x05\xa5\xd8\x99Cs\xfb\xbaG\xcf\xf6\x08\xcf-\xac\x0fRm\xfah\x00\x1e\x87w\xea\xdfs&lt;\xc9\x12R\xca\xcd\xd0j\xecr\xb5\x90\xa6\x16 \xba\xa8ut\xf8*\xa4[\x11\x91\x90\x835\xe4\x8f\x83\x8a\x86\x10C\xd3p\xab\xee\x9f\x97\x06=\x12\xdf&lt;\x8eJO\x13\x9f\xf0a\xce\xf2\xcf\xeb-\x87\x00|]`\xfa\x88!\xadO\xdd\'\xd2V%7m\x04\x15r\\uA\xe3\x04\xeaUx\xc43\xafoV$\x0b[\x8b\xd3\xf6n@\xf71\x81.\xb0+\xbfT`:\xed\x95\xc4D\xd02b2\x17\xde\x80\xbe\x89\xc9\x0e\x1c\xd7\x83@\x9f\x826\xd4v0\xab#"\\a\xf3\xe4rf\xc5\x14\xd2\xd8\xf9\xc4F\xc4?\x93\xd7s\xc5|"\x88\xf3\x19\x80\xf1\xd10\x05\xccg`\xef\xd1\x88]}\xd8\xb1\xb7\xfc\xc9?b;p\xf0J!\xa1\x85\x96\xde\xc25\x0f\xfdXa\x9f\xa6\xd9\n_4\xec\xd1\xf4\xdf\x1b\x15ikY\x8f/\xaf\'\x01B\xc5\xea\xc3\x1e\xc5""\\{\xaf\xa1h[g}\xf2&amp;)\xb90,\xa04d\x99\xec\xde\x9bd\xa1Y\xc4\x81\xe3z\x10(\xeb\xbfm\x06\x91K\xef\xe8/\xf1v\xadp\xe9\xfeX\xdbM\x98\x0f\xf7\n\x02\x00\xef\xb3\xc9#\x8553\xb7x\x14*\x1b\xe7\x04`t\xac\x0bF\xbd\x05\x91F\xe5\x8c\xa6\xbe|\xe3\xb4\xfc\x8b\xa0\xfe\x9bR\xad\x07\xa6\x83\xaf\x01\x00\xa49\xd7\xc8\xe9\xec\x02\xc1\x1f\xed\xadF\xbe\xf2ze\xf6\xcc/7\x0e\xd5P,\x8a\xc5L\x80\x1e.\xc6\x89\xa4\xd7\x11ek\x08P\xa1\xb5\xf3S\xd1\xc6\x9fYD*\x02\x11\xf1\x17\xac\xa9\xe24!\xac\xcb\x97\x87\x1dd\xd18\x92\xc7\xbbk\xef\xdf2\x04}j^\xf3\xcc:\xa6-\xb0\xc8:\xb1\xcf%\x90\x8a\xe7{4\x98"\x00\xc7\t\xd7\xed&gt;\x18\xfem\x82\xfb\x0f\xa8# \x9e\x14\xfan\xc1\x17\xa3\xaf\xe4\xa5\xaaK\xda\xc5sv\xfd\xc6\xdc\x07\xb4uR\x9e\xc7O\xd4E\x89\x17-\xcf\xb6\xba\x14\x90\x01\xc9V\xb0\x84ea.\xfd\x02I9\xc7\x8b\xd3\x00j\x9dX\x00\xed\x1b\x0e\x9aB\xba\xebd\x04\x19\n\xe0:0\xd7\xd9\xca\x1f\xbdH\xaa\xbeJ\xf5\xdb\xcc\xd2\xd9\xe2\x99\xde\xd5d\x7f\xc3\xa7sv\xba[m\x17.\xb3\xfc+\xd6\xa8(\xb5\x1b\xe5Y\xe1\x8b\xf7\x1cS\xc7\xc0~\xba\x9cKF\xf2\xe8\x7f\xcd\x02\x13\xfe\tE&gt;\xa0#\x03*\xd9\r!X_ "\xc0KK\xaa\xcb%}\xaa\x9b)\x1d\x9e~\x98[\xdd\x19\x96\x10\xc8e\x97\x08\xe7\x94?G*q9E\x8dX\x15\x08\xf0tQz\x9a&amp;\xaf\xde\xcf\r\x84\xd1^\xec\x9f\xf00m\x1c_\xf9d\xd3\x05+\x9d\x00\xcc\xec*\xfbXL\xe7\xacVw\x08\x07\xed\xd9\xad\xb0\\\xedD:!\x88\xfdt9\'\xc2\xb0\xd2:a\xd01\x0cM\xe6\xc1\x11\x04\xab\x89\x1b\x06\xa2L\xa6?.\xa2\xe0\x19\x97g\x0b\xe3ab\xd3\xf4\x8eJ\x9a\'\xa5U\xb6\x90&lt;\xcb\xba\xa9v~@\xc0p\x8e\x14\xf2\x9a\xdf\x05\\\x85\xdf\'\xc7\x13.Qu&amp;B\x1ax\xac\x1dbu$@\x84\xe7\x95/\xcc\x0bI\x12\xcb\xba"\x8c\x82x\xbb&amp;\xcc7\x84D\x19o\x02\xb0)\xf0\x9c\x00\x1c\x12\x97\xdc\xe5\x1c\x03\xc4He\xe8^\xd0\x97\xec\xba\xcb\xfc\xed\xd5(\x87L\xe3\xd8\xae\x94G^\xd5g9\'s\xe0\xc9%\x16\x99\xd7\x8d\xa6\xb7vh\x17\xbd%7\xf9{\xe4\xa2\xd5:\x01\x90G\xd7\x04\x83\xce\xf5\x84^\xda\xe8\x03\xbb\xb1\x08\xf0\xf6\x8c\x03$\x00\x8f\x16\x16\xac\x0cm\x13\xf2\xa4\x81\x97qJ\x02&lt;\xaa\xba8\x19\xb8{Q\x1a\xb4\xe0\x8f\xcd\x9e\xd9\x86\x12\x84\x95C\xca\xbb\x89\x1a\x18P\xa4\x13\\\x8c\xe9R;GSeR#\x95\x13C!`\x1dY\xdb\xb1(P\x83[\xa3b\x96$kW\xbaKo\xf4\xe9Dk\x05\xbd\xa5&amp;\xdb\xd8\xaez\x1b\xd2R)z\x08X\xearPI\x03\x12)\xa2\x03\x12\x03\xea\x19\x92\xec\xb8\x07\xdcS\xe2}L\xf7.p\x86\xb1\x9fR\xbe\x00\xac\x96\xeb\xf8r\x15\xc4\xe9%\x03\xc7p\x86Y\xa3mZ\xe4\x0b&lt;\x865\xf1(\n\xdf\x01\xb4(\x03\xe7\xc5\x97\x86\x05+\x87\xe1\xb4\xaeL\xdf\xf3\xb1F\xc4\x98T\x8b\xcfS\xbd\xd3\xed\x01~o\xf0\xb7Q\x00\x80\'\x94\xd4\x1a\'T\x13\xdc*B\xe6\xeb\x12\x9b\xbbO\x08\x939\x0e\xd4\x95\x8c\x04D\xdc\xdc{s\xfc\xc1\xdf\xc9\xa6Gh\\T\xa3\x8dE\xec\x02N\xb8x\xa9\xd2\xaf\x0c\xaa\xc6b\x85Dq\xc5z\xa4Op\xa0\x94B\xc4\xae\xde\xf7\xfb0\x0fJ\x06\x0c\x83\x8cL\xa7\xd6aV\xed\xd6\x04\xa7\xdd\x91\xee|V8\x0c\x94\xef\xba(\x00\x00 \x00IDAT\xff\xaa\xb0C`\x8e2J\xd5J-\xae\x82\x8d\xd6v4)Tt\xe5\x06\x97\xb3(\xc1.m\xf9A\xdd\xfd\xbd\x9d\xf8\x97;{QJ\x01\xe0_\xa17F&amp;\xdb\xd5\x91\xa5=vb\'?&amp;{\x1d\xa0!#BK^{X\xfa\x9f\x91\xe6\x12\x92\xe3\x0f\x1f%j\x95a8\x87]4V\x7f@6\\\xd3O8\xa8\x9eR9\xf3\xe6.\xc8_\x9d\xd5v\x01\xea!&lt;z\x0bH\xdbv\xd5\xd9`{N9(L\xe6HR\x8b`T"bh\xf9\x7f\xfdM\x961\x0b\xd8\x83\x83\xf1\xa6\xf4!l\x89\x08f/\x8doNj\xed\xef\x9b\xbe\xc6]G&lt;Q\x05\xa1\xb0\xad\xce\x18\x00z;\xfc\x98\x88f\x0cg\x07 #\xf9\x1f\x07\xe7\x87\xc0F\x07Z\x1f\xa8\xd3O\xb9\t-\x05h\xdf\xf5\x80\xa1\x8e\xb8\xe9\xd9u\x8dX\xd6\xb1\xc2\xf9\x93\xc6#\xa2\xdf\xd9\xcd\xdc\xcf\x83z1\xe4\x81\xc8\x1c\xa4\xeaE\xb2\xd5\x93;\xf8\xcf\x92q\xe9\xe8\xd6\x9d"zw\xe3\xd1M\xe0\xed\x0b\xc71\xd3\xb4jc\xf0l\xf7\xf6\x00F\x1baN\x0c\x80\x11\x82k\x04\x19\x86\x83=d\x8a@\xb8S\x14D\x83\'=\xce\t\xc0\xc0X\xcc\xaf\xbb\'\xda\xbf\x11\x00^/\xf0\xe0\xda&lt;\t@\xed\x93A\x05\xd4\xa4\xa0\x7f\xd9\x1e\x00\xe0\xa7M\xa9\xa4\x84l\xf5\xf8Zw\xad\x8a%\xbbu\x06\x8a\x88\x00?-Bs?\x90T\xa3\xfe\x97\x87W\x02\xb4`\x19\xb4W\x0bC\x0f\xf6\x8c\xda\x92\xa2\xb8\x08\xc4\xae\x9a\xf7\xec\xeb\n\xb0\n2J~\xde/\x04\x14\xd8k\x82m\xf5\x89\'tD\xd52\xb0\xea\x8c\xcf5\x9e\x01~\xd10\xfc\xc0\x1c%\xa0\xe3%RNc\x93v\xa95\x1a(\xfb\xf1\x92\x98\x849\xc8\xa4\xe6\xaa+,\x18\xbfd\x01\xda\x99F\x93\xffLU\x99`\xba\x81\xb4\x93\x9cH\xc5X~^!o\\\x16\xce\xc4ub4 "\xfc*R\x03\xbc\x8a^z\xee\x00\x0c\x05\xfc\xa9\xf8h\xa0\xe2\xf4?\xfe\xb2\x11\xfd?]p\x07[B\x89\x8epY2%[\xbf\xbf\x8e\xb6\x91\xc0\x93\x13\xa6\x9f+\xdar\x1c|\xd4\xeet[\x11\x01O\x1eu\xc9\xear\xc0\xddTi34?\xfd!\x0f\xabi\xd6\xed\xee&amp;&lt;\xcf,w\x108\xd1-m\xd9\xbb\xc1z\x16C\xc3\x19\xec\x97\x83\xdc\x15b\xd9\x8e\xc7Km\x98\x85\x13C?=2\xaco9?`\x88\xa4\xc2%\xa2i\xff\x1b\x10\xef\x98\xbd\xe5rt\xfcGo\x01N\x94\xe2\xf4\xeaaAt\x16\x9fZ=I\x0e\x9b\xe8\x06\x14ipX\xa6\xd4{\xf0+\x08\xf4\xe6\x04\xf1\x06\x03\x9bsn1\x1c\\\x1f:\xc0z\xcfu\x10_\'\xfd\xca\x02]Q\xedU\xe4\x0b\xf5\xe8\x1b\x88\xa9*\xb2\xc2O\xa7\xc2jP\xa6\x98m/?Iz1\x8e\xa1\x8c\x03xx\'\\\r\xe0Mg\x1a\xef\x8d\xcd\xf3\xd1y\xcb\xf8\x89a\x80\xcb\xbb\xa1\x9bZ\xe7t\x89C\xe0V\x88\x7f\xcc,\x9a\xe1c\xa8\xefMi}cm\xb79\x8f\x00\r\x07\xf5\xc6\xde\x12T\xc0\xeb\xd4\xd7\x88\xa7\xdd\xedi\xc7\x1e\xa9\xd5\x1f\x99^i\xc8\x1a\xe2\xa3\x7fs\xe1\xe0\x13D\x89\x13\xec\xd6\x7f\x13W+z\xf5\x87\x87\xda|@|\xd3ho\xee\xaa\x87~&amp;#\xf9n\x17\x117\xef\x1f\xf8\x11\xc3\x13J\xfc=h\\\xae\xa7K\xec\x1b\xa8\x8f\xfe\x19\x1f4\x03\xa9\x9c\\;\xe9\x9d~9\x1e\x1c\x9b\x9f\xe9cX\xa4n\xd74\xd8\xde\xb1XTu\x9eeq\x0b\x00\x96\xef\xd9%\xb3c\xee\x1b \xc0U\x11\xdf\\\xfc\x1d\x83M=\xc7\xf8$\x02^\xcc\xeb\xe7s\x1d,\x87\x11l\x81\xe3[6^\xfd\x16\x9b\xed\xb6]0\xf0\xfc\x86\xc9\x89n0\xfb\xd4\xe9\xebf[?\xb2t\x7f`\x94\x81\xb4\xd1\xf5R\x7fy:%\xf5tC\xd2\xf6\xfb\x86s\x07`(\xbc\xc3\x1e\x9f9e\xe3\x80-s\x17wBSv\xf9\xd1\xff\xdb\x10\x11&gt;\xc1J=\xb7(\xa3\x99\x01\xa5\xfd?\x11O\x8f\x96\xb8\xcbr\x1e\xf2\xcd\xb0&lt;A\x9c\xcef\xc5\xa6\xf2c\xb8\xe3\xe5\x8c;\x0b\xdb\xc9\xdc\xf6\xd1\x8f\xe1B(\x1d\xcf\xe2\xdc\xe5\x18n46\xe6oe\xac\xff\x9c\xb8T\xf4\xd9\xbc5s,"\x9a/(\x9ff\xa6\xd6X 1]\x99,VZ,*\x07\xd9\xcf\xbeT`\x10GIy\xc79w\x11@\xb8\x8d\x94q\xebr\xac\x8fB\xff\xe4\xe8\xa1FDd\xd0i\xaf\xe4#\x85\xff\x84NmI\x898O\x12\x8eW\xf0\xdd\xcc\x13\xf9\x84\x8e\xc3\xf5\x86\x97\x81c9?/!\xe0\xf7\xe6\xf6\xc8\xd8\xe9u&amp;\'\xba\x81\x1e\xf2\x1f4\xcd\xf5\x1e\xaa\xf6\x82\xcf\xc8GPEa\xce2\xb4\x11\xcc\xaa\x00\x7f\x1f\x1eie\xf0N)\xdb:*\x83\xae2\xb8\x0b\xc5]\xa2\xb9\xe4\x9b\xc6\xbe\x8a!\x1b\x15\xaa\xdf\x16\xad"*p\x04\xa3\x9a&gt;\x11\x9cVL\x0fX\x0c\xed\xf0\xc7G\xae\xe6\x8ff\xaf\x98\x1e\x8a\xda\x1b\xeee\x98}\x90.\xe1W\x9f\xf122\xbc\xe3\xc2\xd3l\xc7\x025\x9e\xd8\x0b\xf2\xd7&gt;Y\xd4\x13\xd5\xd2Q{\x8d\x03\xd3\xa3\x99\xc6\x8e\x94\xc7\x8e;\xc2\x06xP\xb9\x88L$5\x84\n\xd8\xb1b\x96l\xc5/\xee)\xb1\x00\xf0\xc2y\xd5\xff\x80V\xb8\x1cD-\xe5\xb3\xce\x07\xef\xcd\';\xe2\x05Fv\xb2\xf56\xdf\xe2\xc6\xcb\xfc[^\xca\x13"p\xfb\x98\x86\xfd\xfa\x89\xf68\x9eYY\xf9(N"}dV\xc2\xb1-X\x0b\x9cd\x8bl\xb5PY\xe2\xaauT\xb1\xf4\xe5\xc9\xa9\x89i\x1d\x93\x9aX\x13\xc2\x12\xe6y\x1a\xb3p{\x8c)U*x\x0e0%\x99\xab\x9f\xebb]\x11\xb1\x14z\xfb\x82\xd3jIX\xe3\x9aP\xb8_\xc9f}\xb3\xccw\x12\xb9\xe24Jw&lt;\x80\xee_\x8f\x91\xd9O\x9c\xe0!\xcd\xed\x97bWi Y)\x8c\x01nt\xf1\x8c\xae\x1eF\r\x91\xe1\x11[\xc7\x93\xc47\xd5\x88\xe2\xad\xe0K\xc8f\xbd\xcd\xbb\xa4\x84L\x07:?\x8e\x83\xb3\xa7;q"\t\x19!\xe3\xa6;\x9c&amp;\x12g\xf4\xf5\x83&gt;8\xd0\xafu\xefoR\xf1\x9e\xbd\x058\xb1o\xa4\xfa|\xdb\xe8\xc8\xe6\xb56j^J\xff\xfc\xf4\xd5n\xdf\xf8\x1b\x11\xe1M:\xa9\xaf\x10\x19\x1d\xae\xc4\xef\xed?q\x84\xfen\x83=\xb0\xfe\x08\xb3\xa4\x945\xe3#{\xa2-\x95\xf1p\x01.\x08GY\xef\xa7\xd0\xa1Q\xed4\xf9\xc9\x874\xd9\x89\x9e\xc8\xf0^7\xd3.i\xfc\xf4\xcfNx\x7fo\x0f\xd4\xa8g\x12\xc1$\xea\xdd\x10\x01\x1e{N(\xf7\x893\x0b\x84\xe1&amp;M^5=\xc0sG\x9c\xc4\xe8[x\xd0\xecehm\x02dH\xeb;\xc3Zi\x08\xce![\x8f{\x98\x1d\xdb^\xfe\x13\x14\xfb\xe9\x14\xea@\xb4\xed\x12\x9a\xe4\x98\xb5\x81\x8f5\xc5\x91\xda"\x80\x1e]\xe7\xe4QYs\x80\x1a\xe2\x9c\xc8G\x9bN\xa8&amp;|\xa3\x93\xf9\x1e\\e\xbfM\xd3q\xd8\x89M\xb3\x91\xd0\x81\xc0S\xd4\xaa\xd5\xb2\t\x00x\x07\xcd\x15\xed\xb5qY\xb6/\xb2E\xcd+S(\xb6Cs\xd3\x98\xa6\xbd\xeaj\x84\x8c\x0c_\xdf\xb8;\xc5\x909\xca6\x96i\xee\x9f\x148&lt;6\xd8\x9a\xdax&amp;80|\xaa\xd6\xbb\x00\x19s\\Q\x84\xca\x89TL\x1f\x93\xab\xf6%\xe6z\x94c\x8c\x11\x97\x0fb\x10\xfb\x1b\x00\xb0\xaf\x8fOOIoO\x12sqf\xf3\x0c\xf0\xbe\xcab\x15W*\xbb#\x9f?\x06c\xf7\xbd\x15\xfdQ)\x85\x88\xc9\x9f\xb1$\xe8\xd0\x17k\x8c"\xa2C\x13DP\xca\xf8bZ\x83\x8f\xa7M\x9aL\xaa0\xcc\x80\xaf[\xf7\xb1\x1f\xac\xdf\x82%v\xba\xd4\xdd\x8b\xd3\xeb\xe2:\x8ae\x0b\x7f\x19\xc4\xdc\x0f4\xda\x88}p\xb0\x8f\xcf\xcc\xc9\n\x0f\xf5\x89\xe8\xc9\xaf(\x85+\xa5n\t\xf0\'\xf3\xb0D\xa2\xc5\xe7\x97\x80;"\xd5\x80\xf9YE|\xc9\x8d!\xbcQ\xe0\x9e\xcb\xaa"-\x83\xbcxc\x02\xc9\x83\x16=p\x9ct90f%o\x9f\x8b\xcc$\xb3}e\xb2\x81\xd9\n\x85]\xc9\xb0/\x16!\x964\x945\xf4\xf7\x93\x91\x0fF\xfb\xdb\xa0\x8c\xf2u,\xccK5\x88\x00\x9f\x00\x00\xf0=0\xda\x02A\xbfl\xe5\xd5\x83\xcf\xb0J\x01\xfc\xea\xf2;\x83\xdd\xbb\xa3~\xda\x86\xe3\x95V\xaf\xaa\xf7\xa4\xc8\xa3P\x8e.]\xf7&lt;\x03Cx0\xc0h\x1e[\r\xaf\x00P\xeaK\xd3\xea\xb8\xfb\xa2\xeb\xafs\x1c\xb0\x17\xe02\xedsM\x86\x88\x91NN\xf7\x80\xa4&gt;\x89IS#\x0e\xa4SY\x85]\x19\xa6\x02R\xb2IAZ*g-\xb7c{5YFS\xfb\xbe\x81\x88\xa9*\x9d\xab\xc0~\x13r4\xc0\xddbk\x19\xff\x9e\xc3\x92\xf4\xc0;\xe0r\xf8\x92t\xf6\x88s\x19~|\x10}\xe0\xe4\xd5K\xc7\x01|#\xd2\xfd\xe9G\x02&lt;\x8f\xef\x06\x1b\x8d%\xb8\xf0`\xab\xe3:\xd6\xd6\x1e\xad\xff\xca\xe8Ab\xf4|\xd4\xce\x1d\x80\xbd \xe0\r\n\x00\xe0\x03\x13N\xeb\xfa\xae\'-\x83y&lt;\xcas5\xe6\xcc\xa9\xabempW\xe1NX}\x9c$\xb52\x18\r\xfb\xf4^R\x1c\x10qO\xb6\x03\r\xe7\xab\xeb\xcf\xdf\xaa#Y)*m\xd3)\xf5\x8dn\x9c\xe9\xac\xd0\x9f\xb5&amp;M/{$\x95V\xd0\t\xc9joW\x1e\x7f7\xf4\x08\xd8\x02])\xe3\x98\x99R\xf0\xc3\x00\x02\xde\x980\xfa\xdf|F\xab\xa3\x8e:\xfa?2\x12\xc7B\xd1\\4\xe0\xc8\xeaD\x06\xa6^\xe7a\x195\x1f\x8f\x06\xc8\xee\xc5=&amp;\xf4\xa7\xb1\xae\x0e-\xb2\x0c\xf9/\xe0\x9cO\x1c\x15Nd\xedX\x8c\x0b\x03\x15/z`~\xee\xb8O\x82.b\x7f\xac\xefV\xd4\xa3\x98.\x87\x14J\xa5\x17B\x1b\x918\xe9\xb4\x1e\xf7\xd1PU\xdb\x81&gt;\xb11$|\xbe\x7f+\x9a\xa1Of\x18)\x17\x01\xc09\xac\xba8d\xa7\x86XrY\xaf\xa3[\x9eC4]\xa4\x13=q\x1a\xae5~\xc3\x8c)\xed5A\x82/v\xa8\n-?\x10\xb7\x02wS\xb9\x90(\xa7\x9c$\x01G\xb0z\xec\xebP\xde/\xeaN\x00\x06Q\xf8\x97\xf4r\xf8\x13&lt;t\xb2\xcb\x96W5\xdf\x98/\x9e~rQ\x98\xcd\xff\x11YV\x8f%\x17O\xbf\x1b\xe4%\xd8\xf1w\xc0\xc8y\xb6\x81`\xc5\x86\x0b\xfa\xc9n\xc6\xb5\xadpSg\xf8\x88\xfb\x0e\x9fj\xa0\x13Qs\xee]\xa4\xea4\xc8\xb8\x0c\xf8m\x9aZ\xb1\x12\xdeSw\xad\xe7\x1e\xd7\rF\xca{\x96\x03\xd4\x08@=\xe7\xe7\xd5u\xd6d\x87P\xdd\x89\xa6\x90\xe9x\x10?&gt;\xf8$@\xaf~\xb7\x00E["_?d\x1b\x11\x11&gt;\x7fD\xc1&amp;x\\\xc5\xbbn\xda^\xc2\x01A*\r\xc78\x8104&gt;\xa2\xa9\x0b\xf9\xbc\xda\xbex\xdf\xd3p\xbb\x07s8\xd5:\x89\xb5\x1a\xe4\xf5J\xceC\ra\xc90\xaf\xc1\x82E\x99\xb1\xee`\xdc~@\x82\xa8g_3\x14\xb4\xee\x9fe\x15\x9f\x13\xf0\x1c+\x91&gt;\xd7_\xd3\xa9\x16\xcbIs\xc8\x16k\x9cL\xa4c\x13o\xb0\x88\xb5\xad\x193n%\xa3\xef\x11N \xd4\x8a\x88\xa8 %u\xc7\n\x19S{/\x90Pf0\x07\xf62\xd9\x89\x8e8\xb2\xd1\x8f\xda\xae\x05\x08_\xc0\x9c\xdd\xdd\xc5\xfcSv\x96\xc2\x1fo\xbc\xd4W\x91\xecd\x8fn\xbe\xe3"l\xd7hi\xf7\xa6\xbc@\xa2GDX\xcd\xcc\xc3\x07f\x91\xbd\xeb\xe0i}\x11\xef\xce#I\xe8X\xf3\xd9\xe6\xeed\xa0f;!u\xae\x83\x99X$\xac\xcaE(\xaa\x1c\x97\xbf\xe9j}%\xb2uS\xd6\x89}\xe0\xb4~c\xdcO\x96\x1c3~Q_\x8e\xa9\xfc\xc4\xb9W\x9e\xd8\xb9\x0c\xdf])\xf1N\xb4D\xda\xc8\xb8\xc10\xda$\x8e"\xe7\xe3m\x9a\xd5\x90K\x7f\xa4\xb5L\x079z\xab\x9c\x0e~\x8dp[\xbe[vR\xf5\x9eR\xe4\x0b\xea\xb3\xa0\xcd\xc4\xf64n\xa6\xca\x15o\x14\xd4\x1e\r\x9c\xd8\x03\x8e\xe0\xc9\xd2\xa8\xdb\x8f\x8b\x0frL:\xf3\xd8\xc6j\xc5\x1a\xecU\xcdm\r\x87\xfe\x1b\xbb\xdf\x0c&amp;\xe7\xd3?\xf7\x89$_\xb7\x0bW\x19O\x0b\x07\xde\x8c\x1fn3\xc8Nb1Z\xcc\x90jO\xb7E\xfd\xf1\x8a\x7f\xe4\xcf=\xc6VU\xbc]\xa3\xd9\xb8\x99\xe0\xc2\x0e\xfcW\xf93\x0f.\xfb\xe6\xcd\x1ar\xe2Du|\xee\xa5{\xb2\x16\xce[\xaa\x97\r\xf0e\x80\xeb\xf4)\xf2@\xb8\x1eA\x7f\xfe\xf3\xd6\x88\x88Oj5\x07\x10iib\xddKw\xe6\x91\x90`~\xe3\xa45 \x02\xbc\xae\xaaH\x00\xd7\xaeB\x7f\x00lj\xbcG\xff`\x08g\x81\xe4\xd4\xd0o\xf4\xcf\x97\xb3Zfo\x84z\xc2\xb7\xd3\x8c\xff9\xb3&lt;r+\x11=S\x95\x89x\x82\</t>
        </is>
      </c>
      <c r="E128" t="inlineStr">
        <is>
          <t>&lt;class 'numpy.ndarray'&gt;</t>
        </is>
      </c>
    </row>
    <row r="129">
      <c r="A129" s="1" t="n">
        <v>127</v>
      </c>
      <c r="B129" t="inlineStr">
        <is>
          <t>steps_per_sec</t>
        </is>
      </c>
      <c r="C129" t="n">
        <v>1500</v>
      </c>
      <c r="D129" t="inlineStr">
        <is>
          <t>2.6338947</t>
        </is>
      </c>
      <c r="E129" t="inlineStr">
        <is>
          <t>&lt;class 'numpy.ndarray'&gt;</t>
        </is>
      </c>
    </row>
    <row r="130">
      <c r="A130" s="1" t="n">
        <v>128</v>
      </c>
      <c r="B130" t="inlineStr">
        <is>
          <t>Loss/RPNLoss/localization_loss</t>
        </is>
      </c>
      <c r="C130" t="n">
        <v>1500</v>
      </c>
      <c r="D130" t="inlineStr">
        <is>
          <t>0.32342342</t>
        </is>
      </c>
      <c r="E130" t="inlineStr">
        <is>
          <t>&lt;class 'numpy.ndarray'&gt;</t>
        </is>
      </c>
    </row>
    <row r="131">
      <c r="A131" s="1" t="n">
        <v>129</v>
      </c>
      <c r="B131" t="inlineStr">
        <is>
          <t>Loss/RPNLoss/objectness_loss</t>
        </is>
      </c>
      <c r="C131" t="n">
        <v>1500</v>
      </c>
      <c r="D131" t="inlineStr">
        <is>
          <t>0.05095335</t>
        </is>
      </c>
      <c r="E131" t="inlineStr">
        <is>
          <t>&lt;class 'numpy.ndarray'&gt;</t>
        </is>
      </c>
    </row>
    <row r="132">
      <c r="A132" s="1" t="n">
        <v>130</v>
      </c>
      <c r="B132" t="inlineStr">
        <is>
          <t>Loss/BoxClassifierLoss/localization_loss</t>
        </is>
      </c>
      <c r="C132" t="n">
        <v>1500</v>
      </c>
      <c r="D132" t="inlineStr">
        <is>
          <t>0.2564154</t>
        </is>
      </c>
      <c r="E132" t="inlineStr">
        <is>
          <t>&lt;class 'numpy.ndarray'&gt;</t>
        </is>
      </c>
    </row>
    <row r="133">
      <c r="A133" s="1" t="n">
        <v>131</v>
      </c>
      <c r="B133" t="inlineStr">
        <is>
          <t>Loss/BoxClassifierLoss/classification_loss</t>
        </is>
      </c>
      <c r="C133" t="n">
        <v>1500</v>
      </c>
      <c r="D133" t="inlineStr">
        <is>
          <t>0.23269506</t>
        </is>
      </c>
      <c r="E133" t="inlineStr">
        <is>
          <t>&lt;class 'numpy.ndarray'&gt;</t>
        </is>
      </c>
    </row>
    <row r="134">
      <c r="A134" s="1" t="n">
        <v>132</v>
      </c>
      <c r="B134" t="inlineStr">
        <is>
          <t>Loss/regularization_loss</t>
        </is>
      </c>
      <c r="C134" t="n">
        <v>1500</v>
      </c>
      <c r="D134" t="inlineStr">
        <is>
          <t>0.0</t>
        </is>
      </c>
      <c r="E134" t="inlineStr">
        <is>
          <t>&lt;class 'numpy.ndarray'&gt;</t>
        </is>
      </c>
    </row>
    <row r="135">
      <c r="A135" s="1" t="n">
        <v>133</v>
      </c>
      <c r="B135" t="inlineStr">
        <is>
          <t>Loss/total_loss</t>
        </is>
      </c>
      <c r="C135" t="n">
        <v>1500</v>
      </c>
      <c r="D135" t="inlineStr">
        <is>
          <t>0.86348724</t>
        </is>
      </c>
      <c r="E135" t="inlineStr">
        <is>
          <t>&lt;class 'numpy.ndarray'&gt;</t>
        </is>
      </c>
    </row>
    <row r="136">
      <c r="A136" s="1" t="n">
        <v>134</v>
      </c>
      <c r="B136" t="inlineStr">
        <is>
          <t>learning_rate</t>
        </is>
      </c>
      <c r="C136" t="n">
        <v>1500</v>
      </c>
      <c r="D136" t="inlineStr">
        <is>
          <t>0.03333325</t>
        </is>
      </c>
      <c r="E136" t="inlineStr">
        <is>
          <t>&lt;class 'numpy.ndarray'&gt;</t>
        </is>
      </c>
    </row>
    <row r="137">
      <c r="A137" s="1" t="n">
        <v>135</v>
      </c>
      <c r="B137" t="inlineStr">
        <is>
          <t>train_input_images</t>
        </is>
      </c>
      <c r="C137" t="n">
        <v>1500</v>
      </c>
      <c r="D137" t="inlineStr">
        <is>
          <t>[b'1024' b'1024'
 b'\x89PNG\r\n\x1a\n\x00\x00\x00\rIHDR\x00\x00\x04\x00\x00\x00\x04\x00\x08\x02\x00\x00\x00\xf0\x7f\xbc\xd4\x00\x00 \x00IDATx\x9c\xec}u\xdc\x7fIU\xff\x99\x05e\x97\xee\x95N\xa5\rJAJb\x01\x11Q\x0c@\tA\x90\x16\x10PP)Q\t\x91\x90\x10A\x91\xc6X\x11~HII\x08\n\x08\x18H(\x8d\x12\xd2,)r~\x7f\xdc\x9a83s\xa6\xee\x9d\xfb\xf9\x9c\xf7\xeb\xd9\xef&gt;\xcf\xbd3\xa7\xe7L\xde{\x01\x04\x02\xc1\x9e\x81\xc5\xd8J$\x80\xfa\xac\x19\xf8SRT\xf8_\x9c\xff\xb2\xee\x03\xa0\xae\x13&lt;&lt;&amp;\xfc]\xfd*\x9b\xd6\x8e\xd9\x844\xda\xfb\xe6\xbb\xd6}\x08\xb8\x92i\xff\x91\xc8&amp;~\xc9\x07\xd3\xda\xa9Tk\x89\xa4\xff\x91M\xc4\xf1]\xb2D\x01\xaa\xd3\xdd\x95\xfd~\x12\xed\xb2\x1fO\x8e\xc0I\x8bKE\xcbx#\xdf\xb1\x0b\x83\xc8&amp;8-h\x9cT\xd3\x05B\xac&lt;\xe4\xb2\xe1\xe3\x98\x93\x9a\xf8\xf2\x97+\xeb\xb1\x9b\xdb\xa1\x9c\xa7\xa2\xd8a)\xc2\xe5T:u\x81@\xd0\r\x8a\x13\xb3\x02\x00U3\x0f\xa4J\xa4\xd4(E{,\xa2\xa9I\xe5\xf9\xd2h\x07\xc4\x9b\x02\xbc\xc40\x08\x02\x00&lt;\x17\xf0\xe7mr^\xc9=&amp;P\n\x00\x01\xae\t\xf0&amp;\xa6\xbe\x04!\x0f\xd3\xa1\x9c\x97,)\x91\xe3\xfa\xb1\xd4\x8a\x1e\xa9\x03_\xc8m\xa7\xc8\x07\x10/&gt;\xca\x00\x00\nNAx\xe5(\x12W\x9eh;\xe2\x92\x8a\x11\xd2\xc2 \x12E\xd5\xe1\x8a\xc6q\xd9\xd2f\x13\x13\xd78\xe2\xf1\xd62\xc4!%\xd1K\xa4r\xef\x10\xde\x86C\r\xb4+\xe8\xab\xe5_\xa6X5\x8c&lt;\xa7\xb5\x00)\x04P3_\xca\xf5\xc8m\x17\x8eM\x95\x02\xc4Qc\xb7\x03\xe2\x90I4\x02".\x1e\x0c\xd4\x95\t\x80@\xb0o\x14\x8e\xff\x1b\xf4a\x99\x12\xad\xd1\x9b\xd2\xf9}\xea\x1e`\x1e\xa1\x83\'\xd7\xe3\xf0\x8f\xae\x9fo8N\x1aA)5fg\xae\xb26\x9d\xfc\x11\xadoN\xb2\xd0SC\x91\xdd\x8d\xfe\xa1\xc7\t\x00\x10\xc6\xd4fW\xcc\xea$\x92[J\xc2\x04\x00\xb4\x81\xce:\x93\x01m\xcei0dMes\xfc\x1b\xf3B\x84~h\x8c\xb8;x#\xc3\x1a\xadj\x17\xf3U\xe6\x8fh\xcf\x87\xf8\xdf\x95\x98F\xe5\xf1Lu\\\xa6\xec\t\x80A\x1e~\x15\xe0\xd1\x1aYs\x86\xc9]\xafI3\x821}\nUD\xc4\xd3s\x89\n\x04\x82\x03Dj^s\xea\x9b\xabq\xd9\xf3\x11DT\xc4(\xa4*\x14\x00\x0et\x95}\x15\x00.9\xff\x19\xa8\x0f\xa0\xb4\x95"oy\xa5\x14N\x8bJ\xee\xad\x04\x89\xd5\xdb\x10\xaf2\xff\x11\x16/B\x89\xf4\r\x8e\xff\x81R\xf3j\xd0\xfe\x865J)\xf6\xc4s\xa5En\xc2Y\t\x8e\xe7l\xd7$\x88\xa2[G]\x06\xf0=63j\n\x0b\xd9\x0cS\x85\x9b~e\xb8\xc6&gt;A\x97&amp;\xe1b\x05#\xdbX\x02\x81V\n\x00p*\xa8,yw\x8f7\xd3\x97\xc7\xf9\x1fu&lt;PA\xa2\xc5g&lt;;\x921g&amp;\x00\xf0\x89y\xa5$Z&lt;\x1b\x93zd\xd2\xa0\xe2*U\x0c5M\xa2\x8c\xf5\xa2\x15N\xd9\xa1\xf5\x87\xb3\x895\\\x1a\x04;\xa1\xb54\x02\x81\xa0\x1c\xceQ\xc2Zt\x0b\xaajG\x0c\xa7\x8c\xcd%\xa7\x14(\x05\xea\x83\xae4\x17\x1a\xc8xH\x95\x1ewR\xca\x9f\xc9?\x90D\xe7\x19J\x85\x07\x03\n\\f\x19\xd3\xa3\xab\xaa\x19M\x87\xad\x88\x93Wv\x8a\xd1D\x11\xacw\x929\xc2(]\x8e"\xd7hQ\xf4\xde0\x1d\xa5W(\xe0\x98\x81h\x84\xd7\xf4\x9e?Y\xd1S\xfaz\x9c[\x03\xe1I\x1c;!^\xcdW\x9f\x86R\xd9A\x88x\x9b8}\x80\xe9\x11\xa4\x91]f\x04r\xfa\xca\xb6i`P\x838\x82\xbf\x1c\xb9I\xdcMH(\xeb\xfd\xc3$5XW&amp;\x00\x02\xc1&gt;@\x9f*\xb9U\x19\xcd\xfc\x9av\xd5\x1fL&lt;\xf9\x0f\xa0\xe0\x12F\x1aD\x84\xd3\xe1G\x83d\xca\xbbab\x90\xa1\x94\xbb-\x10\xc5/f\x08\xb3\xda\xe0\x93D\xcb\xe1\\\x9b\xd9i:\xa2\xebv\xea\xb6+I\x82\xf3?4\xd2\x9c\xa1\x9e_$\x8cM\xcd4\xd3n&amp;}\xab\x84\x1851\xd8\x8b\x81\x00\x86\xc1\xe7\xdd\xa3\xfba\xf1\xb5\x1aK\xe7\x92\xed\xc7\xa4y[\xb1\xad1\x95c=\xd6\x8b\x04\xde\x84\xa8\x962\x81\x80V\xc6\xaeS\xd2\x83CI\xb7w\xd3\xf4\x05\x82\xa3\xc6t\xa4\xd8i\xb0\xe5\x0f\x01\xe7\xaf\xb2\xcc\x14\x86+YL\xfd[\xa4\xed\x17 u\xce_\x038c\x13\x1e\xf6i\xce-Sn8X\ndKz\xb0a\x05p\x1e\xfb\x0bU_e\xccG\x9ep\x98N&amp;\xd8\xc7\xaf\xfb\xb1\xed\x96(:\x1b\xedP \xadJ=\x97\xbc\'\xe3\xf3\x9e\xe4\x89t\x1bC\xf5ZO&lt;\xafnRO\xfb\x1d\x9e\x8d\xd5\x0e\xc0\x98"\xc1\xe7\x11\xcen\\y9\xc0\x8f\xe6\x0bA\xbew\xc1z\x0c\x00\x9cA\xf8\x1d\x10\x9e\x01\xf3\x93f\x19\x8f\xb9\xbb\x1cgk\x98\xb1\x81\x00Jv\x00\x04\x82}\x80N\x05\x8d\xfb\xa6\xc7Po\x13s\xfe,\xd8\x9b\xd7\xb6yU\xecTM&gt;\xecM\xe1a\x8bv\xfa?\x02\xe2I\x8d\x16\x18\x1d\x85\xb6\\)\x0f\x9dX*\xb2\xfb\xf4\x00\x88\t\xc7\xec\xf5\x81t\xf0\xa9\xec\xf3\x03\x8e\xc0\xe8aQ\x8a\xf3\x11Tq\x8aF\xe3\xea\xbe\x06\xa0M\xa1\x9b"\xefP\x9c\xc7\x98\xf6\t\xf5\xf1\x8c\xa2:u_\xc6\xbf\xd3\xf2\xf8B\xb0\\4\x9c\xcd\xf9\xf3j&amp;\x88\xbe\xb9\xb2\x08\xc1\x80As\xf4\x0f\x00\x887\x0e\x103E%\x16\xfd\x95R\xea\x14\x82\x8b\xf1\xe7\xfc\xcf|\xe5O\xc6\xae)\x03\xa4\xe9\x10\x01^\x86\x0b\xb7Q\x86\x0f\x80\xfe\x02\x08\x81@\xd07\xbc\xab\x92\xc5/\x02\x02o\x1e ^\xc7V\'?\x87\xbbUD\xac\xf9\xf2\x07\xfb\xc5\x1d\x81w_4\xca\x87\xf5^\xe6\x93\xc2\x8f~\x97\x05\xd5\xbb\xd4Q\xdc}\xff\x1d\xb8\x13\x0br\xd9;\x99\x93F\xa1\nA\x0f\xde\x87\xf8=\xe3\xaf\xed\xdf\xfar\'\xc4\xa7\xb9W\xf75\x00\xdd-\xd6\xd9\xf3i\x0e\xe6\x9a}4\x89\xd7\x8dvbY\x1a\xdc\xcc\xb0\x94,\x8e\xf9\xb87\x99\xddX\xf8\xcd\xa1\xf4\xa1\\\xa7\n\xdb\xdaDA\xbe#\xc2\\~\x18\xe0\xcd\xd3\xe6\x83\xd2\xfe\x93\x1d\x00\x81`\x17\xf0f\x81\xa4dI%4?\x01\xfd\x0eb\xad\xd1\x7f\x14u\x1fxuVt\xe9b\xd7\xae\xc5\x8f\x80\xdb%\x0c\xa6|V\x1bv\xcbJ\x8f\xb3\xa2\xa6\xb4\xc7A\xf5\xc7\x8bW\xc2\xfct\\\xc1\xce\x00j\x142\x02\x12\x11\x11~!PM\x93\xed{&lt;\x05\x9a\xecl\x10\xa3\x7f\xc1*x%"\x00\xfcF%j\xd5c\x03\x01\xcel\xfe\xe9\xc5\xdc\x98\xf3\x1a\xb5Z\x9e\x85\xa2G\xe7\xb5v\xc3\xdaw#\x1a\x07\xf2(\x8e{%\xf9\r\x08\xdeU3\x87r\x840\xfd\xc0\xb0q\x8b\n*\xc4\xef`\xfb\xe2\xefGAF\x81f\xe1\x0fa\xd6+\x10\x1c3\x92\xde\xbdc\x9d\xec\x84\xb4\x07\x8c\xaa\xe5\xed\x15\x07\x9d\xda\x0b\x10\xa9\x85\x96\xf6+\xbb\x96\x14\x06\xda\xd8\x81\\Ij\xaf\xe3m\x10\x9f\xed\xf0\x05m\xd2i\xcdE\xd4\x1d\xac\xaf2s`\xbd\x81\x15\xcd_ \xb6hwe\x84\xb7-\xc5\xdc\x95\xc2\xe9\xe1\x81\x13\x01\xbea\x9c\x15\xb6\x82\xa7U\xd8\x90\x8f\xa0\xca&amp;@sT\xdb\x01\xa8\xb4\x86\xbd\xd0\xd2\xd6kO\x05\xf8\xa9a\x07\xaf\x94&gt;\x1df0\x1f\r\x8f\xd6H\x12\xc0s\x1a^\xe9%\xa6,1\xaa\xc7\'\xee\xe3\x16m\xa1N\xd3\xa6\xf60\xd5\x97\x00\xce\x16\xa5`V\xf1\xf2M\xea\xa9c9\xdc~\xcc\x89\xda\xf5\xb5z\xba\xa4\xc5?\x81@\xd0\x1d\x10\xb4&gt;a\xbc\x94\x90V\x96\xa1X\xde\x12\x00\xfd\x8cQ\xfa\x99\xc5x\xff\xa1e\xf1\x81\xado\xd78Jg9#\xb2T\xff\t\xc0\xbfFF\'Q\x11\xf1^\xb0\x19\xb3N&amp;9\xe1\x07\xd4JX0h\x8e\xcd\xc6y\x0c\xeel\x00_\x9a\xcb|\x0c\xe1B\x00f`\xfc\x0b\xe2\x15\xe6*\xc4\xa0\xa1\tV\x9e\xa3\xe24\x00\xdbd&lt;\xb0\x01w\x8c|\x12\xb8\x882\xd4i\xd7\xe4@\xb6\xd2\x81\xb7\xd0\x04\x80U\xa5\xf2\x04\xa0\xf6\x04\x0c\xb8\xad\xc6\xe2\xeb\x9e\xd5\x8c\xad\xdd\'\x1e\xda\t$0g\x15#\xb4\x8e\xe3.L\xb8\x03\x83\t\xb7\xfb\x12&gt;\xf3\xac\xf4tK\x8e\x00\t\x04\xfb\xc1\xf8\xe4*\xc2g\xd3\x17\xe3\x8dT6n\x02&amp;\xe7\\\xfb\x05\x82\xc3?\x89d\x18\xc5\xe7-\xcf\xe5\x98\xc7\xf2O\n\xf4#\xb1\xda\xe5\x17A\xfb7\xeb[p\xbb\x12\x05\x00p\xbf`\xa5\xf0q\x02\xff]\xfb`\xcf\x1aj\xfa\x05E\xdf\xfd\xd4(\xe6\x14\xf7\xd0\x9c\xe6\xbb\xd3:\xe3t\xf1Kz\x99\x0b)\xe5\x04\xc6\xf7\xe6\x89Z\x86u\x07\xe2\xab\xaaf\xe0\x02\xd3\xc9\x87U\xcd\x8b\x08[*\xcd\x84R\xc4h25eyR\x04E#\xe2\x02\xfaa\x1e\xed\x89\xff"\xb0\x95"\x18!|\x06\x97\xdf\x8b\xf8*\xa5\x94z\xd4\xf2G\xb4\xfa\x90-\xd4\x13F\xc7Dg\x1d\x9c\x89\x93\x02\x00\xb8 \xa9\x8a6\xeeW\xe6u\xb8\xd5\\\xd5\xc6\xb3\xf4\xd1\xffx\x9c\x08\x97\x0c(\x10\x08\xf6\x01\xf2\x19\xaf\x1a\xcf3\xe5\x0b2\xbf\xff\x85Y\x93)\x86\xb6R\x0b\x1a/HOY\xdb\xaen:0\x9e\xab\x86\x98T\xde\x05?#\x83\xf7qD\xc4\x17\x03\xe1\xc7\xc7\xcb\x97\x12)\x9a\xe3\xff\xc7\xbf\x9f\x82p\xb7\xe5\xcf\x9c5\xda\xdb &lt;\x07\x00\x96/\xea\xae\xf0\x8eZ\xab\x895\xe55\xf0i\xcc\x85b\x1c~hu8\x03S\xbb\xf1\xfaFQ\x15\x89wrj+\xf02\x00_K\n\xe6\x93P\xfb\xcbx\xe68\xddJ\xf6\xb9\x97\xf9\xd2 \xb6\x19NP\x106\t;\x12\xfcG\x9c}\xf5\x1cQ\x11\xe0\x82\x00\x1f\xf7\xfaH\xeb\xfa\x0b\xdf\x13\xdaE\x98\n\x04\x820\xa8\xe3\x13\t\x13\x80\xda\x1d\x92;\xaa\xe6N\x01\xf4#C\xc1\x1c\xbd\x90+\x9b\x00\x10\xf8*\xe2I\x1bu\xd2\xe9]\x14\xd9\x15\xb9GD8\xa4\xda"\xdc\xcd\xd3\x1dO\xbaCY\xd1nR\xd6\xc6d\x81N7\x8d\xff\x1a6o3\xfc\xed\n\xe1\t@\x83\x91z\xfcTt\x15\x06\xeb&gt;X\xef\x1b\xe5\xc7k\xb9`\xadJ$\xbeI,\xd0f\xcf\x0e\xf0\xc5\x04[\x11\x13\x80\xe5\xa2\xb9\xfe\xbf\x92\x0b\xbc\xe7\x1e\xa1\xb0\xd9\x86\x0e\x0b\x15\xa8f=C%G\x80\x04\x82}#\x9c\x0e\xda\xbc\xe6\xc5=?\xc3_/Y\xd2tp,\xa7\xe6\xfdn\xe6\xee*\x1b\'\x9cT\x83J\x160\xf0\x97\x07\x91\xd1?h\xe7\xa5\xb6EZ\x98\x8d\x1eMv(\xf5\x12#\x87\xb1\xb2\xab\x00L\x9b\xdf\x13\xdec[\x8ci\xc4yR1\xfc\xb44\xfd\xea\xa7\xd4\x084\x8e\xad\xd9s\xa4\x92\xc3\xc5?/c1\x1dPA \xc7\xad\x95\xb1A;T\n&gt;\x9d\xce\xdd\xbf\xca\x1f\xaf\nN\x93\x0b?y\x1f\xa0\xf5\x85(\xb7(\xe8}\xc52\x92C\xcc|&amp;j\x8b\xe8jD~\xf3Q\xea\xb2\x9e\xeby\xf4\x08\xa0L\x00\x04\x82=\xc2J\x02k\xbf\xcd\xb1"\x18#\x8cy\x8b\xb7\x12\xcboog\xad\xbc\x93\xf9\xa8\xff\x90}\x0e\x02\x00&lt;\xa4X&lt;\x86(\xc1#\xbf\x9e\xf18X.\xae?\xae\xd5\x98N\x13Ee\xde\xff!K\xe2\xcb,\x82\xcd\x07`rD\xbaB\x07S\xafz\xb0\x94\x19\x8e\x0bS\xe5\x960(=\xfc=:\xce\xb6\xfd)\x00O\x18~\xbbeA\xa4\xcc\x81\xba\xec\xfc\x00\xa8\xf1#_\xf9d}\xb8\xbc\xb6mY\x9f:y\xfc\x1d\x00@\x9d&lt;n\xb2%\x1c\xc5\xf4F{\xc8,\xd6\n\xbbR\xea5\xd1\\Z\xf3\xe9\x0e\x87\x94\x91\x89\xa6\xe4\xf3g\x00\xbc\x9dU?\xdd\xe1\xea\xb9b$\x9czc,\xab\xaf\x8c\xb2a\xaaSt\xbc\xc7s\xbd(p\xf79J\x10\x08\x8e\x1b8\xa7\x93`\xd7\x82\x0e\xd6\\\x94r\xb9\x93\xf2x\xae\x87\x08/\xbft\xb2\xdc]\x01\xbf\xc7,\xc7\xb1\xeaZ\x8eN\xe1\xa8\x97I\xf0\xf5:\xc84\x17a\xf6.\xd4\xa9\x01\xc7;w!\x1c=\xaa\xec\t\x83\\S\xd0\xb1T\'`4!\xe7\xcf,c0\x00J\x9a\xd2\x8aAn\xc7^X)\x9a\xc2\n1\xccH\\9\xa4\xe6k\xe9o\x12\x88\xf2\xfd#\x9el\x7f\x0c\x86&lt;\x86/J\xd4\xb4\xa4\x1d\xdc\xfa\xc6\xcanZ%D\x05\x02\xc1\xca\xa0R\xcfJM=\x96\xe81P\xec\xd5\xf19@z\x0f\xb7\r,!K?\xf0\x14\xb6\xea\xaa^69\xde4\xda\x85\x9cs\x94\xaaBG\xd8\x07j\x9b\x9d\x1f\xd2\x88\xe3\x08\xe0Y\x05\xecb\x0cL\x1f-\x7f~\x1d\xa9R\xd3\xdd\xbb\x15O\x00l\xbc\xd7\xe2UB+\xd8d\xbc5\xca\xd9eS\xe0\xb3\xa91"\\a\x06\xeb\xb3|\xba\xa1\xf2\xd3\xc8\xd2Z9\xcdV\xe3r)_\x91\x85\xd4O\xb9}\xd3C\xd9\xc1\xb6\x0e\x06\x01^\xe5\xde\x90\xfd\x00\x81\xe0\xb0@%\x9bUN\xbcx\xb3\x9c\xf5V\x04_9\xc6A\xd2JZ\x98\x12\xd45\x0e\xea\xcf\xe4M\x8c\x94\x02\x80\xf7\x00\xd0\xc7:9\x04\xa3X\xe3iQ\xcbn\xc0\xdeQ\xc6\xbd&lt;\xcf\x8a\x88\x918\xb4\xbc\xe1{\xc5\n\xc38\xc8\x7f\x9ex\xe6\xda\xd2\x86\x8bj\xeek\xc85\x9b\xcc\xd3\x03\xf7V\x05&lt;\x16\xf1&gt;\x93\x9a\x9a\xd6\xd9,B\xad\xa7QV\x9c2@\xebP\xc7\xedZ\xd3\x1c\xba\x1c\x01\x08\x17La\x1cmn4\xadD\xdb\xda\x02|\r\xe0\x8c\xe6c\xc4\x83Pd\x05\xfaDc\xac=\xba:o{D\xd7g7y\x06@ \xd8\x018\xeb\x16#\xa83\x99\x88\x08\xf0\'-\x04\xd3\x19\xf3\xeexF\xffq\xe2u\x12\xa8\xbb\x1a3\x19\xb6\xce"\xcd\xf2\xeaR\x9b\xd1e\xb8\x1e\xcc\xe5\xdc\x8cr\x16\xdef\x8e\x1f7x\x9eU_%\xe5Z&gt;\x1a\x87\xee\x1b\xb8-\xca#\xc3\xdf\x8f\xb3RJ{\x1c\xe2\x1fC\xe2\xb5\x1c&lt;\xcc|\x8dg\xaa\xfd\xe3\xe6\xe9\x99\xfcAtu\xa1\xba\xd2\xdcg\x90\tGNP\x1a4\x8a\xf8\xad1\xd6z\xc4h\xb3\xf6\x9exl\xc7CaI\xc4\t\xe42lk\xcf\xd8\x01\xceH\xbc4\xc0zdHgB\x88\xa75\x14Z\x18\xfb!i\xbe\xb8m\xe0\xb3\xd9\xe6\x82\t\x04\x828\xd2\x97\x00\xe9\xcc\xdb\xb6g\xf2,\xb7\xe9\xab\xa1\xfe\xe5\x7fX\'\x1d\x85\x17\xd4\xeb\xd8\xc7\xe1\xa1\x14\x00\\\x05\xe0mS\x81\x841\x9dEL]\x1d\xf0\xcdv\x99\x84\xc5\xf8|\x90+y&gt;\xa6oG\xbc\xd2\xa6K\xfe\xcb\xcb\n\x959\xc8\xf5\xd7\x18\xf5;\x13\xc0Wc\xc6\xb4\x9d\xe2\xbe\x98\x9c\xb78:J\x87p\x12\xc0\xd7b;\x06\x03+\x06\xd9\x04\x8c\xd2\x82\x15?\xeeF\x87j\'\x83W\x9ee\x03\xad\x84#^\x02\xe1\x03\xb0H\xddh\xef" @R{\xef\x15\x8b\xeb\x93vf\xa2\x1b\x98\x8d\xbd`mdMs\xcb\xf6\xa9I\xdb\n\x1e\x99\xf3\xab\xae\x966e\x07@ \xd8\x07TR\xda\xa2G\xffU\x05\xb29\x16\x9es\\)\xe5\x85\x8d\xe0SB[K\xce\xc6\xdb\xe7\xd5\xd3$]\x87\xa5\xa6\x07\x02\x8c\x0b\xc6o\xa1z\xccb\xe3E\x0f\xaa&amp;j\x7f\xe5M\x96\xfcayD5\xf5\xd1\xd4E\xbf\xaf\x0c\xee\xbeP\xa6\xbb\xa7u}\xbf\x90\xd3\x03\xa98\xbf!D\xc1\xd7\xe2\xa6jb\xcfq\xc3j\xfeg\x10\x918\xe6D\x82l\x14E\xcdD\r\x8dC=~\x96\xa2\\\xe7\xff\x1c\x8fl\x8f\xa2\r\xea\xac8 o\xf3\xca!\x17\xa5\t\n\x83YN\x1b\xc9\xaah\x90k\xd56\x9e\xf9X\xf3Z\xfb\x97\x02\xf8\xf6\x8d\xc7\x8b\xd3\x1e\x81\xcaj\xb9+=3\xb0\xf7Y\xa9@  @\x9cA\x84\xc6\'\t\x02\x87\x06\xb4\x03\xc4\xee\x86l\xd5W|\xb20\xaf2\xd2\xfb\x15\xb4\x95\xf8\xcbxxY\x84w\xdb4\xa1\xaa\x8e\x9c\x93\xe8\x99\x14}\x1d6\xe9_\xfe!\xe0\xeaKn\xd6\x02[\xb8GWj^VK\xd0\x0eB\n\xfa\x8e\xc8\x87\xa1\x9f\xb3\x87\xe9Q\x81yU\xf2\x8c\x00_\x0bTl\xfa\x00\xc0 \x14\x90\xa9C\x7f\x00\x00\x01\xd4\x99\x01\xbe2\tE\xef\xef9\x06\xe1\x0e\xe6\x17\xb7j\x1b8c[\xcdI_\xf6\x02\xb0\x8cy\x82`&gt;\xbe\x92E\xd7\x83\x06N!W\xd0\x97Gn*5%\xdf:}\x95\r\x1f\xce&amp;@\x05F\xb2\x03 \x10\x1c \x88\xc7\x00\xb6\x10\x03\xec\xa1\x80#\xd6\x16]\xf2\xb4\xca\xa8\x94R\xea\xa9\x8b \xea\xe6\x81\x91\\\xc22\xde\xbb\x89k\xc1%\xe1\x82\xf5(\x95\xb6\x9d\x10\x87\xa7\xab\xce\x97p\xa0\xe7\x9e\x95/ \xa8\x1d\x1f\x9e_\xed\xe8\x81\x82\xe9\x9c\xbd\x7fG"\xb4\xf5\xc1uM\xb4\x98\xbbX\xa8\x86\x87\x004V_\xf5W_\x16\xea\xdb@\xf9F\xff:\x86}\x15\xc4\xd3\xa6J\xca\x1a,j\xf31\xd4\xab\xb1\xad8\xaf\xd0j\xba\xaa\xe4M3\x97\x1e\x8c\x16\xdcr\xf4\xdf\xf8\x11\xa0*\xb0c\xb2&amp;]?U\xcd2U\xecCr\x9a\x8f\xedWyB\x03\xe1\xa6~\xee\x15\xe8\xb3(\xfco&amp;\xf1N\xdeM$\x10\x08\x1a\x03M4\xe9\x81\xd0\x0b\xaa\xf4\x8f\xc4\nt\x88\x941\xbamj\xdf6\xb1Q&lt;\xc3/\x95\r\x18\x0b\x12\x9esC\x84\xa1F\x04\xfac\xcd\x17\x81qv1\n\xdc:\x01^K\x81\xc9\x14.-x\x9d~ji\x93\xa6\x11\xb6a\xcc&amp;3\xde\x9e%\xffM\r\x8eH\x18*\x19q?N\x85V1x\x99:\x1c\xcb\xaf\x8a\x1cu\x9c\xd0\xfa\xe8L\x8a\x1b]\xdb`P\xf6\xef\\9o\xb4\xa5\xc0\xa9\xac\xdd\xa6-\x10\x08\x0e\x07\xbe\xe5\xdbf-\x9f\x1e3\xc4:\xd4\xb7\xaf\xd6\xe9V@\xaa\xd1\x92\x06.\x14\xe5\x8d\xcc\xb28\xae\xe6\x04\x00\xce\x8bn\x04f\xeb\xe8\t7\x93x"\xa3\x08\xb5\x94:a\x16\xd4\x9cP\xaf\xfb7\xf3\xc5\xcdb\xe0\x12,\xf3\xe6R\xf7W|\te\xc6\x9f-5\x82\x13\x06\xc4T\\+\xf3\xeaBv\xed\xb1]\xc2$\xc2;\x14\xf0Qr\x04\xf5X#\xa2*\xae\x06\xfc8\x1ayl/\x9d\xd7\x8c\xa4|%\x10\x08v\x88`n\xba\x8b\xde\xf2+4\xfe\x16C\x84\xd5\x90\x90\xc1\x1b\xa7KK\x92\xe7n\x97\x9d\x03}\x9b\xdbs\x14-\xfe\xe5F\x887\xe4\xbc\xa1\xc8\x91\xf3\xfb\xd2\xab{\xcb\x87\x8a\x8f\xd4\x10O\xd5v\x03\xa2u\xb3P\xe2\xa9\x80)Z\x8d{\x0cF5Ma\nLPv\r\xc5\xe4\xbe\xbf!\xe0\x8c\x8c\xc0\xc8\x8e\xa54\x06\x11\xef\xe7\xc9\xd0\x00\xed[Du\x90\x8dZ\x1e\x88\x11\x08\x0e\x08\xd38\xc2{\xcc18\xd0`\xbf\xbb\x10@\xfbL\x8fC\x046=k\x8bQ\xee\x96\xe4\x0c\x81\xd1y6\x0e\x01\xde\rp\xf9l)9\xc2\xad\xff\x02\x8d\x99\xb9\xcd\xdaqv\x86\x97\x1d\xb3\'k\x977J\x8e\x8b\x9a\xa3\xdd\xf2\x9aQv\xc592i=*\xba\xdb1\xf5\x89\x00\xdf\xc8\xab\xae\x00@\xbd\x18\xe0\'*\x89\x16g\xb9f\x0214\x1d\x9e\xb3@P\x7f\x0bp\xc3\x90\x00\xae\xff\xd4\x95\x00\xde\x015\x9e\xfedbL\xc2\xc5\x14\x80M\x071\xe5\xd9Y\'\x84b\xb5\xe2\x01\xb0\x94\xd8\xfa\xcdB\xb6\xff\'q\x9aJU\xc1\xe3\x83\xd8\x9a;d\x02 \x10\x1c\x14\xdcF\x1e(e#\x9aX\x03#0\xa5\x14\xc0\x87\x01.\x1a\x97\xb1\x08\x91&lt;8\xaej\x04\xdf\xc3\xe8*\xc1\xe8Q\x10\xe03\x00\xe7\x89\x16\x9b\xa6\n!!\xa3\xa2M\x1d\xca\xfa\xf9y\x8a\x1f\xe7-.N\x9f\xc7}\xef\xcd\xacM\xf9\x04\xc0\xa21\xbe\x1b\xe6Q\x00\x0f\x00w8\xaet\xf6A^\xc4x\x8e\x11\x0f\xbe\xa6\xc0\x9cO\x12\x15\xa1\x9a\xc7\xb34\xa2\xab\xaf\xff\x81\x8e\xd5\x86w\xc4B\xc0\xfc\xea\xa1\x9c\xe4\t\x9e\xb6\xa3\xa9\x06\x9b4\xea\xd5\x91\xde\xbfP\x11\x0bz\xe0\x991\xd9\xcb\x04@-\x93\xbe\xb6"\r,K\x19i\x9d\xd3\x00y\x0b\x90@\xb0\x03L{\xa3\xecS+K\x15\n\x81W=\x12[\xff\xa0\x1d\x0e\xa1\x89M\x19\xf9\xa2L\xf1r\xa0m\x11\xc7\xe6!\x80\x88\xf0x\xae\xad\x02oz\x04x\xee\\\x8a9\xfa\x87\xc1IY\xdb\xc2\xc6\xb0\xab\xa0\x93\x0b8+\x06\xdf[@r\x87\xeb\xd9\xb6\xa0\xa1t\x8c\xef\x16y\xc0\xfc\x92\x1f\x939\x0c\x97o\x13\xb5\xe4\x99,\x1ee"2\x0cO}\xc8A\x95\x0f\r\xc3\xf9!\xc1\x0b\xba\x1c\x86\x07\xe3\x874\xd2\x18\x19L\'\x97\xe6U\xcf\xe48\xa5\xaf\xf9UQ\x11\x19\xf8\xedJ;\xf1\xb5\\|Z\xba\x94O\xae\xe6V6JO\xb6\xf8j\xfa\x0f\xf0p\xdaL/\x13\'#\x02V\x10KK\xe6\xa5\x87\xe3\xa6\r\xc8B\x89\x04\x02\xc1\xaa0F\xe4\xb1S\x92\xe6\xf0\x9d.\xec\x8c\xf3\x93\x01\xcf]-\x8f\x9c\xdd3-Y\xb4\t\xe8\xe6\x92\xf3\x93\xd2\xcd5\x9b:js\x92i\x86q\xc6\xba\xf7+M\xd0\x1e\xdd\xf5\x11I\xee\x11|\xeaY\xc0\x88\x1c\xb0\xf4^\x9a`\xb1Ad\x9e\ru\x16\xe7H\xd01\x120\xf1:\xb1\x90\x0b\x13\xa81\x8c\xbb\xacN\xaa@*K4\x8f\x82W\xa5\x87q\x99\xec\xea\xe07V\xe0\x11t\xfa\xf2\x8a\xa7\xa78\x17\xf3m\x12\n\x0fD\xc4\xcf\xe5\xb6eD|\x1b]\xb74,#\xc1C\xe0\x16v\x19\x1f\xf7\x9f\xac\xd2X2\xb0\xf05&lt;^B\xd1\xd6\xf7\xc7\xac\xcb\xd3:\xdeX ?\x84|L\x05\x02\xc1.\xc0K\xa3\xa5%\x03\xd80\xedz\xe4\xb1\x8a\xe9\x7f\x99%\x1d\x0b\x90\xb7\x1c\xe2.\xc7_\x0f\x8b\xca\xb1\xb9_M\x18\xc6\np\x9br;S\x92|\x94\xb2a\xfa\xa0\xf0\xd6I\xdbP\x88\x88\xf8\xc5\xe4\t@\xb6\x19\x17\n\xc9\x152\x0c\xe2o@\\!U\xc565\xb3&amp;6\xf1\x12\x8d\xe9\xd5K#e7@F\x99\xb6(\x0b\x98\x14\x1e~\x9b\xbc\xc8\xbdX\xc7&amp;\x9eZ\xb4gc\\\xe2\x81q\x13\xff-\x9e\xb8\x01+yh\xfaL\x9a\'\x80N\xb5\xf60\xbd^\x8cy\x94\xf5\x98\x02\n\xb7e\\\xe2\x1b\xf5\xe9\x02\x81 \x11nF8\'od\x1f\xed\x0c\x96\x02\x81\xb4\xbd\xd9jA\x9e&lt;tbu\x0b\xf8t\'Y3\xd2ev\x0f\x91W\xeb\xb1^r\x86\xd8\xcfw\xae%)e\x93\xe4\xcbgTI\xe0\xbbA\xc8e\xd9\xc4\xae\xb8Px)\x87B]\x05\x17\xe1}H\x9d\xb9\x05\xc0)\\U;\xae\xe0m\xa9\xcf\xaa\xf9\xcc\x1b\xb7[M\t\x99\x0e\x8a\xd6\x0bi\x9ay\x96q\xb4\x12 \xc2=9\x16`\xd9\xca\xbc\xc5\xd1T\x9f#\xd5\x9c\xccL\xa9\xbe\x08&gt;/pLQ\x85\xa9L\x00\x04\x82} =) \xbc\xb8n\xca\xdb\x08\xa44qy\xf0\xacA+y\xa8\x1a\xc4\xdbeaW\x1c\x80{\xf2\x0b3\xa4\xf2\xdd\x9d\x1e\xa1Htn^$\x8c\xe5\x11m\xa1\xbb\xeb{N\xca\x8a1\x1dfEN\xdd\xfaF\x98\xa9\xbd\x90V\xa7\xd2&amp;\x80.v\xa8\xdc\xc2n\xa8\xf2\xe3\x8d\x9d\xde$\xb4L\xd3Y\xc4\'\x8e\xff3]\xbc^\xd8\x1e\x95\xdf\x8f\x9c\xc3\xc8\x1c=;\x9e\xb2)WYu\xd6\xe0\xddD\xf5\x05\x98[\x0e\xde\x88\xf0\x08\x04@\xb8\x00K\xb62\xb3s\xc2\xbb\x0e\xe99\xc6\xb8\xa6(fZ\x97\xb2@ h\x07#k\xaf\xb3\xd6\x05]$\x0b2\xf3\x16\xcb\x13J\xec\x08\xf0\xcbC!s\xa9\xa9\x9d\x11Nd1zp\xc5N(\x8d\xceR\xecV\xc9\xc3b\xf0\x9cJ\xcf\x95\xbc\x05\x02\x91\x909h\x0e\x14\xab o\xa20\xa3H\xc96_V\xb5\xf5y\xa3F\xe7\x11^\xc3i\xd6\xcb\xb5g\xaa\xb0\x89\x8ec\x95L\x0b\xd7\xb05\xf8t\x98Hd4]w\x06\x9ad`h\xc6Y#b\ra\xce\\\xdd\\5\xd7\xc2j\xc9\xe6\xa1\xd9*Z\xc0n\x89\x02\x81`7X:c_\xca\xae\xc9l-FI\xc2TM^\xb7j\x97\xd9\xd3At\x03\xf1B\xa5\xc3\xa9\x97%h]\xcc\xb1\x0f;\xfb\x10\x88\x85\x0c!#\x96\xe4\xb5\xa9\x1a\x07\x8e\xcfV\xd7\xe0:\x9d\x8fZW\xc9ue\xa47\x7f\xda` \xceed\x8a\xa4\x17\xbeyA\x18\x84\xe2\xa8\x85\xfa?\xcecd]w&amp;\x00~}|\xfaU\xd5\xc2\x11\xb1\x95\xb9\x92\xf16W\x1e\xed\x97B\xe2^}mOU\xc4\xf6&amp;\x15\x08\x04\x190&amp;\x00\xf9\xc9\x91\x97Y\xfaI\xc1\xb645\xd3"\x9d\xd9\xdb\xablkAt\x03\xfe5\xb9\xe1\xee\xcfT\xb0\x03\xd5\xf7\xf8\x0b\xc3\xd3\xca\x86\xa4dw\xd7Ct\x01@\xf84\x85V*S\xfdD5k\x85z=k\x93\x87\x13\xf8\x1c\xcd+7l\xe1t\xfc\xe9Y\xa4S\xe3\xd6\xf3[&amp;\x10\x06\xc9\xfb\'q:EN\xb1Y\xf9z\x07R\x00\xb2\xa4E\xd4R\xd9c\xb1\x8a\xf09e;8\xee\xfb\xd9\xe4x`\xed/\xe1\xe4\xc1\xb1\ns\x8d@ \x10\x1c\x03\xe2}I\n\xa5\xff`\x1f\xf9\xe8#\x117\x92\xc4N\xbee\x86M\xe6\x1a\x98\x03\x84k\xd6\x15#n\xdb\xdf\x9b\x87\xfe\x95\xc7\xa3Z\x9f\xd7\x08\x08\xf0\xc1*\xb2\xcd\x17O\xc7\x15x1WJD\x19\xeb\xe8\xc5\xc6a\xbb\x98A\xc4\xb3\x90\x1ca\xa9\xdf\x01D\xf8\x81i\x88S\xb7\x89!\xc2\xabmg\x05\n\xfb\x82\x9f\x0c\x83\xa8\xca!\xb1|t*\xf8%\xc4T\x13\xd5\xe1n\n\xc0Q\xea|~\x8b\x1d6\x82\xc1\xf0i_%\xb72\x9f~\x92h\t\x9a\x08\x04\x82\xfd\xc2\x93\x83\xbe\x92G,i\x07\x80\xd9I\xb4\xc7Kj\x13\x1cO6\x9f\xd3\xd9\x16\xafC\xdc\xfe\x99nLx\x08\xc1h5;\xbb\xb1\xe4]\x08\xac\x15\x03t\x0cw\xd2\x8d\xd9"\x85\x96?\xad\xcb\x1e\xcb\xe0\xbd\xb5\xb8J`\x9f\xdc\xf4\xa8Z\xbfO,\xbd\xdf)\xdb\xd4\x7fI\x8eYY\xc3\x9a\xd1\x92\xff:\xbd\x13\xa6U\x84\x13M\xcc\xe7\x17B&lt;\xc6\xd9\x9dl\xe1\xbd\xd4\xd2\xbc\x9c\x0f\x8f.%\xe2#"\xc2Y\xfbh\xb9-A\x9a.\xe8\xb2\xf1\x96]\xeb\xd6\x08\xf7\x0e\xbd\x90:1\x12^6\x15\x16\x08\x04G\x00o/\xe2IC\xfe[\xe7aL\x00(^]\xcc\x01\xaa\x83\xd4\xabXY\xd2Y\xf05\xeb\xde\x86&amp;\xa5\xc4\x8b\x94m\xc1t\x8a\xe1\xf3\x96\x13/\x86)\xd2\xa5\\\x1f\x11\x8e\x8bY\x8f\xbb\xeao\x19\xc44NB]\xd7\xb6)\xa4\x12XDG\xf3s\xc9\x1f\xb6*\xae\x16\xf3O\xf4h\xfd\x08K\x1eK\xde\x08\xb2Dq\x89\xd8|\xb3\xc8&amp;\x080\xfd|\x13\xe0\xd4\xb4\x9a&gt;;l\xdc# \xc0\x1b\xa8\x8b\xb5\xd9\x10\x010\xfe\xf2\x11\xcak\xfe\xb0Az\xcd\x9e6,K\xae^\x96N\x04\x02Ak\x04\xfa$7\xad\x04\xeff\xae)\xe2\xc6\x19\xbf\x11\xfc3(\xb8B\xb0@\x90(i=D\x00\xb8\x86\xdfk\r\xe0\xfa\x0e}\xf2\x85\xe9\x00\xbc\xb0\xb2@\xdd\x05U\xa0y\x11\xbb7\xd3\xc5\n#!\xc7\x1aI\x11\x12\x12[\xa7YI@\x87\xf8wE6\x8e(aV\x81\x9f\x1d!L\xdc\x8a|\x8f\x04\x18\x92D^\x9aE3\x8d\x7f\x81\xd9\xff\x00\x11\xe1\x84\x95g,\x11\x8c2 \xea\xef\x15E\xc4\x8bg\t\xf6\xcf\x135*`\x1c\xdf\x05C\xc2-\x1c\x1d\xa6;\xd4:\xc9\x87\x02\x81\xa0\x1f$\xf4L\xd4]m\xad+\x9eb\xb8\x8c25\xe9,\xc7\xf9&amp;\x00\xa8\xf5vI\x02\x07LGz\xa4\x15b!\xa3\x0b\xf6\xce\xd6\xc2,\xb8\xc1z\x87\x1f\xf8\x88\xd9g\x16\xf2G\xeb\xba\xcf\xc3\x08\xdf\xce\xa6\xcfpn\x05\x19\xe1\x91\x13\x9d\xc7\xa4\xd0w\x85i\x14\xf6\xd4\xd0-\x18Z\x91q\x9e.p\xa9\x19\xef\xe6\x8b%\x9f0]\xa3RP\xd5\x10\xc2\x88(\xeb\n%\xa1\xc7\xf8\xc1x\xf6\x06\x06Y&gt;\xe8\xe5\xb86\xabD\x82\xc1B\xb5\xe7\'\x10\x08\xca1\xb6[_\xeeUjn\xcbt~V\xc3\x7f/\x07\xb81\x84\x1a&gt;#\xbbk\xbcR1R/\xa0\xb0\x02\x10\x10N\x02\xf8\x9a\x96,\x13\x04\xf6\x1bP)\xc3}\xad\x8d\xc0\xe9\xa7\xd5\x18\x16k\x02A\x0b\xe3N"!l\xabFVr\x99f1\xf2\xb4\xf7\x85L\x89\xe4S\x83\x9d(R2G\xe9\xdb\x95*9\x1dg\xd5\x10\xb1\xd0GA\xbd\x86[u\x88w\x12\xf0\r\x81\x88\x15\x9a\x0c2\xaa\x1b\xbd\x89id\x87\xfb#\x11\x7fm)LPY\xea*\xffM0K\x02\\\t\xe0\x9fL^\xa3\xfa\xfb\xf0\xf2\t[\x0b \x10\x088P\xc3\x8f?\xb1\xcc\x89\xea"\xa1\xdb\x15F\xff\xb1\x12%\xd4\xb7\x04\xea=\xfdW\x01\xe0\x07\xaa\xb3PJ)\xa5\xe0\xae\x00\xd7\x84\xc2\xad\xf9(NcH\x03\x1b\xac\x01! \x82Rc@7\xc0\xc7\xe2\x128\x08K\xb2b\xdcf\x98DM \xa9\x15\xd9xV\xdc;\xa7e\x91i4\x1c\xd2\xa68\xc5\x91l\x89h\xfeYjF\xa5\xa1\x84N\xff\x98\x97\xc4\xd9M\xe6\x89\x9est\x1cC\xcd\xf6\xd4\x86\xfe\xa3\xef\x9c\xea\x0f`\xcac\xb3\xf0\xf3\x06\x00\x05\xff\xe4\xf0:\x02/\x0b\x04\x82m\xc1\xda\x88\xa4\xca\x84\x06\x9dT\x15\x04\xd0\xf7\xc1\x0b\x86B~\x81\xbb\x80\xae\xa0~V!\xf5\xdc\x82\xcf\xfa\x16\x91\xe1JC;\xf8\xe5\xa8\xe2\xcdb\xa9\x00^\xdaJ\x80\x90v\x01\x9b[UV\x0c\xd7\xaf\xd4\xe1r\xd1\xfa\xce\xb5SA(\xa4\xd9\xb4\xe6\xbfk\x05@=\x1f!\xc0[j\xd09R\xa4\x86_$I6\x11\xcda\x11\x14\xc0\x95\x10\x11\xe1b\xb5\xe4\xec\xaf\x1f\x14\x08\x04{\x00:C\x16\xed^(\xb1\xa6L\x00\xb4\xde\x9a\x9f\xd69\xe4\x0b\xe8$\xf3e\x88}\xaa\xd9oUSs#\x95\x83r\xd8"\xf1\xc7\xc45\xa5\xaaK\x96dB\x08\x9f\x12\xc6\xb3\xa8\xefi\xee\xbbZv\xbe\x8f\xd7\xbc\x18\x7fu\x0f-\x997r2\x04\xaeE\x87&amp;\x1a(\xd2x\xb7\xed\x80\xb0\xa2\xa1NX;I\xd2,\xc2\x02\xd4\x0b\xfe\xb6\xc83\x9dlU\x08\x04{\xc4G\x00.\x1c=\xb9\xa0\x1dia\xb5t2\x89\xcc\xdb\xac\xd3\x81K.\xb50\xfd\x94}R\xcey\xd0\xb9\xe4H\xdeb:\x1fb\x0e\xcb\xa6\xd4\xcc\xad\xfeQ\xa7u\xb7\x86\xbf\x82x\xc6h\xa1\xe0I\xf1\xd9\xe3U\xc5\x9e\xac\x13\xf5H1\x87Zg\x9c&gt;\xe2;V\xd7!4\xdd\x95\xe7N\xb2Y\x82i!\x158\xa7%\x8dT\x9a&lt;\x06\xb9PJADPVRX\xb5\rF\x13\xd7\xd2\x14\x8e\x11T`\xad}~\xc6\x91\x81\x12\x00\x97Na\x08)\x18|\xbb\xad\xe3\xd0\xea\xe6&gt;\x00p\xc9D\x91\xe4\x19\x00\x81`w\xc0\'\xe1\x85\x11!\xb6\x0e\xa1@) \x0fD\xe6@\x8d\xc4\xaauW\xd1\x15\x8b\xf9\xe8\x11 \xf7\xb4\x8c\xf5\xdc\x9e\xc5\xec\t\xd1\x9a\x88\xc3A\x07\x06+\x86\x10\x0e\xd6\\7\x8a\x8f\xfea\xd4\xd4\x8d\x90\x86\x8bq\xd7\x9dy4!ot\xe8\x95T\xd8\xcd\xe8\xdf\x045\xcc&amp;\xef\xc4Pu\x9c\xa3\xc6\x13\xf1\x7f\x01/\x83)?\xc1\xff\xab@\x97x\xb8\x13\xc0:\xd4U\xce\x86\x8d%q\x05\xee\x8f;\x13\xdd-\'\xaf\x84\x0e&amp;&gt;\xba\xe9\xfd\x0fih\xdd\xe8\xf8\xcb\xb3;\x10\xde~j\xe5\x92\xdb\x8b$\x10\x08\xda\xe2\xa1\xaf\x8alD"\xc0\xe5\xf2H{\xb6;\xeb!\x85,%\xc9\xddJ\x98r\x8a\xa6\x14\x8e\x91\xba]\xaa%k\xee,\x93\xae$LJI\xe5\x88]z JW\xad\x12\xd9\x10\xbb\xaa\xf2\xf7\x89\xd0\x99\x16\x8f[\xdf\xae\x1d\x1aL6\xc8\x1eM\xba\x88\x9a\xd0\x06\xeb2\x0fpL\xca\x0c\xeb#G$\x7fJY\xce\x91\x92U\x10\x11n\x94v0/C&lt;\x1f=\xf8\xaf\xd4xF\xb8\xf1&gt;\x9a\x80@ 80\x04\xba\rglw\x93\xc4&lt;\xf5Hr\xfc\xc4\x80b\x8e\x0cR\xc8\x12\xb2\x04k\x11}\x0f\x02\xbc:\xe9\x04\xf0\xcc\xe8\x81\x0b\xa9\x82\\\x9fd\xc9\xa5X\x85\xe9\x07\x13\x9c\xba\xe5\x82\x18\x1aU!\xeb\x903i\xf3\x95]\x01\x95\xc7\n\xb4jkh\xf7\xe6q:\x97\xc0K\xdf\x8dY\xdb\x05\x93\xa8\xf8\xb5\xb5c\xe0Mf\xd4y\x98\xde\xc7*\xd3\xc9\x98\xd2\xf7I\xacX52\x14C\x8d\x11\x01&gt;\x9f\xea\x17+\xe67h\xda\x06\xd3G\xad\xc7\xb7\rd\xcf@ \xd8\x13\xf4dg\xefWR\x89\xb0\xfc\xbc/\xe7P\xa6!\x15\x04\x0e\r,\x05S\xc9N\xb5\x80VG+j\xbc\xbf;t\xc6=\xc2R\x9d\x1b\xe0\xb3Pv\x0e&gt;E_[\x85\xfc\xe4|2\xe2\'gR:%\xed\xf8\xb5O\x9e\xbc\x00\xd8\nfs\x88\x0fM\xdb&lt;y\x12"\x92\x14\xf0I\x04-l\xf3RW?fA\xe7\xb3\xd3\xb0f,y\xec\x94%\x80AkxL\x08\xfd\xd4,\xceA\x8ecY\xe3A\x85M\x9b\x1b\xce\x8fB\xa5\xf7\x1aj\xf2t\xeax\x9c\xcf.@[\xa9\xd9\x8a-\x0c\x88\xe0l`h\xcf\x8bu\xd4\xee\x92 \xcf\x00\x08\x04{B\xebL\xe3\xa62\xcej\x90^\x89\xc8\x94\xfe\x821a\xdc9\x0e]\x12\xcd2\xe3\xcfR\xfeG\xa2\xbc\x08\x9a\x9f\xd1\xd8e-2\xa5U\xb2_=\x9e\x8fOM\xa4\xd4\t\xf3\xa1U\xb5\x1c\xbf&gt;\xd47U\xf3v\x95xK\x9b\xc8x\xc6\x86I\x84\xfa#\x1f^\xc7\x85\xc9\x7ft\xdd\x85R\x9d\xd7\xdc\x0c/\xbe\x1a\xfb\x96k\xe9\xa8\xcd\xa2\xa3&amp;%\x9f(\xd5\x82pj\x8bJ)\xf5.\xa5&gt;\xb2y\xc3\xccc?\xab\x91\x1bd\x8a\xb9\x012\xdb\xc7Jb\xea\xfc\x00\x00p\x07\xd0\x9b\xad\xb6#Aou\xf2d#66\x06\xee8S\xe1\x9dh\xe5\xb1\x13\x08\x04\x82\x10\xbc\x19\xcd\xdef\xcdK:\xbeM\xdb 5\xbbp\xacX\x9eH\xde\xac\xed\x919R+\x85P\x9a\xc0\x0e)~\xadtFL\xb2\xcc\x81o\xb9\xe2\xb0\xe2a\x06=8\x83A\x90\x18\x0f\x05\xba\x1b\x82\x15[\x92E9\xca\x82\xafx\x15|9Q\xbc\xeaH\xb5O\x0e\xad&lt;{\x0e\x15\xeb\x98"Y)F\xb1\xc3bv\x00\x00 \x00IDAT\xf9\xec \xe1[\x9b.\x99gO\x9d\x91Ap\xfa\xe5:ea\x1f\x8e"\x9d\x1d&lt;\x05\x01^\xa0W\x1d\xbe\xf7h\xc8\xb9\xf14@&amp;!\x02\xc1\x01\x83\x95\x7f\x13\xa9\xf0\t&gt;t.\xe6-y\xeeR\xd9\x02\xd0\x17{\xf0.\xe6!\xd1)\xf9Z?\x14\x95&lt;\xddcd\nu+F\xc4/C\x19\x80\xe7\xf6\'y\x18\xb7\x80\xc7\xe8\x0b\xb2\\0(\xbb\x16c\x99\xa2\x8c)\x13WJ\xe6rI\xc4Z\xe3\x0f\xc6\x88\xaa\xb2\x05\xd2\xab{\xb8\xe7\xed\xe3\xf9M\x9d?=\xb6+fQ\xcb4\x8b\xbdF\xae\xdd\xae2\xfa\xcf\xa9S\x18!&amp;A\xfdZ\tA\x9f\xf3u\xb2\xda\x95wR\xc9\xf3\x0f\\Z\x1f\xd8(\xa9\x9a\xc6\xe9&lt;\xb1\x0b\x04\x82\x1c \xe0\xf0R\x85l\x02\xf1\xac\x97\x8d+\xd4H\xf4l\xd8s\x00\x96F\xde\xc2)\x8c\xd9\xa6\xa3\x8b=\x1aoX\xdfDON)\x9c\xa9x\x05\xa4\x06\x9b3\xa0\xe1\x80+\x871,\xe3\xee\x1b\x140M\x04\x87\x0b\x06\x1e\x97\xac6~e\xc8\x95i\x01\xa3z\xd6\xe0\xb28q}\xd3\xafN\xb9O\xc7\xc5\x88\x91\xe0\x05\x93\xe7\x00\xa9\xe5u/\xdcN\xd3"\xdbGy\x0er\xebV1i^\x8c\x05\xe91\xfd\x8e7\xa1K\xdee.\xf1m\xeb\xd6\x06\xd3\x00W&lt;\x81@\xb0\x0f\x0cy\xe7\xaf\x00NL\xdc\xa8-M\xca\x15\x13V\xadD\x9f\xc5\x93\xd9\xd98e\x92\xa5\xe5\xe6Y\xafd\x1bX\xc9+\xdbV|\xb3\xd4\x8fZ\x14\x91\x1d\xc9\xe9b\x84]\x99\x01\xfc^D\xb8\x02w\x02\xe9\xaa\x16\x12\x83\xa5\xda\\\xc0]6\xb6~\x02&lt;\'\xd6\xb7_o\x02\x90\xb1:\xce\x15"S\x1e.\x83J\x04C\x8c\xe0u\xa83\x1d\xdd\x97%\x807\xba\xb2\xaa3\x02rmx\x83\x99S(\xd6\x18\x11\x11\xe0\xc1+\xebs9\x8d\xfb!&gt;\n&amp;\x10\x1c\x1c|\xb9\x95\xf1\xd0\xd8X\x95*y?\x80\xc7\xe8%\x07\x92\x81&lt;^\xfe\x8c\x9aN|\xd5\'\xde\x1c\xad\xb47O\xb8\x9f\x10\xca\x17\x92\xb4\x1e\xff\x95;vE\xd8\xec\x15\x13\xb3l\xac\xd7\x98\xf0\x85D\x0c\x7fh\xd9\xb2Iz\x90\xd8F\xcd~=\x0e\xcf\x02!\xd6\xb0x\xafH\x80\xa0\x18\xe3C\xa9H\x95q\x052\x0b\xa0_\xb0aU\x98\x88\xc0\x8cq^I\x18{\x1b\xe3tc\xa54\xe2Q\xbb\xd6\xcb\x97\xd2\x83\xad\x88\xcf\xfc5\xdb\xff\x02\xb8\xa0\xf1\xde4\xe0\xab\x13\x8b\xaeL"ytZ\xc1\x1f\xeejz!\x14\x1d\x18`\xc5&lt;M(\xd0\r5\x06\x82\xbc\x05H 8p,\xe7\x17\xdc\xd5\x88\xdf3V\\\xa6\xad`\x1f\xa5\x8e\x92r\x06\\\xd9\xd5\xf9\xb5~\xd0\x1ai\xd9\xbf\xb0Auf\xff\x95J\x84\x12e#\xa8K\x93\x97\xed\x15\xae\xe0\xa0\xf0\xaaZ\x8c!\x8e\x91\x98p\x96#p\x8bZ24\xe24\x7f|\x96\xb3\x16\xebc\xd4\xd4\x89\xe3\x07\xbf9/wr\xee{\xe7\xa5\xf3\xeav\x9d\xf5X\xf5\xaf\x15h&lt;\xd0\xfa;\xb1\xbe\xbbp\x9b\xc6&gt;\xf9\x06\x18\xed$6\xd5\x8fx0P\xfdV\xde\x95\xe9\xb0\xb4\n\x94\xd2G\xff\xc3a1\xee\x04\xaf\xc8\x98\xba@\x9e\x18\xacB\xbc\x101\x83Ns\xb6s\x8f\x7fkoYS\xcc\xd4\x1d\xd3\xd3\x1b9\x94\xc7\x11\xe0\x82\x1c\xa6\x000\xbd\x1aN \x10t\x0f\xce\x0e#\x8d{k\x85\x7fi)\x1f \xe2a\xe4\xe3\xc5\xed\xe1\\\xea\xac\xf2u`\xeabH\x9bh\xcf\x04&gt;\x1c\x9a&gt;\xc7n\xfe\xbe\x08x\x8c_xB\xda;;%\x8d\xb9\xe5\xa8\x11SA\x8e\x01);\'\x9c\x0f\x89\xdcfy\x90P\x81v\xa5\xcb\xce\xb85\x9f\xb1\t\x89\x915$\xca\xb2\x0f!\xbf_*R\xe1\x18\x85&lt;\x1dJ\x88T\xa13\xab\x9c\xca\xd1\xac\x95\xe5P\x7f\xf9TSO\xc5\xae\x11\x926\xf7q\x17\x8e*\x1cb\xf3\xf5Mg\x02\x95\x03\x9b\xa6\xe0#B\xf0\xc2\x18\xb1\x12\x17\x08\x04\x82^\xc1\xcd\x1a\xb1\xaa\xeeu7\xc3&amp;\xa5\x95\xe4\xd4S\x94\xaa\xf2\xb2\xdb\x95)uFR\xff\x9eoXS\xb0ai;=\x1d{\xac\xbde\xb7\xa7\rI#\xb3&gt;\xbf\xa8\x86\xfa\xa4\x8eA\xe3\xc4M\xe1\xa3\xc94{\x18\xd9\xee\xf0\xcb\x83\xf1B\x94\xd8\xc6\xddd\xbd\xb4\xba\xd7\xcc\x1a\xb6\xc6\x1e\x92\x89\xe8S\xc3\x1dU\x88\xcct~4a\x88\\\n\xd7\x08\xf6\x95\xf4\xb9\x84[\xe5\xfa\xc9\xd6\xa6\xf92\xfc\x1e\xd2\xae\xc4hu\x03\xa6"\xe8h\xce\x96\xf3\xd1nu\x8a\x02\x83]\x82T\xff\x13\x90\xb3\x17;\x0b\x04\x82\x10X\x89\x83Q\xd7\x1a\x88\xd0\x0bK\xa1\x842]\x99\x16/\x972\xdcl\x98\x9b=\xf3A\xa6Hz\xec\x92\x9e\x13\xef\x1b\xdc^\xc8\x95o\xc5.\xd0\xab\xf8x\x9d&gt;\x03\xc4!\xec\x06IP\xc7\xa1\xf0\x0b\xf4}\x03\x86\xe0L\xe2\x89\xa2gG\xc5\x99\x02\xf2\x0cD\xae\x99*\xb3Q\x00\x11\x1e\x923!\xe1\xca\x1f\x88\x87P\x19G\x11m&gt;\xbc\xafq\x86\xa9BZU\xe6bJ\xd4\xe3\x01\xa9&lt;&amp;M\xa2I{$I\xb0Bu8\xd4\xf2H\xd5E-\xf7\xd5b\x9a"\x98\xb1\xf8\xe2r\xd8|\x87Y \x10\xf0A7\xef\xa4\xba\xda\xd8\xd4z3`\xa8\xdf\xd2\xef2\x92\x8e\xb7s\xd27\xc1\xe1M+f\x9f\xa0\xb4\x9e\xbc9\xfd\xf9d\xd6*\xf5R\x9d\xd5\xfb\xb2\x04\xccV7\x11.;\xc32\xef\xca\x93\xc4c\xf3\xdf#\xcc\x85\x00\x08\x97\x1c\x032q\xfa\xe4a\xc3\xf5\x05\x8bt\x95\xe9\x1c\x07&gt;\x81\xdd\x92?\xd0|T]B|\x96\xed\x12U\x1c\xb1.L\x8f\xa4\xd7\x84\xbb\xa4\xcd\x01r\xc4\xf24\x13.MD\xf8(?\x0bqc\xb2P#\x87\xc8\x1d\x99t\x1a#,f\xbf\x13\x80\xa9\xfc\xf4\x8bV\xf7\xba-\x85\x17\x08\x04\x8dP\x98w"\x99\xc2-\xeft3\xcc\xb4\x83\xb7E\x04\xb8\xa0g\xe9\x9d\x10\xac\xc6h\xc6O\x01\xa7G\xdb\x1c&lt;\x860\x02\x02 \\-&amp;\xb0\xd7\x8c!\t\xbd%?\xe1\xd2!z\xf7\xda\x03)\xd4\x15\xa1\xa54\xccr\x1e&gt;e\xda8\x88\x00*=\x0e\xf3\xb8E\xdd\xd1\n!\xf5\x82H\xa5\x07\x9fi\xa7 \x02&lt;\xae\x02\x95dG \xc0\x7f\'\x14\xae\xee\xe2\x82\xf8\xf1\xd7\xf2z\xf0\xbc\x05\xc3\xe5\xec\x9c\xe9S-),\xbd*\xb1MWX\xbd\x0e\xfc\xa6 \x05]q/\x8b\xb4IN_L\x9atU#\x0b\x04\x82\xed\x11O\x10\xa5Y\xdb\xa1\xc6\xe1\x82\x97[c9\xd3X\xd7\xe7Y\xc0\xbc\xc2U\xd9+\x83\xcfD\xf3}x-\xb9\x7fb\x10(\xb5\x84\x8e\xbf\\|\x14\xde\xe4yx\xaa\x83\xcc\xea\xcfA\x9c\xc6j\x8f\x0b\rg\xe1,%\xdaxhn\x03F\xb0\x98r&gt;\xd3\xb1\xb0\xb3\x19\xd5\x95\x82L\x8cB2\xe5\\\n3\xca\xcf\x16\xa8a\x04\xdb\xaa\x99\xe6\xf5\xd6\xb2\xc8\xa6\xbb\x8ft}\xd1\x04\x80\xe2\xee\x8b\xb1\x84\xd9\x02[\xb5\xc2\xeae\x88\xb0[E\x06\x1e\x16\t\x7f\x9f^\xa4\xe3\xc3\xad\xb6\xe2|F \x10l\x8a\xd4\x1c\xc1\'C\x92\x1e\x93\x8b\xef\xfa\x84\x7fK`\r\xd6P&gt;\xb7\xef\x0f\xac\xdf\xa7\x8d\xe0\xd9u\xc3\xbb\xba\x9bfa[\x86G\xd5\x90P\xaf\xf8\x0b\xc4\r\x82E9\x9e\xa1\xc9\x89\xff\xb5u\xff\x1d\t\x97\x88\xee\x86\xf1\xcd\xc2\'\x00\xe0\xa7j\xda\xad!\xf8B\x8e%\xdf\x10\x9c\x03;\xe5\xb1\xcd\x04\x00\xa7\x9cVNYg\xa2\xf3JjSu\x9bL\x02\x05\xbf\x85\xa3Q}\x9b \xfdh\xf5l\xed8\xa0\xd8\xad-Cex\xbfUM\xab3^\xd9\x97\x8e\x02\x81 \x1b\xf1\x0c\xc1\xcc\x08O&amp;\xd3\n\x91R\xc9[&gt;\xa1\x18=\xe2"\xa4Y+\'\x8bES$\xbb\x12K\xf8"\x837\x84+F\xaaMr\xd8U\xb5\x00\xbe%!\x0cr\x1e\xd1N\x8c\xb1\x0b\xcc\xb58\xf0P6\xec\xb3\xfc\xfebs\x10y@\xfd7#\xd8t/W\x8eO\xb6_6AH6D\xfcd\xb2\x11^]\x1c&lt;\xcc\xd8\xce\xaf_ [\x8e\xf4\x00x\x92u\xa5\xbf\xc6\xc51K\x82I\xfbSP \x10\xb4\x02+gW\xed\x15Rk\x94(\x90,\xec\xa9Vu\xee\x16\x84\xcd\xf7&lt;i\x0b\x96F\xddk#\xc0\xb9\xa3u[\xc2R?\xc3 \xa9\xac,\xb3\xffY]\xaa\xfc\xa2wa\xc7\xccH9=\xc6\xfc\xd1:I\xfbS4M\xa3\x8c\xa1\x1dZ\x05RE\xea\x15\x11u\x1c/W\x8eR*27\x83\xa6\xda\xf8\x13\x90m\xba\xf2[\x9b\x08\x19\x8am\xcf\xcc\x96]}[\xf1\r\x19.B\xab\xb3\xf6,\x91o\x19\x86#\x04\x02\xc1Nqv\xfcw\xfea\xd9\t\xac\x9cW\xbe\xf2\x91\x92wxI\x9f\xee\x05yuY\xfcs\xea\xa4U|\xadG\xe6\xedS\xf3,I\x8d\x18\x88\xac\xe0\xd6pY\x88h@\x80\x0fz\xc3&amp;\xe5\xb4I\x81l&amp;\xc7\xef\n\xf35\xca\xff\x02)\xb0_\x9e&gt;\xe2*\x05\xf1\x90\xc8\xf0\x1a\x93\xe3\xc4\xb4Ip\x96\x08g\xb4A\xbf`\x1b\tL\x86\xb6&amp;\xc9\xb7\xb8;\xa2&gt;Z[)\x00Wte\xd8&gt;$r0k\xb1;\xc9\x05\x02\x81\x17D\xaeD0^\xe7\x12_V\x0c\xa6\xef\xe2|aON^\xcb\x14\x89HUL\xa1\xd7\xcdq\xe9\x86\xba\x0c!pGy\xf9\xee\xce\x90(Q6\xad\xee\x9fG\xf4zk\x81\x9c\xe0\n\xc6\x8c\x81\xa2\xc8\xc9\x8c\xb1\xfc@\rF:{\xe6`^N\x14~%\xb0\xa2\x8e\xb0@\xd1\x84\xdfC\xedv\xc5\xf4ka\x90\xe15\xee\xf5@\xfc\xaf#\x99\xcd\xd55&amp;S\x12Cf:\xc2[\xebEE\xc2\xf3\xe6[n\xb1\x9e2\xb6\x0b\xd7Vf\x84w-\xbc@ \xe0\x81H[\x97B\x00|\x19\xd1\xa5E\xaa\xc2\x94\x1a\x9c\x8b\xffRWBD&lt;\x0b\x9d\x80\x88\x92\x9a\xf0$%\x03\xbf\x93\xbe\x13\xb2\x05~\x82P\xb3\xbb\x8c\x8c\xe4\x08\x83U\xd3\xf6`\x13\x84\x83$u\xff\x81"\xd5J\xdat\xa7\x87b\xdeC\xc4\xd5\xcb\xb8\xd1k\x1b\xe1\x08FZ@\xdb\t\x89[\x95m\xcf\xd1V\xaf/\xd3h\x12\xac\x88\x02\xaf(\x960\xca\x87\xd7\x985\xa8Y\x17\xebI\x1d\xe2\x1b]\xa5\xba\xc4f\x19\x9b\xd9x\x11~\x16\x1d\x8d\xc6\xba\x9b\x04\x89@ \xa8\x0e\xb2#\x04+\x8bR)\x83,\xe0\xcb\xe3\xf9#\x06_\xdf@JE\x95\tQ\x1a\x04{kH\xcd\x0eA)r&gt;\xb6\xe4gu-\xd3\x19\xbc\x1el\xc7$o\x06\x85\xab\x1d\xf6\xf8\x1b\xd7\xe3i\xbcnE\x04\r\xa3]\xbbz\xed\xaa\xa5x\xb0\xe4:\xdb\xa4\x0c\'\xd2\xf6\xa1lU\x12Z\x06\xc7\x82\xfciUl\x1b\xa5\x05\x88D]69\xebb\xb1\x9c,\xa6\x816b\x16\xf8\xfd\xa6\xf2\xd0\xe0\x06\xa4\xeb\x8b\x0e\xc3F \x10\x14\xc1\xdb\xbc\xcfo\xb5\xff\xc7G\x07\xd3\xe3\x1d\xb2s\xcd\xce\xe94\x15DD|\x1bAM\xeb\xc5-\xa5ha\x9el\x1aa\x17 \x15\xe1\n\xbfT\xe9T\xdfd\x8d\xf2p\xcf\xe2\xc8\xd40Qx`\x9f&amp;uq\x07\xfa2a\x93\x9b\x91\x05jx\xa7\x9a\xad~5Y\x1e\xa3\xbc\xad2\xffX\x14\xda\x1b\x9e\x88\x08\xf0\xbfD\xc94\xc1\x8c\xd5V\xe3\xee\x7f,K-\xec\x91\xdc\x82\xf7\x95\x84zA\x1b\xe1\xd8\xc11dQxT!R\xc2wn&amp;VP\xe9\xb7\xf4:+\x0b\xc8/i\xa9\xd3\\@\x81@\xb0"\x10N\xf65\xecW\x00\xe0\xdf\x12y\x80\x86\xdb]\xd1\xc5\xaa\xce\x01\n\x89h\xc2\xac\x90\xddj\xb1p\xb48}\n\xd9{\xe7Xo5\x0c\x82\xdd\xa7\xa6l\xf8x\x0f\xb5`\xf4\x1e#\xa2\x8d\xab\x9e\xb9\xaa\xd9\xdc\x14\x89\xf3L\x88\xc3\x1a\x11\x11\xef\xc7\xdd\xa8\xa4\xedc\xe5\x13\xc7\x92Q\xcaZF\xa2]\x10N_\x1c\x146\xfc\xcc\x8a\x81\x88\xb2\x1c\x11\r\xbfT\x9e\xd6\xc55\xda8\xe1%S\x18Z\xb5\xf5\x92\x0f\xdf\xb6\x11E\x04\x02\xc1N\xa1\xf5I\x91n\x89\xb1\xe3=\xe5\x0535|\xc0W\xec\x19e\x19$3\x19\x05\xf2\xf2\xdd\xf3dH]t$\xad\x94\x83\xa0\xd9\xf9\x14:\x1c\xf26\xe9c\xae\x10%\xb8\x89)\x10\x10\xe1\xe2\xbd\xb9 \xdc\xb2\xf4\xbb\x15&amp;\x00\x95\x1c\x9d\xdc\x04\n\x9ba,J\x89\xcd\xcf\xa8\x90\xd1\xe6\xec\xc9]\t\xf8\xf54\xc7\xfd\x12\xbd\x05\x91\x0c\xbf\xc0\xc1\x8b%1F\xb0\x0b\x12\xd4\xca\x9f-\x8f#A\xcb\xe3\xacza\x9f/"\x9c\x16\x99\x89M\xd7B\x8a\x90P\xb5e\x15\x08\x04\xf5\x81\x88\n\x01N\x887X~\xb6R\n\xb4\x0c\xe0\xad\xa7\x94\xc9t*h_\xe7\t\xc5\xad\xe5W\xc3\x14;\x895\x90\xfazD\x1a\x0b$\xb2\x0b\t@\x89\xb1\x1f8~\xd7\x15K\t\x86\x85\xe2P\x95\xe4\x94E\xb0\rL\x07\xb2\x05\xc3\x0e\xbc\xfcj\xc4\xeb\r\xbf\x15D\x1d\x02@r\xfb\xad\nD,l5\x83\x0f\x03\xc</t>
        </is>
      </c>
      <c r="E137" t="inlineStr">
        <is>
          <t>&lt;class 'numpy.ndarray'&gt;</t>
        </is>
      </c>
    </row>
    <row r="138">
      <c r="A138" s="1" t="n">
        <v>136</v>
      </c>
      <c r="B138" t="inlineStr">
        <is>
          <t>steps_per_sec</t>
        </is>
      </c>
      <c r="C138" t="n">
        <v>1600</v>
      </c>
      <c r="D138" t="inlineStr">
        <is>
          <t>2.6416254</t>
        </is>
      </c>
      <c r="E138" t="inlineStr">
        <is>
          <t>&lt;class 'numpy.ndarray'&gt;</t>
        </is>
      </c>
    </row>
    <row r="139">
      <c r="A139" s="1" t="n">
        <v>137</v>
      </c>
      <c r="B139" t="inlineStr">
        <is>
          <t>Loss/RPNLoss/localization_loss</t>
        </is>
      </c>
      <c r="C139" t="n">
        <v>1600</v>
      </c>
      <c r="D139" t="inlineStr">
        <is>
          <t>0.24963164</t>
        </is>
      </c>
      <c r="E139" t="inlineStr">
        <is>
          <t>&lt;class 'numpy.ndarray'&gt;</t>
        </is>
      </c>
    </row>
    <row r="140">
      <c r="A140" s="1" t="n">
        <v>138</v>
      </c>
      <c r="B140" t="inlineStr">
        <is>
          <t>Loss/RPNLoss/objectness_loss</t>
        </is>
      </c>
      <c r="C140" t="n">
        <v>1600</v>
      </c>
      <c r="D140" t="inlineStr">
        <is>
          <t>0.018574078</t>
        </is>
      </c>
      <c r="E140" t="inlineStr">
        <is>
          <t>&lt;class 'numpy.ndarray'&gt;</t>
        </is>
      </c>
    </row>
    <row r="141">
      <c r="A141" s="1" t="n">
        <v>139</v>
      </c>
      <c r="B141" t="inlineStr">
        <is>
          <t>Loss/BoxClassifierLoss/localization_loss</t>
        </is>
      </c>
      <c r="C141" t="n">
        <v>1600</v>
      </c>
      <c r="D141" t="inlineStr">
        <is>
          <t>0.27284554</t>
        </is>
      </c>
      <c r="E141" t="inlineStr">
        <is>
          <t>&lt;class 'numpy.ndarray'&gt;</t>
        </is>
      </c>
    </row>
    <row r="142">
      <c r="A142" s="1" t="n">
        <v>140</v>
      </c>
      <c r="B142" t="inlineStr">
        <is>
          <t>Loss/BoxClassifierLoss/classification_loss</t>
        </is>
      </c>
      <c r="C142" t="n">
        <v>1600</v>
      </c>
      <c r="D142" t="inlineStr">
        <is>
          <t>0.09252624</t>
        </is>
      </c>
      <c r="E142" t="inlineStr">
        <is>
          <t>&lt;class 'numpy.ndarray'&gt;</t>
        </is>
      </c>
    </row>
    <row r="143">
      <c r="A143" s="1" t="n">
        <v>141</v>
      </c>
      <c r="B143" t="inlineStr">
        <is>
          <t>Loss/regularization_loss</t>
        </is>
      </c>
      <c r="C143" t="n">
        <v>1600</v>
      </c>
      <c r="D143" t="inlineStr">
        <is>
          <t>0.0</t>
        </is>
      </c>
      <c r="E143" t="inlineStr">
        <is>
          <t>&lt;class 'numpy.ndarray'&gt;</t>
        </is>
      </c>
    </row>
    <row r="144">
      <c r="A144" s="1" t="n">
        <v>142</v>
      </c>
      <c r="B144" t="inlineStr">
        <is>
          <t>Loss/total_loss</t>
        </is>
      </c>
      <c r="C144" t="n">
        <v>1600</v>
      </c>
      <c r="D144" t="inlineStr">
        <is>
          <t>0.63357747</t>
        </is>
      </c>
      <c r="E144" t="inlineStr">
        <is>
          <t>&lt;class 'numpy.ndarray'&gt;</t>
        </is>
      </c>
    </row>
    <row r="145">
      <c r="A145" s="1" t="n">
        <v>143</v>
      </c>
      <c r="B145" t="inlineStr">
        <is>
          <t>learning_rate</t>
        </is>
      </c>
      <c r="C145" t="n">
        <v>1600</v>
      </c>
      <c r="D145" t="inlineStr">
        <is>
          <t>0.034666598</t>
        </is>
      </c>
      <c r="E145" t="inlineStr">
        <is>
          <t>&lt;class 'numpy.ndarray'&gt;</t>
        </is>
      </c>
    </row>
    <row r="146">
      <c r="A146" s="1" t="n">
        <v>144</v>
      </c>
      <c r="B146" t="inlineStr">
        <is>
          <t>train_input_images</t>
        </is>
      </c>
      <c r="C146" t="n">
        <v>1600</v>
      </c>
      <c r="D146" t="inlineStr">
        <is>
          <t>[b'1024' b'1024'
 b'\x89PNG\r\n\x1a\n\x00\x00\x00\rIHDR\x00\x00\x04\x00\x00\x00\x04\x00\x08\x02\x00\x00\x00\xf0\x7f\xbc\xd4\x00\x00 \x00IDATx\x9c\xed\xddw\xd8=O]\xd8\xfd\xd9\x9f`/(A\xecQ\x10EEQ\xb1\x801b\x8c&gt;\x91`\x01\x14\x8d!*\xa6X\x11\x15{\x895\xb1G\x83\x15Q\x135*jTl\xd1\xd8E\x11\xc5\xdeHP\xa3\x11\x91\x04D\x0cb\xc1\xca\xe7\xf9\xe3\x9c\xdd3\xbb;\xbd\xec\xcc\xee\xbe_\x17\xd7\x8f\xfb{\xee\xdd\x99\xd9\xd9\xd9\x99\xcf\xcc\xee\x9e[\xa93\x10I\xde\xb3d1B\xf2\x13\x91\xf4\xd2\xb6\x17\\\xf8\x1d\x1f#\x80\x0e\xed\xbd\xf3\x04\x00\x94\xc4\xa8\x00 \xc2F\xdd\xc5\xcf.r\xdd$\xd3#\x13\x11\xa5\xbe\xa3u)\x00\x00\x1d\xf8^\x91\xec\t\x00\x03s\x18fY\xd8\xbf\xa2\xeb\x05\xe1\xe9\xb0H\x01\x00\xe8\xce^G\xa6\xc8\xb1\\\x8c!lp"\xbem\x8e&gt;\xc0\x13\xc1\x00M\x9c\xe0\xd2c\x82\x04\x00\x85\xdd\x11\xb0\xcdP\xbd\x14\xd5\xc4\x14}P\x83a\xf3\xc1\xf4\xe1\x9a\x7fx\x1a\x86#?\x8c$\x12VOP\xfb\x9dQ\xa3K\xc7oN\xafs\xfcC\x04\x80\xbe\xf4\xd9\xef\xbe\xdc\x86y\x95\xac\x81q\x02P\xe2~\xc2N\x1cv\xc2\x93\x85:AI\\e\x00\x00t\xce\xfc\xa0Q\xb1\xd4C\'\x188\x00N4\x00\x00@\xf7\xc6\x9b\x00o\xb5\xfe\xb8M\x81\x8a\xd9{\xf9\x1b\xdb\x7f\x03@=uW\r\x00\x00@]\x87}\r\xe0\xa5\x8fxP\xdb9h\xab@\x11\xaf\xb0A\xdbh\xd2\xfc\xde\xa8E\xa6\x00\x00le\xdb\xf0\x8e\xa7\x80\xf6\x88\xb3\x86\xf3\xc8\xffvf\x00@\t\x9d?;\xbe\xd3\xa1b\xa7\xc5\x06\x80\x9a$\xe6\x1b\x11\xae;T(\xc6\x97\xf6&lt;\xea\x01\xc0\x16:_\x8f\xe9\xb9l@!\xf7ToB;?\x9e{\xb5.@\x88\xfe\x1b^\xf9\x12\x8a\xf0r\x05\x00 \xd8!f#\x078\x84C\x92\xd5\x0f\xd8\xb7\xe4\xee\xe2\xb2@\x1e\xbaL\x9e\xfb\xc7\xce[\xb57\xda9\x00`/^m\xd7\x83V\xd0\xd3\xb7\x87\x98\xe4\xec\x1a\xf5\x7fj\xd7\xc5\xe9\x88\xe7d\xde&gt;/\xc37\xcd\xdb\x1d\x00\x80\xa3\xdb}p\xbc\xf7\xf2\x03\xc7V\xf6\x81L\xaew\x00\x00\xf2\xed~\x02\x00\xe0\x1c:\x7f\xb9\x0b\x00\x00\x181x\x03H\x13\xfe\x04\xd1\x8b3O\x00\x00\x00h\xe3k\x89\xc3\xd0\xc0in\x14&lt;\xf7\x1c\x87\t\x00\x00v\xe4,q\x18\xd0\xc0\x9dy#\x02\x00\x00\xe0x\x88\xf0`6\x7f#\xa2\xeb\xbf}\t\x00\xb5\xdd\xd1\xba\x00\xc0\xceX\x16\xe9O\xf3\x10E\xc7D\x84\xa0n?\xde5`\x1bN\'\x00\x00\xe8\x82!(\x91\x88\xaflG\x152j]\x10\x04\xfb\xb0\xdc\x93\x15}\xd2\xdf\x9d\xe6\x01\x00\xdbb`\x06P\xcf\x18\x08\xfe\xd1\xf69+\xf5w\x9bgz\x0c\x99\x83\x82\xe8\x02w`\x96\x0e\x00J\xa9\xa1u\x01\x00\xa0\x88K`\xb7u\x9f&amp;"\xc3\xd0 \xdf\x93\x11c\r\xebq\xff0xN\xc1\xb4\xb1wK\x008&lt;\xde\x01\x00p\x0cC\x93(|\x18V\xf9\xb2\xcc\\\x9a\x88\xe7\x1er@H\xcf\x19\x01\x80\x1b\x16B\x00\xa0,\xf3r5\x9c\xec\x95\xa6\xc5\xfe\xab\xc5\xfb\xeb\xef\xc2\x16\xf59/\x00\x00t\x8e\x97F\x00\xa8\xdb\xa3\xfe\xce&gt;\xe1\xb3\xb6+\x0f\x00\x00\xa8\x84\xb7\xc6\x01\x8c\xe8\r\x00\x00\x07\xf7\xe7\xad\x0b\x00\x07\x02\x91#\xe3[b\x00\x00\x00\xf6F\xe4\x99\xd5n\x1d\x88\xc8\xabp_\xe2\xd86&lt;\xbf\xdc\xe3\x02\x00\x00\xe8\x1c\x7fd\n\x00\x00\x1c\x08\x91\r\xe0\xf7I&lt;\x1f\x02\x00\x00\x0e"hi\x93I\xc2q\x11\xd7\x06r\x7f\x0f\tu\xd8D\xb3;3\xe3\x0b\x03\xb5s\x7fL\xe5\xf4\x01\x00\xa74\xfe\x1du\xcf0\xe6\xfb\x166\x00\xe9DD\xa9G\xb6.\xc5.\xb5\x9a\x00\xbc\xd8-_:F\x00\xc0\x0e\x8ds\x00\xef\x06\x8cs8\xb3\xdf\x8e\xd98\xeeb\xe1\x12\xcb@\xa5\x1d\x06\xcbL\x00\x00\xe04\xbc\x93p\xe0\xac\xd2\xaf\x0b.+\x000\xba\xa3u\x01\x80\x03 \xc2\xe8\x0f\xb7S\x8ecH\xdb\x8d\xd0\x1f\x00l\xfc\x13\x00\xfa\xd0\rP\xc9;\x97\x18\xa0,\x92\x18\x86\x7f\x9e\x9f\x0e\xae\x06U\xe4\xbc`\xb7\xe8T\x01 \x1d\xf7O\x81\xdaD\xa9/$^\xe9\xdb\xf5\r\r\xfa\xc3\xbd\x90Q\xeb\x82\x00\x00\xd0\xd0+\xf3D\x04\x0ef\xcb\x08\x8f\xcb\x07\x00\x00\x00h\x8a%^\x1d\xf5\xc0\xd7\x07\x01\x00\xda\xe2\x9b\xec\x00l\xec\xd4}\x0eSA\x00\xc8A\xe4Z@\x9fCQ\x87E\x82\x03\x7f\x13\xc0g\x93\xfa\xe9\xf2Z\x86\t\xd7\x0b\x00DX|\x0b\xd0\xa0\x06\xbe7\xe3\x90\xe4\x04\xe7\xf5x\xc3\xff\tNZ\x16c\xfd\x14l\x06\xc7kQ\x076\x04_/\x9cV\x00PJ]\xd7\x1a\xdf\xa7u)\x8e\x84\x01\x06\x87r\x98Up\x11Q\xbf\x1ax,\xff\xa3nQ\x00\x00\x00\x00\xd4\xd6\xe7\xe3y\x00\x00\xb4\xc2\xa0\x08t\xe6\xde\\\x95\xc5Q\xa5\xc7\xf6\x1f[\x17\x00\x00v\xe4\x9bx}\n\xe8\xda~\xdf\t&gt;\xfc\x8a\xfb\xe1\x0f\x10\x00pL\xa5\x070\x86C\xa0\xb0\x9dN\x00vZl\x00\x00\xce\x891;\x04\xb5\x84\xcd\x1c\xbc\xb1\xb1\x8enC\xcd\x00\x006\xc2\x90\x03\x1c\xcd\xef\xf7uQ\x8f\xef\xe3\xf6U\xaa\xfe\xf0\xd62\x00\x00\xc0\xc6:\xfa\xde\x98\xccbtr\x14J\xa91\xfc\x17\xfb_\x1e\xec\xa5\xce[;p=\x94?\xb4o)\x9d \x00\x003\xa2\xfe\xf0\xb8\x033\xbaTm\x1eR$YY\xfd\xe0\xdaR4\xd6\xed\x0c\xbf\xedg2\xb6\x85\xc3\xde!\x11\t\x9fW\x8b\xc8\xb7\x9e\xe9\xa4\x03\xc06\xf8S\xa3i\x84\xaa\xc3\x8e\x88\xc8\xa0T\xfd\xbf\xf3-JBrY\xc6~\x83\xbe\x8b\x88(5\x0c\xc3\xb4\x91\xf6\xdbi\xb73\\}"2\xaf\x99\xe3\x88\xea?\xe9l\x01\xa0\xbc;Z\x17`\xa7\x18\x90\x90 e!SD\xd4\x93\xf2V@\xb3\x16P#\xf6\x15\t\xdaz]\x9c\xd9\x84`\x18\x86\xe1\xbd\xf5O\xb4\x9f\x87\xf1\x7fg0\x1c4\xfaW\x91g\xf0\xa8\x95\x00\x00\x00\x0ef\x16\xe4\x8aROWi\xcf\xf0&lt;\xae\xd4\x9b\xb2\xdb&lt;D\x11TT1Y\xa6\xe3\xfams\xff\xbdu\x01\x10\xe9\xa8\x0fS\x01\x00\x80\xce\xf5\x17\xc8\x163\xbe\xce\x1b\x10f=\xc8\x18\xfd\xcf\xd6\xfb}\xd3\x03\xe0*tz\xecj\x9f\xb4.\x00g\xe4\xb8\xbb\xca\x93\x97\xc0\x96\xf6|\xc5\x89\xa8a\x08&lt;\x04\xed\xe1\xfe\xeb\x9d\x12\xfdY\x97u\xb8\x7f\xdc\'a\x90KD\xc2\x9b\x87\x88\x0c\x83Z4\xd1\xa8\x14\x00\xe00\xeed\xff\x15}"\x800\xd7\x10*\xb6\xd3\xb8\x84^,\xc1vb\x7fS\xd0\xa8\xd8\x9d@\x1f\x00&amp;w\x1c\xf9{\xa6\x81=9Wt\xa2\x1d\xed\xa0?\xe7\xb3\x88\xd2\x08\xda6t\xc6\xaa\xa6\x81\x018\xa7;N\xd9\xe7\x17&amp;"J\xbdn\xebR\x00\xfb0\x0c\xc30\xb0\xec\xefW\xe8\xe5\x87/*\x91\x08\x00\x00X\xe0.\n\x02\xb8\xfe\xf0\xed\xd9\xcd\xaa\xa5\xde\xeb\xbf\xbbz\xa5xGE\xdd\xc6\xf7\x7f6\x15\x02\x00\x85\xb0\xfe\x0fl\xe4\x12\xcf\xf1\xc8\x81\xce\x1d\xe3V\xa8\xab\xfd=\xe6~z\xd3)\x13\x91\xf1\'\xa5\x94\xafy\xf0v/\x008\xd0?\x1e\x1e\x11\x0fz\xb7\x98\x06\xf4\x1d\xb7\xc9\xf8\xf7\x8e{.\xe4Q]\xdb\xc9\xf5K\xa7&lt;\xdfb\xe7\xde\x00\x00\x80#\xe3\xa6\xf9I\xc8\xa7\xed\xf6\x01\x89\x977\xfdA\x00\x00\x00\x00\x00V\xbb~^\x9c\xd0\x1f\x00\x80c\xdau\x80\xd2H\x89\x1a\xa3\xda\x8f\xc3}*\x7fe\x9bB@\x1dv\xc6\xd2\xe1A\xf5V\x1e\x00\x00j{J\x91\xc1\x8f\x11\xf4\x90\xd2Ok\x8b\xa9\xf8\xd1\x1a\xe11\x973\xe2\x0f\xea\xa0\x13!\x00\x00\xb6b\n)\x18YQ\xc1\xf6-\xed\x90\xe12\x98\x00\x00\x00P\x92\x88\xfa,\x86\xd5]\xdb\xdd\xe9\xfb\xb5\xd6\x05\x00\xaa\xda\xdd%\t\x008\x97\x86\x7f\x00\x881\x12@A]u)]\x15\x06\x00\x80\xc2L\x7fE\xd5;\xa9\xe09\r\x00GF\x17\x07\x00Ww\xb4.\x00\xca3G\xf2\xbe\xbf[\x14062|\x02\xd8/\xfe.\x18\x00\\\x1d`\x02\xf0\xe8\xd6\x05\xe8\x8c\xc8e\x94K\xf8K\xa5\xeeG\x8f\xb8C\x00(\xa5\x8e&lt;\x13\xe6"\x07\x00\xec\xc7\x9b\xb4.@WD)I\xfbF?\xbe\xd3\xe3\x0cDD\xa9\xcf\xa9\x9aC\xcd\xc4\x8f\xa1\xdb*\xca.\x18S\x08\x00@\t!\xc3I\xce\x90\xd3\xffpU8(\xb7-\xf3\x8b\x98\xde\x1c\xc0\x866\xad\xfc\x8a\x93=\xd1\xfe\x8bC\xe2\xe4\x02\x00\xf6\x8cxw\x8e\xdahi\xcb\xd6(\x92r\x9b\x08\x00\x00\x00\x00\x00\x00\x00\x00\xa0=nq$)zk\x88\xbb\xac\x00\x80\xa5\x98\xb1\xe1#*\x96c\x87\x18V\xd1\x1f\x9e\xfe\xc7\xc2\xfd\xc7\x9e\xea\x99\xc5\x93\xa6\x0f\x04\x80\xa3\xe3\xe5\xd4\xa5\xbe+\xa4\xe7\xb2\x01\xd8\\\x85\xfe\x8a/-\x00\x80\xddH\xee\xac\x9fP\xb2\x14G\xc0\xc8\x07\xe0\x9cD\x8b\xfe\xe9\x06\x01`\x07\xe8\xac\x0b\xfa\xc3\xd6\x05\x00\x80\xad\x89\xa6uY\x00`\xaf\x8e\xfa\xa7\xd1\xe5\xb8\x87\x86\xbd\xa3q\xe2$\xe4\xfa\x9f\xf8\xbfJ\xeeJt\x8c\xfb\x13\xfe\xd89\x00\x00\x00\x00\x00\x00\x00\xa0\xb0\xe7\xb7.\x00r\xf0\xa4\r\x00\x9c\x05=~o\x8a\x7f3\xf7\x11N1\x0f\x01\x07h^E\xbc\xac\t\x00\x00\x10\xa7\xca\xd7\xe7\x1d# c\x02\x80\x83j\xd4\xb0\xb9\xa0\x00\x00\xe8\x00\xe3\xb1\xc3A\xa61@7\xb8\xa0\x00\xe0\x14\xee\xd8"\x13V\x95P\x03\xcd\xaa\r\xea\xfd\xc0\xf8^\x1d\x00\x00\xd0\xb5J\x91h\xd9d\xb9M\x81\xc3p\xb7\xe4\xfboS\x06\x11)\xb8\xa8\xc4c\x84\x00\x00\x9c\rc?\xb0#\xe3\xdf\xffb\x02\x00\x00y6y\x04\x08\x95\xf0\xb70s&lt;\x8f\xca\x03\xf6d\xba`\xcb]\xb8t\x01\x00\x80\xbd\x11&amp;\x00\x19\xfe\xe2(_\x85\x04\x9c\xc6x\x07\xa0\xd0\x95K\x17\n\x00\xd8\xa5B\xa3\xd7\t\x87@y)\x06~\x00\x00\x80JXb\x01\x00\x00\x00:\xb1\xd9;\x00\xcc\x01\x80p\\/\x87\xc4i-\xf9\xfe.\x00 \xd9\x16\x13\x80aP|\xbd4\xa0\xd4\xff\x0c\xdbL\x8e\x12(6\x7f\xcb\xe2\xc5\x9b\xe6\x1e%\xaf\xa2\xeaF\xd5%\x13?H\xd3\x06\x00T\xc0\x18\x01xq\x99\x84\xeb\xb6\xae.s\xa4\xec\x17[w\xb3\xac\xde\xdbK\xb7]\x15\x06\x00\xb6\xd3\xe7\xd7\x80r\xbb\x00\xc8AX\xb3\xd0k\x97"\xaa\xcc\x97\xda\x0f\xbd\x1e\xe0\xd2\xd0\xbe\xa4"J}\xc7\xf8\x8f\xe6\xa5\x01\x80\xe3\xe9k\xa5\x07\xe8\xdb\xf2\x1b\t\xbd\x97\x8fu\x83\xce\x16Y\x0f\xecW\xb3\xe7Z\xc27Qn\x8d\xda\x06\x80\x9a\xeb\x1f\xd7A\xad\x83\x05\x9f\x14\x97\xd2\xef\xb4\xf0\xd8\x1b\x7f\x04\xe8k\x8a2\xbf\x96\x85\xa5\xcd\xd2\x0cU*"%^p\x92\xbb\x8az\x1e/Jm\x87\xab\x03\x00R\x1e\x01\x9aB\x15\xd7\xc2\xd5\xde\x17Y\x88\xfc\xb1\x01\t^\xffuot\xfd\xa5\xc8\xef\\\x7f\xf27\xdf\x82\x7fM\xe9\x04\x1c\x15\x95\xdbS\x88\xa8?Z\xa5\xc3=\x81\x9a\xe8\xdc\x01 e\x020\x88\x88R_\xe1\x0eHl\x01\xf4~\xeew\x0f,\xff\xa3&amp;\xc3\x85piq\xc3`\x8ePB\xae\x9d{\x04g?\x0c\xc3\xb6\x91\xd0.\xaez\x1bs]\xd5\xeb"\xe8|\x00\x00\x87"\xe1k\x9e\xc0\x86\xb6k\x93r\xf3[\xae{hf\t\xf9\xcd~~\xe3\xb2\x87\x19\x9e\xda=\x8b\xe6\x0b,0\xac\x00@\x04\xd6\x99\x96x\xfa\x1f\xf5,b\x14w3\xb3\x054Q\x8ds\xfe\x9c\xba\x88\x14l\xdb\xa1\x8f\x1b\x15\xc5\x03\xdc\x00\x00\xe4\xea\xf3k@\x97\xb6\\\xda\xe9!\xb8\xe0&amp;\xc9\xf1\xac\xcf\xa97\x10\x1fF\xe6\xa4\xbe4\xa4\x85\xfc\xfe0\xe8\xcb\xf4e\x1fl\xdb\xf8!\xa2)S\xa3m\xaf\x17.\xcf\x1e\x89R\x0f\x18/\xb4\xcfm]\x18\x00@&gt;\x11\xf5\xb5g\x1aq\xbb\x0e/\x98\x9c$\xc8|\x8cg\x99B`R?]\xf3\x89\xbb\xd3\xbeF\xcc\xfc&lt;L\x83*\xca\xbe\xca\x00\x00\x80\xcdc\x18\\\xe3\xcc\xe3\x92\xb7\xceO$&lt;\xcaq\x86\xe99\xe7QDD\xbdw\x91\x96\xb0\xaf\xe6$\xa7\x9d\xf9\x98\x98\xeb\xa1\xc4\xfb*I\xa5q]\x1a\x9c2\x008\x88\xf3t\xe8\xe79\xd2\x03\n\x0e\xd9=g\xd9|\x0b k\xa53{\x02@\xcb,O\x94zo\xf7\x06\xfd\xafp\xb7j\x1b,\xff\x03@\xcf\xfa\xeb\x9d\x190\xe0\x91\xdeB\xe6\xc1\xba,~w\xfd$(j\xb1M\x00\xb6n\xbd\x84Y6O\xd9\xa4N,5\xff\xe0\x9e\xba\xd6&amp;%\xf9=\x9a%\x00\xf4\xad\xd3&gt;\xba\xcfR\x15t\xf8\x03\xec\x925X\xd7\xc2\xe8\x908\xfe)\xb6{\x00\xdb\x9f\xd63O\x00\xdcG}\xce:\x01\x00\x9c\xcc\x81\x82\x803&lt;\xcf\xf07\x85\xd29|E\x95d\x0b\xd6c\xc3wk\xf8\xdf\xe2\x1alr\xe7\xa1\x0fO\xb6|~\xda\n\xb1\xa16\x00\xe0D"\xa2\x99\xaeF\x88VOSl\xeb\xd8G\xd7#[\xb0&gt;\xfb\xe4\xfa\xe1O\xc4&amp;\xd5p\x02\xa0\x94(\xf5\xd7y\xbb+\x1a\xe4\xa1\xe5\xbfa\x02\x00\xd8\x8b\xf8\xe5\xcc\xaa\xc5\tw\x82\xe8\x1f\r,#\xf5\xf1\x81\x9f\xd9\x87\xdf\xabO\x03B\x93\xea`\x02\x90\xb1s\xe2W\xc4\xfcXN\xa6(#\xec\xdc}\\\xdc)\x9e]\x02]\r\r\x00pH-\xff\xec\xd5\xd4\xc5k\x7f\xa9\xb4YY\x94RE\xffH*\xa0\xbb\xc53\x976\xb6\x8eo\x9cW\x81\'\x1c\xea\xe0\nJ\x10\xfb7}\xc7?&lt;,r9\xe0\xdb\x0f\xe5\x0b\xa6\xea\xd5\xa7\x9c\xe4o\x8d\xc7\x9d\x1d\xd9\xff\xdf\xa8\x06\x80=i\xf9\x97\x80/\x7f\xe4t\x18zx%x\xe8\xa0\x0cE$\x1e\x06\xebm6eo\r\r\x1f{M\xd5\xf8K{\x19&lt;\xc9\xee\xf0\xecI|\xa5^\xfe\xf0\xb0v\xac\x15c\xe8\xd0\x94\xb9p\xac\x86\xa7Dm](\xfa\xd7\xef\xb4qj\x00\xa0\xa5}\xf4\xc2\xdctFM""\xea\xd3\ro\x00\xcf_\x03\xb0\xee\xebV\xee\r\xd4\xff\xb0\xe1\x05{\x8c\xcb-\xfa(Zt5\xffg\xdb\xec\x1aj\xfb\\\x1c\x00\xec\x067I\xafDd\x9f\xcfQD\x89}\xe8\xa2\xd4\xbe0&lt;\x93 \xb3\xb5l\xc7\xf2\x7fh(s\xfc\xa7J\xaa\xa0a\x03\x00N\xa7\xe5#@\xa9\xd2\xff\x96\xaa\xc3\xa0\x94R\xdf\x9b\xbc{gl\xeb\xc19\x81N\x99\x1b\xf4%\x129\x9a\xa3G\xff\xf7\x99\xff\xb3\xb76\xb0e\xbdM\xb7kP\tu\x0b\x00{\x123(\x8a\xa8GW\xe8\xe5\x8fv\xcb\xf8UV\x9f\x1c\xec\x00wgY\xff!\xb1\xa0\xff\xe9\x9fVO;D~\xc7\x8b\xe5\xe7\xae\x15\xafd\xedy\xadr\xae\xcf\x8f\xed\xa6V\x01\x00=\xb8S\xeb\x02,\xbe\x0b(@\xa5\x07u\xfa]@M\xf3\xec\xd6\x05\x80N\xd6\xdf\x892\x0c\x83\xfd\xafJ\x8d\xfb\x04h\xd3r\x07\x15\xf3\xf0\xcc`\xf9y#i\x0f\xf8U\xfb~\x82\xa25\xb0\xfb\x8e\x8bG\xb0\x00\xe0\xa4\x9eU4\xb5\xcbb\xd8\xb7\x16M\xb3[\x07y\xd7\xed\x18Ga\x95\xba\x8a\xbc\xf9\xf2\x7fDR\x07?e7\xe7{\xa9\xf4\x19\x07\xbb\x9fp\xa4c\x01\x00@)\x95\x10\x87\xd5x\x08!\xcf\xe1\xa3\xaby\xb0\x1e\xfd\x97\xf26\x9c\x00D\xe8\xef\x94=\xb5J\xaa?\x99P\xc9\xbd\xd5L\x9c\xc3]\x8f\x05\xbf#\x0b\x00\x8e\xa3\xe2\xbdW\x11\xe9\xf8\xc5\xc4\x93\x92\xdb\x03W]\x9d\x9a\x83?\x06 a_\xf8s\xd9\xf6Z\x15"\x12\xf0\x14Jg\xe7\xf1\x80"\xfb1)\xfd\x07\xad\x02\x93*v\x05\x1d\xae\xdf\x96\xb1n\x8etP\x00\x90\xab\xfc\xb7\x00=\xbd\xd3\x10\x13J]\xff\xf8Z\xa9\xbf\xb9\x93h\xb5\xbeXbq\xae\xeb5\xcbY\xd9|\xf7\x01\x86\xe9\xff\x87\xe5\xae\xabM;\xbc\xc4\xae\'b\xba\xddQ}\xf1\xf5\xda\x9c\xbe\xa0\xd6\xad-w%\xaf\x1as\xd9\x8bk\xf8\xbd\xd0\x86\x9d\x90\xa9y\xa5\xbf\xc7F\x95eP\xc3@\xf4\x0f\x00\x98\x11\xcf\xdf`\xea\xdd\xf5~\xfd\xae\x0eA\x0b\r\xaf\x1f\xe4$V"\x91z\xa6\x18k\xf9\xdc\xceW[O\x99\xa8/m\xff\xf0Or\xe2\x8b\xe3-X\xa4\xb3\xaaW\x87&lt;\x18\x03\x00\xe7\xc5\xba\xc8\x8e\xc5&lt;X\xd2\x95\x82\x0f\xfc\xbc\xbcR/(\x94T\x15\xfa\x03\x15\xeb\x80x\xfc\x95\xfeg\xc2B\xc3\xe6\x843~IzWM\x05\xf5\xd4|\xeen\xfd\xa5W\x00\x80\x9e\xec\xf1\x0f\x81\xa1\xa1"\xab\x86\x97\xc8\xe0q\xd9\xe9\xa8\xce\xa3\xff\xe0\xaf\xf9\xbf|\x99{\xe8\xa2y\xf3\x87\xb8Z{\xcd\x8cF\xc8\xb2\xf7E\xe5J8u\xfb\x04\x80\x1d0t\xd3\xbd\xbe\'\n#\x19\xd7\xda\xe2N\xd6\xe1^\xf5k$r\xa53\xff\xa9\x98\x9c\xb3\xa6\xdd\x01\x10\xa5^O\xa9\xdf\xce,LE"5^\xdc\xa4\xd9\x03\x00\xa0\x1cw\x00\x18&amp;wbH\x88\xfeQL\xe4e2\x0c\xc30\xbcv\x9d\xa2\x04\xe6&gt;\x15\xb8\xe3\xe8_\xa9*/n\xf2N\xc2\xa9=\x87\x9b?\x000\x99\x86\xd8\xe3}\x0f\xe3\xf1\x8e\x08\x87\x92p7\xa0\xe8\xf7K\xaa\x84\x0bD\x92\xfe\xa4\xae%\x9d\xed/O\xfa\x843\xe3\xfb@\x01\xe0\xe6N\x97\xff\x13Q\xc3p\xb0\xd1\xf1H\xc7\x82\x032E\xc0\xaeIA\xeb\x9br\xa2\x1e\x7f\xfd\xff\xfck\xab\xd1\xb14\xc8t?\x0f\x1d\x1d\xac\xff_\x1b\x0e~|\x00\x90\xa0\xfe\x17\xf6q\xef\x15\x08R\xfb\x1b?\xc7\x04\xef\x95V\xaa\x82%QJ)\xf5\x93\xb6\x17sW_\x17\xdbD~\xee{\xe9\xfa\x8a\x97s/\x07\x0e\x00g\xb5\xc17v?AD)\xf9s\x9e\xc1=\x9e\x9d}\xdd\xfb\xb2\xa8c\x94\xd9\xab\xa8\xaf\x07\nJoJ-*\xc1V\xb1\xf8\x03\xba&gt;;\xb0\xe0\xaf@\x00\xc0\x0el\xd2Y3\x18\xa0C\xfb\x08SJ\\\xa1wW\xf3{\x0b\xb1\x05\xe0\x12Nu\xca\x95u\x11\xa5\xfed\xcb\xfc6\xcc\x0b\x00\x8eb\xff\xa3{H\xe1o\xdb\xfc\xfa\x1eb&gt; \xdb\xad\x9d\xff\xd2\xd8\xe6\xa7\xbf\xd4\xdb\xa2&lt;P\xd4|C\xdc\x97\x00\x00\x1816\xe08\xdeq\x16\xeb\xd0\xb6\x8dD\xed~\xf9\xe3\xcc$\xe6\xab]+\xbd\xc4\x02\x00\x00\xd0\x11=\xb4\x8d\n\x95\x80z\x8a\xb5\xc3\xe0{\xd7\xa2n\xcb\xff\\\x05\x00\xd0\x0bzd\xa0\x9e\xc5\xc3?\xcb\xcf\x0by\xaf\xa2\xa9\x15\xf1;\xad\x0b\xd0\xbd\xb7j\xd0\xf7\x16]\x83\x0fM\x8a\xb5\x7f\x00\xd8\x9e\xaf\xdb\xa5_F\x8f\x9em\xfap\x8f\xef\xca\x17I\xd3\x93H\xcd\x00\x8b\xfe\x01\x00\x80\xdd!\xbe\xc7\xd5\xa7\xb5.@\x90J\xdf\xbe\xbf\'r}db\xf1\x89s\x8f\x13W\xd7\x8e\xedqB\x0b\x00\x00P\xdc\xc9\xa3\x7f\xa5\xd7\xc0\xf4\x95A\x81\x13\x80w\x0e\xcc@)\xa5\xd4\x07\xe4\x94\x11%\xbcQ\xd5\xd4O}\x11\x01\xc0\xb1D\xbfD\xd5\xd3_\x18Xo\x19\xfb\xb7\x90\xc6\x9f\x18\xd8pd\xaf\x1e?\x05\x8a\xea\x19d\xfc\x0b\x0cg\xb8\x8eNr\x98\x00\x80\xfd\xbbg\xb9\x00\xb7}\xac|\x8d3\xce\xbd\xa6\x8b\xd3\x8bi\xff[\xfc\xdd_\x91m\xbe\x82\x93\xab\xbe\x8e\xfd\xcd\xdf\x18\x02\x00\xc0+\xb7\xa3,\xdf\xcff\xf7\xdd2\x06\x1c\xad0\xf6\xa0\x9a\xa2\r[\x96\x8f\x00\x85y\x9f\xb4E}\xfe0\xd9\x1e]\xce\xf5\xeb\xb6.F\x11\xb4=\x00\xe8\x986\x01\x90\xc5\xe7\xa1s\x83"S\x08\xa03\xc5\xdfXH{\r:q\xda`O\xcf\x91Q\xffA\xdb\xc1_#\xf9\x05yZ\xfa\xd1\xf5v\xfa\xba*\x0c\x00le\xab\x1b\xf1\xbe2x=\xd6\xfcu\xe6\xe3@{\xff]\x84\x05\'\xc0Y8\x88\xf8\xf8u\x8b\x97\xa7\xf7\xf3\xe7\x9c\xfa/\xa1\xc7\x91\'0\x00\x80\x1d\xaeT\xcdK;\xbb3P\xfc@\xf6U3\xed\x8d\xc1\xd9V\xf5V\xad\xe9\xee\xf0\xba\xa8\xa7r=\xbc\xc0\x98\xbe\xf1\xc3\x8f\xa9[\x12\xcc\xd0\xfe\x01\x00V\xcdW\xe3\n\xe6\xfe&gt;\xad\x8f\xe5\x00D\x99Cgo\xc5\xa6\xd4|\xbd\x18\x9d\t\x00PG\xe6\x90\xf1\xb4b\x05\x01\x00\xecW\xf5(\x8d\xf7\x86\xb3\x9d/\x98&gt;\xd5\xc1\x02\x00\x80\x9d\xb9\xa3u\x01\x1c\xe4\x15\x02\xbe\xb7g\x18\x86\xba\xa5\xc8M&gt;\'\x16\xac|h\x9bp\x84\xfe\xc7\x9d\x15\xec\xfa\xc4\x89R\x1f\x1f\xbc\xe5\x0e\x1c\xb7\x99\x15\x94_ET2\x00\xecI\xcf\x13\x80\xe1\xf9]\x8c*\xc6`\xae\x83r\xed\x8aq\x9eV}\xf2\xd6\xcc\xae\x9b\x87~R\xdc\x07\xd2\xf0\xf4E\xd4\xf0a[Y_\xf6W\xcb;y\x9b\x1c\x00\x00\xec\xc1\xce\x03\x8b\xfe\x0b\x7f\xb6\'\xcaP\xde\xf9\x9eK\x04\x00\x00q\xfa\x0f\x14\xfei\xb9\xa4v0\x01x\x98\x88R\x7f\xd0\xba\x18\xc7CL\x0c\x00\xe7\xf2\x8fZ\x17\xa0\xa2\xf5\x17\x87w&lt;\xc8u[0\x9cD\xff\xd1\xffd/\xe5&lt;\x12\xea\x1c\x00\xb0\x1b\xb2\xfa\x99a\xac\xb6\xa8\x1a\x16\xa5^\xb2VA\x10gq\xb1\xd4\xb8R\xb8\xfa\xf6\xaa\xe3\xa5\x13\x00\xc0\xb9=\xa6\xc1\x10\xc5\xa08\x93\xf4\xb7Z;\xa9Cs1v\x1e\xf7\xec\xba\xf0\xe8\x88\x88(\xf5\x15\xadK\x91o\xfa[%\xfeo\x99\x03\x00\xec@\x93\xf7\xbax\x99l!i\x02\x90\x92\x8f\xf6\xdf\xaa\xf9\xc4\x9c\xdf7\xec\xb0%\\\x8b\xb4\xd5\xab\xc9\xdfP?\x0b\xaf\x9c\xc3\xec\xf0\x0c\xf6\xe3\x10\x95#7\x079"\x00(d_}\xe2\xc6\x9d\xf82/m,i\xa6\xab\x91lU\x1bu*G\xc4\x94W\xac\xe7\x94*\x8e&amp;\xbe&lt;\x1b5\x9e"\xb9t\xd4\xd2l.\x97\xc3\x07&amp;\xd6j\xefG\x87L2\x9b\x00\x00\x00\xae\xb6\\\x17)\x94K\x0f\xe1o\xfb\t\xc0\xf5G\xa5~\xb9aI\xd4F\xb7D\xaeg\xbc\xc3Q&lt;\xbaH\xfd\x1d\xc2&gt;\xb8*\x8d\xa7;\xb6\xb4\xb3z~\n\x13\x00\x00\xa8g6\x8b\xa8\x1e\xa0w0\x01\xc0H\x02\xfe~s\xc9\xcc:\x1b\xc5\x93\x02\x8b\xbe\x0ea\x17\xc6J6U]gMb\xa1\xb7\x16\xbbg\x895\xc9\x04\x00\x00Bl\xf0W\xe2\xfb\xef\x88\x99ctB\x1e1\x7f\xbe\xa8YA6\xf2\xecq.\xbd\xb3#\xddt\x1e\xb83\xa2\xd4\x1b\xb5.\x83\xc3_\xb5.\x80\xd5[.\xae\x85\xd4\x06\xc6\x04\x00\x00L\x96\xdd\xe2\xba\x97\xf4n\x10\x9dev\n\xb5\xf1\x87\x87\xc2U\x8dV;\x0c\x85\xf3#]\xeb\xee]\xbd\xdda\xe2*9\x01\xd6\x8ah\xffC2QJ\xa9\xb7\xbcT\xe3\xe7%T&amp;\x13\x00\x00HS\xbc\xdf\xec\xa1#\x96\xd5\x7f\x91\xe2|#kN&lt;\xd7c{+\xf1\x08\xd36\xcb\xff\x04\xd3\x05\xed\xa8&amp;K\x94\xb3\xf7\xa95\x004 \xab\x1f*\xfb\x1f\x07xFhaw\x05\xee\xc4\xf6\xf5\xc6\x99Z+rO/*\x91\xe4o\xeci8\xdb4\xe6\xfbR\xe3/\xf7\xd5\xaed|d\xebDK\xe3\xe79R\x00\x08t\xfd" \xee\x93\xa6\xe1\xe9\xe7=\xe1L\xad\x14\xba\xe4\xc3\x13\xc9\xbb\x85R\xe7\x0cf\xde\x06\xd9_\xb7)3\xadKS\xd5\xf5\xe8\xc6#=\xf6\xc1\x02@\x92S\xc6\xb2\x05\x8f\xf7lU\x87\xd3\xaa\xf5\x16\x84o\xbf\x1e\xa2\xd5\xe6\x05H\xf0\xd1\xa6\x0f\x1fu\xd0\xafO]\xbf\xb4&amp;\x8a;\x00\x00\xe0\xb1u\x17\x19\x98]\xf1\x17\x91\xa7\x94\x8a\x8d\n"\xa2\xd4\x8bg\'\xf3\xb1\x05\x8a\xd2\xa3\xb7O{\xde\xe0\xd0\xc3\xf6\x06\x8f\xcd\xd4\xd0\xec\x8c\xb4[\xa1h\xfb\xf4\x11"\x9cr\x19\x0b\x00\xb2\x85\x0fr\xb6\xdb\xc7\x9b\x0c\x93\xef\x1c\xba\xa1\xff\x9eo\xdeM\xe1\xd9\xd7\x93\x97zYm#\xe5\xce\x94;\x9d\xcf\x9c\xb2K\xb8\x05\xdf\xef]\xfb\xac8#~.\xd4WL\x93\x7fR\xba:\x1c\xaf\xd8\xa9\xda\xbe\x8e\xcea\x7f\x07\xc2&lt;\r\x00R\x84\xc4[\xf3\xc7GW\xdbo\xd6\xff\xbe]HF5\xa3\x7f\xf5\x82\xf9+\xd4;\x1bx6\x1f)\x1f\xb9mvue\xde\x9a\xb8\x8bu\xdf\xd8\xcfc\xf5\xf1\n\xbe\x88R\xaf\xbbEF\xd8\x94\xb7\xbf\x05\x00t\xca\x1d\xc8\xca\xdavE+\xacT\xf9?\xfb\x92X\xde\x920v\'\xe2\\\xc743\xcb\x96\xdf\xbaY\xd3\xda\xdfT\x16\'v\x9f\x80\x8b\xeb\xe5\xb6(\x08\x00\x1c\x98!\xfc\xef:\xe4\xf5LfJ\xc7:1I\xbdD\xcf\xf5\xb6\x9d\xbe\xdbOA\xd9\x13\x00D{z\xeb\x02\x1cFwmr\xbc\xf3\xec\x1f\x83\xe6w\xaa_q\xb3\x12\x02\xc0\xbe\xc4=\xfc\xd3}\xf4\xb6\xe3\xb5\xcc\xee\xeb\xb6\xaa\xc2\xc7^\xa72\xeb\x9c\xa0n\xdfy8\x83\xea\x95\xbf\xd33\xdb_W\x7f9S\x91\x0f\xac~joG\x01\x00\x1b\xb2~!Z`@o}\xf4\xdf\xbeyJ1\xbb\x93s\x14\xd7}\x83+M\xc5\xd6\x9b\x1c\xedo\xfa\x94\x9f\x00\x8c5#J\xbd\xa8l\xe2\xa5\xd5~\x07\xa0^\x82\xf9\xfeE\xe3\xfc\xff9\xb3\xaf\xa5[\x87/\xa2\xd4\xfb\x16O\xbcv\x85\xefj\xc5\n\x00\xaa\xb1u\x855\xfb\xc7\x9a\x0f?\x84\xde\xfc\xcd\xf6\xe6\xe9\x89L\x83\\|L\x1f\x97\x05#\x9c\xcd|\x02\xd09\xde$Ag\xaau,a\xc9\xe6f\xadM`\x00\xe0\xdc\xcc\x91\xe2\xce\xc3G\xf3A=\xb5\xd4A\xe5M\x006\xa9\xd8\xbd\x9e\xbe\x8f\xda\xa8\xd8\x85\x96\x1b[UrP\xbe\xf6I\xe0&gt;\xdb\xc6\xd1\xfc\\\xeb\x02\xecN~\x07\x1e~\xbf\x1a\x00\x8e\xcd\xf1\x0c\xcf.#\xc8\xdawx\xdb\xd5\xc9\x0b\xf6x:\x12l9\x01\xf0l\x12\xf0\xab\xda\xa5}\xcbu\xd6Q\x0f\x8f\x05l\x90S\x0f\xc8\xe4\xad\xdb\x7f\xbf\xda\xe6wk\x95\xa5\xac\xb8\xeew\xbb\xab\x9e[\xa3\x00\xa0T\x7f\x1db\x89\x92\xdc\xbd\xc5AuT\x87(\'\xf9\x9c\x96j\x0c\xf3\x00\xdd6WO\xf6\xfe\x07\x8e\xfe\x9b\x9f\xbb\x12\xdeg\x9f\x0f\xab\xfcf\x9f\xfd!O\xff\x03\xc0\xd5a{\xc3-\xef\xf3^\x9e\xea9d56b\xa9\xc9\xc85\xc5\xa6\x8f{}T\x89\xac\x95\xda\xb6%\x1f\x0b\x95\xd6\x82+\xc2\xce}z\'2\x05\xf3mm.(\x00PQ\x8f\x13T\r\xa7\xf6\x1d=\xef\xe6\x8dRl&amp;\xb21\x18.\xc3\x1f)W\x18s\x96\x95\xd3\xc7\x19\xd5\\Q\xca\xbf\xa6\xaa\x16\x0f\x00v$\xa67\x1c\xa7\n\x197\xd6\xedy\xd1)\x13\x90\xa5*\xf8\xb0M9\xaf\x98\xf0\x8c\xbe\xd8\x7fU\x03\xed\xad\xb6C\xd6\xf0e\x08x\xed\xd6\xc5\x18\xb9\x06\x8eO^mK\xf4\x0f\x00#\xe7\x1d\x00\xfd\xf3\xb7Z?/\x14\xdb\x99\xd2\xff\x06hR?\xbb8)!\xad4&gt;\xd1\xa9M\x96l\x99\xfa\x8d\xb5\xd4h\xa9\xc5\x95\xb2\xd9WT\x9d\xc4\xbc\xc7;\xc4\x93\'\x9f.\x1d5\x92\xe8\x01\xe5\x10\xa7\x00\x00:p\xc2\xce\xd4}\x13#\xff!\xd7\xf9?\xfb\x19k{%"J=&amp;}\xe71\x86(=5\x15=\x83\x8c\x14\xb6\xb4\xf1\x1bA?\xb3UF\x99\x12+\xa4\xf1\xb3\xe6\xd5\xbe\xaa\xbf\xa7u\x9c\xb7\xc9N\xe1\xe9\x05J\x01\x00\'0\xc5\xa3\xe3\x7f\x7f\xa6\xf8\xea\xe9^\x15\x1f\xef\x1b\x8d\xb5\xdd\x9e\xca\x1a\x05\x13\xed]\xe1Z\x01S\x8ddkX\xb4\xb7:\xf1\xebto\xa4\x9f \xb2\x96\xb6\x07X)\xf7\xce&amp;\x00+\x9eF;\xff\x15o\x03\x0383So\xee\xee\x13?n\xdaf\xf6\xf8\xc4\x93\xbb\xe8I\x1b\x8eL5\x02\xa6\x8d\x0f\xa7\xa3\x9b\xfb\x1b\xaa\x1b\xd0l\xfb]\xb4\x99\xfb\xdf}=\x01(]~\x11\xd1\xa6\x01\x07\xd6\xfa\xe8N9\x01\x88iW\x87o\x81\x00`\xa7\xf5\xe6\xa2\x7f\x16\xda3\xde\x7f\x8c\x0f\xfe\xb0\xdf!!E\xda\x08w\xa4\x1a8\x93\xeb%P\xe7\xcf\xc6m\x1b\xe9\x16\xcd\xe8vc\xe4\xde%\x93\x1dSW\xea_\xe5\xed^[\xee\xbb%\xa5\xca\xd1\x99\xae\'\x00\x00\x80 \xeb~&lt;q\x81\xe7hC\x02\x83\x1ct\xc9A|\xa5VdO\xb3\xe8\xab\xcc\xbe\xa7)\xdcy\x85\xfcV\x94\xfa\xca\xe8r\xd5\xc7\xe5\xdf\x17\xce\x05\x00\xd4\xe6\x9c\x00\xb8\xa2\x81\x84\x95\xce\xaaCl^\xe2L\x00p\x93\xd3\x18\xc2v\xdc\xdd\xd3\x08\xcf\t(p\xe0\xeb\xf2\xa2\xfe]W\xd7\x9a&lt;\x82k\xbf\x90\x7f\\\xbb&amp;\x1f\xc8i\x02\x80R\x1c\x13\x80\xd2\xbdy\xe5 {\xdb\x95W\x1c\x9a\xbd\xa1\xe6\xc4\xee\x1b|;P\xed\x16\xbbN_\x7f\x85\xc0\xbc\xcd\xea\x81\xab\xde.\xab\x84\xf2\xf4v\x08]`\x19\x05\x00v%\xf1\xa9\xe5\x94\x87\xe6\xf77&lt;\x14(\xf0\x96\x87\xfc2\x1b\xe6\x858i\x8d?\xeeV\xdb\xec\xcf\x11\x94ox\xcb\xb5|\xe3\xaf\x9eg\x9a\x00,\x0byH=\xdf\xd8\x89\xbd\x81\xd3\xed\x81\x00\x00v\xc8\x1b\x03\xedj\r\xc9\xf6\xdcT\xe9\xa1\xf4\xc1\x99)\xeck\x0e\xd3D\xd5\xd0\xed\xc1\xe3\x0f\x1f\x98\xb4{D\xd9L\xb3\x85q&gt;P\xe4\xb2\x1a\xdf\x9f^_\xa7\xb7\xac\xef\xe7y\x19`?\x17\xf8\xa1l\xfbzz\x13\x1f\xd5\xba\x00\x00\xd0\xa9\xa1u\x01\xfcDd\x18\xd4~\x8a\xba.\xa7\xac\n\xbf\xfe$:\xab\x8c\x14\xf2sw\xa4\xac\x94\x1ajf\xb1\x85K&lt;:\x9e\xca\xe9\xa0vjY\xfe\xcb\x055\x85\xdc\xa6\x16\x1b\x99\xc1*|\xd7.\xd8}\xb7\x84\x8d\x88\xa8\xec\xb3\x00\x00@\xb8;\x94k\x89]\xd4\x97o\xb3&gt;\xe4\xcae\x18\x86\xfd\xc7\x10\x8b?6\xd9\xf6p\x9eQ-\xe5\xe9L\xed\xfb|\r\xc3\xa0\x85\xc5\xdd5\xbf\x02\xdfX\xfa\xe4BEQJ-\xab\xebRY\xc3\xec_q\xa2nn\xa4\xa5\xf9\r\xe1\xa5\xa9\x8d\xdb\x1f\x00\x80F\xec7\x827|\xfcf\xe3q\xb0\xb717\xa3&lt;\x1b\xdd\xc7\xb7\xbe\xd0\x89\xad\xc5\x04\xbe\x96\xc7&lt;\xa6\'v6{\x08Db\x1b\xaa\xe3\x1d\xe2\xe8\xbc\x17Y\x1f\xff\xd1\x17\xd8&lt;\xa1u\x01\x00\x00\x0b\'Y\x08\xfbu\xdb{\x02]c\x99r\x8f\xb4(?\xfa\xb7u\xca2\xbd\x8el\xf8\xf5\xfa\xb3\xdaeB\x0cQ\xff\xddqFj\xfe\x05q:\x1f\x00\xc0\xfe\xedr0c\x02\xb0O\xde\x1bk\x1f\xb6QA\xae\xd6\xdf\x10\xaal\x9f\xec\xf4J9\xa7\x13\xbcO\x0c\x00gs\x9e\xc8\xef\xb2B90\x92\xf5\xe0\xa1\xad\x0b\x80M\x19\xa7\x04{\x9ev\x9e\xa0\x1b\xa9|\x82\xe2\xdeu\x99=0\xa6\xefu\xf4\xb3\x00\x00-\x88R\xffh\xc3\xec^8~\xd9`\xbd&gt;\xbd\xf9\xd7k\x02\xb8\xe89\x86\xee\xb6`\x9b\xa9\xf1\x02\xc9,p\x8f\xe9\xe7\xff\x91\xef9\xb7O\xcd,\x19\x00\xc0-y&lt;\x08\xdaq\x83\t\x80\xe31\xe5\xf5\xc6z\xa9\x14\xf7\xc1\xe7\xf6\xbc|\x0b8p\x99\xef\xe6\xea\xae?d\x00\x00\xf6?.\xba\xdfS\\l\xbb\x9e\x00\x8cx|\x05\x99\xf6}\x1du\xec\'Z\x17\xc0\xaf\xec:\xc2\xc9W%\x98\x00\x00@u\xa6G6\xd7\xdd\xee\x1b\xfa"l\xa9\xfdhiM;-\xf6\xde\xed\xb7\xc1\x989\x0e\xc7\xf5W;h~%\xb5\xab\xcf_Y\xe4\xfbS9\x89\x9d|\x020\x8e&amp;\'\xae\x01\x00\xc8\x17\xb5\x9ab\x7f\x85kzZ\xc6\x95Kb\x11\x93\xf0\r$\xfbw\xa8\xf3en\xff"\x8e\x0bp\x9f\xcb\x9c\xb3\x02\x17:\x84\xda\x95@4\xb9S\xdc\n\x00\x80\x9b;b6\x8e\xee:-;\x0c\xea\xfa\xf7}\xad6\xfe\xcb\xab\xa6\xb2\xf4\xf5\xc7_\xe1\xd3\xd1\xf9\xca\x0f2\x8cW\x87\xb8~\xdb \xac\x19\x17V\xd3\xb3\x16\xd1\xd7\xa7K\x1dB\xa9\x96`(\xcf\x17K\xdc7\xd3\xa0C\xdc\x10\x00\x00\xa5\xc6\xdePD\xbe.`X\x8bZAI^n\xf1\xed\x15?\x0fa\xc4\xc6q\xd9n\x0bT^\xef\xfcTS \x95\x90\xdd\xad\xf0\xbbX\xa0\x15\x11\xa5\xde\xb6u)\x10m\x17\xad\x0b\x00\xb6\xa3=V\x10\xdb9\x86l\xff{\xeb\xcc\xa6\x1fK.\xc3\xd0\xb3c\xd72\x1a\xf04\x87_\x7f\xbei\xc4#\xa2\xd4\x07$\xed\'\xda!\xb8\x0b\xfc\xdci\xa7\x84\x8cpn\xf9\x93U\x008\x10-\xfa\xbf\xfd\x10\xb8kZ~\x15^\xd9\xe4\xae|\x0b\xcf\x8f\xa8\xf3\xc8\xa6\x85\x02\xca\xd5y\xe5\xb3\x161Q\x91\xd5\x0f;w\xee\x8b\xe2\xda&gt;\xff\xf2\xd4\x95\x00\x00m\xe8\xcb\x842\x17\x1eUG\xae5v~+\xb6m\xd9\xfa\xa9\x99\x90/B\r}\xbc\xea\xd2B\xde\xf5\xdc\xe1\xce\xe6DD\xd47W\x7ff\x0f\xe9\xce\xb3\x14\xf2\xdcu\xc1\xee&lt;NP\xe3\xca\x1c56\x01\x00l\xcc\xfdoP40\xc6s"\xb2\xfa\xea:\xe7n%\xbb\xef\xb4\x98\xb2\xdb\xf1\xa3\xa3\x82\x85\x9c&amp;\xa2\xc6\xcaj\xd4m\x91w\x066\xf8\xb2\x9d\xa3+}\xedt\x1c\x19;zio\x07\xbe|t\x87&gt;\x07\x00z\xb0\xcd\x83\x95\xf78E@\xb03U\xce\x08C\xbb\xe6\xcb\x94\x12\xa5&gt;\xa5l\xa2\xa9\xef\xfc4\xb4\xa3\xa2F\xda\xd3Y\xa8\xc4\xbc\xfcd\xdb\xf8\x8d\xb9\x8b\x08\x00]*\xdc5k#A\xadN_\xc6o \xf1m\x953\xf0\x1cr\xc4b\x02\xb0\x01\xbd\xd5\x15y\xa6\xff~\xb9%\xda\x0e-\xa1\x89\xf6\xd5\xae=\x1a\x94\xf8\xbdR\xe5\xcb\x04\x00(\xca\xdbS\xff\xed\x16\xa5\xf0\xc5\x9d{[1\xc5\xf1\xecn\xd9\xbe\xa0s\x1e\xf5\xc1DE\xf3\xa2\x94R\x7f\x1b\xbf\xcb\xe5\x07\xd7er\xda\x8b\x08\x006\xb2X\xad|G\xdbfc\x7f\xfdu\xdb\x14+I\xf31\xe3~\xa9\x8ba@\x96\xd6-\x1fG\x12\xdb\x89%\xbf\xd2`\xcd\xe8\xc4\xb3h\x00p*\xd79\xce\x16,\x9d\xddn\x91\x1c\xeb\xf5\xe9\x99)\xdfv\xcfxE/\xe7\xd9\x8fq/\x86=\xc4\x8b\xec\x10hc\xdb\x10\xcb\xcf\x95\xb2\xd8#\xf3\x1f\x84f\x02\x00\x00f\x05\xbfGb1\x01(\x92\xe6\xcem[\t\xef\xb2Mv\xbd\x9d\xd9\xde\xcas\x1c\xde\xf7d\x98d\xb6S\xf8\xdb\x84\xe8\xb1\x01\xe0l:\xe9\xf7;)\x86\xc1\xb7\xdf\x16\xe3c\x0b\xf9\xc1\xe5K\x83\x8el\xf0\x9ax\xe7\x91Y\xcfeC\x18\xff\x97D\xed\xed,\xbf\xc1\xde\n\x0c\x00\xdd\xd8\xec\x01t\xe9\xe3R4X\x00\x00 \x00IDAT\xffe\xc7\xf1i\x9c_\x8a/d\xbf\x07\x15hu\xc8\xbb?\xa2\x82j\x7f\x0b\xfb?\xe9\xfb\xba\xc0\x81D}1\x7fC\xef\xd6\xba\x00\x00pd\x12\xb0&amp;T&lt;\xcf~\xc6\x18\xdd\xacT\xb1\x15\xb2\xd3\xc7\xa9\x9d\x8fr\x15~\xf0\xa0`j\xd9\xa2\x0bS\xe2;:\x1b\xfa\x81\xcb\xffu&gt;\xfd\x0e\xb1\xf7\xf2#\xe4:\xba\xd7\xbe/7\x00\xe8\xc0\xb8r\xe9\xe8L\x9f\xc9\x98\x9a\xef\xff\xed\xb5\x0e\xa7\x88p\xf7\xa1\xe1q\xe5\x9f\x17Q/\x7f\xfd\x83\x18{?\xcb{/\xffQT=\x0bD\xff\x00P\x86w\x0epVR\xe4\xaf/]S\xcaOd\x91d\xe9\x04\xbd\xd9\xd1B\x8eJ\xa6\x07\xf0z9\xcb/\xbf(\xc6\xf7\xf7R0\x00\x00px\xdd.(v[0\xecSO\xcd\xc9p#\xa2\xa7\xe2\x1d\xdc\x96U\xfd\x051\x0f|\x86\xceN\xe5\xb6p\xe3\xdd\x9ev\x05\x00\xd8\x97\xaf:\xd6\xd0\xd5\xfe\xbbG\xbaY\xfc\xde\xd4\xcf\xb5\x98Iz\xab\xda\xf6\xdeQ\xda\x17p\xa1g\x11\x13\x80\x90G\xd4\xc4"\xb3\x94\x00pn%\xbaQ\xadG\xfe\x1f\xf9\xa9%\xe4\xbe}\xa6\x8d\x04\xae\x81u\xc2U\xd4}\x9c\xb5\xc7\xee\xa1\x90+\xfe/\xf8OJ\xd5\xb9\xa37 3=\x8ct\x0b\xe3vY\xcf\x85\x94=vcj\xdb?[\x18\xbae@@\xff\x07\xb6\t\xc0&gt;\xfa\x10\x00\xe8I\xe1~\xf3\xf2\xda\xf1\xadS\x0e\xbdW[\x15cC\x11\xafR\xf3!r\xceQA\xa1\x7fy \xeb\x8f\x1bd\x85\\\xcb}\x89\xe1\x94R\'\xbf\n\xe6\xd1\xbc\xb1*\xde\x93\t\x00\x00$\x9aw\x94\xfa(&gt;\xff&lt;w(\xfa\xf1\xa9\x1f\xaf\x195bS\x9c\xca]\x08\x0b\x86\xfa:\x95\xc4p\xa3f\xf5\x10|u\x97*\x9e%;\xf7\xe1\xcf\xa6\x07D\xff\x00\x10j\xd6WZ\xba\xcei\xe5\x1e.\xd3\xf4\xe6L\xc3\xcf3[\x17\x00\xc8\xd6\xf1&lt;\xb6\xe1\x92v\xcd\t\xc0w+\x11\xa5\xbe\xa4DR\x00\x80\x10)C\x9d6\x02}\xc7\x06\xcf{\xec|\x0c8Q\xf4\xdf\x8a\xab\x86\xf76\xfb\x8a\xbd\x1e/\xdb\xbfQ\xad\xe2X3=\xb2\xce\x178\xb4\t\xc0\xf3\xb7\xcf&lt;`\x93\xb4\xe9\x93q\xaf\xf2\x0f\xa0\xee\xadC\x00\x80Z\xfa]\xeb\xba\xa0\xbf\xde/\x11Q?T\xff\xf49\x03\x8e\xe2\xed\xa7\xb3\x06\xd9\xed+\x9b\xbb\xf6e\xad\x0b\xe0q\x9a@\xb6\xe41\xf28\x10\x00L\xa6G\xf0q\x02)\x83\xdf\x83*|\xf1\xc8.V\xf5\xcc\t\x9e&gt;\x808\xc0\xb1\x1f\xe0\x10\xaa;n;?\xe4A\x01@"\xfa\xc4\x9b\xce\xee\xfe\x8f\xe1\xf2\x07\x17(R\xca\xa0\xfe\xbb}\xc6\x01\x8bY\x84\xf9M\x15\xd7\xfe\xa1O)&lt;u\xbdc\x9d\n\xe9\xb0\x92u\xd7\xd7~\xca\xbc\xe4m\xae\xc0\xd7\xceM6,\xef\xe8\xab\xbb\xe3\xf7\x01\xaa9\xfcJ9\xaf\xb1\x01@MG\x1aB\x9a\xbc{\xe7\xcb\xce\xf5\xab\xf5\xcb\xdcI\x85?d\x1c\x90~P\x9b\xddj\xa8&amp;=\xbbK\xcc\xf4nq\x91\x93\xa1\xaa\x83\xeb\xf0[\xc3\xcb\x16^\x9a\xd8\xb0\xaf\xcc\x9cgg\xf6\x1e\x1f\xbbK.\x97y\xe0\x11{6\x00\xa8`\xe7CB\x11S\x0c\xddI=\x84N\x00\xc6\x0f\xd2\xc6\xbc\x82_\xea\xd7\x83\xbc\x08\xb8\xfcQlZ-\xd5Z\xaf-My\xe9\xee:\x8d\xe89p\x07e\xd8\xc6\xed\xab3\xbb-\xa1\x88(\xf5\xfd\xeem\x02\xbf\xaa\x88\t\x00\x00X\xcd\xbb\xc8\x9e\x07\x86\x8dT\xae\x81\x84\xb5\xc9\x88\xad\xe3\xca\x92\xc5\x94\xd7\xf7\xd7\x1aq#\x93\xdd\xe6\xa5dt\xa2\xc7s\xd1\xd9\x036\xcb\x95\x82&gt;+MM\xf5V\xa4\xea\xae\xa7\xe0q\x05\x92\x02\x80\xdd\n~\xc8DD\xa9\x1f\xccH\rg\xf0.\xdf\xd3Qp\xd3@\xeb\xd8\xee0\x95\x7f\x8c\x03Y\xc7\xd3\x87\x7f\xc2~\xa1\xdc\x91^\xa2\xff2\xb71\xcfv\x16\x00 K\xa9\xce\xb7\x06Y\xfdP$\xcd\x82\x0f\xc0$$\xf5*\x85r\xdf\x93\x8e\x9e\xb3\xba\x16#\xae0m\xa3\x8aY\xee\xc47F\xbf\xd3\xf65\x9e\xcd\x9aw\'g\xbfN1\xfe[`\xb2\xd6\xd7\x9fz\xe9d\x00`\xe7\xe2"\xa4\x9a\x9do\x91do/\x8ae,\x14\xe9s\x92\x94\x89\xd39\x17\xa8:\x9a\x00\x8cOE+\xf5y\x8d\x0b\x92\xa6\x97j\xac\xa7\xff\xa3kV\xc2\xd6\x17\xd1\'WM\xdd\xde7.\x1f[]\xf6\xe1"\xa6-\x01\x00\xd9\xe4\xb6nj\xfe\xad\xa1S\xaeR\x86\xdc\x14\xf2\xcay\xe6w\xa6\xff\xa8u\x01`\xb4\xc7\xf9\xc0\xee\n\x9c\xef\x84\x87\\\xcc\x0b\xe6\xdf~Fe\x02\x80A\x93\xfe1a}\xb7\xd8\x8b_\xd1\xf4\xe8\xbf\xc0\x8c\xc2\xf5\xeb\xbf:\xc6@%{\xb9q1\x9f\xda=i\x83\xcc\xeaf\x11d\x7f\x93\xd2&gt;\xeam\xa7NYuc\x83\xe1\x11\x7f\x00\xb0\x8a\xec"\x9b\xde\xcbn\xd6\x95\x17\x1aE\xfcU}\x9c\xb1j\'\x0bo\xdb\xbd\x05\xd8M,\xb2\x8b\xf3\xb2\xa0O\xbf\x1d\x0fs\xf7\xa6bU\x8b\x88R\xf7\xf55*K\x01\xaa\xd7U/m\xac\x9b\x8b\x0e\x00:t\xc6\xfe1\xe4\x90\xcf\xf3~^\xb2\xdfr6\x9e\x82oN\xefQl\xb1Cc\xa6\x12\x01\xcd\xfb+%\xea\x93B\x9e\x9f\xee\x91\x88(\xf5\x98\xc5\'\x87\x8e\xf3&lt;\xcfR\xc6\xa5\xb5E]\x1d\xf8\\\x00\x00v+d\xfck\x11O0jZ|\xf2Nk\xe6\x12i}p\xc8v\xe1i\xbern\xcb\x14\xa5\xbe\xbb\x9f5\xda|\xab\x88\xf6 \xc7\xa5\x94\xfa#\x91\xff\xe5~Z\xf2\xdb\xa3\x1f\xa4&lt;\xfad\t\x00\x10\xa6\xc6`\xd0\xf9\x18c)[\xa9\x02\xbfv\xa1t\xb0{\x89/\x8e\x17h\x8a\xd6\x14\x1a]\x98\x153\xd5_(j\xfa\xa0`y\xc5O\x966\x018N-\x01\x00R\xd4\x18\x0cz\x8e\xfe-\n\xceX\xe4\x92^\xa1\xd4\xd0L\xa38I\xc6(6\'\xeb\x0e\x9b_Bh\x1e\xb8\xfd\x9f\x8fA\xed7\x13\xda\xbai\xd1\xff\x01+\x8a\xb3\x0f\x00\x11v\x18\xacW\x90\xb1p\xb8\xaa\xc0\xef\xcb/\x8e\xdf\xe7\xd68k]\xdf\xb7q\xa8V\xec6\xb5\x91y\x03\xad\xed\xfd\xb7W\xb3.0\xc7\x96**\x98\x13\xed\x87]\xb6\xe1\xadLgA\x94\xfa\xd3\xc6e)jus\x83\x96\x00\x00\x15\x04\x07\x19\r\xbb\xe0\x1f\t\xdc\xce\xfc\x8d"\x81\xc1\xca\xac\x1eN1\xdet9IhP\xa4.\xebA)\xa5*\xfe\xe5\xaf7\xf2&amp;\xebz\xc2\xa4\xdf\x1a;\x91R\xa7\xe0\x8b\x0b\xa5c\x94R\xc8\xf9\x04\xe0\x98\xb78\x00`gv\xf7`nD\xa4\xa2M\x00Nr\x03\xfa$\x87\xe9\xd5M8\x9b_\x8c/\x0c\x89\x96\xc2\x9e\x1dw\xbf\x8f\xdbI\x8d\xa1\xf3\x13\xf1_\x92\xf6\x12\xdd\xbeF\x1c\x00\xe8\xcbm\xc8\xcf\x8a\xf9N\xf2\xceY\xebc\xe4\xfb=\xaa\xb8K\xeb\x02x\xe56\xbc\xe0\xcbSD\xe4\x87\xa2\x1f\xe3A\x94\xdb\xed\xc4:\xd7\xf2\xc1\xcf\xc84\x01\xf8,zB\x00\xc8&amp;9\xa3\xd1#\xedQ\xe9\x19\xa2\xd5\xecct\xbfR\xac\xadx-\x16\xc06+\xa4\x88R\x7f\x99\xbe\xfb\xa6Z}\'O\xc5\xecj\xce\xfa\x96\x0f\xd6\x9fc&amp;\x1f\xaf\xfc\xdc;\xff-pC\x9a\xc7[ \xf8\xab-\xfe\x0e\t\x00 \xce\xbf\x1d\x7f\xa0#\xae\xe2e\\7\xbb\x17\x93\x01\xcf)\xf8\xbb\xb3\x8c\xa3\x9d\x1f\xcbt\xb7-a\xc7\x9b\xf7*\x1f\xe7\xddc\xcc\xa7\xf3\nl\xc4~\x19f\xa6\x9b\xb7\xfb*\xb9\xf4I\xc5\x9d\xca\x96\x04\x00\xd0\xdcP)]\x11\x19\x86\xb4\xf4\xa5^\xa9\x92]"\xaaa\xe8\xa2`ca\x94\xbb\xa2\x16Q`\x85\xc2\xf7x\xa6\x9cD\xc9\xb5\xe2\xae\xff\xec\xaa\xfc"j\x18\xf2K\xd5U[=\x87\xcb\x85F\x85\x03\x00v\xe3\x8eJ\xe9\x0e\xc3\xc7+5(\xf5\xdd5\x12\xdf\xfeFv\x97\xe1\x94\xa7H\x8b2\x17x1n\xb9{\x87u\x12%\xa7\xfc\x15Z`\xb96\xd6es=.Qim\xe9`\x0f\xe4\x00\x00\x90\xe3C\x02\xb6I\x188\xfd\xdf[w\xbcgd\xd5\xe2a\xa0\xbc\x07\x8by\x04\xfc\xea\xeb\xfa\xae\x84\xc2m\xb8\x87\x83-\xdb\xf0\x8a\x1f\x91m\x99\xc3\xfd\x02\xcf\xb1Mo\x8e\x9d\xf3\xf0\x01\x00+\xd3\x1b\xab\xad\x0b\xb2\xb4\x9c\x00t\xfa-\x1c\xd1)\xac\xe6\x00\x9b\xe6\x1e\x96\xea6\x8d\xe1\x9d\xf2\x93(p#\xa5\xa6\xddNb]e.{P\xfd\x9f\xc1\x88M\xcd/\x1e,\xdf\xde\xae\xc4{^DD\xa9\xbf\xa8W\x80\x10\xbb\xbd"\x00\xa0.\xe3\xdb]\x1b&lt;\x1b\xdd\xe3C\n\xcb2U)a\xd6c\'\x97\x81,\xb3\xeaD$\xa3\xf6\x87\xa4D\xda?$\x1d\xfdd\xbc\x88\x98\xb6\x9f}r}j\xbf/\xa5K\xb4\xcd\x9b\x12\xdbUc\xea\xbbI\x1b\to\xa2\x97\x8b\xcap%NgL?u\x85\xdbjP\xab\xc8\xee\xe5s\xfb\rB\x7f\x00\xb01\xbe\x03`\xebp;\xbf\x11_\\_Q\xc2\x18\xfd\xf7U\xaa\x00\x01\xb1B\xdd\x83\x8am\xb7\xa1k\x86\x96m~6&amp;\xaf\xc2\x86a(\xddn\xdb\xb7\xb7\xa1p\xb3o\x7fD\x05\xadjf\xb8]Mzc(|\x89mQ\x87\xd7[5_|\x9d\xe9x\xb65&lt;nt\xfd\xb2\x84\xe5\xfc\xe8\xf6\xadM\xfd\x8fA\x00\xd0\x86\xb9K\xcdM\xf4\xd2\xf9n\xbb6\xa3\xdd\x08\x16\xa5~s\xcb\xac\x0b1&gt;\xc0c\xad\xc3ic1)[\xb0\xbc\r\xfewX"\xb9"\x0e|\xb6\xa5\'\xec0\xee\x1cU.\xa5~:f\xfb\x02\xc2J\xf8\x8a\x99\x99\xe4\xed\xdeaF\xd8\x98\xfe\xda\x92\xff\t\xb1\xeb\xc6\xdf!\xda\x9f%\x11\xf5"1\xf5\x9cz\xca\x00\x00\x83\xe3\xf4\x8fc\x8f\xff\xf3JD\xa9\xa7\xb4.N\xb4u\xec\xee\x88ho\x1b\x1b\xc3\xff\xc2\xb3\xaf\xe6oJ\xbc\xc9\xa2\x1e,\xd5\xf2\x0fJ\x17\xd5\x90Zl`Qa&gt;\x16\x94k\xc0&amp;\xc7\xb9\xf6\x83\xad\x0f\xf9\xfe\rJ\xe1\xa1\x17\xf27\xb2\x03\xd9&amp;g9hn\x19\xb8ZaZ\xdd\x10\xe3\xafrK\r\x00\xd8c\x7f\xaa\x05\xbe\xd5J\xfe\xbc\xea\xef\xdbM\xc3\x9bg`\xfbiK\xe0\xdf\xe3Xh\x0e\xa3\xfb\x9f|\x9a\xab1\xb2z\xb5\xd3\xd1\xd9\xf1\xbeJg\xe5\xa9\xe8\x89J)\xa5~\xb6\xc4\xfd\x1c\x87O.\x94\xceMv\xf4\xaf\xe6\xfb&gt;\'\xb7@E\x85vVw\xb3vnS\x9f\xbf\x8b\xfe\x04\x00v\xe1]\x02\xe3\xc8~b\xcd\x12\x83\xa5?\x0b\xfd_\xa5\xd3\x8e\x8b\xe6\xf73\x010\xc8(a\xf6\xa1\xdd\x1e9\xf0=\xfcc.d\xda\x04@D\xe4k\xba?/\x87\xe6\xb8\x9fS \xf1\xe2\x9dO\x91\xe8_f7\x03\xf7\xdd\xfc\xd6\x15\xb2\xa3\x1e\x0f\x00\xf6eg\xcb*\xcea\xe0\xff\xe4\xddF\x97U\xfae+\'%\x94/:\x07\xf0\xed\x12\x1a\x8b\x04\xe5\xdbr\xc0\x16\xb9K\xf5\xa0a\xfd\x1cW\xf9\x00\x11\xf9\xca\xb5\x81\x90\xe6\xf4\x8fc\x12\xfc\x85y\xec\x9e\xe8\xd8\xc1\xf1\xb1\x8f\x0e\x006`\xedFgQ\x8b\xa1\xb7\r\\L\xddH`\xb8&lt;\xfd;*\xed\xd5\xe1\x97_\xedK\x88\xfe\xd3f\x0e&amp;\x97\xe7\xec\x1f\x9as\x14J\xa9\x90\xbf\xf2\xd6b\xd8\x9eE\xe4\xea\xf67\x8c\x94R\xbf\x97\x9cT\x80{\x8da\\\xd7\xdfL\x8fl\xfe&amp;\x1d?\x03&lt;P\x83\xd1\'3/U\xec\x96\x0b\x93j\x00\xc8\x15\x18\x90E\xc6m\x95zg[\x9a\x8e1\xf8\xf6T\xfd|c\xf33\x1e\xea_\xcbz\xf9m\xb5\xfd7\xc4\x94\xd9\xc3\x1a\xc4\x87=\x85\x95\x1d\xfdo\xa8A\tg\xe7z1k\x</t>
        </is>
      </c>
      <c r="E146" t="inlineStr">
        <is>
          <t>&lt;class 'numpy.ndarray'&gt;</t>
        </is>
      </c>
    </row>
    <row r="147">
      <c r="A147" s="1" t="n">
        <v>145</v>
      </c>
      <c r="B147" t="inlineStr">
        <is>
          <t>steps_per_sec</t>
        </is>
      </c>
      <c r="C147" t="n">
        <v>1700</v>
      </c>
      <c r="D147" t="inlineStr">
        <is>
          <t>2.6213179</t>
        </is>
      </c>
      <c r="E147" t="inlineStr">
        <is>
          <t>&lt;class 'numpy.ndarray'&gt;</t>
        </is>
      </c>
    </row>
    <row r="148">
      <c r="A148" s="1" t="n">
        <v>146</v>
      </c>
      <c r="B148" t="inlineStr">
        <is>
          <t>Loss/RPNLoss/localization_loss</t>
        </is>
      </c>
      <c r="C148" t="n">
        <v>1700</v>
      </c>
      <c r="D148" t="inlineStr">
        <is>
          <t>0.28546983</t>
        </is>
      </c>
      <c r="E148" t="inlineStr">
        <is>
          <t>&lt;class 'numpy.ndarray'&gt;</t>
        </is>
      </c>
    </row>
    <row r="149">
      <c r="A149" s="1" t="n">
        <v>147</v>
      </c>
      <c r="B149" t="inlineStr">
        <is>
          <t>Loss/RPNLoss/objectness_loss</t>
        </is>
      </c>
      <c r="C149" t="n">
        <v>1700</v>
      </c>
      <c r="D149" t="inlineStr">
        <is>
          <t>0.015554267</t>
        </is>
      </c>
      <c r="E149" t="inlineStr">
        <is>
          <t>&lt;class 'numpy.ndarray'&gt;</t>
        </is>
      </c>
    </row>
    <row r="150">
      <c r="A150" s="1" t="n">
        <v>148</v>
      </c>
      <c r="B150" t="inlineStr">
        <is>
          <t>Loss/BoxClassifierLoss/localization_loss</t>
        </is>
      </c>
      <c r="C150" t="n">
        <v>1700</v>
      </c>
      <c r="D150" t="inlineStr">
        <is>
          <t>0.20348054</t>
        </is>
      </c>
      <c r="E150" t="inlineStr">
        <is>
          <t>&lt;class 'numpy.ndarray'&gt;</t>
        </is>
      </c>
    </row>
    <row r="151">
      <c r="A151" s="1" t="n">
        <v>149</v>
      </c>
      <c r="B151" t="inlineStr">
        <is>
          <t>Loss/BoxClassifierLoss/classification_loss</t>
        </is>
      </c>
      <c r="C151" t="n">
        <v>1700</v>
      </c>
      <c r="D151" t="inlineStr">
        <is>
          <t>0.115608305</t>
        </is>
      </c>
      <c r="E151" t="inlineStr">
        <is>
          <t>&lt;class 'numpy.ndarray'&gt;</t>
        </is>
      </c>
    </row>
    <row r="152">
      <c r="A152" s="1" t="n">
        <v>150</v>
      </c>
      <c r="B152" t="inlineStr">
        <is>
          <t>Loss/regularization_loss</t>
        </is>
      </c>
      <c r="C152" t="n">
        <v>1700</v>
      </c>
      <c r="D152" t="inlineStr">
        <is>
          <t>0.0</t>
        </is>
      </c>
      <c r="E152" t="inlineStr">
        <is>
          <t>&lt;class 'numpy.ndarray'&gt;</t>
        </is>
      </c>
    </row>
    <row r="153">
      <c r="A153" s="1" t="n">
        <v>151</v>
      </c>
      <c r="B153" t="inlineStr">
        <is>
          <t>Loss/total_loss</t>
        </is>
      </c>
      <c r="C153" t="n">
        <v>1700</v>
      </c>
      <c r="D153" t="inlineStr">
        <is>
          <t>0.62011296</t>
        </is>
      </c>
      <c r="E153" t="inlineStr">
        <is>
          <t>&lt;class 'numpy.ndarray'&gt;</t>
        </is>
      </c>
    </row>
    <row r="154">
      <c r="A154" s="1" t="n">
        <v>152</v>
      </c>
      <c r="B154" t="inlineStr">
        <is>
          <t>learning_rate</t>
        </is>
      </c>
      <c r="C154" t="n">
        <v>1700</v>
      </c>
      <c r="D154" t="inlineStr">
        <is>
          <t>0.03599995</t>
        </is>
      </c>
      <c r="E154" t="inlineStr">
        <is>
          <t>&lt;class 'numpy.ndarray'&gt;</t>
        </is>
      </c>
    </row>
    <row r="155">
      <c r="A155" s="1" t="n">
        <v>153</v>
      </c>
      <c r="B155" t="inlineStr">
        <is>
          <t>train_input_images</t>
        </is>
      </c>
      <c r="C155" t="n">
        <v>1700</v>
      </c>
      <c r="D155" t="inlineStr">
        <is>
          <t>[b'1024' b'1024'
 b'\x89PNG\r\n\x1a\n\x00\x00\x00\rIHDR\x00\x00\x04\x00\x00\x00\x04\x00\x08\x02\x00\x00\x00\xf0\x7f\xbc\xd4\x00\x00 \x00IDATx\x9c\xec\xbdy\xfc\xbe_5\xef\xbf\xf6\xb7\xaf"$dHE:\n\xfd2E\xe5\xa8c\x8c\xccCd\xccip\xcc\xc9\x91\xf988J\xc7\xd4!C2\x941B\x92\x0c\x992\x1c!\xb3r\xcc\x19\xea(B\x0e24a\xfd\xfe\xb8\xa6=\xef\xb5\xa7\xeb\xda\xd7}\xbf\x9e\x8f\xfa~\xee\xf7u\xef\xbd\xd6\xdakOk\xefk_\xd7M\x0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W\t\x9b\x10q[\x81\xccL\xb3\xe4#x\xe7\xb5\\Y\x18\xe9\xdd\x12i\x8e\x9a&gt;\xe8\xd7cb\x83\xc9\x1c\xcf;)g7\xbe\xc3\x9cRZ\xa2?\xf4\x1a?\x8b\xf5\x96+lt\xd0\t\x9e\xf4\xf4\xe5!\x0b\xd3\x1a#\x19\xbc\x96\xdb\x7fn.b2\x92\xc9\xcb\xe57\xc2\xcd\x1b\xb2\xf9\xbb5\x1b\xb6\xc4\x0f\x8d\x15\xd6\xf4g\x97\xfe\x12\xb79\xc3\x1b)Q^i\xa1\x84\xf1\xee6]\xf8\x1d\x7f\xf6\'G\x0c\x10Z\x15.u]\x15\xbc\x9d \xfb\xdcV?\xb5J\xd1n\xa4\xda\xfcU\x01W\x00\x00N\x8fl\x92N\xc8\x88\x08\xac\x16\xbe\xaa`W\xb4 \xe3\x07\x9a\x89E\xf3\xfa\xd7\n\x82\xc5E\xd4#\x88\x98\xe8\xb6\xcb\x9f_\xe8\x11\xf7\x991\x87\xd8W&amp;\xd5\xd6\xc5\x1f\xad\xf2\xa4\xdf\xf8\xa0I\x19\x81\xb2mL\xdc\xc2\xe9\xfa\x9fG%\xa4\x8c\x9f\xcc\xb3.\xfe\x94\xd7\xaa\xb8\xa9\x99\r\xd5\xbc.J\x1c\x14.\x08.\xa7\x94\x1fe,f6\xc1\xf1\xecI\xab(\xe8p\xa97"Z"\x82\xdcd\xafi|\xeb\xa9\xd9\xb8\x84\xb8\r\x19%\x94\xa9\xcb\'!\xe1\x87\xb5VZ\xad+\x93\xfc\x15\x8eUS\x92\x1c\x05vU\xb3\x93\xd2\xfaF\xa2\x1aZ\x03\x00\x00\x05\xe8C\x98RT8.1O\x99-\x81\x16Je\x0bO\x8e\xb0J\xcd\xf1LD83+"\xca\xd0\xce\xad\xc6\xe7&amp;S\xbbr\xa6\xb5\xdc\x9a2kY\xc5\r\xb3&lt;\x19J\xb9z&gt;)A\x17\xb4V\x84%6T}N2[\xa9\xb78J\x11\xd1\x1b\x10\xfd\x85\'\xf1\xd2\\\xdc\\Ic\xbcVi\x89y\xea\x07\xeb\x97J\x11q\xa8\xee"m\xcc\xb0K\xfd:\xd1\xdd\x94u=\xd2\x9e\xd7DJ\xa9\xd9$_X\x14hB\x1e\x97\xb4\xea\xb6\xae\x9c\xdc\xdeaJ\xe0d\xc7\x97\xdb\xe6(\xa2h\xffj6&gt;\x1c\x083g\r#\x93\xdfr\x06R\xfe\r\xa6\xb7\xcdo&lt;gq/3\x17t\x8d\x95\x1b\x1a\x9a\x02\x00\x005(\xa5\xca\x87]E\xe1m\xc5\x8d\x82\xed:\xaf\xaa\xd5\xd0\x17\xca\xe4(\xa5r\xa2\x7f\xaa\x98~\xb4\x1d\xb2\xd8Vk\xa6\x02\xe5F9\xdb\x9f\xccL\xef\x95\xd8\x96S\x1a\xae%\xf1i\xcc\xfb\xe5\xd4Z\xdco\x16Q\xa61\xda^\x19\xdb)\xf3\x10\xb7 E\xf4\x97\xfe}\xf0\xa5zB6\x84\xe2\xea\xc0gb\xe6\x0f\xd6v\x03\xa7\x80\xdb\x9ft\xb3\x8d\xcc&amp;\xe0\xdfzVS\xbd\xdfM\x99\x19Cb\x1d\x8bW\x93\xfc\xdfz.~u\xb7\xfdS\xf5|\xdf\xc5\x9c&amp;P\x11kYr\x94\xf6\x99\xbc\x9d"\xd5A_\\\xb7\xd3|\xc4\x96\xbfC\xae?gGedSw\xcd4i\xcd\x18\xb8~\xbc\xd34\xb8\xb2=b\x01\x00\x008\x9ed\x08(a\x0b\xaa"\x8a\x9a\xcc\xe1J\x91\xa2\x0f\'"\xa2\xd7w\xe2\xadvHN\x02\xf8O\r\xcc7\xf6}\xdb\xf6\x9b\x03n3]\x89yD\xad\x93.m;uV\xbc2\xa9\xe4\xa7M\xf1\\\xd1\x049m\x03\xce\x11\xfd&amp;\xdc*\xd4\x1a*\xa9e5r{\xc75j\x11\xb5\x1aF\xbe`g\xdb\xa26L\x88XW\x80gE\xb4\x16T\xdf\xf8\xf4\xd6\x80Y\xef\xcb__\x1at\xef\xf7;\xba7\x9d\x82c\xea\xde&amp;\xe6\xdd\x9du6\xc0\xb7\x03cf\xc6 \xf1o\x1f\xea7/\xbb]YZ\x94"\xba\x9dW\xb1\xb2\x92)\xb5\xac\xf0\x1f\xb1\xb4\xb7-\x9d\xbd\x06V\x9e\x85\xb1\xd0&lt;ED\xea\x93Io\x06\xab$\x81\xcc\xd7\xa8\xd9\xa2\xceqg\xd7\x90\xb7b\xc7\xe7\x18v\xb3\xf6\x8bE\xa9\xce\xe5&lt;\x00\x00\xb0\xc89\xd3\x19\x13\xb2DI\xde\x93\xfa\xe5\xf2\xdd\x10\xdb\x17t\x8b\xe4\xa7\xa2\xf9\xa0\xe6\xa0\xfc\xcf-\xb5m\xfdv\xd9\x16\xb7\xf8\x8a\xf41t\xd7\xcc\xac\xd2\xc5\xce\xb0\n\x8b\xe3\xfb\xd6\xfe2\x99Rb\xb6\xcc\x9e\xf71\xae3[\xf9\xe4a\x97e\xa7c\xf6\xef\xc6\xedq\x8b\x19*\xfb\xaa\xcf\xc9\x1545\xa6\xda\xe7\x7f\x9f\x85\xc1\xaa\xf7\xa6\xf1\xdb\x9cr\xa1\xd7\x80P\xb94\xfb\xd9\xb8\x87\x16v\x82xH)\xb0|\x0fD.\xb5=_P\x11\t\xf9\xf4\x9e\x05\xb7d\xf3\x06\x99L\x9b\xae\x08,\x1f\x00\x00\x07\xc3\x99\'ACB\xa6\x0f\xd3\x1e\xab5\xeeWn\xfc\'g\x11\xa1\xfd\x93\x1c\xb91\xba^\xe1\t\xf5)\xa5$\xa3{\x82\xd9\xf2a \xd7\x9f\x11\xbdq\xc8\x06\xef\x19\xeb\xa4\xe5\xc2\x13\xff:\xa1\xa7\x08&lt;e\t&lt;\x19bI\x88WJ\xc8\xa4\xa4\xe5\xfa\xd9\xf7\xa4\xcd^9\x91\xe7%\xd6\x13\xf6\xe6E#\x0e\x9fZf\xaa;0\xd1\xad\x88^\xa4\x9d\xfc\tz#^;\xee\xad!\xb7\x14\xdb\x83\x01\xe1\x82\xbb\xa5\xce\xe9\xc2\xe9\x16\xe4\xeb\xb0&lt;=,\xb1V\x99G\xa3)\xf8\x03\x88\x9e*\xee\xfb\'\xc5\xea\xbf\x91\xee\\(\x9c2o\xb1\xcd\xf7[\xc5Y\x98\xf3\xe4_\x138\x02\x04\x00\x18\x81\xda1z\x8b\xf3\xcc?\x1b\x88\x16\x05\x1f"%\x81\xc3\xbe\x82\x8cD\xa1}/]\xe6v\xb8$|\xe0\xde\xcc\xea\x11\x158Z\xbfbG\xffi\xb4\xa3,\xaez\xf5\x87\xd9\xf2&amp;\x99\xcfMD\xa2\xee\x15\xf5\x8a\xf0\x91\xebh\xcc\xb8\xad\x8b\xb4#C\xae\x10Nx\xae\x88%h\xb6\xaf+\xeb\xdf-\xbd\xfd\xa7\x11F\xeb\xb5\xbe]WD\x7f\xbb\xa5\x89.\x85\x1c\x034\x93\xcc\x9cJ\x91z+R\xea\xad\x9c\xf6\xc9\xa1\xa3g\xd6\xe9/\xb3 \xf2\xad\xdc`\x01\xd4\x17\xad\xd2\xe6\x7f\r\x15\xda\x7f5\xf3\x98\xdcODD\xf4CJ\x17u\x998u\xda\xb2}+E\xa4~\xb8 Ofz\x00\x00\x00\'\xc4\xb8}\xff\xbe\xb9\x87y\x1a\x1c.\xb2\xcc0\xce$\x04\xcfu\xf0\xaa\xba\xe8\x00\x83\xad\xb78\xfb\x1e,\xb5\xc3~ol\xdf\n\xcb\xe29\xba\xb1\xf0\x1b\xcea~+\xbd{@\xc8\x95lJ\xf8\xce5\xefc\xcc\x033\xbe\x8c\x8b\x16\xdf\xb7z.\xef\x9f\xa1\xd2\x19\xc5\xf1\x9d\x1d\xe2\xc0\x95\xa4\xbb"\xba|\x17\xfd\xa5\x0bU\x8e\xab&lt;\x9c\xcb\x16\x12\xfbN`|ZA$\xafYd\xf2\xf9\x84n\xe7m\t\x85\xc6\\!9.\x12%\x83\xc3\x01\x00\xe0\xea\xa8\x0c\x05\x9a\xf2\xa7$\xb1\xe17\x1a\x1b&lt;|\xc0\xb1\x06\xa3\x1e;\xd9\x89h\x89\xee\x9e\x90\xf7\x97Z\xe2\'\xf3\xfaCbON;a\xb2\xe4\x17Vc\x1c{\xecs\xea\xba\xa1\xda\x9f\xccv\x1c\xbc\x99\xf4e\x8eL\xadh\xd2h\xc6\xd36\xbc\r=\x0c\xdd\x94)\xfc[\nFJ\xf3\xcf\xdfv\x96\x13\x96]\xd1R&lt;D\xcb\xf5Ya?\xdb%\x16\\\t\xfa\xc7\xb1S\x82\x95\xd1\xb3n\\\x13\xbaK)\xa2\x9f\xd0\x05\xe5\xe8\xd5r\r\xddg;\x93nHV\xdad\xe2&gt;\xce\xac\xaf\xa3\xec\x96\t\x00\x00@Fu(@\xf6\x8d~\xaf\x90B\xc9\x01}E\x06G\x83\x86\xb3\xcc1\xd6Dn\xff\xb9x\xe3\x19q!\x96\xd3r\xaaf\x0e&amp;\xc2\x9e\x0fm\x06\xdb\xfa\xbd\xdb\xfc\x11s\x1fQ\xb4E\xed^\x11BNd\x1fL\x96\xa3 \x19\x12\xb9\x96\xcb\x92\xfboY\x10\xfdf$\x9bL\x85To$\xb1\xcf\xb0*dB\xce\xd2\xa9\xfb\xd2\xc0\xe19\x8b\x8d\xc6\xaa\x83w&gt;\x01\x00\x00T\xe3\x86)\x1f\x95\xb9\x1dHts\xaf\xa8\xf9\xdbv\x13\xbfkr\xd6\xe4\xe43`\xb8\xa9%\xee+f\xa6\xef\x0e\xda,\xf4\xb3^;yU\xe3\xb6\x15\xdb\xff\xee\xb7A\x11"\x8dZ\xc6\xe7\x04\xcf\x83\x05uD\ro\xc3zP\xcd)\xb8{+ ]\xe4\x0c\xe7\xb8\x96\x04J\x9a\x16\x95a\xd5\x17[*\n\x84\xb40\xe9\x1f\x92BZ\x95}\xe2\xf73-_\x12?\xb7\x95\x01\x07R\xe3\xc9p\xb3\x97\x0b\xac\xda\x90j\x8a\x7f\xa8\xc1\xfa\x04\x00pzZ\xcc\xd0\xde\x88\xa7q8B\x9e8)=\xc7x\xb57\x0c\x11Z\x11\xf7R\xf4\xdb\x87kny\xbf\xa4\x92\xacza\x1f\xa1c-N\x03\xd0-/n\t\xfe\\\xde\x08\xc3m\x84\xc6\x95\x8f\x8d\xa5\x8f\x14s\xbb\xe2\xfb\x9c\x94#,\xb24\xa5\xc0N\xb9R\xb9\xaa\x8a\x1a\x9c\x85\xd5\xdb\x93\xd6Qn\xa17`\xcd.\xb2,\xfd(\x83O\xc2\xce\xdaVT\xb9\x00h\xcd_6T}\xdf\x86\xbd\x0c\x00\x00\xf6\xc6\x1b=\xd4\x0c\xd0\xa6\x90\xbc@3W\xcd\xfa\x877\x85\xb59\x1d2\xb5\x99I-\x88\x99\x14\xf5\xa1^\x8f\t\xb1\xab\x9cp\x10\x1f\xd4\xedT\xe5"\xc7\x93\xd8\x9b\xfb\xd3\xca[\x82k$\xd3#\xd9\xbd\xee\xda\x19o\x81\xfe\xa2\xdd]O\xff\x04O\xf9\xcd\x837\x8f\xf1\xa6\xf0yLV\xd2t\x1a!rQ\x12MDL\xf4\x90q\x82W/\xf9\x0eo,P\x96x\x10\x1f\xeeoj\xd6\xfc\xd2\xb8*\xc9~T\xa9NV\xeb\x96\x06\x00\x00\xfb\xe1F\x0c\xf7/Z\x00p\xe4f(\xf3\xbbv\x19(\xdb\xecn\xee~\x0fw\xd2\xf8\n\xa2\xaf\xf5\xda\x13\xf5R\xf0\xdb`FO8\xb8|\xf6\x9d\x1b\x89\xab\x0e\xa7\x99\xa3CC\x94\xb6B\x0b\\\xafB/\x91\xd7N\xd3\xda\xa8\xea\xd7\xc9\xf5\x80\xbd\xbct\x8b\xef%\xa7P\x02\xd2\n\x8d*\x8e,\x83\x97\x04\x8f\x8c\xeb\x91\x1av4\x91\xf2\x16K\x8b\xb5\x1f\xbf\xf6s\x902\xb5\xb0\xc3\x86\xdd\x95W/\x1d\xda^\xcb\xaaa\xe6\x7f?O]\x03\x00\x80\x81\'h\xc8\x1c\xd1\x8a3\xba\x92\xaa2\xb7\x9b\xf2\xbb\xb1Nf~w\xd5Lu\xb2\x08O\xd7\xf2|+A\xc4{\xc9*\xf6\x05\x9f\xec\xc9\xde\xb0\x82\x02\x02C6$C\x19\x91\xf3u\xa5\xb77\x16T\x96{g_yn\xaf%\xc5\x97\x84G[.\x9f\xabC\x06\xe8\xa6F\xeb\xf7A\r\xean\xf7\x95v\x96\'\x13\x82d\xd5\xa7\xa7o\xa2z\x04\xca\xca\x12qB\x96\x7f.\xcc\x99\x00\x000&amp;LD\x14\x0e\xf2\xfcy\xecx\xabx\xb0\xae\x1a\xe8[\x180\xcbI\x15\xbf\xec\xf8\xca,\\\x9b\xcf\xa6\x0f\xb7\xd2\xd2\xc4\x83\xb0L\x95\x0e\x96\x19e\xd2\xe4\xea2\x0b\x92\x11`\x89\x0c\xb5\x0cf\xa6wsw\xee=\xb9k\x14Z\xc2\x1d\x0fH\xca\xf8E\xf9\r\xccy\x1a\xfe+l-\x1e\x87\x98\xd7m\x81\xbeeU\xa6U\x97\x83\xe6\xa5\x7f&gt;\xda\x961q\xdbF\xac\xa9\xb7\xe9\xe9c\x83\xdfH\x03\x00\\8\xd68\xae\xff\xf8\xfc\xf4\x95\xf2\xff\xb6&lt;;\x177I\x81,\x19\xa6\x94\xfd\xa6\xa6^\x16\xaf\x04=\xc1}\x89\x9e\x92\xd0\xa2{f\xfb\xe9\xd3I\x86\xf7\xe7r\xa7\x823s\x93\xdf\x04\xb5\xabF\x93\xb9TM\x96\x96\xa0\xe5^u^\xbd)\xd99YD\x92,iK\xabc\xa6\xe9Gs\xb9\xc9\xaf\x99\xeaMW\xb9_\xd8\xc5\x99\xb5\xef\x8d\xbfy/W\x05&gt;w\xfbl\x03\x93\xda\xfe\xfcmG2\x1c\x05(&gt;\\\x14\x8d?\x85F\xe8S\xd2\x9e\xdc\xb0\xbfJ\x00\x00\xd8\x11\'\xe6\xf3\xc4\xb5\xbed\xa4\xe8g\x98\xe8\x01\xebV\x90\x1e\xb6\x15\xee\r9\x01n&amp;\xe9\xb3\x19\x9a\xaa\'=\xc5\x8c\xf4\xbc\x06i\xff3\xcc\xf4\xcdG7,Y\xca\xe6E\xcf\x8eZD\x8eR*G\xcb\xb4\x1f\xac\xe2\xb9\xc2_\xe9\xbb\xe3\xde\r\xf8\x96\x9b\x81\x96\x15\xe6\x9f\xcb\x1f7[\x14W*\xdbbB\x7f\xe1\xfd\x1eS*\xb4\x1f\xdf\x9a\xa0\xf0o7W\xdb2\xae;\xf0\xcd\xeb2@\xa9h\xe3R\xfe\xdf\xa8\xe8d\xc8\x01\xa0\xad\x00\x00.\x1b#\x80\xf1\xec\xb5$6;\x8d]\xa2\xe4\x06|\x96=\xf2\xdb\x08k\x1e\xa5&amp;{c{\xff\xcb\x97\x9e\xdb\x17\x95\xf1\xc1\xb0\xbb\xa1\xd1;9\xfe\xc4\xa4\xd5\xa0\xe0\xce\x00O{\xf1\x81o3,\x9d\xb2\xce\xd5A\xdd\xe7~\xb3UL\xad\'\xd8\x84\xdc\\\xe4\xed2=qk\x07\x80\xce\xb4\xbfqt\n\xed\xb8\x03\x00\x00\xb8h\xec\xa8\xcdI\x90\x883\x94R[,\xd2"(\xd1\x8f6d\xdf\x07\x88\x84n\xca\xf8\xe8+g\xb5\xedY"\xf6:D\xcb4\x1fL\xf2\xef\xd2{o;\xe8uJ\x92#C\xbf\xdf\xea\xb9\xe0\xb5jf#\xdaH\x95\xaa\x9e7=\x89(\xb2\xf5n\xafr\xf7\r\xc4\xd5\xc2\x9eJ\xcfL\xf5s\xcf\'\xa0c\x01\xa7Q\xea\xd0\xe3\xfe\x875u,\x00\x00\x00\x97\x8c\xfd\xe4`\xc98o\x1d\x8f\xa9\x0fP\x8c\xec\xcd\xe6\x9e\xd4~6\xd1O\xb4Q$\xe2\xbfO\xff\xf8\x8c\xb1\x9f6\xae\xf1\x00\xcf\x1b\xf3J)R\x1f\xe1I\x90^.\xcd\xc9V&gt;A\xa9W7\xac\xfd.\xe67+6\xf0`\xa6\xe2\x7f\xaf}\xd1\xbbD4\xb2x\x1b\xb9vPj\x0fv9\x83\x94aHo\x05\xa5y[Z\xf2};\xd6\xaf\x98\xbc}\x87&lt;\xd1\xbe\x9b\xa9Y\x12Zp\x8c\xc3\xb1\xc8\x06\x00\\2Y\xe7\xce\xbd\x02\xfa\x8c\x93\xc1yJ\xad\xc7D\xb4\xf3\'\xdeSC\x9e\x039#=\x05\xe8=\xcb\x91\xf7\x18\xae\xe8Q\xd4\x06G\x9b\x92\xf2-\n\x1f\x01\x1f\x19f\x16\x94+\xeb\xa8U#\xa3\x88\x06h\xcfe\x8f\x84\xcas\xcd)\xa9\xe0\xb4\xd5\xeb\xd1\xeb\xbd\xf0_^H7o\xe3\xa2\xe5\xc4c\x89%\x17\xc2\xee\x07\x1d{\x8f`A\xae\xb4\x82\x01\x00W\x83\x1d\xc0\xb5\x18jk\x0fp\xfb\x96%\xf3\xbf\xdaS\x07\xd3\x9f\xc1\x07\x0fv{O\x85EVXc\x05\x8bY\x0b\x80\xa3\n\xe8\x9803=\x80A\x03\xc4\xa3\xb9H\xde4"\x8e\xb6\xf7;\xb2&lt;\xce\x02\xa0\x8c\xbc\x06\xac\x85\xde\x05\x8aZ\xb9\xe8\xec&gt;o\xc0\xde\xaf\xc0:l\x01\x80#@\x00\x80\xcb\xc6\x19X\x1b\xbd\xde\xa4&amp;\xb3o\xb87O\x87\xcfW\x8c\xc4V\x9e\x9e\'\xa5\x9d\xb7\xb6\xaf_,N\x93x\xcf9j\xc2\xab\xc1\xfa\t\x93P)\xd4\xf3m\xd5\xfb\x9d\x06q\x1a\xc8\xb4\x929\xe9\xf1\xf4\xe5\xb6R\xcc{\xe2r\xedW\xfc\x13z\xda&amp;\xeb\rF\xfe\xb7\x919x{A\xab\xaeq\x01&gt;\xaf\xa5\xd1\xbd\x94\x0c}\xf09\x00\x00t\xe2\xd1[\xc4\xaf\x9f&lt;/?\xed\xca\xcb\xb3c\xd5\xa6\xcd\xbfo*\xb0\xa4TW\xb6\x911\x93\x9a\x1c\xdc\xcf\xb0\xe4\x18\xbd\xda\xb3\x81u\xed\x04T"u\xfe\xf1\xcf\tdc5faK\xf3\'\xcb\x1e\x8b\xe2\x89\xcf\xe7\xccss\xc2\xd6\x0b\x00\x00\xcd\xd1\xe2\xbc\xc6\xc3\xe2*\xb00\xaa\xdb5\x00=\x8ex\x19\xd9\xa4\xb7-\xae\xe2\x9cZ\xab\xbb\xc3\x13~|\xb9\x15\x1d\x1ay7\x0eZ\x05\xc9\x9aY\x8f\xe1\xa2;V\'zuY\x87j\xb3"=\x9b\xaf\xe4\x9cr|&gt;\xc8f\x1c\x01\x02\x00\x0c\x85v^\xbc\xa9\xdc\xe9u1\xeb$\xabL]\xbe\xf4VHa\x04\xa3MM\x1b\x8b\xf8!\x97\x1ew\xab\xc3\xeb=\xfd\xd5\xa6\xcas1A\x95\xad\xbew\xe0\xd4\xc8\xf3\x93&lt;\x99\xd3F\x0b3}s\xcd\xab\x96\x8ej\xf1\x19j\xf7\xf1d\x17\x98\x89\xf8\x1fe\xad5\xf2\xc6\xdb\x0c.\xfa\xd0\xc9\xf9\xd6\x00\x17]\x1d\x00\x00\x90d\xdb\x0f\xeb\xb1\xc7\xbc\xed\x9c9\x92\xc3\xb7\xd4\xd9\x11p\xbe\x9b\x00\xccL/(6\x98\x89\xbe\xcc\x15\xd8\xcc\x0f\xd9\xf7\x13\x0e\xf5|\x97z\xdf\xa3E\x95\xa9p\xee\xf6\x0c}\x07\xe0(\x0b\x8b\xb1\xdd\x9ba\xff\xc9\x86\xa0=9\xdd\xf8\xbc\x07\xff\x11&gt;\x01\x00\x0c\x8c\x13g\x94\xcd\xe8\xe2\xf4l\x07\xf7\x96)\xae(y$\x94\x11\xd4v&gt;\xba\x102\xa3&amp;\x82w\xe2\xc2\xedr\xb1\xb0\x87e\x1c~8\x1dC\x14\xad\xc5\x02\xe0GZ\x1a\xf4_[\xdf\xe1;[\xf30B\xff\xcc\xb1.X\xd2Sy\xa0\x07\xe7j\x03;q\xb6\xae\x01\x00\xb8.|1\xe5wd/\x00jw\x01\xd9\x98\x95\x03)\xe4R\x84*\xf3l\xcc$\xbe\x06(\x89\x18&gt;\xc1\xbb\x00\xe8|\xa2\xfd6\xab\xba\x93\xcdd\x8b\xd9OO&amp;\x1b\xadh\x81\x95\xde8\xb0\xf3\xe7\x80F\x06\x99\xbc\xfa\x90\xc6\xf5~2\'t\xc0n\x15C6\xdd\x9d\xf1\xb7\n\x1c&lt;\x02\x00\x1c\x8f5FO\xc7\xaf\xa7\x8b\x99\xaf\xdbgkXc\xe7U\xf4I;\x9a\xfc\x08\xcel\xfc\x18\x87;\xc3N\xb0\xdd%\x967\x7f\xd2|U&amp;*[\xeb^\xbfB\xe5/\xcek0\xff}f\x0bY\x9d%\xfe\xe5\x84!\xda\x0ci\x1d\x90\x87\xfc\xed\xb3\xa1|U\xc0\xd60h{\xe5o\x13\x99\xa7r\xcb\x1e\xe3\xc6\x80\xadww&lt;~\xc6C\xc0\x00\x80\xf1`&amp;\xe2\xe8\x9c\xc8D\xaf\xf0]\xb7S+\xa5\xf2\xde\xc8\xacT\xce\xd3\x84\xb1-\xd2\xc3\xa7\xe1\x8703\xf3;\xceq\x92\xd7\x982\x0b+\x9f\xcdM\xe3\xbd;a\xfd&lt;B\xe7\x9dN\x7fq\xfe~1%CPQ\xe2\x116\xdd\xe7\xc7\xc1\x97\x7f\x8e5\xc6%\xf4\xe3q\x87\xfb-\x17\xee{\x12\xb0\xc7=\x813yx\xcc\xd6\xbb3\xde\xd6u\xedN\x01\x00\x8c\x80/z^\xf7,\x1a\xfcpo\x96\x10\xf1.\x9am\xf5\xe1\x11\xbfE\xd6\xdes\x99h\x9f\xe4\x86[z\xcc\xe1\xdf\xc8&lt;h\x038fRc5DTPw\xbc\xf3\xef\x98\x96\xd0\xeff\xce\xd9\xb6\xc0\x99H5\xec\xa7\x1d\xbb&lt;\xb88p\x07\x00\x00p&lt;\xfe\xe9*6\x87\xe5lAq^z\xf1~\xd1y&amp;\xd9\xe6\xbb\x8b\xca\xf7\x9b\xb8\xbf\xb5n\xdc\xb7R\x97\xfa\xd9\xdd\x03\xf6z\xf7\xff%\xe0\x92G\xab\x9b\x1a\xf0\xa6m\x7f\x04`m\x1e\xe2\xda\xcb\xe9\xbc\xa7\xe9\x94\xf3\n\x9a\x9a\xbe\x04\xd2}umN\xeeS&gt;c\x93\xe0\x84w\x84\x00\x00\xe0\xba\xc8\x7f\xe2p\x9ca}\x1cK\x0c\xdec\xdf\xc77w~`\xf4\x8c\x87=\xe4T8\xb3\xbdO\xda\xba:\xb7\x9b\xd7k\x1f\xba\x9d|\xf3Z\xc06F\x96J\xf3\xbc\x1f\xf9\x02\xb8\xbc\x12\x01\x00\xc0\xa5\x91\xbf\x00(WDt\x8b~\xf2W=\xfdU\x08\xd9\xcb\x92f\xd5\'\xcf&gt;\x8e\x93sIX^\xd6\x1dd\x89s\xa3C\xd5\xb8K&gt;&gt;\xa3\\;\xaf*\xf7c\t\xd3{\x14\xf0\xd2|U\x07\xbc\x11\xe2$\xf7\xca\x00\x00\x97\x8e5Lw\xbb\x93?\xebY_4\xd4O\x11\x11a\x8c\xcd\xc7\xa8 I\xfa\xf5%5\x97DQw\x10\xb9\x8e\xf3O\xc9\x17di\xc7\xe6\x89J\x03\x8aK\xd1\xa3\xf8\xde\xa8t\xd8\xe3K=\xc7\xc9\xab\xc5zV\xaa\xfb\xdb\x90\\\xf0\x0c\x00\x00`\x08\x94RO#"\xa2\xbb\x08&amp;B\xf9\x86\x99\x93L\x7f\x87L\xef\xd7\xc8\x8c?e\x0e\xb8\xb7\x9a\xe54f&gt;\xf1]\x80\x08V\x17\x90\xd5\x91\xc8u*?\xd0\xf4&lt;\xef\xb1\x1fCt\xa2\xe6F,/Xj-\x17\x9c\x06\x15\xfd\x13\x00\x00\x80\xc1\x1a\xadf,\x00\xf4\x94\x0foz\xdcv\xd2\xe0H;MD\xaa\x9d=8\x8d\xcd:\xc7\xdb\xdfs\xedt\x87\xbd\x0e\xc5]\r\xc5n\xfc\x96\xc6\x86h0\x9f\xe0\xf0\xfd\x1b\x0fl\x1b\x00\x00\x80\xcb\'\x10\x0c\xbdV"\x0e\xbb\xfd\xf6\xed\x9c\xfd\xfa\xe63o\xa9\xcf\x1e_\xeec\xfc\x81\xfe9{\x05\r\xc7\xa8n&lt;\xf5:\x1c\x00\x00\x00\xe8\x8c\x1b\x0c\xc5\xf6\x80\x99\x88\xe8\xe3\xed\xaf\x98\x99&gt;\xa7\xf5D\xfb\x15\xa3\x87h\xfe \x12\xf1\xa5\x88!\x16\x00\xa8\xa3\x06&lt;xP7\xa2~A\x0eh*\x00\x00\xb0\x9eb\x17ooG&amp;\xda\xe2Hk\xfc\x10-d\xde\xf8\x96_9f3F5\xd5\xb0\xba\xf1\x83\x8f\xb6\xc4\xa6\x7f\x1fD\x1f\xbf$\xdaT%\x1e;\x00\x00\\,\xfa\x9c\xa7\x94\xd2^\x93B\xee\xe8gM\x90\x81\xa7\x1e\x83\xefj\xe0\xb1\x7f\x82t-\x9dk\xe1\xe0\x96\x03\xd0\x88X\xf7?\x96\x1d\xfa \xba9\xb0\xc0[\x80\x00\x00\x17\x8b\xf5&amp;\x95\xed\x93\xef,LR\xdar\xa7\xc1\x9f\xf2\xd07\xa54\xa0r\x83\x90\x99\x89n\xd7\xca\x98\xa3a\x9aK\x84M\xd3Kb\xfd\xf9\xea\xe1\xfa\xe9\xd9G\x0fpF\xd0\xe0\x00\x00W\x88\xbd\x91\xefl\xffS\xe4\x16\xc1I\xa7j\x0e\xbf\xcc\xbb~w\xf0\xe2\xf6\x17yi#\x17S"\x00.\x1e\xff\x1dZfV\x84\xb7\xae\xda\xc0\x1d\x00\x80\x0bB\x0b\xe4\xb3F|\xf3\xb0\x10\x05\xc6Ff\x1e\xf1\xfc\x00\x00\xe0\xcc\x1c\xf0#P\x97\x8d\xb3\x1f1\r\xddp\xb2\x01\x8e\x00\x01\x00\x06\xe5os\x0f\xa5\xdc`d\x98\x8eq\x08\xb3\xaesC\xe8\x84\xc0t\xfeg\xcc\xf3\x03\x00\x9c\x9dk=p\xb5&gt;\xfd{\x85e\xdf\x81m;(\x1d\xfd_\xdfC\xd2\x98\xc9\x00\x00\x83\xc2\xcc\xa9\xedvc\xe7\xcc{\x8a\xbd\xd5\x86\xfd\xd9\xcf\xff\x000&lt;\x9e\x8d\xf0\x8b;Zf\xb1&lt;\x97L8\xa0\xd2\x14f\xcek6\xd7x\x8b\x00w\x00\x00\x00\x83"\xd8nO\x8f\xd7\x17\xbd\xbb\x86W\xfb\x81K\xc2\xd3\x9d\xd5\xc5&lt;X\xeeg.2W?\x85\x0f\x0c\xec\x87\xaa\x93o\xd1US\xaa\xcef\x01\x00\x00h\x8e\xfd\xd6\xff\x9ff\x93RaCO\t\xe3[\x08ZpAU\xfc\x0e\x17T\x96(\xf2\x9fn8\xc5Ps\x1c\x95\x9ea}8O\xa5&lt;7hB\x00\x80\xebd\x1b\xe5\xdfwz[g\xa3\x05\x00FU\xa0\xa3\xb5\n4\x8c\x02\xf8\xcf\xae\xa3C\xc9G\x0f\x8c3\t&lt;\x9e\x91\xfb\n\x8e\x05\x00\x80K\xc7\x89\xf9\xab\x82x,\x00vg\x9f\x90\x9a\x89\x88~\xac\xa6Z\x97V\xf1r4\x8clj\x16\xe4\xe7Zqe\x95\x14\x83L\x17\xae\xc9\xab\x05M\xe8\xba\x9ex\x00\x00\\0\x91\x11P\xf0(p\xec\x97\x01\xae\xed\xe1\xb0K\x87\x97_\x84\xad\xa9V\xbc\xba\xb1\x8c\x12\xe7\xaf\x9d\xd1\x97k\xd8\x8a\xe0+|\xae\xb4\'\x99\x15\xbd4\x9a\x8b\xae\x82\xd9\'\x1c\xfe\x8d\x97\x08x\x08\x18\x00p4\xccOo\xb1US7\xcc+k\x7fq\x1dN\xcf3}\x0cu\xb3b\x1cK\\\x96\'/\xab\xdcu\x9af1\x18k\x7f\xcap\xfe9c\xb8\xd8\xab\'\x99\xf9\xaa\xf6\xa7\xeb\xc9}\x9d\xc3\x98\xcem{Ky=\xeb\xdaJ \x00\x00\xecK\xf9\x10f\xe7\n\x9f\xff\x91\xc8\x7f7\xa2_/2c\x14\x98\x99&gt;\xbc\xf2\x81\xb9v\x964\x92\xd6\xe3\xf8\x07\x0ew\x1d\xcd\xb5{~\x90\xe67\xec\xc1\xaa\xf7k\xe0\x1c\x8e\xaf\xb2\x0e){\xdbz\xff\x19\x8cc\x00\x80\xd3s\x8b6\x0b\x80\xd0\x12@*\xed\xc9\x83N\x87;\x91\x98,%\x02\xbax\xaf\xf9$\x87\x05\x008\x16\xb4\xc0\x04M\x9c\x13\x91p)\xfe\xaf)\xc5\x19o\xab\x01\x00@\x10\xefh\x98\xf5\x8b0W&lt;0\x06\xcb\xce\xc1\xdfc\xe2\xe5\xf4\xd4\xa9\x9cv\x15\xe7\x83\xe3\x9c\xad\xca.\x0ek\xa4\xea\xd7\x14\xc3\x9dw@8\xe7\x11\x91\xb9\x13\x17\xeb\xba\x90.\xc0\\vP\x15\xcf\x00\x00\x00.\n\xa5~A\xfb&lt;\x93%\xa0\xb9I\xe7!X\xf6\x90\x1b\x97\x83\xb9gsZA\xbb\xb8 x&gt;\x1cq\xfa\xed\xcf\xf3\xe2q&gt;\xaa\x83(k$\x99\x0e\xf8\xf0\xd2\x9a\xbb\xeaj\xca\x875\xbe\xcf\\Z\x8ek\x1d\xff\x00\x00@\xc04O\xbf\n\xd1K\xaf6Z4pc\xfd\x13F\xff\xe0\x10J\xf7)/\x12w\x01\xa0\xa8\xe3\x0b\x07\xb8\xe8-1G\xc2L\xa9W\xb7y|x\xae26\xa2\xb8rq\x07\x00\x00\x00\x88\xa2/\xfe\x7f\x89,\xf3\x13\xa6\xfd\xf0y;\xea\x87\xbbXy0\xee4s\xde\x19W\xfe\xbc\x07\xb6fGe\xd4gX\x93x"\xb6\x9e=\xe9t\x911\x0b\xee\x88\\\xf3M&lt;\x1d8\x01\x00p\xd5T&gt;T\xe7&lt;4\xcc\xd6W\xfe_\xa3\\.&gt;W\xcb\xe8\x15\x02\x1a\xf3#\xb5\xee\x95\xd7\x11\xaarX\xce\xfe(m\xfe\x8b\n\xae\x82\xcd\'\xe2w\x0f\x94\xbaqH\xb7\xbf\xdbl\x15Z\x05\x00\xe0\xaa`z`\xc9\xa8g\xcc\x01u\xbf\xfb\x9b3\x91&lt;\xdc\x92\xb1~:\xf0D\xef\xb1\xdaO\x05\xd3\xd3q\x13`d\xd2K\xaf\xb3G\xcf\xc5C\xd6\x05\xb3\r\xc2_\xd1{\x010"\xbc\xdcI\x16\x97\xa8\xb0\t\xe1\xce\x01\x00`,\xb8\xe8D\xa3&gt;P\n~\xf7\xd7/\x83xy\xaf\xc4y\xef\xaa.\x8e8q\x11j\xe9\xf0X\x02\xce\xafO\xec\xeb\x07f\xeez2\x1e\x8c\xc9:\x98\xcb\x07\xb1\x82,\xe3\xc3\xb2\xd77ie\xa7\x8c\xa1\x8f\x19\xcf\x00\x00\x00\x8e\xc6\xdc\xbdh1\x82\xaby\xef0oOHQ\xc9[\x83\x06c\xfb\xa1\xd5\xd17\xc3\xbcGk2\xb6\xf1\x82\xc9\xdaT\xdf\x1fj\xf2\x19\xb7\xe3\'\xfej?U\x93\xc3\xffq?\x85QP\xfb;R\xf0\xf6\xb6)\xf5\xd0C73\xd1\xcfd\xe5P/\x16%{\xd8\xf2\xe1\xae\xcb\x9d\x03\xd1\xc9\xc6,S\x00\x00`d\x02\xf7L\x99\x98\xe9\x11\x81\xdb\xa9\xcc\xf4\x1f\xf6\x1c\t\xf9\xa6\x88$f\xfcw\xed\x97+\xc7\x1e\xfc\xb0m+T\x87\xba\xce\xc6y\xf6&amp;\xd2\x12\xce{\xe4\x03O\x95\xf4a\xd8\xf3T\xa5\xe3UF;\xa9\x1d\xac\x00\x00\xe0\x12\t\x9d\x10=\xe0\xd8\xe8\xa9\x87\xe6\xb6\xc6\xd7\x1c\xdb\xedy\xe4\xf7g\xd8d\xd5\xd9A\x170qW\xefa\xb7\xf7l\x03\x1d9\xa9\xd9g@\xeb\xb3\xa3\xb8\xd7]\xd0\x8e\x01\x96\xa0\x00\x80S\xf2\xf1m\xc6w\xcc\xc4Y\x08\xdd\x95\xe5\xcf\x1a\xff\xe7\xe7\x95&gt;\xef\xeb\x8b\xfe\xc1\x8803\xdd\xffLu\x84FU\x80\xd0i\x81u\xfb@\x8cc\xd5\xe4\xa2\x81\xcfK\x01\x00\x80\x1f^~%\xa6j\x04\xd3\x87\xe3\xa1\x0f\x8f\x8e\x81\xd8]\xf3C\xc8r\xb1\xbb8\x7f6\x15py\x82\x00\x00 \x00IDAT_\xd6l:&lt;F\x0c.\x94\xa9a\xe1a\xe5\x9e0\xb3t\x88^\x87\xa9\xbe\xa3\n3\x9fv\xd6X]\x84\x87\x80\x01\x00\xa7C)E\x9f\xd0\\\xea\x8fO\xfbF\xa3l\xd2\x9c\x16\xb5&lt;\x84-K\xbd\xd3$:?U(3\xeb\x94\xf3\xfa\x0e\x8c\xb3\x859\x1a\xf0KO\xec\x07\x82#\xedp\xa7\xae;L\xe8?\xec\xed\x0e\x00\x00\xe8G\xabQ\x8f\x97\xb7\xbc\xe8\xb7\x8f\xbf\xbfV\xe8%\x0e\xca9\x93\r\x96R\x17\t\xea\xd4a\xe03\'\x97J\xdc\xe1\xbbUG\\K\xf4\xdbf\xe6\xe5\x16v\xf0SR\x00\x00\xb0\x10\xdb\x92\x7f\xb3\xd6\xca\x1eL\xdaO\xf9\xd6&gt;fp\xd57\x13~}\x98\x87\xf0@[NY\xad\xf2;{?\x10L\x99\x08\xf5\x10N\xed\xc9Io\xd5\x0e\x10|\x8f\xfe\x98\x04\x00\x00,\xec\xfa&gt;\x87\xed}/\x18\x1fkX\xbc\x07\x07\x82!\x10\xaf\xe7\xd7\x8e\xff|\xdfe\x8c\t\xe3\x10\xdb\\\x1f\xb9\xb2\xf6\xb1-\xa4\xc2\x8a\xfe\xf1\x0c\x00\x00``\x94\xda\xeb\xb4\xe5\x87\x17\xe5\xfa\xa0\x01\xb7\xba\x07\x99\xfc\x060\x01\x00\xa2\xe99\x13c\x18\t5\xcd\xf5Q\xde\xdb\xeaW\xd1\x90\xc7#2)h_=x\xb8\xaa\xdb\xe5\x97&amp;\x87+5\x00\x00\x1c\x8e\xf8\xfcz*z}\x9a\xbe\x95\xf2\x87c\r\xb8G/\x00\xbe\xd0\xbc\x85b\x193\x96\xaf\xc0U\xf2\x919\x89\xadS\x13\xe7j\xc0\xe7\xb2\xb6\r\x03\xdf\x01\xe8qC\xfb\x15\x1e5\xcc\xf4\xe5\xe9;\x00\x00\x00pn\xb6\x11\xedW\xe2\x83Z\xc3)\x9c-\x86\x9ah\x8f4\xe9-\xb6\xb8_\x9b\xea\x06rN\x8a\xd7\xd3&gt;\x9f\xc8\xeck\'\xb3\xc1g\x9d\xf2\xb7z\xfa\x898\x9d\xc1\xadx\x831+KkE\x0f\xa8\x97\xd5\xc2"\x00\x008\x96i,+\x1f\xb2e3\xf4\x7f5\x93U\xc4\xeev\xf8?\xd8\x1a\xa0\xe7\xe47\xbb.\xa5|Y\x03\x9c\x8f\x11\xe3\x06 \xe0\xa3\xea\xb2\x87[\xf5-N\x1a\xfd\x13\xd15\x87\x89}\n^\xd7\x0cjV\x92V\xae\xb36H\x00\x00\xd0af\xfao\x1d"\xe9%\xd0\x9f\xff\xbc\x9d7n/\x1f\x8b+\x85\xf4\xa3\xcb\x82D_2\xa5^~\x97L3*&lt;\x05\x82C\xd5\xe6U2\x88\xff\x99pj\xe2\xc44\xae/\xe6&amp;\x83C\xe5\x02\x00\x8d\x10\x00pY\xd8\xc1\xb4\xb9\xd5Q)\x9a\xe8W\\%5/\x8b\xd82\xde\x93\xfff\xbc\xc8\xa0\xac\\w\x11\xec\xeb\xcb\xc4\xea\x95X3c\xf93\xce\xc2\x7f\xbe\xfd\xec\xbe\x16\r\xd1\xdeYiVk\xac\xafx\x13-\xff\xde\xf5M\x1dd \xe9\x9b\x97\xd8\x85\xb1\n\x05\x00\\(\xdeYv\xccm\x8f\xc1\x07\xe2\x82\x05@\xd8\xcfLD\xf4\x99Y\x0b\x80\xc0-\x92F\x1e\xd3V\x17\r\x19`r\x1d\xb8E\rN\xeb\x8a\x9b\x1b\xc3\xdb\xdb\xad7\xa0\xe5\x0eZ\xe39\xbc\x15]\x01\xa6\x87\xef\xdaavxq\x9eL\xd48\x00\x00\xf4`\xc0\t\xf5\xf8`1Jn\xc0\x1dI\xbf\x86&gt;\xc52\xdb\xaf\x01\xfa8\xbf\xc3\xa2bL.\xb0\x8c\xbe\xba{X\x8d4\xbd\xb9\x0e\xde\xd9\xaf\x9bu/\xa0e\x05-5\xfe\xfctR\x9c\x10\x03\x00\x80kc\xec\xe1\xbe\xd9\x02`\xfa\xba\xec\xb8T\xaf\x05\x00\xa8`]\xd1\x1dmHoj\n\xb8\xb6\xd57m!\r\xf4\xa4\xcf^@F79\xf3\xe0\xb6\xcf/\xec\x00\x00\x00\xd8\x89i*R\x8a\x84#\xfc:u5\xff\x81\x1a\xef\xa4\xd8\xfdgpF\x84\x99G)83\xcb\xdb\x06X\xe0:\x8fUf\x07\x11l\xdf.\x03`\xb9\xc3\xb3\x86\xc4~\xe3\'\x00\x00\x00 \xa7j\xab\xbe\x9fYW\xfe\x86\xcd#\xf6\xdd\xaf\xd7\xdb\x03\x83J\xe9O\xfd8s\xce\x1d\xfd\\n8\xda\x00\x00\x00\x00\xcd\xd0\xa6\xadW+\x13\xd0\xca\x12\x07\xd5l\x87\xec\x84\xd3\xb3Rj\xf7=`u\xc5\xe1f\x9b\x16\xd2a\xd9\x16j\x03\xd7[S\xed\x8f\xf1\xd4\x8f3\xaa\xdd`\xd5\x81V\xa3\x1f\x16\x00\x00\x80\xc3\xb9\xda\xc9\xaf+\x9f/t\xac&gt;\xd5\x9d#\xaeVD\xa3?\x86A\xb1\xc8f\xbf\x07\x8e\x0b\x82\x98\xc1\xbd\x9a\xe0O\xb5[Ye-D\xcfO\xcb\x0f`\xb44\x11\x18\xa8\x06\xf1\xfa\xf5\x11i\x93\xf2\xe6\n\xbf\x03\x00\xc6d\x1e\xc7p^9\x0b\xe7@\xaa\xf4\xf0q\xf8$\xeb\x08\xc7\x97\xdb\x1f\xf3=\x84\xe9\xfc=\xf3\xb0\xadzj\x03\x03\x1a\x96`n\x0f\xce\xf2%\xdf\xcf\xcb\xb0c\x8aR\xd4b_\x19\x80\x16\xc4G?f\x16\x0e\x8c\xb8\x03\x00\x00\x18\x08m\xfbm\xbdBg\xdf\x95\xdc\x13g\xe4\x97F-j\xc6\xba&lt;\x88\xe7\x9dR\x1ds\x8f\x9e\xb5\xff\x95e\'\xe6\xa90cF\x93\xfb\x9fS\x9a\x10\xfa\xf3\xef\xe2\xe9\xd7\xabJ\xad-$\xb78\xca\xfa7\xcb&gt;\x00r\xb8sY6\xa5\xd4m\xa2\xdf:\xd7\xde\xbcL\x11\x00\x00\xec\x86\xf1(\xaa\xf9pj\x93)\xb8\xe5\xd1\x8bk8\x18p\xd2\xd7\xdb5\xc7y\x99i\xe1\x02\xe0\xbco\x0c\x1c\x1c\xcd\xb1\xcfm+\xb4\xf9k\xe6\x01X8\xb8]\xddx\xacz\x00\x00X\x89\xc4E\xcb\xa9\x89\x16\xf2}wH\xb5w#\xbe*\xd1?K\x84-\xb9\xc6\xdc\xcam\xc3r\x10b\x84S@\xfb!xQf\x997\xb6s%\xa3\xb6\x9c\xb3Vt\x17g\xf6\xac\xa1\xd4\x196\x1e\xf8\x9c\xd8\x15\xd1\xf9\xa8\xe1\xc1\x95\x8b#@\x00\x80\x13p/"\xedwy$\x04w[\xbd\xd1?M\xcb\x837f\'\xfa\xf7\xdc4\xb8\xa2=\xdc\xc2s\x14\xe7F)5\xb5\x88\xef[v\x7f\xa7&amp;\xf3\x97\xd5G\x8f\xee\xaa}\x1e\xb2\r]WE\x1f\x85~\x933\x90`\xfb/8\x8eX\x05\xe0V\x1e\x00\x00\xb4\xa4\xc9\x11 \xdf\x81\r^^\xbd\xf2\'\xf1,\xde\xaf"\xf2\xe5V\x81\x13\x129j[\x88\xd38\xc1\xd5!i\x00h\x1eG\xe08\xfc\xa2\x0f\x80a\xb9\x0f\x00\x18\x11}\xf2[\xb6\\\xf3\xdef\xa3\xa3\x94J\x1eo\x08\xdd\xedu\xaf\xaf*\x86&lt;\xc5\x01\xb2\x7f\x0byO\xac\xf6y\x05Mh\xe4cE&lt;?\x93\xbd\x19\xb8\x87\xa9\xdb\x00B\xd1\x97\x0b59\xf8\x08\xc4\x08\xce\xfe]\x148\x02\x04\x00\x18\x86562\x83\xa4F\x1ba\x9e\xc8^\xbf\xb7\xe0?\xdd\x11\xd7\x8d-\xba\x81\x19\xb3rF\x8e\xf8\xfbl9\xd7\x97\xb7\xd7\xcf&amp;\xccR\xe7Cn\xfb\x1du[\xde\xb8\x95z\x05\xfe\xb8-%\x07k\x13}\xccnID\xc3l\x19,\x8f\x9ew\x07\x0b\x00\x00\xc0 \xc4\xc6\xbc\xea\xf1\xd0s\x8cg\x93\x1c&lt;\x89\xabE\x08\x1a\xebJa\xdc\xa9\xec:\xe0\xed=-\xc6\xc5\xa3\xec9;c\xaeM\x98\xd7\'\xd1\x8b%\xf8\xf3\x1e\xf42\xd9,\xce\xde\x98\x99\x89~v\xdb\xd8\x19\xbcsF\x1aCW\xc3\x9d\xbb\x82\xa37K\x00\x00h\xc5\xfd\xed\xb3\xfe\xec \x94\xe4\xcb\xf8;\xc9D\x11y\xe7\x9f\x83/\x16o\xf5MW\x1e\xcf\xfc\xff\x06\x0e6\xf0\x0c@\x1e\xb5\x8e\x82\x9f\x13\xec\xd3\x1a\xcf\xdb\xe6{\x9a\xbd\xbbO\xceY\x05\x00\x80\x8b\xc5\xd9\xcd}\xe7&amp;\x0b\x00\xef`\x97)Y\x90\xe6\xa2\x9f\x15\x1b\x04f~\x17_\xac\x7f\xde\x90\xe2\xa4\x96_\n\xaf\x02\xffk\xec\xb4\x008\xed8y^\xcb-0\xec\x00\x00\x06\xc5\x1d\x9b2\x82&lt;\xdf\xf6\x7fP\xa00|\x94\'\x93X8\x1c\xbf\xbd\xbf\xd9\x85\x1a\x03\xb5p\x8a5\x80w!z\n\xcb/\x16\xcd\xf9\xe3V\xc1\xbe\xcdc\x9f\x05\xc0Iy\x87\x1d^\xff\xbc\x8f\x7f\xce\\\x0b\x00\x00\x10`\r\xfa\xc3\xd1?\xf9\x16\x00\x92\xe0\xfeR\x07\xcd\xdd\xca%\xf6a\xe2DV\xd6\xf5\xaeT+\xc5\x02\xe08\xd6\x05\xc0\xc8U\xc0\xccD\xb7;\xda\x8aZfW3\x7f\xe5\xc0\xaeN\xc1\xbb\xf4\xd6R\xf9w?\xafc\x01\x00\xa0\x1ck\'5=\x14\xde2\xe7\x0e\xc0^\x0cbFW\xa4\xb7q\x06;\xa5\x1a&lt;H\xd6\xa2\xd6\x86*\xe9\xb8\xb4o\x15\x87\xf5\xfd\x0c\xbd\xc3\x8cNU\x8c4\xcc\x02\x00\x00\xb8(D\x1b\xf9S\xca\xee\xb6\x142\xaca\xad8S\x05\xd97\x89\xfc\xd1\xe7\x10\xa6^\r?z\xb4\x01m\xc8\x8a\x86\x1177\xe2\xb2\xddx\xc17\xa8\x01\x00\xa0\x19\x18(\x0fA\x12\xf4\xecsCF2Yf\x1f\x12+\xb5\x04\x1c\xce\xee\x9b\xd3\x9eF\x1e4\xe0\xd0\xbdsl\xdbo\x8c|`\xac\xb8\x91\xe0w\x00\x00\x00W\x05\xde\xaf|\x00\x92\xe9)\x91f\x9a\xe4^\xb9~\xf6\x154\x00\xf3\x07X\x95\xf2\xfcDT\xd6\x913\xbf\x92\xe1\x02\t\xb0\x0bJ\xa9\xa7\xea\x7f33\xd1S\x13\xad\xbf\xabE~\x95h\x9f\x1a\xeb\x100\xe0\x0fGL&amp;e\xad\x01\xee\x88\xda\x05\x00\x00\x11\x97\xfc\x10\xf0&gt;$\x1d\xf8\xb8\xd8#\x19{?\xb0\x91~9L\xd8\x98L\x0b\xbfd\xb4\x07\x1e\xae\x90\xc5\xff\x81\x8a\xf8\xc0.\x15\xb4)\x8d\xb4\xed\x03\x1fU\xba\xb6\x83\xfb\xfb\x14\xb6\xa3\x96k\xaa,\x00\x00\xd8\t\xed\x1c\x08\x06\xd9\x0eDN\xda\xac\xd7\xcb\xd6`ogd\xc9\x8ci\xec\x94\xa2\xec\xcc\xf4\xb8\x8c\x98\xfe\xda\xc2\xac!\x99\xfd\x1f:\xeb\xd5\xe5\x0c\x18\xfb\x16\x00\x81\x9f</t>
        </is>
      </c>
      <c r="E155" t="inlineStr">
        <is>
          <t>&lt;class 'numpy.ndarray'&gt;</t>
        </is>
      </c>
    </row>
    <row r="156">
      <c r="A156" s="1" t="n">
        <v>154</v>
      </c>
      <c r="B156" t="inlineStr">
        <is>
          <t>steps_per_sec</t>
        </is>
      </c>
      <c r="C156" t="n">
        <v>1800</v>
      </c>
      <c r="D156" t="inlineStr">
        <is>
          <t>2.6219995</t>
        </is>
      </c>
      <c r="E156" t="inlineStr">
        <is>
          <t>&lt;class 'numpy.ndarray'&gt;</t>
        </is>
      </c>
    </row>
    <row r="157">
      <c r="A157" s="1" t="n">
        <v>155</v>
      </c>
      <c r="B157" t="inlineStr">
        <is>
          <t>Loss/RPNLoss/localization_loss</t>
        </is>
      </c>
      <c r="C157" t="n">
        <v>1800</v>
      </c>
      <c r="D157" t="inlineStr">
        <is>
          <t>0.2198796</t>
        </is>
      </c>
      <c r="E157" t="inlineStr">
        <is>
          <t>&lt;class 'numpy.ndarray'&gt;</t>
        </is>
      </c>
    </row>
    <row r="158">
      <c r="A158" s="1" t="n">
        <v>156</v>
      </c>
      <c r="B158" t="inlineStr">
        <is>
          <t>Loss/RPNLoss/objectness_loss</t>
        </is>
      </c>
      <c r="C158" t="n">
        <v>1800</v>
      </c>
      <c r="D158" t="inlineStr">
        <is>
          <t>0.04856533</t>
        </is>
      </c>
      <c r="E158" t="inlineStr">
        <is>
          <t>&lt;class 'numpy.ndarray'&gt;</t>
        </is>
      </c>
    </row>
    <row r="159">
      <c r="A159" s="1" t="n">
        <v>157</v>
      </c>
      <c r="B159" t="inlineStr">
        <is>
          <t>Loss/BoxClassifierLoss/localization_loss</t>
        </is>
      </c>
      <c r="C159" t="n">
        <v>1800</v>
      </c>
      <c r="D159" t="inlineStr">
        <is>
          <t>0.14409897</t>
        </is>
      </c>
      <c r="E159" t="inlineStr">
        <is>
          <t>&lt;class 'numpy.ndarray'&gt;</t>
        </is>
      </c>
    </row>
    <row r="160">
      <c r="A160" s="1" t="n">
        <v>158</v>
      </c>
      <c r="B160" t="inlineStr">
        <is>
          <t>Loss/BoxClassifierLoss/classification_loss</t>
        </is>
      </c>
      <c r="C160" t="n">
        <v>1800</v>
      </c>
      <c r="D160" t="inlineStr">
        <is>
          <t>0.25938624</t>
        </is>
      </c>
      <c r="E160" t="inlineStr">
        <is>
          <t>&lt;class 'numpy.ndarray'&gt;</t>
        </is>
      </c>
    </row>
    <row r="161">
      <c r="A161" s="1" t="n">
        <v>159</v>
      </c>
      <c r="B161" t="inlineStr">
        <is>
          <t>Loss/regularization_loss</t>
        </is>
      </c>
      <c r="C161" t="n">
        <v>1800</v>
      </c>
      <c r="D161" t="inlineStr">
        <is>
          <t>0.0</t>
        </is>
      </c>
      <c r="E161" t="inlineStr">
        <is>
          <t>&lt;class 'numpy.ndarray'&gt;</t>
        </is>
      </c>
    </row>
    <row r="162">
      <c r="A162" s="1" t="n">
        <v>160</v>
      </c>
      <c r="B162" t="inlineStr">
        <is>
          <t>Loss/total_loss</t>
        </is>
      </c>
      <c r="C162" t="n">
        <v>1800</v>
      </c>
      <c r="D162" t="inlineStr">
        <is>
          <t>0.67193013</t>
        </is>
      </c>
      <c r="E162" t="inlineStr">
        <is>
          <t>&lt;class 'numpy.ndarray'&gt;</t>
        </is>
      </c>
    </row>
    <row r="163">
      <c r="A163" s="1" t="n">
        <v>161</v>
      </c>
      <c r="B163" t="inlineStr">
        <is>
          <t>learning_rate</t>
        </is>
      </c>
      <c r="C163" t="n">
        <v>1800</v>
      </c>
      <c r="D163" t="inlineStr">
        <is>
          <t>0.037333302</t>
        </is>
      </c>
      <c r="E163" t="inlineStr">
        <is>
          <t>&lt;class 'numpy.ndarray'&gt;</t>
        </is>
      </c>
    </row>
    <row r="164">
      <c r="A164" s="1" t="n">
        <v>162</v>
      </c>
      <c r="B164" t="inlineStr">
        <is>
          <t>train_input_images</t>
        </is>
      </c>
      <c r="C164" t="n">
        <v>1800</v>
      </c>
      <c r="D164" t="inlineStr">
        <is>
          <t>[b'1024' b'1024'
 b'\x89PNG\r\n\x1a\n\x00\x00\x00\rIHDR\x00\x00\x04\x00\x00\x00\x04\x00\x08\x02\x00\x00\x00\xf0\x7f\xbc\xd4\x00\x00 \x00IDATx\x9c\xed\xdd}\xf0~\xcf_\xd0\xf5]\xf8\x82R\xa8\x89\x0e\xfe*o\x1a\xc0Q\xa3,\xcc4\x07o2\xc7L4\x9a\x90\xb4R~V\xa3\x93J\xe8\xa8\x937\x05\xa9\x85\x15eaw\xa6\x8d\x99\xa9CRT62\x95\x0eHF\x14\x8a\xe3\xcdhyC\xd0\xa83\x0e h\x8c&amp;*\xe8\xab?\xceu\xceu\xee\xcf\xde\xefkw\x9f\x8f\x81\xef\xef\xfdy\xbf\xaf\xeb\x9c={\xf6\xec\xfd\xee1\x06\x00\x80ld\x96\xfe+&gt;\xc7\x84#\xdf\x9b\x15v\x0ec\xfa\xbcw\xc1\xb1\x97=\xce\x07\x10\x9ftK$~7\xd2\xef3\x02\x00\x18Bp\x03\xc0\xf1\xb3\x14\x93\xb5(\xa9*\x01\tiH\xd5s\x06\x987$6\xeb\xd1\x01\xa0\n\x11\xb1\x96\xfcm\x08S\x81\xcd\xed\x06\x1a\xc2c{ci\x84Xk\x97\x7f\x11W\x00\xba""\xc9\'r\x04t9\x03-!m\x9fx?\xf2\xd9\x1f\x7f\xe2\x1f9\x95\x19\x01\xf8\x88\xacG\x07\x80\x1bS!-\xc6\xa4\xcd\xe9~i\xc2c\x9d\xa3\xf8GMb\xcc7R\x07\xdd\x9a\xe2c\xe9W\xce\xd7]J\xd7\x02r\x9b\x130]\xfe\x00:\xb5\xea\xaa\xcf2\x08\x90\xf6\x98\xeb\x83\xd3\x06\x00\xf4\x11c\xbe[\x82\xa3&lt;d\x1d4\x01\x00\x00\xf0\xf6\x8f\xae\x8b\xcf\x9c5\xf5_\x90\xe7\xb0\xa3\xcat\x9b\xa8KA\r=\xb3\x07?a5\x9d\xa9nH\x8c1-\xf6w(\xb9\x8f\x9a1\xbe\x00\xa00\x11a=SeA\x8b\xa4\x85"\xa3!,\xb2\xf4r\xac,\xd6\x8d\xba\xe5\tUs\x1fS&lt;\xfe"b\x8c\xb5\xa6@N\xa2&amp;\xde\xf4b\r\x00\x80*\xe8\x9b\xa9\xe7\xef\x10\x13\xd2\xb3HQ\xaa\xd6\x10OS\x81\x0e\xdd\x9ck\x07\xfc,\xe1X7\x03\xaaJ\x11/\x05#7\xeb:\x10\x00@\x00Ffk\xfaH\x11=\xf3\x1c\xaeh\x0e\x9b6\xcaoe&lt;\x96\xdc\x90g\xb6\xa2\xad\xdb\xc4\x08\x00\x80\xc2N{e(\xe1\n\xf9\x8e\xda\x01x&amp;a\x03\x14\x83\xea\xbb\xa7\x93d`\x8c)\xdas\x8e\x08m=\x894\x00\x00\x94v\xcc%\xb5\x97\xf2\xda\xc3\x17Hi\xed\xaa\xa9B\x14E\x0c\x9f$x(\x90\x1a\r\x00\x00z\xa8\xac\x8fNS\x10t\xd6\x95\xfd\x1dZ_\x1a\xaf\xab\xef^m\xb8\x0bH\x07\xdd&lt;\xaa@V4\x00\x00\xd4\xf6\xde\xf0\xaen8.tW\x13]\xd7\xa9\x94\xc69\xb0L\x0b\xf4|\x00\xbb{^\xd1\x80\xe5\x95\xf6\r\xb5?i\x00\x00\xa8M}\x81\xdd_\x87tg\x97\x83\x1e\x05?t\x97\xdfb=12\xb1\xd6N\xe9\xee\x98\xf8\\\x9a\x04U\x96\xf2\xd3\x00\x00P\xddf\xc3\xbb\x84(\xefo\xd8\x19Q\x04\x00\xd1\xac1F\xde\xb5\xf9U\xbe\xba\xa9\xdc/\x03\x05\xef_\xd2!\x03\x0016\x15Y\xfd\x9b]\xa2s\xa4=\xc0M?\xd9\xf5\xdd&gt;\xcbr\xd26X\xfd\xc9|\xc6z\x12Q\xf6\xd8\xf8 \xeb\xd1\x01\xe0\xc0\xebM\xc0^\xaf\x9f\xa4\x17\x05\x8a4\xf5\xe6\xe4\xa6\x02[G\xd6(\x1a9\xfe\xfb\xbavk\xcd\xe5K\x88\xad1W\xaf`\x7f\xbd\xf0\xcd\xbcG\x03\x98\xa7\t\xa07\xe5\xbayz\xe8O\x02\xa0@\xd6\xccdYB\n$w\x95tY\x03\x00\xa0[\xa7](\xb4\nB\x11o\x88\xc2\xa3w!d\xb3\xa3\xcd\xf7E&gt;\xcam\xa5i\xf0)\x00\x00\x88t3E2\xe5Yr\x1e|D\x9d\xcc\xd0\x05\xd4\xc9\xf5dm\x9f\xd9\xcf\xe1\x11n]\xda;\xc8\x0c#\x00\x85\xbds0k\xb2l\x7f \x97S0\xeb\x13\x11kM\x9by\xaf\xd7\xe2\r\xa0\x06\x11\xd1\xfa\xec\x97\xb7\xcd\t\x97\xd7*\x109\xadJ[\xb41\x05\x08@=-\x94D\x89;]\xacm\xe3\xb2Ox\xec\xcbNG#\xea\xc8\\\xbb\xd5\xd7\x89~\xb7\xd3\xf1ka\xe9*\xc0T\xfe\x9b\x96\xf6\x8d44\x00\x00T\xa4\xb58\x121\xe6\xb7\xd7\x0eD\xbbT\xd5\x900\x96\xac=\xdc\xfa\xde\th\xef\x9f\xb6\xa5\xfb\x7f\xcelU\x05\x1e\x000\x90\x12k\x00"\x0f\xae\xaf\x9f\xaf-W{]\xa3\x00\xa2\x1d\xc0\xc1\xa1Pc\x04\x00@\x87\xe2{\xe9\x94\xf5\xf3\xb5\x85\xbe\xc6\x8a\x88v\x00f\xf5\xde1c\xccI\x91FN\x01\xa0\xb4\xed\x9cTr!\xa0["Wo&gt;\xc2\xb9\xd7BO\xc3\x84}\xc4\xba_4\xcc\x08\x00\x80\xd2\xd4W\x08\xf6\x93(\x98\x0e4(\xee{4E\xcf\xfa\xa7&amp;\x99\xd7\x97\xfd\x8d]\xefW\xc2\x02q\xf4-Y\x01\x00c\x8c\xf9\x1e*\x8b\xb9c-\x81\x19\xed\xce\xa81C\xaf\x04\r\x80\x82\xab\x83x\x94\x00\x00(Hd\xd3\xc9W\xe4\xb5e= \x96\x14 \xfe\xef4\xd5\x00H\xa0\xa1\xa0\x96\xd1\xd6\xed\x03\x80\x0e\xcd\x19\xb1\xc6\xbc\xf8XHPl\xb8!\x96\xea\xea&amp;\xfe\xfb\xb8\x8a\x94\xc8\x82\x00\x00\xcd\x93\x95\xdaa\x01\x80\x06\x8c\x9c[\x8e|\xed\xf9\xb0\x08\x18@+d79\x07h\x1d5\x1b8\x1ar5\xe7\xbb\x9f\x88\'%\xc0}/\x1b\r\x00\x00\rX\xf2\xb1b\x85\x00\x03\x14\x00P\xd7\x88\xad\x9e\xa4n"\xf0\x83\x82\xc1\x00\x80Xe\xca\x83\xa5\xea\xcf.\xe6^\x88.O\x9fe\x8c1Fx\'\x0f\xae\xa4|k\x8aHk\x15j^\x87\x90\x11\xf1\n\xa0\xb4\xb0"\xed\xfe\x9d&amp;\xa9\x1c{\xfd\xa9\xd1\xba\xa3\x01\xe0\xe9\x95\xdc\x88\xb4\x84\xcad\x14\xc5\xecr$kMp\xcd\x8d\xc7\x13kL\x01\x02PZX!T\xe5\x9d&amp;\x94\x96^\xa8^xa\x8aY&gt;\xdd\xcc\xdf;&lt;SE\x1f1\x111\xe6;J\x9e\xb1\x8a1\'|\xd2\x00\x00P\x81\x9d\xd5\x0e\xc8\xc6I\x19\xa0,\x84\xb81`\x11\x8e\x11,\xf9dd\x86\xe9\xf0u9{\xd51s\xc55I\x97\xcb\xd1\x00\x00\xd0\x82\xf7\xb6\xa1T\xf2\x00\x0f\xa3\xf5nj\xebVH\xe2\xb9\xbb$\xec\x16o\xd3\xc6\xeb\xc7\xd5\x89\xba\x8c\xcc\xb6\xa5\xbb#4\x00\x00\x14\xb6~\r\x80k\xa1\xb5\xfa\\\xc6\x02\xe9\xa4\xb4\xfb3\x03\xd5\x9cZ\xd7\\e\xa5\xc88\xd8\x9c\x80\xaf\x9e\xb5\x1e\x9b\x07\nG\x17s\x93\xa0\x11\xb0\xe9\x0b\xcb\x17c\x16\x184m\xb4\xd4\x02\x00U\xec\x1a\x00\xcem\x80"\xd5\x14\x91\x90\xf6\t\xa0\xd6*\x19\xff\x85\xf3?\x17L\xe7e\x1e\xab\x01\x9f\xdc\x92\xefH!o\xec\x03\x8d\x1e\x00\xa5mv\x012\x91c\x9a"\x92\xb8\xff&amp;\xe5\xbe{\x80.\'[\x8e\x96\xdc\x1c&amp;\xf9\x16=\xa7\x81/\xbf\x11Pg[\x0f\xdd{]\xac\xd9d\xddj\xb3M\xf6&gt;\xba\xc2\xda\x0e\x00\xa5%-\xfe\xa7\xff\x16\xce\xe2\xd9\xb8\x1d\x8d:I\xb7MW\x8fN\x03_&lt;7\x18\xc8\xfb\x1d)d\x82\x8d\xa3\x01\x00\xa0yEK\xfbW\xf9\'\xc7\xf9\xb2\xda{\x01\xdb{\r\x90\x16\xda\xef,*I1\x13&amp;AE\xfa&gt;}\xae\xa6\xf8\xa7L\xc0WG\xd3\xf6\x98h\x0b\x8f\x1e4\x00\x004,k\xe6\xfet\xf0\x93\xda\xff\xf4\xa3\xce\xae11\xc6\x0c9\x1a\x1e_}\xb7\xd62\xe99\x89\xf4\xc9/\xbaY\x1b\\?^\x7fq\xbb\x97\x8e\xd7S\x96 BnN\xb7M\xb7\xc9\xb2\xa6\xe3\x19\x07\xccXZ\xc7.@\x00\xb0a\x83\xf6\xc2X\x95\x7fJ\x0b\xc2\xc1\x0b\xe8\xc8\x1a&lt;\xf5\x1b\xa5t\xdc\x97\xdd\xbeCz\x9a\x8b\xdb\x8d\xa6\x1e\xe2\xcaeuo\x8d\x1d\x96\xb4D&amp;\x00\xa0m\x91\xbbX\xe8)\xdd\xe1\x82=\x9dPR\xbb)\xed\xf41\xa9\xfe\xec\xb4\x1b\x9f\x00\x80g\x85\x8b\x19\n\x95|\xaa\xd7\x18\x0eh\x00\x00N\xdek|\x97=\x9aU=;zBR\x89\xa2{\x01\x00I\xbc\xaah\xed\xe4nd\xc4WJ\xd6\xb6\xb9\x0bu\xc8\xb4\xa2DS\xd5\xb0U\xe7\x11X\xbd\xd3\x9d\x9b\xab\x8d\x88|\xf1\xeb\xa6\xa4\xb9/*&amp;\xcf\x01\x18\\\xa6}*\xf2Q\x12\xe0\xa7\xe5\xad\x89\x97#;_\xf5\xf4\xb1\xdc1\xf3\xae\x9f\xb4\x92lrK\xb2\x1f\xee\xe3\x9a\xe9]\xbd\xf0\xfdI\xb6\x99\xf2\xa4$\x1b9\xc5\xceW*\x89H\xfc\xcbs^X\x04\x0c\x00=z\r\xa8T\xe9\xc3\xb3Ez\x97\xec\xa7\xe7?\xc7\x91\xe6\x9e\xd1*\xd5\xb5U;\xcc\xa8]\xaf\xa9\xf6\x96%$\xef\xee\xe1\xcd\x96DaG\xf3]\xec++ag\x84\x03k\xadM\xd5\xcc\xa6m\x07@\x85\xb6:\x9c4w\xdd-RG\xa9\xc6\x1e\xf7\xf2\xc9\xa6\xad\x84\x1a\xc0e\x18\xe1r\x10@\xab$c#9\\%\'\xdf\x00\xbfs\xa4\xd5\xff\xc7\x1c0\x98\xda\xa8\x06\x00 \x81B}]\xff\x97\x9e\xee4\xba\xf7\x16}G\x82\xc7\xd5\x91\x1eb\x88\x88\xf9Ui"\xb0\x83\x0e\xf8\xa6\x03\xdf"Zi\x00\x10b\xdb\xe5\x96+/\xd5\xd3\xdf\xac\'$\xc8\x87\xee\xdbb\x92\x8f"\xceO\xa8i\xb4j\xd7T\x0e\xa3\xe8m\x8f\xc1\xcf,k\x00\x00\x8c c\xc7\x92d&gt;\xbe*\xc3v\xd1\xbd.|\x8c\xcb\x1f\xf6.\x17!"b\xfef\xfa\x18\x9eg\xed\x9f\xd4\x05\x9b\xba\xa1\x1fU;\x00\xcfZ\x8a\xcek\x1f\xd4\x0e\x00\x00d7mZ\x98\xb6o\xa9\x91\x9e*\xa4a\xa7\x15\xae\xbd\xdft;W\x16\x19\n\xc8\xc6\x1a#\xe6#\x8c-\xd5\x85\xdc\xda\r\xfd\xf6\xda\x01x\xd6HL&gt;`\x04\x00\x00\xd4R\xd4\xd1\xd4G\x99\x17\xa1\xcc\xd6F\t\xc4\xcc\xa5V\x94\xe0\xfau\xd5O\x9fCS}\xff\x08\x11\x9c3\xd3\x00\x00\xd0?\xdf-\xed\x94\xd0Vv\xcfq\xf8\xad\x95\xc3\x81&lt;F\xae,\xb6\xf5\x16\xc2.5\x9aK\x17\x948}2\x05\x08\x00\xe0\x8a\x12Z?k-]\xf9\xbe\xd6\t\xbb\x9d\xd92\xcf\xac\xb5\xe9\xdau"B\x0eP\x8b$\x7f\xcf\x1e#\x00\x004\xa3\x1e\x03\xd5\xb4\xee]\x18RS\xa0n\xb7PyO\xab#yTD\xe4\x03\x18\x89\xd6\xdaU1mo\xec=\x82\xba7\xe8\xfa\xd4\x7f\x98\xc6s0\x1e:(D\x9a\x04\xd0\xbc\xa7\x8c\xec\xbbn?;x\xae7\xf8\xe5\xab\xb6z\xf5R\x9d\xdbt\xf5t\x94\x0cR\x8fOh\x85+\xea)\x1a{\xba\x16\x00@*\xbe\xbd\xda\xd5jWJ\xd0\x1f\xa9\x96\x82\xd7\xaf\xca.$\xbb\xdf\xa3\t\xf3\xbd\xfb{k\x07\xc4\x89C\x9a\xff9\xe5BSNo\xcf\x14\x93\x8a\x00\x14\xf6*8\\\'\x1c\x8bH\xf4\xec\xe4\xfdK7S\x1c\xb3\x8cu)\xdbD\x80=)z\xa1f\x00EwgJ\xd2fy)u\x85\x88M\xfej\xdbq\x04\xbc\x04\xb7\xe2J\xe5\xab\xaa?\xf7\xbd-,\x02\x06\xa0\xdb\\g\x8f9\xc6\xff4\xff\xf0z\'Nd\x902\xf9\xf0&gt;\\\x03t\xfc\xb7]c8\xad\xf0\xd4\xb9k\xd6Z;\'\xec\x9f9\xcd\x00*\x1d\x8co\x9e\x7f\x18 \xdd&amp;v\xbb\x03\xe6M_\xbb\x96x\xeez\x07O\x06`\x01 \x8d\x8f\xad\x92\x9f\xae\x87\xad\x99T\x83T\x8e\xb3\x804$-\ra@\x7fd\xcb\xb4\x9c\xd2|J\x81\x1f&gt;}\xc3Pp\x00\x80Z\x9f\xf6\x9cA\xd7\x9d\xb4\xdd"\xe2\xea\xcev)0I\x0b\xdd:6\x00\x1a\xb5z`}\xbe\xd0\xfe\x85\x03\xc0\xa0\xc8\xc4\xbd\x11]\x0e\x0e#\x00\x1e\xd1E\x82&lt;h{\xdd\xbf\xf4\xfbR\xe1n\x1a\x00\xbeD\xe4_\x141\xc6|q\xbd-\xbf\x8eF\xbb\x0b\x00ZW3\xcf\x1a\xb3\xf4\x8a\xf4\x8a.K\x8ce\xd1q\x82\x14\x11c\xfet\xd0\xb7\x1a\xb6\x9d\x1e\xd3\xf6\xb5\x1c\x91\x85\xea\x11y#z]\xb4\x01@-\xf1\xdb\x05(\xc7\xb9M\xb5\x00\xb4I\xe6\xb7\xd0\x13c\xe9\x89H\x97q\xbb&lt;k\x9e\x0f\x9a\x18\xb9X^\x9d\x93Do\xaa\xb3\x1caW!#\x9fA&gt;\xe2\xbf\x7f\xd4\x82]\x80\x00 \xb1\xee\xba\xc7\xa6-&gt;\x1c\xca\x98\xff\xb5\xa7\xab\xced\x9f6\\\xe3\xb6a^\x13\xa2\xf2\x05\xa3\x90\x8b\xcaX\xfb\x17\xb6\xd2]\x16\xd7\xaa\xae\xf7_\x02\xd0\x1b\xb7\xd5WyJ\x97\xd5\x98i\xbe\xd2\xab\xdd\xf1\xf1\x16\xc3\xdc\x98\x9e\xa6O&lt;^E\xc0\xb3\xf6U\x8ab&amp;6$\xdd\xdc\xe8\x95A\xd7\x00dU)2\xb9}\x00J\xab\\r\xe4\xcem)\x1d\xb5\xe1^\xe4\xe0\x92\xc8\xff\x81\x0c1\x9f\xf9\xe1\x92\x8b\x9f\x83\x8e\xd5m&gt;@\x16\x97R\x95\xc8\xe4\xf6\x01(\xaf\x81\x92\xe37F\x8c\x12\xd0\x00P\xe7\x13\xb9\x17~\x1cS\xef\xd3\xc7\xb2&lt;\x051\x0f\x97\xd7\x17\xe3\x03\x9fy\xa4\xd1\x9d\x860\xe0\x92\xdcn\x1bEQ\x02\xa0\x1b\xaa\xeb\xc7S\x99\x1d3\xccM\x03\x00\x1d \r\x07\xd5\x9b\xef#m\xaa\xe7\x15\x8a\xd5\xe5\x0e\x8e|\x1f\xf3\\\xfb\x7fW/\x93\x1f\xf7V\x02\xe8@\xa1Y\xa4\x11\xc7O\xd4\x00\x18\xb8\xdcE\xeb\xfe\xdd\xde\x1b\x00\xc9\xaf\xee1\xc7\x98\x07\x04~s\xda\xf3&gt;\x86\xa7\xef\xfbxc\xbe\xf6\\7\xba|\xc4\x8e|7\x01\xf4`\x9b\x81\xe6\xca\xceb\xf2\xe8\x98|v\xf0B\x17hB\xda\'T\xb6\n\x9c\xf1\xd9\xf7\x93Zo\xf1\xd3\x93\xfb\xe5\tI\'\r\x006\x0f\x02\xd0-\t\xdf#y\xcad\xc9!\x81\x8a\xe4\xf1\x19\x8cx\xc6\xd3\xdaT\xccN\xc3#\xd1\xaf\x1a\x08\xf5\x1c\x8d-\xe8\xe3*b%L\xf0\xbc\x07\x00@\xb7"\xf6H\xee~k\xf6\xe6\x8d8\xcc\xf2\xef\x8b1\x1f\xea}\x1e\xf0\xfa\xb6f}\x06S\xa6\x9f\xdd\x91N\x8f\\\xaf\x95\x92\xf6\xbcuV6\x8b\x98\xffq\xb4\xe7\xfd\x0c\x1b\xff\x03\x00\x86\xf6\xd0\x00\x101\xe6\xf3\x0b\x06\xa7\x84\xdd\xf5f\x9dAWC\xe9\x99\x15I\x1b\x00\xcfS\x80\xbc\x8e\x93*`\xbd\xc8&gt;eT\x9f]\x8a\x1a\xe7\xc2\x01 5\xb2\xd1qt_\x8b\xea\xaf\xa68_\xce\xdfS; !\xd26\x00\xd8?\xe0\xa8Fj\xff\x17j\x95\x17rP%\x18\x00\xd0\x03\xbaR\x1a\x93\xa4"\xa5Q\xca^\xe7T\x87\xd2@\xf1-s\xf0\xa5\xd4\xd5r\xf3\x8b\xdb\x88{!\xeb#T\xb9\xa1eN\xcdD"\x00JI\xb2\xd5N\'\x19\xa9\x9ei\x94Rmi\xa0j\xcb=\x8b\x88\x1c\x8d\xab\x06\x97\xdb\x9d.y\'\xa0%\x11\x8a\x18\r\xc1\xf0&amp;"\xc6Z\xab\xe4\x9e\x86\xdeM\x8d\xcfKy\xcbML\x91\x05E\x85!\xf7\xa9Y\x04\x0c@\xb7\x04\xef\xe3\xdc\xfc\x935TMHq\x934\xde\xe6\xe5\xb2\xa6\x1f\x86\xea0~\xee\xd4t\xba\xe9\xeabl\xb9&amp;\r\x0b4e~\xf9\x97\x7f\xd2\xd2\xf8\xbcL\xca\xf7\xc4\xd7}0\xed\xacb\x18\x00\xa0.u\x85=\xae\x95\xbcY=$\x8c\xd1f\x8cD]o\xc4wW_\xcc\x12\xdb\x7f^\xd3Md\xe2x4\xe6\xdf\x03@vd\xaf\x08\xd1G\xb2\xb9\xae^\xf4pug\x92T\xe2\xfdO9\xc7s\xe2\xfa\x9c\xd2D8_\xaf\xd2\xe0\xbdI\xaa\x15Y\rT\xd3\xef\xdf\x0f]\x07S\x80\x00\xd4\xd1@\xa6\x9d\xcc(\xd7\x19/Y\x9d\xa0\x05W\xa3\xfc"\xbd\xc6C\xf8\xac\x86\x88/\x86}\xef\x99,\xff\xd1\xe5u\xc1\xd2B;9I\x00e\xf7\xbf\x1a\xedS\xa1\x86\xb1\x05\x1a\x00\x00\xea\xebz\xbcU\xe6\xfa\x1c\x9c\xb8DUG\xb3co\xba\x06\xe3\x8eK\x92{\xc9\x95T\xac\xd5\xf9\xba\xc0f\xee{\xda\xa7X\xc4\x98\x8f\xab}\xed\xf3C\xf7\xf8\xf4i\xc8\xc1h\x00\x00\xa8)"\x1b\x9cZ\x0bK\x9bAi\x8f)\xd50\x1c\xbd\xdb\xba\xc7\xe4\xf1\xde\x00$\xea\xf8\x866\xc0\x81\xb5**^\x99m.Py\x1aHr;\x96\x83\xc8\xb7\xc4\x1f,\xce{\x89\xff\x07\xcf\x9f]\x82]\xe9\x1e\xd1\x00\x00P\xc7\xbc\x19\xe2\xfbg\xe3S\x1e\xbc\xaaO\xab\x0e\x97\xd5\xcf\x8a\xca&lt;\xf6s\xf0\xb2\xde"\xb3{\xa7)u\xf5\x1b\xd2LrCD\xe9.\xb3\x19\xe1iJ\x92\xcd\x8a\x881\xbf\xd2\xf7K\xbb\x80\xcc?\xfc\r\xf7C\xd4*\x1c\x86x\x18\x00\xe8$Q\xdbf\xbf\xcb5\xaa\xd7\x9d\x11%\xdb\xd2g\xb3\xae\x93\xed\xaeT\xde#\x00Q\xa3c\xf1\x07\xe9F\\&gt;\x13{fkM\xf9\xba\xd6\xae\xd2O2p\x11\x9aNN\xde\x9fP/\xc9y`\x04\x00@5q}6\xaa\xf3V\xc4P^p\xc6\xcb}\x81\x8f\xc7\x1f\xa1Wxa+\xa5\xa8\xed(e\xf0AB\xbe\xbf\xeb\x11\xcfp\xbb;L?\xa1\xe5Q\xab\x99\x15\r\x00\x00\x1a\xb9,\x08\xee\xbe\x9a\x88\x8e-u\x8d\xd3t\x1e\x9f\xb6\xe7\xda\xcc\xf9CT}\xfeqQ\xb5\xa6X(\xc8\xa02\x85\x81\x8d\r\xee1\xed\x13\x00Bt\xbd)P.\x7f?q\xd5\x05\xd2|\x065\xa3T\xf9.\x05a\x86\xca\x9f\x07\xb9L\x00\xa8\x8f\x06@\x90\x16\xe3J\x0c7\x1a\t\xac\xd2\x0fi\xe9\xc2\x17\xb9\xc5\x8c\xcb\xc38?\xb3\xf2\xf8\xc2\x8aF\x1f\xedu\xa6\x94\xe4\x12\x92\xbe\xd9#\xcdq\x18\xa1\x00\xa0\xce\xcd\x12I%\x9aX\xe3\xd5\x82M\xd9\xdat|\x92$*b\xcd\xeb#\xf7u\xe1\xceK\xf0\xa7\xadf\x1f\x8ey|.\x9ayR\xe6\x15\xdcI\xf6$Px\xd5\xac\x01\x00\x00\xdc\xc9\xd7\x87\xd7`\xe7\xa0\xac\xfe\xdb\xa7\xb2\x032\x12\x9f\x08\x1a\xedc.\xcc}\xa3L\xe7J\xaa\xd3{\xd0\xac\xfd\x9f\x1e&gt;!\t\xd2@\x16\xfe\x9bS\xdf\x1eL\xdd\xaa\x00]\xa1\x01\x00c\x8c\xfe-&gt;\x15v\xe7\xe4\x93\xefb\x1b\xeb\xb8\x15\x91W O6\xfe\x9b&gt;PmO\xeftJn!\x9a\xb2ou\xd5,\xbb\xbbGx\xe4\x93\x8c\xc32\x87\xf5\xb7\xba\xdf\xf3W\xad\xe7w\x95\x01@q-\x96\x08\xe5*\x1c\xdd4?\xacU\xda\xf7w\xceZ\xfb\xaad^\xc4|\xfbw\xc4\xcc7\xa5\xa1Ky\xbfFp\xd3\xa4l\xe7\x02\xb4\xf1\xac\xfd\x9b\xb8J|\x07\xf9X\xa3\x98\x02\x04\x00\xbe\xce*\xad\xe5+\xb2\xa5\xea\xce9\x07\xaf\xdfG\xb6\xf6\xa7\xe69EZ#TV\xa6\x9b\xb2\xbc\x929_2K\xdf\xf5\xabp\xa2\xc5V+K\xde?\xe5\xf9#\r\\\x05\x00\x00\xe9\xf4\xbcC\xd1\x7fPg\xb3\xc2&gt;#\xb3}\xea\xee\x8b\xb6\xf0\xf8\xd8nn\xa6\xf7B\x9c27\x11\xb3\xb9\x9c\x0c\xa7\xe8\xdcf\x97!\xe5I\x02\x00\xf02|\xe9\x05]^u\x88\xde\x93e\xd3\x15\xc7u\x03\xe0_\xbd\xbc\x8a\x96\xae\xae\xe9\xdb\xe1+\xcf#&amp;\xa6^4j\x1e)\x03\x80\x15M\x13\x93;[\xb8\xd6\xcd\xa2\x82\x91\x8dp\x13\x1b\xbfF\xed{\x1b\xf8*\xb9^\xbc\xba\xfe.\x965\x00\x00\x1a\xf0\x1a"\xd5\xd4\xdb\xf4\xe1\xfc\x81)\xd53\xa4(V\x11L\xfd\xf4\xf7\x04\x1a\xbf\xc6vC~\xe2\xa7j\xca\x8d\x0b\x98\x12^\xcb\xc9\x0f\x00\xda\x94\xbd6\xfc]\x14\rg\x17\x1e\x14V;\x94\xdf\xf3r\x0b\x0c\xe6\x9d\x98\xbbH\xcf\xdb%\r\x00\x00\xb4i.\xc9\xfe\x99\xda\x01\xc1\x1a5\x0c\x85F_\xb0\x18\x9c&amp;\xd3&amp;\xe6\xba\xcf\x05\r\x00\x00@\x0f(\xc9t\xe2\xbe\xe8\x93qc\xd0lGNh\xa9\xf5V\x0e\xad\xe7s\x91\xbe\xb2\xae$\x1e\x06\x91\xfc\xf61\x99\t\x00\x90\x9d\x88LShk\x07\xc4I\xe3\x8bMGP\xf3E\xbf\xd5\x93\x87\x88L3\xd2\x9d?\xfczIZ\xda0\xaf\xeb\xa3&lt;,G\t\xf7\x8a\xd8U\xfd\x93\x1c\x96E\xc0\x00J\xa3Ow@\xf6c\x8d\xb6e\xdc7\xac\xa5B\xa3\x97\x96\xfc\xa3r &lt;\xd2g\x8e\x18+\xbcH\xa9\xd8\xb9\x12J\x91\x87\xc8\xdc\xda\\\x1d6\xfa\xa0i\x8f\x03\x00\xae\xfa\xdbO\xadn\x7fd+\xaa\xf7\x9b\x1e)\x0cRV\xfe]\x92%\x13\xf6+cp\x0b!O\x9c\xab\x1c\x9d\xc7\xbb#\xbb\x0fG\xc0\xcb:\x83z\xfdl\x92\x8d\xa32\x02\x00`\x1c\xb9\xba\x91\xa6=J3\x1d\xbc\x1b\x17{8\x12o\xa5\xc8\xeb\xadC\xce\x1f\x9fv\xac)t\x83&lt;\xcfCu\xd3\xcd1Z\xff\xdbd7t\xf5D\x9f\xdc\x8eF\xbb\xedUY\xe7\x99\xaf\x9f\xd3\xb5\xdfx\x84\x00Tp\xd3\x13\x99p\xde\xe4\xee\xb0&amp;c_o\xf3\xfd\x91^\xb3\x8a\xd3\x9e\xb8\xe2\xc2\x80\xa1F\x00\xbcflW\x99\xde\x9d\xe9\xd9\x1f\xd9i-\xbc@$\'\xef\xaeFr\x8c\x00\x00\xa8\xe0\xbe\x04\xca\xd1uD1tk\xea\x1b\xaeq\xe6\xaa7\xa6\xf1\x17K\xf5\x86{\x91\x9cs\x8c\xa6}\xf8\x977\x1e\'=*\x92\xa2\x01\x00@\x97lu\x80\xacU\xbd\xd6\x0b\xba\xd6\xc3\x0f\x0f^7\x9bJyj\x85\xdb\xd9\xf6\xb9\x95\x9b~\x89\xb0=\xfc\xd0\xb0\xd5V\xa7\xffX\xe5\xa0$\xd5\xc3\xbd\x01\x80\x1bmm@9\x1af}\xdcz\xd7\xccV\xb14\xfd\xea)\xd2Dd_}\xf7Ze\xdb\xe5b\xfd\x91\x9d\xa6\xa5\xdcw\xd9-\xad\xc6\x9c \xf3,\xbe\xc8%\xd4\x9a\xa7\x9e2\x02\x00\xa0gS\xfe\xdb\xd0\x06\x94Y)|s\'\x95\xcb+W7J\xc4\xb8\xac\xcd=\xfb\xf3\xd4\x10v\x8d\xf0\xca\xb7FS*\xcd\xa5\xe85\xbe\xd7\x92n~\x9bw\xe9\x8f\xed\xa6\xa3Y\xe5t\xc1\xa8\xf0\xd0\x00\x00\xd0\x80$uVU\x15\xdf\xbaz\x8e\x8a\xaf\xe9\xf4\xd2\xe6\x06\xc1R\x0b\xb9\xbf\x89\xa7\xf5\x95\xb0\x1aL\x9d\xd4\xe2:J\xd1\xf2\xed&gt;\xdc\x8e\xac\x97su\xf7\xd3\xee-SX\xeez\xf9\xab\x81\xe49h\xb6\xfa\xba\xde\x06\xd0\x07\xb5\x03\x00\x00N\xc2\xe6\x8a\xacwP\x0e&gt;\x08\xf2[\xcfN\xf1\x1c\xd7&gt;\x94\xba}\xde`k\xcdj\xb6\xc6\xbckS\xc7\x9c.\xaf\xc3\xc79\xe7\xbeX\x1dFW~7\x91\xb6+P\x0e\x9f|\x8d?\xeb\x8ct\x1a\x00\x00tK\xd1\'\xb6k\x06\x8c\xc1o\xc2w]\xab;\xe3_\\\xda\xce\xdf%\xb0\xde\x08\xfc\xf8\xcb\xdc\xa7\xd6\xfd\xd44\x90\xb6\xbd4\xf1\xb4\xc2l;\x95\xa6\x1fN\xee\x9d\x84\xe7L\xaf\x16\xbe\x98\xc3J\x9edh\x00\x00\xd0+\xedf\xe4c\x15\xaegUj\xb51\x10\xd2\xf1\xbf\xfd\xb6\xeezj \r\x8b\xd7\xd73\x8e\xd4\xa6\x9f\x9a\xa6\x0e{\x113\xe2\xdbp_\xf5\xd3a\xd2\xc6y\x1euy\xe5\xabQ\xbb\x90\x93e\xce\xd2X\x03\x00\xa0\x01c\x94.I\xd9e\xfb\xbfV\xa2\xae\xe6\xeb\xc0\x14\xb6\x1fvI\xbe\xee\x02n\x85\xf1\xa3\xc4\xd2\xfd\xdb\xce\x83\x96\xce\xaa&gt;&lt;F\nY\x0f\xc1\xfdE;M\xf1\x9fVP\\\xaf\xaf\x08*\xbc6\xa3\n\x99\xe2v\xbc\xf4\n\xa0))\xb7Q;\xd9\x18\x11\xc6T|\rp:\x1d\xecYy\xdf\x8dZ\xe5\xd5\xbc\xbbS\xb7\x1b\xb7\xa8A\xed\xecw\xedd\xbb\xda\xc7\xe4y\xf4\x18\x01\x00\xa0Z\xcaM\x1e\xe6\xb9\x0ci\x8e\xd6\x97\xc2\xfdw\xabw\xebT\xa0\xb0\xcb\xdf+&lt;\x85\x03o\xc7\xea\xe5=\xba\xbd\xea\x01\xe2$\xecy\x19 b\xca\xc9\xf1\xe8\xd1\x00\x00\x80n9\xd6\xb3\xcboq\x9d|nR\xe3\x95T\x87{\xb4\xfbB\xd9-\xe4\xbd6C4\xc6\xf4\xd4\xcc\xbe\x8f\xe9\xde\xdf1\xb2\xdf|\xd6\x1d\xe3E\xc1N\x97\xfb\xe7{]3\x00tn\xc0\x99\x0c\'\xfbR\x9b\xea\xebJ3N\x0ch\xf7\x16\xbbT\xb3\xcev\x19\x7fO\x11Vu\xc9\xab %\xbf\xdd\xa5\'\x96\x0c\xb3\xc2\xf5\xdc\xd5\xe5\x0f\x1e-\x1d`\x04\x00\x00\xbae\xad\xb5\xdf\xb0\xf9MX\'R\xd2\xce\xa7\xeco\xedi\x91\xcb \xcc\xc3\x07:\xec\x87&gt;\x1d\xbf*}\x8b\xdbMTI\xdc\xbd&gt;\xac+\xfd=&gt;\x0f:\xbb\x7f\x00p\xae\xe2\x1a\xca\xea\xe2\xaf=m\x1f\xb3\x88\xe4\x1b\x88\x98\x83\xfa\x91\xc6\xfc\xcd\x1c\xc7\xafk\xd7\x12\xb3\xab\x99O\xb5\x07v.E$\x1e\x11Y\x7f\x91E\xa5\xc8\xa3\x9d\xfd!\x12f\x9e\r\\-\x00\xa4\xb0\xbc\x18\xcb\x8c\x96\xf5%\xdf\xe4\'r\xa6M\xd6)+\xed\xce\x02r\xd4fS\xd6\xbd\xee&gt;]]+\xd7\xd5?%[\x84\xb9\xcf8\x9a\xb3\x17S=\xcc9(\x9c\xef\x07\x00\x18E\xdd=\xe9\x9dh\x0e[\xb4\xc2\xf1\xaf\xfd^\x03k?S\xean2V\x12\x0f&amp;\x00\xb8#\xc7L@y\xa5Py\xf0\x92\xcbz\xb1\r\xb4\xf7\x80\xb1$h\xe1\xb0\x08\x18\x00\xba&amp;\xf2\xa1\x0cU\xb7\xf2;\x87z\xf1\x0eY\xcb\xb5\xdb\xa9j&gt;H\x05]\x7fSDy\xf02\x1b\xf9\xda\x03\x04FW\x92\x11\x0e\xbd\xd97\x00 ^\xf7s\xe21\xd4-\xde\xbd$u\x84Kn\x88\xc3\x1d\xc9\xbc\x92{N\x1f}\'\x0c\x97\x85\x19\x8fk!\x18\x01\x00\x00 \xb1\xb9\xa3\x9a\x0e\xd1\\\xc6\xeeh\xcf-0n\xa7\x9a\xa6\xac\\|$\x97\x96\xd3D\xe2\xb0\xff\xf8\xe9\xa0\xd7G\xed\xb9\x85\x04\x00X\xd7\x94\xfa\xee\x15\xd3\xa6\xd8\xf6)\xefNqS\xfd-o%\xb0\x11J.\xa9w\xc3\xcc\xba\xe1\xef\xd5\x19\xa7\x1f\xfaN\x1e\x8e\x8f\xc0}\x16\xd4s\x04\x01@C\xf2Uk\xb6\x1bG\x1ar\xfe\xa4\x96\xede\xab\xc5j\x9b\x1b\x83v\xa6\x87w\x14\x94\xaf\xaf\xe7\xb1{}D\x87\x92\x14\x16L\x01\x02\xd0\xad\x86v/Y\x02\x99#\xb4\xeb\x05\xbb"m\xcf\x9d\xd0\x16\xf8%8\x1a\x02\x96\xb1\xcesyu\xf5\xafZ\x87\n\x9d\xdcY\xf4PmV\xbd?\x81\x8b2\x99\t\r\x00\x00\xddj\xb1\x18\xc8\x17\xe6\xe8#\xab\x98\xd1\xae\xeb\x96*\xa8\xf4\x9bM\x9c\\\xc5NT8_\xab\x19\xce\xda\xd2\xad\xb7\'\xb1XV\xcf\xfa|x \x19\xbb\x93\xce\x8eY \x86i\x00\x00\xe8\x99\xf2\xdd*\x17v\x96\xfb,\xc1\xdf\x15y\xd5\xf6j\x0f\xaah\xba\x9b\xfb\xf8\xac\x15-\x8fq\x12\x15iM&lt;Au\x95|"\xfco\xc7e\xd3\xfd\xf8,\xbb_\x88\xcf%Wx.\x92gS\xf9\x9e\x82C(\x1f\x83-\xd6&amp;\x08\x0f\r\x00\x00\xe8\xdef\x8e8\xf5\xb9I\x92*\xc2&amp;2\xeb5\x8br\xdf\xd6\xab\x06j\xccy{\xda%I\xeb3\xb5D\xefI\xf0b\x12\xbf\xd7}\xaf8L\x94\xbc\rP\xe4F\xff\xeb7\x7f\x9b3-\x9d\xe9\r\x00\xb2\xe8\xa4\xaePN\xe2&gt;\xb0U\xff\x7f#++\xee\xa5\xde\xa9\xb3\xf9\x08\xc9\xa4\x8f\xd4\xd2"\x99\x86\xed\xae\xff\xbaN\xffA\x8f\x83\xd3\x9d\xadr\xf7s\xa4\xbaL)\xf9t\x1c&amp;\xe4D\x9ec2\x8c\x00\x00h\x05}\x1e\x9e\x12G\x985\xdb\x0e\xb0R\x15\xbb\\\xa7\xb06\xed\x9eH\xa4\xcf{\xe3\xb6\x01j\xb6\x7f\xec\xaf\x7f\xfc\xc4\xeb\x7f^\x0f\xf7y2^5\xfb\xd7\xd7\xe2\xd4!^ex$go\xfd\xf9\x94\xfd\xfb\xe6V\xd0y\xe4\xfd\xdf\xe7\xcf\xbe\x16\xea\xb8\x1f\x18\x00\x80\x10e\x1a\x00t\x1e\xe7\x13|\x07\xbd\xbe\xc5\x08@-\xa9\xa2};\xee\xc7\xad&lt;\x17\x1a\xdb\x1fs5\x02\x10\xf0\x94\xdd\x7fk\xf7\x01F\x00\x00\x00!\x94\xce{n\xac\xaeYgvD\x8aX\xfa\x85\t\x82\x92\x81\xd2\xf6F\x8dP\xe5y@U&gt;\xf5\n\xb8\xe4\x87\xc7\x16\x94\xc8_Y~\xbc\xf8\xbc\xeb\xd9\x1d3\xe4\xe5c\xdcH\x00@\x1a\xf2z=\x8d\xb9)\\\x96\xcf\x88$}s\xad\x88\xb1\xc6\xeb\x9d\\sH*\xbf\xc0\xabp\x00\x96*\x85\xc3\xe6\xa1)OZ\xe62WW\xd7H\xf5FD\xd9\xd6\xb6\'v\xd5P\xcdq[,\xa5\x058M\x9c\xdb\xe7\xd1\x1e?~\x9a\x9d&amp;\xb9\xcc\x0f"\xbf\x0f\x00#\xe9\xe1}\x9fY9\xce\xaa\x7f\xcdnM\x14\x9b\xaf\x9a\xb4\xcf\xeb?5v\x12\xa7p\xd5\xa88^o\xd2\xb7\xa5\xca\xfd\xd1\xca?3\xd5[w\x8e\xc4\x18\xeb\xf6\x1cT\xac\xdaZk7\t\xa8\x85F\x8bB\xd6\xda\xe3M\x9c\xffyL\x03ww;IJ`\n\x10\x00\xb8\xea\xb4\xd2\x98\xc42\xc3\xe1X2\xed\xbb\x0f\xb7\xa3\xd5\t\xe2\xf4u\xc0\x06+%\x99\xaat\xbb\xea\xfe\x0f;\xebzLzfk\x8c1?\xf7\xfaV\xc6\x9d\xcc}VO\xa1$\x90.#\xb0\xd6:\xee\x92Y\xb91\xb3zl5\xe7\x82\xa7\x9d\xeby\xf9L\xee\xba\xbe\x89\xed\xe5]\x000\x94Be_\xda\xa2\xab\xc0\xac\xe8\xdb\xf5g7\xa7\xaeV\x97\x08Xf\x97&lt;\x00\xeb\x7f\x19\xf3\xddR\x1d\xf6qM\xa1\x88|q\xe2\x0b\x7f^\x80\x98\xe4\xe8\x8e\x1f\xcd\x11\x86\xddiR\x1e\xab\xa9~\x85\xf3u\xc0w\x97\xf0\xe7\x92$\x8c\x80\x83$Z\xeb\xf2|\x16\xa5\xcbN\x00\x00\xcdi\xae\x01P\xec,\t\xd5\rm\x8e\xb3\xcb\xca\xe6\x0f?/\xef\xad\x91\xad|\x07O{\xe4pzB\xe2 2\xde\\\xbe~\xf5\x99\xcd\xbd\x8b\x0e\x86\xf7\x85\x14\xb9M\x1a\xd3\xa7\x8b\xb6B\x0b\x00\x08\xd0^\xe14\x80\xf5\x1dIw\x83\xaa\xd5E\x82\xda\x00n\x1f\xfb\\}\xb5+U\x81\xc9)&amp;9\xed\x93\x84\xb6\x9b\x98\xce\xc7\xbe.\xed\xb8\xccF\xeb%\xab\r\x18\x00\xf8 #C\xeb&gt;?U]\xa1b\x9d\xa3\xd5\xae\xd0s\x1d\\B\xbc\xa8\x1b*\x17\x92\x87\xf2&gt;\x00\xc5Nw\x15\x80bap&lt;\xdd\xf21\x96\x1d\x00\x002\x12\x91\xa4/\xdc-G6;\xc9d\xdf\x00J\x14\xef`\xe8.\xea*D^\xb1\\5\x1e\xb6\xf7}\\\xeb\xaa\xe4Ml8F\xd7r\xb4\xc2\x1b\xc2\x16;\xe3\xfa\xd4\xcb\x19\x0b=\xd4\x87Z\xff\xd5I\xd7\x1fd\x17 \x00\x15\xf5\xd1Y\x88\x07\xa9n\xf2\xdf\x98\xe7\x12\xa49\x9c+1E&amp;}T\xadq\xa6\xdc\xd6&amp;6\x105\xa2a5\x85C\xdc\xdf\xa9\xd4\xb7\xb4\x910\x1d\xec\xb5\x8f\xd00\xd9~\x8e\x84t\x8c\xbd\xe5\xdf\x87=\xd6\xee\xd0\x00\x00PQ\xa1R\xb6F\xadQ\xb5\xea\x83\xe3a&gt;\xb2\xec.\x84#\xbd1S\xc55\xceu\x97\n\x81Y\x9dWETd\xb5\xe4\x87.\x99\xc0c\x85\xd2\xb9\xc6\xf9\xfe\x98\xb5\x1f\xef\x12\xce\x08\xd5\xba\xff\xf3Y\xee\xdajLr3\x9b\xdf\xf7J;\x89\x17\x00\xc3r\x1bc\xe5\x05^{\xaf9\xa0\r\x96\x8e9fh&lt;\xa5\xa2\x06\xd2\x0f\x13W\xe0\xc8eV^\xe1\x19;i\x15\x9b\xff\xf3z\xe8L\x89\x8ctw\xd7\xa6\x7f.\x17\xea\xf5\xfa\xf3\t#\x00\x00\x1a&amp;O\xfdXsWwKeX\x99\xbe\xf9F\xdf\x9ce&lt;z\x1c\xfd\xdc\xa6"\x9d\x93\x16\xce\x86q4\x86\xd3U\xa3\x03S\xcdq\x9f\xaf\xdf\xa2\xf2\x81/s\xbe\xdd\xe0\xd8j8%0?\xa4\x01\x00\xa0\x7f-\x95g\x1fT\x0fj\xf5\x00\xd4qU\x86*N&lt;g!.\xb2\xe00S\x9c\xb4\xd8\xd9\xdc\xa8|mZU\xad\xb8\xa4\xe9\xe9d\x8f\x1dk\xad\xb5\xbf\xa5^\xba\x8d\xea\n\xe1a\x03\xd0\xb0\xc7\xa1\xde\x8a{A\x04\x12\xa9\xd81\xdf^t%\xf1\x14\xe7\x87)\x13\xe5\xc7\x94\x963\x8a\xc8]R\x1f\xe8\xae5/G*\xf2:\xe6\xf5\x87W\x19\x81o\x8a\xaa\x9e\x0e\xb7\x99\x98I\x12!I2F\r\xb3\xaa\x98\x02\x04\xa0\x13\xd6~\xe5\xd3\x07Z\xab\x0f\xa9\t\xf0\xdc\xdd\x95~\xfd\xb4\xaa&gt;B\xe30\xe4qX\x99Z\xfe\x1e-g\xbc\xec\xf3c\xef\x1a\x17\xf1[\xb3\xa7K\xbd\x1e7kw\xd2\xd5\x9eE\xbb\x8f%\t@\xe0\xe5)y\xae#\x9e\x82\x87/v\xf6\x88\xf5s%\x00\xc64h\xa7u6\xc7"|\xb5\xc4\xad\xb1\xd5\x14\xe9\xbcb\x85\x04\xd6\xb4v\xfbq\xdd\xf7\xda\x8f\x0c\xd5i\r\xde\xe9\x98\xf37\xf5\xbc\xf4C\xe1\x8b5\xaa\x07\x89\x11\x00\x00\xcdx\xecUzm\xdd\xd7W\xdf\xcc\xb5\xf3\x9e\xbf\xbc\xde\x11;B\x0c\x9fz\xef\xbc\xd1\xf4*\xdbf\x10\xc9[\x8e\xf9\x9bg\x1e\xe8\xd4a\xefzH\xcf3\x9f\x87&amp;\xe9}\xf7\x8d\x8d\x87?/#\xa2A_\x0f\nR^4\x00\x00\xa8f\x1fK\xa0Q\xaa\xfe\x8bB\x17;\xc5kD\xdc\xf6Y\x87\xeb\xf3\xaa2s\xac\xdb-\x9f\x91\xc3o\xf4hq\x0b\x9d]\x90\xe6\xcd\xd3N\xfe\xf4\xde[f\xf5;\xb7\x93\xb8v\x13\\%\x85\xe9\xcc\xb5bo\x8a\x12\xb7\x8f\x1d\x7f)\xe7\x8b\xaau\xcc\x89\xbaB\x03\x00\x80:\x9b\x8e\x96J/\x06\xd2*{Tl\xdf%\xe9\xb4S\xf8\xc5_5\xd6\x84\x92\xe8\xf5\xba\xf4\xd8V\xb2\xd3\xc7vd\x8f\xc1M\x7f|\x13i\xe3\xf1\xc5^f\x9a\xedw\xf2\xb1\xf3\xab\xdb\x8e\x8c=\xc4\xc0u\xec\xd5\xec\xc9y|\x03\x9d\xd3Kv\xb7w\xff/&amp;\tY6\x14\xab\x00t\xd1\xb0U\x02\x92\xe8lyFg\x97SR\xf5\x9daL\xa9\xdb\xa73\xfb\xf2\x9fz.S\x0b`w\x90\xe9\x07{\xf1\xfb\x85\xaak/\xe0&amp;iU\x9f\xf4\xbf\xb5\xb9W\x8c\x00\x00\xd0e\xca.u\xe4\x99\rt\xe6i\x96|a\x86\x92mF\xe0i\x88[\xa6\xa1\x91\x93\xce\xc9[\x02\xaf\xba\xc0G\x9b\x82y\xb4\x94Yg\x91\xf3o\xd5\x08\xd1\x15{\xf9\x0f\x00\xc0DmO\x9eQ\x16\xa4\x92\xaa_\xbe\xceT\xa1\x9c\x92H{\x07\xc3\xd4\xee`(\xfb\xae\x8fT\x9d\xd0\x0e\xf7\xf1\xdd&lt;\xe7\x01Qk\xb9I\x8c\x00\x00\xc0\x89\xa5\x00S\xd8\xe5\xac0H\xee"7\xd2I\\\xafH\xb4q:n(\xa9\x0b\xae\xf6\xb2*\x11\x9ee\xb4\xead\xd8\xaal|\xa4\xad\xfd\xdf|`\xfd\x11\xc7&lt;J\xff\x98\x9e\xc2\x10\x9e.\xe9v\xb7\xacu\xa0\x01\x00\xa0y\x992hk\xad\xb5\xffF\x8e#\x8fl\xdaZ(\xe6\x00\xa9B\xf2\xda\xd5\xefnk\xbf\xe3\xc9\x1d\x16\x02^\x9f.\xe0[\xc7\x83h\xab\x8e\xb8\xd01K$\xfc\xde\xc5\x9fu\xf7\xbb\xc2a\x88\xb4\x9d\xe3\xfe\xf0\x81\xf9c~\xaf9\x0b\n\xd7\xa0vq{\x8c\xea\x87\xf8\x9c\xe6*ix"\x01 R\xd6Z\x91_\x0513\x99\xd5\x0eH\x0fd\xa5vX\\%\x0fmC\xd7\xde\x9a\x9b;\xd5X\x9c?&gt;)r\x90%\x1c\xff\xf5\xfe\xc8*R\xaf\x9a\x0c\xe4r\xc4\xe9\x02-\x00\x00\x1d\x18\xe8\r\xb5"R\x7f\x12s\x93N\x13\xc9\xeb\xed\xa5\xa5\xc3\xe2j\x1f\xe6\xe4\xab \x94\xedR\x02\x8dnv\xb99~\xe0\xe6ciiX\x11d\xad5"\xa6\xec\xcb\x8f\xaf\x9f\xd9\xf7\xeb\x1d\\\xca\x08\x1e{\x00\x18Q\xf5\xe2\xb3(\x91\x8b}\xcd[S\x0f\xc3\xf8\xea\x00\x00 \x00IDAT\xe3Bh$\xe0\xd1c#!\xd3\x19I\x99;\xeek\xee\x898\x00\x18Q\xc5\xbdY*\x95\xdc\x03\r\x13\xa5\xf0\x8a.%{\xf8(\xd4f\xbb\xa8\x9f\xa7\xa0J6\xd2\xd3\xe3\xc0"`\x00\x18\x91\x82\x02\xac\xf0\xc4\xd9\xea\xd7\xdb\x92\xe9E\xceJ&amp;7\xeb\xa4\xe0\t\xf2\xd6\xf1\xfb\xb9\x8b\xe8*\xeah\x00\x00\xc0\xa0\xaal\x8ab\xde{\xc2\xd4\xe9\xba\x8b;FW5\x00Dk)=|zD\x979\xadAc\x0c\x9d\x08\x00\x00\xcd(\xa73\x19*b\x1b\xdb\x1f\xa9\x92\x96\xe2\'\xf8\x86V\xdf,\xeb\xf4\xd4u\x824\x9d\x94\xe7\x02\x00\xa0\x8dG\xa1\xf8{\x8a\x14c\x14\x96@u?)j\x8f\xce\xba\xbb!\xd7l\x88\xd6n\xfc\x00\x00\xba\xa2\xa1D9\x84AV\x7fI\x16\xbc\xec\xbb\x83C\x9f\xed\xbd\xee\xef\xbe\xbf6\\\xaf\x1d\x0c\x0f\xdb\xc7\xf0\xa7\xd7\x0e\x8e\xaf\x93\xdc\xa3L\xfc\x93w\x01@\x03V9\xf5\x1f\xae\x1b\x92{jJ\x94\x9b\xb7\xeadi\x00\xe8\xb8\xea\x18\xad\x87\xbf\x90&amp;ntH 7)\xb9\x81k\\k\xf41\xbc\x0cv\xa9\xab\xb8\x8f\xb1\xb6"s\x8d\x05\r\x00\xfa!\xefUn\xaaw\xbb[\x85S\x11\xc9\xb3\xad\xe1\xae\x80\xd4v\xd5^D\xe4\xff5\xe6\xbb\xaf.A\xe7\xad\xac\xae\x89h\x11\x11\xeb\xf3\n\xa7\x0eR\xf2\xeb\xbe\x98\x96\xde$\xb8\x8e\xf6\xdaq\xfe\nK\xb1`,\xcfQ\x8e\x07\xaa\x99\x14\x00\x00G\x99\xea\xacE\xa8n\xa2\xa45\xdf\xa6\xd2\xc5g\x01M\xd4t\xebj\xf9!\xdd\xd0T\x13-@\x8c\xc9R\xef&lt;9\xd3\xedY\x96h\xaf\xfb\xd2\xdf\xe3/\x8b\xbd\xef,\xd3\x89\xd8\x06\x14@\xbb\xda\x9b\x89\xbb\xd2}\x05\xe2m.\xc0\xac\xb5\xd1\xa5\xa6\xd2\xdb\xad3TZ\x94\x7fH?1\xc1\x14\x9d\xf3\xaf\xd7\xda&lt;\xb7\xb0\xe9\x8d\x01\x05.\xf61mX\xfb\'\xb3\x06\xc0\xc1\x8f\xdd\xfd\xbb`\x02\xe8\xa4\xf1\x0c\x00\x8957\x9f5^\xa3\xf3\x8f\x93\xb8\x9e\xc1\\s\x7f\x92\x92)p\xd8[\xef+\xc7}\xd1\x9f\xdb\xb4\x98&lt;\\V&amp;\xb8\xc4\xbc\\\xec\xcey\x99a~\x91cD\xed\x1615\x16\xbd\x00\xd0\xab\xc7\x1c\xb9\xbd\x12\xf1\xde\xd7\x0f]\x08\x89\x88\x98\xaf\xac|\xf9\xebz@\xc9:\x01U\x902\xda\x8d\xe4\xe0\x90W\xecVX\xa5\xea\xb8\xb3_\\\xf8\xd5S\xe3\x18Q\x87\xda\xbf\xda\x84\xa1&lt;x\x00\x90\xda}&gt;\xae&gt;\xd7Fcv}\x81\xe5\x1b\x00e\xce\xf5\xe8\x15\x98\xc6\xb6\xfbt\x8a\xc0\xe8jt{\x8e!/\xd6\xda\x9c\xcf\xf2uYO\x10\xf7\xed\x06\x1a\xde\x01\x81\xfc _h\x00\xa0\x80\xfb)\x92\xd6\x9ae\xdf\x0b\xb8\x90\xa7e\x7f\x8f\x1f\x18\x87\x94]\xde:oo\xa5\xc8\xd4\x06Z\xd6x\x948cD\xf2s\xaf\x1d\x05\x1c_y\x05\xf1^\xc5\xc79\xfb\xa9\xe3N\xa0=\xa3\x13\t\xde\xd0\x89E\xc0\x00\xfa\xd6\xc7\x8a\xbdr\xb3\x99\x07Y\xe3\xd8,\x1d\xb7\xa6\xcd\xca\xaec\xda\x1e0\xfd\x1f3\x04k\xad\xb5\xffF+1Qt\xb0\xa2l\xe2\x7f\x18\xe2\xde\xfe\xd3\xeb~5ro\x01`h\x89\xf7\x0c\r\xeeF]J\xa3\xd0.\xd8\xe6G\x0f\x8e\xf5\xa4Z!\xa9(2\x194\xee\xfcal=ND\xa4\xd6\xfb\x01\x92d\x0b\x05\x86\xe3\xe2s\xbf\xe4!\x8c9&amp;#\x00\x00\xa0\x9fG\x16\xef\xd2\x13\xd6h\x1dE\x83F\xa3.\xcd*\xc6O=\x99)\x1e\x1b\xb2\xcc2\x84\xf0&lt;\x01L\t\xa3\xb9\xe4\xb1Y\xd0R)\x0cI\xe2\xac@\xcc\xdb\x99\xffW\xa5\xf1M\xab\x01\x00\xc6|J\x17\x99x\x9d\xa2h\xa9m4\x1e\x87M\xac\x0b\\K\x1e\xe0\xe6b\xc0\x9d\xcbu\xc56\xa5\xd4\x90\xad\xe3\x9f\xe2\x0f\x1e\x17\xc08\xd7WW8\x14\xc1_\xcd\x97\xcc\x18\x01\x00\x00?\x7f\xb0\x97\x8e\x9c\xaf+\x7f\x15s\xe7\x99\xbc\xfe\xd3j4\xb2R\xa2)Y\x92Y\x17y@FK&amp;Y+\xb7\\W\xf9\x93?\xb0\xb9[\x14\x05\xbaJh\x00\x00\xc0\x80\xc4\x18\xf3\tuC\xd0\xfc0@{\xf3=\x12\x8a\x98\x0eQ\x9e_ \x1b\xb9\xa8L\x1a\x7f&amp;\xcf$\xbe\xa1\xfe\xd9\x96\xce\x14\xc56\xa0\x00\xe0\xc7Zk\xcc?W;\x14\x91\xaam(i\xad\xedc\xfc\xa49\xd3\x1c\xf5\xda\xa1h\xc3c\x8dMg\x95.\xc6\xfc`~\xfc\xfa7\x11\xc7S\xfa\x8c\'Xp\xdc\xdd\xad\x07\x00(E\x8d\xd9A\xed\xd9\xc6:\x11\'Cr\x9f\xa0\x92k~\xbc\x82\xc9\xf7\xa7\x01H\x1a\x9e\xcd\xeb\xc0S\x1dYD\x8c\xf9M\xdbcf\x89@\xda1\x00\xa0\xcf\\\x924\xdd\xd18w\xb6\x99\xdce\xcdR\xee\xd6\xda\xc7\x10hT\x82\x1e\xf1\x9b\xe3\xce\xaa\xe4c\xeflauv\xf7\xeb\xf5\xfd\xe4"\xe5~\xa6\xdbe\x0c1\x87=b\r\x00\x00\xe8c\xad\xb5m\xd7\xfe\x17E\xbb\xffN#\x8c^p\x06\x91p\xc1q!\x87w\xfaQ\x90wUY\xa6\xb2=\xdd\xc9\xaeJ\'1y\xd3~\xc8\x19~\xd6\x00\x00\xd0\xabX\x17\xb2J\xcd_r\xf9\xe9\xfe"\xfb\x8a\xc7+\t\x05\x1e\xed\xdd\x83\x98\xb6\x93\xaf\n\xc9\xff\xa6$\xb4)\xf1{\x06\x0b\x08N\xcc\xee\xdf\xf2\xf9\xe4U\'\x83\xd3\x11\xa6\x17\x04\xdc\x9c.\xd3c\xcb\x08\x00\x00\xb5\x96\x19\x961\xc7\xa0\xe3\xb3\xa6v6\x8a\xd9\xdb\xcd\x1b\xae\x18\x12\xd41\xc8M\xff\xd5\xd3^\x93\x0f\x17\xbb\x7f\x8a\x1d\xa6\xbc\xaf\x9f\xfd\xde\x9f \xa7\xa1\x86ul\xac#\xc4w\xb0\xb7\xee;\r\x00\xa0\x84\xd8\x95Ud\x94c\xd8.8L\xf62\xa3\xf7\x01\xbfF\x0e\xa7 ]\xf5m\x94\xac#l\x01\xab\xfbWb\xf3\xf0\xeb\xc3\xa6=`\x19a\xb1}z\x90\x84\xa1\x02\x80BV\x99\xd7\xf3\xeb6\xc9\xec\xf4\xd3t\x836\xa9%G\xfa!A\x0ec\x88\xbb\x1cV%\xfd\x95\xcem\xe0\x9b\xc6y\x8cR\xcf\xa0\x18\xf3\xd7S\x1e.E\x0f\x02Y\x10\x80F\x89t\xf0\n(l\xa8\xba\x9b?i\xf9\xa9\xb9\xde\xfaW\x80?\xbb\x99\x00\xc3\xd1\x905\xb6\xe3\xe6\x9b=DB|\xf5=&gt;\x1eh\x03\x00\x00F\x11\xd2\x89\xf8[\x1b+&amp;{\x1a\xf2\xea\xe6B\x92\x180*b\x13\xc0\x0f\xd2\x18c==\xa1\x00\x00\x1f\x9f?z\xee\xbf+\xff\x8a\x8d\xe7\xe4\x98H\xa0O\xc3\x17xL\x18\x97\x17\xf2\x8b\xd3_`\xbb\xf1\xd6\xab\xc8\xa75\xdf\r\x8d8\xf2\x1fm&amp;\x0bz\nd\x03\x97\x00\x00I\xa4\xcb\xb8[\xc8\xfds\xf2\xa8\xe7e8o\x1b\xa5o\x84\xc6/\xb0B\xc2H\xa1\xa1\xa06c\xf5\xb4\x16\xca\x1f2}x\xf7\xc56\x92\xca\xcf\xd8g\x95\xbb\x9e\x9a6\xae\x02\xc0\xc8R\xd5\xf9\x92\xd6\x1d\x8bd\x9d\x1f\x96\xb9^\x92\xfat\xad.A\xfb\xa6\x11\x1a\x00\xdd\xe0N\r\xaed\x8b\xbddKC\xbd\xefb\xd6\xe5\xddO]v\xd3\xe6y\x04\xd0\x94t\xa5H\xdcA*\x95.\xb2\x95\xf0\x98I\x0eU\x18\xc5|S\xb8MC\xdbd\\"\xc6\xfc\xc0\xac\xd9N\xa3yZr\xeeE\x06/\x02\x03\xa0W\xd2&lt;\xdd\x9a\x88\xf7\xd3K\xa5\xf7\x02\xb5\xf9\x12\xad\\\xe6\xb7\xed4\x19)\xbf}\xa4\xe1\x8ba.\x14\x97\xd6/\xb7\x12cD\xfex\xb1\xd3a\xf1\xa3\xaf\x9fC\xe2\x0b\x80Z\xfb:D\xcd,^D:*c\xe4\xf6\xcd\xf3\xd88\xdc\xfa\xb0\xd8[Rs\xff1?_j+W:\x85\xb7\x95\xd06g\x9d\x8f\x13\xc9\xb9\x1d[\xdeWq\xce\x9d\x00\xa0\xd4i\x17"\xe5\x07JJXw\x19\xa7\x1a4PS\x07n\xe8q(\xc9\xf1\x01d\n\x10\x80\x960\xb1\x00^bf\xdd\x90\xd8\x94+s\x83H\x06\xf1Nk\xa2Dl\xb0e)\xd4S\xfe\xc6\x1a\x00\x00\x8d\xdbM\xc0\xa8\x18\x12T\xa5\xe1\xd6O%\xeeG\x05\x7f\xdf\xa7\'\xb4\xc9wf\xdbY\xd6\xb3\x14\xcd\x07\x1a\xbc\x0b\xe8\xd8\xfdR\xa8\xd5\x93\xc7\x08\x00\x80\x96\xed*\x12\x83\x0c%\xb3\xe3\xcdA\xcc\x1eNQ\xd1\xb8\xad\xceZc\x8c\xc8_\x8f9\x9e\xcb\x87^\xbb\xa7x\x1f\\\xcc\xefL\x96f\xd2n?\xd5(k\xad_\xa3m\xe0\xe8\xf2O0\xbf%ch\x82\xb4u\xfb\xac\xb5\xf6\xbf8\xff\xf5 \x05%\x80\xfe\x9c\xece\xd6V\xd6\x1c\x89\xbaW\x12Y\xa2Q\xe4\x13\xfd\x0f\xe8\x1b\x12\xc7\xbd\xfcN\xfcu\x1a\x005\xbdbl\xc4H\x93\x1d\x97O\x97\t\x99;\x85A\xca\x84\xf6\x01\x80\xd2\x1c\x17\x84\xc5,\x9aT\xb0\x0cQ\x8cD\xed\xe2\xc9\xce$I\xe4L\t\xe2]\x86\x8a8&amp;\x89]-\xa4b2\x08\x8b\xc09\xf5\x9a%\x8a\x86Y\x06\xfa\xbeuc\\\xef\xc6\xb1\xf6|\x13\tdqab\xe2m\xfd83\x05\x08@a\xef\xa5K\xd9\xfaZ\xfe\xa9\xf7\xc9D\xcc\xef-\xdd\xa3\xf3\xb9\x81\x9376:\x18\xc3=\xbb\xc5\xf2\x9bjt\xb0\xe5\x89I\xffc:\x07\xc3~\xf4\xee\x17_\xe4}\xae\x14"\x9fP\x91\xcd\x11\xee\x8f\xd6K\xcf\xab\xeb-\xee\xe5z7\xda\xcb\xb1R\x17C\xc7L/SI\x17\xfdlv\x98\xfc\x00\xe8\x97{\x8c\xd8o$:\xad\xcdy\xff\xd9\xbcE\x8b1\xe6{\x89\x18\xf3\x1b\x12\x9e%\xa9\xd3\xc8\xff\x9f\xa7?\x95Y\xde\xa0s\x9a\x81?\ro\xa1\xf6\x08\xc3\xe1\xe9\xab\xf0$V\xf3+\xb2fn\xdd\x10\r\xaf\x8b\x0bH\xdb\x8fG;m\x00$\xbc\xd2\xb8\x03~f\x95b\x11\x00\n\xa9U\xfb\xcfz\xea\xebc\x92\x95\x9fSV\xd4\xa9\n\x8c\x93\xac\x01n+*R\xd8$\x80\\\x95\xc2\x1f\xf8\x1abMu\xe4L\x94\x840m\x16Q\xa6\x01\x10\x10\xaa]\x191\x05\x86)@\x00\xbaem\x85\t\xa6I\xcf\xe8Xr47\xee^\x94\x92i\t\xcbml\xa8\x19\xb0\x9d\x87\x968\xcc\xdb\'Eg\xeb\xe8k\x12\x1eK\xa4\xc4\xbc&gt;\xf9\xe3\xc6\xbcr\x04m\x91\xb9\xa1d~c\xa6`\x1cSr\xdd\xeb\xdd\x05GI\xe4\x03@\x06\xff^\xd5\xcaD\xea1\xe5Je\xf9\xdd\xa9\x93F\xaf\xea\x9aJB\x15\x07\xa6"\xc5\x87\xf9\xfe\x08\n\xa3\xe5\xf2f\xfd\xd5\xd5o"\x02\x9c\xe5\x927G{&gt;\xb2\xaa\x08\xaf$\xcb\x08@\xbdL\xfb\x84\xb6\'\x0b\x00rR\x96\x05\xb7\xe9\xa1\xc6\x96\xeeD\x7fk\xbaC\xe9\xa7\xae\xa6\xeb"I\x98\xef\x8f\xa0\xad\rp\xd5\x00X\xff2&amp;\xb47\x07\x0f&gt;f@\x18\xbc&gt;\xdd_\x8e\x1a\x94\xea.?\xfc\xd5\xcd\xb6\xf0\x01\xa0\x13\xe4\xc2x\xfbZ\xfd\xc9@\xff\xb6\xf1I*\x7f\xcd\xac\x8b=\r\x89lM\xbf\x8a&lt;E\xdd\x06\x80?\xcda\x0b\xe1]R&lt;}\xfe\xaa\xdd\xa8\x10k\x00\x00\xf4L\x7f.\x8c\xacDD&gt;\xa9v \x9e\xf9\xbdk\xd6\xc5&amp;\xe5\xffL\xd7\xa7\xe0]w\xd9?86\xc5R\x93\x87#h\xde\xf8\xf6&lt;\'I\x1d^\xf5\x9b\xffj\x0e[\x11\xaa\xef\x8e\x9f~\xae\x04@\x7f$\xf4\x8d\'\xbb\xd2Zw\x99Z\x90\x88Y\xbd\x9b\xa9.\x11\xb1\xa6\xab\x02\xf5^pb.v.\x9e\x9a\x85\x1c^[vl\x00D\xc6\xcfr\xc0\x91\xe3Y\x03\x11\xb1\xcf\xb9\xa2\x04\xbc\xe1A\xdd\x9d\x9d\x026\x87\xea\x83\x9aA\x01\x80\xeb\xecr\xf9}\xc9\x9aS\xdf\xc4\x18\xfb\xfa\x7fS\xb6\x19p~F\x8fB\xb5\x17s\xcd2\xf6E\xd1\xf7\x1c*4\xa7\xdf\xb2\xd9G\xcc\xe6\x13(\x7f\x9c\x1f\x83\x97*\xfc\xaac\xa1\x17\xb75\xf2\xcfs;\x86\xc7\x8d\xd2\x96\xb6\x97\xae\x96u.\xfc\xfa%\x00T\xb4\xaesl\xb2\xceCe$\xb8GS[\x8e\x9cNH\x15znP\x992\xd5\x8f\xf5m\xfcvc&gt;z\xb9\x17"\xe3t\xffOZi\xca\xa6\x0b\xa7L{_n\x0fl\xdc\x0f\xae\'\xc6.\xb3)\xa8ws\xef\xf4$\xb0|\xde\xc3Y"2_\xac\x88\xb0\x06\x00@eK\xe6\xbb\xcf\x85\x832\xe5y\xf5\xd5+[W?\xa76R\xc8\xa5}_cL\xd4\xf2\xc5p\x1f\xb5\xfeG\xcf\xf7\xe5\xdc.5\xaa]\xa0\x92\xea\x91\xb9\xba\xbe\x16\x1f\xc9\xe5\xd6\xb5\x18\xf8\xfc\xde\xb9n\xf5p\x1c\x7f\xd9w\x19\xf0\xe8}\xf5\xab\xfcg\xf08\x01\xd0\x00\xdf\x8e\xb7U\xaf\xbfa\x80\xfdT\xe1\x81\x91\xb3\xc9\xd3\xd3\xefG\xafK\xb9M&gt;\xae%\xcd\xfc\x</t>
        </is>
      </c>
      <c r="E164" t="inlineStr">
        <is>
          <t>&lt;class 'numpy.ndarray'&gt;</t>
        </is>
      </c>
    </row>
    <row r="165">
      <c r="A165" s="1" t="n">
        <v>163</v>
      </c>
      <c r="B165" t="inlineStr">
        <is>
          <t>steps_per_sec</t>
        </is>
      </c>
      <c r="C165" t="n">
        <v>1900</v>
      </c>
      <c r="D165" t="inlineStr">
        <is>
          <t>2.5838463</t>
        </is>
      </c>
      <c r="E165" t="inlineStr">
        <is>
          <t>&lt;class 'numpy.ndarray'&gt;</t>
        </is>
      </c>
    </row>
    <row r="166">
      <c r="A166" s="1" t="n">
        <v>164</v>
      </c>
      <c r="B166" t="inlineStr">
        <is>
          <t>Loss/RPNLoss/localization_loss</t>
        </is>
      </c>
      <c r="C166" t="n">
        <v>1900</v>
      </c>
      <c r="D166" t="inlineStr">
        <is>
          <t>0.2470955</t>
        </is>
      </c>
      <c r="E166" t="inlineStr">
        <is>
          <t>&lt;class 'numpy.ndarray'&gt;</t>
        </is>
      </c>
    </row>
    <row r="167">
      <c r="A167" s="1" t="n">
        <v>165</v>
      </c>
      <c r="B167" t="inlineStr">
        <is>
          <t>Loss/RPNLoss/objectness_loss</t>
        </is>
      </c>
      <c r="C167" t="n">
        <v>1900</v>
      </c>
      <c r="D167" t="inlineStr">
        <is>
          <t>0.024176802</t>
        </is>
      </c>
      <c r="E167" t="inlineStr">
        <is>
          <t>&lt;class 'numpy.ndarray'&gt;</t>
        </is>
      </c>
    </row>
    <row r="168">
      <c r="A168" s="1" t="n">
        <v>166</v>
      </c>
      <c r="B168" t="inlineStr">
        <is>
          <t>Loss/BoxClassifierLoss/localization_loss</t>
        </is>
      </c>
      <c r="C168" t="n">
        <v>1900</v>
      </c>
      <c r="D168" t="inlineStr">
        <is>
          <t>0.114188254</t>
        </is>
      </c>
      <c r="E168" t="inlineStr">
        <is>
          <t>&lt;class 'numpy.ndarray'&gt;</t>
        </is>
      </c>
    </row>
    <row r="169">
      <c r="A169" s="1" t="n">
        <v>167</v>
      </c>
      <c r="B169" t="inlineStr">
        <is>
          <t>Loss/BoxClassifierLoss/classification_loss</t>
        </is>
      </c>
      <c r="C169" t="n">
        <v>1900</v>
      </c>
      <c r="D169" t="inlineStr">
        <is>
          <t>0.121828474</t>
        </is>
      </c>
      <c r="E169" t="inlineStr">
        <is>
          <t>&lt;class 'numpy.ndarray'&gt;</t>
        </is>
      </c>
    </row>
    <row r="170">
      <c r="A170" s="1" t="n">
        <v>168</v>
      </c>
      <c r="B170" t="inlineStr">
        <is>
          <t>Loss/regularization_loss</t>
        </is>
      </c>
      <c r="C170" t="n">
        <v>1900</v>
      </c>
      <c r="D170" t="inlineStr">
        <is>
          <t>0.0</t>
        </is>
      </c>
      <c r="E170" t="inlineStr">
        <is>
          <t>&lt;class 'numpy.ndarray'&gt;</t>
        </is>
      </c>
    </row>
    <row r="171">
      <c r="A171" s="1" t="n">
        <v>169</v>
      </c>
      <c r="B171" t="inlineStr">
        <is>
          <t>Loss/total_loss</t>
        </is>
      </c>
      <c r="C171" t="n">
        <v>1900</v>
      </c>
      <c r="D171" t="inlineStr">
        <is>
          <t>0.50728905</t>
        </is>
      </c>
      <c r="E171" t="inlineStr">
        <is>
          <t>&lt;class 'numpy.ndarray'&gt;</t>
        </is>
      </c>
    </row>
    <row r="172">
      <c r="A172" s="1" t="n">
        <v>170</v>
      </c>
      <c r="B172" t="inlineStr">
        <is>
          <t>learning_rate</t>
        </is>
      </c>
      <c r="C172" t="n">
        <v>1900</v>
      </c>
      <c r="D172" t="inlineStr">
        <is>
          <t>0.03866665</t>
        </is>
      </c>
      <c r="E172" t="inlineStr">
        <is>
          <t>&lt;class 'numpy.ndarray'&gt;</t>
        </is>
      </c>
    </row>
    <row r="173">
      <c r="A173" s="1" t="n">
        <v>171</v>
      </c>
      <c r="B173" t="inlineStr">
        <is>
          <t>train_input_images</t>
        </is>
      </c>
      <c r="C173" t="n">
        <v>1900</v>
      </c>
      <c r="D173" t="inlineStr">
        <is>
          <t>[b'1024' b'1024'
 b'\x89PNG\r\n\x1a\n\x00\x00\x00\rIHDR\x00\x00\x04\x00\x00\x00\x04\x00\x08\x02\x00\x00\x00\xf0\x7f\xbc\xd4\x00\x00 \x00IDATx\x9c\xec\xfdw\xdc&gt;OR\xd7\x0b\xf7\xfcX\x05\t.\xb0k@\x10\x01u\xc99\xad\x80\xb2\x8f\xe7\x11$Jx\x00\x11\x95 9\x89\x12T0 \x08\x82\x02\x8a \xba\xe4\x1cD\xd2\x02\xea\x92\xe4\x80\x04\x05|D\x82\x08* \xc9\x80\xe4x@\xeb\xfc1\xa9sWuW\xcf\xf4\xcc\xf5y\xbfv\xbf\xbf\xfb\x9e\xe9\xae\xaa\xae\xae\xae\x0e3\xd7u\x1b\x03\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c\xc1t\x9ej\x9a\xb5\x13\xd14\t\xcc\x90\x96\xe7\x8b5\xc6L\x93\t}\x12\xd5\xb8\x96\x9f\xbc\x9f9\xa6\xce\xe5\xa3U\xa2\xf2y\xb7\xc8\xb3\xdc-\xe6\xdfe\x9a:\x08\x9b\xc7f$\xa6\xeeU\xa3\x9d\xeb\x15mw\x82m\xead\xcc\xf6\xcb\xc8\xee\x05\xc5\x01\x02n\xcf\xe09\x10\x00\x00ty\xa2X\x82\x88\x0c\x91\xb5\x92I\x17\x931\t\xab\xd0\xcc\xaa\x8b\xb6k\xc6\x92\xb3\x94\xf9Y\xf2\xaa\xb0u\x04\xfav\x8d6\x7f\xd8Q\xb7Wv,\x89L\'\xae\x9c\x94m\xd6\xf5\xa0!\xeb-\xbb\xcc\xea\x86\x88\xb4\xad\x11\x19?$\xda\xb8\xb5\xee\xbd\x8d\xeb\r&gt;\xdf\xe4\xf6N\x91\x94\x8a\xe9\x9d\xfd\x82a\xcd\x84\xc0\\\x11[\xdd\xe6\x04\x1b\xafp\xc1\xfaP\xbb_],al\xe86\x8d\x9a;\xffl+v*\x82\rh\x00\xb7\'AL\x02\xf0\x08xk \xfb\x7f\xe7d\x01\x8a\x91\xb8\xec,\xdd\xc4\xcb\xd6\x8fs*nMN-\x8e3\xea\xa2J\xed\x8b\x19\xdb\xf2\xad\x08+\xba\x9dU02JP=l8\xc7\x93\xf4\xcf\x82E3\xa7\x8d4oPbM\x88V\xe2o*\xf2\xcd\xa7\x18\xf6e\xaf0S\xe9&lt;X\xfe\xff\xeb\x86\x8d\xe3\x7f\x00\\\x10-G\x83\x11\x9a\x07I\x0c\x80\xfb\x93^5~\xa3\x96\xfc\xec-K\xb5Sr?\xf5\xb7\xd7\xa9ikg&gt;\xdd\x93\xcf\\&gt;f\x92]J\x97\xbd\x82\xcc\xd4\xda*f\xf3\xa9]2^1\xfc5*\x8d\xd6\xb5u\xe4z\xdc:\xdaz\xc1\x98\xcdW\x05\x15\xa9V\x87\xd6z\x0fIB\x02\xdb\x1c\x833f\xf0\xb4\xb3-o\x9c\xea&gt;\xb3\xf5\xe9A\x06]i\x00\xf0\xb9k\xecI\x13\xcb\xf1\xf4\xb3\x8d#y|\xff\x00\x00t\xf0\xd6\x82\xf9\xf5\x9fW\x8f#&lt;\xba\xba\x8a/\x07\x9f\'\xf3\x92\x0c\xe7\x98\x9f{ \x1d5&amp;o\xa01\x7f\x99!\x9c\xb5L\xcf\x1a\xe0\xd7r\xbb&amp;em\xa1Qn\x95\xb0i\xe5\xc7\x0e\x81\xd8/\xc9(]\xac\xfdn_B\xa8\xd1\xc4&amp;\xa4\xad\xb1"\x1f\xda\x1a\xd2G\xaa\x17\x9c\xd2J\xc3\xf0 3\x00\xb8\x0b\xf2\xc4r\x1b\xc4s\x07\x00\xe0\xfe\xf8\xabB\xe1\xfb\xdc\x19\x99uw\xc3\xc2\xd1\x9f\xf9\xb5\xb6K\xa9\xb2\xa1mQ\xc2\x02\x1c\xc3\x8a\xaeX\r\x88-^\xff\xa4\xb3\xae\xb5DE\x0c\xf35\xba\xeb{{q\xecV\x8c\xaa\xc8\xec\xc7\x92m$\xcaK\x90N?\x92g8N\xe8&amp;\x1f/\xa4\xf8r\xdb!\x98\xff\x00(!\x1a_\xe3\x90\xca\x99\x00\x00\xf0\x88t\xca\x89\xc3&amp;\xd9\xbca\x14\x10\xae\x08#\x1e\xcb7\xf6G\x93\xee\xb5\xae\xbfi\xca\xc8}=\xfd_v9\x99\r\x80\xf70!jm\x06\xff\x81\x83\xf3VO\xfe\x1d\x9b\x84:\t\xf6B\x9c)\'\xdaSQ\xb7\x04/\x9bm?\xdczMp\xe3\xa6\xdd\x8b;\x07\xe10\x1c\xbb\x01PPd\xe7d\x00\x00\xd0\'\x9d\x13sK\xe1\xa2\xd4V\xb3:@D\xe6%\xca{\x00\xb1\xcc\xba\xc2\xb9\x97m\nb\xbc\x97\xfe\xb3\xabzO\xe0\x0b\xfa\xb7\x88\x8c\xf9\x10\xe3.\xdf\x83\x8a\xa5\r\x80\xd2\xb4\xeaj\xe4V\xe1x\x8c\x888\xdf\x88\x15V\x94W\x19\x88\xa2g\xc6[w\xfe\xe1\xb3\rhe\x1bA\xa2*\xe3u\xc4\x1d\x08\xbc\xca=Y\x18\x84X\x02\xef\xa5\xa8\xb7\n\x00\xc0)\xd4g\x10\xdd\xe5\xdd0\xe4_\xcb\xd9\xca\xf4xoR\xc9\x93\xce\xc9Pq\xfdO\xc6\xfc\xc6\xaa=\xb7=pw\x05\xc6P\xfc\xe3\xc5\x81-\xa52\x8b\xb5\xee\xe3\x85\x0f\xd0p\x05\xdb\xffu\xf3\xe8\x03\xcc\x8b]\x1bX!\xfc\xda\x0e\xaf\x0e\xb3\x07\x88\xb4\xa3\xb1\xf3\xdb\x15=|\xd8\xea\xdf&lt;D\xa2\x03\xe0\x11\x99\xb6\xd1]\xf77P\x88\xf5\xc7S\xe8\xc4?\xb2\x93\xb20q\x9d\x88\x8a\xae\xe0xl\xcf\x99\xd34\x19"c\x15&amp;\xa2\xc9\x18\xc3\xfe\xc3a\xa1\xf0\x92?iUh\xf7\xaf\xb1ky9}\xfe\x93U\xb3\xa5\xdb\x153M\x96Id\xff\xe9\x06\xfb/\xa0\x99\x92+\x18\x7f~\xcbln\xb7\r\xab\x88\xc9\xb9\xfa&amp;\xea\xac\xbf\xec\xd3\xa0\xda\xee\xbbt\x89q\xff\xb2\xd8\x99\x83\xbd\x07\'z{\x8e\xa2\xc0\x80\xbby\xf8\\xIl8\xc6N\x02\x00\x80\x0bP\xf1\xda\x83\x03/\x01E\xd6\xd9\x8dz\xf9$\xec\xfb\x9e\xc85"c\xa6\xd4\x1f\xfd5\xfbA\xd1\x14)\x14H\x9aK,\xc5\xdc\xe2\xd34\xd9fm\x079\xd3\x1f\xc9\n\xb5\x04p\nl\xf3Z\xb4\x96m\xd14Mk\xbb\xa7\xadm\xb4\xdd\x8aU\x9fm\xe6M&gt;\x85R\x96\x9fD\x07Z\xf9\x92g\xce\x8e\xcf\xdf\xff\xc0l\x80i?\xd5\xc6\xae\xa6\x9d\xf0\xbcq\x845\xd6\x94\xf9\r\xf0H\x1d\x99o\xfd{\xad\xe7\x00Sy\x16\x02\x11.\xd4\xc5\x00\x80V\x84\x03\xde/\xecN\x1b\xf6\x0c\x91[\x8bd\xe6\x92\xd4\xab5\x12#]\xde)\xa8K\x14jI\x19c&gt;(Q&amp;\xa8n?.\'\xfb\xd5/\x8d\x89\x93\xc2\x0f\x19\xbbzm\xfe\xedR iy\xa31\n\xb4\xbdV\x97\xf7\xe7\xb5V*\xba&lt;d\xc3\x1f\xb0\xc9\xfaXI1\x99\xe4\x1f2\xba\x1e\x08t1\x00\x1d9q\x80\xd9\xcbt\x1d\x93h\x7f\'\xde\x96&amp;\xb1$~\xab\xf7dc\xc9\xff\xc4\x0e2\x13|\xf5\x01\xcdq\xaedjt\xb2\xe4\x18\x9c\xcd\xd5c\xf1\x98\xad\x06\xddI%^\n8\xd1\xc8\xc7\xe4H\x9f\xa3\x7f\x01\xb0)\xbc\x9c\xbd\x14b?j$\xe1\x8b\x89i\x15\xc4x\x17?"L\xf1\xa9h\xd46\xe2\xbd\xdb\x9d*\xe6%\xa0\xbc\xa8\n\xff7V\xccK\x9dE\x06\x17\x8fx\x0c\xbd\xc6\xd5s\x1a\xf3\xff\x18y\x98\x81!\xc1\xbb\xec\xe0 \x82\xc4k\xd6\xf7$\x93o\x04=8\xc8\xb1\x00\xdc\x9e\xf8g\x00\xd6\xc1\xffQ\xdb\xefLq\xcb\xeb\xe3\xbcc\xf2\xb5\x8a\xff.#\x11\x192\xf2\xcc\x13\xbc\x13\xd9\xb6\xdd\x9f\xed\x9a\xc2\xd7\xf7yu\xf3\xd7\xf7W\xed\xf7WY\xe2\xd6Vd\xe0\xe5\xe3\x07j\xb9{[\xfa\x87\x02\xc3m[\xc7#\x16\xa2__\xb4\xe2\xfd\xd7;\x80\x1e\x04\xa0\x86cN\xb21&gt;\x01xt\xe4\xb9\x86\xf5,\xb5\xf8\x9e\x8cPi5\xca\x8a\x9eSh\xf9\xbc\x01x\xfe\xf4\xe3isT\xbaO\xc2\xed\x0e\xd6\xb7\x82\x02\xb0q\x83h\xc1{#\x97 \xf3\x9e\xcfx\xaf\x00\x8d`C5C\x1b?F\xff\x02pw\x8a\xc94_\xe0\xb0\x81\x9a2\xa3b&gt;\xd0\x98?\xa2\x1b\x80+\xe7\xac\x0e\xfdHD\xc6|\x93\xba\xd8P\x8d\x92\x98\xa6\xcf\xa0\xdf\x9b{\xcc\xc7\',\x1c\x9f\xeb\x0e~;\x92\xfc\x12\x7f\xa4\xd5?\xe8\x08\xba\x18\x80\xfe\xc4\xb2\xed\xb3\x13\xc7\xdb\xdb\xaf\x87Zh)\xb6W]\xabU\xff\xed\xec)a\xb6\xea\x1asR\xce\xc8&gt;\x1b\x80\x81\xdc2\x86%c\xf9\x04\x80\xf1p\xf7\x00o\x1c\xde?\xc1&amp;\x06\x18\xd7\x8a\xc0\x99\x00\x88\x91\x0f\x9b\xd4q\xcb\xfe\xeb\xb7\x9c}\xc6\x9f)\xef\xfd\x10\x96h\xb7*o\xc2\x90\xb3\xd1(&amp;\xdd=\x89W\xb6\xee\x1bn\xee\x96q\xb9{@\xde\x87\xfd\x99\xeau\xba\x0c\xd1\xa5\xc6\xe3~\xbb\x1a\x00\x0fI\xcf\x83\xfc\xeb\xbf\x9f\x03\xba\xc1~\xba\x85\x93{\x00\x00\x00\x00\x1cM\xee/\x01_\xed\xbd\x82\x88\xa9\xf6_yT\x14;\xcb\xb6\xfe\x1d\x92+\xf5\x9d\x80RW\x8e\xd2\xea\xcd\xceizZ\xba\xd4\xc0\xf1\xd3\xc2\xc7\x8f\xd2\x0b\x00\x00\x00\x00\x90\xb1l\x00.\xbe\x8el{\x08p\xad-PG\xf8~\xa0\xce\xdf\\t\x89\x1e\xb9\xda\xe6Y\x9d\xf7:\xdb\x80\x87\xe6\xb1c\x0f\x00\x00@#\xa5E\xccA\xd3L\xfc\xb3\x04\xffPR\xbb\xcbj\xec"\xb3\xec\xa1F\xce\xae~\xea\xa3/\x7f\xb1\x01\xb8\x1f\xa3\xf4&amp;\'\xb4\xf0v"\x00\x00\x00\x1e?_3[\x1c6\xcd4*\xea\xb7\x01\x18d\x917\xce|\xbf\x7f\xcc\xee\xb1\x19\'6F\x00\xaeP\x84\xe3\xcc#\x1c\xfe\x9f\xdaU *\x00\x00\xe0*\\sYs\xe5\xd5\x18\xd3\xec\xeb6\xf0\x9e\xac\xef\xce\xd5\xbf{\xa6l\x10\x00\xaa \xe1\x00\x00\xc0](&amp;\xf4\x8e\xdf\xa8\xd3Yi\xfc%\xa2G\xe4\x12\xd3\xb6\x86\x91\xa3&lt;\x85\xa8k\xcb\r&gt;{\x03\x8e\xe2m\xce6\x00\x00\x00\xc0\xfd9|Q\xd2a\xd7\xd1\xe7S\x01WX\xae\x9d\xb2\x85\x13\xc2\xe9\x9d\xc1\x9b\xa0\x02\xbf\x8d\xbf&lt;\xf6;W\x8f\xd0Y\xa7!\xf5-\xf9\x8c\x1c9\x00\x00\x00\x802\xe3\xaf\x83{\xd0\xef\xf3\xd0\xa1\xaa\xc6\xcfl\xe4W6W\xe9&gt;,\xb0\xc0\x89&lt;+\xf8\xcb\xeb^\x06\xa0\xf5\x0b\xbb.1\x9an\x03\x1c\x0e\x00\x00W\xe2\x1e)\x9b\xb9\x07Pz\t\xa7\x17\x953\xe8\xd1=x\x81\xe7-\xe0\xfe\xc4\x96\xfe\xd1RR\xa9xK\r\x00\x00\xc0\t\x1c\xbe\xba*/\x9a\xc7_\xed\x1d\xf8\x10`@Ni\xf5c\xba\x1a\x0cA\xf4\xe0\xbfX\xfa\x10\xd3\x008\x84\xb7G&lt;\x03\x10\xe7\xc2\x7f\x88t\x9e\xa8\xb6\xbf\xf5{:D\xa4e\x8c\xa2\xa8\xa8\xf0\xf9\x87q\\wc\xbav%\x00\x19\xbc\xa5\xfc4\x99b\xc2\x1f-\xa9\x02\x00\x00\xe8\xc4\x13\xf2*\xd8O\xc7Q\x9c51\x01w\x03\xd1\x0b\x86\xa6\xe2\x00^tl\x7f\xd4\x1b\x80\x00\x00\x00\x86f\xde\x00\x08\x9e\xfc\xce\x1f\x1b\xebiR\x82W\xf1-\xc4*\xb9\x8ei\xe5lC\x1e\x82\xe9\xd7\xb4$aM\x06\xe2D\xc7r\x98\xcf\x89\xa2+\xfbwL\x88z\x88x\x1bj\xab\x83\xf7\xaf\x00\x00\xc7\xf2/2o\x88\xfe\xc7q\xf2Q\xd4BdL\x00\x00\x08\xff\xd4\te\xc9\xac\xef\x91T\xcf\x02\x9e\x07\x00\x1cJnJ@&gt;\x02\x00\x80!\x89\xae\xf8\xbd_\x13\xab\xffH\xf5\xb0b?\xcbA\x84?\x0c\x9f\x03\x00\x0e\xe5I\xd34Q\xeas\x8axM\x04\x00PK2\xb1&lt;\x1e\x07\xb8b\x9a\x96\x97|\xf2\x8a\xb6\xbbv1Z?\xfb\x8b5h\x7f(\xfc(6\xdc\x0e\x008\x9e\'\x99\xec+\xa4\x98\xbf\x01\xa8e\x9e\xd41\x82\xf2D\xd6C\xf7\xa3G"\xcd\xca\x8c/(\xf3\x9f\x16\xb0\x97\xa1\xf7\xef\x92\xc1\xe0|G\x13\x00\x00(\x92\xfc\x16\xa0\x13\x96\xfe8\x05\x01&lt;.r`6%&gt;v\xf9(\xd89\xe4k3~x`\x17\xa9R\xf8h\x7fx3\xf3\xaa\x0f\xba\xa4\x1b\x91.\xdaV\xff\x8f\x9c.\x00\x00\x07\xe3$\xa3-\xfb\x9ct\xf0\xff\x10g\x81\xe0N\xe4\xdf\xb8\xc0c4\xd0\x9bX\x04\x921\x91\x97y\xa2\x1b\x80\x8cd\xc4\xed\xa1\x10\x198\x1c\x00p \xce\x13\x80\xb33&gt;\xd2_\x04| /\xca@&gt;I[r\xf6\x80\x02\xf7\'\x16c\xd13\xe6\xcf6\xc6\x8f\xd5\x8b~\x1d\xf0@c_\x91\x07\xfb\x02V\x00\xc0\xe9\xc4\xcf\x84\xae8+\\\n&lt;\xebh\x05\x81z\t\xd0M\x07\x10}\x0cE\xc1Z?/\xc1\xbb\xe2\x95g}\x88\x19g\xd8Y\x88\x08/\xfa\x03\x00\xc6\xc1\xff\x0c\xc0\x18gB7?\x02y\xf0W\xc3U\x18#P\x13\xa0s-\x8e\xed\xa5\x06\xcfg\xbf\x1d\x7fx"+\xf8\xa3\x07\xc8\xb0\xe3q\x0c\xa6i\xc2\xea\x1f\x000\x0e\xc9\x0f\x01\x9f\xca\xf0Y\xf2\xdak\x05\xd0\x19|\x9d\xe2Jj\xd1\xf3\xea\xbd\xfcS\x9f:\xa8\xad\xfa\x89\xa8\x9f+\x87;\x87q7\xdbY\xb2\xc3\x10#\x14\x00\x00\xc0\xd1\xe0\xb5\xfe\x9b\xa3\xfb\xd7\x94\xf2\x7f\xba\xf5\x18\x8e\x8dX\xfc-*E\xfc?\x01\x96\xbe\x9f\xf8\x8b\x90\xf7\xe4\xe7\xcf6\xe0\x01y\x90\xd0\x02\x00\x00\xf0\x98\xc4\xfe\xf0j\xbbH\x159\x9d\xd0m/V\xffLD\x8e\xda;(\xfd\x07\x83\xfb\x98\xa9\xc8k\x8ak|\xd7\xf8\x8d\x029\xae\x10\x96\x00\\\x16/\xf5_d&amp;\x00`\\\xae\xb3\xa2\x12@D\xc6\xbcd\xf6\xbe\xca\x11r\xceu\xde\xfa\xf5B\x8c\x10\x0f\x94\xe5\\\xdb\x00\x00\x00\x1cKl\x02\xc8N\x06K\xc9GzX\x0c.\xc0G\x0c\xb64\xbc\xdf\xa2\x8a\xd1\xa2\xd6\xa5d~=\xda\xbeZ=\xb1GF\x8c\x87\n{Fk\x02\x00\x00\x80*&amp;c\xf6Yq\xb0Oz\xe1\xbb2\x01\x18\x07"*\xa7\x08j\xfb\xdeO{\x89\x1c~\x13\xa5\xfdk\x9d\n*|\x9d%\xab\x8d\xa0\x9a\x92\xff\x01\x00\x00\x1c\xc4\xc8\xb9\x18\x1b\x00\x00\x1e\x88\xf0\x80|[,fn\xa9\xdb\xc0\x91\xac\xb8\x90\xad\x16\xb5\xec\xb5\x0c\xbe\x7f\x13\x00\x00\x80\x981\xbf\x06t\xe6\xccY-|^\x9f\x7f-J]\xe9O\xe1Q{\x1c\xb8\xe5\x02\xa8\xbf\xebR^\xe2~\xb1\x8eF\xe6Z\\m\xfb\xf1?R\xab\x7f\xf6G{U\x8a\x00p+\x10\xf3\x00&lt;8\r\x9fR\x10\xbe\xb0\xab\xf3v\xef\xa2\x14K\xff\x1a\x06\xf9D\xca\x086\x9cO\xdd\xfb\xee\xc1gR)u\xdf&lt;)*\xfc0\xe73[W,\x93\x94\xc3\xf7\xde\x88\x1f-\x00&lt;\xbc\xcf\xdd\xa1\x1f\xf5Hz\x12N\x06\xe0!\x18-\xa5\x0ee\x0c\xa8\x00=\xc8Di\x030(\x1c\xf3\x1a\xcbHO\x1fFvW\x0e""\xfa\x0b\x175\x1e\xa4\x19\xf6$\xeb\xaa#\x05\x00 \xe2\xc2\xf3"\x18\x92\xd8\xb140Q\x9f\\n\x03\xc0\xd4\xb8\xd8\xf6-\xf5\xa7\xfb6_Rl\xe9+\x94\x85\x08\x16[_\x83\xe8\x05\xdd\xc1\xcc\x0b\xc0\xe5\xf8\x1ay\x15\x0crp\t\xee\xf3\x17y\x07Dk\xb2\xa7\x80\xf0\xeea\xc6\xa4\x84\xab/n\x8e\\*\r\xbc,\x1b\xd60P\xc3\xc0\x91\x06\x00\x88\xf1p\x83\xf6\xd1\xda\xfb\xb8\x94_\xc6\xf0/=A\xc6|d/s\x1e\x05\xb5o\xeb\xe7.\xbb5W\xe7d\xcc\xafT\x9a!\xd3\xa3\xf2q\x026\x7f\xe4.I\x0f\xd9\x1b\x00\x00\x1a\x18\xf8\xfb\xe3\x88z\x7f\xbd\x1d\xe1K\xa9A\x02j\xfb&gt;{\x93\xddN?B\xd4\xb5;\xf0\\B\xfb\xb7\x0e\x1d\xa4Q\x0f\x96\xbe\xee\xf6\xad\xd0\xf1\xee#\xa2a\x02\xac;D\xf3\xb7\xd8\x9em\x07\x00\x0f\n\xebk@Oy+\x97\xb6\x7f\xba\x81\xc4\x03\xa2\xf4\x0f\xf5\xfb\x1f^\x9e\xb4\x88Qs\xec4M^\x13\xbc\x0b\xa7\xbf\xe8\xfc \xab\xc4\x99#=}L\xb7F\x07\xc8\xfd\xf3\x82\xcd4\xe1)\x0e\x00\'"\xfb;\x00GNx\xd34\xf5\\\xa2\xd3\xac\xa3\x9b|py*\x97\xb0\x9fQ\xde-\x13m\x1f\xdc\xbc\xf3\x04x\xfc\x1e`q\xac\xb8\x16\xbf\xca\xbe\t\xb0\xdbv\xd2N\xe0\xd2\xe9\xebcE\xa5\xd9\xb1\xa40\xa6N&lt;\x80\x0f\xb7\x9d\xf7\xe6\xa1\x1a\x0b\xc0\x15\xb1&gt;\x93w\xe8&lt;\xa7\xb2&lt;\xba\xd0\xf7\x01\x8ff\xcf\xc3R\xf9\xbc\xeb\r\xc3\x0f\xb1\xf2\xe8\xd1\x06P\xe0\xed4?-p\xc5N\x1c\xdcf\x0c\r\x00\x00\xe8\n\xffX\xe5\xf8\xc3&lt;\xe6;\xc4q\xdb\xd6\xea&amp;k9Y\xb5k\x1a\xa8\xf1\xa2\xf3\xdd\xdem\xbd2d\xcc$\x7f\xd5;\xbeP\x89?\xe2\xb7\x84\xdb\xd5&amp;s\xdd\xe7Q\x08`&amp;\xbfI\xf4\x1c\x06\xa7\x9e&lt;\x1e\xec\x13\x0e\x00\x00p4\x8cW\x80N:\x88QJ\xfe9)D\x86\x96\xd7\x06*\xcf\xc34\xa6(LrC\xb0\x1d8N\xd3{\x1bQ\xcfJ\x02gZ1\xc6\xbc\x8b/\xe3\xa2\xe7\x9d:\x01\\\x1e\x80\x97\x7f`\xf2$s\xf6.\xefB\x0e\x14\xa6V\x9d\xbfD\x01\x00\x00\x8f\xc3\xd0\xab\xcf\xe2!\x10\x11\xa5\x8fN\xe7\xec_h\xa07I\xe0\xcc\xa9@\xff\xaff:\x15\xf1av\x10?F$!\\\xa3&lt;l\x04f\xc7\xf2^\xc6\\\xd9E\xe7\xdb\x7f\xd3\xef]\x89\xcd\x14Dt\xe1P\x01\x00\x80\xde\x8c\x9c\x1f\xcb\xab1\xde{&gt;l}\xd7~\xe8\x8c71\x8e\xc7Y\xc0\xd7\x07\x8f\xbb\x0f\xd0\x8a\xe7\x0br\xf3\x18&gt;\x7f\x030\n7\xefh\x00\x00\x18\x1f\xd9\xb7\x00\x1d\xc8;\xf3\x9f\xdfj=\xe9\xbd\xf8\xc4|i\xe3/\x89\xda+\x06\xd3\xf4\xd7|\xb17\xff\x82\xa0\x04\xf7\x8f\xe1\x8b\'\x19-\xee\xe4\x84n\xe3t\xe0W\x98.\xf4.\x19\x00 \xc5\xa0\x89\x98\x7fT6\xc2\xa1\xda\xc5\x1f\x1d\xdc\x18\xc1k\x00K\'\xae\x9f\x03`\n\xdfh\x0e\x80\xc8|\xfa\xc0\x8f\x02\x8e\x83\x88\xe0g0\x1a#\xcck\x19\x067\x0f\x00\xc0a\xd0\'\x00\xfc\xc4\xb2~\xa4\xf2\xdc\xbf\xc83N\x1e|\xf4S\x19"2\xcfC\xeb\t\xba\xf8K\xb5\x97\x9a\xa5\xc3-\xef\xfcK\xa3\xff\xa3"\xde\xba].\xc8\xd3\xf9\xef\x8d\x00p7\xe6\xb3\x92\xf3&amp;\xbdG\x9f\xe3\x00\x00\xb7\xa7*\xcd\xe1\xb1l\x9b\x07\x88\xf1\xc7\xb9\xfa}\x8b?\xfeD\x00\x00L^\xf5\xd6\xa3c\xe8\xe1?\xacai\xc6u&amp;\x00\xa7\xc2\x1a\x18\x18?GS\xf5gb\x87\x9e6\xee\x82\xbb@W\xf566\x00\xc6|\xeeC\xb6\x1a\xd4r\x95h9\xc5\xce.J\x87\xccK\x03\x9a\x04\xc0\xf0\x94\xd7\x19DD\xf4\xe1#\x8ey\xe0c-\x1c\xff\xdd\xd9\xb6\xdc\x13\xb5\x05\xfa[\xc7\xab\x87\x0f\x01\x86\x9cn\xbb\x12k\xef\xc39\x01\xe8B\xd6\xbfC1\xa0I\x00\x80\x87`2&amp;\xf6\xe5\xee\xd6\x15|\xdc\xe7Zl\xebEt\x99:\xe1Z\xbc\xc5\xc9\xeb\xc82\xdb;\xe8\x99\xb5&gt;z\x13\x8c\x03&amp;\x85\x9bA\xf8\x1e\x0b\x00\x1e\x8f\'\x8c\x89}\x86\xd1\xba\x80\xbcP\xcbc\x1e\xdf\xde\x99p(\xb4\xbf\x05\xb4}\xe9\'B\x05\\\x85\xe9\xd4\x0f\x81\x82#\x89\xceb\x98\xda\x00\xb8\x01\xd1o\x01\xf2\xffJ\x0br=\x83Q\x12\xe2\xdcY7\xef\xb1\x93\\\x1dUk_$\xa2\n\xdb\xd4?JP\xcd 1l\x8c\x19\xc5#\x00&lt;\x00\xa9)\xdeJ\x08\xc1\xc3\xcf\x9e\xf6\x00\x00\x0e\x00\xa3X\x8d\xc1\x1e\x8b\xe3om\xea\x93}E\xc7\x18Z&amp;I\xfe_\x1e\xe0\xab\x1e&amp;\xae\x00F\xd69\xdc\xf75\x95\xcbD\x14\x11\x8dv\xbc\x14\x8d\x8a\xc1\xe6b\x00\x06%\xfew\x00\xf4\xbf\xde\xe4\x9e8.\x1a,\xdd\x0ce\xccpt9\xea\x1e+\x00n\xc0\x98)\x08\xbd\x0c4!:\xf9\xc9\x9b\xec}\x9e\xc1\xb2\xdc`\xd3.\x00W"\xbe\x01\xc0\x1f\xc7\xe1\xe1\xbb\x08\xc9\xe8a\x19\xe8\xdd\x199#\xbd\xf9c\x83\xd1\x04v\xce\xc8\xae\xfc7\xfa\xc6\x1cA\\\x98\xbe\xbd\xd8\x04\xf7\xdb\xaf\xdd)\x00\xf4f\xd0\xbf\x04\xfc\xb0\xac\xcf^\xc8\x98W?\xdb\x96;\xd3c&amp;\xdb\x97\xd1\xda\xeb\xe9\xde\xd3\xee\xc5\xe6u\x00\x0e\x83;4\xeaG\x10\xff\x13\xd5\x9d6\xeaw\x1d\xfe\xf4\xf3g[\x00\xc0\xd8&lt;\xe9l\x03.\xc0\xc1/\x14\x12\xdd6#_\x1a\xfe\xec\xdb\xe1\x95^\xae\xbc\x1b\xbd\'}\xca\x8b\xd1\xcb\x878\x0e\xd7\x0b\xc6\xa4\x10\t\x07\x0f7u]xW\x1e\x80G\x06O\x00\xea\xe9q\x1e\x83\xef\xd7\xbb4\xd3$8\xad\xe7\x1e-N\x1f_k\xce\xa59e\x140\x95\xe2\xd5\x82V\x88\xe8\xfd/\xf4\xe2{\x82\xde\xb9z\x9co\xdb\x1c\xc4\x0c&amp;\xebW\xe1a&amp;\x05\x00\xb4p\xe9\xcfC_*k\x0f\xc4\x8fs\xffF\xaf\xd6\x9f\xec\xcd\xc9&lt;\xa2\x13o\x13\'\xb7i\xc8#\xd1!\xc23\x83q\x1b\xaa\x07.\xafk\xb4\xb4g\x15\x8e\x8ao\xbe\xe9\x1c1\xce\xde\t\x00pUTVu-\xfa\x1b\xb57\xa8\x06\x0e\xbc\r@\xa5\xc3?\xb4\xcf\xbe\x82\r\xe2\x04\x1cI9\xaa\xd3\x91\xcf\x8aU\xce\xa8\x19&lt;=6\xa6\x14\x89\x8aB\x99~\x06\xb4\xc3p\xd1\xd0\xf6\x03\x00\xee\xc976\xaf\x0b[\xc0\x06@\x9d\xf2\x06\xa0\xc3C\x00E\xfb\xaf\xc5#\xb7\xfd\xde0\xd7\x9d\x08\x80\x11\xb8t/ \x8a\x00\xc8\xe0\xbc$G\xf8H\x90&amp;4\x7f\x9c\x97N\xfa\\\xe6\xd8\xbdy\xe6\xdf\xbe\xc9\xf6\x08\xcd\x7f\xcfk~\x894Z7#9U\x8bi\x95\xa24\x00\xc6d\x8b\xf3\xdc\x9f\x94Z\x0b\x8d\x9a\xbe"XY%LnW\xfaS_\xe6Rn\x07\x00T\xe3|\x08\x18\xa3^\x95I\xfeQ$\xcd\xb3\x8a\xb1?O|\xa6aY\xb7\xbc\xfa\xdc\x07\xb5\xc7FM\xdf\x06\xa8(\r\x80\xd1I\x0f\xc3\xcb\xad\xfe\x17\xc2\xf3\xe6u#\xd3&amp;\x12g\xd8\x00\x80\x8e \xc5\x8c\xc0\xcb\xd4UK\xcd\x10\x989*(\xbc{\x93\x7f\x05HC/\xa6|\x00.\x8a7r1\x90\x01\x00\xc3r\xb5#\x16\x10\x03\xcfm\xf5\xd8\xa7\xec\x94?3\x93zu\x17x2\xf1\xf2\xcf\xe9`L\xd5\xb2E2\\w\xa7\xbf\xcb18d\xccio\xdb\x02pQ\xf0w\x00\x0ee\xfe\x9ch\xe3\xa7EC\x86~\xd9g\x188\xa7qv\x91T\xf9\x94\xaf\xb5V\xff\xb3\xb0:Q@\x0bt@-\xd3\xfa\xbf2\xb7\x7f\xd8\x85\xb4|\x14p4\x00b0l\x0e\xc5\x9e\xed\x0eX\xb3/\xa7\x98\x06\x13\x91\x98\xfd\xa3\x8a\x92\xe7\x00u}\x1a\xfb\xf8/\xfa\xcb\xc3\xf9\x18%\x8e\xfa\xc6\xa4\xa2_\xd0\x95\x00\x00p\nO:\xdb\x80N\x0c\xfa\xad\x0b\xd6TG\x87\xcd|\x83\xfabl\xaa\x97\xf2\xa2\x8a\xf7&gt;\xfeT\x05!|\x01*\x06\rV\xff\xc0\x03{B\x00\x8e\xc1z\x05\xe8Fk\x91\xf9E\x9b\xb3\xad\x98I\x99\xd1\xe3\xad\x9d\xccA\xf2 \xde\xb8\x0f\x15\x9f\x10\xe0\x94\x9c&amp;,\x89\xca\x9c\xef\xa2\x86\xbfQuk\xce\xee\x97\x07 \x99a\xde\xb52\xfc6\x81\xc3L\x9a\xad\xdc\xa6!\x00\x80\xdb\xa2\xfb\nlF\x14\x12b~q\xa6\xe2\x9f\xd8\x97\x02\xd1v\xcf3 V\xf8\xfb\xdbm\x00g\x81\xafo\xd2\x03&gt;&lt;\x98\xa1\x1d\xce\x98\xd7\xe2\xa9\xb5\xb3]\x00\x80!\xb9\xca\xe0WOU)QWq\xc8Y(\xfa\xe7\xad\xed5}\xb8\xccO\xa0\xa5\xfda\x18\xd0i\xe8J\x15\xee\xe6\xc3\x9b5g&lt;\xfeH\xe0a2\xcf\xc4`\x04\xa0\x0c\x9e\xd8\x9e\xcc\x96\xa4T\xdej\xa0\xe4\xdb\x93\xf8 @\x8e\xb4\xdf*\xa5\xcd?L\xd3\xc4Y\x00t\xf8\xd2O\x9a\xff\n\xb5\xaa\xcc\xb1\xd0\xed2\x15\x08\xdf\x1c\xaaJ{\x17\xf7\x0f\x92-\xaf&amp;\x13\xec\x80\x81\n\x00\x00\x06\x8b\xc2q`\xce\x13u\x8b\x0c"\x1a\xed\xab\xe5\xd7\x86\x98&gt;V\x9d\xba\xe1\x99\x97\xfck\x1f\x15w\x00X\x1f\xdc\x08\xec\xb4\xd5\x18\x7f\xe9&lt;\xbe\x85R\xee\xd7"\x00\x00\xb8\x16\xb9\xb7\x1e\xf1dS\x97\xf7\x0b^\xd0\xd7%\xfa\xb6\xcf\xfa\xf3\xef\xed\xa7\xf7,\x10\x9f\xa0?\x881\x90\x84\xb4\xff\xd2\x0e\x00\x00\xc8\xe8\xb3\x12B^\xab\xc3\xff\xa0\xd8q\x8a\x1f\xec]\xff\x07i&amp;\xe8Ln\xbc \xc6\x00\x00\x00\xb4\xd3k.\x19\xef\x1cB\xf9\xa8\xfb\xba\x8bZ\xea|\xea\x0f\xc0#\xa2\x9a\r.\x9a[b\xdc\xa6!\x00\x00p\x14]\x17j\xd7]\xbf\xd62\xda\x86D\x9b\xb6\xef\xe0\x07\x00\x9c\xc9_9\xed1\xdd\xedx&lt;\xd7\xbd\xcd\xbeT@\xe4\x00\x00\n&lt;\xde\x06\xe0@\xc6\xffKI\xe8z\xd0\x07?\xab \xd28\\4\x1b_\xd4\xec\xdb\x81\xd9\x1c\x80\xdb\xa3;\xc2\x912:\xd1\xf7QC\x90\xeb\xaf\xda\x89\x08\xbf[\x82n\xad#\xf2\x85\xee\x00p\xb9\xfb\xf3m\x00Na\x9c\x8f0\xaa\xdbpl\xbb\xcew\xe0!\xe7UdT\xff\xb6n\xbb\x9cP\xe8\x10}\x81\xfd\xe7\x03\x81\x8e\x06\xa07\x18e\x00\x08xB\xb4\x049}\xbd\xa2\xfe\x15\xc5\xb3\xc0\xa3\xdau\xf2\xf7+\xab\xac7\xf32\xb6\x15\xfb\xfc7\xb0\x1auez\xbb\xbe)\xd38\xdfs=\x8e%\xa07\xd3\xe9\xc9\x13\x80\xbb\x83|\n\x80\x10b\x9e\x89\xdew\x02{\xd4\xb9Y\xbf\xd5\xdcXr\xab4(\xaag\x90\x87Z\xe0a@\xb0\xd5\xf3\xcd\x18\xaaW%\xec82\xe6\x7f\xf6R\x16{[\x01y\x1e\x00p2\x8f\xb0\xe2\xacx[\xec\xa4\r\x00m\xc6&amp;Wf\x89[\x9bj\xdb\x80\xdb\xf7,\x00g1\xce;\xa8W\xe4\\\xbf\x859\xb6\xa2+\xf9U\x10*\x00\xf0y\xe2l\x03\x1e\x88\xe9\x91\xde\xf9\xe0\xa7\xe0:\x9fLS\xe3\xab&lt;\xd3\xfe\xbc\xf8\x8d\x93:D\xcf\x941\xeb\x00\xd0\x83i\xfa/\xc6\x98iz\xcd\xb3\r\xb9$gN:Dk\xa2vl\xc8\x98\xd4%\x8b\xfeQdf\x00\x00\xe8\xce\x8f\x92\xc5\xd9\xc68\xc8\xed\xc1\x1f"\x05\xe0\x08\xd8\xe9\xe2*\xe3\xee*v\xf6%\xda\xa7\x15\xc9s\xc0\xd9\x04\x00\xd0\x05\x0c\xf5k\xb3t\xdf\x85;\xf1\xa7\x07\xfa\xa6 \x00\xc0\x02F\xe5\rh\xde\x00 \x00\x00\xb83\x18\xe1\xe0dF\xdb\x85\x8ef\x0f\x00\xc73\xe6\xa3E0,\x08\x15\x00@\x0e\xe4\x08\x00\x06\xe6\xaa\xc3\x13\x89\xa5\x1d,\xf7\x81.\x08\'\x006\x9e0\xbf\xf3\xda\xe3\xa1y&lt;\xab\xfd\xd5\xaac\xb8\x90\xa9\xb7\xe5#\xf1\x1e\xc2\x91\\\xf8s\xf3=G\xebCD`\xf3g\xfd\x01\x00\x00$8~A9\xd8\x12\xb6\xeb3\xe5~_\xb4\x7f[\xc6o\xdd\xed\xbb\xe0z\x08&gt;?zh\xc7-q\x82h\xe9\x0e&lt;\x0c\xe28\xb9\x1a\xa9\x1b\x00\x9b+\x8f\x075\xcb\x0f\xf8l\xd9\x83\xbd\xbdz\xe7fZ\xfdx\xe7f^\x04\xb5ov\x02\xd7\xe5\x91R\xeb\x05\x18\xaa/\x862\x06\x80\xb1\xb8\xc4\xf0\xb8\x84\x91y\x86\xfdr\xcc[\xd2\xdb\xc9\xe8\xc4a\xc0\x80\xdaI\x1dd\xc0EE\xe0"U\xfe\xf7\xfaC7\xaf\x12\xe1\xc1\x1a\x00\xad\\\'\xf1]\xc5\xce\x14W\xb2\x7f\xd9\xa8\x0c\x18\x1b\xec\xbf\x07\xd9\xdb\x100\x0c\xe8\xeb\x02\x18\x0e]\xc1\xb1N\x9c\xbe&gt;\x19u\x86\x02\xe0B\x0c\xf7\xcd\xca\xa3\xd9\xa3\xc5\xd5R\xd5\xa5\xa7\xb4\xe2\x94\xac\xf8G\xc1\xc0\xa9\x9c\xde/\xa7\x1bp\nX\xf2\xee\x0c\xb8\x01\x18\xd0\xa4\x1e&lt;B\x1b\x01\xe8K\xed(b\xd6\xfa!\xb1\xdc;\xee\xec\xaf\x9f\x91S\xc6\x1f\xd7(\x95o|R\x12\x05\x86`\x1dVM\xbd9\xdc!\xc8\x05\x80\xc7@\x17\x90\x99\x01\xb8\x0f\x15\x0b\xdf\xeb\xaf\x95\x1f\x82\xfe\xdd\xe4\x0bo\xd4\x88\xa0\xba\x0fNW\xe6\xbb\xf5\xcd\x19\xc2\xfc\xb8B\xa8\\\x86;\x9e\x16]\x8e\xe4x\xa9\xe9\x1a\xf4&amp;\x00w\x01\xab\xf9{\xd2\xfdkp\x106 \x89$6\xb8\x1f\x1a\xb1e"\xf6\xae\xc3\xdfh\x171dw\x0fh\x92\x8c\xfe^\xbd\xbc\x8b\x00\xb86xz\xfeh\x1c6Y\x0e9+\xe7\xb8\x9c\xc1\xa7\xc0\xf0\x12\'\xa5\xa8\xbb\xda\xfb\x86.E\xf9\xb7\x8c\x8aa\xfe~\xa2\x86\rC4\xe4v\xf4&gt;\xfbC\xaf\x01p2Dd\xde\xfc1\xc7\xe1c\xb6\xda&lt;p\xc3\x81\n\xe5\xf8)N\xeda\x81\xf6\xd5\x06\x9eU&gt;0\xe7\x7f\xc0\t\xd8pFb\xd5hE\x87\x02\x00.\xcc\xd5S\xd8\xd5\xed\x0f\xc0\xaaQ\x1b\xde\x978\xf9o\xedk\xac\xe0\x8f\xefJ]\x8d\x8f\x10\x8a\xd8\xa7\r\x8dJ\xef07\x00\xb2W\x01\xff%"\x07\x80Ax\x9d\xf8P\xc4\x10-\xf1\x02\xad\x02\xf4&gt;6\x87\xce\x02\x15p\xd6\xf7u\xdf\x1c\x80\x80|\x00\xd0\xcb\xd7\x03c\x13\x80\xbbb/(\x15\x1e\xc4\x8fy\x8eux\xfe\x1a\xd1\t%z\xda\x8c)\xe4&gt;d\xba\x92\xea\x96\xf2{-\x04\xc9\x0e\x86\x0c\x18\x05"2/\x14\x8dF\x84(\x00w!3\xb5\x1fj\x876Dd~\xea\xc8\xcf\xbf^\xcf]\xfd\x96_sPa53\x02={\x81l\xea*\xf7\xaer!\xd8M\xbb\xad\x07n\xc9\xd6\xad\x97\x9a&amp;*7\xe7\xdb\x08\x8d\r\xd5W\xbe\xf1\xe0\x05\xe0n\x8c:\\u\xbf\xf1\xe3BIY\x91\x8e\x0b\xa95\xf5\x1f\xb7\xfb\x1a5P\x07G\xed\xbd2"2\xe6\x97RwU\xb4l\xf2T\xa5\xe9\xd3\xd2^f]D;\xa8\xc3^\x9d\xe7\x87\x92\xc6\xae\x1eQ\n\x00P%\x92z2\x00\x00 \x00IDATF3\xad`*\xed\xc4\x91\x8e\xc5\x06\xa0\x01\xf8\xad\x1d\xff\xc3\xcdg\xd9\xa1\xca\xc5Zq\x17\xb7\xf7\xc6\xde\x000\x8a\x1e\xfd\xc8\x02\x9d\x08@_\xd4\xc6\x18\x16^\\\x1e\xf0\xaf\x96\xfe\xc5\x07h#\x00\xf7\x82\xd2\x9cm\xda\xc30\x9c\xabG\xb3\x07\x00\xb0 \x1a\x9c\xfa\xa9\x1c\x13C\x1dC\xf9m(c*\xb8\xba\xfd\xe0(.\x1e\'\xef\xc2\xff\x84\xc0\x0b\xc9\xa5g\x16\xff\xd8\x06\x802T\xf8\xcc\x00&gt;\xee\x0f\xc0\x11D\x86\xd9\xfe8\x0f\x83\xb0\xcc\xe7\x9fm\xc0a\xd0\x1e\x18\xe0l\xceX`\r\xda\xef\xd7Xn\xbe\xf6\xa1oGH&gt;!P\xf9\x8dLL\xaa\xec\xbf1\xa7\xf9D\x12\x12\xddAl\x000(\x18\x9c\x12\xfe\xd8\xa3~2X\xc4M\xfc3\xd2\xb88\xda\x92\x91\xda\xee\xb0\xe6\xab\xdf\x7f\xb6!y\x0e\xf5\x1e\xbb\xb3\xf4W\xffa\xa9\n\xfb\xef\n\x1c\x02\x00\x00*\xbc\xe1\xd9\x06\x00\x1e\x9f\x889\x0f\xf4\x02\x8b\xaa\x90j\x87d\x9c\x99\\\xf1\x13m\xf7\xb6\x1dE\xdb\x1e\x00\xbdy\x1a\x07\x8e&amp;\x0c[\x00FeO\xeeH\xc7\xf7\x07]lx\x13\x12\x1c5&amp;\x0f\xd4/\xbd\x97Mq\xf9\x89\xd5\xff\x9b;\xdf\xe3\xee\x7fQ2\x1e\x02\x80\x10D\x05\x00\x070\xb5\x8b \xa2i\xd2\x11\x05\xc0\xf0\x10B\x1d\x8c\t\x11M\x93 8\xa5\xe5\xf3\x15S\xcb5\xaf$\x11M\xc6\x98\xed\xa2U\xad\xce\x18p$\xd51#\xd5b\x10\x0f\x00t\xe6\x89v\x11\xd34\xd5-\x89(\xfe\xe8\xe0f\x9b~\x95\xe6\xdc\xcc\'\x0bW&lt;\xe0\xb9\xa0\xc9\xe0Q\x90.\x98\x0e\\`}\x9fs\xf0o\xab\xc5\x1a\xefz\x14\xfe\xe6W\xe4\n\xf2&amp;\x00\xe3\xf1\xa4\xb3\rxvpe\xc2!k\xc0\x88\xdeh?\xa4\x89\xd7$2\x03\x1f\xfc\\\xeeP\xca?p\xbd,\xba\r9\xe6 3\xaay\xcc\xe1,B\xfa\x9c\xc1\xaa\x18\xd6\x9d\xecO\x05\\n|\xa9p\xa1\x86\xe7\xed\x8c\x9d\xe9\xd0\\MQ\x0b\x93\x0by\x15\x80S\x18px\x9c6A"_\x88h\xdb\x00${Y\xd8\x0bDt\xbdE\xf9\x91\xdc\xe3a\xfa\xb6\xb0Pl\xc8H\x9e\xb9\xfc\xae\xa0\xf84ou\xf3\xd6L"\xb2\xd6\xfe{\xb1\xbd\x80\xa1\xe8\xc2\xf1nC\xbeGl_\x99=\x94\xaa\x1d2\xd2\xd0\x06`\\\x14^\x01\xd2e\xfe\xba\x88\xf5/\x0c\xe0\xcf\x86\x8f\xcb4M\r\x196YQ(\x13I\xfe!\xe8\xd1\xcd\xab\xcc\x11\x06\xfe\xcd\x838\xfc\x90\xd8\xbc\xc8\xa3\xe5\x99@\xbcR\xe2FE\xda\x19\xa1\x8b\xcb\\\xf1\x95H}l\x1f\xd4~7\xd4\x84\x89\x01\x00\x06\x1d7\x00u\xe9l]V\xce\xd9\xff\xc81\xdc\xb2\x9c\x05\x1c:}\xab\x03z-\xc7\xb2\xc8\xbd\xfe\xda\xa2m\xc3\x99\x94\xb9\x9e8\x001|\xbf-\x05\xd77}\xcc[\xba\x15\x15\xdd\x1f\x7f\x05e\xe8\x141Gu\x8f\xf0\x1e\x05\xd1\xf8\x9avHZw\xeb\xe8\xbbz\x12\x80k\x90\x1e\xb7\x98n\x1f\x98\xbbu\xbdv0wy\xeae}\xa1\xde\xdd\xfc\x0fN\xc4\x0e\xfe\xc4W\x80\xee\xac\xe5)_X\xcd\xb8?u\xadP\xe7X{\x8d\xaf\xdb\xde:\x91\x88\xcc\xab]\xc0`\x00\x1e\x96^\x1b\xe5\xf4\x9b\xdcw{\x83\x13\xa82\xfaq\x9d\x87\xee\xe7Fz~`\xf7b\x8e\xbd\r\x0f\xf2\xc9"\xe6\xda}vE\xa6p\xbb\xaff\x87g\xdc\xde\xa1G0\xb8\x8c9\xfa\xc3\x0c\xb3.\xb8\x1d\x80z\xf2\xaf\x00\xd5o\xdf\xf7\x14\xf0\xb4\xf0S^\x18\xb4\x8f\x06?\x90.\x16\x1b\xba\xc1&lt;\xc5^\x88V:\x19\xbd\x98co\x03\xd2\x9dGv\xf5\xaf\xa6\xe4X\xb7\xa3\x8bw\x8er|\xdd\x1b\xc2x"\x01\xc0Nv\x03@Fa\xc0\xfc \x92#\x00\xad\xe0\xc5\xb9Z(\xf1\xf7F\xc0\xa1\xd8\xef\xb8\xdb\xab\xf3\xf7qK\xa9(\xca\xcby\xe8-Y\xcf4\x12|\xd1ST\xff\x99#\x11\x1f\xf8\x01\x00\x80\x83A\xcemby\x08\xf0pS\x97\xce\x1f\xd1{\x98)\xbf\xd8L=?\xc4\\\x1a{\xa1\x9f\xcc\xb7{\xbb/\xe7c\x00\xc6/\x0f\xc4\x88\xfcv\xba\x93\x8f6\xc0U\x870\x03\xa0\x0f\xff\x14\xe3\n\x04\xbc\x01\xa2B\x87\x07\x9c\xb7\xb4\x9a\xfc\x80\xae;\x06"2\xaf\x1eY`\xed\x0b\xfa\xdd\xf3\xf3\xba\xdf[\xe8GK\x9e\xcb f\\\x83\xaa\x9d[\xa3\x87\x9b\xaac\x03\x00@\x13\x18?\x80\xcf\xb5\xa2\xc5\xb5\xf6J\x96\x03p&lt;\xe1r*|\x08\xb0,\xee\xadU\xbe}=\xb3\x82\xbcV\xeaxL\xb2\x1b\x00\xf5\xee\xfb\xfbx\x9d\x0f\x803\xd1=\xad\xe9\x9b\xe2\xdb\x84\xbfC\xf6kL/;9\xe9\x7fg\xe5\x95\xbd\xe1\xe1\x9cM\x9ei\x08\x00cC\xee\xd7zz\xb7*\x88\xea8\xa0!}\xf8\x86\xb3\r8\x1d\x9dI!&amp;\xe4\xbaQ\x01\xc0p\xc8&gt;\x0eE\xca\x7fa\xbb\xe3\xb7\xa7\x11Q\xf8\xe7\'E\xd5\xcd\xe8\x1f\x17\xa3A\xbeP\x95.\xf0E\x87\xacHk\x8c\x19\x90\x05_\x958:Z\x03Y\xba\xf8K}a4\x02\xe6\x91\xd9\xa2h\x9a\xcc\xf2\'\xa3\x01\x00\xaat\xfcK\xc0\x16\xf4\xc2\xf1)\xa1\xe3\x90~\xcf\x16\xf9o\xb4\xff)\x93aO\xb8\x89FI\x89\xc3\xaf\xfe\r\x11\xeb@\xb1\xf8\xfd!)\xf1\x15&amp;=\x1e\xa3\x07\t\xd0\x1a\xc8\xeb\x1fr\xe5\x94|\xadt\xb9\xbe\x013lb\x073[\\\x10-\xcf\x9aO5\x07\x80\x1b"~\x02P\xf5\x87\x8a\xae\xf77;\xbct3\xfe\x1a\x17\xe4\x1e\xda\x10\x99~G\xfb\xe3l\xc5\xee\x06\xce\x80o\xc32\x05\xd8yu\x1d\xaa\xa7\xf5\xf2\x15\x1e]\xde\x83\xea.\xde\xe3\x05\xcff\x01\x00\xc7\xa1t\xfc\x9f\xf9\x88\x1b\x8e44\xb1:k{A9\xbc\x05\xc0\x88\\:!\xdcq|\xf99\xe4\x0c\x13\x96lv;\xdf\xf2y\xd8\x86\x03p\x04\xc7\xbc\x02t\x01RI\xb6\xf9\xcca\x8a\x08_&gt;Bw\xe9\x0f\xba\x1d\ng\n\\^;p&gt;\xcaK\xce-\x00\x86\xe4\xd2+\xbc\xa2\xf1/t\xa9\xd6-\xcd!c\x8e\xfes\xc2\x01\x8b\xf6\x8b\xe7\xae\xa6\xde\xbfr\xc3\x01\x00+\xa3\xcf\x01\xe1!V\xaf\x0f\x00l2/5/\xfa\x1c{`\xc9?\x1f-}\xbbH\xbeC\xc7\xfd\xc8\xc7\x9d\x80\x87\x03\xae\x12u\x11;\x8b\xdf\xe73_\xffc\xdb\x97\x81^\x9b\xab\xdb\x7f \x03\x7f\x82\x0e\x00\x00l\xfef\xb8"\xbf_\xfe\xd2j\x8e\xd03\x9a&gt;\xcc\xeb]\r\xab\xd48Hw_&lt;\xf0\x8a\x96\xe3\xef-\\\x92\xd4*\xdf\x1at\xc9\r@\xa2@\xbc\xf7\x95\x82\xff\xe1Bkv\xf2\xe2m\xb6\x0f\xbb\xa5\x9a\xdc\x9e\xb0\x8fF\x00\x00\xa8B\x9c\x95\xf4\xb3X\xff\xb4xt\xe6U?\x04r\xd6\xf7\x17_(\'i\xd9\xc3\x80\xeb2x0\xdfu\xb8\x9d\x87\xae3\xf7?\xb5&amp;\x92|\xfcQ\x0e\xa2\x08\x000\x1a\xfd\xb2\x12k\xe2\xa4=}+hL\xdaqx\xf2\xed\xb3\x01X|\x85\xb9\xe4\xd1P\x1d&amp;\xbe\xd8S\xc1+\x13\xe0!@\x90\x030\x02\xf7\xfb\x10pEf\xd9\x9e\x96\xf6\xfb\xc8\xd1\xfaQ`\xee\xb7\xd1+\x10M\xb2\xd34M\xd3g\xcf\xb7U\xb4pPu\xeb\xb4~[\xbf\xfd\x95\x82\xb7\x9cN\xee\xd7(2\xe6_i\xc9\xea\xf1\xc9\xc8\xb3\xd7%\x87~\xe4\xf1\xbe\x9b\x8d\xc87.(\xcb\xbc\x15\'4m\x1e\xbc\xa2\xf7\x94\x00\x00\x83\x92\xff\x04\xd8\xf1\xf6\x0cH\xc6E\xa7\xc0\xb0D\xc5Z\xea\xd7p\xf7\xdd\xe2\\1\xfb7u3\x00\x13\xad0\xe89\x88\x1e(&lt;\xc6\xc9E\x9d\x19\xaf\x99cy\xfe4c\x1e&amp;\x02\x01\xb8\x12\xf2y:\xbb\x018i\x9c\xd7|\xa2\xb7\xeb\x99\xc4P\x1b\x00\x97\x94U\xed\xde\xf8)\xe62=C\xd6o&lt;\x99\x05\xed/ 7J\x8b1\xe3\xa1\x0b\xa3\x06?\x00c\xc1\x9b)0\x9a\x00\x00]\x10\'\x97\xa1V\xb7\xd1\xe5&amp;w\x03\xf0\x9e\x8c\xcc\x9b\x165\x94\x1f\xb8\xf45\x98l\xea\xea\xab\x18\x90\x95\xcf\x08\x8c\x1e\\.T\xfar\xac7\x86\x7f\x03A+\xea\x9e\xac\x96\x94\x9eGCHW\xae\xfd\xc9\x90\xc6T\t\x00\x00\x8f\xce\x89\xd9\xb3\x94\xbb\x1f1\xad\x9f&gt;\xabq6\x00y\xdb\xd4-\xc74\xdf\xc6\xfd\xfd6^x\x8cf\x8f\x03\xad\x1f\r\xd75\x92\x93\x1cz\xf0o\x07v5\x00\x00\xec\x04\xf9\xf1\x91\x93Wna7\xde\xa4.\xa1\xdar\x9d\xc5nm\xf5\x1f\xf1\xb6\x1f\xdeG\x02\x96_\x89\xc8\x98\x1fNh\xbel\x97\x8d\x85V\xf0\x9f\xf5(\xe9 \x12\xb1Z#G\xc5\x9eM\xde\x006\x94\x15*\x8b;\xe9\xaf\x9d4P\xff\xb2\xe5E\xb9`\x1f\x010\x12\x8d\xeb\xb3+\xcc\xac\xc7Y\xb88s\x04\x9f\xe8\xec7\x96\x19\xa55B\xcet\x88\xfd\x10\xa2\xe2KB\xea\xdcxV{\x07\x08\xbc\x14j10p\x1b\x9bY\xa3t\xa0\x95\\\xf5\x04\xd1oj8f\xd2Y;\x82U\xb4\xb3-\\\xaez\xcc\xd4\xff\x8f\x9f\\\xd53\x00t\xc5\x1b\x18\xfe8\xe1\xbc:\xcf\x98\xae\xce}\t\xe4\x14\xbd\xf7 \xf5\xbe\n\x7fv\xbc\xba\xff\xafn\xbf*G\xba"\xa2K\xb0&amp;\xbb&amp;\xa9\xe1v\x16"{\x86\xb2\x1c\\\x88\xde\x913\xda\xb0\x02\xe0t\x96\xbf\x030MS\xec{\xb5Ey\xbf\\&amp;\xae\xe4\x10\x94\x14w\xce\x1d}r\x93{\xfa\x9e\xfb\x04s\x86i\xfa\xd5\xd8\xc5\xf9+\xf9?\xb8\xcd\xc0\x0b\xd0!p\xaf\xbb\x8a=r\x0cGt\xadQw\x7fj\x17+-q\xe5\xd4\xad[0\x9d\x96\xe5\xc1\x9</t>
        </is>
      </c>
      <c r="E173" t="inlineStr">
        <is>
          <t>&lt;class 'numpy.ndarray'&gt;</t>
        </is>
      </c>
    </row>
    <row r="174">
      <c r="A174" s="1" t="n">
        <v>172</v>
      </c>
      <c r="B174" t="inlineStr">
        <is>
          <t>steps_per_sec</t>
        </is>
      </c>
      <c r="C174" t="n">
        <v>2000</v>
      </c>
      <c r="D174" t="inlineStr">
        <is>
          <t>2.6126635</t>
        </is>
      </c>
      <c r="E174" t="inlineStr">
        <is>
          <t>&lt;class 'numpy.ndarray'&gt;</t>
        </is>
      </c>
    </row>
    <row r="175">
      <c r="A175" s="1" t="n">
        <v>173</v>
      </c>
      <c r="B175" t="inlineStr">
        <is>
          <t>Loss/RPNLoss/localization_loss</t>
        </is>
      </c>
      <c r="C175" t="n">
        <v>2000</v>
      </c>
      <c r="D175" t="inlineStr">
        <is>
          <t>0.3605857</t>
        </is>
      </c>
      <c r="E175" t="inlineStr">
        <is>
          <t>&lt;class 'numpy.ndarray'&gt;</t>
        </is>
      </c>
    </row>
    <row r="176">
      <c r="A176" s="1" t="n">
        <v>174</v>
      </c>
      <c r="B176" t="inlineStr">
        <is>
          <t>Loss/RPNLoss/objectness_loss</t>
        </is>
      </c>
      <c r="C176" t="n">
        <v>2000</v>
      </c>
      <c r="D176" t="inlineStr">
        <is>
          <t>0.041127756</t>
        </is>
      </c>
      <c r="E176" t="inlineStr">
        <is>
          <t>&lt;class 'numpy.ndarray'&gt;</t>
        </is>
      </c>
    </row>
    <row r="177">
      <c r="A177" s="1" t="n">
        <v>175</v>
      </c>
      <c r="B177" t="inlineStr">
        <is>
          <t>Loss/BoxClassifierLoss/localization_loss</t>
        </is>
      </c>
      <c r="C177" t="n">
        <v>2000</v>
      </c>
      <c r="D177" t="inlineStr">
        <is>
          <t>0.31806874</t>
        </is>
      </c>
      <c r="E177" t="inlineStr">
        <is>
          <t>&lt;class 'numpy.ndarray'&gt;</t>
        </is>
      </c>
    </row>
    <row r="178">
      <c r="A178" s="1" t="n">
        <v>176</v>
      </c>
      <c r="B178" t="inlineStr">
        <is>
          <t>Loss/BoxClassifierLoss/classification_loss</t>
        </is>
      </c>
      <c r="C178" t="n">
        <v>2000</v>
      </c>
      <c r="D178" t="inlineStr">
        <is>
          <t>0.21787961</t>
        </is>
      </c>
      <c r="E178" t="inlineStr">
        <is>
          <t>&lt;class 'numpy.ndarray'&gt;</t>
        </is>
      </c>
    </row>
    <row r="179">
      <c r="A179" s="1" t="n">
        <v>177</v>
      </c>
      <c r="B179" t="inlineStr">
        <is>
          <t>Loss/regularization_loss</t>
        </is>
      </c>
      <c r="C179" t="n">
        <v>2000</v>
      </c>
      <c r="D179" t="inlineStr">
        <is>
          <t>0.0</t>
        </is>
      </c>
      <c r="E179" t="inlineStr">
        <is>
          <t>&lt;class 'numpy.ndarray'&gt;</t>
        </is>
      </c>
    </row>
    <row r="180">
      <c r="A180" s="1" t="n">
        <v>178</v>
      </c>
      <c r="B180" t="inlineStr">
        <is>
          <t>Loss/total_loss</t>
        </is>
      </c>
      <c r="C180" t="n">
        <v>2000</v>
      </c>
      <c r="D180" t="inlineStr">
        <is>
          <t>0.93766177</t>
        </is>
      </c>
      <c r="E180" t="inlineStr">
        <is>
          <t>&lt;class 'numpy.ndarray'&gt;</t>
        </is>
      </c>
    </row>
    <row r="181">
      <c r="A181" s="1" t="n">
        <v>179</v>
      </c>
      <c r="B181" t="inlineStr">
        <is>
          <t>learning_rate</t>
        </is>
      </c>
      <c r="C181" t="n">
        <v>2000</v>
      </c>
      <c r="D181" t="inlineStr">
        <is>
          <t>0.04</t>
        </is>
      </c>
      <c r="E181" t="inlineStr">
        <is>
          <t>&lt;class 'numpy.ndarray'&gt;</t>
        </is>
      </c>
    </row>
    <row r="182">
      <c r="A182" s="1" t="n">
        <v>180</v>
      </c>
      <c r="B182" t="inlineStr">
        <is>
          <t>train_input_images</t>
        </is>
      </c>
      <c r="C182" t="n">
        <v>2000</v>
      </c>
      <c r="D182" t="inlineStr">
        <is>
          <t>[b'1024' b'1024'
 b'\x89PNG\r\n\x1a\n\x00\x00\x00\rIHDR\x00\x00\x04\x00\x00\x00\x04\x00\x08\x02\x00\x00\x00\xf0\x7f\xbc\xd4\x00\x00 \x00IDATx\x9c\xec}u\xdc=U\xf1\xff&lt;*\x16\x8a\x82"vc\xa2\xa2H(\x8a|1\xb0\x10Q\x0c\x14\x15\xbb;P\x0c01\xb0EAE\x0cDl\x05\x13D1~\xd8\t\x82\x82\x89\x81\x1d\xa8\x88\x81\xf3\xfbc\xef\xee\x9e\x98\xd3sb\xf7\xee\xfb\xf5\xbc\xe0\xf9\xdc\xbbgf\xce\xf4\x9c\xdd{\x1f@D@\x04\x1c\x015\x81:\x00\xb2\x8a\xd4\xd1\x7fy\xf7\x0b/Gj#\xa3\xaa\x01\xf1\xe1\xfd/\x99\xf7\xe8/c]\xeb\'\xa2\x90\x1a\x07]}\xdeh\xb8\x02\x92\x0c\x9eS\x11\xedx\xce\xb1\x9a68MpYT\xb4\xdd\xc7\xf2\xed+F\xee\xda"\xc2\xdf\xa4\xc4\xabU\x96\xf7\x17K\x1d\x8aT\xa3$\x88\x00\xe7\xc7\x11a\x91\xbc\x13\xe3\xff\x86"\xd5.\x02e\xeb\xd5K\xd7b\xd1\x04\xf2\x92f2\xdb\x9a\xc0G\xdb\x08\x9b\x8c\x86\xa3\x1c5\xceuC\x1b\xb0\x030\xec\xfa\x13\x84\x8b\x11\xe0\xaf~B\x19aY\xe3-\x92\xccH\x1c\x00\x9aj)\xd4\x9d\xe7\x92M\xcf\x05\\\x8c\x14\xcb=p\xc5NH@u\xbb\xff\xa8d\xd7lB\x14\x93B\x90\x1dCM\xb0\xd2\xd5\x93\x8d\xde\x92b\xd3\xe3b\x17f\x82y/-\x95\xc9Ss\x0e\x00\x06\x82u\x83wm\x11\xa1v[MA\xc4\xdb\xd7\xb0\xa3\x1c;\xab\xac\x05\x80\x00\x9b\x15\x96D`=;\x98\xec\x0e\x08\xb0\xa5a\x98\xdc\xf1\x97\x88\xf0\x05\xf6f@\x95,\x0f\xd9P\xc4m\xf0\x10\x8ff,\x80\xacW\x13\xd2\x07\xac6\x03(\xe72g\xfa0\x94~\xc2\xac|Hh\xf2Q:L\x9f\xe5\x96|\x15\xc2\xdaG\xbaA\xa6[4R\xcfVb\x18U\x90\x83\xa3\xd6\n3\x12\xa7\xccf\x1fd\x8b!n\x00h\r\xb7\xa1\xf4\xe9\x1d-RI\xf0\xdf&gt;\xc2~\xab\xc9\x99\xc3|-\xc4\x9d\t&amp;\xcd(\xb7\r\xab\xcb\xafW\x82\x1c\x03\x00\x19\xc8\x0b\xda\x87\xb1\xa0Tt`\xb9\xaeW?\x0f\x9a!\x8c\xe6V\x87.\x05\xa7\xaf^\xff&amp;\x02\x9cZZ\xe82 TA_\xa7\xbc+G\xcd\xa7\xfc\x17z\xc8boB\xb4\xee\x1f\x85\x9f\xb0n\xaad\x036\xd2W\x83\x1d\x1ea^drZv\xe9b\xba\x9f\xacP\x07&amp;?\xe7\x18\xb0M$\xc70.\x89\xc8\xec\x7f+_\xf9\xb6C\x862\x1e\x96\x05\xe4\x04\xaf\xe8\xd3G\xb1\x8a\xd1\xc33H|\xc1\xd6\x1b\xd6\x0e7\x88\xa2\x96\x1b_\x91\xff\x19\xda\xfdoj\xb8\x06\x01\xee\xca#\xa0D\x1f\xe1\xc5\xbca%\xfa\xd8\x02v\x94\xd1*]P\xbc}8\xa3`\xbdw\xbd{\xf11^\xa4Y\xfc\xcdymQ\xa8\xd9\xb0\xf2F\xdc\xd1\xad\n\xe3\x00`\x15\xfer\xdc\x03\x80&amp;\x95\xfa\xe8\x8a=E\xcb\x05"w\xa0Q}E\x88\x13\x8e\xd7\\\x02\xf1\x06\xcc9J\xd8~\x03\xe9O\xc7\xd8\x18\x15I\xd3\x84y2p\x919\xfeI\xf4\xd7\x1f\xb1\x12\xbf\xbdp\xb3\xcc*C\x7fY\x82z\xf3O\xcf\xaal\xa8\xbd\x18q\x00\xb0"N\x04\xa4\xaf\x1e8\x06\x80]\xc9\xb5\xfe\x04k\xc5\xac::\xeeCx\x9a\xbe\x0b\xea\x9a\x95\x97\xbe\x85E$i\xa0\xfa\x10g\xf7\xdf\xe1\xa1\xcd\xe5\xc9\x05\x11 \xa2\xde#[.h\x19\xc6\xc0\xa4\x8d\x1d\xddK\xdc\x8cl\x0f"\xab@E\xdf\xd3&lt;?D\x00U\x8d\xcc\xf2\xf4\xa6\xd9\x01\xe0*\xf6E\xc3\xf1\xbf\xb0\x0b\xcf\x01 ?4\r\x87:\xa1\xec\x18\x03\x9d\x87\xa7K\xd6\xfe\x00P\x12\xa2\xd3\x04\xf9t\xa2\xc6\xb2\xea\xdc\'\xb0\x85{gq\x89\xa0#\x92o#z\xb4&lt;V\xff\xc0\xba2\x00$\xd1G)\x9b\\\xd3\xbe\x18\xee\x92&lt;\x00\x9c\x82\x00\xef\xd0\xa5z}\xe3\xbd\xc8\xf5\xc9D&amp;b\xd0\xa1\x13\\\xfe#&amp;1\xf6\xe7(\xa4&lt;\xceG\x96\x17\xf7\xad-\xc0\x94p\x05c%\x16\xed\xfb\xee:\xc21\xe3\xc8\xda\x02\xe4\x83|\x18\x84\x08\xf0^\xe5\x8a\xd3\xc9\xb6+\xa0\xcaK\xec\x84\xb5\xf7\x19eP](\x98Z\x940\x89\xd0jh\xec\x0c\xc0\x93\xc0\x89`\xf4?\x86\xbb\x17\xc0\xcf\xfd.\x1ep\xf9$i=\xf1\xff\xa4\x1dI\x1b\xf4\xaa&amp;\xd2\x91\x16_\x01\xd2\x06\x00xm\xb3U-\x14{\x84/\x89\xf3\xe0\x96[\x01X\x89\xf7t\xd7\x00 \x1cc\x7f&amp;\xd2\xb7\x86UW\x83\xcd\xb2t]J\xd8\xa8Q\xd4\t\xf0"\xbe\x01\xe0E\xde\xc1I&lt;}\xf8I\'K\x99,\xc5\xa2\xf5\xc3H\xe2\xc91\xb5\xf8!\xe2\xca\xa3\n\x89\xd4;\xc3\x99+\t\xef\x99g\x00\xf0-HS\xc7T\xb6\x90&amp;\xe7\xe0\xba\xa7\xeat\xfc-\xde2r\x9e\xceT\x06\x9d\x85(\x93\x91\xd7D\xe0\xd1z\xd3\x8c(\x1dHE\xf7\xd0\xb1"%B\xff D\xf0\x00#\x17\xc1$a\xcc\x16\xcc\x81\xa2\xb5\t\x85c\xd6\xd8\r\xf6kS\\E9&lt;\xedI\xcd&amp;AD;bJ\xe3;]\xc4}z\xc6H\x8d7\x80\xe9\xe4\xae$\\D\x80\x13\xc6\xbdD\xa50\x9d\xc5\x1f\x10\xcf\xf6\x9c\xce\x07\x91^\x85\x80\xdd\x97BZ\xf1\x05\x8f\x91l\x02m\x87a\x12[I\xfe\xa0\xbb\x95\xcb\xe3\xc0\x93\x19],\xfc\\\xeb\x80\xfc\x92\xac-\x0c\xa3r6v\x05{\x91|\x98\xba\xfc$\xbe\xaf\xf41\xa8\xffS\xc2]\x88$\x1f\x89\xff\x0e^A\xd0&lt; \x8c\xac,OV3y\x1e[X\x0b\x93&amp;\xa4$\xff\x9b\x92\xe5\x97JI&lt;\x15oM\x16\x8c\x0bD\xd8z`\x17ik&amp;oy\xd90\xb8\xce"\xbf\xa9\xa8\xde&lt;\xed\x03\x80\x00G\xd5\x13@\x81\xd7\x196S\xd7\xc2\xebUD\x86\xedpW\xc4c\xd5`\x88\xee\x9b\xa9&lt;\x1et\xf3\xf1g\xd2\xda/\xb8u\xa8P\xdeTz\xab\xb3\xc2\xad\n\xf80\xe7\x81\x8d\xac\xb4\xc2\xd1w\xf0 \xc3\xb5\xea\xb7\xdd\xa2B\xf6\xaf-LkH\xf1\x8d\xf2\x89=(%\xde)\xaf,\xa9\xa8\x1e\x17\xdc\x103\x8fp\x18o\xaa&gt;j\x86\xe7H\x14D\xe189\x90\xac\x94?\x83\xf9k\xdf\x16\xfd\x9a\xd8\x103\xeaM\xb9\xc22\x00Dm\x81\x94"\xf5\x14r\x86\xde\x0e\x00Y\xc6\xc5\xa6u\x15}_\xa9\xee\xae\x10\x10\xe1\xaa\xed\xa8\xd5\xde\x93i),\x8d\x17\xab\x8f\xea\t\xb6\xcf\xdd7\x90\xce{^\x9e\xd4}R,B\x96\xc3\x9b\xf5\xe5A\x14\x9e\xb2\x12\xfb\x0e\n\x85\x8b\x87\xed#\x00|f\xfa\xb9`\x94zA\'\xf9Fe\x90^\xe4/\x95\x92\xf4\xaao\xa7%$\xde7\x8f\xcd\x0c^g(\x87\xb4l\xa9a\x17U\xe6\xf3L\xc0\xc7i\xf1nO\xe0\xecY\x82\xaeM\xb14b\xfa\x1c\x82]|\x8cX\x85\'\x85L\xa9\x9b\x14\xbe\xcdRJ\x8c\xad\x0e&lt;K\x95\x7fj\xb1\xb0\xd2\xf3%\xeb\x97\xb9\xec\xe0\xf6\xadBh3\xc9\xda\x06\x80\xf7r\xeaY!\xc5&lt;\x00(\xbd\x91\xf4\xd6kD\xb5\x07\xb1N\xf44\x84\xeb%\x96\x81{\xc3\x13\xf4\xfb\xd79]h7\xc6\xe0\xc2\x87!\xeeZ\xfb6"\x9f\xcb\xa5\nB\x1d[\xf8KE\xfa\x80HgA(TW\x0fp\x12\xcf%\xad\xf8\x9e\x05&amp;\x8f*-\x06+\xb5\xa7\x92\x04]\t\xedu1\xac\x8c)=\xd6\xb54"\xf5\x0eP\xc4\x9ae\xdb\xa3\xe0&lt;\xf7\x95\xde\x88)y6a\xb4\x07\x92\x19\xd5"w\xff|-J\x1a\x91`~\r\xa6\x9a\xdb1\xcbDd\xed|\xe0\xf2\xb3\x06[\xff\x0ev\xa9\x12?\x98"RRLv\xc3$j\x81\xfc\xa2\x0f\x08\xad\x0f\x8f\xda\xf1#}y\x94&amp;Q\xa1\x03\x80\x00[\x85\xed#\x84]\x9a\xb4\x12\xa9\xd8\xdbt\xdch\xe3\xf8\xdf\x10k1\x03\x00"^X\xda\x94m\x8cGl6\xf9\xd4\x04\x15\x9a\x9e&gt;\xef\x9d[\x18\x82(+\xee$H\xd8\xa1\xe2\x00\xd0\xa6\x8az\xbc\x1b\xe1\x06j\xdf\xe9,\r\x82\xf5\xd3\x12i%\xac\xdc\xfb+\x06\xe1\x95\xbd\x0b\x11\xe1\xd4L\x9c4\xabX{4\xe3\x93\xc94\'\xbb\xbd|\xb6\xc6Q@C\x91O!\x91\x88h\x1f=BE|\xc4;\xe3\x86Q\x1ep\x19\xa8q\xbb\x02\xc2w\x0b\x18;Zr\x04\xf8\x99\xf0\xaf&lt;I\xc1*\x80W\x91\xb6RP\x8b}\x00\xee\x00\xffB\x12\xf1\x8f\xae\xe5R\x9dt\xf8A\x08\x1cK\xd6\xb8\xe5#\xfc\x95\xd0|gP\x02\xaa\x1f\n\xa6\xf9*\x00\x00l\xae\x9e`\x8d\xbf\x0e\x19\xec\x8bE\xe4\x9c\x0ch\x85z\xf9\xbc~\xb1\xf9\xfa\xc6J\xb2\x0c\xf1K\x8d\xeb\xc9\x90\xe7t\xec\xcb\xa9\xe9K\x04iqO\x87I\x16\xa0Y\x17\x92\xf7\x1e\x15J\xc1,)[\xb0\x03\x01.i{;$K\xecQ\xcev\x88\x88\xf0\xa4V\\E6\x92\xaf\x16\xa4\x003\\s\x8f\x90\xf9o\xa0\xb35\x00\x02\x9c\xe8\'\xc6O\x00\xf9\x0e\xbf%1\xb8`\t\x00\x91\x17\n_H\\\x12z\x87\x17\x11\xb4\xe9J\xeb+\xdc\x1dSN_\xe2G sNl%J\xb5\xdd\x11w-b\xa5U\xe9\\bew\x7f\xca\xa1\xd9c\x96 \xba\rA-(_\x06B\n\x1d\xffUD\x81\x8cy\xf2\x04\xd7\x05Y\xba:o\x9f\xd7\xad0\x15 \xc0\x85\xe4\x7ff8\x96\x1a4s\x1f\x85\xb2\xae\xb1\x81\xfb%3\xd6G\x06\x03\xd9\\E\n7v\x14`\x91\x84\xc1\x82\xd7\xa1\xd5\x92Cl\xc4c\x10\x01q\xa7\x1c\x95\xd4\x1d\xfe\xbe\xa7\xfb5\x0c\xd7\x8a\x93DG\x88\xe2:\xa7\x9a.#3\xd7}\t\x9f\xeb\xaf\x0c6F3\x0f0\xd00\xc5\x98\xf4zr\x10&amp;5\x7f\xfaI\xa4O\xd8\x8c\xac\x9b(\xaeI\x0e@\xe6DD\x84wV\xdf\xd7\x00\xc9\xc99\x938IJ\x9d\x03M\x94\x11&gt;\xa6?\xf8T\x1dUd\x18\xbfD\x95\xb2\x8b\xd2K\xad4\xdc\x9b\xec\xc5\x05\x15\xd8q\xa1\xe4\xf7[.\xa7\\\xd3\xfd\n\xce\x01\xc0\x14\x9f.\x87\xd7}\xb8\xfb9\x80C*A&lt;Vj\xa5&lt;\xe1hs\x80\x9b\xf4\x96\x05~y&amp;\x86\x1a\xe10\x85v\xd14\xc4\xf0\xd9|\xf8\xfd\x82\x99\xc4\xe6u\x9e\x8e\xd4\x8f\xa1\xdf\x85-\x03\xf8\'\n\xa3o\xe4\xd2I\xa0+\xe6\xf2[S\x90\xf8\xc9\xe4\x15T\xa4\xf9\xc9\x80\x1c\x8bbx\x14\x1d\x1arqi\x18\xbc\x90\xe5\xb9\xf3\x91Tl\x0b\x8e\x7f\x94\xad\x10.L;=_R\xaeY\x19(2\x1c\n\xc0h\xa6T\xff!\xe98\x940\xb6\x80\xca\xc5m8Cyl\x02w\x1d\xdd\xcfj\x14\xe9\xa4\x03\x10\x01\x8e4\x1f\x13d\xc0\xd8\xbb\x0b\xb970\xde\x91 \xa2]\xc6\xe6\x0co\x1a\xa7\x0e\xa5F\xc4\x0c\x00\xc6\x8b)3y\x82\xcd\xed)\xcf\xc9\xe3\x0f\x16\x17-&amp;\x83\xc6-\xb2\xfc\t\xab\xd0\x8c\xdc\xa9i2\tp\x88\x1dI9M\xc1\x9aX\x86\xdf\xacbk\xd6\x0fe*Z\x93\xd7\xb2\x88\x88\xe7\xb9r\x97\x90?s\x1dp\x9b\xe2$\x80\x02\x00\x02\\\xddv\xc1y\x08\xb7\x16\x9b3So\xa1\xbe\x1b\xbd\xab\xb2\xf0\xc9\x8f\x96\x1d\xe9\xdd@\x84\xa5S\x06\x80G(\xc7\x93%3&amp;\'\x14\xa7z\x19\x02|\x89\x85\x16\xa7\x90|\xa0C7\xb6\x82\x12t.\x85o4+Adw\x0b\xb9\x964p/\xa8\x18l\xda6[\x84\xfe\xb6(,\xa4@\x93\xe3\x84:\x8f\x98\xd2\x7fb\xe1T5\x87$j\xb5\x9d\x01 C\x17n6\xbd&amp;C^$\xf2R\xecK;v\xd2.2\xaa\xa2\'{\xe7h\xa9\xe2\xb9\x96\xb52\x1f\x02\xa2\xb2\xc3\xf5}7(\x05\x82\xa4\x19*L\xe2\xe1EM\xf4\xdb\\Y\xf4\xd5\xdc\xa1B\xe1m\x1a}\x87\xe7M\xc5#\xfbC)\xb6"\x872\xcdM\xfcV\xbd)\xb9&lt;\x10N\xcf\xe9\xee%\xf0\xb6\xc3\xa8\xa4\x96\xe0E\xa3\xa3r\x8a\xc9\t:\xa0\x92\xdd`\xf8\xf9\x8d\xd9\xbdev\xfb\xe9\x11\xbd\xbdL\x16\x00~\\\xd6\x97n\x94/i\x0e@\xec\xee\x9e\x85-\xd2\xcb/\x00\xc2v,N\xeb%\x80\x05w\xb7\xb1V\x8f\xc7&lt;\x1a\xd3\xea\xd3\xa0\x18\x14\xfb\r/6\x9c\xd6(\xdf\x08\xbb?\x13\xcdj\xa4\xbf\xa3\xfazV \xbc3\xe9\x0e\xf6(\'*\x0e\xc9U\x9a\t\x151!\x81l\x92u\x8c\xa6\x9f\x02"\xb7,\xffN\x12\x91\x1c\xe6a\x82rd\x1fK\x87\xe2\xb1\x1f\xa1D\xc2\xcdJ\xd8\xc5\x9c\x05\xf2\xf1\xf0S\xe8a\xdcb8\xe1\xdf\xd0\xf7Y\xe6\x05x\x17\xce\x01`E&lt;\xdc\xd5:\x01\x18\xbeqR2S\xfe\x9b\xbf|8[sd\x16\x7f~\xf8\x14\xb6/\x07\x14\xab\xc0\xff\xa1\xcb\x8c\xd2\x91h:\x7f\x14\x8eWv?\xd7\xd2\x89d\x05j?^\xab\\yI$5h\xe6\x17\xa1\x82\x89x\x1d}&amp;\x92SW\xa6PY\xb1~\x9cIl\xa5\x88"\x7f\xea\xe3\xc7\xa5\x10\xf7\x94\xcf\xd1{\xb1\x8fs/\xae\x00&lt;\x90\x98\xe7\x0b\r\x00dDsr4\xc8\x91\xb6/%f\x9d\xd4\x9e\x91\xc4\x83Y!I\x11\x94 \x8flt\xe7\xd8_\xc8\x132C\xdc\xef\xb1D\xc3\xad;\xcf\x10\x14~\xba\n\x16\x06\x10o\xd5S\xbe\x1f\xe1\xbd\xfe\xbc.\x9a\xe8E\xdc\xdb\xb31\x19\x131\x7fR\x8b\x87\x9e\n\x1dW\x86\xb7\x17\xc1\x92\xd48?\x93\x93\xe9\x14j\xfc\n\xaa\x01\xe5\x8d4\x84\x9d\xb9\t\xe25\xd5\xe0\xe2#\xedG\x96P\xfb\n\x1f\xcb\xd8\xc1\xd8\xb0\xd7\xf8\xeb\xa5}Yk[P+\x04_\x06\x13\x9a\x15\x93\xdf\xe6\x85\x1c \xd6]\x1b\x12\xddp\xfd\x1f\xa2\xf9\'|\xe5W #Y\xd5\x8d%\x04\x11\xa6Q\xb0s\x98o\xf3\xf2\xa2\xbcN\x19\xdd\xdb\x87 \xfc\'\xb3\x9dX\xe5\n\xccjJ\xf6K5\xf92\xd2V\x86&lt;C\xe1;B\x08\'@\xf3s=\x9aH\x16(\xae\x058&amp;E\x06\x85\x97\x1a}I\xedJ\xda\x00\x90\xb9O\xfa\xfe\xb0\xd9\xdb"\x02\xdc\x17\x00\xe1\xce\xb5\x9a3\x8a#\x91\n\x8d\xcb\xb5\\\xc9,\xde\x80;V\xd1\x0f"\xdc\x0f\xe1\xba\x08\xfb\xf7\x1e\xf9\xb7)\x14\x83\x1b\x13\xf5,\x9b\x99bCt%\xcfC9e\xb9E\xc6\xfd~Q\xccM6\xd8\xc3g\x95\xecJy\x91\xcc\xc5W-\xa4\xf3\x18\xdfe\xeb&amp;i\xb7\xd5hf?\x0e0\x18\x0e\x11\xaeJ\r\x00&amp;9}pd\xee\xf0$\x91\xe9\xbc\x86\x17\xda\x00\xd0\x1f\xc4\x84\xab:x\xe2\x8d\xb4f}(\xc1\x98e\x17\x05=\xb6\x84\x15(\xa3\x139\'\x8fo(GB\xe2\x07 \x8d\xa2\xa6\xabE\xdeK\x1b\xae\xae\x9e#\xd7\x11\x0c\xe1\xdd%\xdc\x1a%3\xa3\xd0\x0f\x15F\xc7t\x0f\xe2u1\xe7\xba)d\x91\xad\x017\x1d\xf3\xe9N\xa9SiI\xf4\xa2\x8a\xcd\x99\x96S\x98\xd2Y\xe2\x00\xc0|\x8c\xc4\xed3\x02\x91\xfb\xcb\x8d\x88\r\x17j\xc0u;\xa8]\xecY\x1e\xf2\xa0\x06y\x89\xfe\xbex\xd9\xfe\xa9\x02{sOc\xe4!\x89\xfcO\xc1\xf4\xaaH\xe1i\xe1\rC\x90\xb6\xe1\'\rBs\x83\xa8\x01\xc0S\xbd.\x9f\x9f\x0e\x0e\xcd/\xff\x9b\xd3Y\x1c\x02\xb0\xa1\xbd\xf89\xed\x95+\xc6\xd2\x0f\x82g&gt;a\xce&lt;\x82\x0e\x85\x19\xc0q\xba\xc1\xf9\xe4\xfdT=|\x16\xd0\xb5_\xa3\xfbG\xfcR\xbb~ \xc4\xdb\x1e&gt;\x12v\x1b\xe1M\x19Z\x05:\xa5Yu\x89\x10g\x15\xa3\xb4\xd6R\xf7\x86\x0cBI\xfd\x13zHh"4\xfe\xe8\xc2\xf3\x97\xf0K)\x94\xfdd\x16\xc48\xbe\x9d\x01\xa0{\xe5p\xdb\x02\xa3\x02\xf5\x1e)S\xcf\xa4\x91\x95k\x1eo\x19\xf6\xc6&gt;\xd4\x01U\xe4\xf4+n\xcd\xb4\xcd\xb5\x87\xc9\xbb\x10\xae\xe4\xa9(\xe7wl\x08x\x19\xe9\xcf\xc12\x87/a\x87\xe2\x999\xceY\xe0i\x9c\xf1&gt;\x15$\xfa\x86\x91 \x07\xa9\x08\xb6\x1d\xeb\x1b\x95\xe6\xbe\xa0\x14\xb6s\x95+\xde\xb2\xcd\x0b\xf9\xf4\xdaK\xc2\x1c\x1b\xd1\x1a\x91\x93\xdaT\x97\x02\xdc{l)\xc4J\xa0^\x86\x88\xd7#\xd4\xdb\xbd\xf2XV\x89\xd4*\x1e\xe5{D\x91FD8\x06\x01\xce\x19\x85g\xbeQ\xd3\xb7\x1d\x84J\xbdd\x1d)T\xbd\xb9)c\x0b\xd3\x1b\xa6"G\xab^\xc0\xef\xc7\xd1\xe8\xe0D\xe1\x08\x13S\xef\'r\xa9\x04&lt;}p\xa4\xff\nsl\xa3y\xb8"\xf0\xa9\xaa\x0f(qd\\(j\x95\xf2"z-\xe5ua\xd9\xa91\x0b*\xde\xc5\x8b\x976\xb6\xd92\x88\xf6\r#\xbd\x1cM\x8b\x83\xe6\x1b\x84]L5\x8b.pB\xb41y\xda:z\x80\xfe\x08P]H\x0e\xca\x16l\x89\xa2 \xee?\x99:MUMZx\x84\x9d\xb0\xff\xb3M\x03N\xe6\xde#!OD\x1a\xd5+\xb4\x9c\xc8\x06j\'\xf2J\x0e\x80\x00wP:\xf8\xcby\t/?4B?@R\x05F\x01\xa8\x86I}]W\xbel\x82\xd4\xddQ\xc6\x9d\rt\x155\xe2\x12$L\x82\x15\x90Vo\xdf\x0f\x17D2\x0b0$\x96\xde!ug6\xafS8N\x17\xf8h1|\xc6\xd8&lt;7\x82\x14]8\xdau\xda\x9c(\x90\x91\x92z\x0c\xaf\xb53M\xadsC\x8am,M\x92tA\xa5\x18\xbe\x82\xdc\x92b\xffm\xe5\x00\x00?Wd\xae\xdfs\x8f\r\xdc\xa1\xf5\x85\xf1\x81R\xc6\x94O\x02h\xa9\xfc\xebY\x95l\xaa\xa9\xc1\xd9\x87\xf0\xe9\xec~\xa2\x93U\x9e\xdb\xf6\xa0@\xff4\x0b\xba0\xd8\x94\xdf\xedh+\xb6}i\xf4g\x0f\x04xUm\x19H\x08\xf6\x95_O\x0e7D\xc4\x97I.D^\xa2\xb8\xd9\xc7\xdd\xa1\x84&amp;\x99\xfdd\xb2\x8b\xd46:\xc9\x7f\x8a(n\x05\xe4\x7f\xe2\x98*\xaf\xebC\xd2`\xe8\xf6\xf3X\x87\xf6%TQ\xc0\xfd\xf2;\xf9$|\xa3i$\xde\xb9\xb3\x94j\xe9\x82JvR\x05\xbb\x8e a\xabY\x18\x85r\xd88h\xeb\x0b\xd9\xbf\x18\x0e\x85\x8f(\x06M\x81\xc5\xab3\x15$\x8d\xa61\xa0\xec\xf8\xb28F\x16\xf4"6.Fw\xca\xc0Kk_f\x8f\x96\xf7\x88p\xa0\xd6\x05\xfa\xfa\xbf\xf9\x02\x9b#\xd1\xd7\xc0g\x95H\xdf\xd1@?}8yq\xc2\xdajP\xf2\x92\x1cA\xa6\xf0uji\'\xb3&amp;[v\xda\x01S\x19TDL&gt;\xef=\xb9h\x8d\x9b\x1b:\xad\x85v\x18*\x11:\xdaE\x82\x15\x8dt7K&gt;\x1aOX\xaf\xdc\\\x0c\xb4p;\xc2\x07f\xf5\x16\x95_\xb2&amp;"\x1e\xc5cP\xd3\x17\x843\x83\xaa\x91\x94\xbbFR\x9d\xfc\x00\x90\xd9\x91\x10\x11\xb7h.\x03T\x04\xc29\x15\x93\xcfcaW\x81\xfb\xc9&gt;\xf9\xe4z`\xf3s\xdd\x9dlW\x9c\xd4\xdf\xe5+\x9e\xc4\xa6\x039\xc9K\xba\xddI\x0f\xdf\x92Y\xa8.&amp;9\x034\xea\xe4\xbe\xd1W\xa0@\xcc\x16\xbd\xd6n6|\xae.\x86\x889\xe0\xeb[\xc5(\xdbp\x9a\xfb\xbd&amp;\xe4\x14p\xd1\xda\x02\x04\x01\xc7;H\xc2\x01yq\x1fx\x9dx\xec\xcd\x9d\xd1\x14\xb7\xe1\x07\xa5\xae\xf4\xf29\xe5\xea\xdbX\x1aY\'\x8c\x9a\xbfjM\xb7\x19&gt;;\xfe:/\x07\xb0;\xf9\x8b\x1c\xb1\xa0\x95\xad\xfa\x1f\tk\x1eb\x9a]\xa9n[\xebM\x80\xca\xf2f\x01"\xe2\x9dd=L\xd0g6\x05\x00Y\xec\x06n\x0b0T\xdb\xa1!\xb9\r\x8fH\xd3\xc7\x83\xcco}$\x96&amp;\xde\x86\x8ewS$\x14u,\x83h\x88\xea1O#xO\xa5#\x04^\x8eu\xf3~\xa7\xc0\x1f\xf2\xd2\xcc\xba\x1d*d|B\xc9\x970\x9b\xa0V^\x19H\xb6\x13\x98k\x84\x95\xcf\xbc6\xf8\x8e\xd3\xaaf\x7f\xbd\xc29\xe8\x8e\x8e\xf0\xc4\xfd\xed\x19I\x8d\xb5)\x1e\xe5\xf2`(\x8e\xc9\x95QJe\x00\x1fb\x10\xae9\xb4\xd0?\xdc\x8d\x85\x8a\xbc\x91*\x85\xdb\x02\xffC=\xed\xa6\xfdj\xe1\xce\xd9e\x9c\x02r\x18\x95\xf8{:}&amp;=?\x03\xbb@\xe1\xfcP[\xcc\x01\x08\x80\xf0\xce\xd2\xb5\xc7\xd5e\xc6?\x7fR;9r\xe1\x80\xcc\xdbA\xc9\x04\xafR\xda\x91$\xca\xea\xd1N\xb6$\x90\x81\xec\x82\xa9@\xcb\xa8\xa5\x8fB\xed\xe1\x89wrd{1\xdc\x10\x00\xe1\x805\x1d\x00\x86c\xec&lt;\xf9\x87\xe5\xca\xa6\x80\x00G\xd7\xe4\xce\x15h\x82\xb9\x9b\xeb\x8b\x82\\\x91\xe8\xee&amp;\xeaZ^\xf8\\\xc8\xc59\xb4p\x8ay\x00h@\xe9\x06\xd9bE\xfdM^i\x018C\xda\x9bc\x1e{\xb5\xe1\x00L\x10\xda\x1a\x12\'%\xef\x17\x11\x11~\xa6\xde@\xe7\xd0!\xf6\xff\xcd\x94\n\xfd\xab\xc5\xac\\b\x81\x80V\xf3?\x80\x1aP\xe6!\xa1\xc8\xa8\x9c\x0fy\x06\xfb\x98\'(z=\xbbu\xae-\x99\x12\x1a\x91v+\x1e2\x17\x19cV\x08\xe1\x01\xb57\x1b\x96O\xdaLD#\x8ea\xa2s\x9f\xc0&lt;\xd5]\xf9\x0c\xfeV/\xa9\xab\xce\nK\xdb\x1f*j\x99Q\xb2\xf4\x00\xd0\x98\xbd\x1a\x05\x95\x13\xd5K\xd2g\x00\xd8W\x1f\x00\x18!J\xc8E\xf9\xac\'y\xf5U\xf7\x84\x86\x1e\xad\x9e\xfd\xa9d\x05PI\xf5\xec\xdaB\x01\xc0\xde\xf2\x01\xc7\xb6\xb5\xe5\x99=\x88\xf2\xba\x97#\x8f\xe1q\x8e\x1c2uLb_\x82\xfe\xaf/W\x9f,\xc5(7z\x99[\x12{U\x80\xaf\xb6\n\t\x16\xc9"\xe8\xe4hd\xd5\xc6\xa5\x812\xdf\xc1\xd2\xf6\x0b\xa2"\x02\xfc\xcdB\xa4`\xefRt\x00\xd0L\xb6\xc0\x04\xcfl\x926\x00hq\x94@\xad\x18\xec\xee\xda\xbd{Uqk\x95\x93r\'\xc3\x11\x8e\xa6\xa4\xbbn\xcfi\x98\xa0\x05\x0c\x96m\xea{E\x10\x00\xe1)\xed\xc83W\x087\x18\x89\xdajU\xfeM\x11\x10\xe1l\xf1\x16\xe5\xcbJ\x89\xbd\xe6@\xc5p\xc3\xebg\x8f\xdd\x8eX\x8cN\xe1\xe0h\xfc\'w\xdfx\xef\xccQ\x1f&amp;\xea+\xe04\xd3\x1f\x0c/\'\x84\xb0$\xcb\x1d\xc3\xc6\x06\x80\xde\xad\x91\xbeG!\')#\x11\xef+#\xf0:Z\xe62\xaa#UQ\xdfj\xb5\xd0\xc2\xdeW\xc7\xf33\xb2\x85\xb8\x85\x16\xf6\x15\x92~\xebK[\x18)\x7f\x13&amp;\xba\xef\xbf\xf9.\x88g.\x83\xd6\x84!\xc659\x00\xb8)\xc8?[\xb8W,H\x05\xfex\x1c\xcf\x14K\x89\xb6c\xec|\x10\x10\xe1\x97:\x9dU\xde`m\x8c3Au\xf2\xc0\xc5M4[\x08G!|&amp;\x0f\xf7\x98F9\x9f\xd5\xfbz\xb6+q\xb6\xeak\x05\xe5\xe2\x03\xf3\xdf\x01\xc8\xe8\x15\x08p\xe5\xf1\x1f\x14vG\x04\xc4\xfb\xaeY\xdf\xa3V\xac\n\x9fbTEJ\xe6\xde\x88\x05\x05\x19*\xe7=P\r\xed\xc4\xbeu\xa5\r\xc5\xa6iFG?\x03\x99\xde\x8d&lt;\xb9\x90\xe2\x0e\x00nQ\xddIF\xd1j\'\x81\xc6\xd1kFN\x9eT\x85\xbd\xb0\x9b\xd8-\xc4/\x92^\x90\x1b\x0f\x92k\xdc\x13\x85\xa0\xd3\xf3\x80\xfa\x95\xaf\xb0c\xac\x8d\\\xb9\xd773W\x02\xe5\xdbi\x14&lt;\xafg\x8d\n9\xe1\xf6/r\x11\xef\x1d\xeb\xd9a\xd2\xf0\x1b^|hG\xbb\xf1\xd4\xbduI_\xfd\x0b\x12\xb6\xeb\x9dvhz\xa6R\xb5|\xb7\xa4\xa1\xcdf\xed\xc8iM\xb0;d^h2\xb7`&gt;\xe9\xafC0\xfa\xd5\xe14)\x07\xe5\xf0@\xfe\xae@\xb3\xf1\xee$Q6\xcfOm\x9an\x11\xc4\x87\xa7b\x11t\xcb\x90\x1f\xa3&lt;-[\xbc:\xd4\xb86f\xd1\xf7{\xe8\xf01\x08\xef\xed.{Of\xb1\x17\x00\xc0#\x14\xdf\x16b\x90|\xda\xb9\xfb\xe7\xab\xb5\x14\xfa\xcap\xd6\xdd\xdf\x19\x9c\x1c\x08?O\xccx&gt;$\x94lx:GV\xd2\xb93f\xba\x88J \xca\xc3\x0b\x84\xab"\xc0\xfdS(\xb0\x98\xbc\x05h\xbb0$k1\x05D\xee\xf7\x90|\xa2\xe7i\x0bhU\x84\x98\xbb\xb6W\xa8bC\x1b\xbd\x8bh5\xc6\x01@3\x93\xbaw\x12\xf7\xd1T4\'$\x0f\x00R\xed\xa7\xae@D\xc4\xe3\x89\x18L\xbac\xa6Y\x84t\x12j\xe4`\x86\xfd\xfe\xfcr7@\x831k\x12\xe1YE\xbe\xf5\xf8\xcc\xf76\xb1n)\xaf\x1a}\x9e\xf4\xffg\x0bWi\xf6]\x8b\xb8 7\xfe\xe98Z?\xf2\xae\x85b\x08}YN\xb5\xd1J\xff\xbdf&lt;\x04\xe8\x9e\x93IDO\xf3\xa7\x11\xa4\xda\xf4\xa19\xf9\xba\xb8\x0b0\xe5o\xfdP\'&lt;}3\xaa\xe8[;\x10\x12\xf2\x83\xd6E@[S\xdb+H#\xd6\x96J\x14\xe9"\x988U\x9a\x08\x07\xb9\x87\x0f\xeb\xda\xa6$\xd0\x82H\x96\x84\x90\xc3\xd9\xd4\xee\x04\x10\x01\xce\x13\x85a\xe5\xa8z\xd1G\xc9\x01 \x8ci\x0bV\xcb\x08[\x10\x12\xe9\xc8\x97\xea\x9a\xe8-\xf4\x90\xd4N\x8e7\x16,4\xa3\xb2.\x84\xc7N\x83\x08\xdf5\x17c!*\x90\xfa\t\xa7\xa8\x06\'K\xc7`\xa9\x10SF|.k\x107\x14~7D2\xf5\x1cgx\xb6b\xd2RD\xae\xe1d\xe5\xbf\xfd\xea\x8e\xa1\t\\0C\xf9\xc84\xdc\x04\xe0P\x94\xd1R_e\xd8r\x1e\xa5}*\xe1\xc3\xb5\x85\\\xcb\xca\xc5\x11\x11\xca?_\xc1+3\xaa\r\x04w\x89\xf1\x8azK\x894\xa5\xa6\xeai!\x1f,\xf9R\xd7d\x00\xd9\x8f\xd4\xceZ\x99\x11\xa9\x16Vj&gt;\xec\x1c\xae\xee\n\x16u\x11 \x02|\x9dU\xc8\xf2\x90\xba\xa3/\xd6v\xd4c\x0c7\x04\xf6\x03\xb8\x92k\xadb\xb9\xf4\x01 \xc4\x1b\xa6\x07\x14R\xfcl\xb6\xe6~vs4(\xe3\x89\x85\x1b\xdf\x1a\\:\xb9\x9c\x84b&lt;\xa5\x0ed\x9a\xc91^\xe5}%\xaaA\xcd\xa5\xab\xd1\x01\xe2\x96\x8a\x81\xb3)\x83&lt;*a\xddQ3!\xf5|$%\xbbZI1\xf8\x9el&amp;\xf7\xc9\x1fln\x1f\x00\xd8\x0f\xfc\xb2&amp;\xdeh_r&amp;\n\x04D\xb8h\xfa\xe1\x1a;\x18\x841\x06\xa1C\'V\xa9F\xb5?)]\xc2&amp;\xc1\x98\xa9\x94G\x1f\x9f\xc5 \x9d7k\xcd\xc4\xady8#\xe4\xa3\x07\xb6\x13s\x06\xe0\xa5\xa5l%\x9e\xb1\xd9\x85{\x0f\xea\x0bS6#\xb8\xc2\xce^\x9e\xad\xb0\x96\xde\x8a\x17##\x9a\xb0\xb7\x00\xb6\xde\xce+\x83\x87\x96\xf31)$\t\x05\xdf#\x13M\x01\xe8|\xe9\xcb\x9a\xc9\x05\xda\x00\xc0"R\xa2\xe6%\xff\xe1\x84\xd1Q\x7f\x9e\xb7M\xacde\xdb\x00\xc0\x12\x17R\xa4S\'\xd9\n&gt;\xa2\x9c\x1c)\xab\x10\xf7\x8d\x17\xa9\x82\x86\xaf\xa1;\x92#|\xb61\x9dP(\xd7Qd[\x00G\x1fsUS\x14\xc6mY\xf0\xc0Y\x83\xf4\x93p\xdc\x9e\xb8)\xc7C\xd9\x13\x8d\x14\xbe\x02P6x\x8axPXG"\x19\x824\xa3X.\xc9\x06\xbf\xc9\xf0Hn\xf0\xf5C\xc2}\x05^\xa7\xd1\xc7\xc5R\xbe!\x9b\x1dLc\x9b\xedv\x9exs\xe9\xdf\xd1t\xc3\xc5\xa3%)^\x1b\xe4~\x9a\xe4{\xc0\xf8\xee-\x0cmSzdy\\s\xe3\x9e\xd1\xdb\xc7"\n\x08p\xdb\xf4 \n\tj#\x81&lt;\xb1lp\xdd|\x1e\x92\xa4\x87T\xde\xd2\x11\x94\xaaR\x86]\xab\x11\xa7\xf02e\t\x14~\x88\x9b\x12\xdeR\x8d\xcb\xeb\x8dX\x84#\x99\x84\x19w\xad\xe9D\xf9\xc2\x89\x83h/m\xa5\xba}&amp;\xb1\x8d3\xc6\xa0\xba\xdf\x00j\xcd\x14\xd9h\xb8\xfb\x1f\x16.d&lt;\x86xW;~8!\x10\x8dA\x0bJ\x94R\x92_\x03\x8d\xcf\xe6IF\xc4A\x88c\x81\x07\xda\xd0\xaa\x88P\xc1\xb2\xca\xaf\xb8 \xe7\x0c\xc0"yh\xea\xcf-\x8fB\x9cjYt\xbcL(\x8d{[$\x15z\xa0h\xbc\xd6&amp;\xadp\xce\xda\xbf\xf2\xe7\xee\x021\xfa\xe4\xdf\x99\xe0\xb0\x02\x02|\x85\x8dW0\n\xa7\x8e\xef1\xeb6\x00rS\x9ei\x83\xab\xdd=O~A\xf2+Y\xcf;\xc9\xed#*\xa4\x10\x11\xceC\xc7\x17eH\x04+\xe2`SY\xd2\xb4-\x17Y\x87\xfc\x06\xa2\x93\xefqG\x90\x1aK\xd8l\x8ec\x94b8\xa3 /A\xbd+/=\x0f\xe0\xb7\xf0\xfa\xa9\xe8\xaa\x18\xb8\xfc\xe7\x96\xa0&gt;\xb7\xd2\xe7F\x0e\xea\x89Pe\nY\x95\xc6\xf7\xe2\xe4\xd9\x89u\x8d\x0b\xe769\x00\xf85yc\xaf\xf6SD\x80\xcd\x82\xb9\xf8m\x9c\xb5\x9c\x04\xd8.\x88f\x94\x11\xc9b\xc9#\x95\xe6\xa5Ide\xf1\xc2\xa9\xb9\xd7\xca\x1a\xd0\xa3\x0c\x95\xfe\x03\x85\x0c\xc5\x03\x97\x83U\x8eSq\xef1\xde\xc2\x10;\x11\x88\xf0\x16\x84\xe7\xd9\x97\xe41\x84\xecWTH\x92EG\xbf\xd8B\xde}Y~\xd0\x13\xce\x18h\xd4\xf5\x9e\x94\x8dd\x99\xc4\xe6\xa0\xc3\x8b\xc4\x01\x80&amp;\xc8#\xda\xac`w\xd1 \\\xb5\x86\x92\xbf 6K\x99\xb83\xa9\xa8\'rm\x9d\xd4\x0f\xda\x1c\x00L\xeff\xe0\x1bq\xbf\xcf\x98\x15\xbb\xe5\xcd\x06\xbcS0\xe1h\xf9nQn=*\xe1j\x9eW\nJ\xf3\xba6\xbf\xbb\xfaJ\xe5^\x9fFG\xc7+$%\xf0MMis\x8eE\x185(\x9c\x81\xc3\xb35R\x00f\x92\x8c\xd4b]\x9a\xd9\xbbBx\xe2\ta|\x1d\xdd\x7f\x063\xf5|m\x03\xc0\xa7G\x97\x13\xee\xaaQ\x9e\xe9\x92;\x8b\xf0\x9ex\xb5\xf3D*\xc1C,4\xddk\xad\xbd\x11~@:\x8c\x14WUG\xc4f\xd7\n\x17\xe10S\xa2\x7f\x12\xa1-\xbd\x9b\xcb\x91\xc6\xb3\x83\xeb\x08\x19\x83\x95\x1do\x08\x8f\x04M\xe5\xa6\xba\x7f\x8b\xcf\x06P\xc2d\x0cE\x04Dx\x94(\x80\x17&gt;l\xcc\xb3\xd5\x95\x19\x8d[{w`\xa8\xfe\x13\x11\xfe\xac\xd6N\xa7*\xbc/\xde\x9aRv\xf6\x99;\xde\xdftQm\xbe!\xbe\xbb\xe3\xf8\xa2\x956w\xfe=!t\xf1\xd1~\x86\xd0\xaf!M9^\xc3=\xe0%\xd9\xd1J\x92\xcf\xfd\x92\xba\x7fE\x92\xe4\x00\t\x19\xc5Co\x02x\xd1\xcc\x04CHRNHy\xa6\x1f\xcd:\xa0bI?\xd5\x8a\x1d2oN\x12\xf7\xb3\xa6M9\x94\x9c\xd6\x81\xa1,\xfc6\xbb\xae`/@\xc1\xd4\xc4\xb5\x9a\x8f\xe5\xb3\x9aR\xa1P\xf8\xe1\xc0\x8ea\xb1\x16\x82\x81\x14A\xad\xba\x7f+yJ\xed/s\xa8\x03\x00\x00.\x9fb?\xc2Ts8*\xf0\xd1\x86|\xcd\x03\x89T\xeeg)\xdf+\x89\xb0\x90\xb8di\x19\x13\xfc\x8d\x10\xd2\xe0\x1e\xb2\xf3\x08}\x89\x95/\x02 |\xaf\xbb\xe6\xdb\xe1\xe2i\xac\xa3\x96\x83\x97~t\x16b\xb0(\x93\x7f\x8e\xcf\xa9w\xc4\xbf\xc3K3\xcc+N\xc9Q\x8d\xc8O\x96\xeb\x8e\x17L\xf6\xad\x8e\x98\x92\xe93\x18K\x11x\x93d\x82n.&amp;t\x1b\xdf]y\xd1\xb4Gb9}M\x9e\x1dY\x041\xed.;\xac\xdc\xf7\x13/\x84-\x8d\x1fDF:\xab\x14n\xc4IIv.(\xc0\xfc\xe1\x15e\xae\xb5\x80\x087\xc5\xbdEK\xdd&lt;\x86\xa0\x0fO\xe6v_gP#f\xa1\xa9\x01\x80\n~gj\x08\xe3\x05\xef@@\x84\x0b1\x90\x1a\xf0\x166\xf1\x12q\x8a\xabq\xcc\x00!\x14Y-E\xf10\x803\xda\x19"P\xd7\x83A\'\xd4^\xae\xe7\xd6\x1e\x97\x92\x11n\x13\xbd\xdc\x7f\xa1\xa9\x9c\x93\xefV\x8f v\xf0?\xd74P&amp;},\xc9{\xc7h\xf2\xf7\xc0Dd\x0bd\x00y\x17\xa8\xfe\xa0&lt;D\x19\xe6(\xe3\xb1\x19\xa1m\xf52\x8e u\x83\xca"\x1c\xce\xc0*\x88r\xe5\xd0\xfd\xff\x83\xbc\xd8\xd0\x06\x90\x1c\xb5\x04\xf2F\x7f\x81}\xf6\xe2MMZ\xfe\xd5n\x17\xf7\x9e_BcC\x8a\x8bj\xae\xa2\x06/\x87\xda\xcb\x1b.\xdf\x80\xd1\xb4\x1f~H\xba\xe3\xa6\x85\xb4\xfc\x96\x08\x7f}\t\x8e\xc2\xe6\x1fB\xbd\xfc\x05+\xd9\x04\x81,Gw|N@\x97R[\xa7\xbb\xc2\x93\x12\x04\xb0U\x17n\xcd\x93\xce\x16)\xab\xd2\x9c\t\t\xcb\xbc\x17;k\xe1\xca\xd3\x10Y-[\x19\x89jo\x0f\x08\x88\xf0\xd2D\x03!\xec`\x0c\xea\x0e\x1f@\xda\x9d"xi^j\x96*lS\x8e-(\xf1\xc2\xe0\xcf\xc1\x99!l\x105d!\xe2\x1a\xed\xbb5\xd9A&amp;\x10\xe5\xa7\x04\xbc\x13\x9a\xe9By\x89`\xbb\xf3H\x7fV\x89\xef\x1fr\xa0`S\x8b\xc5\xa6^\xa0\xb7?\x8d,\xad\xf9\x8f\x07\xaeb\xec\xd9\xd0\x1e\x80j\xf8x\xeb\xe7\x17\xb4\x9f\xf0\r\x00\n\x85\xbfy\x12T\xdd8%\xed\x0f\xbf\xa4o\xe7\x94A\x98F=P;?\xbeQ\'\xeb\xfd\xe4\xfe\x92X\xe5\xb1%\xfaYOO\xc1V\xd7\xdf\x96\xbc^O\xb5u\xa1\xcb\xd0\xbdr]\xab\x1a\xc3Y\x8cy\xad\x1f\x00\xe08\x99\xa3:\x18\xf4?\x0fI\xe4nA\x1ae^(\x9e&amp;\xcby%C\xbb&amp;i\xd5\x87\xb6\x18\xd5\x8dx`\x12\xda\xb3c"~\xc8a\x9a\xc1+Lo\x06\x7fz\xd5\xce\x0b\x05\x9aL\x1ee\xeb\xc32\x85s\xee\xb4\x90Cf\x92O\xa88u\x93\xc0\'\x08\x9d \xf5e\xbb\x8e\xaf\x04\x90\x97\x9b\xb6&amp;\xab\x9d\xd0\x80s\x00\xd8\xd2\xf4n\x9a2\xf5]\x1c\x12E\xa7\x02$\xb1\xbd\\z\xb8r\x8b!\xd7\x11v4\xb4p\x9a\xad\xc3\xa4\x1cn%\x89\xefq494?_\xb1\xc2\x14(\xe2\xa5\xaaN"\xdb6\xa9+\x88TrY\x8c-#J\xe5\xc7.\xba=\xbc\x11~F&lt;h\xe8i\x15?[&gt;\xc1{w\x05@\xeaGh\xc7\xcfL4?\x02"\xbc\x9a\x18\xbb\t\x8e\x19}\x8e\xab\xdd\xc9\na\xef\xba\xa8\x84\xf8\xde\xfd\x96\xea\x93\xcb\x00\x10\xc9-\x93\xba\xb6\xeaM\xf3\xdb\xd1\xf3\x93\x06\x00k\x01\x10\xde%\x1c#\x10\xe7\x92\xae\x95\x0e;)\xe9q\xf0\xf1\x97\xf4*~zF_\xa2"\x98\x91\x9d\x90\xb4i= \xdc\xa3\xed`\xf7\xcai\xa4\x16\x89\xc4(\xf8$\xc9E"\xe67\x00\x88\xb8|\xe8\xe6\\\xc8\xfa@l\xb80!\x17Kb\x87\r\x00\xa8\xc4\xb2F\x8a\xa2\x16\xa7%a\xd57Vk\x1f\xe3\xbfI\x0b]\xfb\xa0\xe2^~\x9d\x04\xbb\xf7\x8a\xfaC\xbf\xfc\x89\x88\x00O\x0c\x91_\x1a\x8d\xe8h2\xef\xe2\x0em4\x10b\xe2\x8b\xe8#\x89\xeeP\x18\x13}MB\xebnz=\x16{\x83\xd8\x11\xf9\x04\xc0\x85m\xec\xfc\x1c\x8e\x051\x91V\x08\x86\x104E\xa6\x11\xf7\x86\xc7\t\x1b\xa4#b\x8a\xce\xa9\x95\xb6\xeb\xe5\x00\x00 \x00IDAT\xe2*1\xde\x82\x00\x0f\x0b\xe6\x94\xcf3oD\x9a\xf5\xd59M\xb3\xed\xf0[Z,h9\x13\xd0\xf0\'\xdeB\xb1\xb9\xd4\xa8\xb9q\xdb-\xf3\xe7\x8dD\x04\x86p\x0c\xe5\xb1\x9d\x12\xde\x94\xda\xac\x99\x00\xf7t$F&lt;\xc2\xa4\xe1\x7fv/\xde\xa7\xa3\xf3}\xa2\xd1\xac\xa2%\x84\xbb\xb28F\xf9\xac\xae\'\x01\xafUR%:p&lt;\xf8\xb8\x8f\xeb0"VK\x84\x93\x84,7\x925nyg\xa76\xf0K\xa86\xae!R\x89:?*\xda\xee\xd6Hr\x88\x94\xfe\x88\x08\xa3\xb3\x86\x89\xae\xc8\xa0.\x94\x0eJc\xd9\x87\x13Y3\xbca\x1c\xb4\x06\x8d}s\xadu\xb5\x8b)\x08i\xef2A\xb9\xe5bZ\xb2\x86\x9e\x99\x94%\xf3\xb4PqY\xab\x01\xe4\x15\xdb\xee\xe1$n\xce*\x003\x0c\x05\xe29\x8c\x94\x85\xb30\x82\xe7\x8c\x06\x80\x11d\xaa\x14O\x94\xf4\x15\xf4\x80T\x1fL\xe7n\xe5\x12\x08\xea\xbdS~\xd6\xf1\xecD\x0f\xe1\x13\xd5BG*\xc1\xd4e\xe2.\xb6\xe83^\xf0\x8e"\x84&amp;\x84\x104\xa3\xe5(\x1a\x1ft^A\xb2\x03@\x80\xdf\x00|\x8d9\xf6\xc8,\xe0\x8b\x0f\xd3I$|\x1a\xd3t\xd7Bfi\x16\x08\x80\xf0\xc6^\xd5_\xc8\xd2C\x84[!E\x8c\xe4-\xbc\xcf\xecHW\xf3\n\xcb\x95\x18\x9d\x0f\x9f%\xe5hM6\x84\xcf\xad\x9b\x7f\xfa\x1bH:\xa3\xca\x19\xce\x9a\xad\x7f1\x11\xa38\xeaDhi\x98=\xe8\xd0N\xf7+\x8d\x0e1\xf9{$\x8d\xd6\xf0\x94\x90\x8b\xfb\rJ\x87n&gt;\x8aEx\xe5R\xa9I8u\xd2_\x80\x08\x07p}b\xd0%SJ\xe0\xa8\x1e\xc2#\x91]J\xd8\xdc2\x00(\x14\xe2\xa4b\x1d\x00\xe4\x89\xee\xbb\xd6\x8c\x11a\x06\xedS\x9eQg\xed|\xf2dY&gt;\xd2A\x0480\x9c\xd4:\xa0\xc4\xc3\xe8\xe1\x99BO.aR\x1d\xc3PhM\x8e\xf4\xb5\xee]\xf8\xa2\x87T\xc4\xae\xa9\xec\x9c*\xea\x04\x81\x08\x97ukO~hj\xf5*\xc0\xde\xd9\x84\xd2\x1d\xaf5\xd8N\xb0\x0c27\xbb\x97\x8a \xa2;9c\x00\xc0\xc5;"\xd7#\x92\xaa\xf219I\x984\xa6\xb9\x11\xe1&lt;\xa1\xd5Dx\xd6w\xdd2a\xef\x1b\x0f\x1d&lt;p_\xd9g\x9e\x8e\x80\x08\xf7d9;cS\xaf\\\x13+\xb4\xcb"\xa9\'\x9a\xf3\x9e,g\xfb\x88(=1\x15K\xbc\x9e}\x00X\xb1HY\x9bP\x80\xa9\x9c&gt;\r\xdb\xab0\x16\xa4\x8f\xf0\x96\xf3\xbc\xdd?(\x03\xc0\xb6\xee\xa3\xa0\xf4\xda\x1c\x1e\x11\x04\x8d\x8b "\xe2\xa7ce\xa0\xda\xb2C\xe4X[[\xf8Ee\xbc\xe6}eP)\xe7\xe5\xc8\x02\x84Mt\xc1\xeeE\x0f\x96\xfd\x92\x89\xe4\xc0\xd2\x12\xa6d\x18\x13\xbe\xaf\xd4\x1d\xc4\xfb#\xc2\xfb\x11`\xff\x81\xa7\xb6\xd39f\x83\x1f\xe27\x03\xfb\x98\xac5\xa8Y\x90\x95\xee&amp;8\x8e\x8b\xc8W/\x04jlb\'\xd0\xf8l\xe4\xa6\xc4\x10{\xb0qGZh\xf3\xfa\xd5\x06\x00\x02&lt;\x89\x95\xe6\x80;\x85\\\xacd\x1c\xf3u\xbd\nt\xc7\xca~\x06\x1c\x8eh1\x88pjcGF\x98\x02)-V\x1b\xb2f`\x89%Sbp\xbaINO\xa9\x02\x884\x06[\xf8\x85\xaa\x80\'Y|\xf85a\xc24\x81n#\xb7\xf3p\xcb4\xcd;\x04\x90(\xbfJ".&amp;\xc66\x11|\x1c\x9b\x96Ir\xa2\x90`v\x16\x08W`M\x95\x8a\xdf\xaa\xbe\xa4p9l\xa6\'\x02\x11*\xc5\xa6}5\x0f\xe8*\xd3\xfd\\\x06\x01\xf1\x1a|\xbeaN\xa7\xe1\xf4S\xcd\x14y\x10F\xeb\xca@d\xb8\xe6#\xcc\x1e\xe5f]\x12z\xa5\xd4e\x92\xfb{Iz\xf1\xe7\xff\x01\x1c[a\x07\x9c\xa0\xc2\xa9\x01#Y\xc0\xda\xdfH\x84\x0b\x0f\x00\x86\xe42\xbe\xe3\'\x0c\x99\x12\x8b\x9b\xf2P\x93\x00A\x90%\xf7K[\xf4r"e7\xed\xd5\x06\x84\x9c\x08\x86\xe9\xca\x83\xe0q\x16\xbf\xd2\xe5\x9c\xa2zi4\x9c\x03\x0b\x08\x16\x17\xb9\x1c,\xbdR\x16\xa3\x87W\x07\xcb\xa9S\xd9&lt;\x1f\x89\xc7\xc0\xe1\xa8\xa6\xf7H\xac\x1c@\xf3\x19\xfe#&lt;s\xd2\x8b`\x91"\xd8\xd3\x01\xf1\xf6QJS\xb7\xe0\x11_\x19|i\xbb\x91\xfbJ\x80ks\xb3\x08\xc0\x1fT\xa5\xdc\x9f\xaag\xf4a\x7f\xff\xee|\n\x1eY\xdd\xdb\xdaZY\xa9\x1e^\x84\x0b@X\xd9sP"Oj\xcb\x9a\x92t\xa4H:C\xf4yoD\x1b\x18\xd6\xe1\xb1\x01\x15\x83\x1b\xdc\x04\xe0\x17\xfd\xef/\x91\xdf\xf5\xa23\xe4k\x13\x0c\xacy\x91\xc9^\xb3w\x83T$\x04o\x12G\x9fH\xef\xaey|{E*\x10\xf7\xe0H\x95=jk\xc3\xb5\x11*\x8108\x98\xf8\x8dI\xfc\xdd?\x00\xc0w\xf9l\x94$[\xfc\x87=4\x9d\xd7\xf1\x13\xb1\xa0TwW\xe8\x14\xfar\xb4\xdcU\x11\x05\xd5\x1d\xeb\xef3\xea\'\xb4a:\xd2&lt;,Ab\xa6[\xbc&amp;\x15\x80V\x03X6\xc8\x9bdCqw\xee\xb8p\xa6u]\x87tD\xcf%`\xfd\xa1\x7fT\xc9K\x03\x942\xb5\xfaM-\xc8\xb2\tf0\x06\xda\x02FX\n\xd0\xfb\xf4\xebZ\xe8!d\x84\xca\xa3\x05\xd44\xc2\x87\x86\xa3F\xab{e\xcb\x15Z\xe9\xcc\xd8~\xbc(Ff\xfd\xd48^\x90\xb8\xe5\xdc\xddE$\x08\x07\xa8-\x92\x15\xb2\xa0?\x98\xcf\x13\x05:\xf0\xe7\xc2f\xaf\x1dm\x15\xee\xd8V\x892Sn\x03\xea\xeef\xb7\xc1\xec\xf0T`\x86\xc3\xa1\x8c`\x93\xf3\xfd\xa3Z\xba\x9f\xcbz,:\x88\xd6\xa7I\xcf\x9c\x0e\xfc!\xeaE\xc5vOO\xac\xa3\x1cr2\xf8\xd2\x0es\xcdi\xf1 cy\xe8\x15\xa4\xab\x0c\x13~E\xa4\x0e\x00S\xcf\xff\xe6\x1a-\xef\x91u\x9b\xa5z\x83_\xc5.\x9c\xb6M\xf9\xb03\xe1\xee\r\xfb\xfc\x94dM\x06\xdb\x1e\xd9\xb5\xa4%\x8e\xb9\x02?2\xf3\rf\x83\xaf\x87d\x1a\x00r\x98\x0c\xe1\xe7q\xa2\xee\xcbv\xdf#\xa4\xa6&amp;d\x0f\xfdxL\xa7 \xd97\xb9\x81`&lt;&amp;L\x1d!\xac~;\xd7Z\xe3\x82\xe8K\xc7J\xb7\x9e\xe4\xeb^UG&lt;\x1b\x18\x06\x00\xff\xa0k\x15\x08o19s\xae#\x98\xb6{\xb3f\x05+\x80!\xd9\xa2\xc5\xdbCl\x17\xa1\xcc\xa4\xf2\xa7\xe2\xf9,O\xad%\xac\xcd\xe3\xe8\xf6R\x14L\x8dA\xa2\x81\xd6L\xd2\xe2\x82\x8c\xf0r]6\xf7\x96\x88\xb67\xb3\xf1\xc9\xe3\xab\xae\xb8T\x0e\x00\xb8\x07\xe2\x81\x1e\x1f\xedP\xabE\x92\xce\x9b\xb1\xd7g\xad;\xaa|\x1c\xe0d\x9d\xb7\x99\x13|\xe9\xee}\x94\x89\xbc\x1a\x8c\xbbp0\xf4CS\x01\x02\xdc-x\xd1Kg\\\xf4_4;\x13+\x18\x1f=%\xdc[\xfbt\x9f\x87\xcf\x9f\n\x80\xb0cp\xf7/\xd3\xf7^n\x8e\xcd\x14\xb3\xfd\x17\xe0Kf!|\xe4\xcb\xf1\xd4\x14\xc2\xbe\\\xc55]\x16\xc9Z.\xa9&amp;\x14B\x97\xac-\x80\'f\xfc\x8d\xfb\xf8\xa8\x0c\x03\xc0i\xcd\xe9\x8aQ\x98\xd7\xf8QK\xe9]&lt;.fK\xc2\xff\x8e8\xa3\xcd\xd7\xe9v\x7f\xc3\xd5\xb4\xa3\xd5\x8b\xc7\x0b\xb7G^X\xcc\xcd\xdc\x8c\xb8\xeb\xc5\xd8\x0fi\xbe\x84y\xaa^}\x98\x1a\x8c\x0f\xccq\xb3Q\xc0\x0f\xcdS\x15\xb3u\xe9\x01\xe6\xe6\xb9\xdf\xbba60\x17\x91\xc8&lt;\x1cW8\x8c\x92\xf9\x93 \xc9\x1a^\xff\nw&gt;\r\x02\x1e/\xee\xae\xe2\x00\x10\xa6\xf3\xda\xb3\x8a\x0c\x0e\xf7\xa8\x8d#\xed\x11h\xc7\x1b\xa6\x90\xd1\x12%DP;\xc2\xe9\x1b\xdd\x01\xaf\xad\xb9rw\x9a\x04tB\x88\xbc\xab\x1b\xb0\xf0?\x02\xbb3\xba\x85\xb7\rf\xea\x92\x87\xce\x1b\xca[!\xc7W\x99\xac@rAD\xd8\x03\x01.\xcfE\x8f\x1a&amp;#f\xb0\x1f$\xcb\xc3\x8b\xefR/\x92~-\xeez\xc1,\x81\x80\x08;  \xc2\xe7gkk\x97o\x13w\x00\xb4\xcbT\x92\x00\x7f\x048w\xa8\xbc\xd4\x05nI\x12\xe5\xcf\xd3t*,N0\xfd\xf1\xf3\x1c \xbf\xff\xa7\n\xca\xea\x9c\x191N\xd6\x18\x12u\x8e\x8fln\x00\xd8\x9eW\x1eM?\xe47\xd0\xcd\x0f\x01\xe7\xc1\x98\xc1\x07\x8ci!\x8a\x8e\xb7xz8poM\xdd\x0e\x1a\xde\x11\x1d,\x80$\xa7\xa8+l\x07\xf0{\x91\x11\x9fZF=+\xd8\xc7+\xb8\x14\x1d\xb6\x15\x86\xb4\xe3)\xde\x85\xfe\xb7^\xdb\xda\xdd\x82 \xe8Y%[\xb4V\x05\x95\xb1\xe5TF\x0c\x00\x17q\xe7.\x95B\xf7\xa2g~\xf0\xd7\xb3\xf1\xdb\xaf\xa3\xc2\xcf\xb2\xca\xf65\xdb\xb1\xec\x02e\xab\xc0\x94\x92\xc3\xa1\x87\x96\xa1\xffE\x92)B\xde\x02\xf1g1\xdc\x14\x1a+N\x88\x9c\xd3\xa3\xa4\x9fg-\x03\x80|M\xbe\xec\xc1\x96\x13\x14K\xbd\xdc&amp;\xaa\xca\x8b\xde\xd7\x01iO\xea[v\xa4\xbf\xe5\xe5`y\xb2\x90.\t\x00 \xbc\x0b\x01&gt;\xc1\xe7\xf6?\x1e\x9a`J\xf3\x07\xf9\xc8\x07\x17k1\x00\r\x16!\x8dK\xc8/\xa9b\xe7\xb9&amp;\x19\x03\x1ef\n\xbd\xfd+\x08\xc3\x81\xf7+\xbe\xad\xfa\xb9%\xdbL\nj\x02\xd3\x12\x1a\xf5\x08\x903\x99(\xba\x82\x0b\x06\x94\xdd\xa0\xac\x88\xea\xcf\xd3U;i\\#g\x03\x97\x8er\x03\x01\xf0+:\xebHR\tr\xd8\xdd\xa5h&lt;\x04i\x1ea/}\x00xZF\xe98\xd1\xdfk\x92\xc7\xf1\x10m7\x9c\xaa\xde\xc2\xe5&lt;\x8f R\x95\xac\xb4\x0c\'\xc4\xed(\xd6S\x8c\x9cu\x8b\'\'\xc8\xd9\x1b\x11\x11\xffMG\xfaU(^D\xceOv0\xe7\x8eT\x81}\ndO\x8d\x05\xa6\x13"Q\x12f\xb7\x0f4q\x8aK\x94\x81\xed\x0f\r]\xdd\x96:\xa8\xb4\xc3\xb3\xcdi\x9cY\xacv\xfd7S\\L\x13\x9b\x08%C\t\xab;\xd9\x13\x8e\x1b\xac\xb1\x9f\x00-i\xe8\x80\xe7\x8f\xbf\xef\xe9\xd7\xee\x8eQ\x00\x10\xee\xc3I\x9aQ\xa5\xbf\x9d\x1a\x87q\x063\xa8\xa6\xa8\x7f\x93)&gt;\x86HJzr\xbbK!\x04q\xec6{Kq\xe9\xd0d\\\x01\x11\x1e\x91&amp;v\xae!\xd0\xfa\xe7]}8~\x16\xe1}%\x1fT\x8b\xc3jG\x97H\x94\xd0\xe8\x90\xc2\x00\x10\x11\xfe\x8eH\xb9u\x92\xcc\x8c\x08\x88\xe8\x8cY+KB8\xd3D\xc7\x87\x97\xe2\t\x91\xf0`\xf4\t1`\xad\xbc\xb8\xf5C\xcb\xd8\x11\x7f\x13\x1f}\x82c\xf0\xf5\x84f\x9a\xcdK"\xecB\x12\t\'\xbdw\x97h\xbe\xb2\xbc\x96"\x9a6\xf5bi\x0b\xed\x16 \x1f\x08\x1by\xe3\xaa\xa0\x08\xce\xfc\x8a\xe1\xb2 R\xac\xe1\x1f\x07"i\xa89D\xbf\xdd\xe7\xde\xa6rY\xd1VYO\x82z\xc6\xf1\xda\x8329\x10z)\n|\x85n\x9bp"\xda\x16\xae\x1d\xb7\xd6\xe8+E\xe02\xb1\x13\xd7\x028W\xa4\xc4"L\xc4R\x9b\xe4Nm\x87\x94\xa5\xc4=f\x06\xcf\xd7\xda\xa2\x96\xaaz-\x89\xfe\x19\xe0-\t\x0eV\x1eq\x03\xc0\xbb\xb8\xb7v\xe6p\xcaP@o\xa2\xa1\x1fE\xb8\x90vt\xc7\xc1\xc8\x10J\xbdk\xb9\xd3 \xb2\xa4\x1d\xbb\x9c\xac\xf7y8\xa7\x14\xa2\x1c\x97&gt;JK\x84.\xe7\x19\xf2#"\xca\xc5R\x17\x01\xa7\x04\xb4\xd4qY+\x1c\xe4\x99`:S5\t\x87\xae\x15DJ\x10\x83\xb6K\x14\x15\xb9\xa0\xc0\xff4uI\xe3\xdfV\xe2\xea\xe1\xf5\xf6\x8a\xb2V.U\x19\xa5\'\xa0\xfc\x12\xa93\x10\xf2\xc2\x99\x8b#\x06\x00\x00\x00\xf8h-\xcbi6\xf1\xb5\x84\x8dLPT\xd0\x128\xbcy\xd7\x10\t\x03\xae\xd4\xf1\xaf\xe8\x82\x97l\xcdX\x97\xb0\x1b\xd1G\xdb\xbb\xb9$R\xaeo!\xddd\x05\xc25\xc9]\x8b\xff\xbcN\xc4\x00\xa0\x19w\x8a\x9aD\x00\x84gM\xab\xd9rc4\xd0\x13\x88\xceR\xb2\xe0\xca\x19N\x144p\xf1P.|\xa14!+\xb0\x0f\x00\xe2\xde\'\xe4\x90}\xe7\xa7\n\x0f\x00\xf8qD8\xd3\xb5\x0b\xc4\xa7\xf9u\xc3\x92\xb3\xed\x9eY?\xbe\x0f\x05\x04\x8b\x11\x15,\xafS\xe7\xf6\xc3\xf5\xf4\x1b&amp;\x80!\x87G\x92\x82\xcf\xf6n\xa0\x10D\xfc\x13}\x93\x19\x01\x11\xbe`\xe8\xad\x9b\x80,\xb3.\xa4$m#2\xaf\x174\x9b\xc4\x95\xa2]\xe3\xd7\x1a%\x90\x1dE_\xc2\xed1V\x01bp\xadT\t;\xd6\x9f\x0e;\xe1\x90\x9f\x16\xd0\xd7:\x9f\xff1\xb23+\xa7\xfd\xd0}w\xdar\xc7\x1d\x80p\x0f1-l_\x93\x03h\x85\xd4\x96\x8a\x17\x07k;\xb2\xc6\x0e\xcagu\xbb\x90e\xdbFO8\xed[\x10\x04\x94\x7f\xc4\x17\xc9+\xd3\xd9qA\xf5"\xc1\x19N\xf4\xe5\xe5}\x9c_4Z\x11a3\x1f.e\x1c^}\xe6\x04\x1e\x10\x91\xb7W\xa4\xb4\xd4\x97 \x96d\x91\x13\x91\x1a\x00\x0c9\xa1O;\x82\xdb\xb3\x88\x94\rT\xc9X\xd2]U\x18\xeb\xd9\xc7\xc2|\x88\xcc\xbf&gt;\xb8\xa3Q\x02\xc5Wzyx\x02O[\xeb\xe0\x0e\xff/\x9eW\x82\x94\x81w\x18\x11\x00\xdf1\xaa\xcbd\x0b\xe2\xf1\xbbU4\xc2\xa16\xea2.?v&lt;6yJ\x94\x19\x8fG#R$1;d\x8a+\x0e:W\x92\xe04:i]!\x97X\x8fTnO\x14\x88\</t>
        </is>
      </c>
      <c r="E182" t="inlineStr">
        <is>
          <t>&lt;class 'numpy.ndarray'&gt;</t>
        </is>
      </c>
    </row>
    <row r="183">
      <c r="A183" s="1" t="n">
        <v>181</v>
      </c>
      <c r="B183" t="inlineStr">
        <is>
          <t>steps_per_sec</t>
        </is>
      </c>
      <c r="C183" t="n">
        <v>2100</v>
      </c>
      <c r="D183" t="inlineStr">
        <is>
          <t>2.5254555</t>
        </is>
      </c>
      <c r="E183" t="inlineStr">
        <is>
          <t>&lt;class 'numpy.ndarray'&gt;</t>
        </is>
      </c>
    </row>
    <row r="184">
      <c r="A184" s="1" t="n">
        <v>182</v>
      </c>
      <c r="B184" t="inlineStr">
        <is>
          <t>Loss/RPNLoss/localization_loss</t>
        </is>
      </c>
      <c r="C184" t="n">
        <v>2100</v>
      </c>
      <c r="D184" t="inlineStr">
        <is>
          <t>0.33093014</t>
        </is>
      </c>
      <c r="E184" t="inlineStr">
        <is>
          <t>&lt;class 'numpy.ndarray'&gt;</t>
        </is>
      </c>
    </row>
    <row r="185">
      <c r="A185" s="1" t="n">
        <v>183</v>
      </c>
      <c r="B185" t="inlineStr">
        <is>
          <t>Loss/RPNLoss/objectness_loss</t>
        </is>
      </c>
      <c r="C185" t="n">
        <v>2100</v>
      </c>
      <c r="D185" t="inlineStr">
        <is>
          <t>0.067338504</t>
        </is>
      </c>
      <c r="E185" t="inlineStr">
        <is>
          <t>&lt;class 'numpy.ndarray'&gt;</t>
        </is>
      </c>
    </row>
    <row r="186">
      <c r="A186" s="1" t="n">
        <v>184</v>
      </c>
      <c r="B186" t="inlineStr">
        <is>
          <t>Loss/BoxClassifierLoss/localization_loss</t>
        </is>
      </c>
      <c r="C186" t="n">
        <v>2100</v>
      </c>
      <c r="D186" t="inlineStr">
        <is>
          <t>0.28921193</t>
        </is>
      </c>
      <c r="E186" t="inlineStr">
        <is>
          <t>&lt;class 'numpy.ndarray'&gt;</t>
        </is>
      </c>
    </row>
    <row r="187">
      <c r="A187" s="1" t="n">
        <v>185</v>
      </c>
      <c r="B187" t="inlineStr">
        <is>
          <t>Loss/BoxClassifierLoss/classification_loss</t>
        </is>
      </c>
      <c r="C187" t="n">
        <v>2100</v>
      </c>
      <c r="D187" t="inlineStr">
        <is>
          <t>0.17411432</t>
        </is>
      </c>
      <c r="E187" t="inlineStr">
        <is>
          <t>&lt;class 'numpy.ndarray'&gt;</t>
        </is>
      </c>
    </row>
    <row r="188">
      <c r="A188" s="1" t="n">
        <v>186</v>
      </c>
      <c r="B188" t="inlineStr">
        <is>
          <t>Loss/regularization_loss</t>
        </is>
      </c>
      <c r="C188" t="n">
        <v>2100</v>
      </c>
      <c r="D188" t="inlineStr">
        <is>
          <t>0.0</t>
        </is>
      </c>
      <c r="E188" t="inlineStr">
        <is>
          <t>&lt;class 'numpy.ndarray'&gt;</t>
        </is>
      </c>
    </row>
    <row r="189">
      <c r="A189" s="1" t="n">
        <v>187</v>
      </c>
      <c r="B189" t="inlineStr">
        <is>
          <t>Loss/total_loss</t>
        </is>
      </c>
      <c r="C189" t="n">
        <v>2100</v>
      </c>
      <c r="D189" t="inlineStr">
        <is>
          <t>0.8615949</t>
        </is>
      </c>
      <c r="E189" t="inlineStr">
        <is>
          <t>&lt;class 'numpy.ndarray'&gt;</t>
        </is>
      </c>
    </row>
    <row r="190">
      <c r="A190" s="1" t="n">
        <v>188</v>
      </c>
      <c r="B190" t="inlineStr">
        <is>
          <t>learning_rate</t>
        </is>
      </c>
      <c r="C190" t="n">
        <v>2100</v>
      </c>
      <c r="D190" t="inlineStr">
        <is>
          <t>0.039999895</t>
        </is>
      </c>
      <c r="E190" t="inlineStr">
        <is>
          <t>&lt;class 'numpy.ndarray'&gt;</t>
        </is>
      </c>
    </row>
    <row r="191">
      <c r="A191" s="1" t="n">
        <v>189</v>
      </c>
      <c r="B191" t="inlineStr">
        <is>
          <t>train_input_images</t>
        </is>
      </c>
      <c r="C191" t="n">
        <v>2100</v>
      </c>
      <c r="D191" t="inlineStr">
        <is>
          <t>[b'1024' b'1024'
 b'\x89PNG\r\n\x1a\n\x00\x00\x00\rIHDR\x00\x00\x04\x00\x00\x00\x04\x00\x08\x02\x00\x00\x00\xf0\x7f\xbc\xd4\x00\x00 \x00IDATx\x9c\xec\xbdy\xfc\xbf_9\'~\xdd_\x15Y\xb3e\xcb2\xc8\x18\xc6\xf6\x0b\x95B!KC\x85D\x88\x88\xcc\x14\xc6\x922L\xca\x90\x19K\x9a\x0cB#\xdb\x90,\x15\xb2LD\x92\xb2$R\n\xd1\x18\xa1"\x93-K\xc9\xf5\xfb\xe3\xde\xcer\x9ds\xae\xeb\x9c\xeb\x9c\xfb\xdc\xaf\xd7y&gt;\xea\xf3}\xbd\xef\xd79\xd7~]g\xb9\xcf}\xbf\x00\x10A\x07Zt\x0c\x8a+\xd4)\x9f\x01X\xa2\xbe\xd3Q\xd1\x8c\x1e)\x14\xb9^\xdd\xa7;\xc1\x8e\xa3\xa5[\xc1\x84@\xd3\xdd&lt;\x8d^\xda\\w\x04#\x18\x0e\xb5&lt;\xcdz\x15\t\xef\x87\xb2\xdcIp\xb2\xb3\xb2\x8e\xd6\x17\x10\xc3P^(\x90\x02\xa7=\xf9\xe7\x9cS\xba\xb1jP\x13\x12\xcc\x91\x01\xd7\x7f\xdd\x11\xe7\x88\xec{\x1f\xdd(UQ!\x8f\x82m\xc3\x8bH\xbd\x81\xab\x01\xc2\xf7\x14\x85l\x07\xe3\xb7\x10\xdaY\x9a\x97\xf6\x01\xbb\xd52\xa3\xd4A\x15\x1cj\xe8\xdbg\xc0|~\x97R\xe5\xa3\x99"\xf9F\x13\xcd\xcf\n\xe0\xf3I3\x9a\x03u\xfbC]\x14-\x82$\x8bz\xc4\x1b@\xe8\xacD\x1b&gt;)\xb3\r\xd9E=P\xb7z\xb8\xfd\xc5\xef\xaa"\x004\tH9r\xc6SN/N\x00d\xb0&gt;\xc2\x80]\xf9k\xe0\x9cP\x08\xdc[\x1cU&gt;\xf28\xd6\x906S\x12z)Rw\x01pd\xd5\xf0\x04Pt\x04\x02 &lt;N\x85\x1aVr\x81"\x92S"\xf3\x8f\x8f\xa9\xec\xf7\xb2\x84\xf2\'{k\x86\xaa\xe5i\x80&gt;\xaf\xebFBC\x12K"i\x1fM\x01z\x07:^\x8b5\xf5\xda\x90\xedy~\xb7b/@9H\x07\x11\x01\xbe8\xa5Z\x82wv\xf7j\xd0\x93*f\xb7\xa2\xfb&lt;%\x15;\xa7,h\xcb00p\x08\x8a\x82\xfeP\xdc\x13\xe0\x1dr\xfb\x9eT\xe5\x01\x1av\xf9\xbe\n\xcf&amp;\xa7D\xcf\xb7\x8f1\x00\xbcwUq\x14\x07`\x1f\xa5\xc2\x05\xc9r(\xd7\xde\xa7\xbfO=\xfa\x8d\xb1\x1b\xf6\x83\xf7\x1d\xf42\x03\x9at\xd2\xacC\x7f\xe60\xa6#p\xf9L\xcd\xf6\xb8\xa2F\xf1\xcb\x01sY\x17OT\xe5\x1cQkL6\xcakE^w\xa2W\x05\xed\x06\x06*Bk\x88=!D*\'\x0bn\xe7\x06T\x1c0\x92t\x0e0\x85\xee|\xf1\x14X4\r(k~\xd5\xbfY\x90\x81\x82\xb8\x8a\xd0\x0c\xe2v\xd6\xb1\xef\x01\x16f\xab~\x9cc\xd8\xf6\xb1\xe7x\xf9A!\xeeU\xa6\xd1\xea\xca\xfeJ\xab\xfcU\xe7\xd2\xb6\xf2\x14\xd5\x8ax9\x8d\xf3\x8b\\\x19\x18\xe8\x1a\'\x0f\xd9wn\xc3&amp;]S\xa8\xdd\xa0~@\xcf~\xde"\xb1\x85\xecS\x00\xb8u\xa5!\xb3,\x02\xbf\x8f?\xb1s\x18s\x1a\x15\x08V\x17\xd1\xb0\xdc\xed\x901\xb65\x06\x19\x9fy\x03\xb9\x88W\xa4\x95:\xdf\xda\xa8Y\xc3}\xbf\x009{&amp;\xad\xda`|\t\x14+st#\x05\xf8\xd1\n2\xe4\x8c\xa7\xf1\xf6\xe2\xb2\x96\x85r.\xb5%&lt;\x06a\x9b\x1c\x15\xed\x03\x03jhS\\\xf4a\xed\xcf\xb5\xd8\x1a\xd9&gt;\x98\xa3\xcb\xc6\xfaa\x96\x01\xed!\xa7\x0f\xdbR\xb3\xabD{\xf3\\\x874H\xa4\x8d\xe5\x11\xa8x@&lt;\xc6\xc5\xf0\xf5\x89\x81\x88\x00\xbfw\xb4\x141\x18)\xd3\xc2\xa7n\xc8\x19\xf3\xdaS\xd6\xc3\xbag\x1a\xf9u\x83\xf8\xb6\xc9\x10\x93:gR\xff\xcc\x8c\xa8\xba\xf2\xa9*\xd1\xe11+-\xf2\xa7\xcb\x9a4\xc269c\x95\x18\x18\xb0\xa0^\xb0\xa4x\xb3\xbcn\xbb\xc0y\x92\xefZ3\xbb\x87\x16\x00\xfb\xc5\xed\x93\xc9%G\xb6\xa0\x00E\xd4n-\x1d\x9f\xbe\x07\x01\xf0\xc7$\x0b\x00\xc78\xb2\xa0J7&gt;\xecdQ\xaf\x93\xc2&gt;\xa5*\xc3\xdf\xd2;j\xb5\xd5t\xe2V\x83\xdd\xe9\xfcr\xd7\xf8\\\xa7\xc4,k\xdf{\x94\xc8\'\xe2\x17\xaf\'\xea\xe1d\x17W5\xe2\xbddw4*Z\x0b\xd3\x10G\xcf\x8e\x06\x06\xea\xe2\xb9\xf5B&lt;@v\x99Qm\x7f\xaa\xf3\xe5`\x95\xedM\xf2:zz\xfd\xa8\xa7\xc8\xf2z\x1f\xd2\x02R\xa6Z\xd8\x85\xd7v\xf7\xf3\xbd\xc1\xef"\xea\xa63\xac\xb7W\'\xce\xf4\x02\x07\'Z\xa3\xf9\xe2g\xb6\xd0T\xc7\xd7\'\x9b7\x04\xdeEf\xb68^#U\xd6\xca\x8al\xc6iq;\xba=\xdc:\xb8\x0e"\x98\n\x9b\xb3\xa3R\xd8#\xe2\x13\xb94\x0f\x1c}\x06\xae\x00\xf5\xc2+@\xf9\xec\x01}+\x86\xf0\xa6\x82\x1d-\x00\xe2\xa0\xf4\xfa\x9bd{\x0c\xee\x9b\xba\xd4N\xe8q\xfc\x10Dx\xff\xc3"V\xc6\xf4/Ng^\x02\x87\x17\x07\x15\xee\xae\x16}G&gt;O\xdfK\xf0\x8bIO\x8f\x94\x02\xdc\xb9u\x02\xcfn!\x93\x01\xa4p\rg`*\x95#\x11\xcdP``\x85\x8d\xbc\x81\xebD\x8502\xa3\x96\xf5\xa0\xcc\x919&amp;\xa5\x9c\x92\xf6\x8cc\x95\xe9,\xde\xfd\x19\xc3\xbf\x0c\x9b\xec\xc7it\xe4m\x89\xdca\xa0,\x0c\x88\x8d\xf0\x02jUPih\xbc\x80\x89\x85\xa9\xc5\xf6\xb9S\xbdxR]\xc6\x02\xc0\r\xb0\xa3=\xe2L\xef\x8e32\xab\xd4[\xd2\x86\x8b\xf9Y\xeb&lt;\x8d\xba\x8a|\x03\xc3\xe3~U\xbc\x98:9\x90\x873$X\xf8Lm\x83\xd8U\x1c0\xe0\xc9\xa4\xf0\xed\x0e%7\xf1\xb5]\xdck2H]|J\r\xeeQTT\x19~\xa8\xfb&lt;\xed\t}\x0el\xe5"\xad\x13\xa6"\x1a\x81:\xd0p#\xf08\xbf\xfc\xbb\xdd\x05oRr\xf8\xc4\x080\xb3\xdc\x1d\xa5W\xc5\x92\x1b\xa0\x99\xd8\x8f\xfbC\xaa\x17\x06\x10\xe0|\'\xc2\xaa\x05j\xd6/\x08:\xc43\\\x99\xe7\xfd\xa5K\x7fur\xa0\rz\x1c## \xa5\xad\'\xffS4\xb7R\x88\xe1a\xa1|\x97Z\xf2\xffm\xba\xc2\xea\xa3.;w\xd8\xc0\xc0\xf5c\xd0|\x0c&gt;\t\x9e\xdd\xdc)kx\x9c\xdbnA\xf0\x94\xaa3\x1fU\n\xf2\xfd\x9eF\xb9HB\xcek\xe9\xd8\x14)\x96\xe1\x13b6\xb9\xbf\xffU\xa0e\x81\x18Z\xba\xd01\xc3\xbc\xf7\x9e.\xfe\x18\x06\xb31\x83K\xf0+-w\xc3\xbe\x0e\xaf\x98_\x9e\x8e\xd6\x15\xb3A\xdc\x8c\x03\x034F\xd0\xc4\xc1+7|b~\xbdx\x14\x9b\xb2X\x06\xaa\xbc\nn\xd0g\xab\x1c\xee\xaeQ\xa4\x02cF7\x15\x90\xf4\xb2\xdb"\x8fr\x9e@=\xa0\xbd_v\x8e_qxH\x1c\x88:\x1b\xd2j\x89\x863\xb5b:\x05\x124\x89\xccdM\xf0\x1aK\xf1A\xa0sk\x08B{\x82\xbe\n\x0e;j\xb8\tS\xa7\xc0i\xcc3#\xeeu8}\x978\x13\x88\xa8\x97\x08.eRY\x97\x97\xc5\xb7\x87\xb1o\xe0|\xe8#n\x04\xb9\xdd\x14\x86eJe+)=N\x05\xe4\xd0!\xcb+S\x00I\xa9\r\xd2H\x8a$\xed\xee\xd3!\xaf\x8b%m\x8dS\x08I#;\x86\x8fuM\xb7\x06G\xa5\xcd\xc8 \xf1\xde\xb1\x14%\xfa\xbb.G\x04\x17\xffZ\xb0\xb1\x12\xc5&gt;\xd0\x94\'\x0b"\xde\xbe,\xb4(\x01\xbc+\xd4\xfe4\xb3\xc2\xfb\xc3\x13\xd9\xde\xfa\x16\x11\xe0Ql\xe1\xd1X\x06\xb8\x04\x89+Y5\xcdX\x00(\x05\xaa1L\x93r\xda\x17\r\xbe\xb9\x95y`\x00\x8e\xbc\x1b\xbb\n\xd0k\xf8\nD\x8a\xd7\x91hYLq1\xea\xe0\x1d\xb8\x86\xb2k\x13{\xe5\xb0\xcaS\xc5\x17\x86\x11D\x86: 6\xf2F\x85\xcbF\xb6\x17\xf8\xd9\xad9\x9a\x1aT\xb5\tVERZ^d\x9e$zC\x81\xd1*\xe5y\x91\xb9O\x13\x8d\xc6w\xd4\x1b\xb6\xfe\xdb&gt;\x04sh\x06\xdb\x18u\xbe\xb6\x01\xc3\xf4\xf9\xac\xd1D\xb9&lt;h\xeesI,\xc9ifqqY\xe8\xdcRX\xb9\xd0"\xf9\x8c\xd0C\xb9\x18\x03\xd7\x8b\xeb\r\xa0r\xc5\xeb\'\xa1^\x89\xec\xdd\xcb\x8e\x19\xdbW\xb7^\xebiEyx\x81\x91\xbf\x00\xd0\x12\xdep\rA\xb3K\xaf\x05\x10\x18\xe3S\xb6\x8aD\xe6yt\x070\x961G\xde\x1az\x05c\x9d\xef\xcd\xb1\x90\x9az\x95\xdd/\xb5\xe7\x97\x05\xd4\x8c\x8d\x9e\x9a\xc1`\x0b\xf9\x88z\x8c\x98\xf0}\xf4.&lt;K2\r\x8e\x88\x00\x1fN1\xaa\x05v\xcdDD\xfc\xc1\nw\xec\x07.\x18\xd3\xd1\x02\x1c\x8c9u\xa7ir&gt;\x97\xd3T!u8\x10q\x9a\xc0\x8c\x93&lt;+!b\x965\xe8\xd2\xda\xc4\xb0\xb8h\x8d\x08kxL\x00\xd0\xafOgK\xe5\x8b7\xfbz6x\xff\xa1\xbbg\x99\xf1\x7f\xe7[\xae\x16\xab\x8b3d\xc86\x94\x19\xd9~\\\xa5\xe5_\xfbSm\x10p&amp;\x88\xddWx\\m\x7f\x98\x9c\xfcP\xf1\x8b\xd1\x96/\xde\xf5\x185\xbf\xa8\xce\xf8%\xc4\xdbk\xa6\xdel\xdb\xda\x86=\xde\x83&amp;"s\xf1\xa4S\x92m"\xecj\xdb\xb9\xa4\xd4\xf0Y\xc0\x19*\xff\x80"n\xa8\xcf"\x7fMY\xb2\xb0N\xad\xcb+.\xdc\xa7\xf9\x7f\xe7O\xa4\xd9&gt;\xbf\xa5q\xbf!\xb7\xafe\xc5iE\x92c.;\x8b\xf5Bge7M=\xcf\xfeAe\x00&gt;\xd1\xc6\xf14\xc1\x16\x0c\xf3\r\x7f\xa2\xd1\xa6\x0f\xe2\xe7\x87\xf3\x1d\xb7\x7f\xc42(\xcc\xfegB&gt;\xe5\xe9\xe1)\xde\xe1\\X\xa9\xb7\x981\x14\xf5\x9fM_?\xea\x08Q\xe5[\xe3\xbe\xb9\xa5\xb3\xff}\xd0\xa1:~ \xab\xb8\xf1\xa1K\xcd\xc7\xac\xcb\x96\x80]`K\nG\xf3\xa4!\xccl\xe2\x07\xf6\xc2\xab\xfe\xb8\xd0p:\xd1\x8d/\x07\x0eA\xed[Z|\x94H\x12\xbf7\xe7\xdf(\xcce\xa7|\x90\x06eg\xf4\xab"t\x7fS \x9bog\xdf\xec|\x12R\x8eL!\xd98\xdc#- pM?\xf0\x0e\x02\x91\xf1\x16\xd4k\xbf^\xa4\xb5\xcb,\xccQ\x9c\x05rI\x00~[\x9d\xac\xcb\xa3,\xcbj\x1b!\x8eG\xae\xc2\x8b\xb4 ]\xcc\xac9\xd5\xeaR\x8ca+^}\xe1\xd3\xf6\x82\xf0\x17G\xcbr\x0e\xd4\x1c7\x07N\x85\xd3\x06\x81%\xf3\xa2EX\x113\xe2\xdfun\xf6\xc3b\xc5\xd5\x87\xae\xae\xf20$\t_\xbc\x92\xf1\xd2\xa1"\x95Y\xdd\x86=x\xa4!\xce\xb6\x06\x00p\x05\xb6\xc2`\x9d\xdf\x93N\xd4\xf1\xac\x17\xdb\xd1\x08L\x16(&amp;\xd3\xb2\xee\x85\xcc\xd5\xd6KZ\x12I\xb9\xe7\xf4\xbc5!6\x8f\x9a\x19\x8a-\x80\x88\x00/l\xc6\xae\'\x9c\xaev\x1d\x8bZ\x83\xe6\xc0\xf9p\xde 0%gja\xcf\x0fz\xc02S\xf9\xf9\x0e\\0\x1b\xe7\xa7\xd6}2\xe7:\x9f\x02Y\\*\x85Y&gt;\xd9Q\x01\t\x9c\xf8\xb7!\x1b\x0fi^\x9c\'\xab\x8aN\xd99y\xc4"V~J5h\xe4#\xecV-&amp;\x8f}S\xd9\xa9#p`\xc6\xf0\xe0\xb5c\x9b\xe7\xe9\x85B\xeb\xba\xe0O7GXgA6P\x85\xdb\xd0\xee\x98O\xc1\x9a\xdeQs\x13"~}V\xd45\x9e/\x8ap\xa0H\x9eA\xba3N\x18\x87/\x00\xa0\x89\xb9\xfa\x8d[\x1b\xe4\\\xbfn\x95\x8e\x9a\xe5\x80I\xb3z\x919\xda\xefg\x89\xbd\x01&gt;\x86+\xaf\x12e\x93\xe6\xae\x82\xe6\xfbz\x9e\xcc)\xa2\x92\x82\xdeT&amp;\xd1x\xfd\x11\x9c\x1c\x16\xe6\x9f9\xb2\xea\xa1\xe3\x98!gN2\x02E\xbc\xc9\x9a\xd0\x9d\x95\x08\x149\x14e3x\x0c`\xdbX\xd1\x8b+\xc2\x1d]\xc6\xad\x05r|\x91\x8b-n\x1f"\x03\xf0\xe7\x12:Z\xd0,2\x0b\x9d"R\xdcC\x98\xa1\x96\xb9\x13\x86\xf6(\xdb\xc9:\'\xa4\x93:Q\xe3\x81\x8bBYaR\x8c\x18\x9f\x14\xcawk\xba\x9d\xcci\xa2\x92\x82\xfe\xf4\xa5&amp;\xfd\xe5\x9a:\x179x1\xf3\xacc\xce+\xb7g\xba\xb1&gt;o\x1e\xe5I\x8e\xf6\xd3\xc3\xa2\xb1\xd3\x87\xd1\xe4\xfb\xa5\x92\xc4\x19y\xdf\xfc\xb3\n\xfdz\xa0\xc4\x16;\xe8\xd5^\xfbo\x88Q\xe0z0\xec5\x1d\x90\xc4\x8byI\xfb:\xec\xf8\xdd\x8f\xac?Zt\xce[\xc7\xb2\xb1i}G\xc9Ct}\x0c\xc7\x03\xa7A\xc5\xbc\xb2\xeb\xe6Wg\xf5\xba&lt;\xaczI&amp;(\xfd\xa0\xf6X\x9b\r\xce\x84\x0f\x11\x01\x1e\xd0L\xa4\x0e\xf0\xd6\xbd\xb9\xa96p\xd9U\xa5B4j\x07\xa4PC\xbc$\xe5~\\VU\x8c\xa4)\x8c\x06,\x8b\xd9\x8e\xd3\xb4!\x19\x12\x9c\x82\xa3\x8b\x8c\xb0Y/\xde\xbf\x9f\xa0\xca\x80F&gt;\x9ek\xa8\xfd\xad&gt;\x07\xd9\x81\xcb\xc3\x0b\xeaEX^\x04;u\xbc\x92lG\xc10H\x07\x19\x9e\xc3\xda\x19h\xf3\xd8V\xd2:}\xe4\xe9"\xeb\xe9\x99\x92\xa5\xba\xa8{r\xd9\\\x98\xb1Q\xd9\x86\xac\x08\xec$J\xebV\xa7$q\xb4\xc1oY\xa1\xae\x12\xa4z*&amp;\x18t\xd6\x1a\xd5\x19\xb1\xbd\x99\xf13\x14\xd5\xcc2\x9a\x82C#\x0f\x93t\x86j1&lt;pe\xe8 \x80r\x82\xf8z\xa2\xbf\x035sX\x97\x8b]Gk\xe6\x08w\x81A\xd5A \xb1\xd0RN\x8b\x0b\x83i\xc6\x0c\xa9\x0ezq\xe5\x8bk:\x8b\x19\t\xfc\x80A\nJ\xc2\x069V\xa5\xaf\x8bli\xb5-\x89\x88x\xe3S\x99N\r\xd7\xa9\xf5@S\xecA\xf6\xaa\xc6\xd3\x02\x8b\xd7W\xa1}YK\x06\x87T\'cv&amp;\xce2o\xf3q\x94\xcc\'5W9RZ\x9f5\x90*c1\xc8\xfb2\x17\x00\x1d\x18\xb0\x9f\x9aPU\x12\xe64=C\x86\xfa\xd6C\xef\xc3\xd1@\x84\xc65Y\xcc\x0b7!W\x07U9_\xa7K\xf0f\xaar\xf6\x90\xd4\x03\x17\x8f%d\x9bm\x84\xec\x8cw^;_U\x196R\x1fD1=\x0f&gt;m\x11x\x11\xbe_\xf9\x1b\x08F\x8f\x07\x19n\xed*\x12\xf4%Ik\xf7\x99l\xa6\x1d,\x9b\xdbxJ\xca\xa5\x83\xf8i\xbe\x00\xe0\x07\x83\xa6H[\xe9\x8b+KZ\xa3q\xa6\xfb\xdc\xfb\\o\x1f1\xd0\x8b\xda\xcf]^S\xcft\xc4\x9c\'\xc4(&amp;\x00"\xe2w\xaaN\x9f\x9a\'\xf5\xc0\xf5\x02\xcd\x13\x81-\xc3n\xe3\x85\x1e4\x06\x0f\x04\x97\xe6\xcev\xdb`8\x056\x83\xb4\xf1\xce\xca\xe5.%\x14\x8c\x0f\x85\x02\xef\xdd\xdd \xb1\x0b\xf7i\xcb\xa59?\xc0\xe7*/\xf0\x12\xdb\xa5z\x8c\xaa\x00\x11\xe1A\x8b}N\x94\xb0L\xa8\xa4\xf3\x96\x0b*"\xb1\xf0\x89\x07,\x00L\xb2\x11\xa3\x85Mzx\xf0\x9c\xb7@\x05\xe1X;d|\'D\xd3\x83B\xc3a.:\xe7\xe1\xca\xa0;wR\x9d\x05\r\x0c\xf0\xa0=\xff\xe6\xb2%Oc\xea\x91\x0f\xd1t\xd85\xce4)G\xab\xc8\xaaK\xe3\xf0\x8a\xd4q\xf7\xfdb\xb7\xe68K\xf3\x96(\t-\xfa5\xe0\x0c~\xd4\x97\xc6\x02`\x14}\x80e\xaa\xf4o\x8d\x15\xef\xee\xe8{\x1c-\x1b\x01D\x84\xdf\xce\xf1\x9aJ\xf4\x1e\x90\x02]g\xdc\x05.\x14\xbb\x823b\xeeE8V\x8d\xbfw\xab\x81\xfd\x14m\xdd\t@\xb8\xc8\xb3\xf1\x89\x9eI\x07\x06\x9a\xc1\x9fT\xb5\x8aBrJ\xf7=\x8d\xb9\x02|o!=\xef\x03\xb3}%\xfa\x05\x088\xdd\x8f\x07\xbfTU\x0c\x98\xe7\x13qR\xca\xce\xb9\x8d\xa0\x8d\xa4\x9c\xb4FmW\xe0\xbd\x8d4\xe6\xa8\xec\xf9\xba/Q7\xe4\xd90#\x80C9\x98\xc1} \x85K\xb3\xaaR\x06\x85\xe3-U\xe8\x8c\x0f}\xd8\xb6\xd7\xc4\xd1Hj\xaf{\xaf\xca\x0e\xf4\x81\xff^a\x82\xc5\x86W N\x87\xaa2\x9b\xbb\x0b\x05\x8c\xaa\x18\xb6\x85\xb3\xc2\x13\xe5R\xb2\xf5f\xdb\xcc&lt;\xa2\xb3\xee\x94)\xa0\x86a\x93\x10(;\xfcQG3\xaa\x81\xd3#\x11Hy\x99h\xf4\xc2\xd8\x12b\xa0\x00q\xab\x0e\x9b\x0fL\xf1\xaf\xc9\x10\x99\x00`\x9a;b\x94\x02"\xc24%X\xf4\x0bD\x04\x89\xfc\xab\xb1\x9a\xa8\xbc\xb0\x9a\xf9\x82\x9c#"N\xd3\x84\x88\x13\x00L\xa0\xe3\xa9,IrYQ\x91\x19\xe1.\xf5\xa66\x1c\x81\xa7\xd9\xee\x8c\x96k\xfb\x03$\x9f%\x11\xb2\x8e\xd7\x84BY\x16\xac\x12\x9d\xb6\xb6\x14c\xce\xdc\xb5\xe0\x80c\nD\x8c\x04\xd8y\xb08\xdd\x8c\xc0KQ\xedH\xcc\xc5?\xfa-\x18\x16&amp;3z\xb9\xb8\xa5eq\x81\xaaT7\xfa\x82Y\xc5\xa2\x16C\x80)\xee&amp;&amp;\xbb(\x85\x17\x00\xfc\x9b\x12\xfa\x03g\xc7\r\xf1\xaf\xa7i\xda\x02h\xfb`\x0e\xc4\xa1\x8e\xdb\xf2\xfe\xbc\xab\xccew\x82-?\x92\x1fka\xda\xe5\x92\x97\x88\xed\xd6\n\xcc\xb2j\xc9\xdbp\x92\xeap\x9a\xa6X=\xeda\x7fi\xb2\x11q\x9b\xaf\xc8A\xeb\x96\xcdf\xbfr\x04w\x07\xb6\xf1 f\xc0npG\xff\x92V$\x1a\xbb0\x100E\xff\xf6I\xc0|\x9e\x7f\xbb\x18\xcf\x9d3@\xb5\x14\xe5\xec\xbesv\x85M\x0bS\xd6\xb6ih\x14()\x85\x16E]\xf76#\x87\x94q3[\x81o\xca/c\xf6?P\x07\xa7\xbfM/\x96\xdflOtQ\xbc)\xef\x08&amp;\xb2\xf06\xf5\xb7\x1d\x14\x14\xbbg\xf0c\x0c\x11\xe1\x0e\xd9\xdaU2\xcb\t\x0c~\xee\x14\xd6\x87\xe4\xacB\xa0\x14\x0cc\xf2\xc3&gt;^Q{\x01\xcb\xa1F\x1e}\xb1\x9e.\x19\xe9\xf9\xd8m\xeb\x87\x1e\xa4P\xe3 %\t5?n*7H\xa5\x97jU\xbf\xfd\xf9\xa5\xb8\xd8\xa3\xe4\x0e\x9c\x14\xeell\xfdp\xceP\x16.\x00\xd2c\x95ZJ?\xc8a$)\xac\x88\x88\xf0@\xf7u\xa8\xb6\xa6\xa7yi\x06\x7f\x01\x00\x80\x00\x9f\x9a\xcd%\xafc\x92\xec)\xaa|\x8e\x9c\'\xd0+G\xc2\xc5\x14w\x14\x14\x84\xb3V\xbf(J\xe3V\xd6\xfd&lt;\x06|\x99\xec\xa9\x9e\x80j\xc4\x8a1d\xf0\x1a\x93\xc5zE\x893\xfd\x8d\xf4\x9d\xff\xfd\xeck\x9f\x1f\xef\xfbwGK20`@2\x1b\x13\x10T!\x95\xc7"=\xa77\xf1\xca\x94\xeezO\x97:\x95Td\xa8M\x9d\x99\x025&amp;\x9d\xa6\xb80F\xd3\x81\x1d\xcd\x12\xaa\xf3\xf8\xd9\x85\x14\x8b\xda\xe3\xda\xb8\x7f\x83\xbbP\x97\x961\xb3\xdc\xabD\xcd\t.K\x80\xfdn\x00\xf3\x06\x91\xba\xc0\x9c#@9}y\xccc\x03n\x9c\xafQ^^^*Fc\x94G\x9d9\xc6\x8d\xf1n@\t\xe63\x00E\xc5\xd1xT\xa0L"\x83`\x9b\xa3\xcf\x8c\xe1\x93!\xc6\xebM\x91c\xe8\xfb\x14\x15\xdd\xeb1\xb1\x02\xdf\xce\\\xe6\x9b\xa0i\xc1\x88\xbe\xab\x90\x93y\x1d\x16\xa2m\x0b\x8b\xda\xf4\xa5\x99\xd8\x88\x00Oo\xc5L\x11%\xa3\xbe2\xbb^0M\xd3\xf4Z\xa2\x0e0\xdd\xb4\x960rl\xb9C\x95\x1d\x7fa\x9f\xcf\xa5@F\n\xcaU]p\xa3\x19\xb1b\\\xc6G+\xe3\xc9\x1f\xf3) \xce\xd3&gt;\xca\x83\xe0\xb6\xf3\x13\x923\xda;\xfa\xdc*\'T\x82\xf4\x83n\xa4\x84}\xb34\xa3\xaeP\xfe~\r\x97\xda\xa9\x1f\x83\x19\xe8\x05\xd6C\xc0\x85\xc51\xf9tcc0\xf7#\xe9\x92\xb7\xf6\x92,B\x18-mjA\xe2i\x99\xb92\x05\xf0v3\x19\x8b\xda\xd4n\xfe\xbfMJJ\x96yV\xdff\x8f\xc9N\x13\xc0\xed\x92\xad*\xec\xcb\x96f\'\x04\x8d\xb4\r\xbd\xa5\xfb\xa3\x9bC\xb4\x1eb\xab\x81\xe5!\xe2\xc5\x16\xff"\xec\xfd\x8f\xb9l\x1b\xaf\xad-O?\xa0\x94s\xa7\xae\x84\xb5R\xc6\xdf\x01P\x97\xb7&amp;^\xac\x925\x87\xa4\xde\xf3\x97\xc5\xd5wf\xf4\x8d\x15K\xe3\x0b\xf3%\x00\x87\xa0\xc0\xb0\xa52O\xd3\\\x9e\xd1\x94"y\xe3k`@\x80n\xc7\xec&lt;\xd8{`\x00\xf0\xae\x19}+\xc9\x96d/i+\x92\xf3\x1f\x1d\xd5\x9c\x1b\xd3U\xb5F\xac\xc3\x85&amp;UI\x91\xd8L\xae\x86\x82G\xf8\xa5x\xc2x`\xee\xf4\x89\nCu\xc2\xc82\x87\x86\xdb4\xf2\xe3\x97\x8aZ/z\xad\xff2\xdb\x07\xcd\x15\x99~\x12\xbd43\xc5\xa7\x1b\xffV\'\xb3\xaaEcH6\x86\xe4\x08\x8f\nm\xffwQLz\x10\xc3\x89\x01C\xa4\xe3\xed3pz\x1c\x1e\xdf\xba\xf0\xb3E\xda\xb7\x9ahb "\xfc\x9e\xce\xb4\xcc\x1a\xbd\xbcj\xa2\xaf\xf8\xcdvj.\xf7\x9ah\xc3%\xc0V\xcd\x8c\x9e\xcbt\xe0X\xc6\x0b\x86\x8e"\xbfop\rU\xbf\x9e\xe4O\x9e:\xa8ub\x012\xcaH\x84E\xe8+\xdf2^\x05kv\x97\xef\xf13\xd3\x0f=\xdeY4\xe2\xc1\x16)b\x11?V\x19\x8f\xe4\xa8Q\x81\xf3\xd8!"\xfc\x96\xf1\xf0\x12wt`\x89}\xb8\x9d\x07\x8eBi!+\x0b\x9d\x17V\xbc?n%F\xe5\xf8\xf6\xa6\xd4\x11\xa1&lt;aZ\x0c\xd2\xe8\xd6\x0b4\x87\xde\xe5b\xcd2\xe7\tP\x11\xba\\\xa4\xa4\x14\xb5\xd3\xb5\x18I\xcd\xf8s\xfd\xaa\xcf\xc1\xa0\x91T\xbb}"\x96\x17z\xa4z\xc0\xd3,\x19\xb5\x88*G-\x91\x13r\r\n\x08PY\xdc\xde\x89&amp;\xef\xc3Xs\xf0\xbc\x84\x1f\x03.\x8b\x15\xb7j\xd6\x16\xaf6\x9d\xb1\xb2\x887/%S\xc9\x8bT\xdb\xa2D&gt;2\xb6\x07\x8eD\xf1x\x9f\x1byv\xec\xd6\xa9\xe9\x8d\x8677\x139\x83.\xc0\x931p\x979\xdcESF\xe2\xd6v\x06M~[#\xcc\xeaV\xd2e\x1c:\xcf!\x9c\xf60t\xb1T\xebY\xd36\x82!\x1d9\xdb]Dn\x9a\xf7\x00A-:\x08\x87\x0b0\x90\x02\x7f\xff8{\xa8\xed:\x00T\xe33]=\xf8\x13\t\xb0+R\xefK\xc4\x81K\x85\x11\xa9\x82q\xd1\x9f\x8f\x9et$\xb0\xe5gM\xe5mM\xd3Z\x13\xc6\x91\xd9\xca\xda\xce\xcc\xb3v\x89\x9b\x98\xc6\xc9 J\xd3T\r\xa4\x93\xc4\xa7t\x008e\xea5\x115I\xff4\x16K\xcay\x16E.\x15\'0\xfec\x98\x12v\xafH.\xd8&gt;\xe2\x8e\xe3\xf1\x92\xeb\xb6\xf9\x8e\xac\xe9\x01\xfb\xdb\x81\x81RP3K\xcelomLe\xc5\x89\xe6%\xbb\xa8\x0ci\x99\xcdH\x16\x85\xfb+\xb4\x8f\xd8\xc2D+\x17Oq\xa5A\xa2q`\xd8\x16K\xb7\xce\xdc\t\xfb\xb6\x12\x17\x8bA\xe5\xac\xa0w-\xb18\xbc\x0f\xaf\tg\xdalK:\xf7\x1c5\xf6l\xa8r+;\xe2\xca\xe1\xc4\x9a\xa8\xb2\x9d\x14"[V\x99\xe3\x1co\\Hj`\x80\x84\x1f\xb4\xd2\xa8}&lt;\xd5+;\xfa\x7f$\xabW\x08\xcc\xf39&lt;Q\xf34\xfa\xc6\xfcB\x80\xde\x9a\xaa\xa0\xac\x90\xbdt\xea\xd4N&lt;5\x876x\xa9\xfd\xbcZT.\x81\x82\x19\x16V\xaf\xf85\x99\x9eh\xee;\x00\x90\xb3Zn\x17\x84\x19P\x12\xac\xb6\x82\xad\x17\x00\x03uP\xc5\xdaq?\xaa\x0f\x07L:#\xb4\x06\xb2\xe1\x07m\xcb`\xda\xa7\x83\x0bk\xd1\xc1tV\x9bY\xa3\xd8\x92=\xd6\x1fc\xdd\xcbdK\xd2XX{\xde\xd1u\x10o\x8d\x94\xf0\xcb\xfe\xed\x11C\x9du\x86\xcd\xe6.\x0bi\xa9yUs\x07\x8d\x7f\xb9L\x0b\xd8\r$\xe1Z\xb8\xb1\xcd\xa5\xecN\x12\x15\x88\x88\x0f\x92\xdf\x8a)H4\xb7qc\x13\xd5\xa9\xdb\x16qD\xfc"z\x98pG\xd8\x93\x04I\x0c\xf5\x8c\x19g\xcbj4\xdb\xf6\xff\xaa\x199I\xe7\x02\x1c:\xa0\x0f~L\xa8Nb\xf2\x81(\xdc\x12\xe66~\xcf,\xa5\x8al\x82\xf2\xe1-)A!5\x151\x8e\x92\x81\x07B\xc8\x94\xd8\xca&gt;\xea\xdeD\x03\x02\xc8\xc3\xa9\x8a\x14\xe6\x1c.\xd4\xe8[\xce\x13x\xab\r\x8b\nrau]exf\t\x11\x11\xaf\x82\xb0am\xd0 \xb5Ud\xf2\xadV\xa3\x0e\x99\x8b\x9f\x0c\x1af\x0f\xfan\x0c=\x03\x11\xe4\xac\x01\xbc\xef_\xa0.\x16)E-\xba\xe2\xf4\xf0k\xe8\xb7\xf3{\x89\x8e\x9d0\x85($U_\x8c\x03$\xa4\xe4\xa1\xaeD\x1f\xd8\xf2\xaf\xda\xf3-\xee\xe8\xbb\xb9&gt;)v\x84X\x88E\x01\xcd\x81\x1cDb\xfePw\x84Y\x9f*H\xee\x91\xfb$\x95\xe1\x94F\x87+\xcaQ\xc8%\xa3{`4\xcf\xd1w\xe9r\xff\xc4\x0e4\xbc4Y\xfd4\xd7\t\x87\x8f\x89R$\x83\x96\xa1Q\xac"\x9d\xcb\x1a\x03="&gt;\xe6\x9d;\xc8\xe4cF\xc6|\x0e=\xc8\x05\r\x12,$\xa5$EG\x9b=\x8b&lt;wU\x1eY\x11\xf1\x9b\xcd\xa7\x14\x1a\xc2\x11f\x8b\xc0\x13\xe7\xdd\x91P\xd8!\xd6\x8ay-\x0f\x8a\xe8\xf4Q=||\x13d\r(\x19\xa55^\xc0\xfb,k&gt;\xf2&lt;H\xdaJHj\xedN\xf7\xc2\xc0\xe7 !\xa9\x91#\xd2\xfa\x9e-\xf1c NZ\x17\x7f\x86\xfc\xb8\x8ajZ\xa6\xc3\x1c\x1f8%0\x10LE\x03\x89\xdd1\x83\x02\xeal\x1e\xbco\xfd\x0cA\x17\x00/T!\xa8$_\xa1\x14\xf1\xf1\xe00\xb1\xf2\xba\xc2\';\x9e\xda\xbfS\x930\xc2~/\xe2\xb1\xbb\x13%y\xd73\x1ah\xd4\x95\xd1\xf8NLM\x02RD\xbc\x12\xb4\xe1\x81}Ls\xb7\xc8\x17\x05\xb6S|\xcc\x8e\x11"A\x16\x9eq\x84J4\xc4]\x08W2\xbb\xa6b\x89E!LD&lt;\x9b\x171\x95\xaa\xac\xee\xca\xf6Q\x91\x91\x11\xe0\xbd"\xbc\xa6\x80\x03\x17\r;\x8c\xdcm\x83\xdc\xf02\x08"\xc2\xfd\xb2\x17\x00\xdd\x03\xdd7\xa2*e\xe3\xbb$\xb8\xb6\xba\x85\xed\xaa\xd6C\xad\xc9\x96\x01\x83u\xb3\xb6=?\x81\x1b$\xfdY[\x0fg\x19\xa8\x94\x8c\xbf;1\xae\xf8\xabt\xea\x06\x99\xaf\xbd\x18\xdc\xcf\xb5\xa4l\xb6\x16\xdf`\xaa\x13W\xd0\xfe\xf6K\x02\xd7\x8fDZ\x00\xdf\x8fm\x17r\x8e\x84L\xd3\x95\x186\x10\xbd\xe9\xadq\xbeC94\xfd@\xad\x8c\xd2l\xed!\x9e\x07N\x8c@\xfc\x15\xc5\xe5\xd6\xf1\xe3\xb9}\xcf\x1a\xc1\xf2\x9a\xa5\xc6\xb4\x98\xd1&amp;\xf0\xbb%ZX\x83\x90\n\x9e\xa4D\'\x13%\xea\x88\x8c?7~\xde\xce\x0e\xb7\xcb\xf1~\x17y\x87\xb7\x8d:\x85\\\n\xc7\xe3\x00\xa5\x04A=_K\xb3\xb5Q\x80m\xda1\r\xe2\xe1\x17LR)"\xf4\xb7z\x9e-\x85L\x00&lt;\xbe\x1aP\x06\'k \xfa=D\\\xcc\xae\xdf\x94\xee+\xe4\x92\'OU\xb8\x86=\xc9\xbe\xe7\xc0q\x98t\xc9\x99Q&gt;\x01\xc049\x97\xa7I\xcc\xd4\xa29\xb9}\xe7o\xa7i\x02@uu\x1a\x03\x11\xa7\xc9\x1aj}}\xd59\xce\x1f~\x15\xe06b^\x88\x08\xd34mT\x12\xd2z%PE\xbb\xd9h\xe7t\xbd\x99\x17\x0c\xf9\x11\xd1ii\x98\xb4v\xa8\\\'\xd6\xf2\x02y\x01\x86\x88\xd3:\x08\x979h\xf1\xf4V\x1f\xe2"i&amp;\x05"\x08%G\xc4\xaa\xd1\xb89\xc5)(\x1e\xd3\xb5@1\xa8Q\xdd\xfd&amp;{\x9b\xf8\xa8\x14\xa2R\xc7,\xe2\x81\xcf\x184\x8fDX\x8c]#g\xd0\xe0\xcbl[\x9be"F$\xb0(\x04\xba\xbb2\xd4\x18\xb9&lt;\x01\xe6\xfbc\x10\x96j\xe0\xaaq\x83.93\xc8\xb6\x13\x12/\xb0S\xb8\x88f`\x19\xddnG\xa3&amp;\x1b\xa7\x1c4\x9b\xfd\x03\xc0\xads\xba\xafD&amp;\x98\xa6)-\xed4\xb1\x9a\t\xa5\x98%\xe9a+N\x8ei\x9a`\x8a\xce&lt;\xdc\xe6v\xcb\xd3)|RdG\xd64M\xd2\xd9s\x88\x92Ar\x0e\x83\x18\xd9d\x03\tgy\xc5\xd6a\x1c\xa6O1\xa0\x92\x88Um\xa6t]RS\xa8F\x8d\x9a\xab\x1f\xc0\xa3\xcck\x8f\x8f\xde\xb4\xe1\xd7ac/Y\x1f\xe1\xf5\x16\x94s\xb4\xa7\r%\x96\xe7v\xdcY\xd0\xbc\xdc\xd9\x7f\xb1`\x14\x0f\xd7\xb3\xd3\xf9F\xc5\x81\xb3\x03\xc3(\xa7\t\xf0,\xff\xbbV\xb75+V\xc3\x99&gt;T\xae\xb9.?\xe2\xa6\xa1\xac\xf7\xdf\xd6?\xfa\x92&amp;4S\xbb\xa8R\'\x8f\xe7\x0b4B\x1fh{`:\x8c\xfe\x9d\xdb\xccP{v\x94\x8f,\\fY\x07\xd9\xfd.\x86\xf0Z2[\xa4\xb4\x06\\\x87`9\x1d\x0e\x97\xcd\xa7\x9bF:\xea,}o#\x10C\xcc\xf1\xdd}9\xd7\xcf7\x8f1Z/(\xe6\x8e/C\x03\x0f\x0e\x0c\x90h4;?_\x88\x1b)j\x96\x9b\x0c[\x15\x98\xd7)\xb0mm\xc8\x18\x05SR\x1d\'\xbc6\x9c\x00\xc8\x0e\x03,\x9f[\x9c\xc1\x92\x88x\x973\xc8\xa9\x85\xfe\x83\xdc\x8e\xdb\x8a\xbb$\x0b\x8b\xdcj\x99\xc9/\xbc\x00\xe0\t\xb0\xb6\xfc\xc8\x84\x95\x8a\x1d\x8d\xa6t\xb9DZ#"\xb0\x86.\x8eA\x1e\x92n\'\xe4\xe8uL\xafN\xeb9h\xe7\xfbL_\x00\xb5\x9f\x18\x1a\xb8\x00\x84\x8e\xdf\xb58\xafv\xcd\x08\xa5_\xfb\x83z\x88h&lt;\xad\xd1\x9a\xf5\xfc!\xa25\xa6\x8e\xab:\x96$[\xaeD\xc09Z\xda\xd5\xb1\xc8M$\xc3,\x90\xfd\xc0L\x89j\x1d\x1a\xc7\x87\xef\xd33\xc0\xad\xab\xd6w\xd13\xe2f\x9c\x1f\xe5\x1a~\xaeE\x1ah\tql|z\xa6\x98}\xcb=W\xb3\xf7\xf2\xe2\x8134\x18\xc31\x8e\x13\xde\x1c\x986\x0fY\x8c\x13\xdeI\xfaV_D\x88\x17(\x14?`\xc3\x17f\x8eI2Y\xceY&lt;\x07\xf4\xe1&lt;\x03\x80h\xbfh\xce\\).\'\xf3~f_\xe0v\r\xd92W\xac\xd1\xf3\x8b\x96\xd1\xafM^\x95\x97\x02\x05G\xe8\x1dS\x96\xb3\xe6\xb4I\x1dW\xe5\x1d\xf3\x050\xf6\xb5=\xafu\xb1\x1d2M\x8b.\x86&gt;9\x0f\xccD\x1f*\xe0\x11)\xe9\xdc\x16\xe6-\x93\xa3e\xe1\x80\xbb\x8e\xa5;\xab?A\xa3\x80\x98\xd8Xa\x93\xfeh7\xd3\xc1\x86\xb8l\xbcsH\x18^\x14\xb9\xd3&lt;.\xb2E&gt;-\x1f\x83H6B\x1b\xe4G{\x86\x07f$J3\xcdl\xbf\x7f\x8e&gt;\x8a\xb3L\xa4\x10\x01\xe0\x11\xc6}\x83H{\xbe0\xcbS@\xd19\xfe9J\xe6@3 \xfa\xb9\xed\x9cf{\th\x17\xf4J\xb0t\xe1\x9d!\xc9\xa3_,\x1dS\xcekF\xd2,\x1c\'\x9aKY\xab}\xaf\xf1|\xa4H]\x1a\xc4\x02\x91&gt;\x16\x9e\xc9$\x02\xf0\xb6\x07*\x9b\x8c\xbd\x0c\xd9\xbe\xa7\x9a:\xb6\xb5\xb7\xff\x05\xdb\\he\xc3`\x01\x97\x10\t\xb5\xa7I{\xf4\xf3\xaa\x16\xa6f\x99\x1c\nQ\t;v4C\xce\x96*p\xbc\xec\xf4Pg\xadEp\xe0\x12\x90\x8aB4\x1b\xb6\x13+\x13\xa2\xea,TG#\x7f\x908\xf0-\x16\xa3D\x802\xb4\x8a\x01\x86\x9d\xd9^&amp;\xba\xc0oH]\xd9\xc6\xe6\xea\\|\x1d\xfbO\xe1\x18\xdc\xec\xce\x8a\xc6\xce\x07\xc2\x0c\xf12r!K\x9eu\xff\xf9%./\xb7\xec\xbae\xed&gt;\xeaR\x1d\x02_M\xa9\xc1\x83\xed]\x8b\xa994\xe0\x91Rj%F\xa8\nB\x9e\x94\xee\xdf\xd9T~\x91\xf5\xd4m\xfb\xcb\xaa\xd4\x06\x06:Ct\x1cR \xcc\x9ds\xa4\xb8\xe7\'\xb6v\xb5\x92\xd5\xf1\xdd\x025\x8bfJ\x18\xfe\xf0\x83\xd44E*\xbcj \xd5\x87\xa1\xa6c"\x86\x97\xbbVsu\xc4\xa6\xd4\xef\xe4\x91Q\x16K\x1b\xd2\xe2\xb0{\xb9B\xa0\x92!\x14\xba"+&amp;MP$\x0cq\xec\x87T\xd3\x9dq\x8682%\xd12\xa3#\xea\xd3\x15\x9d\xf2\xdc\x1e}\r\x99\xcb\xfb\xd6\xf2G2\xc5\xfa\xb3K\x0b\x0f\x0cT\x82V\xa0\x9bi\xa3\x9b9\xf2\xcd\xe6\xbeg\x1b^%\xf2\xa5\xf5F\xb8\xaa\xc5(!\x8c\xdfJ\x1636e\x817\xdb\xdcxY\xc4S\x1d\xf5\x1d\x13E\xe9\xf7&gt;\xd2d\xfb\xfdl\xf8\x19y\x17\r\xcb&lt;\x87\xe8\x1b\xc8\xc7\xad%\x11l?\xda\x97w\xb2\x85\x89[#\xb2\xb4H\x94/&amp;\xef"\nd\x15Pu\nA\xf6x\xbf\xaf\xf2|l?\xe1W\x82k\xa8u\x03\x03\x00\xd0\xfd\xady\x11v]zU\xe7Y\xdea$r\xc8\xa9\xe5\x94\xd0\xf0\xb6\x8b\xa1s\x07\x80\xec\xbb}\x8c\xb4\x02g\xd2\xdc\x04*\xd6\xce\x1e\xf5\xfb\xcf\xbeb\xbf\xaf\x87X\xcad(_\xd5\xdf\xa2\xe6Y\x1d]\'F\x8a\x03\xc9:\xd9\xb8%:\x8fg\x1b\xca\xe3\x85\xef\x14uk8d+q\xc9\x10\x08n{"\xbfG\xe0:\x8e\xb4-\xb2F\xb4\x81\x81\xbea\xd7\xa9\xd7\x1c-N!\x8e.\x85)\xac\x83\xcd\xc71\x86\x87\xee\xb4P\x9am\x84\x0f\xc6\x1c\xe4;\xbd\x11\xf4{7\x92R\xf6\xc5\xac+\xc2\xf4\xb8\xd4P\xfd\xccJ\r\xa0\xe2]\x97\xda\xf3&lt;\xe6\x02\xa0\xb2\x91_\'\xf1=c\xc2T\rl^\xf7*: \xc4\x12\x85\x82\x16q\x92\x9f\xc3\x97/\xe4NA\xe9\xfe\xbf\x06\x91.@\xf9\x0e\xdf\x8c\xc8\xb2\xcbQy\xe0zQ\xbfZ5\x9d\xdft&gt;\x97\xda6\x9cZ\x8d\xdc\xca0C\xe5\x819\xa66\xba&lt;\xc2\r\x0cf\x04\x16\xb8\xb8/S\xe3v|\xbc\xf7\xa0\x85\xd8\xb2\xedT\xd0-w\xf5\xe7y\xdc;ru\xb8KQ(F\'Z\xe4#\xee\x0e\xe3\xdb\x9b\xe8\x0e\x8bL\xbeN\xc0\xf4\x149M\x90\xf7(\x88c\xb7,\x8b\x95\xf4\x1d\x18\xa8\x0cD\x80\xcf\xabF{N$\xcdb\x17\xff^\x8b\x91\x08\x92b\x8afQ)g\xdbR\xe5\x9as\x8e\xae\xa62\xb5\x91&gt;p\xd5%N\'\xb0\x0b\x7f\x1a\xa4BME\xb6\x8b\x811\xd7\x11Y\xe6\xf4g*\xc2\xc1@N\xc2\x95\x17\x00\x1c\xbb\x19\xac\xf1+F\xe8\x92\xb0\xbds\xcbl\xaf\xd9\xc7YG\xa1\xb8rt\xf7\xbb2-\xb0\x86\xbc\xf7+\x19\x18\xf9\xd1\x8c\xe4\x8f\xf8\xd4\xf9]\xbd\x18\xdfD\xcf5\xb1%\x82!.\xbf]X\xca\x14\x18\xbf\xa5\x92%a)\xd3&lt;\xe2\x1d\xfe\x02\x93\t\xd4\xf8\xa1n\xc3\x1d]+\xeb!?G:\x813\x06\xab\xb8\xf2lN\xac\x0e\xcf\xc89\xbf\xf3\xaae\xd5\x96\x0e\nU\xb0]){\x92\xae*\x1877OQfI\x1c\x98k\x92\x81\x0f\x01\x96\xdf\x987\xc7\xf7Q(\xae\x1c7\xa4\x9b\\\x1e\x02?\xc4\x18]\t\xc7\x7f\x8c6\xdd&amp;w/Y!9%&lt;\xa7\xb2\x1f\x066\xebQ\\$\xc7\x14\x93\xd3=\x1bW\xbb\x9f\x91\xad7\xae\xc7\xe8\xed+\xe6\x8ei\xe7\xb8\xbc\x01\xacT\xa31\xa8k\xe2\xcfO\x91\x05A\x84~L}\xae\xf4\xd6O\xd8:\x91c\xee\x10g\x96\x02\x9f/M\'\xf9\x8b\xef\r\xf1\x87\x89\xef\xbb\xa9\x8a\x12\x83\xedM\xc9\xc5\xdeV\xed\xafv\x00\x1d8\x1d\xce\x15\xa9\xfe\x02\xa0\xbaB\xe3\x08H\x00\x00 \x00IDAT\xfc5n\xec\x9a\xd4C\x1ce\x82mu\xe7}\xb9\xa7\x95\x1c3f\xde\x0ce\xe2\x14\xf7I\x11\x01&gt;0\xaf#\x89\xedk=\x11{\x07n\xc7\x15\x9a?6z\x01\xf7\xe2\xcf"|\xdd\x92xF\x84\xada\x1b\xcai ;+\xb8\xed)\x84\xcc^\xc1#3\xc1?S\xa5\t\xde\xe8c}QH6\x83\x82\xbcW\xa4\xfd&amp;\xc3H\x8d\x81\xbe\xc1-\xe2\xf6,\xb3\xbe01.\x96\x18\'\x1f\x81\n\xeb\xb5;\xdd\xfc\x18\xcft1\xe2\xbfo|\x1b\x99\xbc^\x152\xb56C\xf7\xf2\r(T0\xd7\x14\x0f\xca\xeaub\x9c(l\xecB\xc1\x91\xb9w\xbd\xea\x19?b\xa5\xe5\xab\xb7\x92\xa4R\xce\x03\x181\xd1\x92\xa48f\x91\xcfw\x83\x8d\xe5^0\xb5 \x06\xb2\xc69u\xf9\xf5\x7f\xe0b\xc0\x9fs7\x08\xeb&lt;.\xcf9w\xa6\x99\xca\xca\x14\xe1T:\xf6\x08m4\xa0H\xa9\xbb\xbe\xcf\xfa\x98\xad\xa6g\x7f\x7f\x9f\xef\x92\xc0\x9f\xf6\x150\xb8\xbeAT]\xeb/\xe3\xa6\x7f\x0e.\xccG\x95\x0ce\x16\xe7\xdb\x10\x16S\x9b7\x97\xc86\x7f\xfe\x06\xf6=\xe7\xe8\xf5\xbc\xfb\xcfj\x08\x0c\x8b\xed\xa2\xf4\x92\x92b\xe0\xc2\x11\x99;\n\x9biE\xfc\xd5eNv\xb1\x08T:\xa2\x01\xdc9R\x9aY;@\xeaE\xadqQf\xa2`\xb48\xcbA\xff|\xb4\x1c\xd5\xdc\xa8n~\x9a\xa8=\xec,~Z\x05\x9a\xb1f\x1d&amp;\xe3e\xc0\xaf\xcf\xb8?,t\xb8\xcdw10\x9abK\xb3h,\xad\xa4\x10\xe0\x8f\xd8\xacI"\xf9P\x1f\xa7\x1c\xeaL\tj\t00\x10\x854\xf8\x82s\xc7H;\xf2\xdb\x0ejYghQ\x05n\x8c\x1el\x11\xe6+?\xba\xfd\x99\xc7\x86\x19$M\xc1\xbc\xadA\x19g\xf9\x8c\x08\xf02\x8a\xf0\xe5O\xe5c\xb8\x19\x02|\xf9\xf6\x97\x99\xda\r\x03\xc0tY\xe6\x81\x87\x13\x15\xa5x\x16k\x116fo\xe70K\x9fP0\xa0\xe1\x88c\xeb*\x9b\xf5\xd6LUZ\x9fT9q6\x85P3\x05\xed\xaey\xf8\x18\xa0P\xa1\xe6Z\xa3\x85`\x84v\xea\x17s\xd41\x9b\xbdq\xf0\x9c\x89."F;A\x82\xe9\x1a$l\xe1\xe0\xd4\x81\xbcR*A\x9d\xb1*\x83\xac(bm\xfb`d\xb7\xbe\x92\x8e\xf9\x04\xf5\xad\xfd\x1b\x89\xf4\xb1\x8f#W\xf2x\x14Z\x1cK\xabn+\xc5\xfd\xf8Lw\x91\x11\r\x94\x88P\xc78A\x86x\x17\x0b\x89\x8fb\x14\x1e\xb9\x19\xf3\xaf\xf3M\x9a\xf2\x083\x90\x04\xdc\xcb\xd5\xa7\xa8%\xe9\xd7\x88\xbak\x8f\xe4\x81S\x83\xae\xe9\xd1\x8a\x80d\x03\xfe\xc0\x13\x1aB\x14+\x82\xcf.\xf4\x8d\xf2VD\xe5\x9fm\xc2\xa2M\xe5\xb4\x83(\xbfp\xc7\xfb\x0e`\xca\xb9\xdd\x8c\x96\xadc#d\xf9F sJ\x05\xd9\xd44\xc5p\xb5C\x80\xa7$Y\xc4\xbe\xfd+,\x0b\xec\xa0\x94\xaa\x04u\x91Z&gt;\xc9\xe1E\x9d\xa8\x0e\'&amp;\xeb&gt;R\xe2|R\x88,_B&gt;\xfa\xf65\x01\xd5\xe2\xb0\xd0\xf9\xf8\xdc\x19|D\x98&lt;O\xf1\xb4St\x19!!%\xc0_\xebF\xdd\xc6H\x97\xe0\xc0@#\x04*\xbbu\xe0\xc1\xef\xb4u\xf5\xaes3\x81&amp;~\x93\xa2\xa9m\x9cWT\n\xadBl\xf1\xda?\xeb\x15\x08\xb4\xe7I2\xc9\xe7\xc6\xdf\xc5\x1a\x0c\xc0\xd6\x02\x11\x1f~\xa227\xab\xf0\x17\x9af\x0f\'\x82\xdb\xec5\x88?\xeb&amp;\xd4/*\n\xa2D\x8a\x8f\x978\x9aR\x15\x83\x03\xd1\xb23\x9f\x9a#\xa1\x84f\x03T\xdc \x90j\xed9q\xcf\xfa\x9f\xf3}\xec4f\xb0\x88H\x82\xd5\x8e\x0f}Z\x07NOjW\'&gt;\x83\x04\x19\\\xe2\xeb\xb4\\Q:\xf0\x05\xb8\x83f\x0b\x91z\xd0z\xe0\xd4h\x949\xc1\xfan|W\x95\xaf"\xbd\xc8\xd7\xff\xa6\xe2\x02 6/\\G\x82\xbaC\xbe\xa8}\x9e0\x9d\x94\xf2\xae\xe0\xcf\x87\x8c\xcf~B]\x8e\xf5|\xc5Uhf\x08`\xceY\x83\x12\x1emy\xa2\xbaF\x94\xf5\xb7\x0f\xe4\x8c\xf2\x04s\n\xd7z\xf1]i\x15\xc24\x1d"\xce\xf7\x91[\rL\xb1U \xb5\x95\x94|}\x01\xc2\xbb\xf5&gt;\xcd\xb2I&lt;\xf9\x05\x9f@\x06k!\xa2\\&lt;-|\xa9\xac\xc0\xfe\xba\xbd\xaadW\x0f\xb2c+k\x0c\x9c\x1d\x8c:[\x81U`Xz^\xf5\xfd*-j\xb9\xfc\x9b\xd5\xa9\xa0\x14\xb7*\x18\x06B\x92\xbfC\xac\x065Z[\x1e&gt;\xf7\xd2\x87wc\x84\xc4\x9bxW\x98cp\x83\x80T\xa0\x9c\x12\x92\xafo!\xff5\xfe)^\xfb\xda\xbb\xbf\x05@\xaa\xf1\xf69\x83Q\xb6`\xce\x97\xec\x96\t\xe2Mf\xc3R\x18\xba\xfc\x82\xc1\xf4[\xda\x85\xca.\xc0\xc7\xc6\x97L\xc1\xce\xa1\xa5/\xd9\xa1D\xc8\xbc\xbeaaZ\xc3\xd6\xc2\x8c\xb4[Y\x97\x02\xa8#\xc6\xc0@\x10\xfa\xc1\x97\xe4\xb4\xd4\x88\xca#w\x98{Ng\xe7\xef&lt;\xd6\xcc!J\x1d\x95\xaa\x0c\x87s\x0b&amp;\xef\x81\x87[X\x11ho\xf0\x07\x87\x8a\xf5\xdf\xcc\x14\xf6\xa8U\xd2\xa50\xde\x92q[ \xfc6\xa7g\t\xb04\x8e\xb5\xafa\xc3\x17d8\xf7O\x97\xc6E\xb9\xa0X(\xbc\xfa\x83\xce\xd7\xa6\xa8V\xcb\x8f\x17M\xe8C\xe9\xff\xe7\xee\x85\xb7+\r\xcb\x88$\xdbgO@\xd3\x8f!Q[ \x99S\x06\xbe+\x83p\xb6\\q\x83\xe4T\xb9\xe6p\xc4s}\xcf\xc0Q\x92o"\x1f-\xc0\xc0%\xc1\x8eic\x000#\xbe\xd1&amp;qv\x82\x95\xa5\xe5\xf1\xe9}\x84\x00\xb5\x19\xad\xb7M\x135\x14\xe1N\xadm\xaee\xe4\'\xd4\x1c\x1e(\xca}\x96\xfez\xa1{o\x87Q\\\x82\xf6\x1b\xfc\x94\xff}\x01\xf2D\xba\'\x879\x7fe\x15\xf7\x8e\xab\xc2\xefz\x0b\x00C5\x83\x14_\xb5.\xca\x9a\xab&amp;u\x07\xcf\\\xe7l\xab\xf7\xaa\xf2\xe7\xe7N\xf4(K\x84]\x0e/\x06\xd9\xbe\xcb\xd4\x02[}:y\x1d]R\t&gt;0pNP1\xfd\xfc\xef0\xb6@Z\xc6}I\x05)\x16o\x9d\xad~HM5\xc3\x03\xf6Y\xaa\'\x07v\xc0x#\xab\xad\xa33\x12\xb7\x94\xb0%\xc7\x0c\xb8\xe9w\xdd\xc3O\\}\x91e\x14\xcd\x98r\x90\xa6\xe3\x90J\x1c&amp;\xd9T\xe3d\x8c}\xbe\xb1\x00h\x1c\x84\xfe\xaa\x83l\xc5\xb2\xb3\xa3\xe6\xe7\xf2&amp;\xd0\xa7\xc8\xbb&gt;\xeaC\xefV\xf2\xc1\xb4[\x1f\xe6\x1d\x18PE&lt;\xac\xa9\xb1\r\xb7\xef\xeaI\xc3\xaa#\x8fC\xdc&amp;\x8e\xa5\x99\xb9\x92j\xb4\xd3C\xb0\xb8\x8c\xe2\x12\x98C|W\x9f\x83k\xe7\x067-\x190lW\xa8)\xdb\xf7;%\xa8\x88\x11]\xd0\xb2q;\xbfH\x06Wo\xc5\xf2.\x95\x8aK\xd0\x0b\x1e\xb2K\\N\xea\xabF7\x84}1\xa9\xeb\xebw&lt;\x9b\x88mx\x06|\xeaq\xeatj\xc3\x0eE\x1a\x18(\xc0}j\x10MV\r\x7fl0\xabg\r\x91X \xa5\x02\xc8\x1b\x99\x0c\n\xfa\x1a\x99V\x8a\x18\xad\xd32*\x84\x19!\xfe\xf5\xa3\xa4\xcaF\x07b[\x07\x12:\x90g\x11\xc5\xbb\xd0`\xfe\xb1\')"\x02&lt;\xaa\x90\x10&lt;S/\xe5\xb7\xea\xb1o"\x90\x85\xb3\xa8:e\x10DD\x80\xffi\xb7\x0ft\t\xd3\xf486\x8b@\x9bQTqRB\xe3O\xab\x17^\xda\x02\xa04\xc6\x92t\xb3\x1bd3-\x1c\xca\xab\xba\xf5\x82"g\xe04\xa8\x14m\xa98\xc6\x18\xea\x88\xc4B@\x18\xc11\x00\x9fT\x051{\xdff\xae\x00_\xdf\x96\x93\x06E&lt;\xe5\xf0 \xf7\x81\x88oUA$\x91\x9a~\xe3\xb65a\x9d\x1f\xe4\xf2j0?0\x19a\xf1t3\\~\xd3w\x00\x84\x15\x1bo\xe1\xed\xbb;\x842\xe4\xd7B\\\x11\xcf2?\x1d\xb4\xd8&gt;X4Q\xa7\xfa\x11G\x91\x8bs\xe8f7\x00D\xf8\x0e\xa1H\xb9\x8a\xc4\xf3\x02u\x0e\x0b\xec\x8c\n\x89\x0c\x0cp0\x1d-@lr0M\x87\x89\xe7K\xc5\x10\x06\x17{\xae\x9d\xa7\xe5/&gt;\x85k\x00\x96D\x1d"N\xb0Z\x16\x16S71,KlD\x9c&amp;`\xb6\x9c?\xac\xc2\x17\x99E\x11\xb3`\xd34u"\x92\x93\x89\r|m\xb8\x06\x01n\xa8\xcdN\nD\x9c\x8d0\x07\x1b"\xcc\xbe\xda\xcc\xc4\x8c@\x9f\xacs\x85c\xeaY\x18/\x98\xd3&lt;\x1c!\xb9\x14j")\x83\x91\x1aN\x0fX;BQ\xcadV\xb3e\xb4\xc9\xe7\x1b\x94\x05\x00`\x8e\xb1\r\x8a\x0e2Y\xb8\xf2\xdf\x19\xf1\'\xf59nl\xa7\xbf\x07x=M\xb2[V6C{\x8e\x03\x97\x8d\x83\x16\x9d\xe4&amp;J\x1dNw\xceYX#"\xc2;\x05\x8f\xd6xw\x84\x97?vE4V\xf3cK\x00\x00\x9c[\xed\xdb\xc5#\x98\x86\xdb\t&lt;\xd5\xa3O\x17\x15\xdea{1\xcba\xd1\x8b\x14\x1a\x9c\xbe\xb5\xcbQ\xef0\xca\xe6&amp;\xed\x1bgR\x91+\xbe\xb5\x948(XK\x1b\x1b|fg\xc8\\\x14\xa5\x87\xd5\xf97\r&amp;\xe9j\xd2\xdf\xcb\x93\xa4~\x02\xae\x1eG\xfc\x88\x9dlN\x1c\xa6\xd9\x18\xf4\xfb,\xbc|\x9c\xa8:\r\x9c\x08\x15g\xde\x89\xef\x9f\xee&amp;\xbczpk\xd7\x94\x95\xc8=\xad\xa3&gt;\xf5lX#\xdb\xcfWA\xf6\xb9N;\x96\x82\xa6\xfd\xd6e\x99Hys\xc1$\xc1\xbc^\xea\xb3\x01W\xaa\x9d\xf8\x12Z\xf58V\x005E\x13\xd7"\x05}\xdf\xb1\xa6\xa7\xea\x804]\x17\x92\xcbm\x18o\\\xa8W\x81g\x99]&gt;w\xb7\x7f\x8d(\xb2\x9d[\xd1\xc5eQ\xe4\xf7"\x96[\x8a\xc69O\xaa\x0e\x1c\x80\xbf\xd7"\xb4\r\xb4\xc9v\xf0Jk\x00\xb6\xba\xebHqX\xc4\x17\xb3V\x15\xbb\xa7\xd1\xee\x92\x90\xe5\xe5\xba^\xc8\x08{\xf518N*\xfe\x95\x9e0h\x92\xb4\xce\xcd\x7f\xa2\xc7\xc2\xfa\x93u\xf3\'\xf2]\xbaM\x01\x1c\x13\xbd\xb51\x8b\xca\xa0\xa0(O\xe7\xe5\x05)4\xb8\xbf\xc4\x81z\x19)\xf4ov\x84\x08{\xbd\xb3\xbc\x8bX\x8c\x9d\xf2\x17T\xd9S\xcb\x16\xde\xef\x98g\xf0\\\xbe\xb8\xdf\x90\x19\x18 \x91Q\xd9\xed\xda\xc1\xeah\xb4\xbf7dV\xc38\xd9`\x93r.q\xd6\x05\x8a\xd4\xb9\xf7z\x0e\x94\x14\xb5\xc0W\x1d\xddb\xaa\xee\x08\x89H\xc4\n\xdc%\x85\xa2\xf7t\xed\x04\xd92T\x82\xb5\xa1\xe0\xd4%[e\xf7\xdb\x04]\x8ev\xa5\xe9O\x13u\xb8#&amp;\xdc\x17\x92\x8c\xbbS\xcb\xa7\xa8\xa3\xaf\xed\x88\x00\xb5|.\xff\x15\x1d&amp;},Z2\xa7\x8f\xf1oK\xdc\xb1w\xffFn\xca\x9b\x1d\x95\x8bm\xfe\x1c\xf7\xd7\x9c\x8b\x19D*\xd5\xb1\x10qyL\xd2w\x0c\x0cj$\xbe\xaaN\x81\x1a\xb8\x1c,\xf1\xf1.\xe2\xe2.\x9d1\xd8\xe3G\xc3\xb8l\x90\xdeU\x8b\xc8e"\xcbb)\x83W\xdc\xfb9\xdc\xb9\x11\x01\x12\xe2\xed\xdf\x86\x15!\x0c\x1b[Q\xcfxK\xe3\x80\x8d\xc7\xeb\x00\xf8\xb1q_[\x17\x917\x0fr\xfa\x83\x08/\xd8\x0b\x00\x96T\xce\x8dV\xd5\xad\x96Tx\x08\xe8\xe4\x19\x99o\x84l\x16\xf5\xf1Oq\xa7\xec\x92\xdb\xcd\xde\xc3RGC\xb5\x85\xe0\x13\xc3"\xf86,\x8d\x01\x15\x902\xc8\x05\xcb\x89\x10f\\\x05\x83\xfc\xf1\x08\xffVmA\x18M\xf0&gt;\x83\x7f\xa0?\x18\x91\xfa\xcf\xfc^\xbf\xcdN\x1e\xaf\x9a\x9c?.{\xd0\xe8)g3\xa3i1V\xe4||\xb0\x7f\xed\xa1\xbd\x98\x91\xa2x\x91\x00\xb3\xc5\xf3\xda\xdc\x1d\xe1AH\xb5\x0c\x92\x8a\x07\xb3m\x10\x8b`u\x8f\x08\xe1\x88\xba]\xe6\xa4\xea!\x19\xed\x06\xf7~\xbc!\x16\x8aF6y\x02\xd79t\xc1N\xdep\xff\x02:\xdc\xac\x0c\xe6o\xeb(\xa5r*\x9db\xf0Rb\xa7\xacF\x8a\xf94\xa98t\x05\xb6{\xa9\x88D\xaaf\x85\x8a\xe3G\x9aD\x1b\xe7\xa6C7\x18\xe7\xd9BzQ40 G\xb0z\xbeAI\xf2\x08V\xc3MR\xf4:\xf2\xc41fO\xd3/\x02\xc4\xa0\x92\xee\x10\xf9\xae\xaa\xbe\xcd#6!\x0bO\xd9\xf4\xfc&gt;\xc9\xa9\xc4\xaaG\x1b\xcaC\xfe\x1c\xe5\x08E\xa2!\xb7\xb8\xe6\x9e\xc4\xf5\xa0gk\xb8#{\x16\x82\x042H-\x1d?\x8c\xb5\x94\r\x18\xe7\x80\xa5]\x9e/\x1a\x15\x9f\xe8\x02`\x99\xfd\xbb\xa9\xb4\x0bV\xe2M\x9fi\xe8z\xaa\x14\xf7S\xae=i\xa8\xfb\x90\xb9\xb6\x9a\xfb&gt;YQ\xd4\x81\xebB\xa5&lt;\x89S\xab\xc7\xd4\xcf\xa5NJ@\x1b\xd4\xd6T\xd5\x98DA\xec\x18\xc1\x1d\xf7|\x8a\x99\xc6d\xf6b\r\x90r\xee6\x1eXJ\xe1\xaa\xd23\x84p1\xa4NH~Nb\xab\x1b\xda-\xbdJ\xa2\xc8\x99\x14\xb5(\\mx1\x91!\xcc!\xc2{\xa6\xa3\x03\xcc\xbcRn\xea$\x05\xe6\xb7f\x9b\x03]\x1f\n\xbf\xcd\xa4\xea\x829\\t\x89\x0f\\\x08\x0e,\x8b\x11\xa6X\xb6A\x82\x88\x00w\xe30\xba&lt;\xa8\xaaYzSu\x1b-H\n\xce\x88\x12\xa7\xc3i\xd6\x0cF|\x16\xc5Uvd\x92\xd6\xf8^\x8bT\xd1\xf0\xc9\x96\xa2x\x88\xbd\xa6\xdc\x04\x00z\xdf\xdbC\x92Dd9\x1a\xed\x1e\xf9\xea^\x81\xbe\xac}\x1ci\xb96T\xf8\x97\xdc\x00\x90\xdd\xcc\xc1u\x9a\xc5\xe5u}\x0b\x92\x10\\Q\xd7\xd2G\xb6\xf3\xbb$\xc9\'\x99\x92\xbeH\xd2\x0f\'W\x15k\'U&amp;\x05\xd8\xb4#{!"\xc0+U\x04+$2p\x99\xa0\xd2\xa3)s\xf5l$\x15\x91\xab\xf6\x1f\xcf\x996\x9</t>
        </is>
      </c>
      <c r="E191" t="inlineStr">
        <is>
          <t>&lt;class 'numpy.ndarray'&gt;</t>
        </is>
      </c>
    </row>
    <row r="192">
      <c r="A192" s="1" t="n">
        <v>190</v>
      </c>
      <c r="B192" t="inlineStr">
        <is>
          <t>steps_per_sec</t>
        </is>
      </c>
      <c r="C192" t="n">
        <v>2200</v>
      </c>
      <c r="D192" t="inlineStr">
        <is>
          <t>2.6048331</t>
        </is>
      </c>
      <c r="E192" t="inlineStr">
        <is>
          <t>&lt;class 'numpy.ndarray'&gt;</t>
        </is>
      </c>
    </row>
    <row r="193">
      <c r="A193" s="1" t="n">
        <v>191</v>
      </c>
      <c r="B193" t="inlineStr">
        <is>
          <t>Loss/RPNLoss/localization_loss</t>
        </is>
      </c>
      <c r="C193" t="n">
        <v>2200</v>
      </c>
      <c r="D193" t="inlineStr">
        <is>
          <t>0.11493264</t>
        </is>
      </c>
      <c r="E193" t="inlineStr">
        <is>
          <t>&lt;class 'numpy.ndarray'&gt;</t>
        </is>
      </c>
    </row>
    <row r="194">
      <c r="A194" s="1" t="n">
        <v>192</v>
      </c>
      <c r="B194" t="inlineStr">
        <is>
          <t>Loss/RPNLoss/objectness_loss</t>
        </is>
      </c>
      <c r="C194" t="n">
        <v>2200</v>
      </c>
      <c r="D194" t="inlineStr">
        <is>
          <t>0.018003516</t>
        </is>
      </c>
      <c r="E194" t="inlineStr">
        <is>
          <t>&lt;class 'numpy.ndarray'&gt;</t>
        </is>
      </c>
    </row>
    <row r="195">
      <c r="A195" s="1" t="n">
        <v>193</v>
      </c>
      <c r="B195" t="inlineStr">
        <is>
          <t>Loss/BoxClassifierLoss/localization_loss</t>
        </is>
      </c>
      <c r="C195" t="n">
        <v>2200</v>
      </c>
      <c r="D195" t="inlineStr">
        <is>
          <t>0.25330627</t>
        </is>
      </c>
      <c r="E195" t="inlineStr">
        <is>
          <t>&lt;class 'numpy.ndarray'&gt;</t>
        </is>
      </c>
    </row>
    <row r="196">
      <c r="A196" s="1" t="n">
        <v>194</v>
      </c>
      <c r="B196" t="inlineStr">
        <is>
          <t>Loss/BoxClassifierLoss/classification_loss</t>
        </is>
      </c>
      <c r="C196" t="n">
        <v>2200</v>
      </c>
      <c r="D196" t="inlineStr">
        <is>
          <t>0.14903334</t>
        </is>
      </c>
      <c r="E196" t="inlineStr">
        <is>
          <t>&lt;class 'numpy.ndarray'&gt;</t>
        </is>
      </c>
    </row>
    <row r="197">
      <c r="A197" s="1" t="n">
        <v>195</v>
      </c>
      <c r="B197" t="inlineStr">
        <is>
          <t>Loss/regularization_loss</t>
        </is>
      </c>
      <c r="C197" t="n">
        <v>2200</v>
      </c>
      <c r="D197" t="inlineStr">
        <is>
          <t>0.0</t>
        </is>
      </c>
      <c r="E197" t="inlineStr">
        <is>
          <t>&lt;class 'numpy.ndarray'&gt;</t>
        </is>
      </c>
    </row>
    <row r="198">
      <c r="A198" s="1" t="n">
        <v>196</v>
      </c>
      <c r="B198" t="inlineStr">
        <is>
          <t>Loss/total_loss</t>
        </is>
      </c>
      <c r="C198" t="n">
        <v>2200</v>
      </c>
      <c r="D198" t="inlineStr">
        <is>
          <t>0.53527576</t>
        </is>
      </c>
      <c r="E198" t="inlineStr">
        <is>
          <t>&lt;class 'numpy.ndarray'&gt;</t>
        </is>
      </c>
    </row>
    <row r="199">
      <c r="A199" s="1" t="n">
        <v>197</v>
      </c>
      <c r="B199" t="inlineStr">
        <is>
          <t>learning_rate</t>
        </is>
      </c>
      <c r="C199" t="n">
        <v>2200</v>
      </c>
      <c r="D199" t="inlineStr">
        <is>
          <t>0.03999959</t>
        </is>
      </c>
      <c r="E199" t="inlineStr">
        <is>
          <t>&lt;class 'numpy.ndarray'&gt;</t>
        </is>
      </c>
    </row>
    <row r="200">
      <c r="A200" s="1" t="n">
        <v>198</v>
      </c>
      <c r="B200" t="inlineStr">
        <is>
          <t>train_input_images</t>
        </is>
      </c>
      <c r="C200" t="n">
        <v>2200</v>
      </c>
      <c r="D200" t="inlineStr">
        <is>
          <t>[b'1024' b'1024'
 b'\x89PNG\r\n\x1a\n\x00\x00\x00\rIHDR\x00\x00\x04\x00\x00\x00\x04\x00\x08\x02\x00\x00\x00\xf0\x7f\xbc\xd4\x00\x00 \x00IDATx\x9c\xed\xfd{\xfc\xbf\xdf[\xc8\x89\xae\xf5\xeb\x9bR\xda)\xa4y\x94\x14\x12\xd1A2\xa6!\xa3\xf0\xc0\x9039\xed\x9d\xd3\xe40\x0e\xdbl\xf1\xc8a\x12\x85q\xc8\x831!\xa7\x18\xb2\xc7i"\x94\xda\xa5&lt;hH\x07\x11\x9a\x1a\xa6\x1a\r\r1B:\xd0\xb5\xffx\xbd\xee\xfb\xb5\xee\xf3:\xafk\xad\xfb\xf9|\xd4\xf7\xf7\xfe\xbc\xdf\xf7\xbd\xd6\xb5\xaeu\xadk]\xebx[S\x06\x111\xc6Xk\x0b\xa5\x0fYH\xa9\xa6\xc7\xbb\x0f\xa8\xe8\x01\xe8\xa8Bq/\x90\x05\x11I\xb5"\xa7\xd9XkE\xc4ZcL9\xcb|\xe6w)6m\xc4\x93\xb9\x02=u\xe5&lt;oDL\xd1\xeav\xf3\x9as\t\x15\x18\xea\xd0Q\x07:\xf3\xa6B\xe9Z\xfb\xd0\x80\\&gt;\t=\xe2\xda\xfa\x1d\x19\xb1\xf8\x9d\xb8,c\x9e\xee\xa5\x1fq\xab\xf3\x85#\xdag\t2X\x91}1%X\xd42\xad\xb5^b\xebm "\xaa\xba\x8fh==\nQ\xb4(\x8ei\xd9\xbd_\xea\xa5\\\x15\x8b2\xfb\xd9\xa2\xbbf\x00\x16\xc4\xb5\xa5w\x16\x87\xcc\x12\xf5\x83\x88\x8c4\xca\xcdX\xa1w\xb6\x8a\xe6\xa0\xfcp\xd0X=j\xd9g\x88s\xf6\xf7\xe4\xb2&amp;Z\xbe\xdb\x92\xae\xb7\xb2=/u\n\xd9\x19\xcdY\xe0\x01\xc7\xad\xd3,)\xa5\'\x02q\xa0|\x18\xcd5\x85\x13\xa4\x818u\xdd\\\xc3-)\xa9\xf9\xfbTk\xa9-@\xa0\x8d3\x9b\xfe\xceQ\xe6\xbe\\\xfb\xf6\x94"&amp;#\xc5\xd8\xb7,\xbb\xde_\x9b|\x8b\xcb\xcaW\xa8\x01\x86\xe6\xabZ\x0b\xa0\x88\xcbx.:\xe0+\xec\xe5\x16R9B\x8e\xd6\x8d\xc6\xb0\xa7\xf9,\x83\xde\xca\xd1\x7f\xf6\xec\x18\xf9k\xa4\xf9\x8a\xe1Q\xbe"Rm\xc1\x0b\xbb\xcc\xc2Hj\x1c\xa9,\x00z\x18lwb\x1a\xd7\x03\x80\x03G$\xe6-\xf5\xe8\xf0)\t&gt;\xf3\x88\x84\xf8\xaaYT\xd6v\x00\xc0,]%\xdc*i=9*\x9e\xf7H\x80BfC\xea\xa2\xfa\xfa\x926\x1f\x82kMD\xd2\xef\xe7\xb91h/\x10\x1a\xac^V\xc6,\xa7\xd7[ua\xf9\xcbh\xd04\xb4=\xb6\x00\xdd\x14\xb7A\xd5\xcf\xddY\x0ca2\xa3&lt;\nf\x8cnvlN{\x0f\xd4\x057\xb0\x93\x17_\\`"0o\x82CC\x83U\x85H\x9e\tS\xedM\xa0\xfc\xa5a\xa0\x86m\xf4\xd3\xd4G\xbf\xd6\x13\x9b\x88q\x9bX\xb02;\xfa\x14\x91\xf7h\xb7\xf1\xecV\xa1\xff\xf0\x05,\xc1\xbea\xdc\xc0Z\xcaq\x87\xb6\x06\xb0\x05\xcb\x07\xb5\xac\xc3 \r\x96\xaaA\x06\x18\x8fM\xdc\xdf\xb1_\x0e\xefT\xc4\xb0\t\xdb\x1b\xfa\xec\x14~\xe6\xc9\xe1.\x80\x0eI1]\x111\x1f\x8c\xe5\xb7\x02\xa7s\xcer*\x14\x1f\r\xa3\xb2\x1d\x00\xb4\x96(\x96`\xf9_\xad[U\x03W%\x0c\xe4\xe2\xa8Z\x87\xafnm\xed\x0brA\xb5f\xe7h\x05&gt;\xf3\x19\x00\xa1\xf2\xce\x99v\xb39\xdb\xda\x02\xd4u\x93}\x14!\xf4\x1cY\x0e\xdd\x87m6nv\xbb\xd3q\xf3%\xce\xeb7^\xefi)53\x0ewC\x8f\xed\x15\x05\x93\x1e\x8f\x9b\x98\xee\x86R\x96|\xd2F\x8a\x1c\x02\xa6M\x9e\xe0\x86\x05\x1c\x01\x99\x11\x11\xf3c#\xbe\xc3b\xc6P\xe0\x90#\x01k\x8d\xb5\xc6\xbe\xff\x105\x14\x80U\xf8-\xf8\xbb\xf6\xa9\xe3s\xdb\x9a\xbdk\xb9\xfb`\xc8\x1e\xad0e\r\xba\xd2\x84T\xdf\xcb\xfd\xda\xf9W\xad\x05(B\xc2\xcaF\x9b\xe3\xcb\x89\xf9\xce)\xb8\xfb\xe3q\x97P\x98\x87\x8d}Ik1:\xa1\xab\x0b\xc5a&lt;*t\n\xbd\xf7;\xbd\xcb\x0fp\xc6M\x8c\xfb\x17.\x8fFx\xd2\xaa\xf1\xa7g\xeaJ\xbe\xb7_\xfck\x12\xd3W\x05&gt;\x1a\x00 \x94U\x9f\xc8\xd4j\x15\xee\xa5aV\xd14#\xc3|\xb1K\xae&gt;\xcf!\xcf\xaf{\x98&gt;m2\xf5;2S\xf1{,\xfb!n\xdc?X\xd1\x9a!"\r\x94)"\xfd\xd5\xe0\x90m\n\x00\nqC\x8f\xf1Fk\x01tq\x19\xa7\xd6E\x93,\t\xf8L\x00[\x93\x7fSgR{\x16a\x93i"\x0f\xcd3\xfd\x9f\x91&amp;\xaa\xa4\x02u\xe2\xe3\xdf\xe6\xd67H_\x12\x85g\xb7\xbe\x9c\xb00}NEU\xa3\xcbI\x81-+\xdb\xe8\xbf@a\xf0%\xe0\x05\x03\x18tm&gt;\xc4#\xb8o\xa4\xd5\x94l\xc3n}O\x8e\x90\xd4\xdc\x17\x93?\xd6Su\x19N\xef\x9c+\xb2\xd0X\xab\xd3\x1a\xecT\xec\x8c0\xf6~\x10e\x06\xb7\xb6\x1c\x0f\x1e\xfa\x19\xca\xc0\xb8\x94\x05 \x98\x0f\x9cN\xb2\xb6\x16\xa4!1\xc7\x97\xa7\xeey\xf7]\xa9y\xc3\xa9{\x16\xb9N\x8e\n\x11\x91\x12s\xdd\xed\xae\xee\xbdy\x93\x1c\x1f\x1f\xa3jg~\x8d\x89(r9]\x95\xd7\xbf\xa7\xd8\xa3\x99Ab}\xdd\xb3i\x00df\xec\x01@v\x1fq\xdd\xd3\xfcoU\x95\xe9\x9c\xc1\x1e\xb6\x12/(S\xfc\x86\x8a\xbdum\xc2\xc4=\xdbut\x91\x13\xa3\xc9\x12\xc9\xde\x98k\xd3M\xb6\xed"\x93&gt;\x99P+\x18\xc0\xbd\xf8\xf4\xac\xa9\xb9a\xa1\xaa\xafx\xb6\x89S+\xe7xL\x11I\x1aF`\x9at\x0b\xcd\xf04?\xa5\xe3\x84\xd88^cY \x90\xcb\x89\xc5\xf3\x8a\xee\xd1\x0c~{o\x02\x03h\xa0\xa7\x1eN\xeb\x00`\x18\xd0\x9e1\x9a\x0c~\x00\xfa\xd5d\xdf\x03\x00\x80;Q\xa8\r\x1e\xc5\x1b79\x04|?\xd7v\x8b\xf2\xba\xd5z}v\'\xe9Lp1}\xee\xa6&lt;\xce\xe1\xc5\x7f\xd9d\xe6\xbb\xe3p-#}\x9e\x82\xa5\xe22\xe3g\x06\xa8\x1dtqO\x1f^\xdac\xaf\xb4\xda]\xf7\x10\x83\x9c_\x97&amp;M\xae\xd6.\x8b,/\xb7\xba\xd0@\x87\xccv\\\xa7P\x92\xf3~\xd8E\x1b\x8cN\xb6\xb2\x06:b\xb2vs+\xff6S\xe2F\xdd\xba\xa4~U\x03V\xf8\xb8/\x11\xb9O\x93\x01\xb8\x19\xfbQ\xc7-V\x00\xce\xa7@\x86\x1cfn\xa3\xff\x91x\x94\xe8\x17U\x8c}\xb3f\x94S\xe6\xbe#\xbd\xb2\xd4TM\xb35\xc6\x9d|;\xb7\x89\xe1\xdc\x95\n.\xed\x93;\x10\xc7\x86-^\xf7\xc6\xfd\xd6\xc1h\xcd\\$\xed\n\xbf\xcb\xb3&amp;\x8d\xc8&amp;\xd2`-\xbfw_\xd6\xf0`\xe8M\x08\xd2m|]Lo\xb5=\xe9\x8b-\xc1%q}\x1c\xa65\x0cT%\x8c|\x06 \xc5\xb4uN~\xbc*+\xb9\xe9f\x1c\xf3i\xf0#}nn~\xf2X\x8eW"~\xf3\xaa,D\x90~\xa3\xcdI\xe6\xedF\xf3o\xaa\xeb\xf3!\xb8\x0ek\x02\x18\x061"\x7fNAg\xd7\x1d\xae\xc6^\xc3N\xae\xbbP\x80\x96\xb0#?\xa37T\ra\xf7D\r14\x957\'\xaa\xca%\x0e\xade\xc9H\xbd\xe2\xc8\x06\x95\x0b\x89\x007#\xd9\xa7\x8d\xe7\x1b?\xb9\xaeW\x9c\xffe\x8c1?\xf8P\x93#i\x18\xfc\xa9Y\xe5#\x98\xd7\xdd\xdaIZy\xe3\xdf]{\xae\xfc(\xaa\xc4\xf1:\xb9\xfal\x06\x00\x00\x0f0\x86^\x19\xafQ\xb7.\xc5\xeff\x00\x00m\x18\xc5\xc2\x8eJ1\xec\xa4c\xca\x00 &gt;\xcb\xc9Zr\x9b\xcd?\xc8\x97TNz\xe9\xe42\n\xa9\xbf\xb0{&lt;m\xb2\xb5\x18p\xc1\\GTV\xbf&lt;\xeb\xae\x88o\xec\xc0\xd9\x96 \xef\x00\x80z\xc9E\xc7[\x82\xc4\xefjK\x11\xe9\xff^\xbcCd\xde\x82&lt;h\x01+3\x1b\x95\xa7u\xf5\x8e\xeb\xf54\x176cutW\xb3\xaeMv$6\x0cF/\xbeb&amp;\xba\xa5\xcf\r-(\x05\x9f\x87g\x1dv\xa1\xc0\x15\x89\x9e3\xa3\xfb*\xe1\xc3\xa3\xc4\x13clD\x9d\xea1\x83q\x0e\x01\x1fa\xad\x1d%8&gt;\x1c\xa1&amp;\x0e]\xbb\x98\x03\x86;\x93\xdfQ\xb67x\xdf\xa9\xe2\xe6\x9d\x044\'\xd4?g\xf4\xe7\xbb\xbdC\x17\xfdE\xdc\xe1\xfeU\xd1V\t\x9c\x14\xdc\xbe\x1e\xb88\xf0\xdau{\x9eJ\x11l\x00\x19\xfdX\t\x8f\x18*\xde\xa3Yt\xd1\x10N\x18\x7f\x00\xd0;\x93\xff\x95\xbd\x167\x8f#\x93rHyyT\xba\xbeh(\x8e\x93\xaeK\x03\x99\xe7{2\xa6\x15\xc9\xb38&gt;\xe5\x9a\x9f\xe9\xbd\xbf\x81\x04\xda\x8c\x01v\xed\xb3#\xdf\x18\xb1\xa5s.\x9d{=\xe0u\nS\x8f\xf1\x88\x0b7\x0f\x8b\xfb\xa4\xa7$\xda\xb0/\xe5\xbcVH\x9a\x08r`\x81\xf5\xe4\xa9\xdf\x04Jh\xbb\xe3\x01\x80\xbbH7&lt;\xb2\x17\xff\xbbK\xb2))\xc3mYy\xb1;\x18\x83\x9dHI$j\xd1\xec\xe4[%^I\xd9\x8e#\x87.\xc83\x00.\xd4%\xb9\x97+\x96H\xff\x84GcY\x86\xc5}\x101]\xed\xb3\xa9\xf8\xe4\xed\xe3\xb7\xa6\x1b{\xfb\xd1\xde\x8a\x1e6S\xc4oO\x8ah\xb6vI\\\xd6A\xd9eO\xb3\xe3\x01\x801\xc6Z\xfb][\xcb\x00#\xd1\xd0\xbd\xb5\xda\x88\xd5o\x87\xd4\x1bv\xd7\xbc\x02\xaa]\xe5\xe7J\x86!\xedc\x92/\xca7(\xaf%\xa3\x12bt\xb3.\xba\x8a\xfb\xe5p\xc6\xd8\x1f\xcf\x04N\x1f\xebD{\xde(.\x8dgK\xee\xe3\x0e\x8c\x13"\xe4w\x9f\xef{\x00`\x8c\xf9\xc7\x8am0\x0bK\x97\x91\xdfRC&amp;&lt;:n\'\xbe\xd8V\x01q\x9e\xa9\xc78_\xe6\xf6\xeb]{\xc3j\xc4FB\x83;\xab\xae\xd1\x1c\x9c\xd9f~\xa9O\xec\xe2\x7f\xb2\xec\x945\x81\x8b\x87\x07O%\x85k\x85H\xc8\xa2o\x9bl\xd5\xd7\xe5=\x0c\x1d\xfa\x8e\xfbb\xf7\x03\x80;0;\x9d\xdd\xeaN7\xa6s\xa7\xe6\x84\x86\x89\xf9\xc0\t\xaf\x8f\xc9fI%\xe6\xdd2!\xc6\xeb\x10\x0b\xec\xd1\xcd\xac\xea\rP\\\x11j\x05\xd3I3u91\xd9\x8e\x0c:\xfbP\xc5f\x1f\xcd\xabD\xbd\xcf\xf1\x87r^\xd8\xd5\xdf\x18\x00t\xc3n\xa0P\xb3\xe9\x8e\xe8&amp;\xb64+\xa3{\xb8\xca\xbc{\xe4D~\xea,W\xb1`T\xc4\x18\xf3i%R\xd6\xc5\x9dz\x1a\x80+\x1a7\x87\xe7\xe9\x85F\xf9\xae\x88^\x9e]\xbe~\x92Hvm\xff\xb9\xdc\t\xea\xc2\xad\xa6\xca\xe1\x8ds\x845r|\xe2\xbe\xb5J\xe1\xec\xae*\xdb\xf1\xa5\xf1\xddo\xd8\x02\x05\xb8\xb3\xd1\xd8\xd2&gt;"\xf2\xd7=\x1a\x9aOc\x9cW\x00.\x1b\xef\xee_?@\x7f{\xffQ\xafreY\xeb\x90\\\xbb\xd1{\x06W\x7f@\x7f:\xf9\x84g\xd3\x97\xf7\xa8W\xa1oV+\xa3\x1dv\xedV\x1c\xe2Z\xf7\xc7\xc8\x85\x0b\x95%!i\xf7gT\xbd\x13[S9S0]-,\x8a{\x13f\xe7\xb3\xd1"\xd2{\x11f\xa4++\xda^\xf3\xdc\x93\xf0\xd5\x10\xff\xaf\xec\x05~\xfd\xe4\xe4\xf9\xed\x03\x9eb\xb4g\xba\xe3#H!\xc7\x89\x8d\xfc\xedBO\xba\xa9\xfa\xbad1\xb0&lt;\x88\xc8\xa3\x82\xe6\x0bn\xce\x1e|\xa1E\xfe\xba\xb8JH\xd1\xc0\xb9\x01lU\xbd\xdb\x8eD\xc4Y\x1a\x19)\x1ai\xcdT\x01W\xfa\\TT\x9c\xf2S&lt;\xe4lE\x99\xb7\x00\x89\x881\x7f$o\x9aS\xd2\xdd\x8dR//\x0b\xeb\xad@\x1b\xa6\xe9\x8cj\x05I\x9d^eN\xd1\x13\xcf\x8d\xe9y\xbb\x8d\xc3&lt;?x\xbe\xcdC\xeb\xacp\xd6\x1b\x12{\xb8n\x0f\xda\xa0\'P{\xeeG\to\x90J\x9bp\'\x84\x1a\xc0\xee\xf1qk\xedr&lt;\xd2\xd8\xa8\xf6&amp;\xb3\xb5\xba\xfas|\xef\xd2\x98\xf6\xfb&amp;\x1c\xee\x8f&gt;&lt;&amp;\xcbs\xc09)\xb7n\x9b\xb0\xbc\xd5\x86.\x84L\xa4fud\xcae\x16\xd8\x91\xfc\xcf\x8e_S\xa5\x08\xa9\x948Sq\xdf\xbaC\x9b\x82\x07;\xed\xf4vD\x16\xbc\x96\xc6|\xabF6\x0c0\xf9\x15\xca*z\xa9\xa6\x84\x12\x19\x950\xb0\xad\x91t\x14\xecmPm\xe1e\x15[\xae\xc2z\xb3\x89\xafj-@\rD\xc4\xfc\xc1\x8e\x06\x00\x8b\x04;1\xa4\x11\x88n\xbc\xb7\x8d\x18\xe0\xe6D:\xa8\x8a\xbd\xe43\x97MF\xab\xac\x87\x08\xe92\xb0\x1e\x00T\x9b8\xcb\x9aQ\x95J\xfc)\xfdX\x8b~\tw\xe8D\xb7\x1b\x9eB\x7fpor\xdf\x00\xa2\xb4\xec\xf4\xd1D\xbd$\x8c\xef\xfe\x19\x00\xc0]\x89l\xfe\xb5\x07\x00\x9b\xb6\xe9f\xbd\x17\xfd\xdf\xb4-7\x88\xba\n\xe8\xbcN):\x8aP\xbb\x10r$P\xb7J\x945\x83\xae\x9b\xe5\xa6\xcb\xd4\x8b\x87x\xef\xea\x16("}\xe5\x1a\xd8\'\xb3\xcc\xafMP]j#\x9c_&amp;\xf2\xdb\xefQ\xd2~\xf1i\xd4{\x03\x80\xfb\xe2\xad\x01\xa5Z\xda\xd6f\xb9\n\xc5`*\xa0\xe5D\x11\xd4Dnp\xc3F\xd7e\\y\xbdNK\xe1\xd2uuDP\xa8\xbc\xf7Q\xe3\xdc\x04T\x15V\xf4\\\xc2\xe3Ai\x1dz\xa6?\x9e7\xd3LQ\x17\xb1\x1b\x8e\x97\xab\xd0UsS\xe9\xfd\x9e\xb7\xfe4\x96"\x96\xe0[\x80\x18\x93\x01\x94\xa6\xe1\x07J\x8a\x82\xebH\xe4&gt;\x9f\r\x9eo\xc9PEG\xca\x7fE\xe7\x853\n\xd2IG\n\x04\x1f\x8aV\xe8*q\x95\xde\xcf\xf6\x1b\xfd\x1bc\xde\x88{\xad\xaf\x89\x10Xq\x87\xba\xbbC\x19\xfb\xe1vq?\x17\xf9\xa7\xb2l\xc0\x03\xf78%\xe6\xe9\x17#\xedbz\xf3\x17x\xbe\x90\x1eJSt\xee\xff\xf9\xd9\x07\xd3\xcc\xb9\x857\x16\xe1+\x07\'\x04\xaf\x00&lt;4\xa9S\xa1\xacN\x00(\xe4\x8e\x8dR\xa5\x87\xec\x17\x9d=N:n\x87U\xa2\xf3\xd2\xa0\xb7\x87\x0c*\xa7o!\x9c\xdd\xaf\x94&lt;C\xafW\x00V4\x18\x0b\xf9\xfa\xe4S\x98B\x92\xf4N\xc4\x87\xc0\xb47c*[\x19\xb7\xae\x8eD?\x98\xab\xad\xb5m\x14\xca=\x06\xc0`\xcc1wkAnJ!\x7f\xab\xd3\x8d;=\x9c-\xbd\xd4\x137\x8c\xb4_ZB\x96\x11\x88\xdc\x02\xa4\x13k\x8c0\xf5\xa6\x0e\xea\xc3\x18\x91P\xbbl\xdbyO\x0b\xbe&amp;o\xf5\x11\x91\xd4A\xe5i9\xa8\n\xb5\x1f\x8b$:=\x99n\xfa\x1f\xa9\n.\xcb\xf2x`q\xf2DA\xf1G\xaa\x82\x07y\xed*b\x05\xa08\xf1\x93\xa6\xcf\xd1a\xd5*g\xdf\x91z\xda\xd7NC\t\x1e\xf6\xe9\xe92\\K.\xd1\x94\xaa4\x96\xf6\xd5\x1dEF\xb1owg\xe8\x18\x8c\x17\xac\xf4I\x9eZ(Q\x9b:-\xc4\x9d\x95w/\xaf\xd8&lt;\x88;\xca@^\x1b\xd08\x00X\r%\x95\xc3\xd6F\xe5\xb4\xb5\xa3\xe7\x99\x99\x86\x02\x04N\xc4\x94\x89\x1a\xeb\xd5A\'ncK\x06\x1b\x99*\x0ew\xd4\x19t"\n\x89\xf6\x84\xb7\xae\xcd\xb3\xb2\x97RK/\xb1b\x01~|k\x01\xca\xa0p\xeeJ\xa1HE\x91\xe0\xcf\x07VU\xce\xdd\xaa\xa3\x0e\xcb\x0f\xbc\x14\xfa\x80&lt;\xb5V\x8a\xf5\t\xbc\x8f\xbc\xa9\xaa\xf1\x0c\xed\xe9\xbf\nJ\xb8A\x85\xdc\xa1\x8c\x11t\xa1\x93h!\xe7\x17\x95\x9e\x01\xd8\x1f)\x86o\xa4\x86\x14\x1e[\x19}F\xed\x93=U\xda\xf5\xd8E\xe3\xec\x90\xb5V3n7\x9c\xd2\xd9\xdf_+"\xd9\xcf\x1b\xdc\x90\xd7B&lt;~\xb2"\x83\xed\xf6\xce\xc2c\x17\xfc\x00j\x19\xa0\x08\xe7\xd4\xf1\xbb\xab\xcd\xa5\xea\x9bL\xfe\x00\xa3D\x91\xa3\x13\x9c_\x8c\xd9\x02\xd4l\xc8\xd8\xd4`T\x9bk~\x02\xea\xb7\xbe1\xd8\x89\xca\xf9\x8eM\x95j\xdc\x8f\xfek\xe5\x0e\xb7\xa0\xbeg`\x1au\xc9k%*\x7f\xd2"\x95\\\xd5M\xba\x98\xea\xc7&amp;\x8d\xd3B\xb5\xb6\x9aX\x85\x1c\x17\'\xee~\xa4\xd2\x8eE\xe9\n\xc0\x01m[\xe3-\xbc\xc1\x83\xd83\xd8\xb9\xe5\x80\x8ax{\xa8\xd4[2\x00\xb2\xa3~N\xf1VXkJ-\xd7S\xcb=rTk:k3\xde\x99\x9c\xbe\x14s\x81\xa9B\xfd0\xdb1&gt;\xf3\xf6G\x9f\x8a\xbe\xc7^\xc9\xfa\xb4S\xe9\xd91\x802R\rb&lt;N\x93\x19\xa4DP\x8djs\xdbE)\xec\xb5\\\xa7$\x9b\xdf@YP\xb5\x12D\xc4\xfc\xb4\xbb\xd5\x05\xc6w\xcc\x7f\x7fpv\xd3\xb3\xc5n\x1f\x0b\x8b\xe9\x83\x06\x0c\xa0\x9e\xfd\x01@\xf1\x91^Y\xe3)=L\x95%q\xaf\x97\x10\x0c\xa0\x02\xd3^\xbe03\xf6\x7fX\xe6o\xcd\xbe\x9aXP[;{\xecG\xd0\xf4\xae\xd1\xec\xa0^\xf6\xd0Z\x92\x1a\x14\xef,\x9cn\xec\x16\n\xed\x9a\x93\xc8\xc3\xc7P\x0e\x9e\t\xab\xf7\xe8\xb8\'\x07~\x99\xde\xc35\xe4BD\x8c\xf9\xad\xdb_\xf7\xeb\x10*\xd8gJ\x16w\x1e\x00\x94(\xfbm\x95\xd9\x84\xb8\xd1o\xd0[\xcf\x07\xe6\x98$&lt;/\xcf\'a\x97\xf2]|R\xca\xe5\x04\x9bG\xb6\x85\xd2\xd7HDc\xee\x81\x98\xd9q\xfd\xac\xdd\xa8[k\xb5*Q\xbf\xb5h\x96-\x82\xe2\xc5\x19K]\x95\x08P\xda\xee\x93\xf7\xd2\xf9\xec1\n\r\x00\xa2\xd2\xbc~E\xbf\xaf\xab\xcf\xac\x937\x0b\x9c\xfewy\x07\xef\x1d\xa7\xf3OAy\xf9?\x0c[\x8a\x9a\xfd3\xe5\x1f\xa2\xb7\x8eD\xebl\xb8g\x8d\x84U\xdcr\x00\xa0\xab\xd8\xf1R9\xab\x87#y\xf0\xf5\x00`]\xd9\x95\x8a9\x92J\xf5#l\xb8\xea\n\x0f\x97u\xbb\nU\xe8\x8a}\x84\xd1&amp;\xf3\n\xb7\xe3\xf6\x95sz&amp;\xba\\\xd1:Y\xd8\x80\xc7\xeb\xaf\xde\xffW*\xd5\x7f.\xb4\xd9Xa\xb3W\xdd\xa6\x8c\xd1;#\xb6\xd5\xdb\xae\x1a\xcf\xd4\xbb\xadZ\xd7\x89\xe4\x956=\x05\x7fgq\xf8r\xa9\xd2\xb5a*\xcb\xcf\xd1 Hk\x19\x00t\xe1:\x9c\x0f=\xf6\xc2\xd1\x1e\xc9\x8d\xf6\x92\x85m\x80\xaa\x8e\xdf\x15F\x8fTA\xc8\x06\x9fW\xdc\x7fE\xe7\x1c\xf3N\x88\x9c\x8f7\xbeN\x93\xc1\x14Cc@\xacP$\xd8\xf4\x1a\xfb\x96\xe3\x84\xcd\x9b\x1aL\t\xa9\xbbc\xbc\x01\x80Q\xd6,U\t\xa3\x87I-wih+\xa4\xd8f\x0f\x85\xb8e\\:\x9c\xff\xf1\xd8\xe7D\xba\xa3\xde\x1d\x9a.\x93p\x85Q \x95.\xe5\x14 |\x00\x10\x99K\xb9\xc4\xd38\x14l\xb7E\x0fo\x0f\x90\x8ek$\xee\x0fu\xda\x9av\x92T\xa0Vw\xfb\xab7M\x04\xd1\xaa\xa2\xd6\x88\x881\xff\xb0\xb5\x14\xadH\xddc\x00G\xcc*\xedY\xb7\x8a\xc4V2\x8e\xda\x8e\xeb\xba\xad\xdc3n\x1f\x94\x9c\x16|\xc7\x14\xe7\xe7\xab\xaak\xec\xda\xe9z\x02e\xc3a\x83\xca\xd0\xcaD\xe4\xbbun\n\x03\xb8\x9bs\xe1\x1b\xba\xd4\x01t\x0b\r\xc0`bq[\xdc@}XK\x94\xb8/\xd7\x8d\xbf\xfd\xb1H\x15\xa4\x8d\xcb\xc2\xef\xad\xf5 \xa7\x84$\x8d\xf0m\x89\'=\xe6Iy\xbb\xeeg\xbb\x16^9\xdf\xbeh\xf8\xd7\xa2\xe62wi\xa1\x1eG\x9b\xa5^\xd6\xae,\xa9?U\xa0Pi\xb5\xb8\x18\x98\r\x1f\x9c\xfd\xf9\xa8\xaa\xbf\xab\xb5d`;\x00@\x99\xe7\xe4WQ1\x9d;\x15\xfa\xd6\xef\xbf\x9fK\xde\xacw\xa7\x96\x83\xb3p\xc4\xfe\xf8\xcbg|\xba3w\xfd0H\x92F\x04F`}\x14*\'x*\x85\xbc\xb6&amp;\x8b\x881\x1f\xddV\x9a\xa2\xf8\xdb\x9fB3\xf5\x11\xe9\xd4\xb7\xea\x9a1\xd2\xa6\xde\x14\xceC|\x85\xb6\x94\x97\xe1\x0b\xa8\x13W\xed"R.\x1e\x1d\x83\x02VZP\xe1"\xab~y\x95\xe9b\xec\x97\x98\x91\x9b\xd7&amp;\xa3\xe0\xa4\xfc;\xa9\xf3\x08X\xadW9\x94*!\xba\xd5Y\xd2\xbc\xf8\x8c\xfa\xaa\x89\xd1P\x00\x7f\xea\xc8\xf9\x99\xb2\xa1B\xae\xa7\x94=\x15\xa4\xa3\x8c\xc1x\x8a}T\x95\xdaJ\xadM\x1eH\x80z\x84\x18zw\x02M\x84_\x8d\x07\x12[\xdfT\x05\xeb1FD\xd5\x04\xbc\xe5=N\x08\x12\xa0&lt;\x17\x05\xdc\xd5\x80\x88\x18\xf3}\xdd\x07\xb6/\xfe|u%\xcdL\x85\x08\xd33\xf1\xd2v\x951\xf1O\xacf\x15\xe9\xd5\xa3\xaf\xad\x1e\xa2\xd2\xb3dcS\x95\xe2\xfe\xba\xb1p\x0e\xb9\xe4QU(\x18\x1a,-/\xea\x9c\xd2\x9d\x99+"!\x12\x98\xdfz\xdb,\xf2\xa8\xb3\x8d\x7fz\xad\x96\xad\xea\xdc\x7fj,T-D\xc4\x98O2\xc5\xba\xec\xf1\x06\x005\x13O\x1d\x9ceVk\xc9JZF\xc6\xa3\x91&gt;\x96\xabO\xa2\xe1\xbd\xaa\xb2\x93\xf2\x82\x02~`\xe8\x0bwhM\xd5h\xeb\xa3\xf4\xeb\xa7&gt;"\x19&gt;\x97\x99\xb1N\xbb0\xe3-\x07bO\xfb\x9dr\x17J\xb3\x8aV\xc6P\xba\xc9{$^%\xea\xfb0\xbd52cW\xff\x16\x11k\xd7\xbfLa\xae\x86\xd8dE$\xfa]\x8f\xa4\x8d1\xf1\xb2i\xc7m\x03\x83\x96Q\xb66\x0c\xedx\xd8[\xe3\x1a\xf1wb\x8f\x06b\x8d1c\xb6\x8e\xfc\xfe&lt;\x17\xab\xee\xb9\x95\x90\x93~T\xd8m,\x99}\xa0\xd3-\x9a\x94\x94\x9f\x8dK\xa5\xf9AmD\x1e\xf6\xd4\xba\xe1\xbf\xf2\xc72\x8d1oZ\xfd[\x9fRl9\x91\xec\x03cF]\x04\xa8_\x9b\xd5gk\xb4\x99\xeb\xcd\xb1\x1aj\xc4\xdf\xec\x9fO\xb6\x17\xb9\x14\xae*4\xcf\x11\xb6\xe5\xea\x18\xaaj\x1e\xf3\xf5\xc6\x18c&gt;6Gjb\x8c\xb1\xbf\xe4a9I\r\xc3\xfe\xf9tqT\xf0T\xef{\xf4a"J\x17L&amp;G\xe4z\xa4\x16\xf1I\xb3\xac\x0b\xa1\xb4\xba]\x94\x8b\xa8\\\xbc\xec,\xb6\xca\x14H\xfcn\xfa\x04\xd0M\x91\xf6\x9e\xda\xcc\x937\x99\xc4\xf2\xd9\xb2\x89\xf7\xbbvY\xb3\xf0\x9bR\xc4\x14\xaa\x90*z\xd7pk\x11\x02(,m\xb6=])r\xc6\xbd[\xda\xdb41\xf2\xc4L\x97+\x00\xcf\xb42\x97\xe15\xcf\xae\x92p\xd9zr\x07+\xa6\xae\xa2\xb5\x1cU\xd0?\x1a\xd1,[y\xee\\\xf6z\x14\x9a\xde\xb66q~xA.\xa9f\xbe\xecp\x80\xf1\xd5&amp;S\x14\xe3\xf7Tq\xff3\xebn\xa9I\x89\xdb:\xab\xbc\xb3nB_\n)*mF[N\x913\xee\xddr\xde\xa6\x04\x9e\xa1x\xce\x12\xe9\x0f\x98 \x91[U\xb1S\xd8\xbb\x14\xb9#&amp;\x07\xd7\xb0^n\xd1\x16\xbc\xca\xf8n\x03\xaa\xe2h\x85a[\xcc\xe73\xfd\x15\x7fw\xe2\xdf\xcc\xbf\xfc\x8b\x9aJ\x94\xdd\xba\\\xf7\x9e7e\x9f\xac+\xe7\x08w#\xc7"I\xe0\xeb\xb7\x8a\x0e\x15QQ\xed\xb7\xaa\xe2\xe5$\xe0-\x8a\xdc\x82$\xc5\xce\xc3\xb3\xfau\xd4\xb3a\x04\xc8\xecYF\x7fU\xf4\xa9\xb1K:+\xd4\\_\'\x03\x00U\xe6\xedH\x92G\xa4\\\x05\x0cM\xe1\xf3\x94)6\x91\xf3\xb24+\xe6tWR\x9b\xdc\xcf\xd1)\xd5\x92\xc8\x81\xb16\xafq\x1b*Mc(\xec\x18\n\xd3v\x8ey`f\x13\xca\xa7^\x06\x00E\xf0,\xe3]ZJd\xd7\xa8\x8c\xc9t\x0fm\xf8\xd8\xbc\x072\xfb\x16\x03\x00\xf3\x9dg\x05\xea\xd2a\xa2Hz\xacBZ/\xc7]\xa9"L6%Z\xdde\xe7\x1a\xd0\xc5\xdf:\xd9/\xd5\x0b\xd2\xfaf\xb4E\xfdR\xb9M\x98.D\xeb\x9c\x87!\x8dQ\x90\x01JqHs\x9f\x03\x90\x97\xd9\xa4Ed\xfeo\x9d|\xe7\xabQ\xabeZ\r%\x8eb\x0eQ\x82$\x91\xac\x17:\xfb\xa8bz\xc6\x9ct\x1f\xfa\xc3\xad\x9dk@\xdd\xab15\x8f].\xd1&amp;\xfc,OC\xc1f#\xb4\xefQ,\x8f\x83y\x08m\xd5\xd1\x8c\x8a\x8e\xe07\x96\xd3\xf98\x95\xa9\xd1/\xfb\xa3g\xde.\x94N\xc5\x86D2\xd6\xfb#R\xa9\x16Z\xb9W\xa3\xea\x8c\xe7R\xd0V\xa2 \xcf\xf6\x10&gt;o\xc8\xea\x93TDn}x\xec\xa4\xf5\xf1\xaf(\xb0=\xa0\x7fdI[1\n-\xb1\x9d\x14\xb0\x0f\xbb\x1f\x8d\x8c\n\x7f%\x15T\x95\xb7\xac\xf7o)T\xea\x88f\x95W\x92m\xeb\x8eN\xfc~V\xa1\x82\x1c\xf6\x90\xb2\xd5DD\xc4\xfcY\xaa\xbe\x14J\xc2\x8chf\xb1C\xe5\xcfX\xe4WR\xe7\x1b\x81\xbc\xcfV\xad\x1cf\x1f\xf5\x12-h\xef&amp;X\x08=j)\x9c;\x03\x80S\xb4+a_&lt;\xb7\xfa\xc2l8\xac\xde\x1b\xec\xac-\xd1$\x0bY{h\xb3\xca+\xc3[;\xee\xeb\xff\xa3`=\x13v\xb9\n\\`\x9f1,\xf9\xe5\xcd\xfen\x97\xc5Y\x0f\x00JU\xca\xf5\xa4I\xbe~a\x91B\xed\x0800\xaf\x9c\xe3\xa7ab\xbe\\\x05\x19L-\xd5\x10}\'\xae\x86\xe3L\xc3+\xa3\x8d\xb5a\xdf\xf9\x92\xc0dS\xe9\xa8In{\xc4\x9a\x03\x00\xb3\xd0Up\xca\xbd(\xb9:E\xeah\xfb\xf3\xe5Ky\xc5\xe8\x8an&lt;\xc0%\xfd\x17\xa4\xbd\xf0\xcb8\xedKK$^\xb3\x98&gt;&amp;\x91\xdfh\x96Jl_\xa9)\x8cQ\n\xfd\xf4\xef\xbcz\xe52\x8e\\\xda\x7f\xcc\xc4\x8c_\xcd~Vh\xb2\xe9\x94\xb0\xbas\x8f\x11\x9d\xddV\xd4H\xe1\x7fK\xd0\x9a\xcc:\xbb8\xf9i\xdd[J\xda^@\xfa)\xd5\x1a\x8aB\x1b\xc8^v\x85e\x84 \xca5\x87&amp;np\xea\x8cN\xd7=J\xe4\xba\x1c\x06\x94\x86V\xd775\xfb!\xa54+\xfbYL\xbfW)&gt;\xcb\x05\x7f)\x9fx\xddqh\xc9yc\xe8ej^i\x06\t\xa0\xbf1\xea\x97\xf0\x08=\xee\xaef\x1f\xad\xa4\xc8.\x0c\x00\xa0S\x8e-mi\xd2\x07\x8f\xbd\xe1\xfc\x9c\xff\x0c\xf8\xea\xcb\xe4\xa5\x111\xd6\x8cq\xc7\xa2:\x1e\xf5\x17qQ\x80\x88\x84^\xce\xa5\xed:\x82\xaa4+\xbb5\xf6\xb0\x89\xee\xd5\xc8\xbe\x9c\xcbv\xfe\r\xc9R\xf5\xcb\xa1\x15?/.,\x93i\xd0\xd3r|\x95\xe1\\\x8fZ\x1b\xa3x\xdc\xc7"\xbd_\xf1T\rk\x8dH\x8d\xba\xd6\x19\x18g/\xb8\xd6V\x03}\xb3\x1b\x86\x1d\xb9\xf1\xc5/\x15\x18d\xf1\xa6?-s\x04\xbcPL\x96\x124\x91\xf69\x8eL\x99\xb3\xf4\xd7s\xe5\xc9!\x85sQ\x0ftJ\xe5C\xdd\x15\xbf\x91\xd9\xd5\xe1V\xb7\xd1\n?\x7fEC\r\x0eoH%J\xa7\\]\xf5+\xd4\xb7\x03\xd2\xad7\x80]z\xf5\x90\x93\xdc\xa7\xa2O\xcf\xe4-dD\x9a\xcd\xb5\xdcD\x80W\x07\x1c\xb2\xc1 =\xd3\n\xb9LY\xf5\xd4xz\x11\xb5\x971\x80n\xf1v\x15\xf8;\x8e\x15\xeb\xb6\xd3\xf5\x9f\x8a\x08X\x85\xb9\xb01\x955\xa2B:\xa7\x03\xb7\xa0\x9f{*0\xc1rt\x9d\x81\xf1D\xa1H9\xb9\x8e\xfe\x9fO\x89\xc9\xaa\x88eD\x1b\xf0\xcax\x03\x80#U\xb8\x9dn\x89\xb2\xab\xb1i)T\xc0B\xf85\x99\xf9\xc9\x96\xb8\xf6\xd3V\x92\x134\xcbf\xd4\x8bW\x8eU\xc1\xe7\x7f\xbeS\xd4\x12\xc7\xfc\xba\x7f\xf3Q\x82\xf2\xe6\x13\xcbP%\x1a\xb1\x82\x94\x12\xde\x1c\xe4q\xb0\xcd\xe7\xad\xc80\xa0d\xedg\x89L.__\x7f\t\xb8\ns\xa9\xb6\xdb\x92V\xe2Zk\xad\xb3\x95)\x83\xba\x9f\x1f:V\xb0#*\x88\x85\x1a\xb2\xb2\xd1\xe9\x8e\x92\xb3g\\\xceo\x86\xb4\x99y\x0fq!Y\x1e\xfc\xda\\\tYk\x1f\xc3a\x9f\'se\x1aGs\x01|p\x85\xac\xd5\x91\x078\xf4.tX\x82U\xc1\xe7\x7f\xfe\x93\x90j:x\xb2#\x95\x86MQ\x95\x93#3W\x92v5N\xfb\xe3\xa6\x91\xf2{\xaa\xf1L&lt;#7o\xa6\x18\xd3\xe7\xadXe\x96t\'v"!\x8d\xeb\xb5\xd3u\xea\x12{\xd63@(\xed\xc7\xcbv\xa8\xa0\x96\xf3\xdc\x1f\x9f&lt;\x9f\x7f\x91\xc5\xf4v+b\xf5\xcbM\xd6\x19p\xb2\xc8\x9c\xb2\t\xb4.9&gt;\x04\x99Q\xa2\xae\xc2\x8e\xbc\xec\x8c\xf3\xcfu\x9e\xa5\xa1E$R\xa7\x81\xf7\xe8\xfa\xaaqY\x05Au4\x80\xaa\xfd\xcb\xdbQa\xab\xb8\xdczT\x0b\x0c\xe6\x8c\x06S`\x13\xb6\xb5\xd6Q\x0b\nAD6Q\x96\x888\xc5l\xb0\x02\xf0\x1a\xd4\xfc\xa5nF\xb1\xe5&amp;\xe0\xfdE8\xf89\x92\xa3q\xe1\xa3\x98sa\xad\xb5\xe5\xe2\xd7\xc7&gt;\x91\xac\t\x86\xa5\xd6\xbaN\xd5\x91c\xc1\xd1M!\xc4x\xdc\xa5\x9bo\xae\xed\x19\x92\xe7Z|sy\xfcp\xc3\t\xbc\x0b\x16\x1bu\xf6\xf1\xaf\xa31\xd4\xeb\x16w\x8c\x12M\x8cS\x96\n~c\xb3\x8dm\xcf\x18\x1e\xcf\x0ce$\x05\xd9\xd6Z\x87\x91\x80\x7f]\xef\x14m6\xa17\xb6\x7f\xabA\x7f\xfan)\xefBY\xf3\xf6\xa94\x15&gt;\xe6\x12\x8e\xfe\x94\x92r\x10\x92\xf5\xd6\xd6i\x82\xc4\xdcx\xd2=\x89\x1c\x0b\x8e\x17\x15\xba\xc9\xe2\xb1B\xb2\xb4\xc57\x7f\xab\x94\x89.\xcd\xde\xc5Z{\xb0(\xf4l\x8e\x9a\x85\x8f@&lt;o\x01~\xdcC9\xbd\x93\xe8\x14N\x9c[od\xbb\xd7\xd5y\xa4\xa5\x8d\xd9\xf9?\xbd\xa1d\x92x7w\x99\xfe\xdb\xa5fu\x90\xd1iT\tB.\x12?,\xcb\xb4\xb5\xe3\xf1\xaf\xf5\x00`\xb0\xeeg\x14\x96\xf7\xb9f\xed\xdb\xea\xd7x\xd1\xee\xb9~q\xae:\xdd\xbb4\xa8\xd8*u\xdd\xd1\x9c\xd4\xd7\x9b\xba\xbb\x05\xea\xee\xf1ko\x12E\xb7\xe1\xadr\xf1\x8cK^n!G-\xa8\xed\xc8\\\xab\x9e\x7f\xbe4\xbf\xb3\xc2\x88Xg&gt;\xf0j\x8b]\xb0\xc0\x99\xa9R/\xab\xfeE\xad1\xf8\xe3S\x84\x01\x8a\xd9\x96,[O\x7f\xd5\xf3g?K\xcf;\x03\xea\x8fNS\xc9}\x00\xe8\xc7\xe6K\xea\x82\xe5\xd9\xd3\xe2\xeb*\x83\xcco}vJ)2\x9c\x91O\xe7k\x14\xc8\xa0\x83\x0f\xf0\xbb\xb5\xc0K]Y.@\x08@\xa4v\x8eN\xce\xbb?\x97\xceT\xea\x14\xb9\x91V\xd5r\xac\xf3$-\xfd$\xef\n\xbdIu\x142\xef\x9bh\xaf_\xa6\njVMz,\xa4U\x8f\x96D^\x89k\x96\xdfUwgJ\xef\x93\xb9\xa97\xc8\xfbg\x881\xdf\xd8 _\xdd\xe4\x8d?\xe6\xc7*\xd4r\xa5h\xf8 \xeb2\t\xcfs\x1f\xeb\xf4\xeb\x96\xb4\xc3N\xa8$\x8e\xf23\xeb\xc4\xb3Z\xa9\x8e\x03\xfc\x0c\xb5\xc7\xa0*7-{\xde+\xdc\x18\xac\xe1\x18\xa0I\xbe[r)\xa1v\x18\x9d7\xb5\x02\xc2\xef\'\xe8d\xa4\xc5\x02\x00\x12\xf1\x1f\xd6\xaa\xed\x15.i\x15\xfd?\xf2.\xa1\xb4Mq^\x9db\xd1\x92n\xf3%`ZQR!\xbekker\xef\x1a_CU\x1c\xfe\xe6\x1fR\x1e\xffE\xbb\x15\xe9\x97P\t&gt;\xb7\x00Yc*m\x1e\xcc{\xa6\xfey\xe3\x7f\xae\xe4&amp;\xce\x0fW(;\x8a\xb3/\xeb\x8fy4\x0fZ\x08\\1\xb7\xc8\xf3\xfb\x19\xa7AB5\xb9\xb2Qyvc\x9d]\x99[\xb6\xecr\x93\xe7\xea\xba\xad\xa2{\x857\xf9\xc2\x82\x92\xf7\xc6xm\x13\xd7\xb9\xfbW\x03&gt;\x9aY\x1e\xa1\xd4B\x89p\xf7X\x19\x1d\\\xb2Q\xe7V\xb7\x01@G\xc1\xc8\xe9\x81\xad\xf3\xbf6D\x96\x87\xcf\x1e?(\x94\xd3\x1bi{\x9d\x05\xcc\xf4kN\xabns\xec\xef\x9fH\xf5\x1b\xc4\xd5:C\x18\x00\xf1\xbc`\xca/)\xd3\xad\xa1\xd6v,S~\x9d\xaa\x0b\\\x12\xbf\x03\xa0l \\\x85\xd3\xef\x08\xdfQ!g\x14\\0\xc5\xfbT\xa3\xd4r\xea\xb8\x0b\xb5;\x93\xfdv\xa2\x95LM\xee\xfbR\x12%h\xb2\xb4\\\x92\x14\xdc\xc7\x15\xf7^f9\xae\xb0\xeb\x9e8~Y\xfbe\xa8Z\x8cD1|\xccd \xe2\x07\x00\xd3.\x12=\x8e\xb5\n"\xa7\x9f7Z|E\xab9n\xd5l\xa5\xaa!\xe6\xd3\xb1\x16\xc9I\x8f\x9e\xfb\xe4\xcb\xbd\x9f\xf4\x0f\xe3:s\x05%,(\x8fG,\xbf_\xff&gt;\xcc:\xd4\xa0\xcc\\"&lt;.;\xc9\x93\xd6+\xcd\xd9\xde\xbc\x0e\x13\xbb\xf6\xb9\xdaf\xd6\x02\x9bA\x82\xe5\x15\xd5\x1a\x0c\xe6\x92\xe8Avb\xe9\xe8}\x83\xf9\x8f)\x93\xa1EL1~\x00`\xed;\xcc?;\'c\xf2\x9f\xb8U\xd5\x08/EQ\x15\x95\x1e\tcK\xc6\xe5\xc3\x90\x1e\x815\x89\xe1\xf6r\xdc\x11@\xe4\xbb\xe5\xca,\xf6=\r\xed\xbaT\x13H\x9c\xfc\x9eUC\x13Mdcf\xdf={\xb2\xbb\xc6|d\xde6\xd3\xb03\xd7\xee\x97\x93\xe4Wl\x83\xfe\xc5\x0b\n:\x94\xec+N\xaazs\x97u-d\xda\x07\xe5\xe9\x93\x9fz\xd6\xaa\x1c\xbd\xbc\xd9\xa3\x8d\x84t|\x1f1\xafk\xe9\xd3\xb6lp\xca\xf6e-%k\xcaF\x15\xd0%\x03\r\x00\xf6\x1f\xcb\x92\xd1\xc6\x03\x84\xbd\x9a\x92\x7f\xc2\xbbu\x12LC\xc5\x00I5\xa7\xf6\xb3\xbe\xf8(oK\x9cz\xe5K1:\xe3\xb4,\x1f&gt;\xf7k\xa9*\xe5\n\x8a4\xb6\xfaO7o\t\xac\x94\xfa]\xdb\rQ\x1dL\x96s\xaf]\x83BjRJ\xc9\xbf"C%\x0ed\x06;\x05y\x95.\xdc\xe0\xe7\x17}\x9e&lt;J\xa0\x9d[\xf4\xdd \xb1\xfb\xd7\x1f3\x82=T\xe5X\x9f^\x15\xa1\xac\xfbT%L&lt;\x039\xb7.q\xf4\xff\x1a\x92\xb5\xc8\x1d\x82\t\xee(\x8dQ\xe97\xfe\xa8\x88\x88\xf9\xe0&lt;;^3\xc8\xa3\x03\x06E)x*\xcdu|\xf3\xafr6\x92\\5x\x9a\x82B\xf3\xd8F\xf9\'\x13\xf6"\xf2N\xcf8&gt;TQ\xbe\x91\xd9Q\xb2M\x1b\xd7\xb5\xe4\xc7\xe2\x1d\xc6\xb2\n\x8dA\tu|i\x1d\x8b\xa2\x96!\x17\x1b\x8b\r5\xad\xd4\xb9-\x96q"\x08\xf23\xf3\xc3}\xfb\x8ds\xe9\x07\x8b\x95\x19\x00\xa4\x90\xa6\xb4\x9cK\xfc\xe5k\xd07\x08\xaeIh\xc0\xfd\xfa\xfd\xba+\x12c\xbe\xf8\xf0\xf9&lt;\xfd\x87.\xd5\xf9pbW\xf8\x8a\x03j\xf9\xd2\xcfW\xd7\x18!\x96\xfb\xd4cr\x10\x0f\xb9\xf1\tw\x03\xd2\xbaC\x1d\r\x161\x0fV\x9c\x9ahPZ\x9d\xea\xd3i!Q\xf2\xec\xc4\xb2G1\xee\xdd\x87\xc7?\xe4\xb8\xec\xfaF\x83\x8aha-\xdd\xdag\xa7b\xbb$\xf9\x87\xe9\xdd&lt;z\xe8\xd6\x0c.\x88\xd2pKUD\xcd\x19}}\x11Q\\&gt;\xa4\xdaT\xce\x1f9\xf9\xdb\x08\xfdi\xc62\xb4U\xc7\xadC\x9c44(\xadt\xf5\xcd\x9d\x93\x86\xc2\xae\xa8!\x8fsl`\x88`%\x90\x8eK\xfdQm\xcd\xb5r\xee\xda\xda\xe6}\x88\xf3\xc0\xf3\xf3\xb9\xfd*f`\x8c\x82\x19\xab\xc0\xdcW3M9\xc4\xde\xcd\xfdw\xa80\x0f\x85\xb1DK\x9a\xab\xa3yk\xe9\x11%JS4~\xeb3\xe2\xf1\xd0\x9e\xab\xe1?\x99%S(\xcfA\x9d\xcd\xfakj\x00\x00 \x00IDAT~\x8c\x82\x96\xe2\xc1\xd2&amp;\xa7\x98\xc0\x91|e\xb4%\n\xb5\x14\x00\xf6\x91\r\xa8\xab9\x9e\x1d\xa2\xfb\xd8\xe1+\xb5\xdcE\x96\xae|~]\xb7\x97\xeb\xc3\t\x07\x92\xb0\x08\x98\xd7eD\xd8P\x82\xd9}\xbf\xa8\xb7F@E\xd8]]\x0c\xd7cV\xcb\xb4\x10\x97&gt;w\xafw\xf7M6\xab\xa4\x99\xd1/a\xb8;UW\xa2\x08\xc7\xbe\nG\xe6\xbe|\xd3\xa9\xa7\x06\n\x9e\xc2\xa4G$\x83\xb3u\x10"\xc6\xfc\xb5\xd0\x04\xca\t80\xe7\xaa\x0b\xd7\xea+\xb5\xddfX\x087\xf1)\xaf\xc8\xa5$\xe3q\xe5\x83f\xbe\xea\xa6m!k\x99k{\xed\x7f}\xf3\xcd\x8b\xff\xa2\xb5\x00\x95\x19\xaa\x89:-e\xa7Pq\xd1\xbf\t\xef6Z\xa8\xb4\xbfz\xecR\xe0\xa8m!\xe6`\x00p\xf4p!"\xc2\x91\xc6\xfc\xa7\xb5\xadz/\xfe\x0f\x93\x81\x01@\n\x85\xb4\xb7\n\xca\xb3\xa7\x9f\x91\xad\xd3h+O\x121\x07\'`M\xdd\x01@\x16rK\xdbS\xd9{CD\x8c\xf9\xa0\xbd\xbf\x94?\xc3\x94\x95\x9f\x7f\xd5a\xa7\xf4\xebA\xacR\xd6a\xbdZ\x1c\xc83\x06\xed\xc0\xa1\xa5K\xb8\x1fJ\x1e\xd8^qm\xd4\x19c\xe4M-1\xc1O\x0f\xdc\x97\xbf\xac)q\x7f\x93"\x06\x80?\xeb\x01\xc0\x00\xb6\xd7\xd7\xbcCK\xbe\xb6G5mdf\x00\x00\xd5\xb9\x8c\xec\xab\r\x00\xb6\x99V\xc8\xe8D\x80V9\x9f\xfc\xa9\x93\xb8*U&lt;\x8f\x01@p\x16\x92\xd4\x9b\xca7\xc5f\xedUY\x9f\xe2\xb5Q\xdb3?\xaf\xc7\xbcR\n\xb0\xb4\xed\xc3=\x18*\x0cH\'N2\x12\xeb\xf3\xd0\xa3\xf0\xd6z=\xdc?"2HaE\xa4rA\xea\xe7\xd8\t\xe2\xd9\xd6\xee\x80\xebL\xebX\xcb\xcd&lt;X\x00\xda43\xdb\x86\x9fH/S:y~\xd5yo\x9f\x14\x11kMP\x0b=\xd7\xdb\xf4\xd7\xc34\x13\xd4^\xcf\x93\x1c\x089\xb0+\x1b\xa7\xeb\x87\\\x04z\xa4\xcer\x7fS\x84(uy\xad\x03\xd6\xc2\x0e\xe3\x02\xeaG\xff\xa6\x99\x9d\xa8\xa6G\x95\x94\xabG\xebP(\x0b\rt1u\xa4\xb7\x16\x8eW\x90\x9c\x7fx\xa5tY@kmhP{\xa0\xb7\x95@I\x8a=0\x9ez\x95u`\x1a*\xad%\x0f\x8f\xa2u\xd0l\xa12\tNriHQve\x8b\xad\x80\xbd\xe1\x95\xbd\xb5\xad\xda\xc3#[\x11\xa3\xb3\x93\x02C\xc4\xef\x81\xd2\x18\xeb\n\xd6s \x0b\x11\xf3Xb\x8c\xdd\x9bl^\xa4\xe0\x9d\\\xad.\xcc\xce\xd9]\xcas\x9d\xd6\xf6\x19\x11\xa9\xedL\xee\xd5\xfc\'\xdd\xd2\xa3A\x1eD\x8c\xb5/?\x16\xba|\xf6j\xec\xd3\xecj\xde\xe6\xef\xbb\x02\xd0j\xa2\xe8\x91m\x93\x99l\r\x89t\x01!\xa2\x1f=\xd9C\xca\xce\x10\xe6\xcf\xe0\x88\xa7m\x1c\x9b\x87]&lt;\\A\xa2\x9eh\xa4\x0f\xaa\x01\xeeKb\xe8\xbbZ]\xd46\xa1\x16\xb0\x05\xa8\x1d\xb5U\x96\xa3\x92n5u\xfa\xdc\xebz\x87}\x1dp\xc5g\xb4\xcd^\xcf\xd8\xc3\x86\xee+\x1f\x97\x95O8\xab!\xf4\xa5\x89{\x8e\xe5\xeb\xcf9Vb\xaf.\x99\xaf)\xc98\x8a\xadR\x12\x0c\x11@\x01)\xfb\xd7\xdbv\'\xcds\xa77=\xe2eT\xa7*Z]\xd7\x93\x91\x9fE\xd5\x84\xd1\xd3n\xf8\x8eDm\xc3\xbe~z\xaa\xe2\xe6&lt;\xce\xa3\xfakl\x1c\xc5\x9e\x94$c!\xcb\xb9~P\xcb\xe8u-zn\x7f\xf7\xa7\xeb\x96\xb8#s\x9dRt\xab\xb1t\xf2\xf6\x88\xb7U\xe39\xb3N*(\'\x8b\x07pR\xa8$p\xe9\\:g\x7f\x05`\xf7\x975\xf5\xe995\xa0\x80\xed\r\xc2\xa7O\x8b\x98\xff\xb7\xf2\x12ER\xa4T\xb2\xa4D\x16\xf5\xe8]\xfeZtQ\xd11B~\'\xe9\xc7\xaf\xad\xe9\xb4\x196\x17\xfb&lt;\xeb\x8a\x82\xd5.\xfeQ\xd16\xbf\xef\xc9\x9c\xb4\xe1(\xb3\x1b+j\xd6\x18\x93\xf2\xc5J\xeb1T\xd4\xd7\x82\x14\xbdE\x9e\x01\x10\xe9#nk\x88l\xa2F\xec\xfb\x08\xfdj\xb1\xd6\x86\xf6\n\xf2U\x8b\xf7\xf3\xcaS\x9a1\xb7\xc0\x96\xc7=\x03\xb3m\xefEO\xc8\xccS\xadM\xdc\xcc\xb6h;r\xfc\xb9\x81\xaf\x90/M\xce\x0bF}\xb3\xdc\xf4\xf2\x11\xb6\xd5\xeaTXb\x0b\x90\x9d\xaf\xc5\xc1\x05)\xea\xcax\x80p\xf8Z\x9b]\xfd\xe3\x9f\x83u\xd6\xafU\xce\xc1jq\xbc\x12e\xc75\xeb\xaeYNi\x8cP\xa2+*\xedt\xf2\x99bo\xdb\xca\xe4\x117\xb5\x98\xd6\xd2\xe9^D\xc4\xfc\xab\xf6\xf5\x02\xa1l\xab\xac\xa3J\xecHT\xc8\x8b\x86\xaa\x97\x92\xcb\xfe\x97\x05\xf4/\xbe\xc2[\x80^W)\'\x8el\x9a\x1b\xc1.:\xa5\xd2C\x03\xf5\x14\xf3\x17\x93\r\xeb\x1c\xa0\xe7+\xf2S\x7f\xc5\xa7\xfa.\xabI\xc9\\\x88+eE\x91\xf4\xde&lt;&amp;\xdf6\xe5e\x1cf\x1b\xb6\xe6\xd4\xd7%o\xf5o\x0f\xa7s\x87\x99r\xa6\xe0\xd9\x0c}\xa6 \x15\x0e\x00r\xf1\\\xc2k-\xc6\x8bG\x8dY\xfb\xb5u\xb2\xeb\xd1\x1f\xb5\xe9`\xfa\xe9\xd22\x92s\x17_\xf5ZK\x94\xfc\xa8i\x1cN\xd8\xfbf\xb7~\xd7\xfe\xb7\xc6\xd4\x0bD\x94\x9aqJ\xa3.\xec\xc2:s\x8f\xf5Q\x11\xee\xff\xa6\xd8\xa5\xd4\xba\xdd\x9f\x06U\xf5H\xf6@\xa5\xafaj9f\x15&lt;v\x86\xb6\x14\xa5\t\x1a"\xe0\xa5\x0cU7\x03h(\xfe\xf0t\xac\xe4\xb8&gt;u\xb3\x01\xb1&amp;&gt;S\x1a\x99\xd2_\xff&gt;\xe8\xf5\x86*\xf2\xe3C\xdb\xd8\xad\xb2[eu\xd7\xd1\xdd8\xec\xb0\x96m* \xbdl\xa2uK\x17\xdd\xd3e\xe5f,\xc23#\xf5:\xc9C\\\xc3\x81|\xac+\xa0\xf2\x00\xc0\x98_Z\'\xbbs\xf6\xacP\xbfE\xfea\x9f\xca\x8an]]7\xcb\xb5\xe4\xb5\xbcL\x95\xc0:%\xf1&gt;\x1cn\x0fC\x94\x1a\xdc(\x14\xe8\x84\xa3\x86\xf3\xafzhV\n\xd1`\xe1\xa7\xb5\xf6:i}\xf9X.a\xd4\x18R\xa5\xee\xb2\xa0\x9f\xbfT\xa5\x1a]\xb7A\x96\xb4\x16\xa7\x19\xad\x94\xf0\xcc\xf1s\xe32\xfd\x0c\xcf\x01@D\xd2\x83\x99\xc4`\xc5\x19\x15q\xa6!z\xa9\xaf\xc2\xa2v\xa0\x81\x9b\xd1u\x8d\xa8\x1bQ\x17\x08\xfebV\x8c=\xfeTOo]\xf8\xbd\\\xe4(l\x82\xff\xed\xa5\x9b)\x04\x03\x80\x07\x8d\x07\x00\xfa\xe8\xdc$~n\xb7\x92?\xa8\xa1\xf9V\x06\xef\xf3\xd7\xbel/\xbb\xb4\x9d\xb7&gt;P\xca\xcb\xa8~\x9b\x965\xe1\x92m\xe7\x91\xac\xe7\x14&gt;tLd\xd5&amp;\x9a\xc5\x00&amp;\xb5\x19\x00\xf4]\x9c8n^\xfc}\xde\xbbo\x8f\xd9T\xf8\x0cY\xd7\x11&gt;\xd1\xfb\xe5\x15&amp;W\x9a\xc9U\x1f\xf6n\x89\xd8\x82xeD\xdaW\xe8\xd3\xa8R\x9a|\xeb"\\\xb2\xdb\x9b+oM\xca\xc5\xeb\x80\xff\xb6E\x10\x9f\xd8\x9c\x94\xd0\xe3\x00 \x97\xc0\x8f\xaa_j@9\x15%\xfc5\xfa\xb5\xb1f3\xa0\xcd\x9f\x83\xa7\x18\x05\xb2\xd6\xc3\xab\xd5\x14H9\xc3\xd8)\xd5\xa5\xc7\xbc\xc2\x00 \x92\xfb\x94\xd4\x18\xd3\xaa\x87\x9d\x95&lt;\xae\xaa\xfd\xcb\xa5Q\x035]\xd6\x80\xb4R\xc1\x18\x9e\xba\xbbRd\x17\xb8\xbb!\x90?&gt;\x8a\xea\xab\xf6O8\x19\x00\xa4\x97\xb1\xb9\x96\xca\x0fo|\xc5Hx\xf5\xf2\xddR\xe5j^}\xfe(\xa9\xe8:tQ\xc6,\xbdC\xc3\x92\x1e\xe5\xab_\xf3+\xb2\xb8\xf1\\\xc24DNi-]\x0e\xbe\xf0Y\n\xdf\xef\x00\xb4.v\xc7\xb1#\xb7\xd2:\xa5\xbf\xb5\x1e\x86a\xaa\xc5\x8cM\xf2\xb5==_\x9a!\xd9;\xf9fo\xb0A\xdd\x86\xb5\xff$.}\xbf\x1cJ5\xc0~\xbd\\\x84\xc9\xb5\xee\r\x03\xe8\xa2^&amp;\t\x1f\xffuu\xfb\x93\xc2\x13i\xc06\xeb\x87\x85\xe8\xd7\xfc\nW\xdc8#\xef\xae\xc8+\xfcg\xf4:r\x02[\xe4\xfb&lt;K\xe1U[\xed\xacy\xa1\xe4\xdem\xab\x17f\xa5\xa3p\x1fD\xae\xbe\xc0*"C(\xd31\x8c\xe7\xd6\xbcW\xa1\xd2\xca\xb8\x8a\xbfS\x84L\x14 w\xeeb\x8c-\xed?\x9bk\xaf/\xb6=w\xb0\xd2D\xf8\xec\xd3\x19\x1f \xe6\x7f\xc9\xa2\x1fa\xce\xa8\x15\xd7\xfdZ\xcf8&gt;y\x9e{\x8aL\xaaW-\xfd_"\xdf\xc1o\x05\xc0\xdaV\xee\xaeO\xcdv\x8e\xb5}\xcc\x1b)\xe1ZQ\x03*\xd3\xda\xdf\xb7\xf4\t\xc3\x94\xf1\xb7\xe4=\xdc6\x84N\xc6\xe2\xb7\xa7\'\xa1\xde\xd4\xdbNO\xca\xe7\xe6JI\xbb\x9es\xa0\xf4B\x02km\xbeynE\x93\xe5n\xa1\x1e?&amp;\x1e5\xd5\xb3\x14\x10\xb6\x8f\xee\x1d\xac\xb9G\x03\xdb"\xd3\x0c\xce=\x8b\x7f\x04\xd3-w\xc4\x7f~\xba\xdc\xd2\x90\xdf\x1cvA\xfb\xdc\x15\xa0\xcc\xcc\xfd+\xab\xf4\x94\x1f\xb3t\xab\x1eh\x90\x91XA\xdc*0\xe39=\x96p\xef\x803C\xef\xe5\x18cg\xf4S\xbcnN_\x97"\xc1\xec$\xb7\xde2\x17\xd6\xb4\x9f\x17\x88\xe8\xb0|\xcf\x00\x94\xa6\xda\xb6\xaa9\x135\xc36=\xd0[\xdc\x91\xd0\xd5\x9evQE\x8d|\xe3J\x17\xe2\xbb^\xe9_\xbd\xe2\x7fl\xc0\xba\x95\xa8gF\xaa"\x1f\x132\xfb\xe5V\xf1\xdf."NS\x88\xfbW\x0c\xd7"&gt;rY"\xdf\xea\x8e\xd2C\x8a-\xd9\xfb\xec&amp;\x10\x05f\x16\xa1jE\x15\xf3\x1c\xbe\x98\xb2\x03\xa9\xf3\xb9\xc6\xb1\xf7\xbdy\xf2&lt;\x1ar{=@\x1c\x11\x8dH\xe9.\xf6\x80\x83\r\x8fEE\xdf\'\x1f\x9c&lt;\xff/E\xden\xef\x19\x0f\xdd\xfaK2\x14\xa1V\xc7\xb2\x89\x1eJ\x1f\x92y\x1f\x91/\xd6R\xbf\x19\x961;=a\xec\x87\xacO\x97\xe5Ky&gt;\x8eU\x94\xbe\xeaE\xcb\n\x80\x99\x03\xce\xae\xd47\xe3\xae`\xc8\x92\xd6\xa2\xc5\xd0\xa5\xd0P\x9e\xb0]\x86\xde\x14u\x9a\xf12\x07L\xa8\x04&lt;\xe9\xf3\xd0\xdb;\xa7\xabW\x7f\xbar)\xb7\x98o3\xc6\xac\xea4\xb1\xd4\x9d:j\xf0AM\xf4o\xb2L\xb9\xea\x9fS\x9fZS\x84\xe3-R\xaei\xaf\xbf\xdfEi\xc7G^\x7f\x881\xd6\x18\xfbo\xcf\xa4\xec\xcb\x93(\x1a\x004\xe8\xba6w\x99\xe7Hr\x9bHO\x06\x01\x11\xf4\xd5\xe6\x13\xb9,\xeb\xa6\x15{\x8d\x84\x8b\xee`QU?\xd3\x86\x9d\xdf\xea\xf3\xf0je9\xbc\xef\xefu\x0e\xa24+-\xaa\x8e\xa7FG\x7fD\x0bQ\xd8\x88\x86e\x0bL\x02\xfb[\x97\xb5\xf6)\xc2\xd2$\xed\x9f1\xd6\x9a\xcfz\x0c\x0e\xdef\xda\xd8t\x90jG.\xf7v\xad\xeed\xe57ee\xcd=w\xf5\x1fEV\xe3*\xbc\xdb\xd8\xdcd\xe7X\xdcF\x1d\xff#\x89\xaf\'M\xceN\xa0\xd3\xda\xc9\xb4-\xea\xa6;\x82v\xd9z\xf8\xcc\xe7e\xb9\x1e\x14\xd6,\x1a`\xab\xdd;\x9d\xfa\xc0\\x\xcf\xfd\x7f\x831\xdfz\xf5\xea\xfc\xc7\xd0\xd4\xbbP\xf8\x1b\x95\xf3kn\x88\xbb\xde\xff\xf1\xaf\\\xc9\xbe\xd9\xadO\xe3\xdd\x91\x1eZz\x06lT#\xf1\xdc\x19\xff\x98tyn\xa23\xc6\xb4v\x14\xe1d\xbe\xa4\xc8\xce)v\xa6\x07\x8d\x1c\xb9\xe2\xcc6FM\xc1\x9a\x97\xd7L\x8f\x07\xe2\xc6\x0f\x03\xc4!S\xc1M\xd4t\x86\xef\xce\x9fM\xf4o\xbc\\\xba\xb5vO\xc7\xcdc]\x1fjo\x01R\xa5\x91\xe5`\xa0H\xfa\xe5\x167\xbb&gt;c0\x1c9\xab\xf8\xeb\xd5\xd6\xa9\xb5EM\xdaLM\xd2fu\x14\xb5|\xceN.I-\xd4N\xcb\xd1IX3D\x04`\x8ca/\xe5\xc0\x8cb\xa2;\xe4ue\t\xa9\xfd\xd9\xb8\xd7&amp;\'\xf6M\xb1\xf9f\xe0Q\xea\xe9\xfe\xc60S\xf1y\xdc\xce\xff\x89DU`\xab\x8b?X?\xcb\xc8\xe0\xb8+\x1f4\xd8\x00`\x98\x82\xa4sCUL\x96\x9cRpuJ{\xb5\xd0\xa1*t\x1c\x9f\x03\xe9\xe45\x86\x91z\xb4]\xda\x14\xb0H\x8e?\xcc?\xf7\xacE\x0eKM\xfc\xc8\xd4}\xec\xa6\\\x16\xd5\xede\xa5\xdcj\xd6_\xb3\x02\x1a\xd2o\x017\x92\x7f\xcf\xba\x05\xe9Uo\xa3\x92\x1e+\x17\xaa\xd0\x94&amp;\xd6\x91\x0b:\x17\xf2\xe1\xc3\xbb(\x08\xe4\xa0]E\xf7\xd3dnN\x17u\xe4\x1b\xfd\xef^\xdc\xb2|\xe0\xff\xe53N\xd8M\xbc0\x89Y\x94]\xb7\x98\x85\x9bVp*\x9d\x80q\x952\xf0\xdaL5}\x96fe\'\xca\x91\x1e\xf6\xf6\xf5E\xe5\x06\x1bT\x83\xd1\xd5\xddQ\xf3\\\x89\xba\xfd\xa7\xb5\xaf#\t0$\xabHB\x99\xdd\xca\xe3\x94Pk1\xee\xc2\xb9\xd3\xeb\xc5\xb3\xf9\x07\xc7\x9b/\x82\xef\xbfz\xfa\xe1py\x18\xe9\xe6\x95\xb2\xb7Y$F#\x97g\x002\x0cbf\xf9\xaa\xdd\xf6\xa5\xdf4\xb30\xd8\xedi\xbd\x94\xa5\x179a\x17\x99&gt;\xd6\xe1\xf9|tuw\xd2&lt;\x17+\xb4\x8f\x1f\xd6WdN\x9fh\xa9)\x96~:Z\xe1\xa9O^\xb5\x88&lt;/\x06\xc8\x98&amp;\\q\xa1m\xed\x96\x1f$\xde\xfa\xd9\x1d\xcf\xbd\x8c\xfe\xdf\xef\xb1J0\xf9\xcf\xc3\xbc\x94k\xc9\xebb\xbe\x1e\xba\xb1-2\xdd\xc9\xd6\xa3\xf0\x007b;\xfb\xc82K\x05tO\xfa\x16\'\xb1w\xebk\xdd\xf2\x92\xdc\xabp9\xd7\x8b\x84\x8f\xd3\x1bs\xaa\x</t>
        </is>
      </c>
      <c r="E200" t="inlineStr">
        <is>
          <t>&lt;class 'numpy.ndarray'&gt;</t>
        </is>
      </c>
    </row>
    <row r="201">
      <c r="A201" s="1" t="n">
        <v>199</v>
      </c>
      <c r="B201" t="inlineStr">
        <is>
          <t>steps_per_sec</t>
        </is>
      </c>
      <c r="C201" t="n">
        <v>2300</v>
      </c>
      <c r="D201" t="inlineStr">
        <is>
          <t>2.6178994</t>
        </is>
      </c>
      <c r="E201" t="inlineStr">
        <is>
          <t>&lt;class 'numpy.ndarray'&gt;</t>
        </is>
      </c>
    </row>
    <row r="202">
      <c r="A202" s="1" t="n">
        <v>200</v>
      </c>
      <c r="B202" t="inlineStr">
        <is>
          <t>Loss/RPNLoss/localization_loss</t>
        </is>
      </c>
      <c r="C202" t="n">
        <v>2300</v>
      </c>
      <c r="D202" t="inlineStr">
        <is>
          <t>0.3525346</t>
        </is>
      </c>
      <c r="E202" t="inlineStr">
        <is>
          <t>&lt;class 'numpy.ndarray'&gt;</t>
        </is>
      </c>
    </row>
    <row r="203">
      <c r="A203" s="1" t="n">
        <v>201</v>
      </c>
      <c r="B203" t="inlineStr">
        <is>
          <t>Loss/RPNLoss/objectness_loss</t>
        </is>
      </c>
      <c r="C203" t="n">
        <v>2300</v>
      </c>
      <c r="D203" t="inlineStr">
        <is>
          <t>0.05196136</t>
        </is>
      </c>
      <c r="E203" t="inlineStr">
        <is>
          <t>&lt;class 'numpy.ndarray'&gt;</t>
        </is>
      </c>
    </row>
    <row r="204">
      <c r="A204" s="1" t="n">
        <v>202</v>
      </c>
      <c r="B204" t="inlineStr">
        <is>
          <t>Loss/BoxClassifierLoss/localization_loss</t>
        </is>
      </c>
      <c r="C204" t="n">
        <v>2300</v>
      </c>
      <c r="D204" t="inlineStr">
        <is>
          <t>0.10952276</t>
        </is>
      </c>
      <c r="E204" t="inlineStr">
        <is>
          <t>&lt;class 'numpy.ndarray'&gt;</t>
        </is>
      </c>
    </row>
    <row r="205">
      <c r="A205" s="1" t="n">
        <v>203</v>
      </c>
      <c r="B205" t="inlineStr">
        <is>
          <t>Loss/BoxClassifierLoss/classification_loss</t>
        </is>
      </c>
      <c r="C205" t="n">
        <v>2300</v>
      </c>
      <c r="D205" t="inlineStr">
        <is>
          <t>0.09382144</t>
        </is>
      </c>
      <c r="E205" t="inlineStr">
        <is>
          <t>&lt;class 'numpy.ndarray'&gt;</t>
        </is>
      </c>
    </row>
    <row r="206">
      <c r="A206" s="1" t="n">
        <v>204</v>
      </c>
      <c r="B206" t="inlineStr">
        <is>
          <t>Loss/regularization_loss</t>
        </is>
      </c>
      <c r="C206" t="n">
        <v>2300</v>
      </c>
      <c r="D206" t="inlineStr">
        <is>
          <t>0.0</t>
        </is>
      </c>
      <c r="E206" t="inlineStr">
        <is>
          <t>&lt;class 'numpy.ndarray'&gt;</t>
        </is>
      </c>
    </row>
    <row r="207">
      <c r="A207" s="1" t="n">
        <v>205</v>
      </c>
      <c r="B207" t="inlineStr">
        <is>
          <t>Loss/total_loss</t>
        </is>
      </c>
      <c r="C207" t="n">
        <v>2300</v>
      </c>
      <c r="D207" t="inlineStr">
        <is>
          <t>0.6078402</t>
        </is>
      </c>
      <c r="E207" t="inlineStr">
        <is>
          <t>&lt;class 'numpy.ndarray'&gt;</t>
        </is>
      </c>
    </row>
    <row r="208">
      <c r="A208" s="1" t="n">
        <v>206</v>
      </c>
      <c r="B208" t="inlineStr">
        <is>
          <t>learning_rate</t>
        </is>
      </c>
      <c r="C208" t="n">
        <v>2300</v>
      </c>
      <c r="D208" t="inlineStr">
        <is>
          <t>0.039999075</t>
        </is>
      </c>
      <c r="E208" t="inlineStr">
        <is>
          <t>&lt;class 'numpy.ndarray'&gt;</t>
        </is>
      </c>
    </row>
    <row r="209">
      <c r="A209" s="1" t="n">
        <v>207</v>
      </c>
      <c r="B209" t="inlineStr">
        <is>
          <t>train_input_images</t>
        </is>
      </c>
      <c r="C209" t="n">
        <v>2300</v>
      </c>
      <c r="D209" t="inlineStr">
        <is>
          <t>[b'1024' b'1024'
 b'\x89PNG\r\n\x1a\n\x00\x00\x00\rIHDR\x00\x00\x04\x00\x00\x00\x04\x00\x08\x02\x00\x00\x00\xf0\x7f\xbc\xd4\x00\x00 \x00IDATx\x9c\xec\xbdw\xbc\x7fOQ\xdf\xbf\x07\xbb \x88b\x05\x8d\r{\xef\x02j\xc4^0\x8a\x1dk\xc4\xa8$b\x8bb\xd0\x88A\x14\xf4\x87]4\x8a\x1d\xa3`o\xd8bA\x8d\x8a\xa8(\x82\xb1&amp;\xa2\xa2\x18\xc4\x88\x1a\x8d\x1a\xcb\xfc\xfex\x9f\xb2efwf\xcb9\xe7}\xef\xeb\xf9\x80\xcf\xf7\xbe\xcf\xd9\x9d\x99\x9d\x9d\x9d-\xe7\xdc\xf7u\x0e\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0m\x83\x9c\xa3\xa3mp\xce9\xa2\xb1f\x8c\x96\x7f\x08\xb4p\xac\x01\xfb\xabu\xbc\xde\x03\xbb\x98\xa2\xbe \x1a3\xb2\x9a\xbd=2f\x0e\x1e\xc2^\xd3^\xa2\x8b\xc0\x16\x88\xfc\x90`\x15\x11\x11\x19:\x94\x0c\xfc\xaaBlb\x9b(\xcd9\xe7\xdc\x07\xb2\x91#\x97\xdf\n\xac\x85\xee\x1a[U\xa8\x9b\x96Y\x06&gt;\xb98\xf9\x10[e\xb9E%]b\xdbY\xab\xc2[b\xc3\xf3\xa2\n*K$\r\'Ih\x14~\xac\x10\x85"\x83\xcd\xf9T\xa0\x14\x12J+kQK\xfb|\xe7\xdc\x87\x16\xec\\\n\xbfKlF\xb1E\x99\x86_\xca\xb2B\x04S\xb7\xbb\xba\xec*J\xb8:\xa6\xa3\r\x00\xfbq\x89\xd4ir\xe8w+\xb3\xeb\xdc\xec\xbeC\x0c\x98\x9aT\x93\xb5\xd3\x9b5Z!GE\xf7&gt;\x95\xe8\x8d}\xab\x96\x90&gt;]&lt;\x0f\x1ckD9/]f\xa3\xd0E\x96\xb8%\xa2\x82?\xd7\tO\xd3\xba\xd1\x1ddl\x1d/\x82\xab\xae\x9a\xd65\xedJS\x87r\xc5\x10\xb97\xad\xc5i\xbf\x94\x89\xae\xc7U\x13\x8f\xf1\x16M\xd3\xe4\xf5u\xceE~\xc9P\xcb\xf6\xa3\xac\'\xa8B\x9b.O\xfebp\x9a\x94X\x91\xd3\xb4\x8d\x83\xa2\xb3Y\xe3\xfd\xbb\xe9E\xbf\xfc\xbb:\xf7\xc3Ba\xfd\xd20\xea\x11\xa1Q\x81\x9d\x9a\xb0\xef\xb56\xcd\xeaz\x19\xe7\x9e3\xe7\x8d5\xfe\xa2\xfc#&amp;\nrwu?\xf9\xe7\xee\xedVEU#Q\x9b^\x04I\xd3\xf4?\x9d{5K\xa6\xbal\x8c\xed\x06\x9c\x8f;\x1cm\xc0\xad\xe2\x14;\xc5\xf3\xecW\xcf\xbau\x16\xad:\xc4\xdc\xcb\x19C1\xd5\x97\xc4\xe4&amp;9V\xe9\xeeI\xed\x9b\x8bK\xe5m\xf5\xefO\x84\xa7\xcc\xbd\x03\xbd\x97_\x9d;n\xaaU\xdb\xa2[\xf5\xae&amp;\xa8\xe4\xf6pEv}\xb6\xca7\x9d\xc6\xbd\xdb\xf2\x10I\x14\x1c\x9b\x1d]\x19?@\x8a\xf2\xf9\xf5L\\(-5\x95\n\xcc\xd7\xf3\x07\xcc\xa1\xc8i\x9a\x9c{\xf1\xd0\xb8\xcb\xa3\x97`\xa30\xe5\xe2\x97\x16\xbdQOFG\xd0\x81\xdeD\x88\xbf\xdcL[\xf0-\xa2r=^\xf2\xf9K\xf7#\xe1bw\xb3[\xf0\xde\xf4W\xecU\xc7\xf6\xe6\xf4\x95\xe1\xc7u\xe0MB\x1e "\xa2\xf7X\xb7m\xac\x05v(|\xc4\xb4\x9d\xd3\x139\xf7\xbf\x16\xd3&amp;7\xcd\xac\x95\x16\x9b\x85\xd5\xbfs\xeey\xd3}\xa7\xcf\xbdD\x85\xb0\xd7R\x98\xa7\x1b\xf5r\xa1W[LU\x8b!\x97\x8fd\x00\xba\xd1k\xa1\xac\x7f|\xb6\xcb\xe3\xadQ\xc2\x07\x88=\xf4a_\xcf\xd7Q\xb4\xa2\xce\xf9d\xd33\xe9t\xb6\xa5\x94\xd6O\x86\xeeH+WV,\x0b.\xf7\xfb6\xfd\xeb$\x16K\xa8\x0b\x14l\xab\n\xda\xc2\xdbA\xe9\xc0\x11\xb4d|\xc2\x0c\xbdYH\xf8fK\x98ucQQ\x81;\x109\xf7\x86\xaa\x16\xf2\xf2\x0b\x05Xc\x8a\xa2\xa4RAs\xb8\xbb:\x1b\x02\xa5yc\x88\xe8\x83\x15\x92\x97\xd3\xdcL\x81\x9cK\xd9\xf6h\n,\x81\'i\xdcT\xe7-\x91&lt;\x9f^]\xbb\xe0)\xb2+2\x1f3p\x96&lt;m\xbb\xfb[D\xe4\x8f\xb2\xb9\xe1\xbe}\xb9C\xb7z\x1b\xb4\xb2\xdc=\x96\x1f\xbe\xd0\x9eW\xf5\xda\xc1-\x87\xea\xa7\xfcN\x11\xa6\x1b-5C\xebLt\xb7\xf9\xaa\xbd\xe1\xce\xba\x9a\xdf\x85\xdb\xd3\xea\x9eg\x04\xaaB\xcaS\xb7\xc6\xc0\xf3\x15\x15\x95V\xea\xea\xb0E\xf9\x92\xc5\'/\xcb$\xf9t\xb1B\x91\xb5q\x81\xe0\xf4;\x87\xaay\xa5\x8aY\r\x9e1B\x81\x0f\xe5\xcd\x10Z\xcd\xcc/\xa4^j\x06Vm?\x7f2\xe3\xf0UO\xbe}y\x1fH\x11\xe5WgeF\xf2\x19\xa59\xa3\xf8\xfdR`\xc1\xeb-\xbb\x88dk\x9a\x16f\xaa\xb3\xbd\xb0z\xacT\x98i\x8e\\~\xb1SD\x12\xa2Uo\xdf\xf3\xf7\x13\xe5\xdc\xe7T\xd5\x02@\xcf\xee\x11\xd6A\x1d\x11\xb9/\xb9!\x03\xa3)A\x9c\x03\xdf\xf2\xabn\xc80\xce\xe6\x10\x93=\xf9\xc2FQ\x9a\xd8\xf8\xdf\xe5y}\x16\xd7\x16i\x14-\x86j\xbaIutj\x17\xabV\x9f[g\xf0\'\xd0\xdb\xdd\x87\xb4.}\xb4\x15)\xf8\xc5_\xf6,\xd9j\xc6v\xf7!\x9b\xd8\xe8 \xbf\x08\xab7=\xab\xce4Y\xbd\xe0+\x16`JF\xbb\x17\xf7\xbd\x81\xf7\xd6\xa1\x94\xb3\xa0h\xd8\x13\x18S\xfd\xb0\x11\x0c+\x13\x15\xdeZ$\x94\xf4ne\x15\x95\x1d\x18\x97\xd6\x9b\x1a{\xe9\x915#W\xf6\xb9y/\x91\x7f|\x01\xc0\t\xa9\x8bu\xab\x86\x8b\x96\x17j\x18]9\xd9\xebD\xd2E\xa6F\xe3&gt;\xbav\xe0\xea\xda\xb2X[\xdd\x0b\xca*-&gt;\xe9\xee\xcf\x8e\x02\xc7\xf5u\xbe;\xca#t\xdfP|\xdf\xbd\x14E0\xab|\xe7-m]x/8\x8bu\xc1\xc57g\x96,%\xdd\xea\x85\xcejUjy^\x9adFt7\xd2.\x89bLU\x96\x14N\xd6}\xe5\xe2K \xd2\xd3\x89xq\x1c\x17I\n\xdc-)\xef\xdc_0\xea\xca\xcd\x99\xf9I\xf7\x95\xc1\xfb3B\xb1\xf8\x9ej\xd4\'\xd5\xcbU\x94p\xe6)+\xb9w`\xeb\xe6\xbd\xa4\x92\x9eJ\xf3?\xf2\x1e\xfb\xfdP\x1d\xbbs\xc6\x06\x00\\\x115\x83\xa7\x87\xba\x11\x1awh\xc5P\xfb\xaf\x85;\x1e\xd9\xf6\xcd\xf3\x15\x1da\x990\x06\xa4\xf2\xc1~\xd3yCX\xedy\x1fj\x1b\xaezG"W\xff\xc6\r+~\x95\x90\x14Z\x0b\xf3\xb1\xed\xaf6\x1e\xcb\x9f\xbc2K\x96\xd2\xcb\x18|-\xaf\xdc&amp;A.\xb9\xae\x84\x8a\xc3\xca\xd7\xb8\x0fi\x93\x85\xc0fK2\x1e\x9b\x0b\x7fl,?\xde\xbf%\x91\xbc|\xfc\x13\xf7\xccPT\xb1{B9\xe1\xd8\xe4=\x19\xc9\xf2\x16\xdf\x87\x8d\xac\xb8\x15\xcbUM-\xde\x0f\\)[\x03\xe3G(\x9a\x1a\xd9\xae\xb1\x88\x02\xe0,\xc8Ck\x9c\xb6\xfc\x90&gt;9x\xccG\xeb\xff\x8e\xe8\xc1m\xfa\xac\x8b\xa2 \xfc:\xdb_\x9c\xe4\x9e]\xbf\xb6V\xbcz\xae\xf1FZ \xaaUtK\xdd\xc8="T~\xa6T`\xfeV\x9aR\xb1o\xcc\x94\xf1\xbd\x11\xb9\xce\x8b\xb1\x1awy\x92\xc5\xd5O\xf2\xac\xc0\x11\xd1\xddu\x1aY\x99i~N\xae\x08\x92?\xa2&lt;\x1e\xe3\xec\x9f\xa0?\xe0\xd7\xf0\xe9\xe6D!\x14\x0b\xabo\xd2\xb8Sd\xa2\xf5\xed)\xb1\xddE\x03\x88\xb6\x04\x9b)\x1f\x99\xe1}d+*\x9d\xd0\x1fN\xe9\xda\xc6\x85G\xac?\x7f\xe7VB\xe5\xb4\xb2\xf6\xd4\xa5\x9eL\xad\xf0\xb8\x17\xafr\xf5R\x00\xdfc\xc4CDOv\xee^\xb6\xefy\xa2k\xf1\'1_\xf2HD\x03\xbe\xb6\x9c\xc8y\xdf\xc4|;\xff\x04\x01\xe7\xedCh\x8a\xcfK\xfa\xdb\xbf!\xb4~\x8dt\x92\x80\x8d\xc6\\"\xbc\x9b\xfd\x8bC\\\xf4e\xed\x06\x15\x94\xf9F\xff\xb5\xad\x85\xaf\xe4/\xaaK\xca\\\xfc\xf0\xf2\xce\xfdI\xa8N\x94C\x99\xef\xda\xcf5a\x04\x17\xb7\xe4\xbe\x9a=\xe7\x10/\x84\x82bD\xa4\x0e\xa7\xdc@x3\xa2_\xbc\xdc2\x8f5\x95\xfda\xc9\x88\x8a\xd8NEM.^\xefg\x92\xb6"\'\xe4VM\xa9\xaev\xa2/\xfe\xf7l\x8b\'8v\xfcrP(0\x96\x10]\xcf4\xb8\xf8\'\x05\xd8\xef\xd1OKr\x83q\xbe)\xfd!\x82#&amp;\xa0(\xdfF\x16\xa6\xd9\x98\x1c\x05\xf1Pgs~\x99~\x19\x9b\x9a\x89\x80\x19\x1a\xa7\x98\xc4;\x83\xbf\x03 \xf2V\xe6\x1aW\x13\x1f\\(O\xddW\xe7K\xc6\xf5\xbfQ\xfbj\\\xd4\x91\x01\x89\xa3n\xdel\x9ap\xa7\xe9\x90\xce\xa3\xf5\x9f\xe6\x85&amp;\xf3\xcd\xee\xd5\xf4X\x84\xe5\x0f\x94\xa6b\t\xc3\x89TP\xf2\x92\xd8\x9e\x9d\xaa\xcb\x9a#,\x01\xd7\x7f\xf6A8\xbe\xd7\x1e\xe9I7\x82\xef \xcf\x9f\xa6\xbffN\xd8/\xad1f\x8e\xb4\xe5+\xd4\xcb\x15\xd9B\xe2w\xc2\x139\xf7\xf7z3\xac}\x99\xb7\xb7\x10\xc0y\xc99\xa5\x01\n\x8d\xeb\xe1\xef\xa2\xf6ET\x1b\xec\x8b\xb8p\xf7\x1c.\xc4\x17{\x96O\xeb\x82;\'\xd5\x97\x97~\xb8\xd4\xbd/\x91{wr\\ls\xa7\xeb\xe9O\xaba\xc7\xc0m-\xfd\xbf\xd8\xc1\x95\x9f\xb6\xa2#,_\xc7\xa6B\xf8w\x06\x15\x9ds\xa6|\x0b\xae\x1d\xed\x13\x9f7\xafy\xda{\xa3y\x0b\x8c\x93sr\xc5\x0f1\x9f6?\xc9}\xdc\xfa(\xf6\xe8\xb6tyN\xdd\xf2&gt;\x92\xda\x00""\xf7\x06\x94\\K\x13W\xee\xc5\x03\xe9\xeey"J\xe3\x90\xadL\x8d\xd9\xe4\xfe\xcb\xe8\x97\x01\xbe\xc3X&gt;c\x0f\xf9\xb07\x9cs\x1fF\x05\xf2\xb3[\xc9\x15%\xe9\xc9;6Q\xefx\x06\xe4L\xdaj)\xe4/\xd5?N\xdcM*Z"5\xcfm/\x80\xbd.Q\xf4\xbeV\xc4\x7f\t*\x86]\xc9\xaa\x0b}\xce]\xe4\x9a\xc3i\xa7\x1f\x92\xcbK\x0eP\x97\x94\x94F\xd2~&gt;S\xd7\xa4\x8bU\x9d\xf3\x92]\x0e+\r\xdcdL\xb1\xd2Y\xebi\xe6T#i\xd6\x16\xcaU6\xf0\x8cn\xb9\xa2\xfe\x1ag*\xd1\xfa\xfdw\x03\xb9h\xb9"\x87\x97xD\xcb\x06\xc0\xa5\xef\xd4J\x85\xe2b\xec\xc2B^\r\\\x89\xc35\x81\xd1&lt;\x97[\x97Mf\xe9\xce}\x8e\xad\xce\x87\'&amp;\xa5+\x97\xa0@\xd2\xfba\xb1\x95OV43\xebs\xce\x8eD\xcb\xfa\xd1{^a\xd4\xe5\x8b\xba[\xa2k)\xe4b?\xe4ZUl\x90\xd4\xc2L\xa5\xbcD\xffS*\xd9\x1b\x9e\xeaVH\xdaS\xc9:IJ\x8d\xba\xf2\xdb\xdd|\xa7\x8b\xf5\xab\xaad\xfb"S\xdc\xe4(pS\xa8\x08\xb2v\x8du\xe3\xa1Q\xe3n\xea\x9a8\xa9\x9d%\x07\x9e\xd4l\x0e\xab\xa9/\x12L\x84\x9dL\xb8\x1ew\xb5\x13.\xc1\xcdm\xd7\x1d\xff\xa7b\xd9e\x81,\xed\xe6\xf4\xc8\xd9\xa6\xf3.\xd1ND\xce}\x90\xff\xd1\x13\x1b\xb7\x97[\x06\x85kJ\xad\x7f\xc8\xfb\x97\xb7\x8a3#\xfcl\xea\x8b\xe4\x18;~\xcaA\xf1\x95*\xf7j\xeb\xc6\x9a\x84*&amp;K\xfc\x92\x82dS\xe82\x12V\x9f\xfb~+u\x07E\xd2\xa4\x870\xbafn\x12\xea\xbaI\xa8\xc5[\x15\xd7Qk\xa4u\xdfu\xa3\xa7$\xfc\x0e\x80H\xcb[h\xd6\x98^5*_\x03\xbdR*F\xfb\xc6I\xddR\xea\xaf\x93\x9a\xcda\xb5\xf4o\xe7\n\xd6_\xc6\xcd\x99\xf0\xc3F\x1b\xae\x9a\xc6\xd8P\xbc.\xaeU&gt;M\x821ts~o\x87\xc8m\xaf\x17\x9f\xa7Q\xad\xcb\x8bi\x9a\x9c{\xbc\xf7\x91\xff\x15/\x17\xceJk\x99\xe7\xcc\xbf\xa8\xe5\xdd\x98\xdeF\xe1\x1f\xf6W\x1d\x82\x05V\xf4\xab_\xbeQ\xeb\xb75M\x93s\xee&gt;\x82\x13\xc2\x8b^\xfd\x8b\x86g\xd1,z\x0e^\xbe[\xad\x8b\xcb\xa01\xd1\x16\xdd\xdfu\xa4u3\xa3y\x9a\xb4\x96\xacN\xcb\xff*{q\x1a\xbd\x0b\xd1\xb2\xa0\xf8\xb7\xb3\xa8\xef\xbat\xcaO\xc4\xe1\xe1\xcd`\xde\xef\x01&gt;`U\x96\xfe&gt;\xd2\xe5)\x85d[\xde\xb0\xa5\x89_X*\xc6\x13\xca\xdf6$\xa1\xda\xed\x1d\xd1\xf9\x06\xfb\x9d\'\x05+\xdd\xe5w\x83\xaei\x06\x07\xddx\xa7`\x8c\xd9\x97\xad\xd7\xb2klX\x91\xd7)\xd3o\xbe\xc1\xcd\xe4::\xb7\xeet\xaaQ\xe3\x18\xa9\xec\xc1X\xafG\xff\xd6\xd7\xd6\xfb\xf2\x95\xce\xb9\xab\x08\'\x96\xf1\xd1\xf5`\xbf\xaf\x85\x13\xd0;\xf5R\x96\x1c\xb2\xdeSS\xacv\x94\x91s\xee/\x88\x9c\xfb\xe4\xbc\x86\'\x19\x84\x0b\x86\xb1\x06[\x9a\xb0\x14\xb0?\xe2ck\xa5\xba\xd2\xe3\xf0hE\xcc[X0)\xad%\xb6\x97y\x92\x90\xe7W}O\x96\nK\x06d\xd5%&gt;\xd7\xf7\x17++\xbdx\xb3\x1f\x0e\xdcj\xe2\x11\xdb\xd4\xd3\xa3\xa2\xc4\x0fJc@\x9f\x9a\x9b\xd4\x96\x1b\xc4\xfe\x9d\xf2\x15\x87eX\xf5&lt;\xd11V\xf7\t{\xcb\xe4W^\xb2\xd8\xa7\xd2\x01T\x19`]\x07(J\xda\xd61\xee\x97\x8f\xda\t\xf7UJ\xee\xebukD\xefvZ\xb6\xabI\x9em\x96\xf5%q\xf0W\xe3\xf3\xf0\xd8\x03\xe9\x95\xea\x96R\xb6\t\xf1BE\n\xd4\xda1b|\xdb\xc7of\xc1\xe6:\x87\xc4\xb5\xfe\x82\x88\xc8\xbd\xbaJH\x8b^V\x1e6\x007\x96\xc1\x89\xe9v\x92\x9cR\xcc\xffM\xfc\x0c\xb7\x9f\x96\x8a\xae!\n\xbfr\xdeR\xf3\xa0H\xb0\xcc\x13\x9d,\x1c\x99m\xfc5D\xaeQ\xc9i\xdfi\x0f\xd7\xb9V\xd8\x8f\xf4\xecK\xc3\xb2L\x8b8\xe7^\xacXTg\xa0F\xdb\x80\xae\x14\x87\x89\xbf\x04,\xaf\x05O\x12f\x94\xc5\xf0\xe8Rx\xe6\xa6\t\xa1\x8cIn\xf97\xbd\xebU$\xf7xI\x85\xd5\xc9\xbc\xb5\x99pJ\xdc\xb5]\x7fW\xd6\xa5}bR+\x87\xeb\xd0f\xd5\xe0F20i\xde\x12\n\x8f)\x83\xa7+\xfdr\x018\x1d\x87\x0e\xa2J\xd5\xcd\xc3\xbf\xe6\x9co\x9c\xa3\x88\xe8\xc95\xc2\x7f\xa7\xbf)=\x10z\xe7\xe5\xad\x12\x94\xdd\xa4\\1\xd8zp\xc7Uo\xef\xf5\x16#\xbc\xa49\xb7\x01\xe8j\xce\xa3\xdaEp+Ur\xee\xb5\xbaHV\xec\x854\xc6Pt\xbb\xa4\xb4\'\xa9F\xffJh\xa7\xd8\x84b`\xe8\xb5_\xaef+\xfd8k\x89U5\xb8ElQ\xf2^\x08\x94*\nI_\xcc \xe0\xc6\x91{\\~R\xf6\x9f$t\xea0L\\\xd3\xf6\x8cV\x01w\x88\xdf\x9f\xb4\xad\xcc\xaa\x8b\x1d\xc0A+\x9eb7\r\xb0\xaa\xa3\xb4t\xa9\xda\xdd\x81?\x9d.\x94KV\xc4.\xd5\x84n*v\xbe\xf8\xe5}\x0e\xe0\x03\xf9\xf7[4\xd26\xd6\xbc\x02bC\xb4\x9a\xcc}!9\xf0\x94C\x15\x9c\x88;!J\x86\x90\x0e?\x0c\xc8\x9bD6\xad\x1b\xf3\xfeq+\xaa\x01\xab\x93\xb2BM\xa1\x1dL9=\xb2\xaf4\x99$Y\x01\xe4\xfbz\xbe\xfb\x0b\xd9\x85\x9a\x99\xce\x0b_v\xed\x18\xdc\x1d\x1d9f\xf9\xe4\xfd{B\x9a\x96\xaa\xbe\x1c\x8d|g\x88\xab\x17\xd3\x1b#\xadwm\xed26?\'\xb6m\t&gt;W\x9c\xeb&gt;E_\xa5\xf7\xea\x9f\xdc?\x9f6n\x0187^v\x08\xa7(p0}\xb6a\x85ye\xef\x85\xb5\x86\x9d\xeda\xd5\xd1\xcf\xa9\xdc\xb2\x9f\xa9\xbbo\x81L\xb0\x86\xbdH\xd5J\xb7\xb4\x12\xda\x16\r\xf9e\xd3Q\xbe\xca\xdb\xff\xd5\rO\x00loW\xbb_\xa9Y\xd2\xd9\xad\xd2\xd8\xd2&amp;\xd6\xeb\xf1\xf9\x7f\x15\xab\xc6\xb2\r\xf1z\xf4q\xfc/\x0fT\x12.y_Z\xd6^\x16Tm\xc3\x00\xf8aHD\xee\xb5h\xfd\x10T\xe8\xba\xfa\x0fE\x01\x00Z!\xfdL\x03\x06\xb2%\xc7\x0e)RS\xacE\xcbh\x8a\xe6\x9d\xdc\xfef\xce9\xc9\xf5\x7fT\xa8X\x16PJ_\x1bZ(\xafl\x9alV\xd6\xaaqN\x7fOv\xea\x9d\xdd\xba\x98\xb2\xfbU\xbbK? [\xfd\xeb\xdc\xf2\xe7\xb7\xd6"J3u\xc5v\x80\x92Hc\x9f\xcb\x05\xb3X\xc7\xc1\x1b\x08\xd9\xe1\xa9\x1a\x00 \xcf\xa9&amp;\xe3\xc3\xe8\xea\x84V\x97\xfe\xb8j\xf5\xaf\xc9\xc5\x85\x95\xcdq\x9cm\x158\x82\x1b\xd9\xc6\xb4E\xfa8\xec\xb2\x86\xe8\x8e\xc2\xa4\xb2\xc1\x0fomQ\x8ds\xba{\xb2 \xd0\xa0\xeb\x91\xfb\xe4\x9c\xbc\xc1v\x97\xfa\xd92\xee\x91\xc7z\xbfl \n\xb8\'\xa3n[\xef\x1a\xc8&amp;\xedo/&lt;m\xabq\xcb\xa3\xd6+\xcfq\xeeo\xfc\xbb\xdb$\xb2\xfe\xc0\x1b\\\xc6\xd3{\xc6T\x00\xba\x81~=\x02\xf8\xdcD\xf0\x02\xd5\x9f\xf6\x88X\xca\xa5H\x83\x18\xa5\xa2\xe2(K\x8a\x9d\xe1]\x9d\xf9\xd6\rL\x11q\x8f\xdc\xb4#.!\xe4tO\xab&gt;*^Q\x9d\x83\xc4\x1e\xc66\xfe\x0frER:\xbe\x1a\xa1\xf6OG7\xaaV\x8d*\x93\xe4\xf7\xd7+M\x93u\x95\xf2\xedz\xcc\xacS\xedI\xab\xe8\x8e\xadp\xf8jM\xe7\x80\xcf6Ye3[\xc0\xafh\xb4V\x1f\x1b\x8b\xf0s\xa6\x02\xd0\x0f\xf4\xeb\xe9A\x07\xcdtLC{f4A\x11%\xa5\xce\xd9\xd1\xa75\xac\x1e\xa6\xf7\xdf\xaa}+\xd8"\xa1\xdd\xc3\xbe\x01\r\x136\xc54\x1b\xd6\x05\xfa\xc4\xc4\x18\xd9\xb6\xb16\x87\xce\xd9\xd7?%\xa5\xfa^\x93K\x8e\xe8tVW\xbd\xa2\xcb\xf2t\xfd\xb7\xaa;\xe2\xc2Gt(\x11\xd13\xa3\x93\x08M&amp;\xd1o\x00\xe2F\xf1&gt;\x7f\x00\xc5\x7f&gt;e\x95\x7f\xbeT\x00\xba\x82~=\x1f7\xabG\xf0f\xcb)\rPr\xc0*g&lt;\xfd=\xdf&amp;\xb0\xdd\x9e`5\xf0R\xf5\x13v\xb2\xfa?E\xd7_\x8c\xf9\xddN\x8f\xfeZ\x1b\xf5\x99\xc6\xe3j\xd9\x16m\xb9\xb5/\xb4o\x12\x9a\xc4\xa6Vu\xebt\xf2\x96\x95\x91\xde\x1e\t0^\xb3\xb6I\x0bLk\x16\xa5\xd5\x97\xb6\xa2d\x80al\xa6\x9b\x04"r\xeeUBI\xf4\x83\xb14\x920\xb6\x0f\x00`\x06\xc3l$\xe7X\xdc\x0cJ\xa9\xa5v!\x89\xaf\xf4\xf5\xc3H\xaf\xaa\'{j~g\x97\x82\xd1\xa1;\x8f\x94\x85\xd5V\xe4\xad\xea%\x87\x88\xdc\x9d\xeb\xa5]$\xfcB\xf3\x96O\xdb\xa2\xd5\xe6\xce)kx*\x90\xd2lc\xee\xbd\x88\xfd\xb6dGQ-0\x92\xd3&amp;\xad\xb5]\x1a\x03\xf4\xf3\x17%\x1b\x80`D\x13\xb9o\xf0\x07\xbbh\xcc\xa2\xf1\xe1\xc66\x01p\x0e\xbe\xcd\xfe\xc2\xdc\x18\x8a6\xc4G\x02\xd8\x0f\xf4e\xd0\xca\xbb\xda\x92^\xc2\x9cs\xce\xfdBA\xe09\x1a~8\'\t\x00%\xe1\xa2\\S0j\x9d\xa9\xa5\xbe\x84\xf79*\xf9Tu\x90v\xe5\xb4\x14{\x856\xdb\x9a\x9f\xf9\x18_X\xbf\xa2\x88\xbd0\xc6f\xdf\x1b\xfdOO\x0e\x9ds;k\x7f?\xde\xffaf\x105\x92Kv\x01]\xac:\x8a\xe9h\x03\x00\xb0\xb1\x0e\xb9iB\xf4\xf6\xe4\xe2\xd8\xd1^-j!\xa2\xc99Wi\x06\x11\x1d\x1d\x18Dv\xe3\xc9O\xc5DtH\x13\xf6\t\x80n\x10\xb9\xc9\xe9\xa7\xb06\xaf\xc6\x13}\x07/Y\xe3\x84\x88\xecz5\xd9\xd2o[u\xbb\x96\xe0q\xa5\x1e\xa1\xa5\xdf\xd8b\xb3-y3B\x83y\x8dG\r\xa2,\xe4\xe6n/\xb4\xcen\xf9\xe6\x92\xee\xad\xde?-\x0c\xe8;\xcd\xbc\xe0\'\xe1\x8b7\xf9\xf2Q.8_\x98\x19\xb8\xc3\xd1\x06\x00`\xe2\x84i\x1d\x18\xc8\xcf}K\xa1F%\xb6\xc3\xddFe1v\xe3Or\x8a4M\x137\xb8Na\x1cs\xd26M&amp;_\x9f*o,\'\x87\x1fo*\xafk\x82\xb9\xbf&amp;\x0fk\xddE\xdd\xaa\xb4(ar9\x13+\x1a\xc8W9Uw_\xb8&lt;\xde\xd0\x18f?W\x9e\xa6\xc9M\x99V+\x04J\xa7\xec\xd3tFgfY[1\x1f\xe4\xcf\xad\x0f\xdf\x8f\xe2\xeaya\xac\xeb\x81\xeb\xf2\x0b\xa8Ax\xd6s\xf5O\x7f\xae\x13\xf8|\x10\xbd\x1eh\xb6H\x88\x12\xf4n}}xP\x1dn\x80\xcc9\xb2\xdc\xd1\xc9\xd6{\xe2\xefGf\xc3;\xe8\xa6\x08W\x8fM\xe6\xcd\xf2\xa3]\xc7\x901\xa9\xe8\x96\xe0\xed\x8b~\xef\n\xee\xe0%\xddK#\xc7\xf4\xd7\x1b\x9e\xee\x85\x96o\x0f\x8c\xa9\x1aeO\\\xde\xe4Y\x9a\xf6\x91\xf3\x8d7*\xbeS\xb4Vy\xa1L\x01\xf7\x9d\xe7q\x17\xd8\x9bS\x8d\x96\x9bC)\r\xc1\xe77\x18\x8a^\xb2\xec\xaf\x80\x93\x89\x81|~\x8e\xed\xa3`\xd1\xc9\xbf\x19&lt;\xdc\x80\xf1;\xb1\xeb\x18\x05a_\x88\xa5\xacR%MF9Y\x1d\xa7[doH\xb6\x1dg-\xb9;\x06\x07\xf9Oh\xb2$h\x9d\xd8\x0b$|\xef\'\x00`70\xean#\xe1\xc1\x9e)\x06J\xc79GrE\x91|E\xa6\xee\x8c\xb7\xf4\x7f\xd2\xfe\x91\x86|\xb8A\x01\xf9\xa2]T5\nIE\x9e3S\xb1.\x95w\xbc\xfba\xef\x05\xfe\x88\x87\x88\xeeJ\xc1\x8e\xc29\xfaH\xae\xbd\x8b:l\x00\x80\x11\xc4J?\nc\xefXW#/\xf4&amp;X\xfd;\xe6\xbb\xbd/\xbf?\xc7\xcfFg\xee\x8e\xd3\x1a\x96p-v\xaa\xe8\x1b\x12\x8b\xb4\x0f&gt;\xc2K\xc3\x17"\xd7\x13\xa2\xdas\xd9N\xcb\xd6\xabqK;\xecZ\xff\x0cy\xd5dC&amp;6\x88\xe8cK\xa7\xfb\xf1\xc5=\x1e\xbb\x81\x9b\xc3I7\xf7W\xca\x997\x00\xdd\x9f\x0e\x9f\x8f]\x83y]\xfaw\x9a\xb9\xcb\xda\x06\xab\xb86\x8e&gt;\xe7\xeb\x8a\xf9\t\x92F&amp;\x119\xf7\x9b\xfd\x04\xdaT\xef2.\xae\x85\xfd]q]\xce7\x9b*\xac\x9b\xc7n;\x95\x10\xbf\ng\x0c\xa3\x90\xcc-\xcd\x1e\x12\x80\x0b\xbf\xa5.\x89\xfdbOn\xf3(\xbd-\r\xbf\xb41\xe8\xe8\x07\xcf\x13\xd8\xb8\xe6\xdf\x12\xdf\x8a\xb0m\xe7\x97\x98\xd7\xbb\xee\xbc\xdd]\x0czR\x9c\x89\xce3L\xea&amp;\x0ea\x87y\xde\xf9\x97\xef\x11y}\x7f\xf9\xf8\x8c\xf8\xee\xfc\xaa\x8fU\xf7I\xfa\x1a\x0c\xa5\xbe\x8f\xcf9f\xae\x8e\xe2N\x1d~\xbe~r\xf9\xfa\xcb\xc6\xf4/\xdd\xea\x07\xbb\xe4\xdc\xf7\xf07\xbc\x89m\xed\x0e\x0c\xb1\x90\x1b\xe6\x8d\x1b\xd6\x9cq\x14\xd7|\xe7\xf1d\xcd\xf2T\x1e\xe6\xe7iW\x80\xb0cy\xb7`6\t\x1a%.!\xb8\xc2\x05\xdd5\x16\x83\x1b\xcf\x9fxo\x98q\x01\x87\xb81\x92\xdf\x00\x10\x11\xd1\xd7b4^9\xd26o\xdc\xe1\xd3i\x8f\xb5v\x80\x88\x9c\xfb\n\xf9\xd6\xfa\xe3\xeduQ\x86\x8b[\xfe\xcb\x15{&amp;\xdec\x1fh\xcaHN\xdf\xae^\xa7\xc8\xddz\xf0\xf4\x1eK\x90\xd7\x06\xda\xf4\x15&gt;\x0f\x88zD\xec\xa0\x9b;j@\x0bDD\xf4\xdd\x08\x8e~\xacg\x90\xc2\x90\xfbc\x0c\xc5\x1b\x00\x97\x7f\xd1\xad\x83`\x8f\xcd\xf8r;Xs]\xd4\x1c\x16\x9e\x04a\x83-\xbd\x0c\xb6\x8fQ\xa0\x07\'\xe9\xac\x03\xcc\xc8\x1f\x0e\xea\xabs\'P\xe2\xfe\xe1Fo\x9bA\x0b\x88\x8c\xae\xac#-3\xe4\xe0\xf0k\x87K\xe2\xd7=\x8e,\xc6W\x9c\x0269\'?\x94\x96\xa5mQ\xfew\xa6u\xabM\xea\xcc\xe0\xdf\x1b)N\xff\'r\x85\x87a\xd5r%\xb3\x98r\x1f{\xe5\\G\x03\x8fZ\x133Kv\xfb\x97\x05%\x1b\x80\xeb\xf09\xd8\x89\xab\xc8\x867\x12ak~.\xf64\xcc\xd7uZ\x87XI;\xd7\xd2\xddgt\xc2\x95v\x8de\xacQ\x14\x8aW\xdad\x13\xca\xd5?\x11}\xdf\x15{\xe3\xcck\xa0\xd0\xaa\'\r|9\xf04\xf1|\x123\n\x1c\x1e3\xd6\x15\xbc\xb4\xfa7m!\xc0\xad\xe0L\xe9\xe0V\xb1\xba=\xf6\xff\x17\xec\xf5\xa6\xb8\x86\x8e\xda\x0f\xc9&gt;g\x8c\xed\xab\x1fq\xd7m\xbf=\xa4\xaf\xb8\xb1&amp;\x94\x1b\x80\x93\xf5\xbeaYsJ\xfb/\xecdR\x8d\x07\x96\x85cg\xbf\x9d\xb7/NG\xb8\x01\xd8.\x17\x7f\xf1\x97\xd9\x00\xdc&gt;\xa6\xa3\r8;D4M\xe7\xf6\x12\x91;\xb9\x85\xb5\x10\xd149?J/\xa3t\xed\x91\xe8\xe3\xcet\xd4~DC\x88\xa8\xacqG\xc3\xe6\x0c\xac\xd2u\xe2\x98_&lt;\xe64\xee\xcd\x889$9\xaf\xb3\xa0:0\x9e\xe7\xdcK\x0c7\xebJ \xa2%]\x1d\x12\x9c\xf1\x88^CQa\x8fe\xf4\x95D]\xeb\xba\x82\x88X\x0f\xc8\xd9f\x1b/\xce\x9d6#)0v\xd9\x12+\x83\xac\xb1\x10\xac\xdb\xa7ir\xf3\x9f\x8c\\?\x16\xaa\xf8\x9c}\xa57\x80;\x1cm\xc0\xd9\xb9\x82\x988\xbf\x85M\x04\xad\xbbt\x87?\x82\x0fl\xfd\xf4\xbd\xfdD\x1d\xd0\x8cW6\x96?\xd1\xeb\x01g\xb1CF\xff&gt;\xaaT}\xfc\x89T\x93\xfc%^\xef\xea]\xfb\xb7-\x02[\xa0}\xdfC\x90\x8e\xd5\xa7ir\xd3t\\tJY\xa4\x9c[\xe6\x05S\'3\xfa\x88\xd9\x9fi\xe2=\xa8I\xce\x8d\t\xbc0\xd8\xf3\xe1\xddxzm\xdd\xb0\x1d\xfd\xd2O\xc0\xe6\xf7\xb9\xef\xc89r\x93\xbdC\xc2\xf2\xb6_\'\xb0i\x02W\xc2\xce\xfd\x8a0J\x91~\xc7\xbf1\xdf\xf5!\xffx\xbd*50\x02c!77\xddX&lt;vj\',\ri2r\xe8\xce6W\x19\x00\x00 \x00IDAT\xbc\x92y\xeam\xb1|+y\xecD(\xd8&lt;\xf0M\xf1\x1b7\x0coXsv\xa2\xe2\xed\x91$V[\xdf?Y\xb3M9,[\xc7\xbb_\xe5\xc5MUv\xc3\xeb\x91\xc2\xd4,\xbf\xffc\xe8\x0el\x00\xc08\x82_\xb6;\xd0\x8e\xa38\xf7!ha\xe4\xdf\xaf\x8b\xf1I\x86\xba\xfeH\xf8\x7fG\x1b0\x9ck\x98\x15\xea\xb6(R\xf9m\t\xb2\xf3a|\x86\xde\xbd -\x17@D\xcba\xf6\x95a\xde\r\xb2%\xfb\x84\xd3woa\xc9\x8d\xc1\xec\x86\xff\xe6\xb0t\xc7\xdb\xe7\xcb$\xab\xff\xe8\xf7\x07\x00\xe8\x8f\xf1\x98*\xfe\xa5\x96\xdbIk\xc3m\t\x8e\xc8\x11\xfd]SN|\x9c\xb3\xce\n\x9b\xf2\x9a*O\xb9q\x19|\xe8\x9cDD\xeeAc=\xd6n\xff\xa9fe\xfd\xc2\xb7.\xec\x07\xd17\x90\xb2+\x06\xa0\xe2\xe6m\x9f\x8eiKy\x94\xb1\x8b\xda\x9b\xe3\xf6\x1e`?\x0f\xf6\x85\t5\x04_\'\xfaN\xc9\x824\xbd\xfc\xea\xb4\xd2\xd8\x84\x9e\xe7\x9d\xfdD\x19\x15\xeb]w\x17\xf3\x01\xf6&gt;\x19\xbf\x14\x8d\xd74\xe4\x93\x85o\xae\xd8\x9e\x86\x15\xe9k\x8f\xd2\x0f\x07\xf3+\xed\x86\x8dn\xddu\xadD\xcf\xf94\xa3\xac4\xeaD"r\xeey\xc3\xec\x19\xca\x9d2\xf7\xd2\xf1x\xea\xe1\tn&amp;\xf5\x01\xf7v\xf9`]V\x12\xb74\xa0E\xe7p/\xca\xef4\xec\xd5/\xa9\xef\x9f\x86\xaa\x9d\x90\xd6\xba\x8a4j\xdd\xf5\xed\xb7\x80+o\x00\xc8\xfb\xf9\x10\x0ca\xac\xf1\xd8\\\xe6\xf41S\xcd\xf97\x00\xbd\x0c;g\xeb\x0e!\x1f\xd2\r\xc1p\x93GJ;\xabc\xbfg\xf309\xf7sI\xc2\x8f\xc7c\xfd\x08=\xeb\xa0\x06\xb7\x94(\xa6\x8f5\xe6(\xd8\x15\x9et\xf1l^j\xb0\xa7\xbe!\\\xfa\xab\xdc\x12\x1c\xebO\xcd\xe2^6\x92\xaf\xb8\xcf\x02\xae(\x7f\x9d\xd2\x0eu\xb2*B6w)^98&lt;f\x86\xd2\x1a&lt;\xaf3\xfc\xa1S\xce\xb6\x1b\xdd5\xe3\xc8g!u0\xb0S\xd8U\xb2\xcf\x18\xa7\x909\xf9\xfc\x0e\xa5\xdd!\xad\xfe5\xd3\x07\xabLo#\xb6p` ~,\xde\xec\x99\xd5\xca\xb5\xb8\xa2\xd6\xce\xd6\x07&gt;\xdd\xa2\xe5\xb8\xb5i\xa6\t\xd1u\xb6\x98\xbc`]\'\x06S\xd3HR\xc4+\xd0n\x00~\xe9e\x8a\xb3\xd4No\x91u8\xe3\xbc\xf1\x1b\x80e\xca\xef\xd8\xc0\xae\xbe\xd2\xed9{j\xd4\xa9\xbef\n\x1eSE\xfb\x8d\xfau\x11\xe3\xdaZ-\xb6WI\xe3R\x9e\\\xbck(&gt;\xb6\xc5\xb1,8W\xf7\x9f\xc4\x8c\xdd\xb8m\xed\x8d\x187\x9d\xect\xae\xa3*\x94+\x19l\x8c\x1d\x91\xfb\xa9\xb1\x8f\x83h9\xad\xcf\x96z^2\x91\xb4\x1f\x1c.%_\xf7\xb8\x987y\xf2wo\xf9\xd84\xb1\xeb\x0c2l{f\xd8\x1b\x9f\x85\xef\xd7ZKD\xee\xaf\xe7\x06\xf6m\xa3\xee\x80 \xbap\xbc\x93\xafs\x93O\xec\xc7x\xe1_J\xda\xf3\xcc\xbb\xb6}s\xc2\xd59\x04\xa8(O\xe1\x8d\x1d\x8f\xb8)\x12\x8dI\xba\xa6\x97\x8c\x87\xd89,f\xf6\xc8b\x9a!\x13\xa6c\xbe@Tr\t\t\x8a\x92r\xef\x16\x15\xa6\x07Z\xcd(w\xbdv\x17\x176pW\xfevu\xef\xe3\xafe\xc4\xedIq\xb9p\x08\x99\xb0\x0fn-A\xd5\xcb\xfeS\xf8A\xd3#\x96\xb40\x97\x0c2R\xa7_\xb1\xc8\x8b\x8a\x8c\xd4-O\xcbZ\xd7\x9f\xea\x85\x0c\xe9\xe8\xf7R\xf4H\xa5\xde\xc8\x93?\x13we2\x95\x14l\xf0\xba\xe0\x8c\xc3\x1f\xf4#\x1f\x10\xcbh\xbc\x97RX/\xabn\x15\xe9\xb0\xc4\x96\x89\xf3@\xa7\x05bg\xdf~X\x95\t\x85\xd5\x7f\xa10?k\x96\x85\xe8\x9f,\xef;\x96\x93E\xdb\xfe\xbaK&gt;\xb4\xac\xa8ND\xa3\xcd\xa6@\x1dD\xaa:g\x12\x91\xfb\x80\xe0Py\xa0e\xadT\xdb6\xea\xcc\xa5ow[\xe5(U?7S\xe6\xe8X\xcd\xf1\xba\xe3\x0cK\x93\xb6\xa6\x1f\xb7\xc2_\xbf\x15{/\xeeI\xc2)\xfd\t\xba@\xfd\x0e\xde^r\xcc\xd8;hQ\xb2\x0f\xd1I\x15`8\xc3*$\xc3l\xd8C\r\x0f\xdc\x8dm\xc95_)\xcdZ\xec\x9c\xaev\xee7{\x1b\xa6m/\x11\xb9\x8f=\xa7O2\xf41\x98\x88\x9e\xa1\xdda\x82\xab\x86\xcakhC~ \xe7\x1e\xa1+\xb6\t.\x97\x96W\x02\xe7\xce]\xa3hK\xdaK\xc5[\xe64pN0\xb0\xbb@_z\x83\xdcu\xf2\xde7\x9b\xf7Puy\xafX~\xf5_\x90\xf6{\x86\x19b+y\x07m\xe1]v\xe6\xb4\xea\xeb+VvKt\xfd\xa4\xe1\'B\xe4\xdc\xb3\x06\x89f\x94\x9dx\x84\xf6b\x8fP?\xbd\x0f\x07dc\xdbS\x02\xb1|\xd3:\xf8(j\x96\xec\x8e\xfb\xa5\xde\xba\x86{\x15\xaf\xc8i\xe0\xa6"\xbf\x0f}U\xa3\xba\x82\x1f\xe8.q\xdc\xa8\xae\x90\\o\x0c\x9f\x9eN\x92\xb0\xde\xe7\xf2\x1fk\xfe\x15Z\x94\x96*\x1c\xcc\xe8\x94\xdaf\x08S\xe1\xf7m\x1d\x98\xbc.N&amp;\t\xd7\x1bY\xa3\x8b\x7f\xcf\xc4\xb9\xa7\xf5\xd6\xb8\'\xbbl\xcc\x06,\xbc\xce\x9a\xf0O\x92vn)\xc5\xa8X\n&lt;g7\x93\x1a\xa9\x8asn\xdd_=X^\xfab\xc0;\xa6Z*\x05\x02\x00N\xc3Yf,E\xa6;\xe6H\xa9\x8f\xbeK\xeb\n_\xbb!\xdf\xfd\xb4x\xfdDD\xdf\xae^\xackJ\xcd\xff~BY\xe63\xa2\xa9%\x11V\x94\xa0\xc7\xb4\xd9\x90dt1\x80\x91\xf3C\xe7\\\x83\x9e\x8d\xed&lt;\x92\x8b\r\x7f\x81B\xc1\x95\xd2\xf7N\x9e\xd2\xf9\xe7\xb4\xea\xd6\xa0\x88\x9c\xeb\xa2"\x9c\xfcE\x7f\xd3\xd2\xdf\x13\xc9\xaah\x16\x0b\x00\xcb\x16[K(\xff\xfd-\x8a\xb6p:\x14_\xa2\xb8a\x83PhNM\x03;e\xbd\x8e4-a\xc3\x8a\xb3\x1c\xad\xb4OR\xea%\xf7!\xf3+4\xce\xfd\x8cX\x86\xfb\xe6\xb8\xc8T\xa1\xa5\x0fWY\xcb\xe8&lt;2\xc8\x0b\xdb\x8f\x9b5\x00\xf7"\x0efo\x03\x10_Mkm\x17\xcf\xe8\xf9\x13\x9at\xbb\xc8\x8d\xd61\xba\xda\xc5\xd4\xa9\xce\xdf\xf5l\xeb\xb6#\x8a\xc7\xe3\x19\x07 \xb8Y\xccq\xacx\xd5\xf8&amp;A\x85\xb90\xb8\xb5\xa7Uc\xd5\x119\xf7h\xb5\xd2B\x06t\xef\xd2\xd5\xd4&gt;\r\xaf\x11\xf2\x7f\xb9E\xb6J\x17)~]\xcf\xc2"\x8a\x9c+l\x00\xd2\x8am\x0e\xdcoR\x97TW\x04\xe1\xf9\xe8\xfe\xd7\xbb\x9a\xa1\x00\xf7\x0c\xdf\xb6\xd7\x8c\xb6\nk\x8d=\r\x04\x19\xbe\xfb\xe8p""\xe7\xfel\xfe\x89(\x0e\'\xaeFW\xe5\xc7$\xa5R\x1b\xb72E1\xd9\x02\x9f\x96V9W\xf6\x007\x9e\xe6\xa5\xc3Xz\xed\xad\xf3*X-\xb4\xbe\xb3\xb1\x17\xa5\x9cR~\xcf\xc4\xd9\xcdf\x9b_\xccn;\xf4\xcbh\xc2&amp;|Y\xa5\x88NS\x14-\xcf\x1cB\x816\'\xd7vJy\xb6\x1b\xca\x81\xaa\xbbs\xbe\xb6\xfcH\xb8\x9a\x89lK/\xaa\x965#\xdbx\xce\xf9\xe8\x90Y@\xe9\xe7B\x7f5Z\xe3\x9b\x15m(\x85\xf2}|\xf5}\x07%%J\xb0\xcbxl\xa9nF\xf8\t\x83\x1f\x80\xc38\xf2\xe5\x84COFS4\xb9\x95\xdc\xbb\x117\xaf\xe7\xc5z\x1ftY\xef$\x1b\x80\xd4\xd4\x9d;\xab\xd7\xea\x7f\xf6\xe7\xe5\x87\x0e/2\x19\xe2\xb6z\xaak\x98 cIg\x88\xa5np\xef\xd5\x1cK\xd8S\xe9x\xb1\x1a)m$x\xd5F\xe1`[\xfd\xeb\xb2\xc1\x9e\x1e.o\x00\xb6\xbb\xad]\xdfKN\x8d\xd2\x8a\xac\xc8\xd4\xe4^3n\x14^\xd3&amp;pU\xa0\x8f\xcf\x85r\x8e\xdc!U\x8d\x18\xff\xa1\xcc\xca\xb5\xe0Q\x9c\xd6T\x93\x1b/%?\xa6_C*\xb4\xd7\xe9\xe9\xf2\x8e\xbeb\xe0\xfcI\xa3\x8a\xe3\xd8+8\xbd\xe5\x85p\xb3qeV|A\xe8\xa7Y\xab\x86{\xe0\x80\xe1\xbf\x87\xc6\xe6\xfeb\xa4\xb1\xd7-\xc2\xb7C\x8aLE\xc5\xea\xd6v0\xa16\xaf\x17\xadk\xf4\xb8\xef69\x9fb2\x83\x95\x8c\xf5!\x00\xe7\xa4K\xb6\xba\x8c\xf0\xef\xdf-\xf1\xc5\x8a\x0eK\xbbu\xc4Y\xf2@S|\xfc\t`\xff\xae\xec\xb2h`5t-6\xf3\xf8\xc4E\x8b\xfd\xdbkQ&amp;\x81\xb7\x8dd\xbd\x12\xbb\x8b_\x9a\x94$J\xf7.\x05t\x01vc;\xee\xae\xa3\xc3\x92f?\xf7\x88\x7f\xb9\xd3\xed\x0f\t\x8b\xf1\x13\x94\x11\xde:\xd3\xb4H\x15\xa8c\x11\x07\x94T\xde\xfe\xf4\xa6\xa0\xdb\xdfq\x1d\xed\r\xb0;\xe7\xe9\xef\xdd-9K\xc3\xbb\xc0\xaco\xe4\xb2\xeb\xba\xc7\xae\x84O\x10fQD\xce=HY\xd4&amp;y\x14\xdbJqm\xec\xb1c\'0\xe64\xa3x\xe5yv\x93\x943P\x97Y*\xd1u:\x07\x9e\x8cm\xd9!\xf9\xea\xe2\xcfI\xbb\x92\xe0\xe4xU,\xab\xa2\xe39\xda\xda&amp;\xd5\x1d\x07TK\xdd\x88|\xa3\x92\xc2\xfc]\xa5\xde:\xb3\xbbp\xa0\x01\xb4\xf7\xbbO\xe0|\x9cg\x03\x80X&lt;9Rj&gt;C\x1a\xdd\x87\xa8\xf9K\x93\xab\xdb\xdea\xda&gt;\xce\xf9\xdd5\xaa\xdaR\xdd\xde$n\xd3H\xbe\xf9\x01\xac`&gt;\x11\xac}\x87\x87\xd9\'\x17\x14\xf9W\xfc\x8f\xd7\x93O4\x0b\xd63\xb3S\xf6xYr\xee\x9d%\x03\xac\xd9,(\xdc\xb6\x01\xf8\xd1\xa37\x00\xd7\x1b9\x00\xec\xceUL\x0c\x15Fz\x87</t>
        </is>
      </c>
      <c r="E209" t="inlineStr">
        <is>
          <t>&lt;class 'numpy.ndarray'&gt;</t>
        </is>
      </c>
    </row>
    <row r="210">
      <c r="A210" s="1" t="n">
        <v>208</v>
      </c>
      <c r="B210" t="inlineStr">
        <is>
          <t>steps_per_sec</t>
        </is>
      </c>
      <c r="C210" t="n">
        <v>2400</v>
      </c>
      <c r="D210" t="inlineStr">
        <is>
          <t>2.654796</t>
        </is>
      </c>
      <c r="E210" t="inlineStr">
        <is>
          <t>&lt;class 'numpy.ndarray'&gt;</t>
        </is>
      </c>
    </row>
    <row r="211">
      <c r="A211" s="1" t="n">
        <v>209</v>
      </c>
      <c r="B211" t="inlineStr">
        <is>
          <t>Loss/RPNLoss/localization_loss</t>
        </is>
      </c>
      <c r="C211" t="n">
        <v>2400</v>
      </c>
      <c r="D211" t="inlineStr">
        <is>
          <t>0.15505421</t>
        </is>
      </c>
      <c r="E211" t="inlineStr">
        <is>
          <t>&lt;class 'numpy.ndarray'&gt;</t>
        </is>
      </c>
    </row>
    <row r="212">
      <c r="A212" s="1" t="n">
        <v>210</v>
      </c>
      <c r="B212" t="inlineStr">
        <is>
          <t>Loss/RPNLoss/objectness_loss</t>
        </is>
      </c>
      <c r="C212" t="n">
        <v>2400</v>
      </c>
      <c r="D212" t="inlineStr">
        <is>
          <t>0.036488988</t>
        </is>
      </c>
      <c r="E212" t="inlineStr">
        <is>
          <t>&lt;class 'numpy.ndarray'&gt;</t>
        </is>
      </c>
    </row>
    <row r="213">
      <c r="A213" s="1" t="n">
        <v>211</v>
      </c>
      <c r="B213" t="inlineStr">
        <is>
          <t>Loss/BoxClassifierLoss/localization_loss</t>
        </is>
      </c>
      <c r="C213" t="n">
        <v>2400</v>
      </c>
      <c r="D213" t="inlineStr">
        <is>
          <t>0.33235353</t>
        </is>
      </c>
      <c r="E213" t="inlineStr">
        <is>
          <t>&lt;class 'numpy.ndarray'&gt;</t>
        </is>
      </c>
    </row>
    <row r="214">
      <c r="A214" s="1" t="n">
        <v>212</v>
      </c>
      <c r="B214" t="inlineStr">
        <is>
          <t>Loss/BoxClassifierLoss/classification_loss</t>
        </is>
      </c>
      <c r="C214" t="n">
        <v>2400</v>
      </c>
      <c r="D214" t="inlineStr">
        <is>
          <t>0.27544975</t>
        </is>
      </c>
      <c r="E214" t="inlineStr">
        <is>
          <t>&lt;class 'numpy.ndarray'&gt;</t>
        </is>
      </c>
    </row>
    <row r="215">
      <c r="A215" s="1" t="n">
        <v>213</v>
      </c>
      <c r="B215" t="inlineStr">
        <is>
          <t>Loss/regularization_loss</t>
        </is>
      </c>
      <c r="C215" t="n">
        <v>2400</v>
      </c>
      <c r="D215" t="inlineStr">
        <is>
          <t>0.0</t>
        </is>
      </c>
      <c r="E215" t="inlineStr">
        <is>
          <t>&lt;class 'numpy.ndarray'&gt;</t>
        </is>
      </c>
    </row>
    <row r="216">
      <c r="A216" s="1" t="n">
        <v>214</v>
      </c>
      <c r="B216" t="inlineStr">
        <is>
          <t>Loss/total_loss</t>
        </is>
      </c>
      <c r="C216" t="n">
        <v>2400</v>
      </c>
      <c r="D216" t="inlineStr">
        <is>
          <t>0.7993465</t>
        </is>
      </c>
      <c r="E216" t="inlineStr">
        <is>
          <t>&lt;class 'numpy.ndarray'&gt;</t>
        </is>
      </c>
    </row>
    <row r="217">
      <c r="A217" s="1" t="n">
        <v>215</v>
      </c>
      <c r="B217" t="inlineStr">
        <is>
          <t>learning_rate</t>
        </is>
      </c>
      <c r="C217" t="n">
        <v>2400</v>
      </c>
      <c r="D217" t="inlineStr">
        <is>
          <t>0.039998353</t>
        </is>
      </c>
      <c r="E217" t="inlineStr">
        <is>
          <t>&lt;class 'numpy.ndarray'&gt;</t>
        </is>
      </c>
    </row>
    <row r="218">
      <c r="A218" s="1" t="n">
        <v>216</v>
      </c>
      <c r="B218" t="inlineStr">
        <is>
          <t>train_input_images</t>
        </is>
      </c>
      <c r="C218" t="n">
        <v>2400</v>
      </c>
      <c r="D218" t="inlineStr">
        <is>
          <t>[b'1024' b'1024'
 b'\x89PNG\r\n\x1a\n\x00\x00\x00\rIHDR\x00\x00\x04\x00\x00\x00\x04\x00\x08\x02\x00\x00\x00\xf0\x7f\xbc\xd4\x00\x00 \x00IDATx\x9c\xed\xfd{\xfc\x7f\xdfW\xd0\x05\xee\xfd\xe3kC\xa4\xa0\x92\t\xa8X\xd6hc\x10\xd1\xc5\xbb%\x94:9](\xd4F\x9a\xbc\x81\xb7\xc91GK1s(H3\xad\xd4\x87\x96f*\x96J\x88S\xa80\xe5\xa5\xd4\xccK2\x93\x96\xa2\xa3\x86N\x1a\xa3(\x84Z)0\x89{\xfe8\xafs^\xe7~\xf6}\xaf\xb5\xf7\xf3\xf9\x80\xef\xef\xfdy\xbf\xcf\xd9{\xed\xb5\xd7^{\xed\xeb1\x06\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9cs\xcb\x0f\xcb\xcf\xd1I%\xa6\x10\x97\xe3}\xbe?\xeb\xe6\xaf\x87\xd7\x1fS{,\xa0\x8fHo\xfe\xcb\xe5\xc9\xbb\x87\x03\x12\xbc~\xc5\xf3\xf5\x88\xbcT\xf0*TP\xed&lt;\xa5\x16]/)Y\xfbK5e\xb4\xfa\xb9\xb7:\x05\x00\xe8\xb2\xc3\x02\xa8D\x96\xc6\x13\x14\x0c\x1d\x9f\x8cn\xc3\x1e\xf9\xfe\x9c\x9b\x07\xde\xaf\xcf\xd1a\x84\x0c\xe1"\x05=\xf9\x10h\x9e\xff~\xfbJh\xd5\xc8\tj\x83\xc4\xf0|\xec]\xe3\xb1\x19\x1d\xe3\xec\xa0w\xdf\xb1xn\xd5\xed\xa5\x8a\x95\x13\x00\x00\x00\xe0\x81\xab \xe3\x0f\xbe\xc3\x9do\xb2\x9e\x80&lt;&gt;\x99\x12\xa3&lt;\xbex\x1f=G\x07s\x8f9&gt;\xa6\x96\xe5\xb1\xab?E\x17\xed\xfe\xe1\xe3\x9f\xf2\xe9\xcd\x99?V#H\xddG\xe1Q\xaf{\x96\xfa\xd4\xce\xaf\xfe\x99\x95\xfd\xa2V\xb1\x8c\x00\x00`P\xe8\\\xc0\xcc\x01\xc7\x7f\xb1\xf9\xd5U\x0c\xfaKO,&amp;\xa3\r}zh\xe2\x05\xcc\xb7\xe6\x00\xe0\xe6\xc5\xc7\x05\x84\xab\xecn\xfe\x1e\xf8\xbc/&gt;q\xf9:\xaf\xf9\x87\xe0h&gt;1 \x0e|}\xf7\xd8\xf1\xc5\xe2\xae\x93\x01\x00\x00\xf4\n\x9e\xad-t.\xf5\xb1\xad\x05\xf0eg\x19\xd6\x06H\xee\x9c\xb3\xd6D\x15\xd6eRQ\xaet.R\x9f\x95\xb3U\xcb&gt;\xd3\xe9\xb1 \xd5\x05\t\xb0Ky]e\x1e\x99\xbe\x1e\xcf!\x9eOR\xefg\x9cs\xd3\x7f\xbdE\xdd&amp;\x91 s\xb9\x1a\xd1\xceT)\xad\xa5\x00\xe8\x04\x1a\xd4\x13\x19; \x88\x00\xfd7\xe0C\x15\xf2\xc82\xb0[\xcc\xc2F\x99H\xb9\x81\xe5\xe3\xb4\xfa\xf4\xc7\xa2C\xdb\x0b\x85\xec\x7f\x99\xb1a\xf9\xd4\xa9\xb5v\x11l\xf7\xf0\xd9\xeb^\xd2y\xa9\xf1\xe5G\x9e\xa53\xc6\x98O\xde\x04\xf1A\xa6\xb5z8\xb2rqvW\xa0\x19\x80\x8c\xd0\xa0\xeea\xea\xb9-\xe8\xbf\t\x1f$\xbe\xef?\xaf\x90&gt;\x03\x11\xfd\xfaz~7\xf4\xd5\xd3\xdf\xa6O\xfd\x96\xe0Y\x94\x0bq\xaf\xaa\xe6\xb1\xca|\xeatQ\xbesn\n\xb1\xa7\xff\x1cwW]\x0b\x18\xc6\x9c\xb0\xaf&gt;\x96&lt;}r\xdf\x159\x8f\xc0L\xce\x01\x00\xc0\xa8\xd0\x036\xa1\xc6\n\x80\x9d\xa9\x90\xd7\x8d\x0cm\xf3--\x80\xb5\xf6q\xd2\xfb\x8e\xc3\x89\xd2%j\xbf\xccn\xfb\xcf\x9b\x02.\xa2\xb9\xed\x1b\x11b&gt;\xbeUzS\x8d\xb5\x19\x16sv\x0b \xf8&gt;\x00\x10\xc2\x98\xfb\xb0\xf1\xc10 \xa9\x03\x00b\x97\xc7\xad#\xb5\x06?\xdf=\xfa\xcd\xb8\xc1\xc3T(\x8f\xbd=f\xda\xb7\xb5{j\xfb\x80;\x0e\t\xbe\x85\xd0#A\'\xa5\x0eNbe\x12\xb4 \x00\x90\xc3\xa8\x1e\xe9|\xb7*\x00\xc0\x9e1O\xac\x1fK\xbd\xfa\xcd\xb2rp}\xcb\xd0\xfe\xe2\x9d\xe7\xbcB\x95\\\xe7\xa6\x9a1k\x1f`lh\xf5\x9d3\x9acw\xce\x99o2Pya\xc7\x98c}\x88\xe1t\xd7\xca\xb2\xe5\xe6qO\xcb\xe3\xe6\x9cc\nq\x9b\xe3\xfb\xbeZ\x87\x03\x03\x00M\xe8\xdb\xb1\x00\xc0h\xd48\x03\x00\x9d\xb1;\x05\x9b\xabG\xdc\xa4C_{\xc140j-\x05\x00\x00\x00(\x86\x01@\x16\x82\x032\xe7\xdc\xf7\xed4\x8c\xbb\n\xda\xe7\x91\xc2]\xa9\xdf\x0b\x0bI\x024&gt;q~J\xb6\xc5\xe5\xc4\xd3\xde\x00\x00\x00\x00\xa0\x85\xfa\xdb\x13ow\xfc{=\x1f\x9d\xa9\x0b\xfc(o\t\xf2j[\xdd\xeeRu\x02\x03\x14\x81V\x00\x00\xb5\xa0\xdb\x15J\xeb\x8ai3\x00\x08\xca4\x8b\x84u\x0e\xf2\xfa\xc8\xd0P\x80\xfe@\xa5\x00\x00\x00\xd7T\xed%S?\x04&amp;\x13\xed\x07%/N\x9bYk\xebYF\x9c\x15fQ\xbb\x84\xba\xb3\xd6\xfa/Ap:\x10\x00\x00\x00R\xa8&lt;E\xb6?\x03\xc0,\xdd\r\xe9\x11\xde\xfa*L\x9f\x87\x0fu\xd1 \xc4\x1c8\xaa\xdd\x17\x9d\xa6\x01\x00\xa0\x14\x1c8\x08\xa7\xf2\t\xc6\xf3C\xc0Yvr\'\xa6\x90BV\r.Qx\x86\x12y~r+A\xfe\\j\xff\xe7\xde?2\xb1=\xf3x\x88\x19n\x90y8\x1b\x00\x06\x01\xff#\x04Fbra\x11@\x12\xc1\x9f\xc1\xca\x961fp\x01j\x01\x00\x00u\x08\xe9\xbc\x84\x88\x01\xe7\x10\xfc\xb5\x06\xe5\x03\x00\x00\x00@]B\xef~a\xccP\x99SmS\x05\x00\x00\x00\x00\x90\x84\x7fX\xafq\x00\xf0(\xb0\x90\x0b\xe9\xbda\x18\x06\xd0\x1f4j\x00\x80\xfe\xa9\xec\xea\xb3}\t\xb8\xbf\xe35KM\xe8\xe9|{\xab\x02\xf9\x8c4\xe2\x1a\xa4\x98\x02\xe1\xf04\x00\xf82L\x97\xd4!\x95]\xbd\xd7\x00\xc0\xd3\x9e\xd4\xf5R\xf7\x02\xab+\x8e\xe1\xa2\x15(\x08v\x05\x00\x000\x0c\xea\xe68s\xef\xdb\xd1Tv\x00\x00\x00\x00\x80{:\x9c\xd5[\x86+\xcc\x85\x03\x00\x00\x00\x00\xec\xc8v\x06\x00\x00\x00\x00\x00\x00\xe4\xd3\xe1\x00\xe0=\xf1\xffy\xec\xde\x01H\x81\x16\x04\x00\x00\x00J\xe0\xbb\x04\x00\xe9\xd0\x82\x00\x00\x00\xbaD\xc2\n@\xfeH\x9d\xbd\xff\x83\xc00\x0f\x00\x1a\x12t\xe1\x04\xfe\n\x00`C7&gt;\xb1\x9b\x82\x00\x18\xec\x19\xe0\x89\xd06B\x9b\x02\x00(K\x13?\xab\xd4\xb9\xab\xfa\xda1\xd4C\xa9=\x03\x00\x00\xc0\xa08\xe7\xbe\x91\xf0\x05\x00\x00\x00\x00`\xcb\x07m\xb3\x9f\xa6\x18K\\\xd8\xcf1\x80\xf28\xd4\x0c\x00\x00\x00\x00\xc1T\xdef\xc0\xae\x06\xf0\x01;\x01\x00\x00\x80^i\x7f\x0b\x10\xdf\xebUK\xb77ZL\xe5\xf2/]\xafz\x80\n`&lt;\x00\x00P\x1f\x82o\x88d\t\\\x06\x1f\xc2\xa1\x07\x00\x00\x00\xd0E\xfb\x15\x80&gt;XO\xe3\x8d\xf6\x19\xb2qJ\n\x00\x00\x00\xd0\x01\xf2\xe7,\xa5\x9d4}\x85\xbb\xd6\xda\x88\xc0\xd7\x1ac:\x9a\'f\xf2{\xc29g\xad\x11f\xa8\x00\x00\x00\x00\xe7H\x0fY\xca]\x13\x14\'I\t$\x94.\x9a\xb9\x82\x8c|[\x02\x00\x00\x00\x00#?h\x930\x00\xa8\xb9\xc5E\xe3`@B\x1d\x01\x00\x00\x00\x80\'\x8d\xbf\x03 \x99\x86\xdf\x12\xd6\x15L[k\xf9\x900\x00\x00\x00\x80\x164\x05\x9a\xb5\x90r\xa8U\xd70\x00\x00\xa0\x03\x9cs\xf8^\x00\xe8\x1eQn\xae\xe1y_)A\xff)\xf4F\x00\x00\x000\xc10\x15\xd2\xc1\x80\x8c\xf0\xe8\x7f\x81\xd6\x0e\x00\x0008\x1a\xb7\n\x83@\xf8\x0e\x80Q\x11\xfd\x1b-\xc3\x14\x00\x00\x00\x00\x90\xcd\xe8\x03\x00]Q\xb5s\x8e\xe3\xb6\x00\x00z\xc0iC~\xac\xc5\xa8 \x95q\x97\x90t\x85\xfeGX\xfe\x03\xd0\x0b[x\x01 \x146\xff@FF\xbc\x06T{\xe8\x0f\x00\x00\x00\x03b\xed\xcfk-\x02t\xc2X\xe3\xc8\xceB\x7f\xbe\xbf\x0b\x00\x00\x00\x00\xa1\x0ct\x06\xa0\xb3\xe8\xdf\xe89\xbe\x0c\xdaq\xce\xf5\xd7|\x00\x00\x00\x86e\x94\x01@\xaf\xe1K\xaf\xe5\x82*`&lt;\x00\x00\x00#2\xc4\x06\x92\xbe\xa3d\xbb\xfa\x7f\x00\x00\x00\x00\x80{\xfa_\x01\xe8;\xfa7\xd3,n\xe7ET\x01\x97\xfd\x01\x00\x00\x80\x0e:\x1f\x00t\x1f\xfd\xbf`\xf6\xbf=\x96j\x80 \xf8\xacG\xc7\xc8\xe8z$\xc8\x00\x00B\xe9\xf7\x1aP\x19\x0e\xb8\x02v\xf9\x0f\x00\xe8\x81\xcb\xbc\xa10\x18\x18\x00\\\xd2\xa9\x83\x18&amp;\xfa\x9f \x92\x00\x00\x00\x00\x00O\xfa\xdc\x024T\xf4\x0f\x00\x00\x00\x00\xe0O\x8f\x03\x80\xb1f\xff\'\x06,2T\xe0\xdb\x1bc*\x9co\xeeu\xc5\xae\xd7r\xc15|1\x03\x00t\xd0\xe1\x00`@\xef\xfb9\xdc\x04\x04\xf9q\xce\xfd\xf7\xce\xb9\n\xe7\x9b;\xde\xc36\x87\x834O\x00\x00\x10Dw\xfd\xae\x86\xe9\x17[ \x1c\x98#\xa8\xee*\x14\xda\xe1\x9c\xeb84O$H9\xce9\xcb\xc7:\xda0\xf9Z4\x0f\x00\xb0\xa1\xb3\x15\x00\x05\xd1\xff\x91O\x9d\xa7X?/\xa5\x9b\xfa\xda\x8c\x12\x01\x18\xd3\xf5\xc4|"\x11\xf3\x0c*}\x93~\x9cC\xf3\x00\x00\'t\xd3\xc1k\x98\xf9?\xe30-\xf8\xb3\x8d\xf9\xec\xb8\xb2X\xf3^\x08\x00\x80rL\xee&amp;h\x05 \xe8y\x15(Y r\xce\xf5\xa6y\x00\x80t:q\x8b\xea\xc2\xff\x97\xde\xff&amp;c\xbez\xff;c\xccf\x8b\x90\x0b\xd8/\xc46\x03\x80\nD\xc4\xbeJ\xc2\xe5"8\xe7\xac\xfdN\xc6\xfc\xf1\xd6\x82\x00\x00\xc0\x8b\x1e:$]\xd1\xff\xd9^\xfd\xa7Z\xf8C\xce}BH\xfa\x0c\x03\x00@\x10n\x04\x8f4\xaf\xf3\x98\x11\n\x0b\x00\xda\xe9\xec\x0c\x80h\xec\x97\xce;t\xac1\xe6\x93\xe6\x9d\xff\x1e]\xc5\'Zk\xdfO[c~\xe1\xf5\xb3\xee\xb5\xdb\xd8\x19\xf3\x9fd\x11\x1b\x00 \x8d\x81\x02bU\xf3Q\x000.=\xf8e-+\x00\xf3\xfa\xff\xdfe\xcc\x7f\x1b\x95@\xd8\xbe \x96\x02\x00\x00j\xd2\xe5a\x0f\x00\xe8\x12\xf5+\x00Z\xa2\x7fc\x8c\xf9\xf5\xd3\xff\xc4E\xfff\xb3\\\xe0\xd1\xbf\xf0m\x00\x00\x80s\\\x91/vYk\xa7\xe8_S\xc7\x04\x00b\xa8\xe9:t\x0f\x00\x949\xd9\xcf0\xc6\xfc\xc5\xe4T\xac\xff\xc4\xbe[\xfe\x03\x002P\xe6\xb5\xf4\x10\xa4\xd8\xc2u0r\x15\xff\xb6\xd6\x02\xc0p\xf4\xe4Tk\xae\x1f\xea^\xa9\xd4U\xebY\xf7\xe4\xfcu\xc6}\x83O\xe19\x91\x06\x00\xba\x88\xdbH#\xeb\x9e\xa5\x8fp\xe6\xaf\x88\x11\x06\xa0k\xf8\xd2b\x1c\x8a\xf5\xa5+\xfa_\xd8Zi\x8a\xfe\x9d\xe7\r\xa1\x82:E\x801\x90\x15\x8cj\x83\x9d\xf4\x00\xe0\x0f\xfe6\x0e\xdd[\x804\xf2\xba\xa5\xc7-\xff2\xc6|\xfe\xf2\x972Y\x16K\x19\x00\xceP\xdd\x1b5\x9f[\xb1\x96O\x1a\x02\x80/\xaa\xfdmC\x14k\xady/\x95\xc8\xf5\x82\x95\x7f\xa5\xf8.\x02\x18\xf6\x02\x01\x80\x1f\xad\xa7\xd3\x86\xf8h\x00\x00@[\xb4\xae\x00h\x8f\xfe\x8d9|\xf9\xd7\x19\xf3)i\x89\xdc2\x7f\x1c\x00\xfa\xc4\x95\xb9\xd5\x04\x06\xa4t\xf4\x7fc\xab\xd3_\xb0d\x00\x80\xd2\xa8\x1c\x00\xf4\xd6=\xfc"c\x8cq\xc6\xfc\xe1\xd7\xf5\t\xc5J\xd7\x97\xda`\x8d\xb5\xc6~bk!\x00&lt;X\xee\xca&lt;\xfdSea@\x06tN\x110\xe9\x03Ih\xf4\xb6\xbf\xcf\xb9\xef\xd2Z\x86\x0c\xd8\x0f3\xe6\xaf\xcd\xff\xf8\x8d\xc6\xfc\xa3\xf3\xcaw\xd8\x11av\x01\x01@\xb7\xb4\xde\x8f\x04u`\xdf\x17@m4\xae\x00\xf4\x10\xfd\x1bc\xcc\xc7\xae~\xfe\xc7^\xff\xfb\xda\xa7\xb39"|\xcf\xcf\r:2\x00\x00\xa0\x08\xa2\xff1\xa0\x96\x01j\xa3\xb1\xd5u\xb2\xeae\xb7g\x00\xd6e:\xac\x01\xdcW\x13\x8b\x00\x00\xd0?C\xae\x06\xf465\xce\x1d\xaf\x00BP\xb8\x02\xd0E\xf4?\xf3q\xd3\xff\xec\xca\xe4\x96\xffs\xfbE\x813\xf0\xa4\x00\xd0?CF\x8d\x03\x16\x19\x00j\xd0n\x00\x10;\x8d\xdfG\xfc?\xcf\xc4\xff*c\x1e\x8a\xe4N\x7f\xdc\'\xe7\x9d\xb13\xc6|\xbc\xf7\xd3\x00\x00\x00\xd9\xb89\x02\x0e\x005\xd1\xd7\x0e;\xd8\x00\xb4\xda\x87\xe3\x8c\xc7P\xc8&gt;o\x04b\x17\x10\xc008\xe7\xff\xa1,v\\\x00\x00\xc0\x11\x85[\x80:\xe3\xf3&lt;\x9e\xf1\t\xed\xff\xa4w\x8e\xea\x07P\x00C\x13\xd1\x82;\x987\x01x2c\x8c\x1c \x00e\x03\x00\xf9\xdd\xd8\xe3&lt;\x9b\xdd&lt;\xf5\x03\xcd?\xf4\x9c\xa6[\xfd\xff%\xdf\xe19\x1d\x00\xe8\x80\xa0\xe9|;SN\x1e\xf1\xdc\x9f\xa1\x025&lt;\x99\xf1\xc8F\x0e\x10\x8c\x8e\x06\xb3\xacbK\x18\x00\xbc\xf7\xee\x9c\xfei\xbf]g\xbf9\xe7\xb0\x03\xc7k\xf7\xceY\xca\xf3\xeb\xefd|a\x17\x10\x00\x8cB\xc8\x8e)\x00\x80A\xd0\xb4\x02 !\xfa_\xb8\xf8\x8e\xe5\xf4\xffv\xf3\xab\xd5\xbf\xce"o\xbb}\xe4\x1cg\xccG\xbc?\x0e\xe0V\xbf\x8e\xe2q=\x01\x00\xa0\x0f\x88\xfe\x01\x14"*\xe4\xeb\x92\xea\x03\x00\x17\xf3\xf1jqK\xd8v\x1f\xc6\xdb\xdbi\xf5\xe9\xafw\xf3\xee\xf6\xb9\x93\xfa\xcb\xc68g\xfe+g\xcc\xaf0\xc6\xfc\xf3)\x11\xbc3\xe6/3\x06\x00\x00\x00\x00\xa90\x06(J\x83\xa8:\xe5c.\x12\xac\xe1\x1d\xc6\x7f\'\xe3\xfe\xa8\xf9\xc0\x98o\xdc\xffa\xcd\xf9\x07\xbe\xce\x08\xbd\xc9g\xc5\xf74\xe6w\x05\x87\xf3\xd6\\\xc9\x0c\x00\x00\x00:\xe8\xf2\xb2\xaf\x1f\xe4\xdc\xaf\xeb\xabD\xd2h\xb0\x05H\xbb\x8d\xbe\xe3\xec?j\x8c1\x7fu\xde\x94\xf3\xa3\xce\xe7\xd4\xed\xe1\x87\x8bTC6\xf1\xbf\xb2\xfc\x9b\xe7\x7f\xfe.\xff77i\x98\xefkX\x07\xd0\x8b\x84\xf10\x00\x00@v\x88\xfeK\xa3I\xbfr\xc2\x9d\xbbs\xc0\'&amp;\xebV/]\x11\\8k\x8c\xf9\x19\xc6|\xa51\x9f\x9f\x1a\xc2k\x1f\x92\x01\x00\x00\x00\x80?\x9a\x0e\x01\xcb\xe1\xf6V\xb9\xabE\x00\xb7z\xef\x93\xf6\xaf|f\xb0\x0c?\xc0\x18\xf3y\xc6|~\xf0\x8b\x00\x00\x00\x0002\x9a\xa6~\xe5\xac\x00\xdc`\xcd\xd5\xa5\x13\xbfe\xdap\xb3~p&amp;\xb2d7\x0b\x11a\xe9\xec\x04\xe6\xd6&lt;x:\xab\xd3\xe5\x96S\x00\x00\x80A`\x05 7\x97\x11\xd1\xf7[~\xfa\'^\xa7\x05\xe6\xffK\xb8\xcc\xb3\xc4\x90\xc8\xbd\xc2;\x05\xc3-(\xca\xcd\xc0\x94\xd0\x1f\x00\x00@/\x9azq\xf9+\x00\x1e\x1f\xd8r\xd3\x7f\\\xbe\xf9\xfbtv\xc1\xdc\xa2g\x82&lt;\x00\x80\x9eH\xb9\x85\x0f\x00z\x82\x15\x80\xca|\xe9\xf2\x93\x84\xd0\x7ff#\x0b\xdd\x03\x00@\x97\xe0\xde\xa1\x0e.\xea\xa3OP\x135\xbe@\x85%y\xac\x00\x98\xf5"\xc0o6\xe6\xfb\x17\x17\xca\x0bz\x05\x00\x00\x00\xa8\xc5;\xac;\x8b@&gt;\xca\xb9\xbfHdR\x145\xca\xedh\x00`\x8cq\xe6c\x8d\xf93\x82\x16\x01hf\x00\x00\x00P\x11\xa7(\n\xed\x0f5\xaa\xd71\x000WW\x00\x1d\t\xfc\xf2Wa\xbc\x87.\x00\x00\x00\x00\x10\x8c\xa8\x0b\xf48\x03\x90\x15\xdf:\x95\x14\xfb\xbf\x10a\x8e\x00\x00\x00\xa0\x1b\x0e\x00\x9c")\xfa7\x0c\x002\xe2\xbf\xff\xc7e\x8a\xff\x7fc\x8eD\x00\x00\x00@8\x8a\xae\xe7v\x92\xc2\\AXk$\xedgQSCrTv\x8a\xfd\xcf\x8c\xf9\xbe\x1e\xc7\x7f\xb3N\xfd\xdb|\xce\x80\xb6\n\x00\x00\x00P\x0eQ\xd7\xac\xb7\x97\xc0\x13Q\x03\x80\xaf4\xe6\xdb\xae\xfeiW\xff\x7f\x8b\xa8Bl\x90`\x8b\x00\x00\x00\x00\xbd"j\x00\xc0\x16\xa0`\xbe\xa91\xdf\xce\x1ak\x8d5\xc6Zc\xa7\xff\xa9\x1e\xfd\xb7\xb7\x1d\x00\xe3\x8c\xf9\xc2\xd62\x00\x00\xc8A\xea&lt;\x1f\xc0\x165a\xa4\x9c\xc9\xf3\xed\\\xbf\xbf\x02s\x96\xc0\x1a\xf3]\x8c\xf9}\xd9\xd2\x131\x18\x05}8\xd7p\xaf\'\xdf4\x05\x00\x90\x83\xa8+n\xe0\x91\x0fZ\x0b\xa0\x97\x96&amp;\x9ew0Ds\x85H\xac5\xedF\xe6\xd8-\x00D\xd0\xf1\xdc\x01!8\xf8\xa3\xc9J\x84,\x02\xcc-+TuB\xc4\xdf\x83\xa7\x00\x00\x80\xee\xe98\xee\x9f\x10\xb5\xbf\x1c\xe4\xc3\x19\x80p\xdc\xf2?!\x11\xfd/."\x0b\x00\x00\x80"\x8aL\x86y\xa4\xf9\x0e\x8be\xce\xc6e\xa2m\xf4/t\xa6\x13\xce`\x00\x10\x8c3\xe6\x9b\xb8%\xfew~#\x01g&gt;B\xd5j\xcb\x06\xda3\\\x81m\x88\x82\xea\x00%d\x0f\x13\x83\xa2\xdeN\'\xc8\xad\xb5\xcd\xe7\xfe\x83\x04pc\x7f/\xacy\xd9\x19\x00\xc4\xf0\xff\x0b~\xc3\x9a\x1ff\x8c5\xd6\x98\x7f\xaa\x80&lt;Eim\xa2 \x99&gt;\xfbQ\x00\xf0\'"\x8e\xa1W\x01#c\xc422\x0c\x00"\xd9\xfa\xaf+\x0b\xfe\xed\xfbg\xac\xf9"k\xec\xbf`|\xee\r\x15\x02\xcdS8\x83O\xa2\xc0\n\xda*4\xc2\xdb\x05\xe1\xac\x06\x85z?\xd0|\xf0\xa3\xa9\xc3\x10\xe88\xae\x0f\x04/\xa2^ix&gt;I\x10^\xa6\xac\x1f\x00\xfejc\xfe\xa6L\x89A\x1b\xb8\xf6\x01\x00\x1a\x12\xe4\x82\xba?\x89{\x81\xd3\x15n\xe5\x85NJ&amp;\xac\x00\xc4sm\xcb\xce\x18\xf3\xe1n\n\xee\x97X\xfdo=\xbc\x1d\xd3\x18\xac1\xe6ggt$D\xff\xba\x99\x1dkk9\x00`T\x826r\x10\x05\x0e\x08[}d\xa2\xe9;\x00\xd6Z!\x8b\x00v\xf5\xff\x07\xdc\x14\xf3\x7f\x9d1\xc6\x98o\xe9\xcc\xd7\xda\xab\xd5\x00\xf7g\x03K\xf3nA\x9f\x1d\xf6\xe2IR\xc6\x98\x9f\x98\x9a\x08\x08\xc19\xc6\x00\x00\x00b\xc1A\x838X\x01\x08\xe6W\x9a\xab\xe8\xdf\x19\xe3\xcc\x97\xbc~\x9a\xf8\xda\xf7_\xed\xfb\x19\xf3?\x9b\xff\xc89g&gt;&amp;$\xdfM~\xff\xac\xf9S!\xef\x9e\'\xf7\x0b\x12\x93\x80\xf6L\xd3*L\xae\x806DL\xe5\x00\x00\x14E\xc8\xb4u\'8\x01\xfc\'\xee\xea\xf6Og\xbe\x873\xce\xfd\xc7n\xda\x00tx&amp;6\xc7\x9f\xba\xb7!\x97\xa8\x88\xe0\xef\x18\x00\x00\xe4\x82N\xb1S\xe6\xce\x05\x00\x8c\x99Z\x84Tw\xa7o\xe2\xd0\xc9P\xe5\xea\xf4\xef\x17\x1a\xf3CV\x7fq\xaf\xff\xd8\xfd\xb3\xd1\xb2\xdb\x93\x05\x07g\xbe\xdc\xb8\xbf#&amp;\xb5?h\xcc\']\xee_\x02\x00\x00\x88\xc4q\xdc\x13@\t\xfaZ\xa9\x90\x01\xc0\xc4\xd9a\x00\xb7\xfb\xfb\xfb\xf7\xcewb\xc4\xfeqc\xbe\xa3q\xe7\xa1\xff\x9c\xda\x9f0\xee;\x84I\xfbJ+\xdc5;\xe7\xec7\x1a\xf3\x81&gt;k\x01\x00\x00\x00\x80\x1d\x9a\x0e\x01O\xd4?\n\xfc\n\xc2\xcf\xc2wg\x8c\x9d\xff\x7f\xf5\xb8[\xff}y\xf8\xbf\xba\xcf\xe2\xe4\x7fn/\x0e\x0b\x8c\xfe\x13\'\xfd\xdd\x87\x19\xcbQS\x00\x00\x00\xe8\x1a7\xc6e\xb5\x1c\x02\xbe\xc3\x9en\xe4\xd9\xe2v\xffk\x8c1\xbf\xc2\x98\xe5\x93\xbf\xf3n{g\xbe\xdbu.sN\xbb\xbbA\xef\xec/t\x0c4?\x1fu\xf7\xe8t\x87\xd7\x00\xed\x01\x00\x00\x00 ;\xa26\xb0\x18\xa5\x03\x80z#3\xbb\x89\xc9\xedG\x9b\x9fq\xfc\xfb&amp;pw\xc68\xf3\xef\xfdH\xe3\xcc\xd7|\xe1*\xf8\xbf\xdf\xfcs\x12\xfa\xdf\xf3\xf3#\x0fYm\xbeK\x00\x00\x00\x00\x90\x19i\x91n(%\x83LA\x9aQ;\xa7[\xc5\xbeV\xdbf\x16E\xfd)c&gt;~\xca\xfb\xfcl\xae\xf7F\xff\x8b\x14&lt;H(\xbb5\xc6\xfcm\xc6\xfc\t\xb5\xf5\x0el\xc4\x82\xe1\xe1\xa4)\x00\xa8c\xdaY$g\x7f\x91\xca\x15\x00c*}\xfb\xf4l\xc6\xfc\xdbO\xfd\xce\x9c\xff\x8f\xd8\xbfs!\x97}/\x17\xbc~\xb06\xf4c\xc0\xaf\x05\x85\xd4\x91\xcfW$\xbe\x0f-\x114{\x00:\xd1&gt;9\x07\x00\xa0\x11!q\xff\x82,i\x02\xa9\xd4\x91\xcd\xf3\xf4\xb7Gr\xdf\x9cKu\xb6\x98\x10D\xb6\xc2J3A\x00\xa8\x89\x9c\xf9\xa7\x04\x9cs\xb82\x00\x80x\xd4\xae\x00\x18\xf3\x89\xd5\xa6\xb1\xde\x0b\x01^\x9f8\xb9\xb8\xb63e\xf26c\xf4\x9f\'\x1d\x00PJ\x17q\xb3\xed\xa2\x14\xe3\xc22\x14@s\x14\x0f\x00\xfeP\xad\x0e\xe0\xb5\xed\xc6\xad\x7fq\xf3\xec%\x87\xddB\xbe\xf9\x7f\xf3\x9c\xae\x92^\x13\x00\x00Z\xc2\xf8\r\xa09\x8a\x07\x00\x95\x99\x86\x01\xf3H`\xb7\x14\xf03\xd7\xcf]\x85\xeb\x9fo\x8d1_\x12\x91\xf1_\x08~\xe7\x1c&lt;.\x00\x00\x00\x00\xa8\x8f\t\x9b\xac$\x9e]\xde\xf3\x97\x8c\xf9(c\x8c\xf9\xa9\xc6\xfd\xec\x9bW\x02\x15\x9e\xb5xL\xba\x00\x00\x00\x00\x80\xfa\x15\x80&amp;A\xed{S\xd0{%\xe0\xdf~\xfd\xed\x9f\xcb\x95\xc9\xdf\x9f\xe1\xc2\x9f^\x18s\xc3\xe8\x98\xa5\x06\x80\x01\xc0\xb9\x014F\xfd\x00\xc0\xb4\x9b\xd8~\xc7\xff\xce\x18\xf3/\x1ac\xcc\xf75\xe6c\xcd\xdfy\xf1\xb0\xf9\xb7\xcc\xc1\xeb]\x9d*v\xc6\xfd\x17\x84\x7fk\x88\x86\x01\x00\xfa\x00w\x0e#"\xcc\xee\xbb\xd9\x13\xa2#&gt;\xdc\x0cU\x16\x81\xdf\xbf\xfcrc&gt;\xe1\xfd\xf7\xac%b\xff\x0f\x00\x00H\xa0\x8b\xbbh\x01B\xf1\xbcM\xbe\x12=\xac\x00\x18cD\xe9\xf4\x06\xe7\xcc\x0fq\xaf\xc3\xc4\xd3\xe4\xff\xef4\xebe\x80O\xb8};\x12k\xb92\x0f\x00\x00\x9ap2\x95E\x97\x04C"\xcb\xeceI\x93\x88\x8eU\x803\xec\xec#OW\x08R\x13\xc7\xd5\x02\x00@\x1bd\xcdz\x02\xc0Do\xcdR\xef\x18\xa0\x10D\xffP\x13V\xf6\x01\x00\x00\xe4\xd3\xcd\x16 8\x81PL/\x0ce\x01\x00\x00\xa0\x10\xbd\r\x00\x08yk\xe2\x9c#N-\xc4G\xb4\x16 \x0e\x1a \x88\x02\x07\x05\x00pJ\xb7\xbd5~\x9fP\xac&amp;\xce9\x1b\xf1\xa17\x00(\x0b\x1b\xd0\x01\xa0=SP**0\xebm\x05`A\x94\x96\xa1\x10\xce]}H\xa1\x01\xc3\x0f9\x01\x04BG\xa0\x00&amp;\xec\xa0odZx\xb7\x03\x00\xb3\xbbt\x7f$\xc6\xb9\xf7\xf3\xb7\x8d\x11vg\xf3\x1d#(\x0b\x00\x14"3B\x82\x05E;~\xcb\xc9\xa9H\t&gt;\xf4&lt;\x00\x98"\xe1\xd62\xe4\xe7\xd7\x19c\xad\xb1\xf6djk\x9c\xd0\x7f\xe2\x1f\x14S^\x15\x9aw\xf4\xb2\x00\x00\x10\x8e\x8a&gt;n\xe2T\xce\xb6}\x9fL\xd5\xf5=\x000f\x1e\x04H\xd4\xbd7?\x7f%\xbf5\xe6\x07\xbf\n\xb4\x1f\x01\x884\xb0j\xfc\xa3r\xf6\x02eG\xa6\xef\x00\x00\xc8\x82\xa2\xe0\x12$s\x13\xe5770\x81F.K\x9a\x92\xccf\xf1\x13\x8c\xfb\x05M\x05\t\xe4p\xb2t[e+{\x97f[\x95\xe1\x06z\x00\x009\xe0\x93\xa13\x04\x1e\xe4M\xa1\x93b\x84\xe0\x8c\xd34Wl\xcd\xfd\xdc\xbe\x9bo\xb9\x18\xb0*\x01\x00\xa0\x1f\x183\x80d\x18\x00t\x80\xa61\x00\x97K\x02\x00\xc0\x08p\x9f2@5\xfa?\x03p\x865v\xf0\x1d\xf3\x00\x00\x00\xb2\xd0\x7fd\x0f \x89\x9a\x87\x95\xc7\x1c\x00\xbc\xc0\xcd\x00\x00\xf4\x81s\xee\xbf\xe5\x92+\x00\x00?\x86\x1d\x00X5{\x80\x00\x00\xe0\tk\xed/k-\x03\x00@\n5\x0f\x180\t.\xfdb\xf4,\x1b";;\xb9\x02\x11`\x03\x00\x00\x00\x92\xa9y\x0e~\xd8\x15\x80\x05q7\xb3\x96@\xe0\x05\xb4\x00\x00\x00AH\x9f\xb1\x03\xf0\xe6\xf4\xbb\xc2\xac\x00\xb4@\xa4_\xe1&gt;\x04\x00\x00\x80\t\xee\t\x05\xc8\x05\r\xe9\x04!c\x01\xdc\x1c\x00\x00\x00\x00d\x87-@\'X\xdbl\xcb\xccr\x05Z\xc7\xd1\xbf\x90\xf1U\x13F.;\x00\x00\x00\x08\xa1\xdb(375\xbe\x1d\xd6q\xd0\xbff\xf8\xd3\xa8\x8ev\x07\x00\xd01\xc3ws\xa0\x00V\x00&lt;\xb1\xa6\xd8\xa2\xc0\xd7\x0e\x16\x0f\x0e\x7f"y\xe4\xb2\x03@KX\x84\xac\xc3\xf0\xdd\x1c\xc0\x18\xb8@\xcc\x99\x0b\xc6/\x03@ep;\x00\x00+\xfe@k\x01\xea\xe1;Be=+\x88u\xb7\xcaM&gt;]\xc2e\x14\x00\x00\x00\xd09\xa7\xf7\x95\x02\x00\x00\x84@?\x02\x00\x00\x00\x00\x00\x00\x00\t4\x9f\xa4n.@(\x1c\x02\x06\x00c\x8c1\xff\x8c2\xe7\x05\xf2\xf9\x91\xdazD\x00\x00\x00\x00\x00\x00\x00\x00\x00\x00\x80\xaep\x9c\xf2\x02\x00X\x11\xec\x0f\xd5\xb9P\xb6\x00\x01\x00\x0c\xcd\xd2m\xa9\xeb\xc0\xa0K\xb0C\x10@\x83[\xfe\xb0|\x00\x80\xd1\xf1\xef\t\xb2L\xde\xb3\x02\x00\x000\x14\xac\x00\x00\x00\xe8\x85\xa8\x1d\x00\xe0\x1c\xe65n8\x1d\x00\xa0/\x80\x07p+P\x14\xcf\xcf\xcc\xe52C\xbej\x07\x00pA\x9f\x0b\xa4\xa7\x03\x00z\x02\x80\x07\x08\x98@\x00.\xa3\x19\xe60\xe9&gt;\xbbI\x00\xd0H.w4\'\x83s\x03\x18\x18i\xf1\r[\xb7\x87\xc7\xc7\x00\x1c]W"\xb42\x80VD\xb7&gt;\xfa\xc7{8\x03\x00\xa0\x18\x16"\x86\xc7z\xd8\x80e]\x17\x00\x00\x00\x00\x00\x00\x00\x00\x00\x00\x00\x00\x00\x00\x00\x00\x00\x00\x00\x00\x00\x00`48T\xa7\x01\xea\x084#\xe9\xf0\xae\x101\x00\x00@\x1f\xfdt!\x92:\xe6\xfe\xf9,\xb4\r\xcf`!\x00\x00\x00P\x18BR\x00\x00P\x86\x9b1\xce\x19\xf3\xa9\xf3l\x16\xfd\x19\x00\x00\x00\x00\x8c\xc2\x10\x97C?NYq\x99:\x00\x00\x00\x00LL\xa1c\xc7\xf1a\xf7\x1f\x02\xf3\xdcC\xc9"\x00\x00\x00\x00\x00\x0c\xb1\xd7\xf1\x83\xd6\x02\x14\xe1\xb4\xe6\xac}_\x8d`\xad1\xc6.\x8f9g\xa61@\xc7C=\x00\x00\x00\x00\xc98\xe7\x88\xc4\xea\xd0\xa1\x96\xaf\xc6m\xf7&amp;\xb5\xbc5\x8d\r\xb2K\x05\x00\x00\x00\x00\xb78\xdf\x18\xcc9Sr\xa8\xd0\xfdP\xa4\xfb-@/\x1ek\xd1\xda\xbe+\x1a\x00\x00\x00@8\xbe\xa1\x98+\xbcQ\xa7\xfb\xa0\xb0\xa3\x01\xc0\xb5\x1dx\xd7\xa2\xb5\xd6:\xc7WTDA]\x00\x00\x00\x18:\xc4\x1d\xdd\xc7\xe8E\xe9FwS\xab\xb0\xe60"\xc4&gt;\x00\x86\xa2\xfb\xab\x1b\x82\xe8~\x15\x1b`\x10V\x1b\x95i\xd1\x05Y\xc7\x90}\xab\xba\x9b\x15\x00\xeb\xdc\xc9W*\x93*\xef\'\xf2\x15F\x00}Xk\xbe\xb0\xb5\x0cr\xe8\xba\xff\x02\x00\xc8\xcc8&gt;\xb3\x9f\x82^\xdc\xfcsU\xc0\x87S&amp;\xe3\x0c\x01\x01\x00\x00@&gt;,\xe8AF\xbaY\x018\x9f\xaa?\x1d\x150\xaf\x0f\x00\x00\x03C\'\xa8\x12\xa2\x7f\xc8H\'\x03\x80\x90\x90\xde\x99\xd5\xc5\xff\x00\x00\x00\x83A\x1c\t\xeaq\xce\x11\xc8\xa5\xd0\xc7\x00\xe0\xce\x02&amp;\x139\xce\xfaOg\x06"\x12\x04\x00\x00\x00\x80&amp;\xac\x0e|2\x94\x8d\xa7\x8f\x01\xc0\x83\x058\xb7~\xc2\x9e\xfctx~\xfbO\xc6\x03\x00\x00\x00\x00R`?T"}\x0c\x00&lt;\xc6\x80+KYv\xd1\xb9\xe5?+\x08\xf7\x01jB\x8bS\x01\xab\xed\x00 \x0cF\x00I|\xd0Z\x80&lt;\x84\xf6K\xd6\xda\x80\xcfM\x03@1\x98\xc5\xd1\x82sT\x16\x00\xb4\xa7\xd7\xc3\xd0\x95?b\xd3\xc5\n@\xe4\x0c\xe2\xa9\x8a?;I\x12\x9d\x1c\xbf\x9f\x00P\x91&gt;]9\x00\x00\x80X:\xe9z\x1f\xe3Wk\xcd\\\xd8\x80/\x00\xac^\xefDQG\xfeF\xe7\xbe\xda\x18\xf3\\Fg\x1c\xb3\xb5\x00\x83\xc2\x05\xe4\x00\x00Ea\x05\xa0(\x7f\xd9\x98\xafj-\x83,\xbez\xfe\xe1j\x105\xfd\xde9\xe3\xd8\xae\r0*D\xff=\xc1\xaa/\xa8\xc2\rb\xb1\xd6\xda\x9a\x9e\xb6\x93\x01\x80\x87\xc2\xa6G\xfe\x06c&gt;\xf6\xf6\xb1\xffc\x0eq\xb4rvY\xaa;\xfd=\x00\x00\x00@Q\x9cs\xc6\xfc\xe6\xca\x91\xf1 \xf4\xa2\xd0\xdb\x105\xd4n\x8e\x89uly\xf7\x85=\xfb\xab\xe9\xc7l\x00\x00\xc6\x83\r]\x00\xd0\xc9\n\xc0\xcd\xde\xf4t/7\x94\xa3\xdc\x95\xf5Xt\x16\x03d@5\x00@$Cuj\x00)t\xbc\xfb\xa8\x97\x01\xc0\xdd\xa4t\xb0\xa7[;\xc7\xf1\xdc\xe4\xae\xc4\xf4\x142\xa1V\x00\x00\x00 \x92~\x06\x00\xa5.\xa8\xb1\xd697\xc8\xbc\xf7\x85\x067\xbff@\x00\x00\x00\x00#`\x7f\x871\xa6\xcf\xcd\x0f\xbd\x05sY.\xf1\\\'b\xa7\x01@\xd7\x81\xefR\xde\x9b2\xfa&lt;\x03\x17\xf0\xc99\x00\x00\x00\xadtyl\xa6\xb7\xf2\x98\xe41\xc0;\xd25\xafU\x85\xa2\x03\x00!V\xd5\xfd \x07\x00\x00\x8e\xe0\xfc\x01\xc6\xa4\xa3-@3\xa7\x8e\xcc\xf3\x0c\xc7f\x9e{J\xe7\x0f\xbb\xe2\xf7O\tXZ\xb2\xd6\xdao\xc2u\x9f\x000\x1c\x1d\x1f\xf2{f\xd8\x82\x03\x0cO\xb7\x83\xfe+\x87\xee\xb7\xcb\xc5,\x9a\xa90;"d\x11\x00\xfc`?\x0f@W\x8c&lt;\x05\xce\xde\xce3p\xf20\x04\x1d\xae\x00L\\\xcd\xda\xbbk~\xf2\xfc\xe2\xb1\xf1\x17\x9d\x1f\xc2\xf3*"\xc1\x10\xde\xb3\x8cy\xcci\xe4iK\x80|\xe0\x81\x8d\x97S\x1a\xe5k\xacD\xffz\x19\xc6D\xf30\x8a\xa1?\xda\xc4\xb2\xe3\xff\xea]:\tH\x83Y%\x00\xa8\xcd\xe3\x1c\xbf\x7f\x07GW8\x0eJ\xebZ\xa9\xd8P\x89\xd7\x00\x911"@\x0b\x98\x9e\x01\xa8\xc9\xb2\xc4\xddZ\x10\xd0D\xa7\x06CC\x00\xe8\x9eZ\x8d\xfc\xc4\x9b\xe0_\x00t\xc2\xdc\x10\xc0\x0c\r\x01\x00 \x0c\xfc&amp;\xc0\x0b]\xf3m\xcc\x94\x03\x00@}\xe8x\xd4C\xf4\x00\xb0\x86\x16\x91\x88s\x8e\xae\x01\x00J\xd0\xed-@\xeap\x8e\xf9\xa7\x1e`\x17\x01\xc0\x02\xa7\xf1r\x80\x0e\x012C\xace\x18\x00\xc8\x81\x9e2/-\x9b75\tq\xd0\'\xc1\x16\xfa\x05\x80\x12\xd0\xb2\xd6\xb0\xce\x08]\xc1\xd29\x00\x00t\x0f{\x07 \x8ee\x05\xa0\xcf\xc1\xd0\xdc0h\x1b\xc3\xc1\xf0\x1e\x00\x00\x00`P$\x8d\x8c\xe5H\xd2?\xaf\xb1\xdf\x1705\x02\x00\x00\xf10\xc5\x0e\x00\xa0\x86\xc5ew\xe8\xb8\xfb+\x11\x00\x80T\x18\x00\x00\x00hB\x95\xcbV$*\x00\x0c\x87*wZ\x82\xc1\x8b\x0f\x00\xa0\x07m=\x16\x93L\x00 \x16\xbcS_L7V\xbf:\x1dn\xaf\x16A\xe53\xab\x9c\x94\x04\x90\x82s.\xe3\xdddyS\x03\x18\x8ai4\xae\xba\x05uP\x04\xc8K\xd0\x1c\x13\x96\xd3\x08W-2\xe7;\x00 \x87\xd1g \xf2:\\\xdc7@4\xba\x9b\x0f{\xd6a\xcb\xa7\x86\x9b\x84\x9b)$\x12\\P\xcf\xf3h\xf6q \x03f\x9a\x01\x00\xe4\xb0\x04mxf0O\x13\xff\xd6c\xee\xcd\x1a\xae\xd6\xee\x10V\x00b`Xl\xe8c\x00\xa0_\x94z\xf8\x95[\xc63\x83\xf95\x17\xb1\xcad\x1e\x13\xef\x9f\xa6\x7f\x9e\xe1\xf8\xb6&amp;\xc0D\xae\xef\x8b)\xedc&amp;T\x0b\x0f\xa6P\r\xd2I4\x82\xf6\x98\x17\x95\xb3&lt;\xea\x04\x86\x82\xb8+\x02\xec\xe4\xb3\x0e\xef\xe2\xde;\x82\x19\x82\x18r\x1d\xaeb\xf3\x0c\x00\x80@8A\x0bz\xb9\x19\xbbFl\xe6\xd9\xa5f\xad!t\xec\x03\xb6\x00\xc5p\xb3R\x16\x9aNz"\xa0\rfPn\xf9\x0f\x8esN\x00\xb5\x99\x9c3\xe6\x07\xea\xb8\x8b\xfem\xccV\xfe]\xa0\xe2\x1c\xed\xa2\x13\x08@\x01\xaa\xc2\xcc\xe2\x91\xc7\xee\x04uA\x13X\xa4\x05]\xe4\x9d\xfb\xbfI\x98v\xd1\x01\xac\x00\xc4\xc3\xf4$D\x80\xdf\xdc\xe0\xd7\x88X\r\x80&amp;\xd0ZA\x11\x0f\x1e2\xde\x98\xbf\xdc\xb8\xfdl1\xde\xb8\x03\x18\x00\xa4R\xba\x19,\xc7nho\xddp\x1bU\x8cR\xcb\x8f\x11\xfd\xe9\xad\x14\xb4\x02\x00\x80#?\xb3\xa0o\xfc\x04\x0e\xffv\t\xd3\x1b\xf1T\xb8\x07s}\xa7\xdb\xf4#3R!\xd4\xfb\xa2\x1e\x84r\x15\xca\x9f\x9e0;\x9cB\xa3Z\x01v8\xe7h\x1a\xe3\xf2x\xd9\xffv\x05`\xdd9\xfaX\xcey\xf2\xd8\x9bjX\x01\x88\xa7\xae\xe5\xdf\xdd\xd1\x0b\xa0\x8b\xfb\xa9\xff\x93_mm\x9fu\x00\x80=\xb4\x89\x81yv\x89/\xff\xf9\xa9\xf3\x93o\x7f\xea\xe7M\t&gt;:\x84\x01@\n\x04\xe5\xa2\xd1\x1b%\xf6\x1e\xe0\xde\x1eS3\xce\xfc\xde\xd3\x05\xe7\xfd\x1e\xd4\xccB]\xd0{]\xf8\x82\x1e\xa4Cg\x047\xb8\xe9\xff\x7f\x9b=\x1c_\xb4\xf6\x0f\x99w\x03w\xe6\x93\xb6\x97\xb0}\xdd\xfc\xe4\x99q\xe1\x16TS\xc3_8\xe7\xf8\xfd\xbdK3\x00\x00 \x00IDAT\x8et4\x156\x1a\xf5\x8b\xca5\xf1\xeek\xfcq\xa9\xda\xdd\\5\xbdz\xb9\x8e~\xb8\xb5i\x82\xfbp\x00\xc4\xe2q\x91\x9aY&lt;\xeay[vn\x15\xa4m\xd2\x9b~{\x7f^\xcb_T\xb8`\xbf2S\x81J+\x00\x0c\x12\xa3\xa1i%\xc0\x94\x988|\x96\xaa\xad\xb5\xdb\x15j\xe7\x9c3?\xad\x8d\x17\xd1oAy.P\xa2)\x01\xe8e\x13\xd0\x9f\xb6\xe5\xcd/7]\'\'\x80\xab`+G\xff\x86#\x92Z`\xfam\x1c\xb6\x8b\xb3\xbdUz\xc4\x95\xff\xef%\x91m?\xd4\x9fr\n\xc1"\x06&lt;\xc1}\t\xba\xf1\x19\xe1\xef7b\xb8\xe9j\xcf\xcbz\xf7\x9f5\xc0\xb7(E\xc2\x19\x00\xc6\x96\xcf\xb4h`B\xeb\x85M\x87\xbdsY\xbf\xeev\x9fse\xc3Pd\x87\x1cU\x82\'0\x0f\xd5|\x7f\x9f\x87\xdc\xf2\x9fiYP\xf31\xb9h\xf8\x9e\xcc\x1a\x9a=(\xc2\x1d\xeeB\xedo\xe2\xca=\xaf\xd5\xe6\xcb\xa9\xc1\xe1\x1c\x0f\xef{s\xf7\xbf\xb5v\xf9\xf7\xf1\xb1\x9aa\xeeH\x8brn9\x961,#U7\xa8#&gt;\xa6\xbd\xb6\xea\x804\x155\r\x96C\xd7HX\x01\x00\xf0d\x8aW\xed\xee7-\xf9\xfd\xd9\xe7\x12\xde%*\xed\xa4\x9a\xf8\xc0\xe7\xe8\xff\xe9OW)T\xf6\xe9\xe3t!\xce\x19\xa7j\xc5\xa3\x04\xe3T7\x0c\xc6\xa5C\xcd\x91\x888X\x0e]\xf3Ak\x01\x00\x02\x10\xd5t_!Q\x81\xa9\xc1Z\xc5\xb4\xcd\x07PA8c\xac\x9e\x9e\xa6?\x98&lt;\x03\x90H\x8aS\xcc\xb1\x88\xbe\xb9@H4\xfdm\x19H\x82\x15\x00\x00YT\xde\xc7R-/_\x0e\xa5_\x14\xb2\xd6\x8c\xfd\xf0j\x02\x01\x00\xc8%\xd1\x89\xa7o\x8bW\x12\xfd\x1b\xa2\xff\x1d\x0c\x00\x00")\xbdA\xbf\\\xe2\x0b\x8afs\x17I_\xff\xfb\r\xcd$\x19\x13;\xd3Z\x10\xd0\x84\xc4)\x060\xc6L\xb7NZ\xbb\x0f\xde\xbf\xf2u&lt;8&lt;1\xd0\x07\x03\x80Q\xc0\x11\x17\xa2\\H4p\x95\xed\x0b\xbe|\xc5\xc6\xb9\xdb\xcf\x84\xc1\x8a\xa8\x8e\xfc\x04\x82~H\x81{W\x84r\xda\xac\xbf\xad\xb1\xff\xab\x19\xf4\x86\xa0\xf1\xc0\xb3\x0f\x04\x17Y\x80\x04&lt;\xa3\x01k\xed~\xcb\xe6\xc5\xfd?\x00 \x16\x8e\x8e\x94&amp;n|\xb5\xd4\xc8E\x05\xedS\x9dg]\xec1;*W)\xac\x00\x0c\xc4\xd8\xad\x94\xf9\x0c)\x84\x98\xe1\xfaQ\xe7\x96ek\x00P\x02;\xc7\x84\xb2|`q_?\xf34\xcb\xb7x\xff\xca\xda\xd7\xff\x9bS\x07\xcer\x81N\x18\x00d\x87\x96\x10MA\xd597\xf2\x8e\x1aiD\xc4\x03\xef\xc9\xff\xec\xd2\x00@M\xfeC\\qV\xe2\xc6W\xdb\xbb}\xdf)\xbc\x7f\xf7\x177\xd7.\xbc\xff~\xac=\xdc\xb2N\xa86\x18\x82e\x953\xcb&gt;(6S\xe5\xc0kD6\xad;\x1f&gt;\x00\x07\x00Z\xc1\x7ff\'zz\xebd\xa7\xe56\xd5\x9b\xcf2\xaeR\x00\x95\xb0\x02\x00\xe5\xf8\x82\xa7\x07~z\r)\x8c1\xabU\xce,\xd1\xff\xfc\xdf\xbf\']\xb0\x81\xf1\xdf\x180]VA7\x03\xd0\x03\xb4eI\xdc\x8d\x1d\x8e\x07\x03\n\x0bS\x84\\\xd7!\x04\xe6\xa8\x80\xfbS \x00\xb0g\xd7\xb6+\\\x06\xdao\xc3\x9c\x86R\xfb\xdf\x8ep\xc9O\xef5\x0bp\xc3\xc9\xd42\xa4\x10\x11q\xc6\xb9Y\x8d+\x00\xac8]\xf1Z\x01@9\x00\x9e\xe0Jr1\xc7\xc0\x9f\xbe\xfe\xa5]\xfe\xd3;\x18\x12\x8c\x89\x92\xe9QMD9\x93\xc7WN\xeaI\xa3\xd3\xc2\xd3^\x81^\x00"\xa90\x89;\xd4\xd4\x85sn\x84\xb9\x7f\x00\xa0\xb1g\'t\x11 \xb0gq\xc6\xbd\x07\x04\xd3\xab,\xe3h\x873\x00\x00\x91T\xb8\xden(\xf7j\xe7k\xe6\x00`\x00h\xec9\t\xea,\xf6\xcf\xfe\xea\x87\xc1\x83\xdbD\xffv\xbe\x90\x99\x1a\xd4\r\xf5\x07\x00\x00\x00\xa0\x1e\x9fu\x80\x8b\xcb\xfc\xbd\x12d\xdd\xa6\'X\x01\x00\x00\x00\x00\x18\x82\xf3\xbb\x17&lt;n\xcb\x19\xe7\x80\xd6 0\x00\x00H\x86Cm\x00\x00\xd0\x1a\xcfm9n\xf9\xcf\xf2\x1b\xb7\x8c\x0b&gt;m\x9b\xe0\xea\x07\xf6\xfc\x00\x00\x00\x00\xc8\x83\xc9\x080\xce\x9b\xff\xf3\xd9/[\x8b\x0f\x95`&lt;\x07=\xc0\xad\xea\x00\x00\xd7_u\x15\x8e\xe3k\xdfyI\xfb60\x0c\xc1\x07\xad\x05\x00H\x85\xe8_&amp;\xeb\x1e\x88\xda\x01\xa8\x82\xd2\x86\x86\x87\xc8H\xfc$\xbe\xfd\xd6Y\x05\x01\xd9H8\x03\xc0z\x134e\xb5\xe8\xc9\xeag!P,\x80&lt;h\x95\x1d\xb2\xf6\xb5v\xbe\xb5\xe7f|\xb5\xf9\xd3\x9fg\x1c\x06\x00zH\xdc\xb9\xc8\xc6\xc7r\xa0U\x80Kh\x1dP\x80\x88\x1em~\xde\x99\xdf\x81M\x02@M2t\x84I)&lt;^\x7f\x06\x00j\x11\xdb\xb4\xc5\n\x06\xbaaV\x0b\x00T\xa0\xdeOi\x97\x1f\x00\xa2\xd9O\x1f\xe8\xf1\x068\xaen\xa1f\xa1\x08\x18\x16\xc0\x16\xe6Z\x00\x86\x85\xf5C\x00\x18\x02\x9c\x1d\x08"\xc7B\xe7\x92\x02A&lt;\x00\x84R\xceo\xe0\x91\x00dq\xf6\xb5\x04\xbd3\x80\xc1\xd7\x80Zk\x8d\xf9\xad%D\xe9\x10\xe7z\xfdr\x9es\xce\x9a\xe6\xdf\x05\xfcZ\x95m\x8e{K\x01\xda09\x8c\xcc\xed\xce\xda\x98\xdb\xb4\x97\x88\xe1\xc6\x0f\xe0" \x1az\x99\x12\xacC\x8e]\xd0\xef\x9cS\xa7me\xe2jC\xe97Y\x9e\xf1\xe9\xbd\xb4\x88\x81\xa3\x04\x80\x9a\xdc|"Cc\x18\x11KL\xff\x88\xbb\xf6\x04Ee\xe78\xcdo\xad\xdd\xfd\xd2\xda\x93kX\xc5"\xe1;\x00\x1d#\xba\xeeSx\xdd.,\xc3\xb8\x13\xc5\xb0\xd6\n)Hg(]\x15-\x83\xd65b\xc8\xcbcX\x96\xe6\x8b4\xd9\xd8\xb4\xef2\xe2E\xbc\xb5\x0f\x93!\xe1v\xd2pkv\x7f[\xa2\xa05\xc6\xfc\xc4\xdd\xfb\xc6|\xd3j\xe2\x86BK\x02\x80"4\x9d\xcb\x14\xb4\xf8\xe6\x9c\x9b\xa6\x85\x18g\x02,\xdc\xf8\x07f\xafs\xa1qAI\x8e\xcc\x87\xd9};\xfd\xd6g\x0cz:\xf4\x12R\xae\x05V\x00\x00\xa0/~\x82\xc0I/V\x99\x006\xdc/\x83\x8c\xd9^\xb2O\xd8\x8f\xa9\xc6\xb2\xf8\xa9\xf4\xbd$\xb0B\xdaqa\x8c\x03\x00 \x15!\xa7b@\x112\xaeR\x00)\xd4Y\xf7\x903\xbf.\x9d\xed\x1e\xb5\xe8\xa6\xba_F\x88M\xa7\x04\xac\x00\x00\x00\x00\xd4FT(\x00\x83@\xf4\xef\x83\x9b/\xbc\xb7\x1f9\xafG\xc5\xeaM\xb2\xba\x19\x00\x8c\x8a\xa4u(\x00\x15\xdc\xac\xde\xbe\xbbUZ\x16x\x12\x1aR`Z]3\xec\xc6\'il\xfc\xfc\xff\x9c\\#\xbbk\xbe\x8cq\xce\xfdJ\x19m\x19k\x03\x00\xc8\x03\x87\x17\xa1\x10\x98\x16\xc8\xa43\xcb\xdc^\xd1k\xf2\x05\xc9\xfb\xe9#\t\x1ac\x05\x00\x00^\x88:\x9f\xa4\x11\xe6\xf0\xa4\xd1\x8dIcZ\xba\xe8\xc6\xf0|\xe8\xc3.\xcfN\xe8f,\xd9\xb1\xfd\xb6\xb7\x10\x06\x00\x10\xcekw\x1c\x00\x80h\x08\x9a\xa159\xfbJ\xa1\xe3\x8a\x0eZ\xd9\xb9b\xbf\xc3\xf1\xb9\x8c\x196\xaf\xcd\x9a\xd5&amp;\xe8fn\x00\x00\x00\x00\x80j\xd7\xf6_}P\xac\t5W\x00\x88\xfe\x01\x00@=W\xf7y7\x9f\xd2\x03xD\xdam\xf4\xcd\xb9\xd6F\x1d-5\xab\x8b\x1c\x03\x00,\t\x00\x00\x86\x81\x9dE\xa0\x85c\xb8\xcfy\x92-\xd7\x11\xec\xea/\xce9c~bb\xca\xd2\xc6]\x19\x8c\x80\xefJ\x00@\xd7\xb0}\x11\x00\xa0C\xee\x83\xf29\xb8}=\x15\x12\xeb:\xe7\xf6\xcfW\xdbh\xe4I\x86\x15\x80OHO\x02\x00\xf4#mz#\x1f\xf1\x0e\xfa5\xfd\xd6\xadf\xc0\x97~[\x07\xac\x91\xb5\xbbF\x940y\xa8]"\x17\x97\xe7\xf1\x95\xab\xbahXGLk\x01\xa4\xc2"\xd8Dg\x17Bgaq\xee\xa8\xa5\x02\xce\xb9\xacWw\xe7\x84\xd6\x01\x90\x83\xbc\xeb\xb1\xcf\xe1\xb7\xb56\xc2\x8do\xbf\'`\xef\xf3i\xe5\x16\xb8\x06\x14&amp;\xa6anw\xb3\x05P\x11!;K\x1b\x9aq\x7f-HK\x89V\x1b\x9d?\xb7\xb1(\x17XK\xf4\x0f\x90N\xf5F\xf4\xd3S}\xe0\xe3\xaaP+7\x8b?\x02c\x98\xc3\xee\x85\x1c\xf5\xa8{\xbf\xbb\xb4yV\xed+\x00\xd2\xf4y\x85v=w\x0c\x9d\x0bH&amp;4\xf8\xf64\xe6\xa0d\xadi\xf3-\x85\x0f\xeag\t\xca\xd1\x1d vL\xfa,\xc2\x1c\xed\xe5\x90\x06zA\x85=\x10b\x02@\x15\x9cq\xb9\xdd"[\x80\xa0!t\x9f\x1d@%\x1ayJ\x98\xe4\x91&amp;\x95?\xd6Z\x06\xfc#Pn\x13\x82^\xe3/\x87[\xd1Z\x16\x08\xc3\xb9v\xf7\xf6\xe7\x86\x96\t\x9a\xd0\xb2!\x01\x00\x00d\xd0x\xd5z\xb7\t\xeax+\x7fu\x89\xe0M\xd8^\x1d\xef;\x06\x02\x93e\x05\x00\x00.`\xa2\x08 \x0bL\xbb\x8eG\xb3\x08\xfbt\xc6j\xf9\xa7\r\xdc\xfaqc\xbaXu-\xac\x99\xaa\xf5I\xdb*\x86u\x9c\x01\x00P\x00\xb3Dz\xe1\x10\xa4(\xa8\x0bhNi#\xc4\xe7\x94`\xf9(\x98\xdf:\x80\xbd\xfb\xc6\xb0\x0cX\x01\x00M\x08\xb9h\x12\xc0\x17\xa6\xe5\x00\x06\xe4O\xe4\x9f\x92\xb7\xde\xfd\x1f\xdd\xa47\xbf\xc5\xf3\xb9\x95J}\x8fE\xc9?\x00\xd6B2\xe7t\xac\x8e\x00\xc0\x88p\xcf\x15\x00\xc4\xe3\x9c[\xa6\x7f\xeb\xc4\x7f\x9c\x8e\x8b\xc6g\x9c\x16\xf4y\xc1\xb3\xcf\x11&gt;d\xd2\xf3\x19\x80\xfd\xee\xb4\x81l\xf4y\xa3\x98\n\xd8\\\x08#1\x8e\x83\xd2\x0b\x1eI4lI\x7fM\xd7\x0f\x14\xed\xf4M@=\x9e\x8d\x16\xee^oh$\xf5\xb6\x009\xe7\x8cq\x839n\xdbGi\x07\xf1b\xa3\xf7X\x00Zpf\xb0\xaeD\r\x84\xfeM`\xb0\x11M\x01\xad\x9d$y\x95K\xdb:\xab\x95;\xdb~\x00\x00\x00z\x87\x13\xa8\x9e\xb0oG\x08\xf7C\xd6\\\x15t\x95\xcb\x00+\x00\x98\xb8r\xe4O\xea\xf8\xdc\xcc\x05\x10\x07\xf3\x9a\x12(]\x05\xd4r\x16\x88h=a\xda^\x08\xc3V\x03\xb7\x00\x81\x17\xf2\x1b\x88\r\xbdT\xb9\x17\x08Y\xee!\xaa\x03O\xac\rrt\x18\xd5\t\xb45P\xc9E\xc3\xcf\x16R\x88l\x17\x0c\x00\xa0\x1bF\x8c\xfe\'\xb2w\xba\xf3\x89\x9d\x1e\xc82*\x14;\xb4\x1c*\xde*?\r\x11\xf4Y\xa6bR\x94\</t>
        </is>
      </c>
      <c r="E218" t="inlineStr">
        <is>
          <t>&lt;class 'numpy.ndarray'&gt;</t>
        </is>
      </c>
    </row>
    <row r="219">
      <c r="A219" s="1" t="n">
        <v>217</v>
      </c>
      <c r="B219" t="inlineStr">
        <is>
          <t>steps_per_sec</t>
        </is>
      </c>
      <c r="C219" t="n">
        <v>2500</v>
      </c>
      <c r="D219" t="inlineStr">
        <is>
          <t>2.6546056</t>
        </is>
      </c>
      <c r="E219" t="inlineStr">
        <is>
          <t>&lt;class 'numpy.ndarray'&gt;</t>
        </is>
      </c>
    </row>
    <row r="220">
      <c r="A220" s="1" t="n">
        <v>218</v>
      </c>
      <c r="B220" t="inlineStr">
        <is>
          <t>Loss/RPNLoss/localization_loss</t>
        </is>
      </c>
      <c r="C220" t="n">
        <v>2500</v>
      </c>
      <c r="D220" t="inlineStr">
        <is>
          <t>0.15206791</t>
        </is>
      </c>
      <c r="E220" t="inlineStr">
        <is>
          <t>&lt;class 'numpy.ndarray'&gt;</t>
        </is>
      </c>
    </row>
    <row r="221">
      <c r="A221" s="1" t="n">
        <v>219</v>
      </c>
      <c r="B221" t="inlineStr">
        <is>
          <t>Loss/RPNLoss/objectness_loss</t>
        </is>
      </c>
      <c r="C221" t="n">
        <v>2500</v>
      </c>
      <c r="D221" t="inlineStr">
        <is>
          <t>0.088766366</t>
        </is>
      </c>
      <c r="E221" t="inlineStr">
        <is>
          <t>&lt;class 'numpy.ndarray'&gt;</t>
        </is>
      </c>
    </row>
    <row r="222">
      <c r="A222" s="1" t="n">
        <v>220</v>
      </c>
      <c r="B222" t="inlineStr">
        <is>
          <t>Loss/BoxClassifierLoss/localization_loss</t>
        </is>
      </c>
      <c r="C222" t="n">
        <v>2500</v>
      </c>
      <c r="D222" t="inlineStr">
        <is>
          <t>0.35725662</t>
        </is>
      </c>
      <c r="E222" t="inlineStr">
        <is>
          <t>&lt;class 'numpy.ndarray'&gt;</t>
        </is>
      </c>
    </row>
    <row r="223">
      <c r="A223" s="1" t="n">
        <v>221</v>
      </c>
      <c r="B223" t="inlineStr">
        <is>
          <t>Loss/BoxClassifierLoss/classification_loss</t>
        </is>
      </c>
      <c r="C223" t="n">
        <v>2500</v>
      </c>
      <c r="D223" t="inlineStr">
        <is>
          <t>0.10249068</t>
        </is>
      </c>
      <c r="E223" t="inlineStr">
        <is>
          <t>&lt;class 'numpy.ndarray'&gt;</t>
        </is>
      </c>
    </row>
    <row r="224">
      <c r="A224" s="1" t="n">
        <v>222</v>
      </c>
      <c r="B224" t="inlineStr">
        <is>
          <t>Loss/regularization_loss</t>
        </is>
      </c>
      <c r="C224" t="n">
        <v>2500</v>
      </c>
      <c r="D224" t="inlineStr">
        <is>
          <t>0.0</t>
        </is>
      </c>
      <c r="E224" t="inlineStr">
        <is>
          <t>&lt;class 'numpy.ndarray'&gt;</t>
        </is>
      </c>
    </row>
    <row r="225">
      <c r="A225" s="1" t="n">
        <v>223</v>
      </c>
      <c r="B225" t="inlineStr">
        <is>
          <t>Loss/total_loss</t>
        </is>
      </c>
      <c r="C225" t="n">
        <v>2500</v>
      </c>
      <c r="D225" t="inlineStr">
        <is>
          <t>0.70058155</t>
        </is>
      </c>
      <c r="E225" t="inlineStr">
        <is>
          <t>&lt;class 'numpy.ndarray'&gt;</t>
        </is>
      </c>
    </row>
    <row r="226">
      <c r="A226" s="1" t="n">
        <v>224</v>
      </c>
      <c r="B226" t="inlineStr">
        <is>
          <t>learning_rate</t>
        </is>
      </c>
      <c r="C226" t="n">
        <v>2500</v>
      </c>
      <c r="D226" t="inlineStr">
        <is>
          <t>0.03999743</t>
        </is>
      </c>
      <c r="E226" t="inlineStr">
        <is>
          <t>&lt;class 'numpy.ndarray'&gt;</t>
        </is>
      </c>
    </row>
    <row r="227">
      <c r="A227" s="1" t="n">
        <v>225</v>
      </c>
      <c r="B227" t="inlineStr">
        <is>
          <t>train_input_images</t>
        </is>
      </c>
      <c r="C227" t="n">
        <v>2500</v>
      </c>
      <c r="D227" t="inlineStr">
        <is>
          <t>[b'1024' b'1024'
 b'\x89PNG\r\n\x1a\n\x00\x00\x00\rIHDR\x00\x00\x04\x00\x00\x00\x04\x00\x08\x02\x00\x00\x00\xf0\x7f\xbc\xd4\x00\x00 \x00IDATx\x9c\xec\xbdy\xfc\x7fo17&gt;WRi\x8f\x8a\xf6EZu\x87\x92\xe5F\xbb[\nq\xb7\x93\x1b\x85V"\x95d\t\x91\xadU\xf1\xa3$*\x12m([R\xc9\xael\x85\x16\xa5\x15\x95\xa8\x84\xb4\xcc\xef\x8fs\xceu\xaeef\xae\x99k9\xaf\xf3\xfe|\xce\xf3Q\x9f\xef\xfbu\xceu\xcd&lt;g\xae\xb9\xe6\xda\xce\xeb\xbc\x00\x0e\x1c\xe8\x00\xec^\x11\xb1N&amp;z\xc8\xc2\x13\x84\xf7\xd2?\xc8\x8f\xdb\xe2\xb69\xcfs\x18\x92\x99\xb8\x14\x91\xda\x97\x17&lt;\xc2\x87\x9e\t\x15Ng\n;\xe4\x1fw\xd2\xb1\xc4\x10\xf1\r\\Z8\x17\xa0\xf4!.\xffV\xe5\xcf*bm\xd5O\x0b\xd2\x15#\x836\xf7\xfe\xac\xe8\x9e\x9d\x15\rG\xd93\x94\x99*\x7f2N"\xfdf \xcc\x0b\xf1\xbdF%\xc7\x8b\x02Z\x8e\x81\x05w\xe7\xb43\x96\x03\x07\n\xa8\xe8\xd5v\xb1\xe5\xe2\xa5\xbb\xeb\x8c\xd3\x98,\xfa\xa2"[\x9d\x8b\xe0\x96g\xda\xda8\xb7i\xe7\x81y\xc9\xfe\x1f\xae\x1bW\xac\x8aFW\xe9\x83&gt;\xae\xb8\xcfT\xfd\x12=\x18iP=98O O\x80F)\x1d)\xbc\x11\x7f\x9b\xbbbh\x081\xfe?SPr&amp;-\xd5\x19K\x87is\xdc\xf2r\xach!s?N\xf5\xd9\x8e\x8a\x03\xe7\x0b\x9a\xba\x10""|\x8dP\xfe\x1e\xfd\xfa\xc0*\xa4F\xdaT\xe5l\xf6Csr\xdc\xc2\xd8\xf6y\xc6\xda\x94]\xf3cHl\\\xf2U\x9a\xef\xb5#\xc0\xe5\xd1\xafy6\x87}`K+\xd6U\xdf\xf7|\xf1\xa4`\xc3\x12\xe1\xcb\xb4\xa1E\x02^\xb1\xaf\x05\xc0\x96\xd3\xa0HW\xe5\xa0V\xab\xeeL\xe2y\x14yj\xec #M\xbd\xcb.\x03^\x91\x8b\xaa9\x91\x08\x0c1d*\x96\x15"\xc0\x17\xea\xab\xcbb\xf3zGn&lt;0\x10\xca\xact\xcd&lt;\xe8\x9f\xa3\x9ed\xb3\xc1M\x96j\x8d\xf8\xaf/\xf4\xa8"v\xd8\xdf\x1eW,1\x19\xfb\xd3&amp;{\xeb]d\xd0\xa1z\x80\xe1er1\xec\x15\x1b\x01\xee\x91(\x18\xd3\xee\xffOS(\x0e\xd7\xe9\x7f_6\x80\xccPd\xe3"_\x92\x9e:\x1c\xc8!zR\x13\xb4\xf9|\xc5\xe33\xc6\x1dy!~\xa1\xb9C\xe9\xe3\xa7\x038\x9f\x0c\xd584\xe6\xc7\xf1\x8f\xfc\x13\xa8\xf8Z\xaa\x89)\x97\x1aX\t\xe1\x8a\xf1AMX\xd8*3\xdc\xfa\xb1\xd0\x13\x885b5\xadY\xd4\x81\x03jXz)\xfe\x16\x12\x8fa\xe8\xa2v*\xf3\x8fJF\x8ab:A\xe3\x1fA\xde\x11\xda\x9e\xb0\x1f\x96z\x10\x14\rQ\x8aC}\xaa\x1d5\x04~O\x85{\xa7\xfe\xf2\x04\xf4B8\x13\xf8\xc1\x89\xe5cc\xa2\xe0\xba\x0c\xed\xcd\x92\xf9\x89\xce\xdb\xd8a\xf8@\rta\xc0\xcfZ\xfaDQ\xba#[;1\x1aD\xcf\xa0qX\x0e\xa45\xf7\x978\xa0O\x99\\D\x87Y\x9b:!z\x95\xf2;\xb62K\xe6\xc0\x813\x880\x82uA|v\x86m\x9b]g\x078jh\x1c\xe6(E\xa2\xf49]\x10r\xb2\xa6\x8cG\x1de\x9d\xa9\xd6\xed\xb3\x07\x0cJ\xa3\xc5\x8d#!\x1c.\xd8\x7f\xf60\xab\x1b8\x98\x11C\xf8t\xfd\xdc\xeb\xa4[A\xed\xb71\xb3\x96@\xd4\x9b\xc8[U\xc26\x9cQMA\xa8R\xda\x93R\x10\xff\xfd\xc4&amp;\xe3]7\xe13\xd5R\xd3\x84\x1b=a\xe1\n\x0eT\xb0\xf2\xa8\x10\x972off4\xf0\xc0\x81}\xe0\x1c\x8e\xe0\xb6\x1cT\x16~\x92Y\xcbP\xa3\xc6\xa1\x18f\xea &lt;\x85\xd5\xd1\x14A\xbdN\xf6Uv?Z \xe25\xa3\x87bG\xe2e\x81\x1f\x10\x01\xe0;\xbdc\xcfZT{\x88\xb1\xb1\x17\xa3\xb2 \xb4\xcd\xce\x8b2\xebHE\x9f\xees\xd2\xccV^\x00t#\x16\xf9\xadgB\x08D\xfdC\xbbX\xfdQ\xff\x1b\x9bu\x85\xc7Y\xcf\xc8R&amp;\x01\xc1o!O\xa2\xa2/c\xf7&lt;Kf\x1f}\xfc\xc0\x81\x03+\x9a\xc7\xa7\x82\xf8M\xb4\xc4*7\xd1\xb2?\xac\xbbJ\xa7\xa6\xa1\xc3\x9f\x84{\xdb\xc4\xf0s~#\x195\xe7\xe1&lt;\x1bP\xcf\x90\xbb\xfc\x02&amp;\xbfs*+R\xa5\x83"p\x15{\x87\x11\x0f\x14\xed\x04O\xeb\xeb:rJZ\xac\xb4\xac\x90k\xf6\xd4\x99\xc9\xee^\xbc\x1d\xfb\x81\x9bf\xc7N\x13\xce"\x96\xc3L\xce\xcf-}\x81\xe5\xd3\rC\xfa\xe9\x81\x03\xbb\xc0\xf6\xc1\x1d\xe7\x8b\xee\xaa\xc7%\x02Z\xd7~\xb2\xf6\x86\xd8\xc6\xbd}\xb0U0\x9ca\\*u\x0e\x02 |\x86i\x98\xdf\x1bx\x9e\xa70a\xfb\x1c{vZ\xca\x8c\xee\xdd\xb94dP\x17\xd3*]6\xf8\xbb\x08\xf9\x9bf!\xf9\xac\x80\x9ed\xaf\xe6\xff\xa2p\xe0F\xcb\xf0\xf1\x99\\|\x97\xb9Y\x89C]D\x04\xf8\xbfF9\xab4\x86\xf29\xdb\xa1\x0e\x9c!\x04\x9b\xaf\xcd\xcf\t\x9c.\xb8/8Pv\xe7\xbc,i\x9a6\x81\xce\xd7\xd4@\xba\x17\x01~\xf4\x04\\X\xbcm\xeb \xaf\xdf\x17\xdc!\x82&lt;\xd3\xea\xc0\x8d\x1drn\xf8\xbf\x1a\xe7\xfe\x02\xa0\xaf\xc8\xa0\xcf\xd2g54\x89\x8d\x06\x9a\r\x10\x9b@. \xa9y6\x99]K\x05W\x8f\xc9rT\xb86\x92k\x80:\'$\xe9N#\xd3Ui:p\x00`\xd9\x19rN\x8e"D\x04\xe7\x00\xc0\xc5\x89\xc6\xf9\xdb\x0e\x00\nB8\xe5\x8b s\xf5\x9dbv)\x0c\xb2hr\xd9\xd4\x10\x81\xff\xf7\xea=]\x80\xd5\xcbN$wU\xe7]\xdd "\xc8\xdaK\x0f\xea\x89\xa4\xe9\xbd:!\xfc\x02\x17\xe11|\x1c8\x9b8\x7fBw\xee\xd3d\xa2\xf38u\xfeom\x0ee\xde.N\xac\x9ds\xca\xc9\xf7\xa2\x8b(nJ\xd4\xd3\xe4\'W\xd9\xd6"\x06V\x17hPs\xe0\xc0\x04\xe9\xc0zY\x91N\x9f]\xf0\xbf\x19\xce\xb9\xaa\xc9\xae\xf3\x90\xab\xcf\xcb\xdf3\xb2\xa5T\xb6\xa8v\x93\xe0\xc6\x8b\x1b\x96-\x0cA\xc29\xb0\'T\x02uT\xdeS\xfc\x1cq\r2S&gt;\xfd\x07iv\x98q@3\x8f\x0e\xbe\xb7~2d0\xce%[\x0e\xc8p0\xe0Q\x9c~\x18\x7f\xf6\xab,W\xf3\xf5\xee\xfd\x8e\x1d]V\x08\xf3\x00\x1d\x88\xcc\x84\xea\x135=B4\xae\xc7L{\xfd\xc7\x02\xe0@=\xdc\xd3\x8a%.\x12|8I^\xc0\xe8?g\x1f\xeb\x83S\xc6\xa1\xeb\x95\xccu\xf7\xab\x84\x0eF\xf6O12~`\xd0P\xea\xdcw\x0e\xd8\x9d\xa2W?]\xd9\xcb\xc2T\xaa\x88\xc32\xf0\x8f\xe8\x0c\x01\xe3\xe8e\x9eD5\xf0.\xe7O\x15h}:h@\xfcW7\xf4\xb9\xd1"\xa3\x11=\xf2qB\x1e9\xde\xb6\x9c\x01\xf7\xc0\xb4\x9b\xe4\xb2\x8b\xc9\x15\xb2gO\x81M\xde\xa5\xb1l0q.\xe5\xe4\xb4\x1a\xeb\xd4"\xaa\x07\x13\xc7\xce\xcb#\xff\xba?W\xca\x9b\\\xf1\x99\x95l\xca\x92#\x9c\xfa\x84\xe7\xc0\xb9\x0cMv\xd0\rfc&amp;7;\xde\xe9\xb1\xe3\x15\xf1S}6\xa3\xea\xdc\x9b\x8c\x94\xf4\xc6\xb0}\xaf\xe8d\xa8x\xd4\xb2\xbe&lt;F\xcfwZD\xdd\ncx\xc1J\x0e\x15\xa0\xe3\n\x0b\xc8\xc5\x8cc\x08\x00p\xa3\x94\xdeXu\x12\xee\x8fY\xfb\xf6\xc3\xf2\x9e\x96G\x9b$\x9f\x99nxrT\xe4\x81\xf1\xd8n\x07]0\xbf\xd4\xc1\xcbR\xc9{/\xd8\x91\x9f\x01\xd6E;\xc6\x17"|p\x0c\xe7E/\x97Q\xeb\x95*\xf2\xf3\x81\x03f\x1ca\xb4\x13l\xda\xb7\x89l\xc2l\xedl\x93hf\x0eom\xdc\xaf\x95ma\xb4\x1a\x1c\xce\xa4u\x0cT\x17;\x145*4\x8e\rJ\x85\xd9:\x9c6\xe7\x84\xa3\x8b\xf7\xc3\xdb\xeah\x10U\x10\x11\xe1\x9e\xe9\xc5R{-r\xc6\xb8\xe2\xe4~&gt;\xe7\xb1+\xf7\x0edb\x12\x9b\xa5\x9d!\x94\xf6\x072c\xb7\xb5\xc8\xe5\xd6e\xbc\xa8\xa8_RU\xb6\xdd\x91X\x0e\x18\xb0v\x06D\xbcj\xff\xa0\xd9y\x14~=\xa8\x07\xe3s\xafSQ\xe9\xc9\xb4\x1f\tp#\xfc\x97\xea\x81$\x9b\xa6#1C\xad\x90jk&amp;S\xba\xf4\x83\x07\x00\x00\xfcu~Wy\x1a\x96\x86\xdc#G\x86\x96\xaaq{\x8dR\xbd`&amp;\xc3\x85\xb1|q\xbd{\x02\xabw\xe2\xea&gt;\xf8[9\xc6Z\x9d\\w\xbc\x89O;\x87&lt;\x9c#\x0cl]\xf2\xd9U\x1f\xdf\x0cS\xe0\xdd#K\x11\xf5\xd1\x18\x8b\xfa7\xfa\x06\x85\x06#\xe8\xfc&amp;0\xab\xd7u\xe0|B\xb8\x19v^\x01\xe1\xfb\xf3\xdf\x15\xe2K\x9f\xa3\xfd\xea7\'\xa3&gt;\xa5\x90Yb\xb4\xe7\xb5r.3\xe3&gt;\x95\x91\xacd\x92\xe5\xdf\xe5\x0fE^fey\xaa\x8f\x1f\xbb\xfd_\xe2\xa6\x1a]6\x84\xb5\x1d\x93h\xa4\xe7\xfat\xe9s\xb4_w\xc2s\xd4%\xe5\xe0yW\x8b\x93\x8f\xd6!\x11F\xfb\xe1"\x15\xba,\xf5\xe9\xec\x81\xcc\x9d\xaa$\xf3rbwL#\xe4Hh\x07\x0e\xa8\x80K.P\xf7\x19S\xbf\xea\xd6\xfdv\xd7\x99\x11\xe1\xd5\x86\x85\x93R&amp;\xd6\xa7\xe6p\xda1\x91\xd1~]+\xd6\xaf\x0f\x00:\xd7\xc3\xdd\xd9c\xd9S\xce\xaa\x15\r\x14\xda\xb5\x13X\xe3\x813!h\xd9\xc2a=\xc0\xbb\xfc\xcd\x9aE\xddX\xbc`{\x95\xd5\x1ex\x14\xef\xf0\xaa&gt;\xbe\xb3\x04\xb8\x17\xa8R\xd6)\x8e\xb6N\x8c\r\xa2%\xcf\x1e\x98\xcf%\x9e\x9f~OLK,+\xac\xafnSt\xe0\xc0\xf9\x8b\xa5\x93\xe8\xfb\xa7\xbak\xc5\xc5\xd4\xe3(#\xbc|\xb0\xab\xa0\xd4\x07\x81\xa3\xecy\xad$\xb6\xd6\x90\x95@5\x99\xd0.k\x15\xc1\t\xd1\xdd\x87\x9c0)\x9f\xb9\xf1\xc0&lt;q\xe1\xdb\x9d\x17\xc56\x1f"\xe2\x8d\xcf\xf7\xa1\x14q}$\xcf\xda\xd3\x11\x11\xe1IH\\\xac}\x98\xc7^\xeb\x9cG\xd1\x9faN;\x7f\x1c\xb8Q\x9f\xa5\xf2\x7f\xfa1/\xd8\xa8\xaaT\xf2\xda\xe7w\xca:\xb0\x19v\xb47\xd6\x05\x86\x87\r4e\xc2~\xa8\xef\xfcL\x99\xad\xcf\x1c$\x1davK3\xdd\xa9\x80\x8fM\x17\x00\xb63\xf1\xba\x04\x1d\'\xfa\xc2\xec\xff\xa4y\xb9\xa4\xd7Nl\xac9u\xc2\x1b\x1e/\xe1\xcd\xa9\x9b\xad\x9e\x0bH|b\x89a\x0c\xfe=p\xc2\xf4\x18\xcdA\xc7h8EZ\xd3w\xd5\x11\xdc\xf8\'\t\x99\x05@TR\xa4\xf4\x03\x9c\xc6@\xe6\xa5JF=\xc5d\xcd\x81\x03\x150O\xfb|\xf4\xb7\xcd\x87N8\x8b\xb2"=\xfe&gt;\xe9Ql\xa2\xbd\x9eI&gt;\xa9U\xb7\xc8P\xf3\xbd\xf0uF\xbe\x10\xfb\x99RU:e\xab\xb4\x8a\xcd\xfa\x0e\xc2Q\xcc\xd0u\xc2E\x94eb\x97\xf7b\xb2\x98F\x8eP\xac69\xd4\xa2&gt;\x1d\xad"BI]H\x9d\x1cy\x1b\xf11|\xeeX=\x00\'\xeb\xda\x15\tM\x8b\x8b\xc7imm}\x04@\xb8\xecP\x93\xef\x9b\x0b\xe7\xd2Qw\x0f\xbc&amp;K\xf8\x99\x1f\xe8l\xaf\x1ab\xeeH\xee%EN\xb6\x8cSG\x97&lt;0\nS\x14\xbe\xceP\x9a\x81U\xe9y9\xd2\xb4\x9a\xdc\xe6\xf6\xb28}\xb5M\xb2R\x94(uJG\x11\x13=\xaf\x18\x12\xc6\xc3\xd2\x88\x8d\xfdW\xa5\xb1O\x88\x8a\xba\xc9\xeb\xd5\xad\x10\xb3mz\xd1\xcdY\xc8o1=\x03\xdbg\xefxF\xb2[bmh\x88%&amp;\x14\xf1K\x89\x1c\x80\xaf\xc7&lt;*6u\xe9\x9a4&gt;\xaf:&gt;\xbb\xe8\x0f\x86\x1ef\x9d\xa0\x91\x02\xf0\xfb\xd3\x85t\xabe\xfd[\xb9\xc9r\xe0\xc0\x1e\x10\x04n\xc3\x04B\x19\xfa\x83p\xe2\x89Z\x03\x88\x94\xdd\xc5\x96[\x19Z\x107\x9c\xdf\\\x0f\xc2\x01\xec\xd4y\x90\x0b\xf8~\r\x81pa\x84\x17\xd4\xca\xd1\xf7\xc4.Q\xa4\xe8\xfb8\xee\xb8,\xa4\xbd&gt;\xbb\xd5\xa4\xab_To\xd6A\xce\x04\x1e\xb9\x99\xa6\xcc\xed\x9dz\xe5\xd9D\xd6\xc7\x1f\xc3\xdf\xf4e\xaev2\xba\x19\xad\x8a\xaa_\xd4\xdc\xe9\x8c\xda\x7f_\x94\xb1\x88J3\xed\'\xe9\x13\xef\x91I\x0e\xec\x0b\x88\xf8\x91!\x11\xb9Y\x94\xb7\x8c\n\xa7\x1c\xda\xe9\x9c\xbd\x05\x99\x93,\x99f\x8d\x88x\xa7\xddd@\xd2\xedH\xed\x12UK\x9e\xa7\xb3-\x12\xca\xb8z\xc0\xb9\xaeq\xf5g2\xed\xc0\xec\x8f\xe9\x13\x86gD\xfd\xba\xc3\x7f4K\x00@\x84\'\xec%hy\xfc\xf3&amp;Z\xb6\xf4C\x1a!=Bb\xff\xedH@1R0\xddjS\x90\xaak\x12\x8b\xb7\xf1*m\xcd=\t\xf9B\xd3\x83\x94&lt;\x19\xb2\tL\xc9j\xab!\xfe\xc0\x81\x93\xe2\xec\x04\xfa)\xbf\x03\xa0H\xebC\xb4\x0eWAi]\xfe\xdd}T\xe4\xfe\xb1zlmJ\x0c\xe6\xd6u2\x0c\'9V\x153\xde`\xa5\xd7e\x06\x96L\x0b\x88\x8f\xbc\x07\xf0\x9d\xc4\xc60\xe7\x81\xdd\xc7\xdb\x01\x1d\xb6\xcb\x90\xfb\xc3iF\n#\xb0\xeb\x0e\xc2\xfb\x173\x7f\xbd\xe1\xe0qv\xd4\xc0\x05\x80\xadE\xf6\xd9p\x07\x0etG2\xa2\xef\x07\xfb\xea\x81\xfbO\xeb\x1d\xf1\xf1g\xcc\xc0\x1a\xaak;\xae{\xfff\xab\xcd\xf1 \rr\x92\x04N\x0b\xd3y\xabC4\\\x08\x05\x0b\x80ET8\xa0&amp;\xda2\xbb\x02\xcf|\x0b9$\xe7\xa6}\x9f\x9d\xf0\x81\xddai\xcd\xb7\x9f\x9a\xc8I\xf0\xb7D\xa8\xff\x7f;\xcb\xa5\xdd\xd3;"\xfcQ\x9b\xc0&lt;\xab\x00\x00\xe2\x97P\xdb\nLrK\xbfC\x1cg\x1bc\xa2&gt;p\xa0\x88s.\x98\xf6cN\xf8\x8aL5\xae\x96$\x91/\xe9g\x914\x839\'qF\x0c\xac_\xbb\xfav|&gt;\xe2\xb4\xb9nn\xd9~!Q\xac\xee\x87\xb1\xfc:Q\xfa\x97l|\x1eC\x0f\x9a\xd1\xa4?\xfc\x1b\x11\xe1R%\xe1\xa1\x9c\x1b\x92\xc2\xf3E\xc5\x81s\x06Gk.\xfb({\xdd_;5\x01\x8f{D\xb3\xf3RR\xf5\xc58qL*\xb3&amp;\x99}\xb6\xda\x81=\xe1\x18\xb4\xec\xd0\xf5\xab\xaa\x1e\x9b\xa5\x8c\xce\xadCN_\xce\x03\xec\xd4\xd2\xa5!~\x95\xbcQ&lt;MN\xa2\x05\x11\xe1\xe7\x8c!W\x1a\xab\x0c(\xd7\xad\xdb\xceW*\xa7\x01\xc1\xb3\xb3\x00\xe9\xdf\x15|\x18_\xa9\xda\xcb\xaaf\xb7q\xbb?\x9c\xc0Qi\xa2&gt;GG\xd2\xd6\xb4\xb0\x17\x0c7\x81MA\x1f\xa1\xcf\x15\xad\xa2\xea\xd8\x98\xcd8p^\xe1\xec\x0c3\xf4\x10\x1bt\x8f\xad\xac\xc8\xfaU\xb7\x9e\x16\xda\xf2\x97i\x07\xee\xa4\xa56\xa1\x1c\xe8\r\xa1!\x06\xb4Q\xd0\xee\xab\xf0\xff\x02\xf8\xdex\x8c\xd9"*\xc6\x84\x1f9h\x86\x8fE\x8d\xb3\xae\xb3\xe4\x98\xfc\x01\t\xb5^ju\xecM\x92\x99\xd9.2\xea\x14\x87\xd7&gt;5\x8ds\x06\x08\x80\xf0V\x04\xf8y]q*\xff\xd4)\xee \xea\x18\xe5\x0fhp\x96B\x84~\x96\x0e\xfaO\\\n=\'\xecZ\xed\xbd=\x15\x1b\xecYv\xef\xc0\x1d\xd9N\xf2z\x089O!N\xf2\xfa6\x13\x00|\xbd8\xa8\x18\xb4\xd4\xb3B|\x94\xf4\x84+Q!&amp;\x86\x00\xd7/\xf1"\xf0Eq~\xe8\x15\xf9\n\xfeM\xa2\xf3/$4Jm\xab\xbeS\x04\x8e\xb2\x1d\x165o\x91FM\xdf=\x06\xaa\xc9\xf0)E%\xa1#\xa1\x07s\xd2v&gt;\xe5\x98\xd2\x85*Ae5\xe7\x92\xeb\x1f\x95\x0c\xb4\x19\xb2,\xa5\x8a\xc0\x81\x03\x07x\xc4]\xcb\xdaE\xcbO\xfe\xf9O\x8d&lt;9\xf9\xfat&amp;\x17\xb0\xa4\xf23\x90\x89\xec)\xbbi\x8fVn\x8e\xea\xbc\xcf\xe23W\xeb\x1a\x847\x8dFH= K\xfa!\xbe\xa8\x99c\x11\x0br\xaf\x91,\xd9\x82\x92\x8a\x0e\xb2\xfb\t&lt;\xb7\x11fK\xcb,\xad\xeb\xa1P\xff\xdejS\x9b\x84bK\xbfN\xfb]\x0b3\xf2\xc6\x9e\x17\x00\x9a\xd4$\xd7\xf7\x7f\x01&lt;\xb4\x8e\x02G\xa2\xa29\x8e4r\xe0\xac#\xdf\x05\xdc!\xf4\x93\x805\x95\xe4\x9d\xf3N=2\xaf\xac\x9aIg\x84\x87\x0bYO\x99\x16O0(\xce\x8a\x01u\x86\x84u\x8cs\x82\xa6Q?M\xee\x97\x14\xee\xd7\xc8\x8f\xf1\xb0\x96\xb8\nW\xa4y\x9c+\xe8E\xb6p\x03lh\xa9T\xc00\xc9#\\\xd7\xa9s\xd1\xb4\x1b\xe4y\xb1\xd64r`\xc1r\x0e \x9ek\x19\x03I\x87\x8f)\xc9\xfc\xb6!\xed\x95\x04\xe1\x8fu\xb2+\xebn\x95\xdb\xd8\x8d4N\x01Ej:=\x8d\xb3\xe8\xd8\x03\xe78~\x96\xed$\xc1\xa0.J\xc0p\x9e\xe1SO\xd6\xfd\xda;\x80v\x0e\x01p\xd5\x89N&lt;\xbf/v\xc2\x92\xf0\xfbJ\x0e\x99\x8d\x1d\xb9\xf7_\x92\x7f\x1f_E6\xb3\x82\xe7Vi\xf4\xc6!\xf9 ~:\xe7q\xc5\xd8\xc0\xfa\xb0\x98\xd6\xfb\x8e=\xf5\x83\xc7R\x91$\xa3d(\rh\xa9\x1f\xca\xe5\xdbzG\xe5l\x06\x11\xe1I\x84\xed\rLb\xe1\xcb\x9f\xc5\xb2\xc7\x11\x81\x80\xa2g\x8aQ\x84\x88\xdf#.!x\xa5laCGF\x84\x87k\xe3&lt;\x10\x8b~\xe7x\x1d_\xea\xc1v\xcc~0\x0b\xbc\xe0\x16\x01_\xc8K\x9bAN\x80G\xdf?\xb0+\xb4?O\x19%\xee5\xca?\'\x8c\xf8M\x83\xbe\xd4\xfdF\x91\x19\xa2\xa5"}\xac\x04n\xd2\x8b\xc6v)\x8c\xf7\xde\xc3\x07,\x00\x1e\xcd\xcf$fK\xf9\x95\x1e\xeb\x8d\xfe\xbe\xbau\xe6\x10\x04\xb8\xba\xaaj4\xe9\xa4&amp;\xc1\xba\x83 \xba+\xd1\x96\xf2\x15\xf8\xc6m\x83d\xc8\xd0\xa0\x8d-*\xcf\xf9\x8e\x05\x80\x88\xc0\x93\xaf\x90\x16\xd5\x88\x08w\xa6;\xa6\xdf\xeb\x01\xf2\xc8\x8b\xaa"7\x876h\x898/\x97_\xc4\xbei\xb1}\xf7\xe9\xfa\xf5U2\xff\xb8u\xe3\x0f\x11\x01\xee_,\xb3\x9a\xbc\x8b.\xe6\x9bxt\x02&lt;p@\x85xwd\xe9*\x8dA\x19f\x84\xa8\x076\x9dB\x16t\x02&lt;V\xe6\x93%\xc1+\x0e\x1dz\x9f\x9b\xaa\x13\x15\x192T]*7\x94\xd4H\xce\x9c9.\x91\xb1\x92\xcdmW;\x04\x96\xdb\xb1 \xb9\xa2\xc9\xd2\x92}c\xb5\xae\xb1|C\x17\x91&lt;\x9c\x13\xd9N\x17\xee\t\xc6\xdbYF\x12eTi\xfeT\x1f$\x89\nA\xe3\x18&amp;\xe3\xb0\x97\xf9\n\x11uT)\x00\xbcqZL6A\x13\x1e\x15\xec\x14~\xbb\xcd@\xc7Z&lt;P#\xd5R\xeb3\x1a\xb5\xber\xc9\x1b7\x95\xb2G\x97vT\xe2\xcf\xc4W\x1a\x10\x18\x9a\x00\x0f\x9c\xa7h\r\xf7\x1e\x1d\xe6\xe65\x19\xa1\x02\xe16[\xf2w\\N5N\x14\xb5\xd5O\x19\x95J?B\x8f\x13\x94\x84\x91YC9\\\xa5\xd6I\x94\xba\x8f:5\xb8\x13\xa60U/\xd6*\x14\xa8\xd0\xfby\xc4\x0e\xfa(\x1f\xb2\xc4\x88\xdf\xdc\xa5\x9b^\x17-\xa4\xa4\xc1\x0b\x80\x95\x7fR\xe0\'\xc4\xa9C\x8b\xe6\xf5\x0f{\xa4\xe5\xe2v2\xe1\x9e0\xa8\xc9\xaa\x99\xc4m].Sv)/\xad\x91\xe3\xa9\xdb1fr\xafv2\x98\xa5\xa6\xad@\xb4&amp;\x15\x06\xa6F\xacmq\xaf\xf7_l\x12\x02\xc2_\x87P\xbb)s\xe0@\x88\xd6}\x8b&gt;,\xecz\xad\t7\xed\xed\xcb\xe6b\xde\x8d\xe3\x92\xf5\x9d\\\x1e38\xa5\xa6\xb1$\xc9hp\x8b\x13\x8c\x1fz\xda\x98\x81e\xc8o\x9c\x0f5*3\xa1\xa6QL\xea\x04\xb1\xd5z\x87r\x0eU\x94\xae/M|\xc9\xbc\xd1\xb5\xa12}\x1a\xdb\x10O-\n/\xdc\x05\xb8\\\xa5\xea\xd7\xccb\xaf\x95\xf6\x8b\x1a\xe4\xd5;x\xac\xd9\xdb3\x81xYH\x8b\xbd\xdf\xe8\x94Up2f\x887#\x80\t\xdd\xb0@=\xb7\x9cF\x9b\xc0\xa2:m7\\\x1a\xebBj\xd9\xb2C\x86u\xe4\x12\xa9\xb9\xa5f\xbd\x7f\xd7\xd8\xd7\xe0\xca\x95;\x83\x8a\x9e\xcez\xef\x07\x0b\xbe=p`w\xb8r\x97\xdeNf\xe7\xe9\x8e\xa9\xba\xa6\xfc\xe8&gt;\x96\r\x81\xa4]&amp;y\x04z2\xd6\xe9V\x16\xce/\x95\x8b-\xd7G\xb7K\xa2wn\xa9\x913i\x99Lm;\x9ef\x84\x08\x02{!\x9f\xc4\xa4\xce\x1c\xca\xf6\xea\xde\xa1\xd7\xc6\t\x0f\x0b\xfcEG\xc5\xcf\xa6\xbbm\xd3\x02\xe0\x11Ab\\e^\xecd3\x06\xbe\x1d\x8b%\x87\xd0Y\x9c\xf3AR{\xa1!\x8ca\xdcLr\xa8|\xe5\x97\x1c\xea7 \x98\xe3\xac\xd0\xc3\xdb\xa1\xab:DD\xf8Bq\x8b\xea\x16\xf4w#\x8b\xdd\\\x91\n\n{\x8b\xe3\xe3\xf3\xc0\x015\xfa\xf4v";\xd7H\xd9\xc9\xd29\xb1"\xb2\xab\xd2\xb4\xaf^\xf2E\xb5\x81\xf8\xa9K\xca~\x84\xfd\x08\xa2\xbaQ\x18\xab\xbd\xb4\xf7\xa7\x17\xef\xb1\xe5\xc2\xacI\x94\xc6!B\xb1M\xa6\x1a\x9d\x11\x0eZY\x97\xb5\x04\t]\xb2\x9b+\x82\xf15\xecw\x9a=\xcb\xae\xcd\xc1\xfa\xa7ac2\xd8\xdc\xedG\xbb\xff\xa2\x8b\xb8\xb4i\xa8\xd3\x9b\x0e\xa5@m\xcaujb\x03\x85G\xf1\x80\xf8\x15U\xfbM\x1a\x15B\xec\r\xe9J%\x04\x1a\xfb\xecE2\x99y6\x8d\xf7\x80\xa8\x9d\x08BK\xbc\x15\xa2\xf7\xc0\x01;\x9e\xdb\xd6]O\x1b\x91|G=%\xf2\xc1\xe6\xe4\x9d\xd6\xce$Np\x95\xfc\x7f\x8c\xdf\xb1\xf8&amp;R\xdf\xc6\'\x00y\x11\x8b$\xad\x1b\xb9\xf9\xd0\xd9\xcb\xe3\x1f\xa1\xb7\xbb\xf6\x10\xe1!&amp;2/\xd1s\x0bC\x9d/QK$\xe0p\x17\x14B\xa2\x80\xa7\x91\x1c\xbe\xd7\xce\x8a`\xd9.\xa4\xa8\xa4\x97\x9c\x9b6\xecD\x14\x83at$\x0f\x96\x1f\x86\xb1\xff\xdb\xf0\x15[\r7\xaa\xd7\x13k\x80\x8d\xc7\xe5\x99\xc6\xcd\x8a\xeee;x\xb2\xb5\xc1o\xcf?\x14b\'\x00\xe8\x8d\xcd\xfcF\xc4C987\xe9\xb0\x07\xce\x0f\xb4\x86\x94\xd4[\x86c\x9f\x9d!O\x91\'t\x11\xc9\t\xe0\x81\xfe\xb2X\xb0\x9avn\xbe\xaaV\x95\xaeYa\xb1z`\x11\x02|\x154\xc4\x8f\xbe\x16\xa3b\x8fq[\x85\x1d\x8eI\xc4\xf8Z\xa4\'\x97\xa9\xb5\x91H\x02/m\x08\xb9]9\x99\xba\xc6\xd3\xd3\xad\x96_]\xea\xc5\xd5\xc1f\xc9E\xc3w\xe8G5\xe5$\x16\xf3\xb0\xb7=\x9b\xa7.\xb8\xa8\x8b&lt;\xf6\x93cm\xe4)]$\xedm\x8a\xa3\x89\xfb\xfaC\x83\xb0\xf0\xcd\xca\xda~:\xf2\x80\xd2iD\x00\xa4TE\xbf!\xfe\xcf.w&lt;\x0f\x9ce\xe4\xbd\xc2.\xa2\x1b\x99\x1e\xf0\xfd\xfcTCf\x96\x88NC#CJ\x86\xe4\xd6N\x984\xbf9\xc6\x0cJ\xe52K\xba\xff\xe1\xe1\xe3q\xcc,\xb9:J\xdd\t\xb0\xc31\t\x01^\x1c\xfcM\xc5^\x16\xf6\x82\x15\xb5A\x92u\x81\xe5_\xa3\x9cU\xd8\xae#G\xa0\xa7e\xaeZ\x00T9a\x1f\xde\x1b\x9bp\xe6\xe9x\x9auU\xeaHb\xb7\x93K\x93\xdd*K\xfb\xdb S\xcc.\x00`\xa1\x1dn\xc0\xd7FT\xd3\t\xc0z%\xb9\x9b\x1cGl\xee\xcc\x03\xe7\x17\x9af\xffl\\&gt;x\xb3\xa8\xa5\xa7\xb0\xb5\xda\x9b\t\x87\xda\xf9\xe4"p\xdb\xc6oy\xba\x99.7z\x80\xc8\xc4YRk\x91_T*\x17\xcag~zo?^[\x18\x11\x11\xbe\x19\xa7\xbf&gt;\x8ep\xf2 `\xf0G\xa8\xee\xc5D\xd9M\xd1\xc9\xf6\x9ay\xe4f\xce\'\x89\x84y\xe0e\xadd\x10\x1f\xeb\x05&gt;o\xd3uWs\x9f\x15\xab\xbf~\x87\x93\x9bQ|\xfe`\xeb\xdc&gt;\x7f\xd6\x14\xa6\x92\x9bP\x91\xbc\xc5\xa6}\x1b\xec\x15W\x8d\x86\xbaa\x95\n,\x06*5R~\xf6\x7f\x93M 6\xcd\x81\x03\xed\xe8p\xa8\xb4a\\\x16\xd9\xb2\xa9\xe7\x93\xd5:\xfe\xaa\x96\x1cAC\xbe/\xdc\xcd\xbc\x1a\xd8\xd5/\x11p\xc9\xa8\x97X\xce\x90\xee1\xa3\x1bl\x08Vz\x93E\xa3\x84\x92[\x82|\x00\x80\x0c\xa73\x07n $\xfc\x1c\\\xd9\xc1\xd8\xd9\x10\x0cA\xc3!\x89O\xde\xc8\xae\xb1\x8b\x8d\x137\x10\x8b\xa5\xd5\xfav\x9f\x9dY\x9a\x07U_\xa9\xd5\xf5\xb7IYA\x137\x89Q\xab"\x92\xf3\xfc7G\xe3\x1d\xac+\\%\xdb\x03\x07\x16L\xc1\xe7\x1c\x9c\x89pZ\xd8\xb2T\xc3\x8c#\x14\xe3j\xe9\xab(\x85\xf6\x13\x18\xe5\xd2@l\x9ac\x0b\x1a\x11!h\xeb\xc0\xf0\xe93,w\x11\xd0_\xad\xa7\x0cT\\e\x8d\x88\x9b\xc5^\x1c\x1ek\xbeU5S\xeci\xaa\n"\xce\xd7\xbbE\x94=\x8a\x88.0]\xe9\x18\xdb\x95\xa8\x0e\xaa\xf2D\x82\xcd`WD|{\xd7~]\x03\x0cZ\xa0\x9b\xf9\x0e\xf6\xd0\xa6]\xa0\xcf\x00\xa7\xc9\x15\x13V\xc5\xe7\x88\xdbg$\x96\x9e\x95\xc9@\x0f4vL\xbb\xa6\x00\xce\xb9\xc6a\xe2\x02\xad\xa4\x0e\x9c\xdf\xd8\xe5\xbe\x8b\x04\xe7\xb6\x18\xcb\xa7Ey\xdd\xeb&amp;V8\xd7\x95\xaa#\xfe\xb2o\'!D\xbb\t\x9e\xe1,g\x9a\xf9O{"\x10\x17\xad\x80sdVu\xb1g0\xe1\xb4\x1d\x9c\x87\xa5\xf8\xfc\'_\xae\xb0F\xb5`\xdd\xc7\xd6\xb7t\xacyv\xee\x1e\xfa\xf9\x1cT5\x1b\xe1\rZ\xdf\xd1\xb7\x1b\xd6\xc1-\x89\xcb\xce\x84\xd9Eun\xe3i\xe8\xd0\x08R\x19r7\xdd\x86\xb2~\xefY,\x16\xed\x14\xf8K\xdd\xba\xd2\xf56\xeb\x91eEi\n\xdcC\xb2\xd8\x04\xe1V\xc9i\xd5\x1f8p\x12t&lt;\xf5\xdb\x07\xd2S6\x9di\x18\xfcfJ\xe7\xc3\xd0\xbe (\x19Oo\xd32\xa1\xaf\xd23\xca\xbb\xf4|\xd6\x88o\x8b\xfcz|\xa5\xcf)\xed,j\xe8\xf8\xd6;l\xa2\xa6\xb10_*\x06O\x97\x9e|`7\xf7\xca\xacbX=\xbb8\x14\xb3\xc6\xe4\x81\x9c\xc1J!\xb4\x92|\x80xC\x9c@#\xd5\xeb\x8b4\x0c^\x92\xcaDB.\x05\xf0\x17]{\xd0f-\x98FN\xa1h\xc7L\xdb\x19$%\x04x[\x93P\x8b\xa5\x84g,=\x11E$e\xf5\xac\x0e\x1c\xd8\x1fN9P\xd5\xcd\x0c\xd6bK?\xdfI\',\xef:\x05\x96\xd6p\x0e\xf3~\x95\xebX\xc1\xb9\n-\xc9U;\xfd\x83\x8b\xbb\xc5\x00\xaa\x18\xfca\x92\xbc\x8e\xe5\xfd\xda\xb4\t2\x8d*\x86\xf7\xee\xc5\x8d\x07.?W\xf7\xce\x01}D\xa1&gt;\xe88\x8d=\xfdl\xa1\xce\xd2~\xad\xd3&amp;\x84\xac\x95&gt;\xf6\xfd)e9\x17\xee\xd2\xd0\x1a[\x822\x03\xa3\xfaIU\xb5\xa2\xb7\x1b\xadW7\xccf\x91s&gt;\xda%\xc6X!K\xd8o\x94a\x0e\x1c\xe8\x8c-\x07\xc8\x82\xf6\x02\x01n_a\'\xf8\xa19\x17\xbc\x8b\xa3\xf4\x8b\xc6i\x01]\x003\xb4\x90\xceu\xa5\xc2u\'\x15\x03(\xf5\x82\xde\xe1\xa7E\xbac\xcdxr#C\x840\xdbaCS\xb1z\xa5\xe0\xcef\x84\xad\x1dg8\x9b\x93S\xe0\xef\xe4M\xd3m\x17\xc3V\r\x11\xe0\t9\xb5h"\x9by2!&lt;\x17{^\x0f\x87\xdf\xaf\x10\xab\xed\xf1,U\xef\x95-\x13\xf9\x9b\x85b\xe8\x1c&gt;\x89U\xcb\xa5=\xd33\x8c\x0f\x1c 0*\xb06\x1c\x1d%\x16%\xeb\xd6\xfe\xec\xf3\xf2\x1e\x86\xd8\x15\x980\xe4\x8a\xf4q\xf5\xf7m\xd7d*\x15\x91i\x8a\xbd\xab^\xe4,\xbcX\xd5b\xe2&gt;IB\x0f\xceR\xb2\r\xa7\xad\xc6\x98G\x94N\xc2O\x9b1"P|\xfc\xdf\x0f\xdd\x8e\xf3\x10-\x7f\x8b\xe9\x91\x82\x8dK?&amp;u\xe0\xc2\xf5\xc1\x18#\xaa\xb3\x05\xf9y\xef\xf6\x97\xd2\x0e\xa5\n\xf5\xe4b-a\xae\x96j\xfb\xbf\xda?Au\xda.\xb4\x0f\xaf%&gt;\x9b\xc5\xe1\xf7\x85\xd6\xc9\x8dh\x06+\xa1\xab\x96\x03\x072\xf4\x89*\xa2\xcf\xbf\xebL\x1c`\x11\x19\xf9\xbf\xd2\xf1\xbe}\x03\xa9^B\xb1\xf3\xd7e\xd5\x16\x04\x94\x1e\xd5"\xc6\xaa\xb4\xc8h\xcb)u\x1e6T\x13\xd0\x94N\x99\xd3I\xb6\xf1\xc5\x11\x9e\xcc\x8c%\xfa\xdd\xfe\xc6\xb9\x90R\xa1\x1d\x073\x17b\xacMb\x1a\xc0\xaa\xa6\x1fa\xa9U\xe6\xfd\xd9va\x1be\xa3\x18\xfb\xe0B,\xa2\xc7G{a)\xfe*!\x029T\x98iq\xceg.\x7f\\\xb8$\x07\xc9\x9bz[t\x946\xdd\xf7\x81\xec\xdbG\xfe\xca \x8dd\x9c\x1c8\xd0\x0e|n\xa7\xa8\xa2\x03\xd4\x9e\xb96\x065T\xa49\xcb\xd8\xf1:\xdb\xab\xc8\x98\xcd\xe3\x99)\xb9\x10\x1e\xabR\xd9u*\xd3K\x14\x8d\x0f "\xc2\xb3\xe8\xf0\xb6\xba\x023tf\xab\xd3\xff\xb05\xa8\xa2\xafX\x0cb\x95\xcb&lt;\xb5\x1fT\x90\xb9miB\xa0\xa2\x93\x96\x9c\xfd\t\x9b\xa3J)R\x89K0\xe4D\xd6}Fa\xb9[:\x8b\xa3\x08\x17\xf8W\x84\x8a\xc23\x18\x16\xe4\x84+\xa2\x08\xb3?\n\x94J\xedu\x92\xd4\x914\xdf\x90\xa0:Y\x7f&lt;p~`\xe8\xb2\xf2\x0c\x04\xae\x90\x88}\x11\x80\xc7p\xd5H\x81\x83\x18\nE\x06\xcb\xa7\xcb\xc7\xb9\xc9\xb6F:UR3R\xcd\xcdd\x0b\xc4b\x05\x15\x1f\xa6\xbc7\n\x89\n\xa9\xd5\xd6+umZ\xc4#\xc8\x89\xce6~\xa8C\x91\xdb)\xf8\xf7\xd5\xf2\x0b\xf1\xc3E\xa7l\x91*\x8d\xe5\x93\x99\xfc\xc6\xd6\xf3\xc5\xcf\xc9\xbd\xcaw\xc3\t\xb7hf\xe8\x85w\xdb\xbd\x9a\xa5I\xb4#\xcd\x9a\x10:\'\x16\x00\x03$\xaf\xff\xbb|E#\x1e8\xb0\x0b\x9c`\x14\xa9@!\x17\x97\xaa\x8c40\x1a*\x84\xd4\xdc\xac\'\x14~\r\xb1 \x8bd\x06,9g\x0b\xd7\t:kv\xc5\x96\x8aO\xe4\n\xe8[a\xab\xe0\x81\xbc\x15\xa8V\x8b\n\xc7\x7fc\xf0\xc7Pv\x88\xe9 \xb7\x83\xa4\xa1h&amp;\x8a\xf9\x99Cj\xe0\x9d\xd9F9=\xb2\xbe\xc6\x04\xe7\xa8\xfeU#\x93\xect\xdbd\x00D\xbcNO\xf9\xf9\x06\x01\xe1\x7f&gt;\xc3\xd4h\xac\x8a\xc3\xe5+s\x80\xf0\xd0\xa1\xeb=\x04\xb8\xe7\x18\xc1\x08\x0fg=|\xe0\xc0\xfe\xb1E\x82\xeb\x86\x95j\xcd4n\x13j\xf5\x83q\xd94oE\xa9d&gt;\x98\x91~\x88/\xd2\xe7*\x94\xdf\xb8\xf9(\x89o\x11\xefJ\xb4\xf5\x15\xf5\x1a\xa8\x8b\xff.\xf9\xfc\x0e\xec\xd8IH\xaf\xe5\x9fTI\xe5\xa4s\xee\xf4@ \xa8\x9e\xae|\xbaa\x93N\x94\xeb\x94{S\x1c\xbd\x85\xee0\x80`#\xda)\x9d\xa0Q8\xc4L\x92\x94R\xceT\xdc\xfdz*h{C4\xd9y\x07\xa7\xa3^\xc0\xecc\xb2\xf4\xe2\\\xd1\xcd\xb4\xa0\x1bj\x0b\x93hg\x02\x00\x00O\xd7\x93\x11Q\x1a\xcd\x11\xe1k\xb5\xb3\xff\x93\xff\xc0\xe1\x81\x03\x000?\xfd2\xfd\x9a`\x18\xdec\x7f\x83\x13\x11C\x15\xc9G\x9b\x18p\xb0\xc7\x1fx_\x1ck \x86\x88\x93-a\xeec$\xccE\x9cs\xf1\xdfEF\x11\x92\x9f\x91,\x15(\x02\xe5\xcc\x86\x88z\x81\xb1\x13\xa0!g\x16X\xe9\xe5P~\xf6\x17!\xd1B\x0e`S]\x85\x1fB\xce\xc8vLD\x88\xf4"`4\xf8\xec\xe0\x97t\xcd\xa0:\xce\xea\x01\xde"\xb1\xcc\x9ca\xfc\xe7\xb3\xe7\x96\xb3\x06\xa1\xd3\xb1\xb7|\x13f\xbd\t\x97z5\r\x17\x8cqU\xc9\xe7R\x00\xefs\xe1\xd5\x8e\xdd\xaab\x98(\x8a\x14\xcdL\x92\t(|b\xcd\x9f\x08\x1f\x03\xf8\xe1I~\xa1\xa2&lt;\xcb\xef\xf6\xa3\xec\xd8\xcf\xc3\xc2\\e\xce\xc6 \xbb\xeb\x83\x88\x17\x06\xb8@\x1f6\x07\xce}l\xb3\xdf\xe0\xe6\x1f\xbd\x1f\xab\x05\xa3\xff\xa4\x1f\xdb\x84.\x9fz\xbb\xcb\xb0i\x04\xf0n\xff\xd1\xa5\xbf\xd2^\xae\xef\x95\x15\xeb\x85\x9bk\xea\xec\\\xa4C\xdc693\xb0\x80c\xa0\x17\x06\x93\xfb\xdcL\xcb\xb6\x8e\x8aw\x1f\xe3\xa5m-h\x19\xe5m\xcdL\xcc\xf28\x81X\'\xb4\xd7\x05HJ\xb9\xd43\x8e\xfc\xf3l#\xf4&lt;\x1f\x90\xb9\xb9Q\'\t\xe4\xb0\x8e\xe9\xb4S\xd8\x13\xcb\xd6\xf5\x99CS\xf4\xa5\x16O\xbf\xf6N\xdcP\ts\x8d;\x08\xef[*:\xe7\xdc\xe8Eu{[\xcb[0\xd2\xc7\n\x81\x89\xb8\xf9\xac\xe5\xc3\xda\x1a\x9b\xc08\x10\x8b\xf0\x87A\xa4\x9eu\xbc\xe2\xaa#^\x08\x00\x8f\x05\xc0\x015z\x86/-}\x95\xefZr\\\xe9\xd8\xceO\xfb\x9b3r\x8c\x98low]\xd9T\xfa\xb2\xf5\x8aV\xd6\xa8\x1f\x05\xa6\x9d\xb1\xb9\r\xcb\xd3\x17\x97 \xbb\xcd+Q\xc0\xe5\xf3\xd1\xac\x88R\xd4Z\xdc\xb1\xb4\x18\xac\xe7\xf5\x00\xf09\x18\\j\x83w\x17\x19\xe7\xca\xb9|\xd4\xcc\xa5\xf5RYXv7\xe2u\xb6W\x00\xec\x93\x00\xf2\x9c8\xcafs\xf9\xf0\x96\xb49\nu3L+\xf8\xa5d\xbe\x02)w\xa9\xb3\x87\xc2\xf6\xbf\xff\x0c\xcbs\xe1\xc1n\xbcM\xd3\\\xb9\xdfX\xd3,\xe7\xce\x85\xfb\x08\xdf\xbe\xbfU\xa8\x12\x15\xa4\xb9\xd4&gt;~\xa1U\x87\xb6-\xcb3\xb9\x92?p@\x87e\xf9?o\xb7\x89\xa50\xbfT\xad\xb2\xa6\xe2nax\x0e\xf2\xd6\xbe\x0e@0X\xb69$\xd3\x7f\xf6&lt;\x1c3\x0fc\x92(\xeb+h\xb2:\xe5\x96\x0f\xc5aO\x14\x86\xf4\xf9c\xad\xba\n\xb45\x9c\xed9\xe9ax\x0e,\r\'@!\xe7Y`\xc9-\xdb\x04\xfcW3\x8f_\xaf\x0b\x80\xf8;\x1e&gt;\x8c\xc7Q\xd2`\x0b\x0e\x7f \xb4u\xf5\x8c\x0b\x93X2\xd4\xec\x1f\x0c\x8e\xb2%1px\x04\xb6\xa5\x08\x83d\xbd\xf0\xb5\xfc\xbe\xcf\xbb\xda\xfd\xb6A\x869p\xe0\x14H\x925\xd7\x93\xa9\x0e\xd0\xd4%\xce\xb9\xbed\xcf\xa1\xd6\xf1\xb2 \xb3:\x8f\xe7BN5q\xf1\xcc?\x9e\xe7?3|\xaa\xd6\xcc\xdc-\xb2\xc3\x8d\x8db\x062]\xacJin\xd1\xff\xf4ek\xc4\xba0\xe3}.\xd6_\xcb,\xab\x9a\xf7!\xdcH\xaae\x92o\x07f\x7f\xa4z\xf3\xbbC\xe3\'\xa5\xf7\x80\x82s6\xe8\xcb\xb1\xb1\x1d\x1b\xe2\xeaU\xcd\xda?\x12f\x81\x8b\x81\xd1\xaeM\xddB\xa5\x9e\xc5\x00-^\xecu\xac\xd1\xa2\x1a\xe6*Y\x11\x92\x0c\x89\x11^\xbb\x96\xf4~{M\x93\xeb\xf0\xd1\xe7\xdc\xa4\xe5@w\x9c~\xd7\xa7\x88 \x8f\xfc\xad:]&gt;\x80\x18K\x1a\xf7x\x9ek\xd8i\x90\xef\xef\xc3\xe7\xc9DD\xb53\xed\xc7\x0f\xb1\xbcy+\xb4n\x9ch\xa9\xdb\x19\n\x0eJ\x9e\xb9[\x8afN\xed\xb2\xb4Ng\xccz\xbfOZ\x03\x18\x85\xe1_\xadS\x93= w\xb2a\x07w-\xac\x8b\xc6\xc6\x98/J.\xea\x15\x0e\x91v\x05A{\xd0\x00\x00 \x00IDAT\xd0\x956\xd1&gt;\x9b\xf9k\xcb\xe7\xdbu\x14\xac\xeb\x83\xbe!pY:\xf6\xc4\xd4\x8e\xbf\x17\xa80\xe5\x13\xa5|Ec\xedz\xa3=\xc7\xc9\xe2\x9fm\x9f\x062\xfb&gt;\xe58p@\x8bx`&gt;\xcd(e\x9e\x19\xd0\xb8\xd8\xf8Q\x16\x11\x11.j\x9e\x82\xf7J\x16q\xf22\xcc\x84*|\xd2\'Q\xf2\xd2\xfbNG\x94&lt;\xf9\xb1\xe04\x83\x93\xa0\xb7\x8a\xd2i\xac\x10\xd1\xcb\xcf\xaa\xea\x94\xae\r\x1c"Z\xf7\xcf\xa7\x0c\xb0\xed\xd1\xc9\xed7he0\xae_\xa7\xd1\xc5%\x13\xdb\xd2\xdd\x8f\x11j\t\x9f\xd9b\xc4\x00\xa0L\xe9\x84]\x80n\xa0\xbf\xac\x1c\x97\xcf\xab\xee|\xe0\x1c\x07\x99\xcb\x84\xe2\x83h|zs\xa7\xaa\xca\xbcZ\xd9\x89\x12u-\xbcy\xd7La\x1c\xd80\xfbC\xc07\x86\xd9pU\xf1\xa0!\x99.\x18\xf06N\xa6\xf4h}\xb2\x84.n*\x9f\x03\x9bL\xb3c\xed\xae\xce;2"\xc2\xe3\xc5\x8a\x0f\x16Zv\xa0\'\x15\x8a\xb6i\xc7]DKMWZ]\x97\xce\xa7\xeb\x19\x0c\x8b\x81H\xe6\xc4p\xf9\xf8\xd0*E\x04C\x7f\x14\xbc\x8b\x0c\xa0\xdd\xf0\xd2\xecI\x9d$J{\x04\xc3Z\xa5)8\x0f\x1c\xd8\x19\xf4\xe7\xa4\xfdz/\xd1\x85\xfc\x8f\x08\xd6\xe3\xeamO\xf5-\xffJ\xeb\x1fK\xcf\x0f\xb3y\'\\z\xd4\x9c&amp;o\x8e\xa1\xc9\xda\x8fm\x83\xcc\x115\xa7\xd1\xbe\xcf\x84\x9eS\x8a\xe6\x1c3\xee\xa3\x91\x04\xf1\x10\x98\xa9h2|\x91\xc0l\xd9\xae\x1a\x91\xe4 \x88\xf5\xf4\xd4\xad\x93\x0f\xf4[D\xd7\x1b\xcbvm\x11Z&lt;\x07"\xe6\xc7\x91x\x93\xd9\xdbl\xabUv\xc9\'w\x95V\xa2\x1c^m\x14\x96I\xb0x\xb2K\xa8\xd7&gt;\xc0\xa6qo\xffV( uf\xadsR\xc7nn\xc8\x81\x03U\xb8?\xe2\x15-\xdb\xd5\xea\xee\xd1\x1a\xfas\xff\xd9]\x17z\xb9\xd0\xb7\x8d\x03I\xe8L\xbd\x99\x1b\xf9?\x17x\xb2\x8c6bx.)\xe4(\x8c\x9c\xa8\xd5\xd8\x18SJFbU\x87E\n\xf9]\x9b)\xfc\x94\r\xe06\xd3m\xc8&amp;FoOK\x96\x99\xcf\x8b\x87{\xe8Hr\x9c\xa6\xba\xfd\x1b\x974\xff\xb4\t\x8dhbH\x13\xd7\xf0\x087\xaa\xc3\x0f\xc9\r\xd7\x8fL\x834VA\x9f!\xac\xb7\xb1uR.\x98\xd7\xd56\xa8Ro\xffV pSD\xc4\xc7\xf4lq\xca\xf6\r\x0c9p`3\xa8\xf35]\x17\xe2\xa3\xdb\xa1\xea\x86B0\xa1\x94\x04\x89\x1a}\xb9\r\xc2\x88\xd1\xb1\x8e\xc4f\x1b\xa5\x94\xf2z\'d\xa3$!g\xbd^gf\xf3i\tS\xb7N iqb~\xb4n\xc9\xebtok\x99\xcfg\x8c\x88\xae\xc5\x10\xae\xd1O\x01\x8aI\xea\xf9\xa7\x8c\xd3n\x9d\x8c*\x02I\xaf\xba,\xd9n\xd1V\xf8\xbc\xfa\xf8\xecec^]\xe1\xc3\xe4\x96\xa4}\x9bV\xc8\xd8*\xd5\xfd\xdc\\\x9e\x1f\xfa\xcf\xca\x80~\xe0\x80\x15-\xe9#\xec6\x8b\x90\xdfP\xee\x91\xef\rO\x81\xd2\xd3P\xc3\xf2\xd76\xe7!\xbe\xb1\x92\r\xda=\xb4\xc5\xc98T\x0e\x9f\xe4\xf0\xc8\xc8\x89o}ZG\xf2\xcdH^b\xa8\xabSBR\x12\xe2\x89\xf2\x88\xd1TOi\x00\x86X\xd4\x009\xfc6\x9e\x81\xd9\xcaW5\x19q\xe2\x94\x8b\xb6\x99\xb1)\x9a\x1aE\xe14\x95p26\xe4F\x99\xaf\xe8\x9c\xbcUC$kr\xad\xedb\x95-:\xce\x81\x03\x1b\xa0\xd0\xc9k$\x9eK}\xe3d\xa3\x85a\xb4\xab\xa2\xf7\xc4p\xaa\xb7\xfb\x11\xb1+,\xdb\x90j\x91\x05pU\xcc\xe47\x81\xd5\x03z\xdb\xe9\x02\x03\xfcP\xd1"J\xc1\xcb\xfc\x12\x01.\xd6\x93\xf1\xb6h\xf6C\x85\xaa\x1auK\xad\x97\xb7\x10H\x04v\x1c\x9e\xfaJ\xeb\x84\x92\xb7u\xcfbq\xa6\x05\xc2\xa9\xd9? \xc0\xab5\xcd\xbdQ\x04\xa6\x0b\x92\x9a\x84F\x16\xe9K\xf3\xc0\x81\xed!\xf5\xe4\xe6a\xb2\x9eSu\xdd&gt;\xf8\xa9\x98\xc0\r\xb7N\xf1h\x98\x12\xd5\xb6\xd4R\xeb\xc7\x88L\xb7\xc3/c\xf4\x83f\x180\xc6?\x96p\xf6\xfcY\x1e\xff\x84\xe2\xc2\x88\xcb\xf8g\x0b#Z\x94b\xbeZ\x1eG{\x1bpVdM\xd6\x8eg\x03\\\xa8\xf2Q7\x16\xe1O\xa4\x9f\xb2!\xb2\xde}gn\xd2\xbc\x19%\xc5\xa0\xf0\xbdz\x11V\x9d\xfa\xea\xdb\xf4\xa3\xac\xcf\xa2j\xcb\xec\x1c\xea\xe9\x07\x0e\xd0\xc8:Fz\xbd2\xb7\xb6\xf5\x99\x8e9\x9d\xa1\x81\x88\x08_\xb3\xd8\xf8K\xf1\xac\xb7\x9b\xf6\xfa\xb5\x93%\xe9T\')$\xf1\xd3Y\xd3\x07\x92\xf1\x91\x9dS!6\x1ev7\xe8\r?\x11\x0e\xb4x\x95\xf6\xe4Y\x1f?\xb8\xe4P,\x8c\xc1\x13\x80\xc2\xce\xc2\x86\xfeiV\xdaN{\xf0"\x07\xe0\xb5\ru\xd3\x8bT\xa9\xdd\x851\x15o\xa7!\x02/X3$"\xc2K\xf7\xb2\x00hp\xcb,\xe1\xdf\x8dG\xa0\xf0\xcf\xf9\x02\x80\x95\x10\xc6U\x91mu\x04""|\x05\xfej\x10*Eb\t\xbd\xbdE\xfe\x81\x03f\x90\x1d,\x0e\xf1\xec\x9c\xb4-}\xd4\xd6\x85\xd13Bf4W%\x05\xab\x92\xf0\x8a\xbd\xae\xaeJu\x86b\x9dP(R\xa3KT\x1eXz\x9a\xf5\x80\x1f\x1b\x92\xcb\x00?c\xa8\xcf\xf9\xf3O\xce\xe8\xf8a\xeb\x17\xba\xae4*\x9ct\xd00,Uk\xa8^K[El\xf9\xd1%\xfb\xc9\x86A\xc5h\xf8\xddY\xf3\xc2[.\x01\x97\xadN,*&amp;\x89\xba\x97,\x13\xcd\xb5\xfaS\xb7[\xa5T\x84(\'D_\xfe\x8a\xb1RM\xd8\x04\xe5\x11\x89\xf9\xc6_\xcd\xfc\x179\xb7\xabt\xe0\xa4\xe2\xa9^\xdd\xfc\x87zs\xe7\xb4GL\x07\x0e\x0c\xc2\x06\x99}\xcb\xc1\xc3\x80$=\xad\x7f\xb7\xf1\x0c\xcdl1y3\x8f%)8\xd7\x8b\x19\xfc\xf5`\x97\xb7^\xf5,\xf3\'\xd7C\x98~\xb6?\x1c\x11/\xce,z%6s\x81\xc7\xeaW#\xb9\x97r\x8f\xa9\xb1\xd3\x9e\xa2/\x19T\x91\xd6\x00-\xac~]\x92o\xe0i\xaeP\xa3\xb7:\x12\x08I\xdc\xe1\xd5\xcc\xeao;v\x9fT\xc3\x0b\xc7\x1f\xd4\xfc\xb0\xd9\xc9r\xf9\xc6\x9ehA\x1e\xfd1\xb1\xaa\xc8Y\x05\x9b*na/\xaf\xdc\xbc\x00`[\xb0\xd5u^M \xf06i\x97\x81\x87\x89UO\xe5\xc6\x03\x07F\xe0\xe1\xe4\x0f\x8ckP\xd3\r\x9e\xa9UQ\xb7S^\x94\xca\x8b\x8a\xd3S\xaf\x8c\xc9I\x08\xf2\xd7@oW\xe0\xc1\x89\xd5\x99\x1f|\xa2\xf4\xc9\xda_\xd7\x9f\xa5\x92\xc8G\x08\x8c\xd1\xbea\x86\x19\x92v/\x14\x06h_\x00\xd4Qn\x1b\xed\xfa\x06\x8f\xd6\x0f\xa4\xb7\x95u\x8d|\x02\x15\x9fV9\xa3\x12\x9d\x1c\x85_\x97\x06\xad\xaa\xcb\x0bJ)\xc5\xf9\xf3\x0c\xefY\xe6\xc1\xa3\xad!Kk\xeaS\x16\x1a$\xc2_6\xa8\x93k%\x8f\x88\x00O2\xea\xea\x89\xd4\xf3\x94\xe1Q\x99\xb4\xc0\xa7n\xc1\xac\x14\x1b\xc3\xc3\xe6\xc0\x81m\x81\xef\xacX\x00T&amp;\xaf\t\xd7\xd7\x88\xde\xb8\x9b\xd1\x03g\r\x1e\x0f\xa5\xb1*\xf6\xf3\x0e\xb3I\xba\xa7\x18^\xf1\xa99\n\x80\xc5{\xb5\xa3Z(\x06\xb3\x0b\xc2\xa8P#\x9fC\xb1\xacE\xd5\xeb\xf4\x83\xca\xa4\xadH\xd8\xa2=\x15\xa0,\x0c\x1f*\x94_\xee\xde\xc9\xa0;i\xbe\x86\xf0P\xe9\xa8\x12.\xb7\x8e:f\xcct+\xa8\x16)e\x92[uUsd]\xfax+\x1fcy\xd6\xde&gt;\xce\xb7\x00\x93\x05jC\x08\xc5\t\xf6\xac\xedCk\x0con\x1d\xcd\xc6b^\x86k\x973\xe6\xe1\x03\x07\x9a`\xc9,CshM\xdfk#c\xea\xf0\xac\x97\x94\xe9#*C\xd2\xbe\xf2\x80M\xbb\xdeI-\x0c\x00&amp;\xb3gA\xa2X\x1ae\x0c\xad\x83e\xcd4.\x17\xae)\xa3\xe0\xa2t8/\xf9\x7f\xd7\xaa\x0e$+\xea^Y97]\xef*\xf8P\xdeK\x1b\xb7% \xf96\xea\x9c\x97:*j\n\'\x05\xa5Lr\xdf\x87\xe8\x0c\xf4\x04\xbd*\xefUO\x01\x8b\xad3G\xef\xe3\xaa\xe4W\xa3\xd8R\xe6\xea\xfeVw\x96\x1d\x05zz\x1a\xab\xd7\xbb6\x0e\xb7\x85\x1fI\x84\x93B\x08\xd5l\xab\xac!\xf4\x14:?_\xfeX!\x1c80\x10Hw\xbc\x19OK\xb2&lt;\x9f\xf1\xcb\xbb\x02\xc6\xac\xc7\x8e.\xca\xb4\xbe\x14x\xa2q\x0c\xd0\xa3~q\xa2\x94\x06\x10\x8d\xe2\xb4\xd8\xcc:\x1d\x81Q\x89U\xce\xf5Y+0e\x1e5\x8a\x1b?\xe6u\x98%\x17\x8b(7\xe6\xd5\xde\xa3\x0b\xe7E\xd4v\x18\xe8l\xb8\x00h\x95\xd7w\xfd\xe3\xf7\x9b\xabe\x16u\xdaJ\x0b9y\xc8\x82dx$4\xc0\xd0q\xc2ZB\xe5u\x88\xa4-\xad\tQ\x85\xdf\x0c2gi\xcbY\xb7\xdc.\xb5\rG\xbc\x8d\x97\xf4-q1)\x9cm]1\xa2\xf2\xf2,\x9c\xda\x8c\x03\x07\xceCL](\xeb&amp;A\x87s.\xefD\xebm\xe7\xa6\xea\xf3\x95\xb50\xe2*\x9d\x92\xb0(\xcdE\xd5\xc3\xcb\xa24J\xe5\x9b\x08 b\xa0\x91\xe3\x10\xear\x8b2%C\xd2\x1c\xe1\x16S&amp;2W\xa8\xa8\x91\\\x81\xc43\xf9\xe8H\xfa\xbfO\x1b)\xc8y\xe9\xe3\x81\xa1\t&amp;o\xcbS\x8a\\H\xe6\xbd\xbe\x06\xd2t\xbaGN\xa8\xe7\x19\x00_\xd5AK\x98v\x1a\xd9v\x14UVcQ\xc1\xe4\xf6\xa1\x88#bTo\xad\x02\xd7w\x14.M\xab\xba\xe0\xffQbw\x8eJk\x06\x0f,\xad\x0c\x8c\xdflm\xca\xa5\xdcr\xa2\x00S2\xcc\xfc\x93\xf1O\xbcD\\\xcc4\x96\xab(\xa2\xeb\x02%\xea\x07\x0e,\xd8\xf6\x94v\x0c*\xb6\x1c\x88Z%)s\xafKz\xa0\x8b\x8b\x84\xcbyJ\xe9"\xc3\xf9\xde]\x98\xcb\xca\xb3\x9f@\xa2\xa6\xd4\xac\xcf\xb9\x95\x01\xe9\n\x8d&gt;2=\t\xd0\xebp\xce\xb9\x1f \x05(]\xb1r\x83\xcb\xaa\xb5N:zw\x87\x89\x8b\xd0\xd8\xf4l2\x92@\xd6\xeb\x01\xe7z\xcd\xfe\xc9\xdd\xaf\xf8n\x14\xccQ\x1b\xf5\x86s\xce\xb9\xc7\xcf\x7f\xf7\x13K\xccr\x1e\xb5\xf6\xa6\xa0T\xba\x05x\xe7\xba\xa0Z&lt;\xe4\x9c\xbb\x87s=&lt;\xd6\xd1\xe3.\t\xec!0\xfbm\x9eI\x8e\xe0"!uB\x99\x00nuP\xf0\x13\x95\xf5\xd2`\xbf,Lf\xfaA\xf0\xddlQ\x00\xe7\xaeS\xa5\x94\xf3\xdb\xa4\xb7\xce]\xec\tgs\xaa\x8fG~*K;\xa2\xcb\xc5S\xf9\xec\xf6:R\xac\x9b\x8a\t\xcf\xbd\xac-\x0f\x9ci\xac\xc7|\xa7\xe5\xd1\x06?\xed0\x1f\x13S\x13t\xf2\xe8\xad\xa4\xbb \xc7D\x8c\x16U\x1a\x08\r\x9cG\x81\xf5\x1b\xc6\xde\xe8._UWS]E\x92)\xa0\xb7\x113p\x11r\xfa6\xb5`5\x87\xb2h\xba\xf5\xdf\xba\xf3kA8\x89\x1e\xf4\r4~\xd4?\xf4B\xab\xf6m*\xbd\xeb\xe9\x84\xd8\x1b\x1f\x01\'\xf2\x9e\x0fcsEx\xbd\xb6\x16"*\xbf\xd4\xae\x13f\xce&lt;J\x99r\xbfN\x9ff12^&gt;\xddRU\xdd ?lA\x9a^\xb7L\xa2\x19\xe2\xd1\xe7\x04\x96O\xa9\xf6\x1e3\xc9\x81\xb3\x8b}\x07\x93\x9eX\xd41z\x98c\xe9f|\x9f\xac\xcf\x89T\x95\xab\x94\xaa~\xfc\x9e\xb3\xc3\xca\xadnL\x9dj\xc5\xad\xfcfKsk\xc2\xa3-\x84\x0c\t\xba\xcf\xa8s\n,\xfeag\xbd#M\xa3\xe5\xb7\xb5Z\r\t@\x84\x1fC\xffYO\xf4\x9c8h\xdd\x1a\'\xea#\xc3\xe3\xaa\x93\xfc\x8a\xeef\x0bEm_{\x98\xad\x8dri\xfd\x1dN-\x00V-t\x1a\x19\x85D\xbb\xd5\xd8\xcdx\x1e8\xaf06\xc75A\x97\xcb|\xb1\xbe}C#\xaa\x9c\x13\xab\x946\x08\xdcqj\xa8l\x1d\x84p`\xa0S\xb6q\x9d\xc6sh\x8c\x9f\x88\x95$\xa7i\xd4Y\xaa\\\xa6\x9a\xa7U]lK\xf9\x18j\xfdk\xa2\xfa&lt;\x04\xf8\xc9\x8e\x8c\x00\x00\xe0yT,\x8c\x0e~\xb5\xfcO!\xd9\xed\xb8{\xee\x1b\xa7q]\xb9#3\xf8kEj\xea\x14\x0f\xdbD\x17\x1f\xcc\xe1\xff*\x85\xfa\xeaU\xde\x0e\xc8,s\xfdd\xd2\x0f\xcc\xbbP\xe9U\xc10\x90\xaa\xab\xabk\xaa\x1c\x0f\t\x1d8\xc3\x98\xba\x87\xfe\xe9\xd2\xb0;\x89_\xbd5\x08\x13\xb5G\xfd\xb7\xcbS\xb0IF\x18\xfbd\xed\x96\x08\x0c\xe3\x8c"\xb3\xa1\xfbE\x80\xbb\xd1\xd9\xce\xf8U-@D\xe7\xd6\xf1\xc5\xfa\xddbM4\xd2&amp;T~\xe7\x0c\x01\xa9GG\xb7\x8e\x90rGX&lt;\x03\xdc\x97\x98\'\xb7;\xf7t\x80\xaf\x1e\xcbrO]\x86\x1b\xdd\xfb2\\\r\x0f\xfe\x1f\xe0\xef\x00\xae\xd7K\x15\x19\x90-\x02\x97\xd0\x02Ef\x9e\xcc\xdc\xbeq1\xd0\\\xf9\xf5\xd3\xea2\x1a\x9fw\x8a\xfc\xf2\xe0\xc8\xc7\xf3\xd4\xbb\xc1\xdc:\x8aA\xc1J\xc9\x7fE L\xf5\xe1\xf5\xf5J\xf0\xd5\xb5%\x03\x9bf\x08fD\xf3\x93\x95\xa7=\xa8@\xdb\r\x</t>
        </is>
      </c>
      <c r="E227" t="inlineStr">
        <is>
          <t>&lt;class 'numpy.ndarray'&gt;</t>
        </is>
      </c>
    </row>
    <row r="228">
      <c r="A228" s="1" t="n">
        <v>226</v>
      </c>
      <c r="B228" t="inlineStr">
        <is>
          <t>steps_per_sec</t>
        </is>
      </c>
      <c r="C228" t="n">
        <v>2600</v>
      </c>
      <c r="D228" t="inlineStr">
        <is>
          <t>2.621114</t>
        </is>
      </c>
      <c r="E228" t="inlineStr">
        <is>
          <t>&lt;class 'numpy.ndarray'&gt;</t>
        </is>
      </c>
    </row>
    <row r="229">
      <c r="A229" s="1" t="n">
        <v>227</v>
      </c>
      <c r="B229" t="inlineStr">
        <is>
          <t>Loss/RPNLoss/localization_loss</t>
        </is>
      </c>
      <c r="C229" t="n">
        <v>2600</v>
      </c>
      <c r="D229" t="inlineStr">
        <is>
          <t>0.36165455</t>
        </is>
      </c>
      <c r="E229" t="inlineStr">
        <is>
          <t>&lt;class 'numpy.ndarray'&gt;</t>
        </is>
      </c>
    </row>
    <row r="230">
      <c r="A230" s="1" t="n">
        <v>228</v>
      </c>
      <c r="B230" t="inlineStr">
        <is>
          <t>Loss/RPNLoss/objectness_loss</t>
        </is>
      </c>
      <c r="C230" t="n">
        <v>2600</v>
      </c>
      <c r="D230" t="inlineStr">
        <is>
          <t>0.063402764</t>
        </is>
      </c>
      <c r="E230" t="inlineStr">
        <is>
          <t>&lt;class 'numpy.ndarray'&gt;</t>
        </is>
      </c>
    </row>
    <row r="231">
      <c r="A231" s="1" t="n">
        <v>229</v>
      </c>
      <c r="B231" t="inlineStr">
        <is>
          <t>Loss/BoxClassifierLoss/localization_loss</t>
        </is>
      </c>
      <c r="C231" t="n">
        <v>2600</v>
      </c>
      <c r="D231" t="inlineStr">
        <is>
          <t>0.23599125</t>
        </is>
      </c>
      <c r="E231" t="inlineStr">
        <is>
          <t>&lt;class 'numpy.ndarray'&gt;</t>
        </is>
      </c>
    </row>
    <row r="232">
      <c r="A232" s="1" t="n">
        <v>230</v>
      </c>
      <c r="B232" t="inlineStr">
        <is>
          <t>Loss/BoxClassifierLoss/classification_loss</t>
        </is>
      </c>
      <c r="C232" t="n">
        <v>2600</v>
      </c>
      <c r="D232" t="inlineStr">
        <is>
          <t>0.084166385</t>
        </is>
      </c>
      <c r="E232" t="inlineStr">
        <is>
          <t>&lt;class 'numpy.ndarray'&gt;</t>
        </is>
      </c>
    </row>
    <row r="233">
      <c r="A233" s="1" t="n">
        <v>231</v>
      </c>
      <c r="B233" t="inlineStr">
        <is>
          <t>Loss/regularization_loss</t>
        </is>
      </c>
      <c r="C233" t="n">
        <v>2600</v>
      </c>
      <c r="D233" t="inlineStr">
        <is>
          <t>0.0</t>
        </is>
      </c>
      <c r="E233" t="inlineStr">
        <is>
          <t>&lt;class 'numpy.ndarray'&gt;</t>
        </is>
      </c>
    </row>
    <row r="234">
      <c r="A234" s="1" t="n">
        <v>232</v>
      </c>
      <c r="B234" t="inlineStr">
        <is>
          <t>Loss/total_loss</t>
        </is>
      </c>
      <c r="C234" t="n">
        <v>2600</v>
      </c>
      <c r="D234" t="inlineStr">
        <is>
          <t>0.74521494</t>
        </is>
      </c>
      <c r="E234" t="inlineStr">
        <is>
          <t>&lt;class 'numpy.ndarray'&gt;</t>
        </is>
      </c>
    </row>
    <row r="235">
      <c r="A235" s="1" t="n">
        <v>233</v>
      </c>
      <c r="B235" t="inlineStr">
        <is>
          <t>learning_rate</t>
        </is>
      </c>
      <c r="C235" t="n">
        <v>2600</v>
      </c>
      <c r="D235" t="inlineStr">
        <is>
          <t>0.0399963</t>
        </is>
      </c>
      <c r="E235" t="inlineStr">
        <is>
          <t>&lt;class 'numpy.ndarray'&gt;</t>
        </is>
      </c>
    </row>
    <row r="236">
      <c r="A236" s="1" t="n">
        <v>234</v>
      </c>
      <c r="B236" t="inlineStr">
        <is>
          <t>train_input_images</t>
        </is>
      </c>
      <c r="C236" t="n">
        <v>2600</v>
      </c>
      <c r="D236" t="inlineStr">
        <is>
          <t>[b'1024' b'1024'
 b'\x89PNG\r\n\x1a\n\x00\x00\x00\rIHDR\x00\x00\x04\x00\x00\x00\x04\x00\x08\x02\x00\x00\x00\xf0\x7f\xbc\xd4\x00\x00 \x00IDATx\x9c\xec\xfdw\xfc~\xcdU\xd7\x0b\xcf\xdc\x84\xe4\x84H\x88(E\x08"%\x80H\x07\x0f \x06\x94\x13B\x07y\x14\xa9R\x95 =\xb4\x00\x12D\xc4 \xa8!\x14\t\xbd\x8b\x07\xb1\xa0\xd2\x03H\x13\xe4\xa1D\x08\x18\x8a\x01\x0c\x88\x02J\t$\x98\x00Y\xe7\x8f\xddfO/k\xda\xde\x9f\xf7\x0b\xee|\x7f\xd7\xb5\xf7\x9a5k\xadYS\xf7\xbe\x8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h\xa4\xe7;"\xb2\\\xbd\xfd\xbf\xf9\xad\x10Bn\xdf\xfa\xe5\x04oQ\xef\x92\xd2\xa3\xa4.\xdb%\xcds\xcf._\xfd\\\n!\xa4t]i\x8a1\x95\xf4\xd4\xdaU#"R\xbe:\x04x,\xe0\xba\xc5\x7fW{\x16\xcd\x16\xab\xfa\xaf1qW\x84\x88\x02\xd5L\x96ID\xe7o\xf5\x18X&gt;\xf4\t\xa1`\x04\xbaK\x8e%&amp;\xce\x81\xc9\x1a\x87\xb0^\x1c\x9b\xb9nb\xab\xcc\x96\x0b.\xcd\x9a\x98o\xd3\n\xc0\x8dx\xc0\xf3\x9d\x16\xf1R\xae\xff/\x84\xd8\x86@B\x9cS\xa6u\x0c\xe3i8KOLD\xaa\xc0]\x90\x94\xd23\xf8\xdbt&lt;]\x902\x88r\xea&amp;\xa54\xbf0\x06\xf8i\x05\xf9K&lt;\xca\xb5\x17\xe8(\x8cH\x9c\x06\x8e5r\x14-D^\\\xf2\xb5\xc7\xd9lwl\xb79\xbeY\xeb\xe9\xa9\xaf\x1a\xa9om\xbbl\xf1\t\xabV\xe6\x95\x02#\x95l\xe4\xfe\x1f\x10"\xb3\x81\x8d\x8d;\xa1]\xaf\xae\x00\xdc\x8e\x94\x11\xcb\xdd\xf1M\x00\xc4:\x04?\xfe\xb5\xffuZ\x9c\x0e\xf7\x11\xf6\x0b\xf6q\x8c\x94\xeb\xb0\xe9\'\x88\xc46\xdd\x0e\x88t/u\'\xfa\xde\xb2\xfc\xef\xbd\xf0(\xf5\xac\x8f\xb1[\xc2\xd7u:U\xb3\x14\xa1|\x92f\x07g\x19\x9b0\x12\xe2A\x9e\xfb_\x99\x88\xe8dF\xda\xe6\'\xcafNH\x0b)\xbd\xb3\xbev\x90&gt;\xb9ZQU\xfbv\xe7\xdd\x99\xfa/U\xdf\x9b\x94\xd4\x1b\xe0\xae\\\x9ex\x10\x99\xaf\x80\xc2\xe5\xcc%%F\xfa\x00\\\x93\xbd\xcb\xc6\x1c \x86\xc0\x04@\x08\xb1\x0f\xca\xfcWh\x7f\xd8E(\x9d\xaf&lt;6\x13\xc4v\xa6H\xbc\x8e2\xb6\xf1\x1e\xfc \xd2N\xec\x94\xf6R\xc9\xb1b={\xa4\xc9qhUt&gt;d\x1de\xdb\xd7\x9e\xcf\x9f?\xd4\'Oh\xbb.\xff\x7f\x11^\xbf\xa7?\xf0|\xfb\xac\xb3\xaa\xe6\x00Z\xf1\xb8\xbf \xfd[\xae\x96\xbc\x8d\xa7=\xf6W&amp;\xbb\xf2\xf8\xaf\xf2\xa1\x14B\xca\xaf:_\xc4\x8c\xd2\x94V\xf9\x86\xceM\xc7d\xbf\xdf\xb0,\x00\x1ap\x9fI \xc6@\xa5\xdcp\x18\x89\xa1\xf3\x8d\xf8\x91,g\xc7m\xb2\x90J\xccE\xc1\xd6F\x06\xe9Z\t\xcb\xedN\x99\x0e\xdd&gt;%\xaaj~-\x82\x9a\xdb*\xbbi\xf2\x7f\xed*\xd9\xb5\r(\x96\xa6\xbc\xcbAa\x85Meb\x143EE(\x19\xd6&gt;\xaa;\xe4(\x91\x03\xab\x02\xe1\x06\xc2\xaf\xc7\x10\xd6\x00\x00\xa4\x82\x96\xcb\x00K\x1f4\x17\x03T6\xdf\xe67\xf4W\x19\xdf\xc0?\x01\xf0\x0f\x01\xfd\x17\xc7\x94[&gt;44nw\n&lt;\x97\xf5\x96n\t\xf9\xa5\xbb\xab\xf3\xb6\x1e3\xdaoyt\xacq\xe2\xf57J\xf7\r\xe5MU\xf5\x82\x02\x85\xea\xf2\xb3\x8dl\xd5)r\x0ePT\xdc\xf5\x80A\x00\x00\xb7D\xe9;\xb0\x17\xda\x84m\xa13\xaf\xdf\xe7\x193\x00?\x1e\x13[\xc7\xac\xfb\xf0\x8b\x8ce~s\xc8h\xca\xd3\xfe-\xfe\x19-\xab\xa1D$\xc4\xc3\\W\x06\xf5\xa7\xf3\x04\xc05\xd0q\xa8gU8\xe6\xfc\x99E\x9a\xa9\x8f:T\xb5\x9b\xc8\xa6U\xc8\x98\x16=\xfc\xd7\x08K\xf57[\xfd\xa6\xebvC\x81gF\xf9\xc5\xd4\'\xb2"\x1eyB\x90\xf8`\xcd&amp;\xaa\xb4\x8f\xc8\x92l+\t\x19\x07\x00\x00\xaeE|\x7f\n\x06\x01\x9e*\'\xead\x88\xed3\x1f\xe2\xa5b\xc6\xac\x9a\xd87\x8btgB+\xd5\xaf\xfc{B&lt;*Y\xfe\x1f\x04*\xe2\xd1\xc4z\r)\x13_\xdd\x0e6\x13\x9d&gt;Y?\x0c\x17\xad\xe9!\xc4\xabF\xd6z\x97\xe9\xf6T)\x0e\xe5\x97O&gt;.[\x9ai\xba\x85G\xc7\x1b\xca[\x88\x11N\xc8&gt;\x00\x80\xc9H\xe88\xeeDL\x87\x0e\xc0\xa4D&lt;\x0bED)O\xd9z\xda\x89\xe7\xfd\xf7\xbe\xcb\x88"\x9f\xd9"\xa2\xfd\t\xca\x18%C\x95"\xcd&gt;\xab\xfc\xf3\xef\x06X\x7fF`\xd5\xc2\xa9\xc9\x7f#\xfa\xd3\xc7e\xd6\x1f"p\xbf\xdaH\x86\xc6\x98\xd6{m\xef\x8e\xd4+h\xb2\x97{\xdc\xae\xa8\xc2\xfe\xba\x1e\xd3\x02\x8a\x02\xc9e\xe9q%4w\x10\xf9~F\x80\x04\x85\x02ik\x1at\xfa5\x06\x00\xc0|\xa0\x15\xc3\x02&amp;\x9eN\xf9\x86\x10\x11^B}%\xc2o\x01"\xed\x7fSP\xdf\xb9\xe2\x7f\xff\xbd\x8a\xf1uBq\xc7;\x14\x15\xacC\xf3\xe0\xd0\x8e\xc863Q\xdf\x8a\xaa\xbd$\xd5\xf2NNm\xb8\xb9/B\xbf\xa2\xa1\xde\xbb\xfb\x17\x18N?Me\x14"\xcf\xff4\x84/\x7f\xd8?\x8fE\x19\xf5[\x0bb\xc1\xf4~I!\xaa\x7f\xbeZ\x98\x1a\x07\xdemE\xfb\x7f\xb4\xcf\x8c\x02\xd01\xb0@D_\x9d\xbc\xcc\x86e9\xc0\x00m\x0f,\xf5V\xa4\'\xc8c&amp;\x9e\x1f\x85\xecJ7M\xf6=\xef^\n\xb8\x18S\xab\xc1IYYO\xdc\x04`\xca&amp;\x8bGk$&amp;\xdf\xfaw\xc1\xc2\xb3ElF\\\x9a\xe5\xba\x84\x183\xf2\xf5\xc2\xcde\xa7\xfb\xd4\x9f\r\x16\x7fQ\x88\x1f\x88\xdd\x01\xb0\xaaT\t\xde\xf8Y\xad\x91\xbb\x81\xc0]\xeb\xf0\xae\x0b\x88\'55M\x01\x96\xd9b\xd8\x9b\'K;-\xd9i\x04\x97\x07\xe1!\x82\'5zS\xa7\xbf\xbe8\xbe\x9fv\xda\xd9l\x1a7vau\xc36zc\x11\xa6\x11\xf5\xcb\x06Yb\xd9\x07y$\xc4\xbfMT`}P\xe0\'\xd6\xba\xd0v\x90j\x9fPI\xf1\x03\x11\xb2\xb6\xfe5Kg\xc3\x08\xeb\x99\x19Q\xcd\xf8f\x81\x8b\xc0\x12\t\x8c\xdb\xe2\xbb\x17\x00\x1f\x973\xa8\\~\x19\xf1j\xd5\xe2\x84wa\x02\x0b\x87\xc0\x0f\x86\x95*\xd7[s\xb9-\t^\x8c\x9f`\x9d\xc7L9K\xb0\xcb\x1a\xd8\x9e\x96\x03\xf7\x06GUko\xdan\x01[k!\xc6\xd4YW\xc6\xf1\xfc\xc0\xf2\xff\xebQu\xdb\xfc{\x1fP\xea\x87\xfb\x1d\xab\xfe9+\x19\xd9\xb7\xc8u*\xe4\xb1\x03\xabG6\xe9Z\xec\x15d\xab\xfc\xdd\x03\x8f\xc4\x08i\xfe\x87\x13\x1a(pO\xb09\x93O\xe3\xb8b\xde$\xa9\xf9\\\x13\x00\x17\x00{ \x97d{\x06 \xe2\xa5.\xf1n?\x8f83\xb4\xfav!\x0eu\xdc\xa7\xdf\xd5\x12\xdeP\xff\xf89\xca\x0bv2\xd5\xc8\x87|\'vd\x94-\xa54\x0f\x9c\x9f\xaf\xf8.\xa1\xae\xe9\x9f\xaf=)c\xd5$\xda"\xceg3\xc2&lt;y)\xc9\xa9\x06\xabW\xc8\xf2\xe7\'\xc9\xe0\xd3\x1e&gt;\xb2+\xee\x93\x18\xbcf\x7fj\x83\xb1\xdcMr\xceA\xe7\xdb\x9c\xadD\xc7V\x04Et"\\\xc4f\xd1\x00[`\xc3\xf3\x00x\xd9\x9ev\xeb\xad\x07\xa8A\xa8\x8f\'\xe3\x8f\xb0&lt;\xf7?c\x95\x89\x1dy\x18\xd7\xd0\xc6\xfeA\xcb\x87fH\xc1\xfc,\xe6._\xadc\xae\xb1\t\\\xbb\xe7\xfd\xef\x07\xaa\x1adSO\xd1\xd3\xae\x0fw\xa1\x17\x18\xad.U\xf8\xd0\n\xb5\xc8\xb3O\xcb\x81]-&amp;\x0f\x89\t\xa8\xd2\xa2\xeb\xa2f\xa1\x0b\xe4\r\x00\x00\x88G\xcbx_\xee\xbb\xee\x85\xbe\xe4h\x0e,J\xf2i\xca\xbd\xf6.\xa7\xda\x103N\'\xc7\x18=~\xc8\x1eT{\xb9\xec{\x9c\x02\x8f.\xcd6\xe0\xa6\xe5I\xfe\x06\xc6Q\x8d\xa0+\x933\'\x8c\xfa\xd5\x82\xb9F!&amp;\xf5j\x915\x01\xb8\x82Ig\x04C\xd2\xb6\xa4e$\x00\x00\x98\x17\xce\xfe%n\x02\x10;\x8c\x88\xd3\xcc\x18\xdd\x1a\xa3\xedN\xdd\xa76\xe6\xce\xb99\xfer\x97\x10S\x1bkQ\xf1[:\xd1*\x19e\xd8\xfcb\xea\xe3\x99\x12$\x1a\x13\xbd\xb8\x93\xbc\xb0\xc4\x04 \x0e\xe3\x14b\x190;\xe8\xc8\x9d&amp;\x9f\xf7\xa9)\x00+\x8c#d\xcb\x10&lt;\xbb\xf7\x8a\x1c\xa3\xe8\xc3\xffaV\xcb\xcaU*\xa9Hz\xd1}\xe6H\x96\x8f\x0e\xb5\x83\x07\xba\x92\x85\x83\x85\xa1Z\n\x00 @\xc7\xa6z\x9b,\x81|\x08x\xf9\xd8\x19:\xd9e\xac\x95\xffL\x87VC\xc7\xaf\xcf\xa6\xcb\xdf\xe4z\xef\xb5\x9b7\xb58"R^T\xc3\xf5\xdeR\x9fYj\xa3\x96n+\x9a\x86}\xde\xcd\xa3\xf9\xfe\x15\xde?P\x0e\xe1\x1d\xf3}\x18\xb7\xe9\x01pg\x08/F\x9b\x15\xd2^3\x08R\t\xff\x12\xb0\x0b\xbf\xd5\xf3_\x9e\x12u\'\xcfOD\x89c\xb9\xf8"1\xe4\xfbAe!F\xae\xa6\xe7\x07\x17\xa5\xf2\xdf\x01\x18}f\xef\x87\xe9\xf5)\x00\x00p\x050\xfa\x0f1f\x977\xfe"\xfb\x04\xe4O\x00\xf6\x89\x97\x94\x8e\x01E\xd9\xeb\x17\x83W8\x8b\x8a}\xc0\xb4\xce\xaf\x8b\xc9\xfd\x0f\xe67H\xd6\x85\xe8+\x87mO\x8b%G1\xe6 j\x80\xb9@\xd8\x00\x00\xe6\x83h\xc8\xb1\xf6vP\xa4\xb3\x1a\x80\x8f\x97J\x9dk\xba\x1e\'\xdd\x8e\x92\x93z(&gt;\xf2\xf6I){dp\x9c\xa3\xe1x\xf0\x11\x80\xcb\x83f\x0e@\x07(vyT\xe5\xb1UT\x01\x03\xf2\xac\xbe\x03A\x96\xa2OCa\xdf#\xb9\xeb\x87\xdb\x1b\xeb\x19\x8a\xeeG\xfe\x04 \'#\x00\x00t\x86\x99E\x0f\r\x11\xbd\x06\x1eF\x07\xa0\x0f$\xc4\xaf\xf4\xd6\x01tg\xcd\xc0\xfa\x06J\xe4\x03\x97\xbc\xcfe\xd6\x7f0\x91\x88\x84\xf1CvG\x074\xd3Y\x9d*x\x9eP\xec\xf9\xf0b\xfe\xa3\xe4\x17\x02F\x98\x07"\x82\xa7\xa2@T\x03\x00@\x17\xf6\xb1\xaf\xfe\x0c\x80\xff\xd5;b\xfb\x81^SP\xb1B,b\\\x0cu\x88|@\x9c\x96\xe9\xbaHG\xc6\x1f`(\x94\r4 D\xc9\xbb\x0f\xee\x06\x0c\x05\xc0 `;\xee\x9eH)\x1ed\xf9\xd0\x9a\x99\xb7_\x9dMI\xdb\xb1\x8b\xc7\x9d:\x03)\xe5\x90O\xb7\xd4\'~\xf9\r\xfd4;\xa9k\x9f\x03\xbb@.3D\x89w\\\x82t\x06\x0el\x00\x00\xb88i\x83_u\x9a\x18\xf9\x8bB\xf7\x1c^\x03..\xba2\xd1i\xd5\xbcJ\xa1\xfb\x03\xf7\x00\xc4\x83\xb0\x01`\x14\xae\xd8\xc9\x02\x0f=\x1e\xc1\xea=\x98C\x88\x83\x99Ih;\xcew^1\xaa\x03@\t\xbd\xbb\x03\x00\x00\xb8;\x05\xbf\x03\x90\t\x92&gt;\x00\x01\xcc\xb3\xf5)\xc3\x7f\xfb\xe78q\x01\xc6a\xb2\x9fI\x01\x00\x80\xcb\xd1~\x02\xd0+\xe9\xb7/\x17S\x9dR\x12\x97\t/ep\xad2\x18,\xb5\xe5R\xb1\x04\x00\x00\x00\xf0\x83\x9d\\+\x9d\xcc\xc2\xf5R\xa6!|z\xdbs\x02\xb7\xad\xf8 \xc0\xf8\x00\x00\x00\xaeM\xe1\x0e\x00\t\xb1\xbc\xc2\x1f\xfd\xa5N\x9f\rn\x12\x85\xbf\x07\xcc\xa8K97=%0\x98\x17n\xc8\x1d\xa3\x8e\x07\x84.f\xef\x00\x809(\x9c\x00\xc8\xed\xbf\x91=&amp;\xd2bed\xbc/t\xb6\x1fD\x1e\xec\xed\x1c7\x9c\x02\xdc\xaf\xc6\xc3q\xc3\xa8ca\xa4\xccQN\xe4\xcb\xee\x00\x00`F\x1e(\xce\xd9\xb1=%\xad\xbf\x1at\x9ddz\xa5\xba\x9c \x8c\x7fzr\xd5\xb0\x9a\x1bx%\x06$\x8e\x83\x1b\x06\xcc\r\xab\x0c\xc0\xc4&lt;\x80\xf5\xc6\x12.6\x07\x90\xcb\xc9\xa5\x82m\x04\x00.\t]\xae\xb1\x83 \xcb\t\xc4\xd4s\x88\xdb\xf5\x83\xa5\xd0\x16\xd1;X\x95\x01\x00&gt;\xfe]\xd3\xd2.\xb6\x9dz\xb1\xea\x80q8\x87\x16bl\x10\xe0\x080)\xe8\xaa\x00\x00\xc0BIf\xcc\xbc\x17\x93\x87\xaa\xcco\xdbM\xff\x97\xabt\nyv\xfb\x00\x00\x92@\x93\x07\x00\x18\x10\x91\x10\x8f\xec\xad\xc5\xbd\xb8\xed\x04\xa0M\xc5\xafd\xdb\x1a\x163\x7fh\x0c\x00\x00\x00\x007\x02/:\xe8\xc2=\xcd\xbe\xd7\xfa\x13nV\xf1\xd1\xe0\x88\xbd\xc1\xde\x16U\x99\xbb5U\xe0\x06\x91\x00\x00\xb8\x08\xbf\xd0u0z\xd3dJ\n\xbdu1\xa97\xb6K\xae5\xa7\x95F4u7\nM:j\xe8\xd6b\xb8\xd7\xe3\x02\x00\xc0\xfdR1`d{l\x9f\xf0\xea\xc7\xa6\xa8-v\xb8_\xbb"\xa2\x9aZ\x11Q\xbc\xf0\xddP\xc3Y\xa9&gt;w\xae;\x00W`\xac\x8e\x95\xf0\xa2\x9e\xcb\xb1\xf6\x12\xe8#@\x06\xdb\x0f\x811E\x0f&amp;\xa3\x19$Z\xac\xbe\x85+\xa7\x92\xdcTu\x97\xb8B\x0b\x02\xe0"\x0c3,C\xcf|Q\x96\x17w\x8f\x12f`.\n\x7f\tX\xe7\x8d\xb2\xee\xbaaf*h\xb0-\x9a\xfa8\tE\xd1\x84M\xa5\xc1\xe3m\xaf\xf2\x92\xd9\x87q\x05\x00`V\x90I\xae\x0b\xfc\n\xfc8\x07&lt;\xfdCg\x19\x8d-\xbf\xb8\xd2[\x97\xa6h\xc3P\xa4g\x00\x00\x00\x00\x00\xc0\x87\xf3\xec\x1f\xf3\x0e@\x01\xb7\x1b\xfeb\xc4\x0f\x00\x00\x930\xf4\xb6!\x00\x008p\x0e5\xfbO\x00d\xf3\xbd\xc9qN\x80`\x06\x00"\xc0;\xfb\x01\xe8\x8e\x99\xad\xd1*\x01\x00\x13\xd3\x7f\x02\xd0\x9e\x81\x96\xde7E\xc6\xd1\x08\x8c\x07\x82\x03\x00\x06x\xdfQA4\xd0Z\x12\x00\x00\x00\x00\xae\x07\xc6\x19\x00\x94R\xe5\x17\xb5\xd16/\xc4U_cx\xd5z\x81B\xb0\xb8\x08\x00\x00\x00$\xb3\xbd\xc1\x02\xdd(\x18\x17\xfc\x9e\x0cpq\xc7#@\x00\x00\x00@!\xcb\x88\nk\xab\x00\x80\x19\xc1\x04\x00\x00\x00\x00\x08\xe1\x1b\xe8c\x0e\x00\x86\x06\xcb\xff\xc0\x04\x13\x00\x00\x00p\x81\x81\xdd@\xf4\\kw\x94\xbd\x0c\xab\xf0@0\x18\x12\x1c\xfd\x07&gt;0\x01\x00\x00\x00\x0bxpnH:\xb9\xc4\xf9\xbaj\xf5C\x84\x0bhF8=\xed\xdfc\xf5\x1fX\xc1\x04\x00\x80a\xc1xb\x04\xd2\xbd\x80yC\x1d\xa4\x94\x03\xbe\xb8bW\x08n\x07\r\t\x1c\xea9?\xfb;\\\xab\x01\x00\x80\x00\xcf\xbes\xa7\x8a%\xe89\x81\xd7\xee\x07\xe1M\x8b`4\x10\x90\x00\x000+D\x18X\x0cE\x94/\xf0zx\x00\xc0\x00\x1c\x0b\xffHJ\xc0\x04G\x80\x00h\n\x12\xf1\xccD\xed\xa4c\xcf\xfd\xda`B\x0e&amp;\xe1\x85\xe2\x81\xfd \xd0k\xa0\xdb\x01\xc0\x02\xc6d\xa0\x19i+\xfa\xd8\x01\x00`0\xd0\x1e\xc14|2b\x15\x00/\x18c\r\xce\x95\x1ct\xa5\xba\x00\x00@=\x1afK\xe4d\x00\x00\x18\x0f\x0c\x9aA/\x10{\xc0\xc1pQ\x91\x13\xa8\xd8\xfd\x9e\x0ed$\xc0\xc4\xfc\xcf\x00\xa01\xdc\x00\xfc\x8a!\x00`\x1c\xd6ng\xc0\xae\'Q\xa51+\x01|\xa07\x04`a[\x9fC\x0e\x03\x17\x01\x13\xda\xa1\x98g\x07\xa0\x96\x92\x93T\xbf)\xa3\xf6;\x0f\xeb\xad\x00\x00\x00(\x10\x91x\xeb\x8a\x9d\xd3&lt;=4\x00a\x10\xcf\xb3A\xe2#s\xfc5\xea R\x07\xd1h\x03\x8dt\x02\xe0#\x00\xae\xcc\xda\x89\xfe.\xda9\xb8\x0e\xe8\xb7.\xcfT+\x17S(\t&amp;d\x8e\xf8\x07\x00\x8c\x0b\x92\x08\xb8\x14\xa4\xf0\x93\xad\xfa\xc8y\xc6\xa3n\x88\x92\x86\x14\xbd\xaa&lt;\xd5\xe8\x1f\x9c\x80\xd7\x00\x00\x00\x00\xc0\x0f\x19\xb4,\xb9UYC\xd0\xc9\xce"\xaeP"\xa2\xb7\xbd\x99G\xc6\x0737\x00\x003\x9dR\n\x1e\'\x07`,\xb4\xe1\x85\x94\x02\xed4\x99_\'\xf1\xd21F\xd3\xc7rm\xde7e\xb8Xz\xbe5/\xb8=\xd4\xb1E\x10\x11\xdc1\x11Kk\x82\xcb\xc0\xc8\xf4\xca*\xf3\xbf\x06\x14\x80k!\xe5\xe3\x8f\xbf\xf7\xff\x80x\x88\xe8\xa5D\xdc\xc9@\xb9P[\xa3\x00\xc7\x88?\xed\x08\xd3=!\xeay\x0e\xa7\x7f\xb4\x80\x14\x86h\xe0\xc5`\xd3\xe9\xda\xf4\n\xd1\xe9\x1b\x06\xb8;Dt\xc5^y\xcf\xf8\xd7\xabZm\xb2Lw\xf4\xb0\r\x0cnY\xe3\x17\xeb^\x8f\xb5\xa7G\x0c\xec\xa0]D\xb3\x18\nV\xba\x06=w\xbd\x80\x87\xa9\xb7\x04\xb1\x03\x00&amp;GJ)\xc5\x87\\n\x81dY\xb7\x9a5\xaf\xf4d\x1f &amp;\xdd\xd5\xd2\xd2\xb6X\xdd\xd4m\xd6\x97P\xe2\x03\xd3\x830o_\xdb\x1c\x89!\xe3\x85\x80+\x07e\xea\x8c4\xb1\xea\x00\x00`\xb0\xae\x11\xa7\xe6\xe5\x86K\xcb\xa7U~kq\xfe\x87\x04\x18\x95\x88\x96\x9ci\xd5~`\xc5\xb46\xb00\x00s\x83\x1d\x00\x00\xc0\x95XN\xd3$\x0fM\x96[\x1a\x8cocF\xff\r\xd4H&lt;\x1b]\xa6P\xf3\xad\x86\x1a\x05\xe2\xe5\xadg0\xfa\x07`n2\'\x00\xae$8lr\xd4\x13\xf7\xa8z\x02\x05\xf8\x08\xe4\x90\xbdJ-e\x8bS\x13!\xf5H\xca\xf0$a\x00R\x9ag\xf3*T-p\xd8n\x0e\x00ps\x92\xb2S\xce\x04`)\x80l?b\x9f\xd4W5K\xa3GA\xca\x83~m\x8a\x06\x05D\xbd\xc6\x11\xf3\x04\xc0K\x83U\xde=O\xda\n:MB\x82\x19\xb5Y\x165v\x0c\x06M\xa1\x9b\xfb\x02\xb3\xac\xf2bJ%\x00\x00@Wr&amp;\x00G70[\x0e\x9cM_\x10b\xca\xe7\x18\xc1\xd0,\xd9\xad\xc1\x1c\xc0s\x08\xc7\xff\xadv%\x12\xdbN\x9c\xd72_\x19\xa0zdY\x03\xcb\x91\x02@=\xcc\'\xfbqh\r8(\n\x0c\xeb\x0e\xc0\xc0\xcc\xa5-\xb8!\x88\xcfJ$\x1a\xf6?\xe1\xa87/9\xf6\xccsA\xcc],G\xf9\x17\t/\x8a 1 "\xf1d\x98e(\xe0\x0e`a\xd2&gt;\x8e~jN\xbd\xc1}\x98mz|y\xb2F\x9f\xad\xf3\xcc\x05\x03&amp;{\xb4\xbd\xdd\xc5?mX\xaey\x17\x8e\t\x00C\x0fz\xb9\xbe\xec0\xcb\xe5\xaa\x06n\xc2]\x1e\xf7\'\x1a\xf4\x1c\'\x00S\x93\xf8\x8eE0\x1c=&lt;8\xec{\x153\x15;\xde\xac*\x92\x1f\xbb\xca\xb4\xffr\xfc\x7f\xfbM\x85\xb4{\x93\xcbY\n**e\xea_\x11\x02\xe0\x92\xe0\xd7\x06\x01\x00\xf9\xdcb\xfd`Z\xde&gt;\xca;p\xdfJ^$\x93BV\xb1/Y\xb2\x84\xdc\xa2\xf5\x15\xef!p)2*\xc8\x81`J\xd0}\x03p5\xda6id\x90\xa1\xb9\x9cwh\xb4\x90+\x9e\x00\x94\x96\xde\xbe\xd04\xc6\xd7\x10\x80\xfbr\x8b\xe6\xa9\xbd\x05\xe8\x16u\x06\xb7%mX\x10\xb8\xd8\xffm\xd2\xaf,\x81\xd6\\\xcf;\xdb\xb9\xebAr\xf8\xa1F\x17SO\xe0^\xbc\xbe)\x91ab\x1b\xdc\x81\xf13\x08\x03\xca\x04`]\xa9A\x1b\x03\xd7$\xf1\xa7O\x97\x96\xe0j\x0e\xcb3\xa2h,\x97%\xef!\xd4~\xc8\xed\x97\x8c\x1b\xf5[\xfe\xd5\xfd\x01Z\xc6\x14\xfd\xf7\x14J\x82)\xe8\xdf\xe4\xc0t^P&amp;\x00R\x88!\x127\x00C\xe0\xf9]X4\x93\x9b0\x97\xa3\x07\xd9\xd6\xb8\xc4\xc4\xd8R\x85K\xd4kt&lt;F\x1e$\xbc\xc7$"6_\x88\xa3\xed\xb5!\x9a\xac\xcfP\x8f\x00\xa1y\x01\x10\x069\xf4\x0e`\xb4\xe1\xc7\xf3SeRJ\xf9_\xb6\xbf\x95\xcf\xa7\x1a\x7f\xc0\xfb\x1d\x18?&lt;\x86\x8d\xe1\x88|\x85\x90\xae\x8e\x94r\xc4\xe0\x00\x00pq\x97\x97\x04\x83y\\&lt;E@N\xa1$\xe8\x08"\xa4*\xd4\xe1\xb7M&lt;\xfcBo\x05\xc0\xce@a\x01\xc0\xd0`\x02\x00F\xa3JLrG\xb8\xa6!Z\x90\x0e\x0cR\xc8\x1f\xc0\x80\x00d\x80\x01\r\x001\x1c#-\xb4\x17p\x1d\x9a\x874\x11\x91x34\xa2\x83\xfbt\xc1XC\x01`0\xda\xb5F4{0+\x84\t\x00\xb8&amp;\xad\x07d\xa5\xc5]n\xf8x\x9f\x011&amp;\x00\x00\x0c\xc8\xda,?my\xc7a\x95\xf6\xd9\xa6\xe5#\xb3\x00F\xf6p\xda\xa2\x17]\xd7\xdc\xc0}3\x83\xe1\xe3\xfc\xc0}\x00\x8c\x05\xd9\x10?R\xf7$(\x00#\xa3\xad\xf7\x13\xd1\x8f!zA4\x19\xb9\x0e\xeb\xa3A.b\x1fl$\xd6\xe4\n\x11\x02@K\xecs\x00$)pW\xb0\xe4\x0fJ\xc8\x18\xaa\x9es/\xb00\x9fq\x9e\xa5i\x8b\x94R\x8a?\x06\xd0\x82\xc0\xed\t\x07\xbf\xe5\xd5\xb0\xd66\x83\xb7bO\x07\x11\xc1k\x00\xf4eI\xa7\xcb\xaf\xf4&amp;\xdd\xb2\x80&amp;lc\xb5\xd0\xe4\xc6!\xbc\x9a\xbd\x04"Z~\xfb\xda\xfd\xbd\x10\xd3\x07\t\x00]\xc14\xda\xcb\x1f\xf6V\x00\x000&gt;o\x98x=\xb2\xae\x0f\xf4J\x00\x00\x00\x00\x00\x00\xdc\x08L\x00\x00\x00\xf1 ]Xy\xa0\xb7\x02\x00\x00\x00@\x1a8\xd8\x01\xa6\xe5Mz+\xb0p\x971\xf1:\xfa\xc7\x1c`$\xe0\x0cP\x1f\x866\x7fz\x07h\xb14\x00F\x07\xeb\xeb\x00\\\x9b[\xbd\xd9\x02O\x84\xbb\xc0\x0e\x00\xb8$[S\x97\x8f)\x9bj\x1eIc\xfb\x03y\x04\\\x1c&lt;7\t\xc0\x85Y\xba\xb0kuc\xbe\xdaL\x9b\xcf\xae\xe5\xa2K\x03W\xf5\xa6\xca+kI\xbc:\x1d\xd2\x89\xc4Ga\x02\x00\x00\x00`V\xee\xb4"~\xa3\x8d\x8e\x08`\x8aZ\xe0\xd7\x12\xbaS\xd7\x05\xb7\xc9\x98\x00\x000 H\xbf&lt;\xdci\x02 \x106;\xf8Q\xaf\x1dnC\xe0\x17\xd3\x00\x00\x00\x80J\xdce\xc0\nxA\xd88\xb9\xed3\x00\xdc\x87\xc2\xa4\x10k\x82B\xb4\x81\x02b\xd6fn\xb4xs5\xe08\x002\x99\xf6(7+s%\x90\xfe\xda^9\xe3\xbe\xfcz&gt;\xf9\xd2\x95\x9c\x84c[\r\xce\x00\xb9\xc4l\xce\xdel\x03\xf7bx\xbd\xf6\x1a\xf0)\x00\xa0\x10\xa4\x11\x15X\xc3\t\xa6\xd4l\xa8\x032)\x05l\x0b\xd29\x82\xc8\x1fBD$\x05\x96\xc4\x00\x00\x00\x00\x90\xc3\xe0\x03\x08\x1a^\xc3\x03L\x00\x00\x1f3E&gt;\x00`d\x96\xbe\tow\x05s\x81\xb8\xad\xcd\xc0\xcf\x00\xfc\xa9\xe54\xcd4\xdb7j\x98\xce\xa35\xd8\x19\xcagHy\x00\x0060\x8a\x02\x97\xc6w\xfa\x1a\'f]\x0c&lt;\x01\xf8\xd5\xf5\x7f\'\xf2\x9c\xfc\x92\xde\x1a\\\x92F\xafWB\x0792\xd3$\x01\x00\x9a\x90\xd0"0\xfa\x07\x17f\x1f\xde\x87\x9a\xc4\xc0\xc3\xdd{\x12z\x9c\x91\xc4\x83\xa6\xeb\xf8\xf12P\x00\x98\x99h\x15\x00\x00\x00@3\x8e\x97\xaf`\x07`6\xf0&gt;\x13\x00f\xa3}\x83E\x8a\x00\xe0.`H\xc0\xc2\xadmx\xe1\x81e\xb0^\xf1\xef\tl\xbb\'bQH.\xbb\x93Wu\x15\x00\x17\xa4\xfd\x89\x02\x9ca\x98\x11du\x90\x0e\xa2\x86\x85\x97\x9c\xdc\x8cE#\xf8+\xc7\xd0\xc4U\xfb{\xae/\xae8\x01\xb8^\x8d.\xcb\xb4\xe17\xa9\xda`\x01\xee\x03\xc0\xe4\xb2k\xb7\xcd\xb8\xc0o\xc5\x14\xea?u\xdd\x0b\xb9\x80\xf7\x01h\xc7\xb4MeR\xb5\xa3@\n\x03\xe0\x96\xcc\xd4\xea9r\x14\t\xf1\xba\x0c\xaa\xa8\x12g\x1f\x02N\xad|o\xa6\xf7&gt;\x00m\x19\xa4\xa9\x0c\xa2\xc6\x10 \x85\x01\x00@\x1ee\xc9\x13\xb9wbH\xc1\x7f\xe5m\xde\x8bt2\x07"\x1bh\x8cp\xc4\xfc\xdf\xa7\xa7\xdc+G\xb2\x94\x12\xaf/\x04\x00\\\x8aFo\xb5.|\xf7+R/H\x82\xe8?\x0c&lt;e&lt;\xe6C\x03+\tnOZpb\x8d|f\xe6r\x1c"\r\x00\x06\x1cI\xfb+:\xa82&amp;\x18\xa4\x15\x13\xbf\x03\xc0\\\xa4\xf7\x92\x9f\xe9\xdb\xe7a\xb4\x04.\xc6@!=\x8e&amp;\xa0\x0e\xf0/ps\x85A\x1b\xd6\x07\xbb\x83\xc3\xebL47c\xb0&lt;\xf8\x15\x00^FJ\x97\x8b\x1a#h\x02\x00h\xcd\xc4\xcd\x9fH\x9cr\xe9\x9c\xb5\xc8e\x98\x1eD\x88\xe2\x1em\x9c\x8at\'2\x92\xd9\x9e\x01\x08\x1e\xd8\xbd\xe5\x89^\x84#`!\x14H\xfd\x13\xdf\xd2\xba\xef\xd6\xc0]tw\x07\x18\x93\xff\xda[\x81ZX\x9a\x7f\xbf\xa4\x942\x88\\\xaf\xdb\x07\'\xfdS\xa9\x07n\xe5\x14+\x8d\\\xedX\xee7\xc2\xf4\xb1Ll\x1b\x143\xf1\xa4\xb9\xee\x94\xf1]I\x88O\xa9(\x1f\xdc\x99\xf6\xe7\xfc\x1a\x82\xedx\x00.L\xd5\xc4\x95(\x9c\xd4\xbb.\x99N\xadt8)\x1ef4}\x06\x85\xcbD\xc6\x84\x89(\xf9G7\x89\x84\xb4\x89*G\xa9\xa5\x14\x93\xfd\x1a\xe8\xae;f\xa5 \t"\x8a\x89\x195\x05 \xc6\x00\x00\x9d\xa0m\xd4\x90\x90\x85\x96\xf4U)qe\n\xaf7\x92\x19\x94\xb5\x0f\x19\xa9\xfb\xc8T\x89\x88R#pj"\x07\t\xc1\x8b\xf5#@9\xd3\x8az[\xff\x8aTL\t\x01P\xd9[\xf4@\xd9\x1bD\x83\x85.p\t\xd6(\xce\x8b\xe5JM \xf3\xbc\xf1\xed\x0e1\xca\xf1\x0ef\xe7\xabt\xabl\x9a4\xfa\x17\xee\x86\xa6O\x00\xc6\x89\x86\xa5\x7f\x1c.&gt;\xa3\x99S\xebL\xe6\x1d\xca\xa4k^}\xdc\x16\x1d\xf1\xd2\xf8\x03L\xc3\xacy\r\x00\x85\xa1\xc6\xfd\xf1\xe5w-\x1d\xf03\xdeLf\x14\x9e(\x84\x98\xb3\xbb9\x8f\xb4&amp;\x1cb\xdei\x91\xef\xad{+\x90I\xd2Q\xd1\xf7\xe0&gt;4Y,\xe7&gt;\x01\xd6\x17\x18\x19\x00\x0bt&amp;\xe3\xae\xaa\xeaM\x01\x8c\x10\x03\x02\x06\xcc\x06\x82u\x02\x12&amp;\x00\xec\xfd\x16\x87\x1c\xfa\x10\x84\x19\x00\xa0\x07\xe7\x94\x98&lt;\x01\xa8\xaa\xdb,\x10\x91H\xb7!\xbf\x0ec\x83\x98\x01\xd9\xf4\n\x1a\x04\xeb\xa5\xc0\xc2\x15\x00\x00\xe8\xa4\x8e\\\xf1\x8e/\x03\xc7\x04\xa0Q_3~\x8f\x86n\xb7\x06l\xbf\x0306u\xdeP\x14\xccz\x8f\x9f\xa0]\x01\x00\x00\x00\xf9\xa4&gt;&gt;+%\xde]\xe0\xc0j\x96\xea\xa3\x88\xf1\xcf\x88\xe3\x94?\x18\x08\xac\x04\xdf\x92v;\x00\x08006\x08\xce\xeb\xb1/i\xc1\xb3\xcdq\xb4&amp;\xb42\xe0b\x8f\x8d\xec\xa1\xc2Mv\x00\xf8\xc1\\tb&gt;&gt;\xa7\xa9\x10\xd1\xa9[\xfc\x89\xea\xef\x02B\x8c\x81a\xc1\xb0\xe4\x8a\xec\x0b\xf9\xf9\xa9\x07\xcb\x16\x998\xd2=:\x01\xe0b\x1d"\xdc\xb0\xb9\x1d\x07\xe6~\x93\x08\x07\nA\x1ay\xd1\xb2,\x8f\x9d\x1f\x05F\xe0\x81\xbb\x82q\x1e0\xc0\xbe%\x00\x8d\xc9ot\xb3N/\xcd\xda\x8e\xba^J\x82\xc4\xcd~_\xf0\xf2\xd0\xf2\x93\x91K\x08\x8e\x1ax`F\x08\x89\x02L\r\xd5\xfc\x89_\x00\x00#S\xb7R\x12\xe7C\x19\x03&amp;\x1du\xa22\xa0z\xa0\x18\x8c\xd8@]0\xa2\x02\xf5A\x1e\x03\xe0vL\xfd\x0c\x80\xdc~7z\x96\x07\xc4\xb11z=&amp;\x08;\x00\x00\xf0\x82&lt;v\xf0\xa98\xc2\x04\xaa\x81\x03r\tLo,:\x1f\x19\x07\x00\x80\xbb\x81\xd4\x07f\x02\xe1\xba\x13a\x8a:\xad[\x1d/]f\xf8\xd4\xa0"\x97\xb1\xd5&lt;D\x9a\xfb\t\xf0\n\x00\x00(\xbc\x1f\x16G\x00\x18\x94\x8e\rSM\x0b\xc8\x0f\xf1\xdc\xf7\xf5$\x7f\xb2\xdbB{T\x89\x08\xe21H\xf8\xbd\xfa;\xb6"0"\x97\x8dCl\x90\xde\x0bx\x19\x00\x0b\x91\xedB\xfd\xf1Y\xe7\x0fG\xc4g\xd4\x8b\x9d\xfc;\xaa,[\xbfx\'\xfc\x10\x15\x1e\xe6\x9b\x0b\xf8\x0b\x0c\xc2\xa5CQM\xda\x97\xac X\xd9=\rG\xa7BD0\x1a\xd8\xf1\xf4\x08\xda\xb8\xdf\x1f6S?\x04lrT\x95\xa8\xe9\x8a;\x91\xb8\xf0*\x1d\x00\t\xfc\x1aVsA&lt;\x18\xd6\xdc\x85e(\x82\x81l:H\xa7\xe0\x84t\xb7#\xf5\xad8wnkm\xb7\x95\x89\xd0J\x01\x10B,M\xaf\xb7\x0eW\xe3\xd2&amp;\xc5\x11\xa0;\xd2\xc6\xe9\xe3\xc5\x15y\xff\x19y\x17\x00 \x04\x11\t\xf1\xba\xd9\xf7\xb2\xe7\x8e\xf1\x92\x11\x1b\x9b\xb9.[A\x90\xc2\xc5\xb6\x16A}\xae\x9b\x1b\x81\x956\x13\x80/\x1e-\xaet}\x06So`0\xc0\x00\xed\xa8\xf3h\xda\x95#xk\x9f\xef\xd6[\x11\x00\xb2\xb9l\xf3\x04\xe0\xa2\xa0\xcd\x02p\x80\rU\x06\xee\xfb6%\x80&amp;tW\xe0t\x00\x86\xe3\x9f\xfa[%\xda,\x00\x07\x97\x19\xb8\xbe\\\xdf\xe21\x1a\xb81\x98\x00\xdc\x108\x1d\x80F\x10\x91x\x9d\xb8\xe6\x86V\t\xc0\xdd\xc0*,;w7\xa9\xbd\xeex\x06\x11, \x06\x00h\xc4\x0cY\xb7\xf3\x12$\x00\xf7e\x86\x04\x91M\x9fz\xe17wL`\x13\x00\xc0\xddi\x9e\x00\x91u\x01`\'\xa9Mi/\xeb\xa0\xa1^g\xb9\xbf\xcd\xdfV*S\x00\x00 \x00IDAT\xf4\x9a\xf4\xc8}\xdb\xdba\x9f\xda\xbe\xe8\xca\xe4\x1bs{;5\x9b*\x00\x000\x17\xa3\xf4\xfa\x00\x80dN\xcd7s^\x8d\xa5PpO.\xf3\xd0\x0c\x00W\x05\x1d\xd3\xa4\xf8\x06\x15w\xf5)\x06Z\x80\x0b-\x96\x92B\x0b\xaf\xeb\x066\xc2\x01\xf4\xefZ\xa8\xd1\n)\xa5xVo%\x00\x00B|\x99#\xf9`\x8f\xee\x82\xdc\xd4\xa9\x18\xfa\x83Z\x94\x1c\x9c\xc1\x0e\x00\x10b\xb0\xc56GL\x0e\xa4\xe18\x0c\xe58\x002@\x0c_\x0c\xcf\xa0\xe2\xa5G:r\x0c\xc0\x94\xb0\x9e_\xc0\x1c\x00\xb4\x0c\x80pAu\x03\xf2Z=\x10\x1a/\x00`Hly\t\xc9\n\x80\x10\xe1&gt;\x9d\xb1\x1d\xadc\x88g\xa2e\xd6\xa5\xfeX-]\xf8\xa1O\xa3qd\xef\x01\xeb\xc5\xa6\xbb\x17\xab\x0e\x00\x1axV\x07\x00\x00j\xb2\r#\x90j\xabA\x07U\x8bH\xd5H\xfc\x00\xed\xff\xac\xa3\x96\xa5\xd4\xc8K\xeb\xa9p\x99P\xc7\xe8\x1f\\\x1bLq\x01\x00\xa0"x\x1dPm\x94\xf1\x7f=#\xa7\xad\x96\xf5s\xfaw\x06\xafh5#\xbd\xceL\x00\x80K\x82\x8e\t\x00\x00\xacxFqi\x99\x13y\xb6\x07=\r\xce8\x01\xe0\x8e\x9c\x06\x93\xa5\xa3\x18\xcc\x01\x00\x00\xa0=\x18u\x80!\xf1\x8c\n\x96\xcf\xbf\xb2\x99*\x1eB\xcb\xca\x97hYk\xf5\x90&amp;\xb8\xe1\x9e\x00p:\xa8\xe5\x04 \xa5\xa0p5\xcf\xd2\x8c\x8b?\x05\x91\x0c\x00\x00mv\xc5A\x1f\xa6v\xabgep\x1d\x8b2U\xad\xccJt\x93\x16t\xfd\x1av\x815z\xf8\xbd\xe3\xd6\x8a\xfb\x05X\t\xfb\x00\xb1\x13\x80\x7fA$l\xcd\x1b\x91\x0c\x00\x00\x02\x13\x80K3\xb9[\x89\x88~\xdd6*\xe0\\\xeb,\r\xfe\x9c\t\xc0\xa4?\xc3A\xd3j&gt;.f\xd0d\xff\x9c\xc4\xbc\xecF\xe0\xaa\xbb*p\xf9\xfb$y\xfb\xfa\x86\xa6\x06\x00\x00\x15K\x86\xbc)\x18\xe1\x8c\x02\x11\xb9\x02r\x0bW\x11\xe9,"\x92\xc2\xf9\xe3w\x0cc\x0fe\x0cg\x11B$\x0cU\x11d`\xc72o\xbc`.&amp;j\xf9\xf3\x93\xe8\xd2\x00\x00\xb7\xc53~\x02.\x88(~X\t\xea\x11\xec\xbe\xfdc\xfa\x8c\xb2\xfc\xc5\x15\xca7%?P\xa3$0\'kp\\&lt;]\x97\xd6\x8e\xc4k\xd3\xf6\xf3a\xe1\x8d6t~\x00\x00\x90\xc4\xe4\'FJ\x91Rb\xf4?\x02R\x86{\xf0Y\xc2\x14C\x11\x008\xc0AU\x00\x00\xa8\xc6\x92`\x7f\x039\x16\x8c\r\xebH\x00\xe3\n\x00f\x80\xf3\xd1\x1f\x00\x00\x00\nx \x18\xdc\x91\xaf\xd0^(\xc4\x15\xfc\x7f\xc4$\x07\x80[p\xe7^\xe7\xceu\x07C\x81P\xbc\x01\x8eQ\xbe2\x01x\xa3\xf6J\x01p\x19\\\xb3\xe8\xf5\x01\x06\xd7\r83\x04\x00\x00\xa0\x07k\xb7\x85n\xe8\xda\xa4\xbeJ\x05\x00\xc0\x02\x11\xf9\x1e\x02\xc6\xee\x1b\x00\x00\x80\x1e\x8c5\x1cDoX\x89m\x827\x96\xbb\x01\xb8\x03\xe6\x04\xe0\xb5\xb0\xf1*\x84\xc0\x03\x19\x80\x81\xb4\x9f\x15\x03\x00\x98\xac?\xa2\xd7W\t\x8cO\xeb\x81M\x1e\x00\x1a\x13\xc8\xa8c\x0c\x7f{*\x80\xa1\x1b3D\xaf\xd6?\xa2\x9ar\x1cc\xbdY\xc5A\x13\n\x83j\x8a\x98\xdc3\xf0\x14\xda\x82\xaaX\x7f\x87\x15\x00\xe0\xc3&gt;\x98\xf7\x8f\xf0G\x1d\xfe\xee\xc3\xa96\x8a\x8dV}0\x19cL\xa4\xc1\xc5`\x89(\x84%\x98\x8a\x7f{\x8aX\xbc&amp;\x08\x80\x18\xdc\xcd\xc4\xdbv\xfe\xe7xM\x8b\xce\xf4V\xe7\xa2\xc0\xb0\xac P\x01/\x88(\x00D\x83\xe5\x154\xb4\xfb\x81\x1d\xfba!\x93\xde*\x81\xe1\x18-*\x10\xa8\x80\x17\x84\xd3h\xc4\xec\x96\xc3k\xf3\x01\x97\xdd\x9c\x1f\x18%\x00\xfe\x04\xce\x12\x0b!\xc4\x83\xb5_I\x18\xf0\x90Rup\xb2\xdc\x0f\x06\xdc\xe0\xda \xbc\'\x04IiF\x1eYO4\xfa\xa9\xe1\x19\xc8AX\xf2\x06\x07\xb7\x88\x86\xdc\xda]\xdf2\xe0\xee \xbc\x93\x18\xc0\\\xc8H\x97&amp;\xa3\xd3A?\x05\x92\xb9y\xcc\x0c\xf9\\r/`\x07\x07\xa9\xb3#\xceF\x05\xa7\x80\xda\xd0?k\xd4\x07 \x98/\x02\xc6\x9a\x03ri\xa7\\\xb8j}\xb9\xb7a/\xddf\xc0N\xf94/)N\x10T\xa0\x15\xc5\x91v\xde\xfd\xab\x18\xb7h\x14\x97\x01\xfd&amp;h\x0b\xe2\xcd\x02\x11\t\xf1\xbf{k1778\xfaR\x8dY\xecV\xd5\xc5\x88\x1f0;\rb\xf8yK\x11\xaf\x84\x96\x02\x00\xb8$$\xc4\xc7F\\\xc5\x96\x03\xcfI\x1b\xa9\x15\xb4e\xbc\x03Tve\xb6\xf1M\x15U1\x01\x00\x93\xd1\'\\\x9dK-hA\xa0/=^\x80\x81\x80\xbf\x1a\x91y\xec/pF\x1a\xa2\x08t\x81H\x0c\xb6\x03\xe0o~C\xa9\n@W:\xcd\xdb\x8f\xb3F\x96\x1f`\xea\xa0\x0f\x00\r\x19o\xbd\x0c\xb0\x12\x95\xc4\x10\x00\x00\xf0C=VqF\x04\xdd\xcc\xcd\xe8\xe2\xeb\x0f\xcb\xbb\x8d\x1cs\x000\x15d\xfc\x01\xc2`\xa2{s\x86\x0b\x80\xd1\xf4\x01\x833r\xb8`T\xb10\\\x96\x01\xd1dLb\xa7\xf3\xf5\xf9\x99\xe3\xf5\xb3\xc6* Q\x14\xb1\xf9\xee*\xa9\xa6Q\x15\xd0C\xdd\x9c\xd1\xdaK\r}\x1e\xe0\x15\xe7e S\x82\xeeH)\x85\x90\xbd\xb5\xe8\x8f\x94RJ\xd8aJ\xf2\xdc\x96\x91\xc4]\xb7\xb4\xec\xa2\x94\x82\xda\x87+\x1aH\x01[z\xb9J\xaaiY\x85\x0b\x98\x0bdR\xb3\xb1\x8c2\x18n9\x01\x00\xad\xb9D\xba\xbf$\xa3\xb4\x7fP\x84\x94"\xb1\x89-\x97\xf3\x8e\xda\xab\xce\x01\xe41|\xacWH@\x85^\x05\x83;\x83\xde\xf3n\x98{&gt;\x95b\x80\xa8\xcdV\xb0\xef\x19\xcbE\x01L\x00&lt;`\x94\x06*\x81\xae\xe5\xb6T\xeaQ*&gt;Q\xb3\xad\x1c\xcf\x12\xb4\xc8\xdb\xd7a\xb4c\x18\xe0\xda\x84c\x8d)\x1a\xf3g\x16\t\n\x84\xca j9\x01\x98\xa5\xff\xd8h\x92vZg7$S\x00XI&lt;+\x9c\xd3\x00c\x16\xa2\xd0\xb07f\xebh\x80\x13\x045hG\xf0\x8c\xdc6\x19-\r\xcb\xbc\xf5\x14\xc6\xad\xd8\xb5\x9eRN\xba\x03@\xe2\xb7\xea\xa7\x86&amp;;\x80\xad\xb7\x19\xb1\xad\t\x007\xd1\xd3\xea\xda\xf3}\x0c\x98\x06\x04\xcf\x92f#\xaf\xf2\xdc\x02\xb8\x02K,v[D\xe5m\x0bR\n\xf6#@\xad6\xec\xa4\xf8\xe3\x97I\nCTd\x9cmV\xdb[G\x00\x18\x17\xf9\x98\xc8\xa3\xa2\xfcA\x8d\xb1\xd1\xe8\xe0u\xc7\x00\\\x89\xd8\x87\xb8J\xda\xfc\xbc\xf9\x82\xa6Hx\x84U\x993c\x0c\xb8\x89\x9e\xb1\xfd`\xd9\x10\xfa\x80\xe9\x19\xa7\x99\x93F\r\xd1C\x89\x02b\xa4\x85\x15\x00r\xf8R-\x80\xc7\xc9\xa8\x9dxB\xdd\x04\xee\xcf\xc0S\xe4\x93\xf1\'\x00`e\x9f\xadu\x0f\xacYF\x1e\xe3k\x08\x14"\x9d\xd5\xc2\xa7\xa9\x13\x80.\x916E\x1b\xe4\xa7N\x95\xb3\x8dyS/\x80\xf1\xd0\xe20\xf1y\xa7\xf1\xc9y#3o\xf3\xd4:\x05\xbfp\xf6\xcc\xe09\x02\x94]L\xf2\xab\xf1\x8e\xe2\xde\xe6J\xb15\x07\x8b\xc5q\x96 \x8a1&amp;K \x9a\xc8\xa8n\xf3\xb4OnVl\xc8\r\x8f\\\xd7\x1bkg\xdb\xf1f\x1e\x00\xe3\xa2e\x83\xa9\xde\x06f\xe1\x18j\xaf]\xb9\xe8&gt;\x9fQ\xde\xb3\xfcE"\x94\x81\xdb\xe4\xe7&gt;+O\xed\x0b\x05B\x90\x10_\xdb[\x07!\xc4\xd14{\xeb\xe1g\n%A\x06m|\x8a\xe0\x19\x91\x9aN\x81\xbb/\t\xdc:%\xe6r{\xb6\x84Ib \xa0\xe4\xc4\x939p1\x96\xd6x\xb7\x05H\x00\x00\x00SA\x18;]\x01\xa2\xf4\xed\xb6\xd3\xaca\xf2\xe1\xca\x14s\x98\x9e\xd8\xe7yX\x06\x06\x00\x00\x00\x00\xf0\x82\x91\x12\xb8\x1c\xd7\x9d\x03\\\xb2R\\\xc08\xd7\x03&gt;m\x06L]\x8dkvF\xe0\xb6\\?\x9e\xf7G\x11\xa2/\xe7\xb7\xc9\xa4?\x04\xd6\x9f\xc9\xb7~t\x963m\x97\x9d\xd40\xb1\x18\xa9\xb7\x16\xb30K0]\xaa!\xfb\xe9\xdd\xc2od\xeat\xf2\xfd2KK\x03cp\xa7`\x19{L\x93\xa2Y\x8d!\'a\x02\x90\xcf\xc5\xe6\x00\x82\xc4\xed\xde\x00\x92\x88\x94yo\xb8\xba\'\xd3\x18*q%\x06\xcc\xc6\x0c\xce%\xca\x7f\x16y\x9a\x96\x06z3\xf6xX\xe5\x14\xd4\xd9J\xcfQ\xd7X\xd8\x1b\xfaL\x99\xe3Z\xae\x04\xc0`\x96\xdc\x1c\xcds{+\x10E\xefu\xf1v,5}\x9d{Tvg\n\xe7\xde\'\x08AG\x10f`j\x10\xbbS\xf1\xaa\xf0W\n\xfa\xcf.\x82f\xdc\xc2\xf2K\xf7\xff|\x8c\x00\xc6\xa3\xe2\xc8\x0c\xee\x06;w\xdc\xed\x1c\xbe\xbe\xb7\xf3\x08\x00\x00\x80\xb6`\xfdo`\xaa\xb8f\xaaw\x96\x03\xc0\x8c\xfa\xd6\xff!\xa1o\x1eZ=\x00@\x16\xd7\xeaw/S\x91{s\xa9\x98\x1c\x96\xa1z\xf4\xc1\x07@\x00T\xe5!Cf&lt;\x1a~f\x02\xe6\x04!5\x08\xe9\x8e\x80\xe3\x00\x98\x91\xa5#\x7f\xc7\xdej\xb8\xc08\x03\x80\x81\xd0~\x90\x18\x00F\x1e\xda[\x01\xb0\x80\xb6\r\xc0\xf5\xe1\xea\xc8\xdf\xa4\xd6\x80\x00\xdb&gt;\xe0\x8e\x0c;\xc2\xc6\xe8\x1f\\\x12\xf44\n\x8f\x80)\x00\x00\x9d\xc18\x03\xdc\x93a\x07\xd9\x98\x00$\x0131Q=\xe0\x10\xd3*0\xc5\n\xa2\x02\x00\x00@kR\xba\x1e\xcf\xb8\x1cCv05c\x9c9\xe3)\x1d\x8dp2\xfa\x07\xde&lt;|%\xd1/5\x7fT\xf7\x83/\xf8\xae\x98\x1f\xee\xad\x00XA\xf3\xef\x03\xcc\x9e\x84s\x80D\xc6\x1f\x93\xc0\x94\xd2\xbf{\xbe\x9a\x03\x83\xaa\x13\x80\x87\xc6\x89e)\x1dIm:0\x02\x88\xa5\xdf\xc3ak\xa1\xd7q\xd3e*r\x01\xec\x03\x91\x98 \xbf\xdc\xbc\xb4\x1dC,\xf9\xcdE}[\xb5y\xfcwi5&lt;E \x86.\xc35:\xf8\xcfB\x970\x1b\xe8\x8a\xa2\xe9\xbcS\xf7\xd2p\x13h\x06&amp;\x00\xf5P\x07\x9a\xb0\xe10\xd0\x99zEp\x8a\xbb\xc0\xa8\x11\x00\xd0\x0bL\x00\x92\xe8k+\xb8\t\\\x91\xbbE55\x18k\x82Tt\xa7T\xf1\xcbW\xc5_*+\x1</t>
        </is>
      </c>
      <c r="E236" t="inlineStr">
        <is>
          <t>&lt;class 'numpy.ndarray'&gt;</t>
        </is>
      </c>
    </row>
    <row r="237">
      <c r="A237" s="1" t="n">
        <v>235</v>
      </c>
      <c r="B237" t="inlineStr">
        <is>
          <t>steps_per_sec</t>
        </is>
      </c>
      <c r="C237" t="n">
        <v>2700</v>
      </c>
      <c r="D237" t="inlineStr">
        <is>
          <t>2.6102872</t>
        </is>
      </c>
      <c r="E237" t="inlineStr">
        <is>
          <t>&lt;class 'numpy.ndarray'&gt;</t>
        </is>
      </c>
    </row>
    <row r="238">
      <c r="A238" s="1" t="n">
        <v>236</v>
      </c>
      <c r="B238" t="inlineStr">
        <is>
          <t>Loss/RPNLoss/localization_loss</t>
        </is>
      </c>
      <c r="C238" t="n">
        <v>2700</v>
      </c>
      <c r="D238" t="inlineStr">
        <is>
          <t>0.1913428</t>
        </is>
      </c>
      <c r="E238" t="inlineStr">
        <is>
          <t>&lt;class 'numpy.ndarray'&gt;</t>
        </is>
      </c>
    </row>
    <row r="239">
      <c r="A239" s="1" t="n">
        <v>237</v>
      </c>
      <c r="B239" t="inlineStr">
        <is>
          <t>Loss/RPNLoss/objectness_loss</t>
        </is>
      </c>
      <c r="C239" t="n">
        <v>2700</v>
      </c>
      <c r="D239" t="inlineStr">
        <is>
          <t>0.022242775</t>
        </is>
      </c>
      <c r="E239" t="inlineStr">
        <is>
          <t>&lt;class 'numpy.ndarray'&gt;</t>
        </is>
      </c>
    </row>
    <row r="240">
      <c r="A240" s="1" t="n">
        <v>238</v>
      </c>
      <c r="B240" t="inlineStr">
        <is>
          <t>Loss/BoxClassifierLoss/localization_loss</t>
        </is>
      </c>
      <c r="C240" t="n">
        <v>2700</v>
      </c>
      <c r="D240" t="inlineStr">
        <is>
          <t>0.23092823</t>
        </is>
      </c>
      <c r="E240" t="inlineStr">
        <is>
          <t>&lt;class 'numpy.ndarray'&gt;</t>
        </is>
      </c>
    </row>
    <row r="241">
      <c r="A241" s="1" t="n">
        <v>239</v>
      </c>
      <c r="B241" t="inlineStr">
        <is>
          <t>Loss/BoxClassifierLoss/classification_loss</t>
        </is>
      </c>
      <c r="C241" t="n">
        <v>2700</v>
      </c>
      <c r="D241" t="inlineStr">
        <is>
          <t>0.119603135</t>
        </is>
      </c>
      <c r="E241" t="inlineStr">
        <is>
          <t>&lt;class 'numpy.ndarray'&gt;</t>
        </is>
      </c>
    </row>
    <row r="242">
      <c r="A242" s="1" t="n">
        <v>240</v>
      </c>
      <c r="B242" t="inlineStr">
        <is>
          <t>Loss/regularization_loss</t>
        </is>
      </c>
      <c r="C242" t="n">
        <v>2700</v>
      </c>
      <c r="D242" t="inlineStr">
        <is>
          <t>0.0</t>
        </is>
      </c>
      <c r="E242" t="inlineStr">
        <is>
          <t>&lt;class 'numpy.ndarray'&gt;</t>
        </is>
      </c>
    </row>
    <row r="243">
      <c r="A243" s="1" t="n">
        <v>241</v>
      </c>
      <c r="B243" t="inlineStr">
        <is>
          <t>Loss/total_loss</t>
        </is>
      </c>
      <c r="C243" t="n">
        <v>2700</v>
      </c>
      <c r="D243" t="inlineStr">
        <is>
          <t>0.56411695</t>
        </is>
      </c>
      <c r="E243" t="inlineStr">
        <is>
          <t>&lt;class 'numpy.ndarray'&gt;</t>
        </is>
      </c>
    </row>
    <row r="244">
      <c r="A244" s="1" t="n">
        <v>242</v>
      </c>
      <c r="B244" t="inlineStr">
        <is>
          <t>learning_rate</t>
        </is>
      </c>
      <c r="C244" t="n">
        <v>2700</v>
      </c>
      <c r="D244" t="inlineStr">
        <is>
          <t>0.039994963</t>
        </is>
      </c>
      <c r="E244" t="inlineStr">
        <is>
          <t>&lt;class 'numpy.ndarray'&gt;</t>
        </is>
      </c>
    </row>
    <row r="245">
      <c r="A245" s="1" t="n">
        <v>243</v>
      </c>
      <c r="B245" t="inlineStr">
        <is>
          <t>train_input_images</t>
        </is>
      </c>
      <c r="C245" t="n">
        <v>2700</v>
      </c>
      <c r="D245" t="inlineStr">
        <is>
          <t>[b'1024' b'1024'
 b'\x89PNG\r\n\x1a\n\x00\x00\x00\rIHDR\x00\x00\x04\x00\x00\x00\x04\x00\x08\x02\x00\x00\x00\xf0\x7f\xbc\xd4\x00\x00 \x00IDATx\x9c\xec\x9dw\xdc6;Q\xf7g\x0fH\x93~\xe8\xfdP\x04\xe9M@\x90*\xbd\x83\xa0t\x10\xa4*\xbd\x1c\x10Q\x8a"(\xd2{9t\x90\xde\xbb\x80TA:H\xefM:\x02/E\xa4\xcc\xfb\xc7^\xbb\x9bd\x93lz\xb2\xbb\xbf\xef\xe7\xe1p\xdf\xd7\xbd\x9bL&amp;\x93\xc9L\x92\xdd\x8b\xa8%\x98\xb9\xb6\x08 \x07\x8e\xdd\xca#\xd3\x8d\xcc\xce\xb7\x03P\x85\x92&amp;\xaa\x0c\x90\x8cu\x10\xf38"C\x87\xa1P\x02\xfdp\xf9\xf2\xfbFhr\xaah3\xeeb\xedma:\xbfV~^\x7f\xd3\x00\xd8"\x83\xaf/QU\x91Z\xc0\xba\x90\xa6\xf0o\xaa\xf9@\xde\xaa\x8b\xd4\x02\xb6\x07\x13\x9d\xb1X]\xb9c\\6\x10\x96\x00\xfc\xcf\x94?L\x1fZ\xea\x8ehZI_Q\x82\xf57\x87\x89~Z[\x06\x00\x80+\xe5}\xe8\xaa\x1d\x1c\xc8\x0bk\xa2\x07P\x0c\xa8}w\x18\xa3\xff\xdb\x84\xc7\xe5rX\xbfXNx\x0e\xb0-_\x81\xcdO\x00@^\x8e-\xfc|\xf05]Q\x01\xca\xd6\x06VE\xd7\xc1&lt;j\xc1\xc4\x18\x9d\xfbB\\\xfa\xe9\x84\xd8\xb3\xeb(\xca\x14:\xe3/:!\xfa\xabB\x8c/R\xcc\xc6\xe86\xd4\x16\x00@\xebd:\x99\x87e\x0c\x00V\xc7\x1a\xc7\xec\x1aen\x08\xf9\xb4O\x85\x83\xda)\x8e\xfc\xc1\x06\x00\x00\xc0\x1b&amp;\xbaBm\x19\x00\x00 \x00,4\xc4SU\x87\xd2\xf3\x06\xe1\xa5\xc0\x0c\x00\x00\x00\x00\x00\x00X\x01\x9c*\x01\xf8\x08r\x00\x00\x00X\xe6\xd8\xcb\x97\x00P\x9a\xc3A\xe0U\x95\x0c@n\xb6k\xbd\xf2\xe3\x07\x11\xe5\x10\x13\x11\x13\x9e\x1e\x02\x00\x00;G\xd4\x16\x00\x00\x1dl\xfc%\xaa\xd0\xa9\xa4\'\x12\xdd.Q\xb1\xa0\n\x0f\xaf-\x00H\xc6\xf4\xc01Q\x92\xe0}\xe5/\xd0\x04\x00\x00\x00v\x85\xf2\xf5C\xfdG\xc9^\x877&gt;\xd7x$\xce\n\xaf\x9f\xfdu\xdff\x83\xda\xf1\x95\x97\xb1\r\x9c\x0e\x11mVW\xeb\x82\x99\xf9\xa3\xe8\x0b\x00\x00\x00V\x98\x99_\xaa\x1e\x05\xbev\x9e\xf7a\x0b\xef9a\xa6\x87a\x8aZ)H\xe46@\xba\x1eD\xf4\xdf\x10I\x1e\xea\x00\x00\x00\xb0\x0b\x98\xa4\xd7\x11\x16\xa8\x8e\xe9\xc7L\xb7\xc3\x14\xb5F&gt;\x80\x04\x00\x80F\x91\xde*;}\x8a\x01\x0b\x00\x00\xc0\x02&amp;\t`\x87\x89\x99\xde\x97&lt;\x9e\x90\xb7\x86\xe8II\x0b\x07\x88\xff\\\xd8\x82\x96X\x97\x00`C\x00\x80\x96`&amp;\xfaDm!@y\x1c\xbd\xf0\x16\xa6"\xb0A\xa6\xc3\x1ey\x8e\x87\xe1$I\x16\xa0R\x07\xb2X\xb5\xc8M\xb2w\x84x\x92s\x1aGxB\x03\x80\x96H\xf7\x84%X\r\x8egl\xa6\xcb\xee\r\x0b\x01-Q\xe2YOK\xc9\x18\x0e #\xf7\x8f\xcdl]\x86\x06\x13\x9d,\xb4|7\tt\xb3L\xff\xc9\xe5\x91\x00\x00\xd0\x06H\x00v\x87\xeeh\xa6\xf12l\xda\x82\x96`\xc9,a\x99`\x83\xf0\xd2\xd3\xcc6\xb3\x0f\x1d\x1a\x9c\xd4\xe1\xebG\xe8\x931\x9b\x00\xd0\x0c\x967.\xf36\xbfq\x06\x101\xb3\xcb\xfb\xb6EO\xddu\x04{\x00\xf5\x91\xc3\x07\x98%\xd8&amp;\x83\x9d\x1b,\xdc2;\xf3\xf0G\xbfqq"\xe6\x9f\xc8\x9ft\xb1_\xc8\xc0\xe37\xafD\x17\x05\x00H\x0f\xbe\x08l\x8ft]\xe7\xf2m;]w\xb8\xb0\xe10\xeb\x81\xb5\x05\x00E\x99-\x1e\xb6i\x96^`\x0f\x16\xcc\xe84?\r,YK\xd7\xf9\x8f\x8b\xcf\xfdd\xf6Q\xfcR=k\x7f\x04\x00\x00\x00\xa2\xc1\xbc\xb2+\x94S\n\xab\xef\xfd-\xb5\x05\xa4\xc4f\x15Y\xac\x85\r\x84\x97\xf8\x86M\rU\x00\xc0J\x81\xf7\xd9-\xdfK] &amp;\xb3\x8a\xa4=\xa6\\\x1fDH@\xc7\xa2=0\xd1\xd7\xddlf|\xa1\xedB\x81I\x13\x00\x9e\x17\x08\x0b\x07\x00\xd4\x00\xdeg\xb7|:\xd3W\x08\x83*0\x11\xd3Y\xb6\xf3\xec\xef\xe1)\xc9K\x18\x8d\xeap\xc1V\xda\x0b\xd2\xe1\xe2\x88x\x8c\xc3\x8f\x0e\xcd\x01\xc2d\xfb\x87\x84;\t\x00\x00\x10N\xfd\x04\x80\xe9\xc7\xf0\x80\x00\xc4\xf3\xcb\xdac\xb9 \x88\x9f@,\x1e\xcb\xf0\xba\xe8\xff\x95!u\x9ej1\x91`\xac\xa4\x00P\x9d\r&lt;B\xe7\xc2\xe1U\x04;\x16\x00\x80m\xb0\xa7\xb7\x93\xf1\xf8*\x18m\x93\xf7\xa4\n0\xe1\xd5\xefj\xecmy!\xcfO\x98O$\x7f\x12\xfa\xf6\x9e\xc5J1!\x02P\x9f\x9d\xbc\x05\xa8\xba\xa3\tx-\x03p\x04+I\xfbaW\x1d\xcdL\xd4\xfd\xbb!\x08c\xde\x972\xc0\x81&gt;\xb6v\xed{\xdd\xd6\xd1\x99M\x17\x9fX6\xb4\x98Ww\x8e\xaf\x8f\xeb\xfaw\xc9\xcd\xfe\x8e\t\x11\x00P\x9e\x9d\xc7\x8b\x9bi\xfb\xd0\x90\xfa\xe7\xbb@1v\xd5\xd1v\xc3\x86\xd9\xef\x91\x97{\x9e\x07\xd3\x1d\xc5Yz\xbc\x98\x99&gt;z8\xa2\xf3:\xe6\xab\xe0\xf8\x19\x00\x1bewYx\xef=w\xfc\xbd$\x9b9604\x849\xe0[o\x00\xd8\x01\x9b\x19\xec \x90y\xb6\xe03\xf71s\xcb_\x02\x03\x00\x00&gt;\xe0\x89\xba Z^n,)\xd8%\n\xd6\x05\x8a\xd1\xacm\xc7\xb0\xc9F\x01o\xa6\xb5\xff\xbf\x8e4\tX\x14\x00\x9b\x02\x99=p!\xf0\xeb\xe5\x01X3\xd27\x992a5\x14\xec\x16\xec&amp;\x01\xb05v\xf2\x1008\x10\xbe\x01\xf2\xff\x08\x13\x00\xd8\x19\xbd\xc1w\xe3\x03\xb7\xccD\xf4\xc8\x8a\x02\x05\x81\x85[\x10\x0f\x9c?\x00\x00\xd8h\xfa|\xd1\xb6\xde)\xfeSD6\xa0\x0c\xce\x0fP6G\xd0\x90_Y\x1b\x01\x00\x00\x04\x80\xb4&gt;%\xe3D\xdb\xe6C\xc6\xce\xe2a\xb7\x17\xec\x8dE\x9bonP0sG\x0b/k\x0c\xf2H\xcd\xb5\x14\x00\x00@r\x16\x8f\x00\xfd\xa6\x84\x14\xdb\xa2\xc9\xe8\x7fZ\x05\xb4\n\xf7~\xac\xff\x81\xfdqf\x87\x90\xb7\xb5A\xcd\xb3\x1f4\xf4\xae\xa8\xeb\x88\xe8%\xce%\xb7\xd6R\x00\x00\x00\x15\xd8d8\xb8\xbe\xad\xfcX^-\xbc\x07\xdax\x1e\x80\x85\x7f\xb5XzG5\xd8)\x85\xcdr-\x96\xc6\x86\x9f\xe7\x97\xed\xcf\xe9m\x13t"\x00\x00\x04c\x0b\x82\xb7\x8a\xf2]0Z\xbea\x98]\xde\x9eQ.\x95\xbd\xf5\x0bp\x81\xe9\xb6\x05CXf\xa2;\xa6-Q\xe7p\x9c\x96\xf0\x9d9\xc3B9\x87\x81\xff\xd6\x14u\x81\x8a\xfc\xac\xb6\x00\x00\x00\xb0b\xf6\xb8\x18&amp;\'\x00wq\xbf\x8f~\xb3;]\x81\xb6(\xfa\x0c\xee\x8f3\xd4r\x85Y\x99\xc3^\\\xb1v\x9d&amp;f\xd5c\x8f\x0e\x13\x00\x00\x00\xd8\x06L\x0b;\x00:\xde\xb7\xc3\xdd\x12\xd0\x16\xeb}\t\x8f\x89\xf10\xde*\xde\xca\xb5%\xcd\x03\x00\x00\x00;\xc4\xfe\x0c\x80\x96\x8b\x12=/\x978\x1a\x82C\x8d\xad\xc6(\x9bl\x94\x1f\xdbz}-\x11\xfd\x9d\xf04\x0e\x131\xbd\xbaq\xebmY6\xd0\xb8\xf1\x00\x00\xf6\x05\x96\x8d\xdb\xa4\x8f\xa2N\x91\xa4\xa8\xe4\xb3\x8e\xbc\xd0\xeb\xf9\xe6\xf2Kmq\x16\xc4\xca+\x11\x11\xfdlk\t\xc03\xa5\xe6|uS\x9b\x1b\xa0 \xab\xd9D\x02\x00\xec\x06\xccg-\xc2\t\xfbE\x9euR\x96\xd9\xd3y\x8b\n\x93\xdb0\xcc\xcct\x93\x8d\xf6/\x028\x10\x82\xcb\x8b\xdd\x00\x00\x00\x80\xc4!\xb2\xe3\xfb\x07\xdd9\xb9\xf4\x98r\xc8\x94\x86Yp\xc3\xb4\xd3\xb9\xedH\x02v\xcd\xc1UZ^\xd2p\xb2r/\xcebf\xbc\xa1\x08\x00\x00@\x08R\x02\x800\x0bL\xb4\xb3\xc6\t\xcb\x04\xed\xa0}\xb7\xec\xb41\xcb\xcc/(0p$\xbf\r\x00\x00`\xdd\x94\x0ftXN\x00\xfe\xaal\xed\xa0a\\c\x0b\x1c\x87\x00;\xe6\xb2\x8a\xd3ff\xa6\xd3\xe7\x1e\x0e\xafa$\x00\x00\x00\xb0\x11\xea\x9c+U\x12\x80}\xce%\xef\xab-@\x9b\xb8\xd8\x83h&lt;\x17+!\x14\x00\xad\xf3\xb9\xdc\x150+~\x1b\x00\x00B\x80\xfbh\x83*\xcb\xa8w\x93\x1f\x00\x88\xcd\x01v\x9bB\xec\x16&lt;\x10\t@a\x18\t\x00\x00 \x1eDl\x8dP\xe1\xf0\x0f}_\x8e\xfe\xcf\x12\x9d\x00\xecw\x0fa\xb7\x04\xbc=6\x1f\xc2;\xfew\xbd\xa3\x056\xcc\x83\xd4\xf0\x1f\t\x00\x00\xab\xa2\xab-\x00\xd87\xccL\xd4\t\xf1Q\xd7\x11\xcc\x12\xac\x99C \xd4\x98Usm\x01\xc0\xc6P\x03\xfe\xae\x83\x81\x01\xb0&amp;\x8e\xa8-\xc0\xe6\xb9\x1f\x16\xfflt\x87\xffv\x87\x7f\x1d\xc2\x94\x82\xb4l\x99\xd7\x95\xbf\xe7\xa8eQ%\xc6\xa8H\x89\x8e\xcaK"S]\x00\xb01$\x8bB\xf4\x0f\x00\x00\x00\x80x\xd6y\xba@&lt;\xc9\xb6\x9e\xa4\x05l\x82O\xd6\x16\x00\x00\x00\x00\x00\x15\xd8N\xc49\x8b\xfe\xd7\xd2\xb4\xb5\xc8Y\x98uu\xe2\x1a\xc9\xa3\xde\x93#\x95\x05`\xb3\xe0\x08\x10\x00\xdb`\x83\x93t\xa7\xfdQC;m\xf7&lt;\x08\xb1\x8f\xe8\xea\xb0\x7f\xf3\xc2\xcab\x00_\xf8\x07\xc4\x84\x17k\x01\xb0Mpn\x0f\x00\xd0 }\xd0\xe1\xe6\xa0\x98\xa9\xfe\x11d\x1f\x81\xa5\xbb\xaaK\x9e\x9b\xe1\xa9\xe8\xfa}\xb4a\xc2\xcc\xcf^$O\x85\xa2\xef\x00\x00\x00\x10Q\xf1e\xcb#\xfd\x97\xa1v\xb1\xb6\xbaQ\xbc^\xe7\xff\xed\xea\x1d\xdd\x9fS\xba*VJAM^\x99\xba\xc0\xe1\x00\xde}`\xd8\x00l\x10\xa4\xf5`\x05\xf4KQ\x9e\xefR\xdc\xc3\xda\xea&amp;\x19\x17\x8c\xc9\xad\x07\xebv\xb4\xf4|2\x16\xb9\x8d\x08\x9d\nV\x82\xefH\xd4\x94@\x14|/\x00 /x\x06\xc0\x05\xfb\xfa\x07V\x9a\x8b\x81\x89d\x07x\r&amp;\xe6+U\x1c|\xacD\xff\xd7\x89,n\xc3\x9e\x84\t\xc3wu\x8c\x81\x7fL\xf4O\xdb6l\x00\xc0~Y\xd3;\nW\x0b\x94\xbc\'\xdc\xc3\x05ff\xfaN\x15\xc3x\x04\xddz\xa5\xef)\xaa\xc2\xbb\xa0\x9f\xbd2\xbe\x15\x17\x00\x00\xb6\x05\xbc\x1bH\x84\x10D~h\xe7F\xe5\xde\xf6\x00-1\xd1{\xfd\xefR\xca\xe0\xc7c\xe0\x03\xb0\x08\x86\t\x00\x80\x88\x88\x8eW[\x00\x00Z\xe6^\xf2\xd7\xdf\xee\x93\x8cmO\xf6\xb5bX\xf2\x07k\x82S\x9c\xc3\x81\xc1\x03\x00\xc2I\xb1\xf6\x06\xf6\xcb\x1ef \xde\xfb\xb7&amp;el{\xd8\xf7\n\xef\xb5#\xc0f\xf8\xb7\xf1\xfb\xbc\x82\x07\x17\xd3\x891\x10\x00\x00\xc1\xec9\xac\x01q\x08\'\xadaB \x90\x83\x15\xf9%\x00\'\xc9%\r\x00\x85`\xf9_@\x018\xc9\x03\x00\x88\xe0\x95H\x00@0x\xd4\x12$`\xcfg\xab\x00\x08\x05\t\x00\x00 \x0e\xc6&amp;\x00H\xc9BV\x00c\xb3\x03\xfdT\xe7w\x1a~\xde\xa3M\xa9@y\x98\x98\xe9\x83\xb0\x07\x006\x05\xde\xcc\x0cV\xcc\x189\xb5\xf1\x05L\xab\xfa\xea\xb1Aw\x11\xdf\xf2\x93\x96=~gP\xd07\xdc\x95D1\xe9=\xf6\x11 \xa2\x9597\x00\x80\x03\xf8"0\xb0b\xba\xd3&amp;,l_\xaf\xc8\x10\xbf\xc0\xaa\x9e\x14\x03\xcck\xd3_\x1a:\xe5\xff[D\xec\x98\xaeUQ\x99\xe8\x02\xb5e\xd86m\xf6;\x00 \x1c\x8cj\xb0j\x98\xb9\xff\xbe\xcaHKN\xb2\xb4\xb9\xcfE\xb2\xf8V+!&amp;h\x8a\xc3VQ\xbb\xdb\x14\xcc\xdc\xca\x1e \x00\x00\xac\x06\xec\x00\x805\x93&amp;\xfa\xa7DK\x9b\x05B\x10\x97u\xf2\x92k\xe9\xfd#\x18\x915\xf6\xca?e\x1a\x89@R\xbe4\xf4\xed\xcd\x1a\xde\xa2\xe9\xbak\xd7\x16a\x93\xfcnm\x01\x00\x00\x19\xc1\xaa\tX5\xe5\x0f%\xd7=\x06\xed\xb2\xdc\x9eMB\xe6\x14\xb9\x16X\x13\xc2c6\x84\xf9bO\xf0\xe0l\xd0\xe9\x00l\x13\xec\x00l\x98=\xbc\xe3%\xeb\xa1\xe4\x99\xf6\x02^"\x9f\x18\xb7\xc6~\x87\x92w\xfd\xe1uK{\xff\x96\xe2=\x83@pO\xb0\xf8\x13\xc6;\x00\x1b\x04\t\xc0V\xa9\x1e\xaa\x96$\xd3\x17\x84%&lt;\xda^\x96S\xa5-N\x8d\xf8\xdd\xb6\x01\x90\'\xac\x9f\xb6\xde\xb2E\xbb\xf9&amp;\x90K&amp;z_vD!}\x87\x9f\x8a\x88\x89N\x16-\x08\x00\x00\x80R\x8c+\xb5\xf7\xaf-Iv\x84\xafw\r\xfd\x96{\x0f\xbe\xe2Xf\xa5`e\xd4C\xdc\x17\x7f\x0e7\xb2\x0e\xd7"\xa6\xeb\xad\xb7\xec%\xaa[]\x1b\xc7\xee\xbbymIz6\xbf\xa4q\x18\xb0i\xf6\xd9\x12\x14\xc2\xf8\xea\x1e\x00\x00X\x1f\xbb9\xaa\xe1\x16eZKH)\x0e\x11\x11]\xb8\xd6\xf7\x163\xd3\xbdy\xfa\x85\x99\xbe\x1f \xc3(\xbc6\xfe\xf7(p1\x07pM\x12V\xcf\xfaZ\'\xe4\xd5\xa0\x00\xda\x81\x16\xee\xd3\xd2d\x11D8\x02\x04\x00\x00\xa0M2\x9d\xff\xd1U\xe41%\xd7\x8a\x9c\x98\xe8\x1f\x88\x88\xe8\x1c?\x08\r#\xc4\xbb\x02\x12\x00\xf9\x9a\x85\x1b\xc7?\xfd\x0e3}j\xc3q\xc6\xd7j\x0b\xe0G\xba\xf0\x1182\x1be\xe1\xca\x0fL\xd7\x01\x00\x00\x80\xc6\xe1\xe7Lg~\xbeR\xa8\xca\x12\x13j\xc2\xc2#\xd7\x11\x8d\xcb\xff\x0b\xb1\x85\xf4WmL\xc3\xf3\xeb\xeb\x9d\x98\x02Zb,\x07\x84\x12\xabs&amp;\x9e\xfe\xc5\xa5\x10\x00\x80\xed\xd3\xc4\xa3]`\xdf\xb8\xbc\xdaR\xba~\x9c\xd7\x84G\x13\xf3Z\xb2\x18\xec\xe6z\x1f"\xa7\xfd&gt;#EK\xfe\xc5:\xe4:\x86\x92\x17\xeel\xe4\x89\xd2\xb2\x8c\x1aYG\xdb\x99\x19\xef\xfd\\\x1b&lt;|+"\x15\xfcN\x12X\x08\x00k\x05o\x01\x02\x01\x98\x0e\xc3\x8c\x1f\xba\xaf?1}\x9f|\x16\xbdXwm\xe1I(Ku\xad-\xd69u\x9e\xfe\xa2]F\xf86\xf8{\xfd\xc8\xf8zmA\x9c\xe9\xba\xac/\xd8\x059xS\xd7\xf5Iy\x91\x8e{_\xff\x7f\x8a\x0b\xe8\r\xfd\xf8%\x04\x00\x00\x00P\x18\xfd\xf1\x80[13\xd3c}\xdfb\xd1\x97\xf30\xaf\xaa\xe3\x0e\xb7,\xcac\xab:uuNU\x07\xf0\xf3\x14ZZ&gt;\x03dR\xc8\xe9\xfco\xd92\xc3\xc1\x8c\xe6\xb2&lt;\x00b\x18\x9f\xbf\xfa\x93\xc3\xaf\xaa\xcfY4x\x8c\x08\x006\x0e\x06\xf9\x960\x84\x95\xd3\x879C\xbd\xbc\xd1\xff6H\x13p\x07F\xffawm\x9cb\xcf\xa9\x03\x10\xc1!M}\x97\xd7=Bf\xfbpi\x98/\'\xbd\x18\x14\x00l\x9f2\x83\x1c\xae\xa4\x14_c\xa2k\xea\xfep\xe8\x826B\xbd\xfd\xd9\x836\xda.\x9b\x00\x84\xdd\xb5\x03\x10\xeb\x80\xa6I3B\xfd\xfc\x0f\x1eS\x06\xa0&amp;\xc23\x00\x19\x87b\x99\xb3\xa48\xb1Z\x8a3uD\xaf\xd5\xfd\xa1\x13\xff\xcf\xf9$8\xcf\xfe\xc5\xa3}T`\xe3\x88-\xbe\xf3\xf8Sc\xc3b\xaf\xcf\x07T9R\xbf\xbf1\x00\xea\xd2u\xbf\x91?\xb0\x9b \x0c\x14\x00\x00\xf6\xcc\t\x88\x98\xbe0.\x17\xa5\x9a\x14v8\xb90\xbdF\xf8&amp;\xe0hej\x17\xef\xed\xcb\x84X\xfe\x07m\xd0\x1b\x1b\xec\xcd\x99g\x8d#4\xcd\x12\xcc\xe2\x0e\x00\x1c\x02\x00u\xd9\xe7j\x1ch\x8d\xc3D\x807\x0f&amp;\xc5\xf7\xfd\xaa\xb3\xfb\xe5\xe9\xb9\xef\x9d\xf1\xc3n\xf8\xc8r\xcb\x9c\xbd\xee\x00\x80\xa2\xf4v\x08\x7f\xe2I\xac\xc7\x90\x0b\xeb\xdfkL\xa62\xd1G\x00\xd4\x05\xaf\x01m\x8d}\xaeZu\xdd\xbb0\x13\xc4\xf3Q\xf9\xd7\x94\xca\xec\x86\xfft=\x073UOm\xd9\xe3{D\xff\xa0\x0c]\x07\x7f\x12@Ruu\xd4=\xd1\xa5L\xf4\x11\x00\x00\x10\xed5\x01p\xe7V\xd0O1\xe4\xa3;\xea\x0b\xbf-\x07{p\xf8\x07\x00"\x92GM\xc5!\xd0\xec\xe8kV0\x00\xb6\x0f\x92\xefU\x90tg\x16\x00g\xc4\xc0]Y\xbf7\xfd\xc9\x14\xebc\xf9\x7fU\xf0\xf0\xb5\xb2e{\xed\x87L\'\'\xb8\xbb\xa4\xf4\xe3\x11*\x05\x00H\xe0\x08\xd0*\x80\xefv\x01\x8bI\xe9q\x89\xda\x11\xd9o\x8eC\x12W|D1\x9f\xact\x95\x1bE\xec\xba\x7f\x15~&gt;\x12~\x12\x00\x00@r\xce7\xfc\xc0\xc2\xf7\x82\xe5\x033Y]Vx\xfe\xa75y\x1aE9\xfaUL]\x8d\x1f\x80lY6\x05\x9e\x9d&gt;\x9a\x7fM/\x00`\xd7`\x07\x00$\xe4\x13\xfd\xff\xf1\xf0\x16~\x04Z:\x98\xe8\xdb\xb5e\x08G\x8c!\xba\x8e:\xa2\x84/\x1e\xcdM\xa3\xc2\xb5\xaa\xb7\xee\xb2D\xd7-Za\x13\xbb\x9d\xc6\xeeh@\xb6`\xc4oF\xe1i\xcc\xda\xdf\xd4\xb9P$ri\x00\x00\x00\x12\xafK\xbe\xf4\xbb\xa2i\xc6\x1e\xcc\xad J\xb63\xf5\xacv\xa9_\xbb\xfc\xdfL\x94P{G\xc2To+\xfa\x19(\xb3\x83\xb7$C\xb5\xda[\xeb\x0e\x7f\x0e\xdd\xf7$\xf1W\xdb\x08\xf5n\xf2\xe1\xc6\xa743\xb4\x01\x00\xbe\xacyI\x034\xc7\xf8\xb02\x0f\xef\xf5Oe`x\x0c\xda\x97\xac\x1a\xf3\x08\xa1w\xff\x84\xc0\x05\x89?B\xe3\x93\x98+x7e\xffuo5\x9e\x00\x9e\x89\xe1\xa0+x\x06\r|x\xc5\xfe\xc1\x1b/~1\xba\xa7YN\xc3\x7f\r\xf6\x0c\x00\xd0\x83#@ \x03\xdc\xbf\x87;\xe1\xc4\x809\xc6\x8b?\xcf\\\xfeBwt\x02\x99%i\x1cf\xfe\x88\xb8\xbe\xda\x7f\x99rE\x81\x1c\x18"\xff\xca}\xe7r\x1ch)\xb0\xdd+\xc3\xd7 \x8c\xbfS\xd7\xd1s\xacw\xb8\x17.%\xff\xd0?\x00\x00\x80\x91\xda\x87\x07\x9c8IKGS\xd6\x88\xf98\x01\xe8Iu\xdc\x02ha\xc2\x106\xe2\xa8\x99+\x121\xd1U\xbd\x0b\xbf\xc7\xa8|\xe8\x1f\x00\x00\xc0D\xf3\xb3B\x9ah\xb5\xf9ff\x05\xa1\xff\x02l\xf8\x07\xe2\x812\xad0\xd3\x0b\x0b(\x87\x89.\x9f\xbf\x16\x00\x00\x00 \x11\x89b\xd6=\x87 B\xdc\x8f\xd0\x1f\xb4KS\xc6Y\xc0c\\\x91\x88\xe9\xcb{vM\x00\x00W\xe0&amp;@1X\xf8\xae\x80\x84ez\xdap\xca\xc3\x18{\x1e&gt;\x88\xfe}AXV\x98^\xe1\xbf[[\x8c\x920\x11\xd3[ai\x00\x80\x05:b\xae\xfd\xb0\x17\xd8\x0f\xe9_\xd9!\xbf\xef\xc2\xe7\x16J\xf5\x98#\xdeC\x02\\H\xfej,`a\xd4659&lt;\x1d\xdfq\x14T\xf2\xc1!5\xd8j\x00@C\x1c\x01/\x01\n\x92\xde\xda\xd4\xf7]\x1c\xb0-\x80\x1d\xdeN\x93(\xfa_\xc3{]L\xf4Z\xba\x9a\xdb\x95 \n\xec\x94\x94D\xd0vr\x9f\xb3\x8a\x8e\xac5\xaf\xafB9\x00\x00\x00\xb6I\xb9\xd7\xad\xac\xfc\xbd.L\xc4ti\x1c\xe3)\x01\x9e\x93.I\xa6\x81\xb9\x86\xe7\xdd\xeb\xca\xb6^g\x08\x00\x00M\x00\x1f\x1aG\xa9\xb3\xe9\xcb\xd1\xc0_5&gt;#^G\x08\x95Z\x96\x13\x00\x0f\xf2\xa4\xe5x\x97+\x00\x00\x80\xbc`vY\x0b\x0b=\xc5\xd3\xdb\xb2[\xed\xd3\xfb\x8f\xb2\xb5*!\x00M\xb0\xcf7\xde\xee\xaa\xb1\x00\xec\x8b\xe0\xe1\r\xbf\xb0W\xf65\xff\xc5\x81\xaf\xcb\x01`3\xecn,\x87\xb9/8=\x00V\xc0\x11n\x83t~\x11\xbe\x83}\xa7lz\xf9+C\xcbn\xb9\xc6\x81\xc2t\xf4\n\xa5\x06 7]\x17\xfa|-33\x9dz\x85\xc3*\xea\x85B+l/\x00;",\x9c{\x00\x1e\x1c\xdc-\xe8z/V\xb8\x12\x86\xb7\xfb\xaf\x86\x15Z\xd7\x1e\xd9\xe1\x93\x03;&lt;+\x05\xc0\xfa\x08\x1b\xa2\xbb\xf2e\xc0\x0e,a\xf3\xbc\xbd\xb6\x00@\x0b\xfcp\x12\n\xe8po=\x85\x04\x00\x80\x15\x80!\n\xe2\xb8\x12L\xa8\x0c{\x8b!\xf2q\x9b\x14\x85\xb4\xd0\x170\x89x\xec:\xfc|\xd2\x8a\xf6\x03\xbe&amp;\x1c\x80mr\x0b\xa2s\xd6\x96\x01\x80M\x12\xbc#W\xb2\xba\x84\x94\x0ca\x87\xd71\xe5\x8aK\xca+\xb3z\xf75N\xa4~\xb6\xad\xde\x13\xe6,\x1c\xcf\x01\x03\xb0\x02\xfc\x86\xe8\xfe\xce2\x02\xb0a\xea\x8e\xe5&gt;J\xf8\xa7r\xd5\xa9?d*\xdf\xebO \x1f\xee\xe6\xbd\xb7I\xed\xd7\xb5\x05\x00\x00\xd4\xc67\x9aG\x02\x00\x80\x0c\x86C0\xed\xab\xee2)\n\xa9u\x16\xa2q\xddf\xc7g\xb6J\xa5+m9\xed\xdb9\x00`\x7f\xf8\x06\xf4x\xb2\x07\x80\x91\xf7K\xdf\x0c\xda\xec\xb8hY\xb6fI\xdb\xa7\xc5\xf5\x0fG]|\xb9\xca09\xf6\xe9\xdf=\xcb\xc8\x00\x00\x00\xae\x1c|V\xe3\x11\x0c\xf6\x1c\xc0DC\x96\xc0j\x02\xd0\x90l#H\xda\x83h\xbaO\x97\xc0;X\x88\xfa\xfd\xedk4\x90\x00\xac\xd2\x84\x00\x00[G\x8e`JW\xee|!|(\xe89Uc\x960Yf\xb3\xa7\xe3\xa4\x14e\xf7A\xa1\x0f\xabM\x00\x10\xfdKD\xa8\xe2\xbf\xdc\x87\xccN\xde{\xb3\xce\x11\x01\x00\x98S/jy\xa1g\xa5p:\xdbGHGW\x077,\xfc!\x90\x1d\xc4\xbbW\x03\xf2\x00\x0b\xa3C\xae\xfd\x88\xf6Fz*\xfc\x1dY\x9e\x93\xe36\xd4eg\x0fm\x04`\x1fT\nY63\xb5\x80\x944\x1cC/\xd2r\x02p\xe0)\x19W(\x9fM\xf4?yJ\xde\x1b\xc2\x81\xcc\xca\x1bJ\xab&gt;\x045\xb2v\xf9\x01\x00 \x17o\xad\xf2\x80\x1a\x9c2\x981\x04\xd0\r\xc7\xd0\x16\x0e\xc2_\xade\xe1[\x96\r(T\x1f\x08\'?\x88\x01\xb3\x01\x00\x00\x00\x00\xd0\xc3|\x89u\xa6.\x9b\xc3\x12\xb3\xae+\x9c\xfd\\m\x01\xb6\xc4\x8a\xfa\x1d\x00\x00\x00\x00\xe5\xf8\xdf\xda\x02\x80hl\x0f5\xad+\xfa\x07\xa9\xb8u\x1b\x0f\xe8\xe7;\xd3\xf5@\x0f\x19\x00\x00\xa0\r\xe0\x8f\xc0\x1cXE\x12\xaaG&lt;\x85Y&lt;B\xb6+m\x80\x816\x1e\xce\x99\x9e\x11J/\x89\xeb{\x8a\xe8S\xda\x87:.A\xab=x\t\x00\x00U\xd8[\x80U\x86\xea\xcf&gt;n\x03\xe5\xfb=\xf6\xa0\xcf\x16VyA\x83\xb4`\x15/\x97\x13\x80\xb4"9\'\x00zo\xb0\xee\x87\xaf\x00\x00\xab\xa3\x05\xa7\x1c\x03\xdce&gt;\xa0\xd8H\xc4w\xc8 ,\x06\xc0\x85\xdccd\x8a\xfe\xff\xa4\x0f\xb8\xbf\xb9X\xe3G2\x88qWS\x02\xc0\xcc\xf4!8\n\x00@fZ\xd8\x93\x8dcWA\xd5\xae\x1a\xbb\x01\xd4\t\xbe\x8e\x14{\xc74j\xae\x8b\x01\xb5\xc4\xe7k\x0b\x90\x17\xe7g\x12J\x18\xc9\xc7X\x02\x96\t\x00\xc8\xcb\xfa\x1d\xcd\xda\xe5\xf7a\xf5\x9d\xd52Lt\xee\xda2\x802&lt;\x7fO\'\xb2\x80\x11\xb7\xf5\xaf\xdc\xef\x80\x9av\x08\x91\x00\x00\x00Jrdm\x01"\x81\x97\x04\xf10\xfd\t\x0ci?\xec*\xba\xdaOK\x03\xa8\xae\x1c5\xee\x97\x9fO($C\x03z\x00\x00\x80\xd2&lt;\xac\xb6\x00e\x80\x8b\xdf\x1b\xe8n\xd0\x03K\xe8Q|`\x13.Q\x1f\xfe\x97^\xfe\xbfH\x0b\xaa\x00\x00\x14&amp;\xeb\xb0_\x85OY\x85\x90"L\xf4\x92\x90\xbb\xb0\xa7\x0c\x9c\x80\x91l\x0cth\x8f\xf0\xee\x9dV\xce\xd8X\xa2\xff\xea\xb2\x01\x00\x00h\x8a\xeb\x86\xcd\r\xcc\xcc\xf4\x97\x98T\xd6\xccW\x10\x16\x00\x10\x0c\x93\x1ag\xd7G\x17\xfd\x13\x12\x00\x00\xc06\xf8Xm\x01@\x0ff\x94\xb5\x83\x1e\x04\xeb\xe5\xd2K\x17|+\xb3\x00\xe5\xcf\xd6\xbb\xa0\x9c\xfb\'\xa2\xdf\xc9\x99\x00\xbc O\xb1\x00\x00\x00\xda\xc54\xa345\x1d\x82\x9d\xc3\xc2\x7f\xc1fp|\xd5f\xf6o\x00\xc8\\~\x18\xb3\x87\x13re)\xad%?\x00\x00"\xa2#\x1c\xae\xc1\xd0\x15\x816\xbc\xb0\xa8\xab+\'\xc5\xbahn\xb1p?\x14\xb6\xc9\xbe\xa3\x1fZ\xb6\xd2=q\xda\xc5+\x9e\xe7\x19\x9d\x86\r\xcc6}]\xa7\n\xd6QNQ\xe1\xd3\x00X\x1fO\xad-@;4\xf2\x08\x17\xd84\xf7/\xfa&amp;\xbe\xc31\x80k\xc1\xaa\xcb\x03g\x92\x15\'\xf5\ng`v\x0b\xe3m\r\x00\x00`\x03\xdf\x93\xb2G^\xccD\xb7KW\x9c\xa3\xfd|\xb6\xcc7F\xe1\x0b\x80\xc0\xde\xf9+X&gt;\xd3\x1d\xab\xbc\x02h\xe7j\x07\x00\xac\x87\xa6^\xe3\x00\x8a\x90&lt;2\xf6*\xadp\x02\x00vN\xbf\x0c\xfc\xe4\xdab$\x04\xc1\xbd\x0b1\xd1\x7f\x8c\x86\xd15\x00\x80u\x80Pi\x87\xec\xe0x\x00\xd6\xfe\xc1\x01\xf1\x9d0+\xa57\xe6\xcb\x10M\x0e\x1b\xe6\x9d\r\x8b\xb5\xdc\xa7\xa8 \x00\x00\x90\x8f\xd9K\xd3\x00h\x87\xeb\xd6\x16\x00l\x80\xb5\xfb7\x16\xff\xe1l[~L\xbau\xd79\xba\x06\x00\xd0:mN\'\x17\xa9-\x00(LS\xe6\x076\xc7\x8a\xa3\xff\x1e&amp;\xba\xc1\xf8s\xf6|\xa6\xad\xe9\xa0\n\x91\xcd\xdf\xb9\xf6\x00\x00\xcd\xd3\xea\xf2?\xa6\x9f]\xd1\xe67\n\x01\xb0W\xfe\x0f\x83\x11\t\x00\x00k\xc5\xe5{\x00v\x0b\x13\xfd\xab\xfa\xd9\xdd*\xc8\xb1\x060\x11\x96 \xef{\xba\x01\x00\xe4\xb3\xae\x7f\x9c~4\xae\xcb\xf5IG\xa4R\x0b\x7f\xe3\xa4\xa5\x01\x00@uZ\\\xfe\xa7f^\xde\xcc\xcc\xfc\xec\xe6\x94\x03\x00\x00~\xf8\x87\xc5\xfc\x9b&amp;\x9c\xb0#\x87W\xfe7r\xa2\x15o\xd4\x00\x00\xb4O\x93\xefHf\xfe\xfd\x16\x1c\xe8Y\xebO$k\x03\xea\x02\xa0I\xd8\xf7\xa0]\x83\x0bC\x16\xa4\xe8\x9f\x99\xe9x\xd5\x13\x80\x15i\x0f\x00\x00\xb2\xc3\xcc|\x95\xe5y\x05\xdes\xa5\xa4\xea\xb53$*\x07\x000\xb2\xe8WW\xebuYC\xad\xe6|\xbb\x81-\x08\x00\x00h\x0b|\xe1\x00p\x03\xd3\'\x00\x85\xa92\xe8\xd2T\xaa\x8b\xff\xfb\x92\xaf\x18_\xb8\xaf\x84-\x9cA\x02\x00\x80\xa6\xe0\x9d%\x007\xab-\xc0z\xc1\xf4\t\xc0\xe6I\xf5\xac\xd7\xdb\xf5\t@\x9a\xc2}\x0bi\xe2!\x04\x00\x00h\x07~\x92\xb46\x03\x80\x05&amp;z#\x11\x11\xdd\xb7\xb2 \xe0\x80\xf8]T\x00\xa4"\x899Y\xa2\xff\xd2\t@\xf5\x03H\x00\x00\xd0\x14\xca\xfb\x19\x00\xb0\xc3D\xffV[\x06 \x82\x80\x064\x8c&amp;\xfa\xaf,G%\x01\x00\x00x\xa9xs\x1c\\bGD\xdd\x86{\x87a{\x00\x80M\xd3\xa0\x97c\xa2\xae\x9fc\xba\xba\xf3\xcb\x10\xfbW\x16\x03\x00\x00\x9a\x01\xeb" \x0c\xd8\x0c\x00\xed\x80\xbd \x00\x00\x00~\xecs\xda\x98\xb7\x1ag\xa9}@\xd2\xb8e6\xdf\xb9\x9bo \x00\x00\xb4\xc5\x11\xb5\x05\x00sv\xbb%:\x0b\x02\x10\xff\xbb\xb3[\xab\xd9\x05\x8b\xbd\xbb\xf6\xa1\x12c\xbe\xe7O&amp;E\x05^\xd0\xef\xfa"\x81\x07\x00\x00\xb0[\x94 \x06\xaf\x89\xc8\xc7\xfc\xed\x1f-(\xf9\xab)\ni\xa1!\xa5\xf1\x1f)\x85\x87\xd5ks\x16~\xdb\xe8\x12j9\x19\x96\x1f\x87\xdd\xa3\xe9\x02\x00\x00\xd8\x18a\x93\x19\x12\x80\x12\x08\x8amJ\xbdi\xbe\xea(\xbe\x90\xd5\xe1\xf9\xe0\x103\xf3\xbf\x95\x1aY\x83l\xbfJRX\x8aB\xd42\xab:\x99\x9d$\x00\x17\xae-\x00\x00 #\xdb\xf6_\xa0&lt;I\x9e\x87\x86M\xea\x98\xa2\x8d\xff\xae,Iz\x9e%\xfc\x9c\xeaK\x8e\xda\xe7\xf8\xd6\xbf^\x95\x88\x89\x8e\xee\x7f)\x1bq\xa6\xad+\x93\xcc5-\xa4\x81\x97r\xd6\x81\x99\xe9v\xfbj2\x00\x00\x80E\xfe&lt;\xc5d\xbf\xf9u5`G\xfc\xaa\xa3\xdd2\x9d3\xa1S\xc8\xdf4R"\xe2L\xfeZ\xb3z\xc7u\xee\xc4D\xcf\xcdPp\xe1\x1d\x80\xf8Z\x8e\xeb_\xc8\xfc\xf9.8g\x00\x00X7\r;\xf1\xb3c\x8e\x01\xad\x1ds\xaa\x01\x1b)S}R\xfdW;\xab\x93o\xff\xe1\xd0\x17w_\x8b\x952}\xc1\xef\x81\x13]\xb6\xb9\xfbQ\t\x00\x00+\xa7e?\xce\xb7uO\x00\xb0"\x05\xb6\x8a)\xfa\xdf\xd9\x99\x9382f\x92/]Ww|\xc8oWm\x1f\x0f9\x00\x00\x00\x88"\xed,\xe81\xeb`\x96Z\t\x8fl\xb8\x83\xbc\x04+hi\xfa\xd0\xbfY5\xb6\xc9\x9bsjl]\xdd\x11\x9c\x00\x00\x00\x00\x00\x12\xe63\n\xd2q\x05\xbf)\xc4|\x17\xcb?\xffB\x94aU31h\n&amp;z\xa6\xcbRq\xf1\x90h~\xf4\x9f\x89\x9e^\xaav\xb01\xde\xea\x95\xb1`\xbb\t\x00\x00\x80\x0e\xa7\xe0\xdf\x90\x12,L*\xfa\xe8_\x8e\xf2\x85\x9f\xf7\x9e\x00\xec\xb6\xe1\xa9`b\x16\xac\xc8\xa4O1\xa7-\'\x9b\xc8\xbd\x10\x8d\x81b\xec\xdd\xaf\x02\xb0)0\x92A\x02""\x7f9\r\xf0\xafu\xb0\xe1\xb1\x844\xef(\\\xf3&lt;\xb7^\xc9[A\xb6Ic\x0e\xf0\xcc\n\xd1?\x11]Q\x19o\x86\xcb\x98\xb1X\x0b\\q&lt;\x0b\x04\xdf\x02\xc0fXq\x94\x03\x1a U\xe0\xaf\x8f\xb7\x16,S\xbc\xc5!\x1e\xf2n\xd5j\x87\xc6z%o\x06\xe6\x0b\xb1\xf0\x15\xcb\x87\x9f\xdf\xa0\xbb\xb0\x82\xaa%k\x7f\x89^\x80\xc3_\x91\x00\x00\'\xf00\t\x00;c\xcdQ\x0e\xa8L\x86\xe0_\x89\xe3\x9d\x12\x80\x87%H\x00\xd4\xb7\xda\xc9\xe5\xacm\x8c \xecK\x83`\x00\xcct\x9b\x86\xcc\xc0\xc5\xdag\x83\xa8\x15\xe1\x1b\x00\xaa\xd0\xd2\x90\x85\x03\x00\xd2\xa2\x1b\xde\xe1\t\x00&lt;E\x0c\xbc\xe6(M\r\xb8\x8d\x11|L\xf4\xef\xa2\x9c)\x00\x8aH\x00\xd48i\xf5\x84(!i\xfd[Rf\x9b8\x98:\xd3\x95\x95\x8eh\xadS.S\xaf\xea\xbf\xabWu]\x98\xfe\xc0n\x06\xa7.$\x08\x00\xa0,\xadM\x00{&amp;4Z\xad\x8d1^W^N\xa276\xa6\x93\xf8\xe4\x00A\xd2Y\xed\xbc\xcf+\xee"~r9\xf7|#/|\x9eDyH\xed|\x06\t@v\x96\x07\x08^\x0f\n$\x0eN\xf5\xba\xf5\x1d\x1d\x00\x00\xec\x1bk\xa0\xdc&amp;\x96H\xdd\xa3\x15\x1e\x19@\xe2\xb9j(S&gt;\xdb\x93\xa7.o\x04\xd9&gt;\x19m\x15U\xdb\xf2A&amp;:mM\x01&lt;hg\xf4\xa5v\x05\xebs/ \'mx9\x00\x00\x00+\xc3\x16\xa3\xfbO*&gt;\t@\xba\x19K\x93W\xb4\x97\x00\xe4\xfc\x8e\xd2"\xacb\xe1y\x10/\x81\xa8IZ\x9aCc%;\xa2\xf1\xee.O\x83\n9*\xc8\xcc\xae\x98E\x16\x00\x00\xd87\xcf\xac-\x80\x13\x0e1z\x08\xaftO\x02\xfaZ\xa2\x03\xf43\x1b\x12\x80f\xd6\xc6\xda\x8f\x9bM\xbcv\xf8\x81\x9f\xe1\xd1S\xb5\xda;\xbd\xdb\'"\xc3\xe45\x9c\xb1\x19\xc5\xcb\x9aU6\xae\x040"\x9a\x81\xc3\nK\x13\x07#\x01\x00`k\xacc\xd6\\\n\xfd\xe3\x9b\xc0\x8b\xb5$\xaa\xd1^N#\xdd\xc1D\xf7\xa8-C\x00rB\xe5xO\xf5\xe8\xf9\xfd\x81\x165Y\xd1\xdbZ\xb0\x99Ero+\xd5\xeeG\xe0\xc6\xc1h\xdf\xe2\xe8W\xdb\xcfo\x01\x00\x13]\xdc\xed\x875\xd0\xee\xd4D\xdf\x8d,j\xf3p\xb4\xb6W\x81mY\xbc\xebNN\xf4?%jR\xeb\r\xd1\xbcR~\'\xfc\xaf\r\x86\xd1w\x90\xa8\x1d\xc1\x1c`\xf6W&amp;3\x07ve]DC\xea\xda2!\x13;qV\xb9\xe9\xfb}\xd5\x9a&lt;\x98\xae\xd6\xd7\xaeq0\x02\x00F\x8e\x88\xb9yt\n\xfc\x9d\x04\xa2\x80\r`\x8a\xc9\xbb\xae\x9f-\x92E\xffD\xd4u\xae\x13P\xba\x95\xe3\x86&amp;\xbc\x99\xaa\x0b/\xbc\xa5\xda\xcfq\xc7\xb9\xbf\xdbBQ\xd1*\x9a\xb0\n!k\xe1f\xf6\xcc\xc3q\x98\xb01\xf2\xb4\xa0\xbb\x92\xd3\r\xff\xb4\x98\x9a\x86}\x00\x00V@T\x02\xb0\xd2\t\xb9\x12\xfbUU\xceU\xcf\x7ft\xbd\xf0\xbf\xbc\x8bV\x8d\xdb\xc9\xd8Km\x82\x8b\xe1\x7f\x85\xa9v\\\xd4\x0e}\xe0o\x1d\x0b\xe1)\x10zg\xa3\xee\x92\x89\xee\xefp\x8d\xe3\x87\x8d\xe3\x96\xf6\x8a\x9b&gt;\x81\xad\xbc\xad\xa5\xf4\xe2\x11\xb6\xa9.\xadA\xbfn\x95\x1d\x0b\x00\x08\x02\xcf\xfd\xb4\xc9\x8f\x0b\xd7\x97\xf3\xdc\xbf\x7f\xad\x8a\x0c\xe1&amp;\xeaq\xa3\xd0\xe4\xac\xcc\x9b\xc6D\xef\x88/\xd6\xf92\xaf&gt;\xdd\xf9r \x97\xb2\x8a`\x98\x9e\xcb\xc4L\xef\xf6\x97\xd0i\x98_\xcb`\x03\xcd*\xc4\x04;\xbe)5\xaf\xf7+\xfe(\xb9\xc1\xab\xdb\xee($\x19\x00 \x82c\xcb\xbf\x86\x1d\xfd\xec\xa8\x0b}-\xc6NV\x01\xebp\xe2\x92\x95E\xc77&lt;\x1c\x0b\xf74\x89\xcemC&gt;\xdc\xd4&lt;\xee\xebJ\xd8\xf4L\xd3\x87\xfa.\x1b]\xb2\xa3\xe0\x9e\xed\xdb\xfd(\xf7|H\x83\x7f\xc5\xf4;\x1e;$\xd1G\x8c\xf8\xf0\x9f\xee\xf3\xee7\xf4\xb5\xc8\x96h\xec\xe8\xd7,^\xb1\x06\xfa\x07n\xa8\xf3nB\xea&amp;7\xf0\xcc\xcf\xd2\xde\xbf\xbbl\xab6\t\x006\xc27\x88\x08\x89\xfb\xb6`\xa2{\x13\x99\x0f\xe6\'\xad\xcb\xb8\xf4n\xda\xfd\x97\xfe$\\\x7fj_i\xad+\xff\x1e\xabV\xa9(\xba\xddA\xbfHx\x1e \xdf+_\xf6\xcc\x1f\r?\\\xc0\xe5jO[eN\xb6\x1e\x1cT\x824\xb8&gt;b+\\\xe3\r6k\x18\xd7X\xf0~\xeb\xe2\x939\xbd\xe8\x06\xf4\x03\xc0F\xc0h\xdc\x10\xfd\xf4s\xd6B\x81\xaf1\xe6\xd6\xbd@S\xb9@\x9e]\xa2\xce!,\x92\xa8\xb9u\xd05\'m\x8b\xbe\x91\xb44\xd0\xe3\xd3M\xde\x86Z\xd9\xa4\x1d\xa5\x1d.;]\x01\x91\x1a\xe0\x9f6t\xf2-\xab\xff\xdc\x86\x8a\x00X%\xf1\xbbo\x9c\xa8\x1c\x90\x1c\x16\xce\xc7d\xef \xcb\xdc\xa0&gt;\x04,_\xaa\x1c\xe1\xf1\x7f\xb0\xdc{VZ\xef\xb3\xeb\xf3\xa6\xe6\x7f\xad$\x06x$\xcc\xec\xd5M\x1cx\x16\xaeu\xb6mH\x96\xa3,\x1f\':\x7fQYR\xd3\xbb\x9d&lt;\xae\x06G\x80\x00\xa8\xc6\xb1\x97/\xb1\xb3m\xaf\xben:\xe1\xbf\x95\x85\x98\xf8\xda&lt;\x86\x1d\xae\t\x99\x0b\xdaY\xd3/1\x12\xba\xae\x9b5\x19c\xafi\x0e\x9d\xe5b\xdbb\xbfn\xb0W7\xd8\xa4\x01\x8b\x0f\xea\xd3\xbfu\x87\xb99WLZq\xdf\x00\xec\x90\xa8\xd7\x80\x12\x86\xaf\xc4\x96\x94\xe1\xfb\xd6\x0e\xe3\x9fX\xfa\x7f\xe63j\xaf\xea\x88:\xea,/\x9cNFw\x9e\x8ce\xe7+Z[K\xce\xb6\xf4p\x1b\x07\x19\xeaK\x10\x8c\xeb\x13\x9b\xc2q\xae\x15\x87\x8a@\xa6\x99\xe5\x89f\x89\x8d@\x00\x00\xc1\xc4\x0e\xbf\xae\xdb\xdeVu0\x1b\xd3\xc3\xbc9\x86\x06:\x1d\r\xed\x88\xf4\x81\xdc\xf0]9\xa5"\xcdOe*\xb7\\\xefO\x03.W[&amp;\x84\xfc\x8d\xe9\xe1\x15\xb2\x81\x872\xbf`\xd5Q\xd4\xe1\xfb\xea\x96\xcc\xa3\xbbq7\xa6\xc0k\xfd\x92\x84&amp;\x92\xc5\x1a\x94X\xb9\xb0\xb3\x8dg\xd6ol@\x00\x00 \x00IDAT\x9c\x00\x00\x00\xac\x08\x97\xe7n\xd9~\x19=\xca\xf5\x05\xdb\x01\xb5\xabumb\x8e\x14\x14\x1bU\xccb\xd0&amp;\xea\xedZ\x15\xdej\xb2\xdb\x98r\x85l\xe4\xa57#\x91\xafW\xe2C\t\x89\xbf\x81\x84\x99\x99\xeek|\xad\x82\x9b\xc0\x05\x17\\\x00\x00\xad\xb2\x96u&amp;&amp;\xc6VC\x9b\xf0\xe2\x04\xd7u\x9d\xe3Y}\xffg\x1f\xdd\xca\x9d\xcb\x93\x8bB\x87}9\xcdcy&lt;\xc8k,d\xd4o\xf7\x19\xa2\xff \xbau\xca\xd6\xbd\x9d\xf9\xf2\xb6\xdaq"f]l\xa9\xbf\x0e\x86\x1f\xfa46\x0f\xa5\x10\x05:\x1c\xc5\xafu\x82Pj\x99\xa2\x13t\xa8\x8b\x85\x8e\xdaFg\x01\x00B\x88~\x08\xb8\x10\xc1\xdf5\x06\xa6)#O\xf9n_\xc4\xf5Y\xa2s\xba\x15\xe6E\xa0Q\xe4\x0b\xd3\x0bM\xa8\x9d\xf2\xff\xde\xf0\xf0\xdc\x85[u\xfde_\r\xadM+A\x1f\xb5L]!w\n3\xb7\xfb\xbe\xa6u?\xd3\t\\\x18\x1e\xde\x08\xef\xe8\x88\xbd\xc6\xe9I\xa9!\x858\x1c\x94\x14\xf8)\xd1\t\xfb\x9f\xba\xae\x1bV\x04\x1c\xc7\xb3\xf4\x7f\x00\x80}\xb2\xa2Gp\xe0\xad\x02\xc8\x1d\xfd\x13\r\x87\x9c\x0f\'\x98M\x9c\xcb\xb50\xe7j\x0f\x1b\xde!l \x97\xec\x8e*\xb3!v8\xc1\xde\x07"gJ_\xfe!\t8\x1c2\x1a;&amp;\xc79\xad+\x9a\xff\xf4\x08\xe7BzA\xa9U\x1b\x92\xce\xda\x15\x17R&lt;\n\xbf\xf6C&amp;\x8b\x1em\xe9\xf6\xf9O\x1e|]\xbc\xdd\xb0\xd1wB\xa9\xbeq\xa0:\xc9\x16\xb9m\x98\xea\xbb\xe7\x00\x00\x00\xa4&amp;s\x10pgS\xb1\x9a3\xf7\xe3\xfb\x7f\\\x0e\xe8\xbb\xe2TZ\x8a\x8a\x00\x8d\xda~W\xea/\x01e\xe6\xef\xcb\xdf\x04\'\xfe5i]\x16\xceA\xc4DOt\xb8R4\xe9x\xf1\x92GQ3#\xafi\xe7\xd5cD&amp;fzEE\x01N\x11\xfa\\\x93\x85\x9b\x121\xfd\xc4\xab\xc0\x8b\t\xc9X\xd4\xf8\xd2yQ8R\x00V\x0c\x96\xd5\xb7\xc9\x18K\xe5\xff\xa2(}\xbd#\x83\x00NQ\xb7\xf3"Vl\x0c_X-\xabf\xb2%J\xfe\x1c\xce\xb0\x010\xfc^\xef\xcc\xcf\xfcT\xcf\xecD;3\xa7\xb3\x1ca\x84\xa6j2\x93\xbcu\xb2V#\x1fN\xbdD\x96\xb2\xf8|K~ZxtM\xf7,\x81\xff\xd3\x1aZ\x87\xdb}\x80\xe8b+40\x00\x00\x11\x11\x1d\x81$~\x8b\xa8\xef\x88\xa8#\xc5\x01\xd7\xef#\xf3\x99\x8eBe\x91*J\xae\x16\x97%\xb1\xd5\x1d\x8d\xc8*\xaa\xf4\x1cB\xd5\x13\xffJ\xd5g\xa0g\xcf/q{\xa1gD\xad\xd1\x85)\x1a\xbcd\xca\xe2Ka\x1e\x1e^c\xa7\xd0\xf7\x8a,JQ\x9bN\xfe\'~\x1e\xcd\xc5\x12\x94\x01\x00\xa8\x88\xcf\x04\x8f]\xbfu\xc0tBq\xdb\xb7X\x97\xfd\xafu\x83x\xf1X\x8e\xa3\x9c\x0b\xe5\xb8\x93\xae\xe1L\x0fv\x90\x9f\x99\x98?\xbb\xb2At\xc3\xe1\x8c\xfe*\xde\xa0\x1a)\xe40^\n\x9cr\xceU\xfe\xfa\x8fg\x18\x85gf\xa6o\xaf\xb6]\xab&amp;\xcac\x03\x00V\x8f8\xe61\xf2[\xa6\xd6\x01\xdc\xc5\xb9\xc1\x12\x8b\x97{\x00@\xa84\x15.E]\xb6FJ\x16\xcf\xef\x8d\x8f\x96\xd2\x7f\xb7/v\x8cn\x99~6\x84\xfe\xab|\xcc\x91\x89\x98\xbe\xc5t\xda\xd5I\xee\xc8\x1a;e3\xc8C\xe3_\x99\xe8u\xb5E\x02\x00\xd4\xa1\x98\x17&gt;\x15\x9c~\x10u4v\x08\xac\xcd]\xd6N\xf4\x9f4\x01X/w7\xfeE\xed\xc7=\xa8kl\xf2\xea\xf24\xa2\xa3\x06\xab\xf6\xd9L\xcb+\x92\x13UdX[\xe7V&amp;SJ\x8c^\x00`\xc5\x94\x18\xc0\xc3\x94\x06V@@\x02\x80\xe8?\x88$\xf231\xd3\xcdm{5)j\x91k\\\xc7\x94\xff@g9\xefC\xefm![p\x1cSJFW@f&amp;\xfa\x03\xeb_k%\x00;\xc7\xcf\xf1^\xfb\xe0\xd5\x7f^O\x06\x00\xc0\x1e\xb9hm\x01\x803&gt;\t\x80w^\x97*\xf4_{\xf4\x9f\xac\x15\xc3\xe1~\xf5\xfd\x80\x8bqdhu5\xa7|\xdfz\xaf\xe6T\xa8&amp;\xb1\xac\xd0@W\x19\xcam\xe9L\xc2|n\xed\xc3m\x9b\xf8\x1a*:\x11\x00\x00\x80\x8d\xbf\xbd\xdbR\x08\x12\x1c\'\xa5\x89\xfe70\x93\xa5l\x0b\xb3\x94K\x08\xd1\x7f\xb5\xb8-S\xd6\x91\xbe9f\x1b+McF\xfe\x96\xea\n\xd9\x10\xd5{\x13\x00\xb0M\xea\xbf\xa5\x0cx\xd2O\x06\xadv\xdc0\xdb[\xde\x19\xcf\x87o\xad?1\xd1\xff\x0b):\x8e\xaa\xef\x9aL\xc6\xa0CJa\t\x8aE\x8dZ\xde\x80\xa2&amp;\x9b\xc9\xd1\xef&amp;\x8b,oc\xa2$\xddu\x88^]\xb9\xef$yV\xfau\x04M\xc0\xc2\xe8\x84\x0e\x01\x00)9\xa2\xb6\x00i\xd9\xc3bI\xb3\xd3\x80\xb4\xd6g\xe9\x86\xe1K\xeb\xbd\xa2\xff4\x1d[Ow\xa9,3\x87y\xcf_\x10\x1e\xff\x02\xf5|\xc3\xf0\xc9\x01Rd\n\xc8\x1b\xcd%_][\x80\xc3\x18?\xd0\x86\xcbb\xa2g\xd4\x96!\x80.\xc1X\x04\x00\x80\x8d\xd3\xca\xf6\xf7ZH\xac\xa8\xdcg!\x16\xcf\xf6\xb8\xe0\xd7\xe4\x8b\xa6S\xd1URi\x83\xc7\x83\xfbm\x9f\xacHk]B^\xf9\xef\xbe\x07\x97\xf3:\x84Ke6{g\xda7\x89j\xf4\x9a\xf9\x0b(\'#\x98v\x01\x00\x95\x90f\xdf;\xc1\x13\xb9\x90XK\t\x02n\xcf\xc2\x03H"LmV\xd1\x9cG\x0f]\x9f"\x04\xff+\x9eJk\xae\xd5\xf9\xcc\xacdK\xab\x04p%j\xdc\xde\xf0\xaf-\xc0\x1cfV\xde\x9f\x0b\x00X\x01\xdb\xd8\\\xfc5\xf3\xb1\xc6_\x8a\x1f9m\xfbP~)L\xf3k\xd0y\xe8\xcf\x10\x9d\xcb\xa1lo\xb6\xf5\x00\xc0Z\xda\xc2)\x0e\x14uDt\x88\xfe\x1bk\xb8b\x9d)\xfa\xe5P\xa4\xe5A\x9a\xa4\xcc\x9f\xfa\x88\xef\xb2\xe5J\x99\x0b\xf8j\xa9s\xd63d\xd6\x85\xacdr1\xda\x02\x06\x06\x00X`\x1b\xcf\x00\x1c[\xf6%%=\xcb\x976\xb2\xae\x14\x8d\xd9\xe7\xfb*\x88\x99\xcfI?H\xbf\x92\xe40\xfd\xaf\xa3/\x87\xa3\xd5k!\xdd\xe3\x04\x87\xf3\xd0G4\xbb\xd0\x98$\xfa\xaf\xd4\xb27\xa8b\x1c\xf6[N\x1cY\xae~\'\xf0\xf0\xc1\x0f"\x0bwgM#f\xe3\xb48r\x01\x00\xadc8U2\x1d\x8c.~B\xa0\xd1@\xa4\x06\xb7Jt\xf0f\xbc\xab\xff\xf7\xcc$\'\x80\xb2\xb4\xd8\xb9EUkWhJ\x98E\x98\x98\xef:\x8d\xfa!*\xcd\xf2\xbd\xa4\xe1\x84\xda\xd8\xdc_1\x9d\xa1\x85g&lt;8\xd9\xdb`\x8d\rI\xd4}\x8b\x12\xd6W\xe6\x0e\x90&lt;\xed\xa2\xaa\xd1\x17\x00\x00o\xb4\xae\xfc\x01\xd2tU\\\x1a\xb8\xb3\x03\xf6\xf8\xfb\xeb^\x8a\x12#&lt;\x8eO\x00\xf2\xf7\xd1\xb7&lt;\xafg\xa2\xdbf\x11DS\xd1\xf4\x04\xed\xa4\x90o\x0e\xea\xad\x1f\x1b1\xd1\xbfX\xfez\x10\x98U3x\xf4\xeaC\xba\xd18\xff\xa3\xb6$z\x12\r\x1f\xd3\xbd\xf1\xa3R\x1c\xe0\x0b\x17\xc6U\x04\\h.-\x07\x00\xd8Y\xd7\xb6(\xcbg\x80;\xf5s*\xb0\xd1;\x9e\xf8\x17\x85Y\x97\x1a\x13\xc2\xe43\xbd:\xebJ:\x05\x119\x9ftD\xd4\xbd\x94\xe8\x86q\xc5X\x08}\x08\xe4x\xcc\xbf\xc8j?\xd2x\x99wS\xd7\x8d\x87\xea+\x1a\xb0]{\xfa&amp;le\xd0\xb5\xfe\xf8P\xaf\xfd&lt;~5\xf2\x148o\xce\x186@\xeb\xf6\x0c\x00\x10Y\xe53\x00w2\xed\xfa\xe6\x8f\xfeu\x0b\x1c\xbb\xf5w/T\x8e0,\xaa\x9f\xd9t\x88kve\xc27Jt\xb7\xcd\x10\xfd\x8b\x87R(\xcc\x06\xf8\x17B\x01\x0b\xb5\x84a\x93\xaa\x0f\x9b\x1ax\x9a\xc0\xfe\x9e\xf3\xdbu\xdd\x18\xe1\x1d\xa4m\xe6\xd5\xf2\xf1\xb4\xde\x10A\xb8\xe4\xcb\xbai\xa2\xff\xe8\xa2\x96\xeb\xf2\xdb\xba\x9c~\xdc\xe1Zx\xeb\xf6\x0c\x00X1\xe2y\x00\xf1\xe3R\x9b\xbcn;\xce;B\xb7\x0b\xef}&amp;g\xf6\xeb\xab\x1d\x8ap#\x8fa\x08\xe5\x7f\x80\x89&gt;\x10S\x8a!J\xb8\x1a\xd1E\x88\xf8]\xccD\x7f\x13)\xe9\xe1\xe7g\xeb:\x0b\xa4d{1\x1f?\xab\xb9@v:\xba\xc6\xcct\xfc\xcc\xb2y4_=n\x87\xa3G\x00\x80\x96\t\xce\xd7\xebl\xf61\xf3l?\xba\xac$\xcc\xf8Vv\x89!\x9c\x14W\x92]B\xcc\xfej\x16\x7f\xed\xa6\xdf?@t\xd1\x14\xd2\xe5X\xdfVZ\x97\xf9\x04B\xe4I\x8951\x8cnZm\x937y\x04\xe2BD\x1f\xa9-\x83\x08\x13u\x82\xdb\xa1\xfc;\x00\x01\xe5s\x03\x87\xeb\x00\x00\xc0F\xd8\x11\xa0s\xf5k\xee\xa7.\xbe\xc2\xd1\r\x07\x02\x12\x9e\x10\xf1\x95`s\x13|\x0c\xa6\xa3X\xcb*\xd2\xec\x02\xf0\xd4\xa9\x91\xd1\x7f\x7fP\xa4\xe0\xec\x9b\xcf\x1a\xf7clL\xd9\xc7\xf3a\xf1\xf8\x19\x99\x1c\xd7p`~[\xb4\x16\xfd\xd3\xe8v\xba\xf1?\x19\t/\x7f{\xa6\x00\x00\xd8\x12a\t\xc0\xa7\x89\xa8#\xfaN\xddG\x07\xa7I\xfc\x87\xf5\xe4\xd8\x00\xd3qv\xf3\x89\x14o*.}U8#\xfe\xc8\xc6NI4\x82\xed\x8c\xd3\x9c\x87\x0e?d\xec\xbb&gt;\xc9\xbcu\x9e\xb2\x11\xf1e\x86\xe9\x9e\xd3/]\xd7\xf2\xbb\xfd7\xf4\xa0\n\x00`\xa3\x84\xb9\xa8\xa6v\xbawtF"/\xcc\x1c\x18\xb8\x9f\x98\xe8\'\xa6\x02\x0bS\xe2\x95 B\xbb\xc6\xed(&amp;\xea\x8e b\x98\xe2\xc8%\x98\xff\x834\xef\xec2\x93\xfb|\x9d\xd4q\xad\xbd\xd6f]\x9c\x80\xe8\xe7\xc5+mj\xde\x01\x00\x80u\x13\xfc\x16\xa0v\xbcp;\x92\xac\x9c\xee\xca\xa1Q\x91.\xfa\xa7\n\xebs_&amp;r\xb6\x87\x88\xdcDj\xd7W\xa7\xb2\xce\x14^\xe4\x16y\xdf\xf0\x83\xf3Zh\xd6\xe8\xff1\xb3\xb4-1;qD\xfd\x96N\xf9\xe8\x9f\xf2\xbfd\x06\xbbxii\xed\xf1q\x00\x00H\t\x131}\x18\x9e\xce\x02\xbb\xbc\x17(\tA\xef\xeb\x88h\xd7\xf0\xc3\xa1\xf6\x7f\x86\r(0\xd1\xbb|.\xce\xa7@\xc5N@0\xd0\x1eX$\xc0\'\x03\x00@\x162\xb9\xa1\xe9\x0bJ\xe1\xe6\x1c(\x90\x00\xb8J\x92\xb2\xbf\xfe\xeaP\xfbE\xb3\x9a\x01\xf3\x15\xeaD\xaee\xcc;\xf73\xfd\x8dG\xff\xd7\xaf-\x00\x00\x8e\xcc\xc7\xe9\x8b\x94\x0bDN\xd3\xe8\x88\x03\x00\xec\x82\x02\xe1\xcb\x03\x82\xee\x1a\x83\x9e\x87\'\x16\xa7i\xeaF\xffL\xc4t\xfe\xb4&amp;\x11\x96\x84\x84\x94_&gt;\xcf,U\xef\x0b\x8b4\xad\xcdX\xc4W\xbd}\x8f\xfcQ.q\xb6\t\xd6hR\xd1k\xf2\xb6\xf2\xaf\xac^S\xcfe\x01\x00@#X\xdc\x1f\x1b\xbc\xe7n`f\xe6{33\xf3\xd39\xfc\xa4\x90\xcf\x17\xee\x8c\n?F\xf8$\xb6\x19\x14"\x89_\xc9\xb5\x13\x80\x99`\xaev\xcb+\xb4\xf3\x96\xe5D\\\xb5\x08\xd3QPN&gt;\xd8yP\xc3J\x01\x00{\xe6\x91\xf0\x80\xe4=\r\xf8&amp;\x00\xc7\x0eP\xf2\xe1\xcd\xa7\xd1!{X\x1e\xe2W\xb2\x90\x00\xb4\xc1\xbf:\x87\xf5\x82\xf0\xff\x82\xb05\x01\x99\x8cm;\xb4\x94 5"FZ\x8eYaJ\x0f\x00(\x0c\xa6("\xb8H"\nU\x82C\xe8\xcf\xc1\xf3\xd0[\x06\xc1":H\x8d\xce\x93\xf6\xb5&amp;\xfao\xc3\x96N\xc8\xcc|\x99a\xc7\xc6.\x95\xae\xbf\xb6\x063\x13=\xbfdu\r\x19C{4\xa3\x9f\xb0a\xdb\x82\xe4v\xda\x97\x10\x00P\x95\xe6\xd6,[\xe4g\xe3c\xc4\xd6\xcbb\x83\xd4\xf0{[\xe3.\xba\x1c\xa0\xd2\x84d\xc8FrU\xd0\xd0\xa4+\xa9}\xc1tG\xcd\xb4\x97\x00\xa4\x92$m\xa3\\:\x9a\xe9\x1e-\xd9Cs\xb4\xb08\x1d&lt;x\xabK\xbe\xc8\x19k\x0b\x00\x00h\x1b\xd9\xfd\x01\x13L\xd7\xb0y\xfch\x1d6\x15r\xa5@\x93\x024\x93\x00\xdc1e \x18\xd7\xc0\xe7\xa5\x93$\x12\xee\x8d\xf0\x98\xe6\xa2\xff^\x98{T\x16d\x99\xbf\xd7\xf4&gt;\xfcj\x16\x98\xe8DI\xca\xb9}\x03\x0e*\x9a5\xca\x0c\x00h\x835\</t>
        </is>
      </c>
      <c r="E245" t="inlineStr">
        <is>
          <t>&lt;class 'numpy.ndarray'&gt;</t>
        </is>
      </c>
    </row>
    <row r="246">
      <c r="A246" s="1" t="n">
        <v>244</v>
      </c>
      <c r="B246" t="inlineStr">
        <is>
          <t>steps_per_sec</t>
        </is>
      </c>
      <c r="C246" t="n">
        <v>2800</v>
      </c>
      <c r="D246" t="inlineStr">
        <is>
          <t>2.6211638</t>
        </is>
      </c>
      <c r="E246" t="inlineStr">
        <is>
          <t>&lt;class 'numpy.ndarray'&gt;</t>
        </is>
      </c>
    </row>
    <row r="247">
      <c r="A247" s="1" t="n">
        <v>245</v>
      </c>
      <c r="B247" t="inlineStr">
        <is>
          <t>Loss/RPNLoss/localization_loss</t>
        </is>
      </c>
      <c r="C247" t="n">
        <v>2800</v>
      </c>
      <c r="D247" t="inlineStr">
        <is>
          <t>0.4716712</t>
        </is>
      </c>
      <c r="E247" t="inlineStr">
        <is>
          <t>&lt;class 'numpy.ndarray'&gt;</t>
        </is>
      </c>
    </row>
    <row r="248">
      <c r="A248" s="1" t="n">
        <v>246</v>
      </c>
      <c r="B248" t="inlineStr">
        <is>
          <t>Loss/RPNLoss/objectness_loss</t>
        </is>
      </c>
      <c r="C248" t="n">
        <v>2800</v>
      </c>
      <c r="D248" t="inlineStr">
        <is>
          <t>0.033045754</t>
        </is>
      </c>
      <c r="E248" t="inlineStr">
        <is>
          <t>&lt;class 'numpy.ndarray'&gt;</t>
        </is>
      </c>
    </row>
    <row r="249">
      <c r="A249" s="1" t="n">
        <v>247</v>
      </c>
      <c r="B249" t="inlineStr">
        <is>
          <t>Loss/BoxClassifierLoss/localization_loss</t>
        </is>
      </c>
      <c r="C249" t="n">
        <v>2800</v>
      </c>
      <c r="D249" t="inlineStr">
        <is>
          <t>0.124787174</t>
        </is>
      </c>
      <c r="E249" t="inlineStr">
        <is>
          <t>&lt;class 'numpy.ndarray'&gt;</t>
        </is>
      </c>
    </row>
    <row r="250">
      <c r="A250" s="1" t="n">
        <v>248</v>
      </c>
      <c r="B250" t="inlineStr">
        <is>
          <t>Loss/BoxClassifierLoss/classification_loss</t>
        </is>
      </c>
      <c r="C250" t="n">
        <v>2800</v>
      </c>
      <c r="D250" t="inlineStr">
        <is>
          <t>0.030424992</t>
        </is>
      </c>
      <c r="E250" t="inlineStr">
        <is>
          <t>&lt;class 'numpy.ndarray'&gt;</t>
        </is>
      </c>
    </row>
    <row r="251">
      <c r="A251" s="1" t="n">
        <v>249</v>
      </c>
      <c r="B251" t="inlineStr">
        <is>
          <t>Loss/regularization_loss</t>
        </is>
      </c>
      <c r="C251" t="n">
        <v>2800</v>
      </c>
      <c r="D251" t="inlineStr">
        <is>
          <t>0.0</t>
        </is>
      </c>
      <c r="E251" t="inlineStr">
        <is>
          <t>&lt;class 'numpy.ndarray'&gt;</t>
        </is>
      </c>
    </row>
    <row r="252">
      <c r="A252" s="1" t="n">
        <v>250</v>
      </c>
      <c r="B252" t="inlineStr">
        <is>
          <t>Loss/total_loss</t>
        </is>
      </c>
      <c r="C252" t="n">
        <v>2800</v>
      </c>
      <c r="D252" t="inlineStr">
        <is>
          <t>0.6599291</t>
        </is>
      </c>
      <c r="E252" t="inlineStr">
        <is>
          <t>&lt;class 'numpy.ndarray'&gt;</t>
        </is>
      </c>
    </row>
    <row r="253">
      <c r="A253" s="1" t="n">
        <v>251</v>
      </c>
      <c r="B253" t="inlineStr">
        <is>
          <t>learning_rate</t>
        </is>
      </c>
      <c r="C253" t="n">
        <v>2800</v>
      </c>
      <c r="D253" t="inlineStr">
        <is>
          <t>0.039993424</t>
        </is>
      </c>
      <c r="E253" t="inlineStr">
        <is>
          <t>&lt;class 'numpy.ndarray'&gt;</t>
        </is>
      </c>
    </row>
    <row r="254">
      <c r="A254" s="1" t="n">
        <v>252</v>
      </c>
      <c r="B254" t="inlineStr">
        <is>
          <t>train_input_images</t>
        </is>
      </c>
      <c r="C254" t="n">
        <v>2800</v>
      </c>
      <c r="D254" t="inlineStr">
        <is>
          <t>[b'1024' b'1024'
 b'\x89PNG\r\n\x1a\n\x00\x00\x00\rIHDR\x00\x00\x04\x00\x00\x00\x04\x00\x08\x02\x00\x00\x00\xf0\x7f\xbc\xd4\x00\x00 \x00IDATx\x9c\xec\xbdy\xfc\x7f_5/\xbeN7\x94&amp;%r)\x12\x91\xa9\x81"\xc35\xa5P*.\x15\xddd*\x84J\xba\xddB\xa4\xa4\x84\x94!\x19~\xa6\x88&amp;2\xd5\xd5\x95B\x03\xa5T\x14\xa9\x942f,\x8d\x1a\xac\xdf\x1fgZ{\xef\xb5\xd6^k\xef}\xce\xeb\xbc\xde\x9f\xfd|\xd4\xe7\xfbz\x9d\xb3\xf7Z\xcf\xb5\xf6Zk\x0f\xe7\xf5z\xbf\x00\xce\n\x88\x88\x88\x00hh\xfb\xbc\xb8\x1bZz5\x00\x12,\xd7X\xce\xa4Y-\xb7Dc|\xd3\xd2\xdd\xae\x0b2\x8d\xef\xa9\x1b\xc5\xb9\xa8\xc3\x81&amp;1\x93\xd5\xa1\xabh1|\xcdL@\x15\x81F\x92\x95\xe4\xd6\x0b\xf3dt\x1d-#\xd9"j\xa7\xdc1Z\x97m\xf3\x8f\xa2\x1c\x9f\x03\x9d\xae\xde&gt;M\xec\x98K\xfd%[\xf4\x16\xc3\xa7A\x1c\xdf\x9e\xbf7\xe6\x98li\x88o:\xae\x16\xd2\xd1q\x0e(\x9ak\xc3I:X\x014\'\x18\xe9\xb3,\xa1\x9adiN\x94E\xcbZ\x9d[\xf1\x91\xcd?aa\xdaJ\xf5\xb9U\xdb\x96{\xc2:\x1a-\xe3\xdf\xb0._.VU\x12\x83\xa22\xec\xe2v\x1ba\xbbu\xf9r\'\x97\xc4E\xbe\x9dR\xb6\x19m\xfc\x8e\xc3$f\xebP\xd9\x1d\xcf&gt;\xd2\x86\xea(\xd8hL\xbb\x9f;6\xc7eNM\xc0\x89a\x18J:\xc1\xd2\x0b\x11\xd0t\x86\x1d\xc3\x91\xe4\x84#"\xd3q\x99\x06\x86\x19.&amp;9\x9d\xfc\xfd\x89M\xb6M\xa1\x8fS&gt;\xa3]\x92\xa8\x06*JqB\xd5\xfb\xc08I\xdb\xfc\xb0\xf9bE\t\x12\x9f\x14\xfe:\x13\xccK\xc6\xb9S\xafIjd\x95\x00\xc0&lt;\x82q\xdd\x80\xf0}\xf1\xf6\xc9\xd6gm\x953|9;\x90\x9b\xcc\xceN\xdb\xd0\x1a\x98\xad\xb1\xc3\x15\xf5\xfb\x84\xd3,\xea=\xf7\x185\x8d\xc8\xf2\x8a\x1aZ#\xc7\xd4z\x83%)~jCi\xdf\xd2P\xd6I\xa1DW\xcd~\xe9\xc2\xcfS\x1d\x1d9 \xe2\x8d\xb83\xbcr\x89\x7f\x8c\xf4\\\xcbK\xc6\xdb~\xfb\xf3B\x07\x99R\xbf\xbd\x7fc*\x17\x14\x9b\x8d\xa9O\xec\xe5r\xd1\x15\x1e\xc4\xa2x\x82\xf5\xc1K3\x04\xb8\x89\x8b\xc3\xce\xd89\xc5Du_V\xac\xb1h\x11\xbf\xa3\x99\x96\xc6\xf3\xb3\x8b\xda\x8f\x8d!\xe2\xd3H\x9bb\x1b\xc7\x8e_\xb4[\xa5\xf5}0\xc9u}\x14\x7f\xd2#\xe1\xf3}j\xd1\xd1\xd1q\xb6\xa03J\xf5\xf3\xc7O]\xe6\x92\x1f\xce\xcd+\x05\xba&gt;3\x16\xe1X\xfdo\xbd%\xd8v\xad\xd01\xe3\x18\x1e&amp;\x9f\xb5].\xcd/n\x17E\x82\x10\x96\xc70\xc4\x04k\x96\xb5\x8a\x7f5\xaf\xcbT&lt;\xb1\x86HQ_^V*\xdc\x12\x15\xaf\x9d?Re\xf9\\\x99\xc5E\xc8|"H\xea\xf5M\xba\x9c#\x14\xbd\x16\x1c\x0eaH1X\xf2a0\xe0\x0f\x9e\xb3\x819\xf4\xf9\xb7\xa3\xa3\x16\xaeG\x01\xfaL\xa3\xcc\xd6\xca2\xdd\x8d_&amp;Z\x14\xb1\x1bW\x87\xf5\xa1G0\x91 \x02\xdcp3\xa5\x1a\x99\xdd\x95^\xa2 A\xf5\xaa\xf9\xc5\xdd\x00\xae\x196i\x19\xf0\x95\xf0\xaf\xa1\x1dk\xf1F\x06\xa2\xb2\x03\xd8s\xe3\xe4Q\x87\xebW\xbay\xda\xbc|z\x17\xfd\x1f\x9bd\x85B\xfcE,\xa5m\xf5s\x80J\xc2\xed6W.-\xbc\xb1\x99\xe3\xaaB\xec\x93\xf8\xca\xacGn\xed\x9a&gt;\xbb\xe3(5\xb6\xa3\xe3\xb0\xd0\xd3\xe3\xeeASu\xd2-\x9e\x92-Scs\xb4[=\xf0\xeb\x1e\x9c\xbf\x8b\x00\x80p\x05\x04\xf8\xa3jE:\x07\r\xc3l\xe9\xa5T\r7\x99\xdb\xf2!\x1a\xde}\n\xd7~\r\xf5\xd3\x0f\x87;\xe3\x9e\xc7.\xc3g3\x1b\xa50\xc6oQ\xdf\x03\xb4R\x94il\x1c5\x99\xa9\x85\xf9M\xa9\x100\x7fU7\xcb\xa7"\x1d\x8a\x9d|\xb2\xf0\xd6\x87\t\x11\x01&gt;,\xbab\xb4\x11\x83\xddT\x89\x81\x8dr$\xafE\x9b\x9b6Tz(\x1c\x8dOG\xc7a\x80\x18\x1cT\x1b\xbb\x8cx\xfb|\xb6\xbd\xe4|\xe1\xdc\xcct\xd9!i\xcd\xf4r\x12\x10\x11\xe0\xe3\xa5\x9bG(@\xcb(\x1f\x81\xccq!\x1f\xcaV\xcaM\xdf:\xb2c+\xd4\x9e_J\x99^o\x97 AR[\xae\xae\xa0\xbb\xa5\x8bFT\xe4\xaf\xc4\x1e-\xd15\xd8%\xd8Z|\x91\xa0\x1d\x93\xcc\xe3\xe8\xc4\xf3\x16\xb6\xf7^\x06Em\xf6\xa2\xd3\xee\xedg\xd32N\xd8\x8fPGG\xc7\x01\x11\xccC\xf3\xa9F\xc1\xa4(M|\xf9\xfe\xdf\x13\xb6\xdf\xf7\t\x80\x81!\xdf&amp;kch\x11\x02\xbc"\xcf\xe9\xa7\xd3z];\xf7/\x1c\xb6\x9f\x8fw\x9bN\xb6Sd\x96\xfc\x1a\xb6\xa5\xfb`8m\x00\x88\xef}\x88\'\x03"\xf8&lt;\x97?\xdd\xa7\xc8\xe1o\\u\x91\xb6\xf8\xe1\xa9W\x97\xb4j\xaa\xb7\x83f\x94\xc0\xf0C\xd7\x05\x19\xf9\x00F\xb6\x8c,\xcd\x00n\x97\xa3t*oH\xd8\xba\xe0\x88Z\x8d\xcd0L\xb4\xc6l\xb7\xb1}\xfb2\xde\xd1\xd1q)!\x9a6v.1wK\n\xf1&gt;0\xcc\xbb\x00\xdc\xfa\x1b\xc3\xdd\x8e&lt;\xdd\xb2\xeb\x80,\xae\x9f%\xe0\xc2\xf6k\x02|\xf9\xa53!\xe5\x16j\xae\xa5\xa1\xf8t\xfeD\x19a\x02\x13\xd4|\x8eX2KWB\x8e0\xc5\xf3\x05{fY\x9a5\xc95/=\xaf!\x92\x98\x16O5kQm\xc5~HR\xec\x01\x00\xcftKp\xb7\xafw\xce\x19\xf8\xb6\xa3\xa3\xa3\xc3\x8a\xd3\xcc\x19or\xcc\xcd\xec\xc5&lt;\xedt\x1d \xb6\xdf\xf0A\xedY\xcc\xc7#f\x97\x1e\x970uf\xe8\xd8\xef\x1e\xaf)\x1d\x97\x809\xa3\x11\t\xa1,q\xbd\x1b\x00\xab\x8e\xe8`\xc2\xa2]\x17[\xd9&amp;\xed\x94eg\x15T\xa2}\xed[\xbd\x01\xa8\xda\xf9,/\x08\x87S\x05\xb9Q\xaf\xa3\xce0\x8e\xad\x18,\x95R\x87\x03\xad\xfd\x7fN\xda;::\xca1\x95o\xdf\x82\xe0\xcd\xcb\x9d\xdcap*c\x8b\tc? \xe2\x87\xefB\x1e\x8f\xbd\x01\x08\x81\xc2kC\xcf\x92\xe3C\xb7\x96\xb6\xd0\x16\xb9\xf1\xa8}\x1aw\x91\x17\xa8\xab\x00\xf9\x0f\xe98\xd3*\xdf\xb28IYJ\x8f-\x95\xe3\xed\x05sxX|\xbe5j\t\xb4(2\xcd\xcbl*p\r\x95\xc3\x94tB\xf2\xeeZ\xbb\x8ef\xf8\xacS\x13\xe8\xe8\xe8(\x82}\x81R&lt;+\xa7\xe2\x8af\x0b\x84[\x1ea\x8ei\xe4\x84\x10_y\xea\xf5J\x1d\xca\xc8W,\xe5O\xb9\xda\xf8\xe6\xdc"\x9c?\xadW9\x8b\xeb\xaa8\xf5\xf2\xaa\xb3h\x97\xc8F\xce\x15\xa2\xca\xc2c#\x03\xcf\x0e\x89\x13\x10&gt;e\x1b\xb7\x90\xafs\x00\xdcs\x1b\r\x08\x8f5\x92\xffRB\xe6\xecQ\x9c\x05\r\x19\\\x0cOvt\x9c\x17\x10\x1e\xb6m\xe2\x85\x13\xad\xb6@\xa9\x9c\xd1[\xe0\xf5\'$\xc0\xeamK\xc6#\xed8\xe5\x98Y\xf5\xeax\xdd\xdc\xb8f\x85\xc7\xf2\xd8\xc7-\xb9\x15x\x90&amp;\xe1\x15\x0f=Il^\xef\xce\xb1\x11|\x12\x8cuB\xa1\xdc\n!\xf5\xda/.t\xb7\x1c\xd7i\xcb\x98fG\xd6;\xf4G\x8a\x16\xf9\x01\xcb\xc9p\x92\xaa\xd2\xd1q\x1a\xfc%\x1c\xf1\xefHl\x05Z_\xf4*CZ\xbe\x91^\xdc\x81b\xc4a\x1b5\x1f\x02\xf0\\\x9dG\xc0\xe94uyZ\x02n!Y\xbd\x85\xe1\x8b\x99J\xc9\x82\x8f\xefu\x98\t8\x03\xd6j\t\x10\xfe\xa9SW=Qd\x1a\xf4\xee\t}\x03P\xb5V3\x9a\xd3\xd2\xe4\xc6\xde\xbbBSi[\xe3\x82\xccw\xb6x\x98B\xeb\x14Y#\xa9\x8b\xaf\x9f.\xa9W\xed\xfb\xeb\xed\xe88\x19\xd2Y\xb6tJ\xb8ecf\x9b\xc1\x99\xe7\xd9\xe5\xf8\xb9\x95\x0cRdod\xfc\x90Fml\x14c;u\xea\xdc\xbf&lt; J6c\x93\x1f\xfe\xa7\x83\x98\xb0L&lt;\x9b\xb0aV\xdc2\xd8\x1e\x06c\xdf\xe6\x12\x184\xd89&amp;\x03u,[\xab ^\xbaE\x0e\xe2\x9b2\x99{6\xd1uH\xa4\x0e&lt;\xb8K-\xdc\xbe\x98\xee\xcf\xff\xcf!6\x00\\\xbb\rO!\xb3b\x0b\x1f\xbe\x1d;6::d,)\xe7\x9c\xb0Y1l\xd1\xccH\xdbw\no\xf0\x8c\xbe\x15\x95\x1d\xf1\x17\xcbB\n\xaa\x0fh7#)j\xde]\xa3\x04,\xfd.\xc7\xdc\xbf\xc9T!\x9c\xa55\x9a\xd1\x99\xfd\xad\x17\xb3\x9cxY\x8c\xc9n\xca\xa2%\xcb\xc1a[\xe3R\x932qo\x0b\xe3.\xf7\x9cE]\xaf\x92\xa7mc\xdf\xc1a\x8e\x13l\x1d0\xbc\xb6\x06"\xbc$\xc9CHw\xdfU\x82\xa7\xa3o\x03pN\x98\xb3\xf8\xdfOM\xa4\xa3\xc3\x8fu\x1e"3\xd9\xe7\xda\x1eC/\xf5\x91\xbe\x0e\xef\xe3O$\x17\xc9\xdb\xa7\x17\xcc\xe2\xa7\x85&lt;\xcd#\xc0\xcf\xec\xcd\xc6\x0c\xc4\xe5\x8f\x17U\xadW\n:FbJ;6\xc7Y\x1e\xdbH\xf9\xc2%`k\x95f\xcc\x8e\xa5W Z\xd1\xa6V\xc8\xd22$\xbc\x96\xb0W[\xf9\xa5\xa03\xdcj\xed\xf5Y\x0eQa\x837\x9e_0\x1f\x1e?\xf6:\xdbGk\xc03\xf4L\xf7\xaaB\x94D\xcb\xfa\xfa\xb7\x8aYe#\x10\xabf\x81r\xbd\xfb\xc3_g::\xce\x08Sp\x87\xd3X.\xdci\xe3/\x12\xba\xb0\x99C\xdf\xda\xd5\x9d\x03n\xbc\xaf\xba\x92\xa74u%\xfb\x7f\x16\xad\xbaR\x0e\xfb`V$MT\x9b?\xb7\x9dO\x10\x9b\xcaT\xfc\xdf&lt;\x8fn\x8a\x087\x8f+\x83\x11!Y\xebi\x82,\xcd\xa0N\x16L\xdf\xb5\x1at\x91\x89\xe7\xa4\x93\xf0\xffc\xf6N\x13\xaa\x1bb\x1b\x86g`8\x81&lt;\xf4\'\xb0b\xc9\x97\xad\t\xb8\xc6\xe8\x1ag5\xa0\x1d\x1d\x97\x0e\x10\xe0\x1d\xdeg\xd9\xdc\x9c\x17\x1c\xf3\x93Rx\xd7PZ8\xb19g\xcd\x8e\x19\xa7Y\x1f\x9cbiR\xaf\xab\xe4p\xb7N#=\x8f7\x8a\xb2\xb6T\x9d\xbf\xd5\x96FZ\xec*\x88\x9e(Vj\x01xS\xe9C\x80\x8db5c\xfe-\r\xe7\xf7\x01\x7f\x8c+$\x1e\xb7*\xe6\xcf\x86*\xe5o3dn\xbc\x88\xa1\xc1\xa6\xd8!\xd8\xce\xd8\xfd\x84%\xd7F\xccP\xb2\xb1\x8f\xae\x1f8\xf8;:.\x0e\x96\xf4K\'T\xc7\x06 H`yV\xe6\'\xb6\xfc\x14\xde\x11\xd7P\xe30m\xc7d\xc7\xf1\xda{&amp;\xf0;\x96\xf3\xc6\xb6\x9cE\xe1\x1b\x8c\xcb:\x85{\x01\x88\xf0w\xf3\xeb\xab\x94|6\x86\x0e\x84\xa6\xc8\x8b\xcf\xa7O\x87\n\x917\xdfu\x86\xc2\xdd)\xe6vT\x04\x15\xec\x84&lt;Xp\x94\xe2+_\xdcx\\\xf6\xac\x12\'s\xb8\x12\xccl\xa8\x1f\'\xfe\x8f\xc0\xa1\xa3c+\x84\x99V8{E\xc7\x9c\xc9\xad\x08\xf7\x13\x8eE\xff\xe0`\xe7(\x87B\\\x10sc\xf4\x11\xdbs\xb9\xd0\x83\xa5X\'}\xf6&amp;\xb9\xd6\x92\x8f\x03\x8d\xf5\xb2\xc5\xc1\x8e\x99R\t+\x14\x96\xc5\x9c\x16\x9f|\xa14\xb9\xe9\xd9\xcc\xe7\xf1t\xb1%\xbd\xf8-:\x83J\x13\xf6\xc5\xb1\xd9\xe6\xc6\x8b6\xdc\x9aKK\x8cv\x1d\xf5@}N^\x9c\xde \xc2+\xe6\xe0?\x00a\x89F6\xbb;:\xce\x054\x94Ms\xaa:\xfb\xe6\xe7\xbf\xb2[\xbbc\xab\x93Tk\xeb\xd0\x15\x96%\xc5v\x08\xf5&gt;\xfeH\xc3\xb4\x1b\x1c\xf6\x92\xbc\xd8\xc1K\xf1\xe1Y[\xc9\x8b@i\x8d\x9bE\x1d\x85\xe0\xb31\x12\x8b\x12\xb9\xd5\xdc\xaam\x17[\xae\x17%\t\xeb\xce\xea\\\xf0\xc4\x83\xb3\xb5\xc7CmH\x87\xc2Z\x8b\x95\x9f\xba\xb7\xf0\xffw\x97\xe6\x9a\xb5\xdd\xe9\xa7\x15\xe643n\xd1\xa4\xb2ut\x9c\x1b\x90\x9d\x83i\x8bo\xb7\xcc\x7f\xb7\x1fo\xdd^\xd6\xb25,*\x1ag8\xaa+B\xb6@\xb3\xa5\xa7!%*7\xdb"!r\xe1+`\x83\x0f\x87\xec\xbf\xe8\xd9N\xa9a\xb9\xcb\x03\x82y\xd4\xc8MX\xfb\xb2\xf2\x8b\xe2\xb0&gt;\x80\x8d\xb6\xcb\xf82)N\xcc\x12"\xfcD\x81\x15\xa3\xc2\xd2\x8e\x17\x07\x1eo#\xc0\x977\xd3\xb8\x04\x80\xa6\x1d\x01\xae\x9c\xd03\xcd\x0eE\x81\xa4\x00\xe1\xc3\xdcO\xdb\xec\x8em\xc7\xb3\x1d\x92\n\xd3\xda\xa5\x1d\x97\x10\x86S\x13(\xc7\x12\xf1\xc30\x00 g\xcb8\xd9Oo\x06\x00\x186\xb6\x17qT\xb3\xad\x96\x16@\xc4A\xa6:\xfav\xd8\xd6]8\x0e\xda8@tt\x8a\xb4\x8f\xc3|\x06\x9e\x17b5\xd3\x05Qw\x88&amp;s\xbb\xd1\xccJF\xc4a\xb8,\xc0\xbb7R]\x80\xe1\xa3\x01\xff\x9c\xbcU\xdd\x12\x16\x19\x07\x03\xbf\xb7\x0b\xa2\xc2Ng\x85Fl\x16\x11U\x06*y\xee^\xcbV\x03\xe2\xe6\x85\xba#\x01\tu\xc8T\x1bD\x18\x06}\x06\x19\xdbEw\xb9@\xca\xf0\x19\xc8\xa4\xd0"\xa7\xceh\x9aX\x80i2RW\xb8\xbc\xda\xd1Aq\x99S\x13(\xc70\xe2\xef\xa6wi\x83\xf1 c\x98\xb1\xc7\xa4r.\xe9\xa7\xae\x15\x10qhUJdE\x88\xe3\xe3\x9b\xf9=\xd16\x0e\x179R\xb2&lt;\x10\x18\xb6)\xeb[\x1c`\x17\xf0\x1cr\xc3\xa1\xdd\x1d\xe3\x9f[ \xb65\x8d\xf7\x15\xe2\xbb\x9aj\xa9\xc6_\x14\xc6I\xe4@u\xf5_$\xfb\xd4\xc7x\xd2\xe7{\x96W\x8b]\xdf\xb6)\xcdM\xaa\xe8\xc7o\xfc`A\x12\xbe\xc5\x98f\x8e\xde\x8b1\x17^\xbe\xda\xac\xc7\xcc\xeb\xa2&lt;#\x8f\x93?O\xc7\x19\xdc3\x9a\xb1\x8b\xe6\xa3\xb8\xcb1&gt;\xc9\xefDHx\x9f\x85LGG\xc7\x85\x85\xf2\xc4Px\x9eX\xf8\x90Q\xecrY\xe5\x93\t\xd3\x15\xf2Q\x84\x8c\xde\x13?\xfd&lt;\x93)%\xfdhG;\xb1 E\xc8v\xcf\xa6\xd1\x0f \x1e\x10b/2*~m\xd1_d\xcd\'7\xf0\x92\xd1\t\x06\x01\xeb\xa5\xff\x17\xf5\xa5\xdd\xcf#\xec\x8f\x00\x12~\x10\xf9\xed~\r\xb2\xc3\x14u\x96\xd1\xcf\x1e\x0c\xed8\xe8\x9bT*\xa3\t\xb2\xa3\xde\xd9\x96\x12\xab\xdc\xbf\xc1\xab\xa9&lt;\x1d\x974\xce\xf8\t@CLu\xe1}/\x95\x14\x1a\x84S\xb6\xa5\x88\xd0\xbbBm\x11O\xbchG\xf1\xa8\xe2]\x93\x86\xe04(T3\x0c\xd3\xa1~\xf6pt\xfc\x0c\xd8\xc9*\xe0\xa1\xcfc\xc8\xf1-\xc0\xf2\xa7\xf0\x83\x16u\x93G\xfc\x88\x1d\x11\xe0^1\x89\rN\xde\xbc\xc7`s4\r\xf3\xdb)\xf4X\xf3\xe9qcx\xf485\x96\xac1~\xb0!\xc1\x1f\x96\x1cp\xb6\x9e\xf5\x19\x0e\xb7xtX+\x04\x92\x07[|\x9cx1\xa4V\xcc\xf1c\xf6\xcb\xc5\x17\xd5\xb0E\x84{\xad\x1bZ\xa1\xd1\xd7\x87\x11\xaeVQ5\x08\x97\x82l\xe0Ub\x11\xd9g\xdeB\xf9\xecP5j\xea\xf5e\xf3Mj\xa9\xa6N\xce\x12\x0e&gt;:\xdb\xd1\xd1\xe1\x83\xe5x\xecB \x7f\x94N\xceHp\xb9d&lt;5\x89\x0e\xba\xb2\x1dC\x87O}\xe7^\xcb\xffV\xe9&amp;\xed\x1d\x12^\xc4\xaf\x15\xaa\xfd6\r\x197\x04\xec\xc5f@3 \xf9\xf5\x80HB+\x8d[\x98\x99\xa5cf\xb7\xe7\tn\x19Z\xd1;\xe9\'\xa9\x92G%\x9f\xb1\xfa\xff3\xd88\x91\x82\xc7\x18Tz3\xc4 \xf8mFT\xa2\xe4Y\xf1\xd6!\xba\x81\xf9\xcd\xa4\xb9J\x10\xb7\xc7@D\xbcQ\x9f\xfe::\xcc\xf8\x85\xe8\xf3\x00G;\xc7j\x0b[\xf9K\xdbh]\xbebi\xcc,\x83\xdc\xd5\x96\x9b\xa2\xdc+3\x97\xc6\xbd\xf0u\'\xd4\x9d\xf3\x89s\xd2}\x07\xff7(\xe8\xfb\xe4\xe6f\xe3\xa2\xadu\xd3\x80\\\xbb\xa4\x02\x96\x0b\x95Z+M)\xe8E\x1cnt\x05FN\x90D\x1f~\xb7pr\x98\xfc\x13\xc6\x86\xf6w\xdc\xb9\x180E\x85\x10&lt;\x185j?\xa0\xefl)\xb02\x83\x14\xc1@\xb6@\'\xe2\xd0\x0c\xa8\x8dcm\x15\xea\xe8\xb8T@\n\xee\x1f\x9c\x9a\xcb^\xd8\xaa4p\x8b\x8c\ni5\x0c*\xf4n\x85S\x12\xd3GD\\vh\xf2\xd2\xe5\xa3\xd2\x9dho\xef\x81\x9f\xd6\x97\xba\x8bi9z.\xf3\xf3\xea\x8aP\xd47\xf1\xaa\xcd!y\xaa\x06[\x8a-\xbdH08\x81z\x9bo\xac\x8e\x881*\xf8M\x85\xa1c)P\\U_\xbe"\x0b\xf6GL\xd5Y\r\xda\x13\xb2\x82U\xad\x85YG\xc7\xb9\xa3\xaa\xb2 .\xdf\x02\x8c\x1e\x89\xf6\x84\xa9\xc7:\x81Y\xc7\xa8\xf5&lt;Q\xb3\xfc\xb2\xa1x\xa38M\x96_\xbe\xfb\xd4\xa8\x05y\xbc\x16\xd4\x13\x81&gt;\xd5\xc19\x95\xea\x08\xb4@f\x85\xbbj\xbf\xf5\x0e\xea s&gt;\xd7\x18\xc2(LCir\x0b?\x88\x81E\x1d5H#Di\xd3\xfa\xdc\xe4\x1f*\xfa\xe6:pv\x8d&amp;\xbc\xb0.r\xf6\x8c\xba\xf3\x89\xf3\xe33\xec\xe8\xd8\x18u\xe9\xca\xcf\xd6\xe7\x90\xfc\x17\x0f\x05+\x0c\xf2!\ru\x1e\xad\'g\x86_\x17\t\xbc\xf6t\x04\x95\x8a\xbb\xe0o\xe8@X\x17\xf4\xbc\x96\x15\xd7\xe3\xeen{\x18iA\x8d\x86\xdb#\x02\xc0\xdd\xb7T\xd1\x1c6\xafLC\x8f\xf3\x83\x9d\xc3\x9as\xa6\xa0N6\xb4)\xd7S\xf5t\xb7\xa8o\x1a*\xe4u)\x99\xbf\xde5\xf0\xce=\xce\xcf\x9a|\xc7\x11p\xe8\xbf`\x12b\x8d\xf6\xe9w\xbf\\\x7f7c\xee=\xcc\xc5I\xfd\x11\x93\xf17\xaa\xce\xc89\x14\xb4(\x1c\xc4\x04\xa4\x7f\xa9`X~\xfc\xcb\xfc\xa3i8\xfeA\xa1a\x1a\x19\xb6\xef8\xc2;\xfe\x12\n\xfa\xdd\x8b\x88\xca\xef\xd6\xed\x0c\\\x9c9"q\x9d\x9d$\xc9\xcd\xd3\xfc\x10\x9eo*\xd4\x7f\x13P\x0c$Y\xc9\x01\x7f\x7f\xa7~qp@\xa3\x8e\x06\xea\xe4\x1aw\xcd\xf5\xed\xcc\x1c\x1eeJ\x83\n\x8c\x97\xceo\xc0\x95O\x01\xe1\x1cz\x89\xb8\xabc\x13\x9c\xd1\x9f\x01%?}\x17\xfd\xd7\xd4{\xfc+g\xc3\xfa\xf7\xff\xb4\xf4;\xeb\xa4\n\xfez\xe6\tyD\x87\x8c\x0b\xb9q0\xfe\x07\x00\xc0\xcb\x1c\xd2F\x19\xfc\x9f\x0c\x9d\x85Nw_Y\xc1\xda\x8e\xb2\xdf\xf3\x02\x80=\x9e\xe8Z\x0e\xb7\xa2\xdb\xf39\xe5r\xd9n\xe0\xea\xfa\xa7\xcd\xa7\x81\xb5\xa7\x92&gt;\xf8\xc6\xc2B+v\xa0\xe0M\xdb\xaf\x1a\xd9\xd1\xcci\xf5\xac\xd4\xa3\xeb~\xf4\x08@V\xec\x16g+\xfe\xdc\xe9w*7@\xe3\x05\xa8\xedg\xb9\xcf\x13\x18\xbe.\xf7\x9b\xfd\xef\xb1vt\\\x1cD\x8f\xad-=\x9c\xd7+q\xd6\xe5iD\xcbG\xa2\xfc\'\n\xe6g\xc4\xe6A\x1c\xf1SAc~u;+jdB\xaa\xe2\xac\x1e\x19[\xfc\x80)22\r\xe2\x82\xcfkm\x00\x89$cL\x0e\xc0U\x95\xc7\x9b\xfb6\xc2\xb5YC\xday\xaf\xc4-\xa0F{Sz\xe7\x0b\xfa\xd9\xf7\\\xd3M"\xe7px\xc7YYw\x92\xb1h\xa5\xf4b\x07RG\x07\x03\xb6\x86\xca\x99 ^G\xcf2\xd1\x9ci\x05\ty\xb1sX_35\xfe\xcck\xf3)VX\xe5\x88A\xf5\x1b\x87\xa9\xc8~\x0fl\xb14\xb9\xeb\x96\x1b\x00Y\xb2{\xb9k\x05|\xcb\xae\x9fN\xa6\xeb\xcb\xda\xa1\xb1X7\xe1_\x8c\x12O\xfbt\xf1\x08\x98\xc7\xc8\xee\x87\xeaq\xac\x06"\x02\xfc\xc6i9\x9c\x1a\xf6\x92\xde\xd1\xd1ql$\x13\x98\xa3\xd3V\x9c\xf6\xc5alQh\xbc\xc8Krj,v\xb9"&amp;\xab\xc0g\x07\xab\x99\xbd\xd7je\xa3\xb0\xe5\xc0\xe1\xd3\x0e\x11\x15\x07\x80s\xa1\xaf\xae\x8fOF\xbf\x91\x18\xc9\xba\x87\xea=\xb9\xcf\x8by\x97\xbf&amp;\x92M\xa5m\x8d\x06l\xcd#\xfb\xc4z]\x1eu\xc7\x81\xf6\xb8\xcf1\x04\xe4\xb9\xd6#\x82?\x01r\xfa-Y8(\xf9\xc7\xb69\t\x1d\x1d\x17\nZp\x939\xcc~(u\xfaI\xbd\x11\x82\xbf\xddqj2\xfa\xec\xf2\xeb*I\xd7\xa9\x8c\xb2\xe0\xa6\xbf%\xbc=\xc2]\xca\x11\x86`D.$jy\xfeZ\xbb\xcfYm\x83%\x06\xbe\n\x00\x00~M\\\xf8\xce\xff\xa3W\xc2\x95\xf1\x0efZ\xb4\xd4\xd2\x90&lt;`\xb61lC\x1d\xd8Q\x85\xfdO+\xce\tK\x88\xc6\xccKss)\x8c\x88\xf8Q\x07\xf0F\x94\x83J&gt;.\xb4CW,Y|\xb3\xcd\xb9vt\xec\x8b%\xb8\xff\xc6\xd0\xc6\x93\xcc\x07\xc8\xfcVP\x97z\xb5\xb2\x93\x17z3\xb5\x11\xbf\xec(\xfa\xdc\x14;%\x84Z\xfcbg\xe1[5\xde\r\x19\x0f4\n\x98#\xd9\x9e\x9a\xc3\xd7\x84\xa7\x00\x13\x81\x10\xc5\xe6\xde\xdbH\x03\x9a$x`#"\xbc\xacF&amp;uWG9\xcc&gt;d\x9bY\x0b\xaf\x97\x95\x9f\t\xb9W\x18\x15\xfa#\xdf\x8b\x0c\xea1\x947\xd5a\x8db\xae\xee@\xb5\xa3c7X#\xdb\x19\xfd\x17/O\xb6O~]\xfe_\x1b\t\xbc0^f\x95\xb2\x99Iqz\x8f]\r\xffu\'n\xf9Iz{\x0e\xfb!5\xa7\xc0\xc0ue|\x1a\xe4\x9fs6\x12n\xdc\xd5\xe7$\x92D\xbb`\xe1\xb4\'H\xd45\xd8\x93W\r\x84\xa1\xef2\xdc\x92\xa2\xea\xda\xde\x91A\xec\xf99~z\x0ev\\4d\xa7=K\xad\xe9%\xa9\x1em\x8b\xcb8"\xffe\x9bo4\xd5\xc2\xdd\x03.p\xe9\xce\xa7\xfd\x1f\xca\xe0\x05\nZ6\xf9\xe8\xf6\x89q\xba\xe1\xde-\xd2\xea\xb4\xac\x19\x81/hG\xf8\x80\x89v\xb6(=\xb6\xb8\xfc\xda\xa5\xe9.\x91\xc3\x1f\xafQ$*:\xeaT+\xad\x01z\x00wt\x9c+\xc2\x92\xb7\xec\x83\x7f`Y\xe2\xd0\x85W\xbd\xb2Z\t\x87\x01\xe7\x8d]\xadCD\x80g.\xaf\xa5\x01*&gt;\x94=\xe0\x96\xafY\x1cr\xa29\x17\xe9Gt\xc5\xaa\x8e\xe5\xd5\x93c\xf7E\xf0&gt;\x9fm\xeb\xd8\x1b_\xe1\x8b\xa2u-\x1e]/\xd5o\xec85{\xc5\xf9\xd5\x01\x89\xf0\xd9\x19\x12\xa3\x1fqv\\@\x94\x9d\xee\'W\x9am\x00\x8e\xb3\xf4\xf9\x82\x82/&lt;\x10\xf2\x1f\xb8\x8d!\x85N\x0e&gt;r\xddHf"\xe3\xe2\x17\xc7\xd0K\x8c\xc9?\xb7\x1e\xdd\t.Mw\x11\x9e\x07\x0b\x97(6\xd9\xd4\xdd\xfe0\xa5\xa6c7(e\x8a\x8d\xb1\xe3\xccG\x1d\xa7F\x7f\x10\xd7q\x01\xc1\x1ej&gt;8x\xcf/\xee/x2\xfc\x99\xefP\xfc\xffQ/mw`Y*9\xbf\xc7\xab\xe3\x83\xe0sWF\xe0&gt;\xa56\xd4R\xf2\x00\x84J\x88v\xc5\x9c\t\x97\xc0\x1ei\x03\xd8\x9eP\xb5O\x8a\x8e\x83\xa0a5Pj\x8b\xf7\xbaEWYG\xa3\xf0\xbe\x1em\x82\xdf\xefn\xec\xb8\x94`)\x1cW\x8a\xba\xc0\xdd.\xce\xa3\xbd\xcdJ\'Rl\xe7\x19\'y\x84{l&gt;\x0f\xb5\xf5\xe7\xc6\x8f\x92\xd6\x05\xbae\x98\xecd\xfa\x94|:\xf4\x9dUC\x1c\xcd\x93\xc5\x15\x06\x7f&gt;\xd97:Em\xf4m\xf5z\x99\xdbN1\xa2\xca\xcd\xeb\xdb\xa1b/xf\xbe\xe7\xc9TG\xc7\x96(&lt;B\x8e\x13`\xcb\x94\xd86\xcd\xb8\xea\xd9F\xe3f&gt;)\x16\xf8\x07\x88\x1b\xfe\xbd\xc5\x9d\x0f\xecSE\x92\xf6\xec\x06@m\x03dMi9~\x8e\x98\x18\xbd\xf1\xd6\x83Mx\x1de\xd8a\x10\x11\x11\xe1f\xe9\xe3&amp;\x87\x84\xe6\x9cvCay\xc1\xf5\xe7&amp;*\xa4\x9d\xc6oG]k&gt;\xfa\xd4\x04\xf6Dp\x96w\xd4\x11\xe9\xe8\xa8\x82\xe3t\x93\xc9\x81\xaa\x8f\xa3\x1c$\x9dZ\xae\x8cw?\'0\x93\xdf\xec\xc4\xe8V\xbb\x18\xfbI\x92c3\xde\xb6ZM\x06n*\xf7\xf0\x90p\xab\xa0\x9b\x19v\xf7 \xeab\xe9\xae\xb5\xd9h\xa7\xb7#NJ~\x83\xcf\xd75A\xf5B\xf6\xd2D\xfd\x06`w|\xe2\xce3\xc8\xa9p\xc02%\x9d.\x1d\x8dgGG\x15\x82\x98\xb6\xd4\x1aq\x03 4\xb4\x0b&lt;\xf9\x9f\xfdi^m7\xa9\x1a\xf2\xe7S\xdd\xe47\xf8\xeb4\xb5\x0e\xccu\xd7\xc3\xcf{\xa4\xc7\x8fN\xb0\x82\x8f\x9f\x0e\xe9\x03\x1am\x1e*\xe0z\xce\xa0q\xa9\xa3\xd1\ne4\x0eB\xfe`\xe0&gt;\xcd\xd2}\x95E\x9c\x98z\r9D\xe2\x1c\x81\xc3\xa5\x08.0\x0e\xb1D\xe98w\\\xe6\xd4\x04"\x0c\x00\xc3\xfaf\x18\x94\xa6\xb4\x1e\r\x00\xc3pG\x8b\x02\xfb\x12\x04O}$3\x0c9\x07\xf8\x05B\xf3\xa9D\xa0\xf8\xe2v\xa2l]\xd3\xbe\xd3\x84Z1\x88W\xd1c`\x8b\xf0`D\xae\xb6\x05\xd9A\x1a\x8b~k\x17&gt;\xac\xa4\x98\xeb\xdc\xe8\xbeL\xd3cMUe\x8ei\x9a\x8d\x17\x06\xc3\x10e\xee@&gt;\xe4r*RG\xc6\xe8\x96a\xaa\xef\x93\xebP\x99\xef\x10kjc;\xb88\x9c\xed\xd0kgI\xa71\x8a\x0b\x0ce,\xce\xd6\xf3\x1d\x1d6\x94\xa4"\x8606\xacay@\xb4\xb6+\xe3\xc6\xbf:\xa5\x03\xc3A,\xb1:\xe3\xabU\xbeYxx\x9e\xc7\x1d\xe7\x0b\xa7\x80\xc2\xf4c\xfaXN\x18\xcf\x9b\x1e~\xb3v\xb9$t\x888\xa3rt!\x8bg\x87\x07\x172\x00\xb2\x16=)\xb2Zs\xc2oV\xcd\xc5\xd2z\xa6\xa7^\xc7Y\x83_=\xcck\x97u\xc9U(yM\x98\xf7+br\xf6hW d!\xc7\xdbA\x95\x90\xc9u)XU\xaf\xedc\xc9\xca\xd2\x99\xdd\xb6\xb1\x9f\x08\xca\xf0T\x9c \xa7\x15\xb3y8\xd4\xc8\x1e\t\xdb\xf9\xe4X\xd94!\xf7\xe5\x93\xbdx\\0\x1ca\xacM\x8f\xd3s8\xc5\x91\xf9\xe9\\\xb7\xd6\xc9d9\xee\xa5d\x9aS\xa4\xaa\x8exAw_\x1d\xedq\xac\x8f\x00\xcd\x91\xfcG\xe1\x15\\\x8eM-\x1f\xc9\xce\xe8\x18\x86\xf9\xd9\xeb?\xe7\xe8\xec\xfc\xd4\x15\xe1{\xf6H\xda\xa1\xd9G\x8bd!\x87x`\x1d\xc0l4\xc2\xb2@\xbfR\xf6Chs\x1f\x04\xf6s/\x93@\x9e\xd0o-\x9d\x7f\x19qn\xc5\xab\x1bi\x102\xcb,c\xfbdNd\x85gn\xe0f\x96\x8b:\xb5\xd4\xd85~\xd8l\xbbU\xef\xd0.m\x9b!c\xea\xc1\xd8\x1e\x15\xdaC\xd4\xfdXP]o@\x80\xaf[o\x98B\x9am\x13\x7fdq\x07\x9c\xb06-\xe9\x99~pt\x18\x06\xd7!\x11\xd0B"m\x06\xa4\xfc\x1a\x86\x0bzt\xd9q\xc1\xc1\x9cA\xc6\x87\x97\xea\xfa\xa3l\xb7}j`\xf2b;Uv\x15\xb5d\x9c\x03\xb1\xfd\xa8\xd9?\xa2c&gt;\xd1\xc7\x04\x9brs\x8a\x14S)m\xab\x1e:F\x06~3i|^\x89\x96A\x85QL\xe12\xf6\xf3\xeb:\x0e\xce\xae\xd2\x8e\xb8GrE{\xf8\xb6\x11t\xd7\x9dh"S&gt;|\xa8v;\xbf9w\x13\xb0~\xd0\x9dC\x06Z\xfc\x0c\x8f\xe6\xdbo\xc9w\xef\xe88\x0fpU\xcf\xb7\xba\xda\xabn\xb6\x94\x7f\xcct= \xa5j,+\xfbv\xa6\xbdY\xda\x00\xdc\xb8\x99\x8aR\xd8\xd7\xb2\xd9\x14\xbbxk\xfd\x83\xe0\xbc\xb3\xec(QQ\xf9\xdcf#\x13\xf2\x8b\xe6\xac\x84Cl\xb3\xafo&gt;7\x91o\xb6\xe2rp\xb0N u\xf5\xf1z\xef\xa4\xcb\xfay\xcb\xacf\x07\xcb\x8e\x8ec\x82]\x85x\xd7\xc7\xc7\x9eS\x95\x02a\xa0\xbd6\xbbkc^\x1d\x85\x906\x00\xa7\nB\x14^\x93\xabL\xb09\xf6\xd8\xfb\xe0Pd:*q\xe9\re\xedg\xc9\xa6WkVJ\x02K\x9eV5m\xd6\x91\x07N\x1f\xe9\xb1z\x9eVcw\xee }\x9cu\xea\xddcG\x87\x1dl\xb1k\xb3\x14h\xb5\x9e\xa0K\xbdT`\xe1W\x93\xc1^\x94\x05+\x1cJo\x8d\xf8\xb8Kn&gt;\xde\x0e\xeb\x88\x1c\xe2\xb8\x0e\x00\xe0\x16\n\x87\x85\xe41\xd7dsZ\xe9\xbb\x91#2o\x01\xb5\xb6\x14\t\x0c\xde}\xdb\xb6~;\x8b=\x1b"\xc27\x1c\x97dz\x8e\xd0\xda\xab\xc7\xb5\xfd\x1c\xb0\xa1\xf7\x1a\x8d\xf22\x07\xd9\x9f\x1ett\x1c\x07\x8d\x97P\xe1\xe9l\x9bcN\xbd{\xc3\xf9[\x90^!&lt;\xf0FKX\xa4\x15\x8d\xec!\x96\xd4\x1a\x8e\xb1\xe8\xd7\xb0L\t\x88\x08\x03\xc2\x03\xe8\x11\x91U\xc6&amp;\xcc\x18=\x87\xf6\xe4\xd6h\x9a\x9b{{r\xeb\r@\x13\xe1\xfb\xac\x87\x8a\xb5lS\x9c;\x1c\xb8\x8c\xe1\xf3\xfag4@gD\xb5\xa3\xc3\x04C\x06\xfe0r\xf0\x1f\xa8\xdc\xa2\x98a\xb8\x05o6\xa3#"\xfc\xdb\xe16\x00F\x99\x05J\xcf\xa4\xdaV\x8d\xc8\xf6k5\x9cU\xad\xdfo\xb6{5I\xa2J|\xf89\x0c\xe8\xa9p\xbf\xdc\x16\x08\xe1\xbe\xf6\\\xdb5w\xa2J\xbb\x85\xf4\x9a\xfe\xfc\xc53\x0b\xc5\x9b\x9d\x9a@\xc7\\&lt;\x8f\xfb\x1c5X{\x1c\x92aGG\x05\xf2k\x11v\xf9\x1f-b\x10\xe1\xafr\xb9\xf1\x96f\x9f\x1abI)}x)\x8d\xce\xc0&amp;Q\xadK\x03\xa5\x97,\x05&gt;\xa8X\xe6\xf1KX)C&gt;\x1266\xf9S\x17%\xc6U\x9a9hM\xc2\x0cJ\x8f&gt;\xdc.\xb4\x1d\xca%\xa7\xb2b\xdb\r\x99\x03\x97[\n\xcb\x91r\xf6\x1fe\'\x18\x9d\xb3w\x15\x12&gt;\xe7\x89\x88\x00\x1f\x17\xf2\xf9\xaa\xfdX\x9d\x0c\x07\x8a%\x1e{\x84\x87\xaf\\\xd3\xb7\x9bQ\xea\xe88\x05\xf2s[\xba\xd6\x9eg\xa6\xe9\xc5}\x1c\x7f\xea\x91\x15_A9a%4e/\xbb\x94J\x06n\xbf8\xc8\xd8x&lt;\xdc\xbc\xa6s\x85\x8d\xad&lt;C\xe5\xbc\x9bD\x8b\xf6\xc3^\x0e\xe9{\x0c\xe5\x12\xae\xc7\x8f\x96\xe6\xb0\x9b&lt;\x0f\xab\xb1\xe9\xee\x9fO\xdb5\xd9Ia\x8fn\xa8o\x03\x01[\xf0\xaa\x84\xcc\xaa\xc9\xc9.\xba\xa2\xe8|p\xb2\x8f\x9f\xad\xc3\xb1\xf9G\x7f\xf3\xf2\x11\x11\xe0\x05\x1b\xd1\xe8\xe889L+\xcbpVX\x1f\xdb-\x13FQ\x01\x9d{\xbd\xd3Q=\x03\xb6\x88\x00oOoE\xd2\xda,\xb6N9\xb7\x9d\xd9\x06\x80\x0e\x10"\xc2]\x10&gt;\xc99Gnd\xa3\xcd{\x9c\x93\x05\xfe?]2\xf7\x1b\xa6\x9f\x8b\xb7\x9e8&amp;N\xbdt\xfb\x80\x86\x0fpj\xad Eu\xcfgh\'F\x03\xd3\xaa\xfdsH\xf7nJ)/\xfc\xef\xb6\x8c:2\x93~\xe6F*::\xce\x00\x95\xf3\x9f\xb4\xe6\xb6\xf7uuL\xd6\xc1\xf6\xe3\xd8\xf3\x9e\xc3N\xbcLqB\xd8\xab\xecp\xda\x9dk\xe7\xda\x00\xe8\xfb\xe1\t\xcf\xb0\xa9&gt;X\xf8\x1d\x8aL{\x14&lt;\x01\xc8\x1c\x12g\xc5\x94\xf5m\x98\xd7\x1b-\xd3\xb7\x13\xdb\\f\x19\x9a0Q\x84d\x1dX3\x87n\x87c\x0c\xd0\x96S\x063Cut\\2\xc0\xf5\xe4\xde\xfa\x84\x97\x15R\x92E\xa5%OXYN\xf7\xa2f&gt;Jf&lt;z\x96\\]\xb2\xb3\x8b\x8f\xb0\xe9Y\x95\xaah\x01\xcd\x92\xdfx\xda\x93\x0e2\xe9\xf0\t=\xf9\x18\x8b\x03\xec\xd1\x0e\xf2\xef8\xd2\xf0\x1dk\xa9\xd1\x1a\x86L!)l\xa8`\x19i5\xb9\xd9:\xaf\xbfa\x11l\x18\xe2\x13?\xd2\xa4oOF\x04\xf0\x8f\xab\xfd__\xc4v\\\xfdg\xb6"\xcb\x0b\xccU\xefc\xc2\x98PS3\xee\x03\xc3\xdb\xf0\xea\xe88\x16\x94i\xaf\xec\xf3\x0c\xfe.\xe6D]\x16\xca\xb6\t{\xea\xe8\xa2dGK\xc9\xcf\xb6\x8a\x1aM\xfe\xfe\x83\x9d\x12y\x10\x0f\xb7y(K\xed\xfd\x8eX\xb2\xb0\xdf0\xca\xc7\xb0\xbb\x7f *\x96\x98\xd58\xb3\xdd\xa3\x19\xbcQ\x19c\x83\xe2\xf3\xa0\xb0\xc2\xb0m\x8d\x1b\x00\x8c\xae\xe9\xbdN\x0f[\x05\xdeL\xf9A\xfc#\x0e\xbdKD\xf4BmyR\xc3\x8f\xe2\xf6\x005\xd9\xc7vQ2zi(3\xe9\xe8(\xc7pj\x02,\xc6\xb0^\xb8Mq&gt;\x0c\xc0\x12F\xc4a8\xbd!4\x1b\x87aH\x933&amp;\x89\x88\xf3\xc5\x83\x98\xb0\x01\xf0\xa81f\xc7:\x92\x03LQ\xa84\xf5\x8f#\x91O\xfb\x92\xf0X.\xd9\x9d9\n\xdd"\xa8\x0c6"`\xc6Q\x19\x05\xdb0?(\x10U_-\xd5o\x80\xa4\xc8(-3\xe2\x88\x84\xedB\xc5\x80\xfa\xfa\x10M\x16\x17\x19MFj\x11\x92K\xe4]\x1d{F3 "\xb2K\x91\x82\xd1\x19E\x91\xe5\r#v\xc1\xe5\x10\xdf~&amp;.\xea8\x17\\\xe6\xd4\x04X\xd0(\xff\x8de\xc2b\xb7\xbbc\xd6\xed\xb3\x15\xd6\xb7\xf8\xc30\xe5\xb01I\x91}y\xd1\x90\xf5\xc5\xa1m\x1f\x07|\x1e\xd6!;\xb45\xab\x7fFV,-xKz2\xa7G\x03\xd3\xbd\r\xd2\x95h\xda\xa4|\xf5\x0f\x00_\xc7\x06\xcd\xa1\xe3DBX1\xf8\xea\x913,p\xc68\xaa\xc3\xc0D\x9a\xb1\x04&amp;[\xca\xf1\xa2\xa9\xaf\x01\xdea\xaaW&lt;\x14\tq\xf0\\\xa7\x98\x03\x1c\xb86\xcc\xe9l1\xbbD\xb6U^\xa8\xab\x7f\xdf\x1f\xbc\x1e\x86a\x9eX\x9e\xa6;\x1c\x11\xdf\xe6\xa7\xda\xd1q\xde\x08\x1f\x905{\xf4\xa6(\xb4\x91\xc9\xcba\x91\xb6X^Vp\xde\x1cW1[]\xf0\x89\xac2JN\x15\x08\xf0P;\xb7\xe5\x81luhY\x17\r\xc5\x8f\x8f\xd7W\xfb\x86\xd0)\xd4\x9d*G*\xf4\x92\x87\xfb\xc2\x18\xe5\xc7N-\x1d&gt;Qq\xd3\xf5\xf4\xa4\xde\xb7\xf3w\xb4v&lt;\x91\xd9\xa7r\x8eF\x1da\x03\xd0\xc4X%H\x0e&gt;\r\x1d\x12\xeb\xe7\xa9\n\xbc7\xa6\x1e"\xde\xc8\xfa\xc9\xbd\x12n\x1d\x1d\xe7\nu\xcdM\xaf3\xd3\xe1\xbed\xa4\xb6\x01\xd2\x16\xcb\xab\x1a^[\xa7\xba\xdd\xea\x96\xd2\xdaL\xbae\xbe\x95\xbaD\xf1\x964c\x87\x98&gt;\xc3R\xc8\x14\xce\x1f\xb0C\x00$\x1aw\xc7\xd9.M\xb2\x1e+\xde\x00p\x1d\x1d\xd1^\xb6d1\x83\xaf\xd8-\x158\xaa\xf1\x19\xa3\xbd\x81\xcf\x14\x05\x9e\x833\xf7\x98\xe8\xedh\xb2-\xb4\x84\xb1\xa5J\xc4\xad/\x81\xec\xe8\xb8\xf0\xd0\xe2\x98\xdc\xfaa\x92\x87u\x7f3K\xebe\x96\xc9\xae\xfe\x9b.\xfe*\xe1t\x0ekx\xbc(\xd1U\xaco\x9dk\x94\x9a*6woxr\xf6!\xe3;\xa9\x8d\xfc\xb6\xc9~\x86Q\xb9\xe7\x06\xe0|\x17\xe2\xa7\x82\x16\xc0\xf3a\xb9e\xfaOeF\x1d[\xc5\xb9\x8a\xcbW\xf4e3\xb1\xea\xe9J\x05\x99\xddPEr\x83e\xdcY8M\xc6\x13\xd2\xf8\xd1,z\xf3&amp;A\xb2&gt;\xe3b\x93\xaeh\xc8\x8c\x1b\x00mq\xc2\xf58\xf3\xe1\xee\xe8\x10\xf1\xad\xd9\t\xaf\xd9\xca/~\xd2g\xf8\xe8\x0e\xb3\x01\xd0\xebsps\x00\x00 \x00IDATx\x1e\x0b\xb6\xc5D\xc6\xf9\x89\xc9\xcb\xea9\xbc\x98\xd9\x1dUV\xb1\x96\x1b\x80\x90\xe4\xeb\xe1\xe1[=\x93\xa51\xd3\x8b\xf8I\xd1\xeax\x8f\x91c+\x0e\xa2\xccP\xf2\xf8\xe2\xee\x1b\x17\x93\xc6\xc2\xff\x14\xd7\xba\x1ak\xf2\xef\x96WO\x9e\xf2\x03c!\x10\x01\xee\\-\xa1cBE1\xdc\xcf\x8d\x1bl\xdb\x8e\x14\xd2\x1d\x1d\x07\xc0\xc6K\xea\xf8h\xed\xbf\x88\xdaE\xb5\x92\xe7\xe9\xfa_J\xe0#n\xd3g\xc2\x0f*\xeb\rw\x13V\xae\x88\xf0$\xfe\xbcd\x9d\xefK&gt;\x9f\xba\xdb)\xf8\xfa\x10C\x1d\xd3:\x1d\xe1\xba\xb0\xa1\x96\xed8\xef\x8b\x88\xff_m\xa8\xa9\xcdD\x9eY\xfd\x17\xa8\x90:*\xa2\xda/J\xb6E\xe1\xa6\xa8\xad\xd8jl\x9bng5\xa0%\xa0\xfb\xc0\x82=\xe1I\xa0\x84\xa2n\x82R\x13\xce-y;:6\x05]2n#~}\xf3\x99\xee9\x95Y\xfe\x9f&amp;\xab\xcb\x1f\x0bf\xddK,\xaa2\xe1\xce\xc1P\x16\x8a\xca\xd0h\xea\xe7\x9au\x9b]\xb8}gh\xa7\x91\x8eW\x93\x11\xdc\x17\xbbN\x84\xe2(\xb7\x18\xfdl \xa9C\xf3\xfe\\Ge4\xb7\x8a\xd8\x16\x08\x9f\xaf\x16-\x9ae\xeb\xe2\x92[B\xb0\n[kl\x9e\xbf\x9f\xd0TZ\x15\xd6x\x0e*\xd5\t\xf6T\xca&lt;.\xb5,P\xad\xa88j\xf2vt\xec\x86W\xec\xbf^Qu\xc99\xf9f\xc4\x9b!\xc69\xbdT\xb1m\x92y\xa3\xc2\xa4K;\xeb\xc2T\xc2\x7fK\xabwvi;u\xe7\x15\x03\x16\x93\x1f\xa0zF\t~\x87+t\xff\x9f[r\x15P\xa5]\xaaB\x91\xf6U\x84\x1c\xd5\x9f\xee\x12\x14\xf6\xad2\x8a\xb8\x0e\x01\xe0?\xb6wQe\xd6\x9c\x04\xfa\xea\xdc\xdb\x8c\xed8\xfe\xd7s\xb8\xb0\x0e=\xab\xee\xa8\xd1\xde\xd1Q\x8au\rm\xee!\xc9\xe1\xdf\xdeN\xaeM\xa5e\xeb8k\xe5\x86\x0460\x87qo4\xd6\xce\xa1\xdf\x0e\xdb\x1eA\x19\x1c\xdb\xc6\xf9\x07\tK\x0e\xdbRJL\x8e\xde~\x91\x81\xc0\x0e\x1b\xa7\x03\x8d\xcb\x16A\xd2:\x9dkD!\xf9\xdf\xd6\xbaT&lt;$/\xb9\xad\xdf\x0eST\xed\x90\xe7\xf4\x1dJ\x99^0\x91\x01\xbd-u\xab\x18\x02\xb1\x86\x1f\xb2\xb0wtl\x86\x1b\x05)\xb7\xbc\x96r\xc3\x963\xa5{\xfa\xb1\xb3x\xc3\xbd\x93\xb9\xe0\x90J\x18\xbd~\xb8\x05\xeb\x06d\x8cQ\xd1d\xb6\x9b\x9cy\x1c\x7f\x96cW\x13\x10\x11\xe0wv\xd7\xe8\xeb\xd1v\x8d\xb8M\xb1\xdak\xd4\xbe&lt;\xbf\x9d\x03\x00\xf8\xce#\xd5\x16\x00e\xbd\xb8\xdb\x19\xc1\x19a\x8e\xd2\x87\xe9M\xc6\x17[s\xf15\xffE}\xb0\xb4\xbb\xa8|^\xf4\x12\x0b\x80\x8es\xc7t\x06c\xa9n\xdc5\xbaL\x7f\x95\xbej\x17\xe63f1$\xef\xe6m\xb8.\xdf\xf1\xa8\x1b\x80JJ\xe9\xc1j\xfb\xf5\xf11\xf6\x00\xe5Q\xa1w9\xc1\x06\xa0\xb47\x00&lt;\xbc$\x8679K\xdekj_U^\xe6\xf4A\xc8a\x83\x049F\xc6\x95\xc3\x9eSl\xa1\x1e\xff\xbb\x01\xaf&lt;\x1fA\xafv\x02\xbd\x19\x1d7,1\xb3c\xac\x06K\x0b\xa3\xd2}"?;#\x98\x97\n\x9f\x13u\xac\xa6\xd6\xd1\xb1\x1b\x10\xbff\xdd\xce\xbac7^\xa9\xfbWH\xcaJ\x1d\x11\xe1q\x11+\xeb\xc3\xe2d\xad\x86\xc9\x0b\x93\x14{\xe3\xb4\xb7\xb5Y\xdd\xb6$\\\x10\x17\xae\x8f\xcf\x05\x18~\xc7\xc3&gt;\xacM\xd6\xee\x85\x18\xf56\xfe\xf8\xd0\xe9\xc7w\xff0sht\x10\xc3Q2\xfcz\xb9-\x8d\x92.\xd9\xc9\x9f\xf3\x8e"\x1b\xab8\xcf;\x1c\xab#D\xf8\xc9\t\xf8a*\x0el\x9b=\x8c5\x16\xae#l\x00::.\t\xd0\xb5c\xfd\x06\xa0,\xa3\xd8\t`\x9d&lt;\x02\xb1UG\xa7\xed!\x9b\xdc\x82s,Qeq\xa0\xa5\xa1\x8665\x17\x01\xf1%\xc4\xd8\xac\xe1\xbb\x94\xfbIE\xe9f#\xbf\x15\xdcqwg\xdau\xef\xbf\x010;vn\xe6\xc8\x08\xdf\x9e!x/\x8d\xcb\xb1V\x18\xc7\xda\xad-\xc9\x125+\n\xf2\xc6yq\xd2\xd5a\xd5F\xb4\xac\x99\xc7\xd8:\xb7\x98\x1fPl\xeb\xff\xe7\x8ee\xe1/\xfa6\xa0\xe3\x92\x06"\xc2w48\xfa\xaa\xdc\x03DR\x97G\x87\xab\xccQ\xec\xa3\x9c\x0fgk\x1b\xe7d\xf5\xf2\x11\x80\x8c\x94\xd2@z\xc2\xbe\xa5\'\xc3\xfdX{E\x88\xebN\xb5&lt;$\xbe&gt;\xbb\x8b\xfbrj\xc8v\xb1G\x03[\xd5R\xbe!/#\xef\xed\xe5\xd9\x12W=\xeeSJ\xc1qJD\x93\xe2l\xac\xf3\xc5\xb51\x94\x9f\x95\x80\xa4t\x9cO5\xde\x86\xa7\xd9\xfc\xc3zIy(\xd4TM\xcb\xe5JG\xc7\x05\x81{m\xc4\xad\xfe\x9bl\x00\x9e\x1c\t\xd7\x97\x95\n=\xe6J\xbb\x9c\x7f\xcb\t?Xr&lt;\xd4\xd4\xd3v\xc1\xb35x\x92\xd4p\xce\tQ/\xd1\xd2\xac\x0f\xf7\x9a\xb1\xb6\x1a\x0b[Fk\xdd\x9bSj"\x99\x04\xf0\xce\xcf\x01\xf6\x8b\x16Z\x90\x7f&gt;+\xb94\xa3\xf7\\\x99\xb5\x9d\x0e\x0e\x8d31s\x9f\x89@\x89\xb13\x99\x86::\x1aC\x9d\x98\xa5\xac\xf8\xd8t\x03P\xa88wW_\xe5\xf3\x99\x9c\xde\xbaX\x9b\xfe\x063e\xd1\xc0\t\x0b\x9dJ\xf0\xeb\xe6\x1ay\x1b\x8d\xb5]\xe6\xdb\xe6\xc6\xff_"#:\xc8_\x8f\xdbO\xba\x01\xa0\'p\xf6\xd3D+%\x12l\xbb\xe5\xa0\x83\xdb\xa6&lt;N\x83\x877\xde\x00\xc078\x04\n\xb3\t\x8e\xf7\xf4\x8e\x87\x1c\x8e\xbb\x9d\x9a@9\x0e\xe9O\x06EC_~p\xc9\xde\xb2Jy\xc0y\xb8\xb4\xa3CA\xbc\xf8\xe0\x12@\x99\xb3\xe9\xd2\xbf,\x1fj\xd7\x04J&amp;Wo\x00\x0e\x9c\xe1\xd5\x9b.@\x04x\xea"\xcb\xa5\x98&lt;v\xdf\n\x93i\xe5Z\xc4`&gt;\xc6\xb0\xeaO\x00N\xc2pq\xb8o\x91w\xe4\xb5\x85\x9d\x1e\xf1|\x03sN\xb5\xf9\xe4R\xe6X\x03\x84\x86\x8f\xc9\xf1w\xab\xad8\x94\x1f\xf6\xc4\xc1\x93\x94"[\x00\xc9\xbc\x87P\xba\xfc\xf8\xa3\x16\x0e\xa9\xdd?tt\x9c\x1cqi\xb8\x12\xc2\x9b\x10\xe0[\x93&amp;RX\x93\x0c\xac:\xb9|\x9f\xe43\x12\xf5Hi\xd7n6*\xd9\xb493\x08Vi\xfb\xdb\xf21D5\x8b6|\xf4\xed\x8d\xf5\xee\xf5\xe3\x06\xce}\xc5\xd9L\x9c\x8d\xe06V\x1f\x88sA\xb8\xaah)p|\xd3D\xa6Qo2\x88\r+^,\xb9H\xc6\x1e\xc7\x07\x9cZ:\xb8\xda\x8f\xbf:K\xc4\x19\xa0t\xd6\x13\xda\x9f\xee#m\xf0\x134IM\x0b\x0fFA\x8bL\x17]\xfa;\x17\'l:.&gt;\xd8L\x88.Z6\x00\x86$l\x9e\x18\x05\x02\xbf\rC\xec\xf9Q\x84v\xcb\x8b\x83\x9cao\r\xddc\x08\xcfI\x1b\xe4\xf7\x90\xdeQ8\xc0\xea\xd6}*\xaf\xc9\xca\xd8r\xb8\r\x80\x90\xa4\x8d\xd5\xadV4\xda\x19\xe2|\xce}\x80\xf8\xd9\xe8Tr\xf3\x07\x80\x9bJP\xea\xbf\x12\x06\xcb\xd23\x92\x94\xf3\xc6\x833\\7E&lt;\xe59:Fb\xa2\x17\xfb\xa3\x85j\xfb\x02\xe0\x0e\xe9\xc34 \x8f\x1d\x00\xbe\xb7\x9aLG\xc7I\xc1\xe7@8\x17f7\x00\xa7X\x8f""\xdea-\xc7V\x02\xa7\xdb\x00HK\x99\x8e*\xac\x91\xf9]\x1b-\xb6\xa4Q\xdb\xe3\x8c\xb0e\x94\x1a&gt;zQ\xb5\x01\xd8w;\xbd\x85L{\xf0\x98\xb7\n\xff~\x84\r\x80\x0f\xc7`\x8b\x88\xf76o\xc6\x9c\xd7\xcb\x91\x0e\xe54\xbe?\'\xea:@\xd9\xaf\x99\xef\x82s@\xf6\xfa\xc9\xe1M\xb1x\r \xf5M\xc4&gt;v^\xfd\x1f\xca\xfc\x8e\x8eB\x18W\xf6\xb9\x04\xc3U\x96\x94Q\x8d\'\x15Z\xd1\xf8{M\xd5\x9d\x0cfC\xb6\xb1\x17\x11\xe0}7\x91\xdc\x1eZHH\xed\xeb\x95:\xaf\xfb\x154\x08\xe6\xf5q\xf9&lt;\xa5\xe5\x8f\xae=\xe2c\x943\xbd\x88\xd8\xc5\'6\xf99\x1a\xd5+\x1b\xe1 \xe9&gt;\x852\x0f\x18N!\xa5u\xe2\xd3;\xd5\xeb\xac\x93`\xf5d\xd2\xe6d\x9f\x83R\xd8F\xcb\x92\x9a\xb2\xd3KV\xc7%\x8dL\xf4\xbf}Z.X\x92$\xc9\xc6\xf4\xe9a\xc34#Z"b=\xa5c\xfc\xea\xa9\tl\x8dd\xff\xa94]\xe3\xf08\xa78\x1a\xedF\xc1&lt;\tass\xbc_+}\x96\xcc\xac!N\x89\x83\x0c\xf1\x868E\xb9\xfb"c\xbb\x16e\xff\xe4#\x98\x12H\xe6\xc4\xdb\xc6\x93]\xc5\x88\xf0O\x18\x1a\x0c\xf1_\x98fp\x80o\xabU\xb4\x19\x92\xe5\xfe\xfcz\x83\xf8\x17K\xa5\xa1cs2\x1d\x1d\x9b \x97?\xef\x80\xf9\xd40\x17\xd6\xd1\xfa\xdfz"U\x9c-\x8b\x96$K\x0f\xbb\x018 \xa5\x068\xb9\xab\xd7\x90\xb3\x1dq\xa9\x84[\x9e\xdc\x1b\x1b\xea[\x91\xd6\xc1&lt;J\xfb\x17FG\x83\xe7\x0c\x173\xc2\x0f\x0c\xf2l\xa7!\xfe\xa6T\x9a\xb8`\xaa\xf9\xe8\xc8\xe1\x82*\x98\xe6vy\x04}\xd4\x19\xcd\x87z\x13\xdc\x0b\x8cj]}\x03\xd0q\x91\x91K\'k\xbe\xc5\xcb\x7f[\x0e\x90\xc6\xe59S\xd9\xbd\x190\xb3\x92\xdb\xe7Y\xea\x8f\xae4p9\xa9\xdaT\xf5\x83N]\xef\x9cQ\xb4#[\x03\xa5it\xc8\x81\xd6\x0e\xb4\x18\x12\xe6\x1dTG\x8a\x8b\xb1&gt;\x03\x80L\xb8\xe6\x9e\xad\xcd~\xb8\xbc\xde\xac\x8c\xd9q\x90\x1d\xeew\x1f3\x95\xee\xb4\'%\xe6\xb1I\xc3\r@\xb6U\xa5\xa2b\\\xa0R\xd0q\t \xb3d7\xaf\xe6\xcb6\x00s\xae^\x84\x84A\xc4\xf7\xce\xd4}\x84;\xecdi8\x10\x17\xbc$\xf9\xa3n[\xb8h \xe2\'V\xef\x81\xebq4\x1f\x9e\x17\xcc\xdb\xa7\xf3\xf6\xed\xba\xcd\x1e-\r\xed%\xf1\xf3\x14M\xca\xc7\x99B\xfd\xe4\x19\xa1\xe1\x889\x92\xcb\xdc\xda\xd4\xb6\xf6=y\r\xa1\x04\xcc\x89Y\xa5M\xd2\xde\xd1qt\xe4&amp;~o\x15\xdep\x19q\xc4\xd4r\xf3Y\xdbW\xd8r\x03\x80;\xd9\xba_\xf0\x15\t\x1cr\xe5\xca\xac]\xd4\xcf\xf7\x1f\x81\xffAh\xb4\x83\xe3\t$\xc0\xd7\xd6*3\xf9\xed\x02\xf8V\r\x92\xa6\xc1\x83\xcb\xc9\xc5*3\x15~\x83\xb3s\xe9l\xd1\x0f5\xaf\xbd\xed\\\x11\x97/D\xfcl\xc3\xc3\x1f\xc8\xfc\xbd\x902z\xf9\xba\xa4,\xc1\xe7\x17\x1e\xd5N7\xfe}\xdf\x00t\x9c9\x0e\x13\xaf\x88\x00\xf0m\xf2\x07I7K-\xe6y%\xa7zkG\x11\x03\x13KIe9\xccx5\xc0\xa6\x0f\x85\xef\xbe\xa7\xafP[\xa9\xacm\xe8\xe4\xb4KPYq\tN]u{\x9e\x82\xcd\xff\x05r\xef\xe3\xed\xb6\x14\xbb\xf7\xa1\x9bnJO\x12\xed\xf3\x06\xe0b\xe7\x9a\xf5\xf8#/H;\x98\xe0\xeb\xad\xc7\xb1\xcc,_\xbf\x81\xb9\xd0#\xdbq\xc1q\xda\xd8\xbd?\x86\xa8\x14g\x94\x90\x9c3\xf1\xe7[\xe9\xa5rf\xeaz\xebhKC\x00\xb8\x97\xe7K\x1d\xad\x94Z"Ah\xb0\x9b\x03\xaf\xe5jMwq9_\rQ\xc7\xf5\xa3\x17;\xe0g\xcfq\x81rv\x84/&lt;\xa6#\xe1\xe0\x92\xa7\x92\x94N\x04\x96\xf6\x9f\x10\x96\xfd\xfdAT{V\x9c\xb9\xcavFY\x90\xa1\xaa\x05@0E\xd2\xbb\xd9\xb2\xbfN\xf44\x00l\xf1\xa6\x9c\xcaut\x9c\'\xd24\xa8\x12\xf71\xb9\xcf\xc1\xe7\xc8\x84yXu\xced6\'\xf8\x16\xa6k\x8a2\xd3\xe3\xbb\x8f\xceO\xe7\xc8\xbd\xd6\xaf:\x10\x11?m=\xaf\xb2\x1e\xd8\xb4cn*\xca\xcc\xdd\xd3x/\xbf\x9eX\xfc\x93\r\x1en\xd9t\xf2x84\xfaL|\x16\x98\xa7\x9b\x8a\xc5_+\x1eN\xe1\x88\x08\xcf\xf2\x93\tTD\xdd\xff\xdfBE\xd6\xc9T6\xb6\xfd\xbd\x8e2k4\x84\xe7\xdc\'\xb2=\xf7\xd8!\x08\xb0x.\xfe\x95&amp;\xec;:\xce\x004\x91\xdc+-\xa1\xd9\xaf\x0bG\x1as\xf5\xcf\x90\xf1\x16\xb2\xfa\xa9"\xa8\x02\xbe\x0f\x10\x17+\x8cQ*J\xc7\xcd\xcb\xa6\x84\x90\xd8n\x93\n\x1f6\xef}\xf8C/\xea+e(\x0b]\xbaax\x9c5\xa8O&gt;\xa1:P\x0b\xfa^\xb0\xf5\xd6\xe6\xf0\xd4\xba\x1d\x1c;2y\xeb\x86\xd2\xdd\x0f\x19N\x15N\xf1\x13\xd4\xe0\xcd\xee\xc5\xa7\xb4B\xe6\xbb&lt;\x90&lt;\xea\xe7\xa6\xe0\x9e\xce\x1d\x97\x1a\xd6\x8a\xacUg\xd7:\xb5\xb8d\x94\xad\x86[\xac\xa1q\x91c\xef\xf3c\x87\xdf\x00\x14K~:\xf7h"\x92]\xcc\xea\xc4(/\xf4\x88\x88\xf0\x08\xd2\xf7\xc5\xd1\xcey\x8a\xa2\xa6\xce\xd90&lt;\xce\x1aM|\x92\x13\xb2\x9d\xdbO6\xa0/\xbb\xd4biJ\x9f\x9fb\xefm\xac\xd6\x9b\xb9;\x0f\r&amp;/\xc6w\xbb-\x85\xe5\x83B\x87\x8c\xb2\n\xa9M\xc1}3\xd0q)B\xa9Y\xde\r@\xe1\xf4\xfc\xe3c\xc7\xab\xfaz\xad\xdc\xce&amp;i\xe3\xd2S\xbd\x97P\xa4W\x93\xe5\x95r\xden\xb9\xf0m\'\xaa\x89\xf0\xc8\xa5\xf8\x0e\xe2[\x0c_\x9f\x8f\x1f\xce\x19\x88\x00\xaf2\xb5\xfcY\xed\x99\x8ct\xe7(\x07\xfc\x8d\xf2w\xe3\x82\xa0in "C\xfb\xd5\xaa\xde;\x17\x98\xdc\xc4K*m\x04\xb8\xaa\xafV\xb4\x1e\xb8\x99[\x14\x15w\x99g\xe1\xd3\x80Qm\xfbh\xa5\x9b3\xc6\xf0u\xef\xe8\xb8`\x102\xa1$C.lF\x</t>
        </is>
      </c>
      <c r="E254" t="inlineStr">
        <is>
          <t>&lt;class 'numpy.ndarray'&gt;</t>
        </is>
      </c>
    </row>
    <row r="255">
      <c r="A255" s="1" t="n">
        <v>253</v>
      </c>
      <c r="B255" t="inlineStr">
        <is>
          <t>steps_per_sec</t>
        </is>
      </c>
      <c r="C255" t="n">
        <v>2900</v>
      </c>
      <c r="D255" t="inlineStr">
        <is>
          <t>2.623293</t>
        </is>
      </c>
      <c r="E255" t="inlineStr">
        <is>
          <t>&lt;class 'numpy.ndarray'&gt;</t>
        </is>
      </c>
    </row>
    <row r="256">
      <c r="A256" s="1" t="n">
        <v>254</v>
      </c>
      <c r="B256" t="inlineStr">
        <is>
          <t>Loss/RPNLoss/localization_loss</t>
        </is>
      </c>
      <c r="C256" t="n">
        <v>2900</v>
      </c>
      <c r="D256" t="inlineStr">
        <is>
          <t>0.052574415</t>
        </is>
      </c>
      <c r="E256" t="inlineStr">
        <is>
          <t>&lt;class 'numpy.ndarray'&gt;</t>
        </is>
      </c>
    </row>
    <row r="257">
      <c r="A257" s="1" t="n">
        <v>255</v>
      </c>
      <c r="B257" t="inlineStr">
        <is>
          <t>Loss/RPNLoss/objectness_loss</t>
        </is>
      </c>
      <c r="C257" t="n">
        <v>2900</v>
      </c>
      <c r="D257" t="inlineStr">
        <is>
          <t>0.045178324</t>
        </is>
      </c>
      <c r="E257" t="inlineStr">
        <is>
          <t>&lt;class 'numpy.ndarray'&gt;</t>
        </is>
      </c>
    </row>
    <row r="258">
      <c r="A258" s="1" t="n">
        <v>256</v>
      </c>
      <c r="B258" t="inlineStr">
        <is>
          <t>Loss/BoxClassifierLoss/localization_loss</t>
        </is>
      </c>
      <c r="C258" t="n">
        <v>2900</v>
      </c>
      <c r="D258" t="inlineStr">
        <is>
          <t>0.18110757</t>
        </is>
      </c>
      <c r="E258" t="inlineStr">
        <is>
          <t>&lt;class 'numpy.ndarray'&gt;</t>
        </is>
      </c>
    </row>
    <row r="259">
      <c r="A259" s="1" t="n">
        <v>257</v>
      </c>
      <c r="B259" t="inlineStr">
        <is>
          <t>Loss/BoxClassifierLoss/classification_loss</t>
        </is>
      </c>
      <c r="C259" t="n">
        <v>2900</v>
      </c>
      <c r="D259" t="inlineStr">
        <is>
          <t>0.26219428</t>
        </is>
      </c>
      <c r="E259" t="inlineStr">
        <is>
          <t>&lt;class 'numpy.ndarray'&gt;</t>
        </is>
      </c>
    </row>
    <row r="260">
      <c r="A260" s="1" t="n">
        <v>258</v>
      </c>
      <c r="B260" t="inlineStr">
        <is>
          <t>Loss/regularization_loss</t>
        </is>
      </c>
      <c r="C260" t="n">
        <v>2900</v>
      </c>
      <c r="D260" t="inlineStr">
        <is>
          <t>0.0</t>
        </is>
      </c>
      <c r="E260" t="inlineStr">
        <is>
          <t>&lt;class 'numpy.ndarray'&gt;</t>
        </is>
      </c>
    </row>
    <row r="261">
      <c r="A261" s="1" t="n">
        <v>259</v>
      </c>
      <c r="B261" t="inlineStr">
        <is>
          <t>Loss/total_loss</t>
        </is>
      </c>
      <c r="C261" t="n">
        <v>2900</v>
      </c>
      <c r="D261" t="inlineStr">
        <is>
          <t>0.5410546</t>
        </is>
      </c>
      <c r="E261" t="inlineStr">
        <is>
          <t>&lt;class 'numpy.ndarray'&gt;</t>
        </is>
      </c>
    </row>
    <row r="262">
      <c r="A262" s="1" t="n">
        <v>260</v>
      </c>
      <c r="B262" t="inlineStr">
        <is>
          <t>learning_rate</t>
        </is>
      </c>
      <c r="C262" t="n">
        <v>2900</v>
      </c>
      <c r="D262" t="inlineStr">
        <is>
          <t>0.039991677</t>
        </is>
      </c>
      <c r="E262" t="inlineStr">
        <is>
          <t>&lt;class 'numpy.ndarray'&gt;</t>
        </is>
      </c>
    </row>
    <row r="263">
      <c r="A263" s="1" t="n">
        <v>261</v>
      </c>
      <c r="B263" t="inlineStr">
        <is>
          <t>train_input_images</t>
        </is>
      </c>
      <c r="C263" t="n">
        <v>2900</v>
      </c>
      <c r="D263" t="inlineStr">
        <is>
          <t>[b'1024' b'1024'
 b'\x89PNG\r\n\x1a\n\x00\x00\x00\rIHDR\x00\x00\x04\x00\x00\x00\x04\x00\x08\x02\x00\x00\x00\xf0\x7f\xbc\xd4\x00\x00 \x00IDATx\x9c\xec\xbdw\xbc6MQ&amp;\\\x83\x01\x05\x03"&amp;\xd4ETD1 *\xa0\xb2&amp;\x04]WTD\x10L\xecg^\xc5\x15#\x8a\x01E\\\xe3\xca\xea\x9a\x00\x03\xa2\xae\x81]1\xaf\tE\x14\x05Y\x05T\xc4\x08bF\x01\xc3*"\x06\xea\xfbcfz\xba\xbbBWu\xf7\xcc=\xe7&lt;}\xfd\xe0y\xef3S]uuuuuu\xcf\x9c\xfb\x00\x0c\x0c\x0c\x0c\x0c\x0c\x0c\x0c\x0c\x0c\x0c\xdc0\x98.M``\xe0\xc6\x02"\x86\xcf\x13\x00L\xd69\x187\x04\x80{\x03\xfcp\xde\x16[ft\xd0?M\x13"N\x02\xb1p+\xe3CA4l-\xd6[\xc9\x95\x8d\x00@\xacz\x9a@\xeaW\xc6!k\x98q`\tG\x02\xcb\xfd\x94v\xd2H`R\xf4\x04\x83`\x856\xa6\x9c\xa7\t\x88\xeb\n\xb6c\xaa\x88x\x13\x00\x9c\x001m\x8e\xb8\x8alNX?\xcf\x1f\x1e\x08p?\xc4{\xb1\xdc\xa8\xf5\xcc?\x81&lt;`\x14\xe7\xff\x84x\xd3\xa8\t$S\x00\x11\x83\x12\xce3I\xa7\xa4\x10e\xb9Q\xe4\xc4TU\x9c\xad\x100 \xc5g\x05\x8a\xfd\x82\xd8\xb1\xa2\xdd\xa6T\xb0\x1fV\xe6\'\xe1\xc6N\xf9}-f\x13\xe4\x00\xd3\xc7X\x81\xd3\r\xae\x03;\xb8\xe8\xf8\t8\xa7;\x9f\xd1\xab7T\x03\x03W\x1a\xc9\x06 /\xbfxq\xa9\xe0\xb6\xe4,\xbe\xea\xdd*\x9fX\xc3\xef#\xbe\xb9|7\xe7#\xf4%\xb3#r\xb0C\xedf\xa2\xfb&amp;\x00/\x97\x9b[h\xb0%\xac\xceG)\xc1\x15\x83\xf3]\xbac!\xfaW\x87GfB&lt;(&amp;\xfe\x14\xe0\x8d\xa3\xbd\r\x00\xbc5\xc2\xb3S+\xf1\x96\x8f\xedQ,\xc3\xd2+\xc5$\xd2\n\x9b\xec\x19\n\xdeN\x85!\xde\x1b\x94\xe2\xbf\xa0\xcf\xb3\xe4K\xcb\xf9\x1e\x15d2\xc5D\t\xd0\xec\xc6\xfb(\xdd\x14$bb\r\xd1\xafBRzwP\xcd\x94\x05\x8f\xa1k;\x12\xdb\xbd:G\xc4\xa3\x8a\xf2\xab\xbb\x01\xe8\x8e\xab\xe2\x8a\x9b\\\x9a\xc0\xc0\xc0\x8d\x88i\x82i\x82\x1f1T\xa4 \x172\xc5\x82Il\xb8\xdc\xcd.\xdfn\x9a\xa6i\x02X\xff#T\xa7Sh&lt;EX\xd6\xc8E5 \x02\xce\xffo\xab\xfe\xff,\xea\x0b\xa7j\xa13M0MST"gbH\xfb\xc2\xe6\xe6\x1f]\xa5bsSe"O\x1a=!#\x84\x0b\xadR\xa9\xb7\xf4\x05\x93\x8b\x0b7\xc9\xb5\xd3\xf4?\xdf8\xaao\x10\x01\xa3\xea\x7f*\x1e\xe4\x0b\xd7\xc3\xe5\xc8\x90\xc2\x1d\x00&amp;\xe2\xe5\xa6`p\xd6a\t\xbb\xac\xcb\xc2\x89\xfe&lt;*L\x98Q\xd1u\xf4\x94\xe8\xa8\xebl\xb9\x8f\x1f\xb7&amp;\x10Q\xc5\x7f\xd36\x9f\x8a\xa9g\x89\x11\xe5\x9d\x01\xbf\xef\x94\xe7\xd8\xec\x83h\xc4\x96$\xd6\x98\xa3\x1a\xc9\x18\xad;InO\x0c\xfdm\xfb\xe2\x82\xa6\xc3&lt;=\xde\xe8\xc0\xc0\xc0\x00\x81P\xc8\x16\xe4\xbf\x01\x19\x14S\x1b\xd7(\xd3\xc0\xb7\xca.\xc4\xfa@nn1\xb7}f\x05\xde\x1eY/\x159gb+mdI\xc1\xea:\xa2\x96\xe1\x99]\xe1|^\xee,ww\xa3\xb1\xb0\x95\x9b\x17]\x9b\tH\xccHU\xf8{,\xed2s\xb9\xe7\xca\xe8\xcc-\xfeT\xd6&amp;*\xcc%\x83\xf7r\xe5\xc0\xf41\x89g\x95\xe4]lUsAO\xea\xe7\x9aR\xc0\xe2FD|\xa0&amp;f\x19\x8b=\xa1X?_yt9_\xa1\xdd\xbay\x8a]\x08]\xe9\x9dMO\xa4\xaf\x9c\xeb\xdaG\xea\xbc\xa3&lt;00\xd0\x02D|\x9e\x7f\x03\xe0,\xb3\n\xcd-\xf9\xcb\xa2\xb3X\xbd-b\xc2V\x01\x00\xe0\xf5D&gt;\xd9\x15*\x86\xccymnN\xa3\xc4x#\xfaL\xee\xcan\xd1|\xcb[\x97\x17\x12\x89\xb0\x0e\xae/\xb96\x80\xa7\x96yGcZT\x1e\xf9\x84i\xceB\xeb\x02\xcf9\xd6\xf64\xa9\xc9\xdcn\xa9\xfe\xbf\xa1\xfa\xcc\xaf_\xcd\x11\xed\xa3*5\x14\xc8\x98\\\xad\xdc\xb4\x90(\xcb\x0c\xec\x8flj\\\xf6@]\xc1\xad\xc5\x89y\x1d\xa1w\xf3N\xadN\xf06\xbf!|&gt;0p\r\xb0\xd6\x07y!\x05\x7f(&amp;\xf7\x90U\xeb2\xac^o\xcd"\xeb\xbf\xce\xb3(\x8e\x89\x91^,\xf6\'\xb6#\xcf\xcc\xe2|\xe59i\xa5\x98\xad\x91J\xc5\xc9:d\xfdL*~N\x925a1\xad\xb4J\x0c\xbdU&amp;S~\x14\x10+_}EL\xa8\x0c\xe3\xdb@\x88\xf94\xd8,f}\xa4}\x01\xe2\xb1\xc2\x02\xbc\x0bz\x9b\x13\xa6\x0f$S\x83y\xcaa\x98,R\xdb=p\x99\xca\xa3\xe3\xe8#\xe2\x1f-\x93\xeb_{\xe9\xec\x06:%O\x0cK\x06\xe8b\xa4\xb1}\xa2\xeb\x94.=\'\xab\x81\x81\x81v -\xb5\xed%\x14Qf\x11\xbe\x9f\xa2\xb9\xce\xf4\xb1\xa9s\xe1\xf6\xcd\xa9Q\xc2\xfc\xfd\x17\xaf&gt;\x889\xc6\x96\xfb\xb8\x15\x9d\xb4_\xe13F\xf5w\xba=\xc86f\x8c\xdd\xf9\xe7\xbcT"\x94X\xaa\x15\xa0\xe7\xf1\xeb\xe7w\xe6\xdd\x1a\x9d\xf1\x03\xfc\x01\xf5\xfd\xfa\xe9\xa9L/8\xdat\xf8$\xf1\xd4\xc9\x0b\x93\x8d\xf0\xc7&amp;#\x82\x9c\xf5t\xa4\xae\xd2\xaa)\xf8*\xbb[\xbf\xc1\x8e[\x08\x9fK\xcdT\x86\xb5\xe8\xa1\x90\xd9;1i\xc1\xac,\x08\xef\xd1_\xd1\xacA\xe6\xbbvg\xd1\x15^\xcf{\x95wQ\x92\x92\xec\x9f4\xf6\xf3\xc0\xc0\xc0\xc05\x80\xa5\n/\x1c\xa3\xc2\xa7\xd3\xbaS\xa9\xc0t:J\xf5\x96\x96\xc2\xe9\xdd\x0f: \xcd\x11o\x84\xfef\x15\xa4\xd4q\xea\x1f\xc9\xb7\xbc\xff\x7f\\pN*\xc9j.\x8eE\xb6\x145B\xd7\xa0G]\x81\xdf\xdc\\\xd6\xa6w3\xda8%J\x99\xbd\xebg\xe7\x87\xfd\xaaZ\x86k|!\x0c\xcd?\x8az4\xfd\x8f\x94O\xe8-\xcd\xdb\xe1\xe9\xbe&amp;\x1c\x8f\x97k\xecV\x97\x92=a$\xe2tB&amp;/f\x9bj\xa41\xef\x90\x0f?\xb6s\xd0\xcd\x85\xe7r\xbb\x1a\xba\x1c\xc4ls\x06x\xc3\xa3\xda\xc4N\xca\x07\x06\x06\xae:\xca\x05\xa8\xa5\xa2\xca\x9a|YCjKk2\xa6\x8a\x82|\x03pH\x8ec\xbb\xc3uP\xed8"\xe2\xef\xab\xceA\x01\xf4.s\xe5\x1b\xcb%\xbe\xfe#c\x17\x11\xee\x85p\x7f\xe9\xbe\x08e\x0f`dhq\x8b\xae\xd0\xa8\xca"\xef(#\x10\x01\xe0\xf3\xb5\x1d`\x99!KXg\xc8\t|\x9d\xd79N4&gt;\x16\xc89\xeb\r\xd5\xbb\xca\x00Y\xc9\xe4\xcc\x9akG\x87\xf3\xb9\x80DD\x80?o!`4\xbc\xb3\x89&gt;\xb8*&lt;\xed\x88\x86\xfb\xd9\xcd\xd1\xbb)\xec\xc2mO\xdc\xfc\xd2\x04\x06\x06\x06\x140\x15\x92%\xad\xf4\xa9\xcf JdI\xdb|id\xe4\xfb\xc1T\xd6\xb0\x1d\xa4\xab\xf8GDW8\xe7\xe4G\x8f\xc9\xdd\\,WN\xfc\xac\x15I\x186Ndt,c\xc7\x0b&lt;\x91m%\xe9\xcbu\xe6\x1e~|\xf5\x06\x80y\x13\x835g$\xb3\x07\x82s\xa4\xfbJ+\xddo\x82\xda};(\xb12\x1a\xcd8\xbf\xbc4\x1c\xaa\x13\xe4\x86\x9fT\xe3\x84\x83\xc3#\x0e\xc8\x17\x1e\xf5\x04\xa0\x01\xa7%v\xb5\x90\x05\xd8\xf0\xea\xc0\xc0\xc0\t@\x8a\xa4\xbaSR\xe67\x8c\x83\xbc\xaeO\xfd\x917_\x90\xb1k\xe3\x97\x7fD\xc4\xcf\xa4V\x8a/\xdb\xa4\xb5f\xe4(\xb1\x06e\xaf#Av\xb1\xd8\xa9YM\xfc\x14%n\x98\xa8J6\x1e\x0c7\xea\xc3\xd0\xf6k\x97\xbb?O\t\x17\xd9\x16;\xa2h\xa3\x9a\xf3\x1e1\xefn\x19Q|\xfd\xc6\x8e@\xd2\xf7HA\'\xbc\xde\xfd\xe9&gt;\x1c}\x90f7\xc76\xea\xc272\x81\xc4\x87Vr\xbbn \xea[]b\x7f(L\xb1v\xed\xbdt\xd6\x0fD\xad\xc1\xb2\xc4y7K&gt;\x9c\xbf#\xf7\xe83\xfag\xef\xe6\xc0\xc0\r\x0e\xebj\xc4\x15v\xdfXTmL\x01\xa9fK)\xc6\xa7\xa7\xc8"\xb9\xfb\x0f\x08\xb0\xf5T).\xad\xb4\xe5\x13\xfa\xd8K\x92\xb6\xa8f\xa5\x97\xa9\xabE\r\xae4\x9d\xf5q\xfb\xcc\xed\x01\\\xaa\x92N\xa5\xbf\xe5\xcch\xb6)\x07\xf2\xcdH\xb4\xcb\x9b\xa4x\xcb\x8e\xae\xcb\x95{\xf9\xb4\x8c\xe6\xc9\x16\xd4\xd2\x93\x01.\xbav\xea&amp;\xc2\xdf\x9d\xcc92\xc4\xee7\x97\xef\xe6\x98\xef%\xb3\x03\xde\xab\xf2\xe0\xe0\x10x\x08\xec\xccvWoT,.\x03\x03\x03\xd7\x13\xb4\xda\xfb\x05R\xfc\x85\xa2&lt;\xfc+\x15\x97\x8a\xfe\xf9\'\xe3V\x84\x1e\xf7\xa6\x16\x85\x83\xed\xac\xf6]%S\x9d\x85C\xcax\x07\x92:\'\x96)wZ\xe9\xdd\xa2\xf0\xcbf\xc2/R\xa4J\x86\xd4Vo\x9ez\xe3O\x0bg\xba\xac\xc2\xcdW\x19\x1fO\x0cP\xe5\xb1\x16\xda\x87\xf8\xc7\xf8\xae\xdf\x10c\xba\x93\x9e\x1a\xbb\x172]\r\x95-\x99\xa7\xf35\xf8\xb7B+\x93a\xc4\x0f\xb9b\xbe\xb2\xa0\xa5GW.x\xae9v\x1d\x0e:\xb3.\x8b\x11{\x03\x03\'\x06\xbb\x12\x1b[J5\xee\xb3\xf9";\x917/\xe7\xc5\xeaGQ\xcb6\xd7\xb4\xf1g\xde\xdb\xc5W\xce\xdc\x95\xc9\xffm~r\xef\xca\xc5zOC\x07Yl\x12\xdc\xa0\x14L\n\xf2\xbf\xe6\xcc\xdd"1Y\xcc\xa5\xdfb:\\\xd8\xe3\xa4\xad#\xe1\x1d0s\xfb\xb9\x0b\xb3X\xe0\xde\xe8\xf6\xf2\xed\xaec\xb4\xc6\xd8y\xc2\xe0&lt;L\x06\x16\x94"\xa4g\xde\x13\xac\x9f\ng\xe3300\xb0\xa1r~~\xa3\xab\xd6D\x84W\x15\xce\x83\x8b\xfc\x82\t\xa1U\xc4A8\xdd\'\x17\xed\xd6%\x83\x99m\x89\x95C#\xa7J\xd1\xc0V\xdb\xc5\xe2\x9b\xaa\xf1\xeeR4]\xc4.\xeb|:X\x9d\x8b\xaa\x1dK4\xbbc\x0b*\x8aB\xdeir\xf0B\xabs\xb30G\xc4W\xdd\xa5Xi\x1d\x1d\xf5f\x87\x00\xf00\xd9\xdb\xd0(\xce\xfa\xe3\x90\x81\xeb\x86\x10\xcc\xc7D\xf5\xc0\xc0\xc0u\x80\xab\xd6$\x02\x8e\\\xf3\x03bu\x8b\x19\x11jK\xe0\xe6J\xd0\xacd\xf2"\n\xb5\xb8Q2\x16\xf4\x8b\x92\x9b\x9aY\xd1\xd6\xc4?\x17J\xe8R\x1f\x03%\xb2@v,\xaav/\xd1\x8c\xd1\xae\xc8\xa4\xd1[PSQI\x1cV\xa1\x16Y\xc4?\xb1\x12\x91lG\xc2\xbb\x8f\xfe1\xee\xad\xb0r\x82q\x1fH\x90FK\x92\xf4.\xc0f```\xa0\x17\xb2r\xd3\\\xaf\xf8\x16Q\xae\xae\x8d5\xe45\x1f"\xc2\xf3Z\xcf\xf8Y\x0e\n=\x96*m\xb5S\xf5\xf06\xaaQ\'Z\xe9I\x04Tn\xfb\xbd\x0bt\x01\x14\t\xac\x02\xe5\xe7\x00\x91\x9e\x87\xfb\xac_\xa5Z\x10\x01\xfe\xaa\xa3\xb6=G\xbf:\xba\x8e\x19\x8e+4\xe87\x04\xf2hy0\xbb\x19\xe0w\xc8\x03\x03\x03\x03gF\xa1\xde-\xb6\xaa0#\xdd\x06\xf8\x1a\x8b\x1e]\xe0\xc79+v\xb6KU\xb7H~\x83\xc0\x14]:\xcb\xc8\xfd\x7f\xe9\xb5\x04\x11\xfeX\xe2@\xe9\xf5g\x9b8\x01\xf7Xh\rJ\xb8\xe7Na\xb8\x95\xa1OoUF\xc8e\xf7?{\xa3\x18\xe4\xce\xee\xd7\xe4"\x8f\xfeJ\xd8\xe6r\x12-\xd9\xad\xfe\x9c\x06\x9c@DxH\xfe\xb4\xf3bl\x06\x06\x06\x0624\xd6\x8er\xf5I\xdf\xc9\tb\xb7\xbb\xd0\xfa\x84\x00\x0f\xd6ns\xab\xfb\xd6\xbb\xe6\x87\xf2\xa4\x04T\x14:^RZUa\xcb\x02\xd3k\xf3\xe0"`+\xa7\x10\xe0\xbb{\xe8DD\xfc\x87\x8b-\xc0[\xa1i\xde\x00\x98T\xb27\xea(\xf6\xc2aU\xb2d\x9d^\xcb\x04XT\x1e\xf0_\xb8\xa7b \xb5\xa9\x1d\xe8\x80\xd4\x93\xf7\x8b\x8e\x87\x06\x06\x06\x06.\rD|\xafd\t\xf4\xe1\xc1\xf9\n\xba(\x05@\x80\xb7\x02\xf9\r\x19\xee0x\x7fx\xce\xf9\x00\x00~\x02\x97\x1f\x18\xff\x14T\x15\xb7\r;\xad\xb2\xd5u|u\x0c\xb0z\xec\xe6z\xfb\xe1)\xa2\xce]\xccY\xc1\x95\x9b\xa2`\x9f\xa9q\xd1\xc2\xf4\xa4E$\x1d\x86t8.5m\xbd(\xd2\xa8\xe5\xb9d\xbc\xaa\xb6\x03\x19\xbe\xf62\xcb\xdc\xc0\xc0\xc0\x80\x01\xdb\xe2gZ\xb3\x11\x01\xbe\x8f^\r\xbab\xa5\x91r\x8c\x14h\xd5\x8frW\xaf\x99\n\xb4\x05\xe5\xeaJ\xbf^|+\x8c\xab\x86\xd0\xd0\xb1\x01\x90\xefZh\xef\x03\x8dX\xfb\x8ae\t\xa4b\xa5\xa5\xe2UU\x13\xda\xb1\xe8\xa5\xdc\xce\x96\x9b\x92d\xf6$\xed$E\xa7\x1d\x88x\xf3Sr&amp;e?3\x1c\x961\xda\x8f_\xccA\x15,2\xac&lt;\x05\xa8h\xd5W\xc3\xa9\xe1|\xbbl/\x1a\x03\x03\x03\x03\x8d\x08K\xdd\x8f\xc6k\xe1klo\xec\xb0\xf2\xf1O\x16\xe5\xf6&lt;\xa8\xafj]\x16\'\xba\xd8[rzR+\xf4\xa8\x0f\xbc\x9e\xd1U\t\xca\xff\xc8@@\xba\xb3\xef\xd2e,\x85;\x9a\x0b\x9f\xbf\xba\xd7\xf9\xba\x9fC\x88\x1fo\x19q\xb1z\xb4\x161\xdb\xf3\x90O\xa3N\xcb3\x91\xc0%\xb7\x8b-\x02\xfb\x99\xde\xb5\xf9\xc0\xc0\xc0\xc0\xc0\x11@\x0e\xf1\x89\xfeZ\x1f/W~.}\x07\xa6\x94\xe8\x0bk-kq\xaf\x15\xb7\xbe\xdc\xdc\x1e\x8f\xac\xcd\xfb\xbc`\xb3~\xfe\x89\xc6\x07\xee\xf7\x137\x00e&gt;\xca\xed\xbd\xebN\\MT+\xa8\x15\xbeP=\x9d\xcf2w\xd3\xf0\xb9\xda~]\xb3*k\x9f\xdf\xc1tW\x90,gm\xb271\x0b\x8e\xa4q\xf1^\x9f\xc4\xe7\x03\x03\x03\x03\xd7\x19J\xf5\x0f\xe17J\xe3\x03Kz|^\xfa:\x0e9\x9b\xd7\xd7C+=\x8ft\xbd\xa1D\x83\xf4\xa3\x11\x8f\xa1\xadvXn\xcd\xdc\x9a\xf6o\xb1\\\xd5\xa6\xa8~\xe8\xfb\x0e\xe5AX\xa7R\xcb\x06\xe0E\xe5\xa7\x07\x0f\xe8\xbd\x85\xbe\x0e\xd5\x18\x97\xe8\xacM-\xda\x15\xb3fC\x8a\xfac\xc3\xf5\xbf\xadi\x7f````\xe0\xda"^\x11\x11\x01&gt;\x89\xde\x07\xa5\xbc\xfb\x97\xc6\x95\xe9-\x8c%f\x17t\\G\xdb\xb7\x13\x996\xb8\xeb\t\x97[s\xb5T[.\xd4\xf9\xb0X\xc69\x83\xea\xdeGUW\xe8p\xe9\xd6d\xfe\xaf\xa5\xe1k\xf7\r\xcb^@\xc4\x0f\xb8$%Z\xfc\x13\x17iN\x8b\xd3\xa3(Qq\xcb\x8e\xe3\xcb\xf1\x13FQ\'t\xeb\x14"~\xb5\xf5\xa1\xdc\x18\xbb\x81\x81\x81\xf3!]\x11\x8bYC{c\xe4j,u\x15\xca\xd9&amp;\xfeJ\xab \x8c\x08\xbfs\xd9\xac\xcdX/\x96\xda\xa0\xae7\xc5\xa0rV\xea9\xaf\xc2\xed\xf4u5]\xe1\x07\x99+\xf2\xea8\xd7\nP[\xfb:\xbb\xa7\xc01\xe4\xb9\x11\xe7\xcb\x7f\xf3\x10l\xc2\x1dw\xfb\xfd\x9a \xe2\xd7\xef\xe0\xdbQD\xea\xa8\x9f\xc5\x03\x02\xa6K\x13\x18\x18\xb8\x11\x11\xb2\xd841s\x10\x11\xa3\xeb\x18\xcfSD\x9c\x00`\x9a\x80,Q\xac*;\xa3\x83\xb3\x01"N\x13\xecl\x14\x11A\xb12;\xb0\xcdo; \x1aW\x89\x9b\xc2\xdc\xe2\xd88\x8a\xfaa\xe1\x9d\xb2\xd2\xe2\xca\xe8\xffU\x0c\x1c\xd1\xb2\x0e|\xd79\xe2@:\x85\x0f\xb2y\x91\x05=\xeei\xf8\xacTi\x16\xb7\xc4\xcd;\xb9\xd1\xed\x9c\xb5/\x15^\xad\x1c\x88\x93\xa6\xa3\x13a\xce\xe7\xd3%&amp;\xd7\xf5\xc4M.M``\xe0F\xc4\xb4"\xbb\xbe\x9dp,K`\xbe\x96L\xe4XU\xd0\xa4 9Z[\xd7\xda\xa3\xab\x7f8\xe2\x80r\xf6\x8b\xd4\xb5N\xe6\xe9iz\xe31U&lt;\x96\x82\x1ee\xc8\xd5.G25+\xa8\xde)6\x105+F\x06\xabR+aD\x0c\xb2\xce\xa9q\x95q\xa1\x83\xd1\xd8\xbf\xd34\x01\xdcY\x97\xd7O\xd6u\x81\x92\x1e\xa5\xa13?.\xbbhc\xc3&lt;%\xdbm%\xcdn\xa0`\xad\xc3\xe2\x9fi\xfa\x17\xf6v\xd5\x83\xcd\x1b\x0b\x99\x8bF\xb4\r\x0c\x9c\x08\xcb!\x10\x00L\x13w\xf0\x89\x00Sv\xccV\xbbf\x1cZ\xf7gT\xf5\x07 \x87\xa1\xcb\x91\xdb\x1e\xe7v;\x9c\x80\x9e\x14\xc7&lt;\x08\x82u\'u\xbd\x9d\x99c}\x0cr!\xe3\xcaC\x00\xa0#.\xc9w\x9fY\xc6\'N\x11\x01\x18\x95\xd2\xf9qH&amp;\xb9n\x18O\x00\x06\x06\x0e\x85~\xbe\xb5\x9eu\xc6\xef\xfc\xc4mC\xf3\xd2/\xcf\x95\xbfC\xe6\x92\xaf7\x9f\xa4\x0e\xebr\xe4\xd6\xa4\xc3P\xf4\x9c\xed\x9d\xd7\x8e|\x0e{\x10\xd4\xab,8\xdbX\x140\xd1\xe7\x85\'\xc1e\xa7\xff_d?\xb3\xef\x89m\x87.\x08\x00\xefv\x00\xad\x93B\x8d\xf9\x8e\xbf\xa7a\xa1"qX\xf7u\xa7XV\xce\x85\xab\x95\xb2\x06\x06n&lt;\xbc\xa7Y\xb2\xf0Ku\xfau\xaa\xab\x9a\xb1\x17\x94\x95\xff7\xbaN\xf7x\xf7\x8a\x95\x83\xa7\x843\x06.l\xc8\xb8\xbb&gt;\x0f.\x1b\xa2L\xb6\x92GA\x14\xae\x7f#\xa8\x15\xf3X\xef\x1d\xa2W;\x8d\x1cI^\x8d\x9c\xe3h\\)\x0c\xcf\x0c\x0c\x9c\x18\xd6zb^\x08\xbfdy\x83\x7f\xad\x86\xe3\x05\xb2\xb81\xe8O\xde\x03Z9\xb9X\xdd\xfcB]\xd0\xeb\x95+T\x0b\x0e\\w\xd8g\xfdAAk\xaf\xfe\xeb\xe4\xb3\xb6=(\xc7\xda\x92\xbc\n\x9e\xdfO8-\xae:\x7f\no\x9c\xdc`\x18+\xd4\xc0\xc0\xa9ay]\xc7\xb8\x1c~\xc5,\xf3E\xb9\xd8\x89Sd\x13\xab=zt\xbc\x97N9.E\\\xa9\xcd\xcfy\xe3\xbf3\x96"\x15\xa3C\x01F\xe8\xa8\xaf\x07\xf5W\xf3H[\xb9\xac5RfUmLn\x88\x10:)\xd8\xf1\x1d\xd5\xbf\x82\xe1\x96\x81\x813#_\xad\xe3[\xec\ndHv\x08\x9f\xcbg\xc9\x0e|O\x87\xee\x9b\x87k\xe9\xa5\xbd\x90\x04\xd5\x89c\xecF\xab\x12\x8a\x9d=\xac\x96\xb5&amp;\xae\xec\xae\xbf\xfa\x9f\x9bU\xf3,j\xbe\xd1B\xe8\x84P6\x00\xeb\xe3\xf1\x1b\x1b\xe3\xfd\xa8\x81\x81\xeb\x07r"f\x9d\xcf\x9b\xd8!)`$\x9a\xde8\xd5\x11{yp/\x1f\x00\xea\xf7K\xee@\xef\x12\x9dut\xe1\x0b\xb6\xf2(\xd7q\xd0HUd\xadS\x01\xc9)\x0c\xc0/^\x90\xcf\x8d\re\x030N\xbbE\\\xd1\xa9700\x00\xe0\xfcE:\xda\xea\xc82\xe5d\x89\xe6\x02\x05\xf4\x9e\xd9\xf6\x04\xbf\xc2q\xae\xf1\xcd\xa19\xff\xdb\xaej\r\x9a"\xe9\x82\xde\x9ds\x94\xdd\xf9+=\xf0g\x07\xf3\xf9\xd6\xfa\xa6\xc4{\x97v\xa6\x03\x11\xd5\xeb\xfd\xeb\xcb8\xe7\xa5\x83W\xba\x81\x81\x81\x81c`\xde\x00$I\xf0\n\x1f\xbcu\x01"\xbe\x18\x11\xe0\x83[\xb5\xcc&gt;\xbc\xbf\xf5\xa9\xcb\x9e\x0e\xbf\xe4P\xda\xbaFe\x0e\xdd\x7f*\x0c\xafQ\x89P\xee\xc5\twk\\:\xe2\x7f?\xe1&lt;#\xb5s\xf2,\x1f\xe2\xeci\xbd\xf5\xc9\xf0\x91\x8b\x8b\xb2\x13\x0b\xd1r\xc3\xaet\x03\x03\x03W\x08\xee\xe5\x8d\xa9\xfe\x85\r@\xb4v^r\x03\xe01z\xf6\xac]r\xe3\xd9\xf9\xe7\xf8\xb4J\xc2\xc6\xca,\xf3\xd5\x81\xe1\xc7O\x8a\x9d\t|\xce\x9e\xcay\x94\x07\xe2\xdb\xcf\xb8\xf3\x8f\xe6\x91B\xfeX\xe6\xe5]\xfd~|\xca\x9a\xf7\xde\x085\xf6\xeb\xc8Mf\xe4+\xc6ig\x0bu3\xae(\xed\x81\x81\x81Z\x18W\x94\xac\x8a2m\x00\xb6E%\xdc\xfd\xff:0\xf6\xc3X,\x06i\x8f\xee\xbb\xadk\xc0\xfb\xf9\xb4QJof\xa5w\xc2r\xea"@Dx\xa5+\xe6\x87\xaecw\xb1\xca#1d\xdb\x86\xf1l\x9b\t\xc7E&lt;\x8bB\xfb?\x8f%\xab4\xf4\x84q7\xbb\x0b\xa5bOwu\x85\xdd\xd5\x88\x08\xf0\x96\x92\x8a\xce\xb4D|V0z+j\xf4\xc6I\xce7NO\x07\x06\xae-L\xd38Yx\x8ck\xe4\xbf\xed\xb9b\xed\x04\xda\x1d\xa1\x83\xe19o\xfd\x19v\xeey\xdb@\x8c\r\xc0\xd5Ei\xcf\xecS\xd5\x85\x92\xdf,\xb2\x07\x9fz#I\x8f\xd74"\x02\xbc1_\xaa\x0b\xb0\xe8\x8d\xb7\x10\x10\x0f\xd3\xbeH\xf5\x7f\xde5\x9e\xd4\x9b3\x1b}\xab4\xac\xd3\xd9}\x94\xafYr\xbef\xdd\x19\x18\x18hE\xc7:\xe6|\x10\xcb\xfd\xe5\x93\xbe\xab\xf9\xca#6&lt;W()\x1fUK]\rxk\xd3\xa2\xaa^\xc4\\v\xa5[\xaf\xd9\xa9k\x11\xbe\xd5U\xebK\xe8D\xc6\x83\xdev\xaf\xdc$r\xad\x0e\xae\xae\xad\x9a\x99]\xa5\xde\xf0\xdf\x8b\r;\xe2*\x8d\x91\r(|66\x19\x18\x18\xb8Q\x11/\x03j\xe9\x1c\xae\x7f\xf2a\xdc\xec\xc8\xd7\xa7\xc2r\xf5&amp;;RY\x19(/.\xefo\xdd\x8b\x9e\x94\xbe\xbb\xa1\x12\xbax\tu\xf9\xc2\xb4\x07\x14\xf2\x9dz\xd7\xa5\xec\x8f\x99|\xe9\xacV2\xd6@\xb5\xd0\x01\xa3x\xb1V\x963gw\xb4Y\xa9\xe4iobv\xac\xf8,\xd7\xf8\xc4\x9b7mh{\xa3!q\xcb\x95\xcel\x03\x03\x03\x1a\xd6\xe9\xedxY\x05q\xfb\xc3\xf5Yv\x08?rkv\x7f\xee;\xe8\xec\xa3\xb9\xe4\xd2\xff\x95\t#\xe2]\xe5\n\xac\x91\xcc5\x02S\x01\\\xda?q\x84\x7f\xc0E\x99\xd4\xa3\xe4\xc6\xfa\x12-i\xaf\x14\xf4\xeb\xff\\\xf0\xd2h\x80/\x8f\x15$\xefth\xc4fL\x9c\xf3\xe5\x80\xf9ey\xb0\xb0\x0b\x07f\x988&amp;\x97\xce0{\xc0\x11\xcc\x03\x03\x03W\x0fh+\xebM\x0b\xea\x82\x8fr\xad\xbe\x0b\x01[\x92\xf5\xe2\xca\xe5\xaf\x02[\xad;\x87\x9d\x14\x9e\x17\x7f/\xfb\xc7\x18\xe7\xbbb\x9fh&lt;\xacS\xe5\xe9\xbf\nT\xbe\x93]W\xc7\x17\x1b\x16\xdbV\xb0-\x92ao)W\xe4&amp;G\x8c/"\xbeU\xc3\xe3\xb5:\x1f:[]6\x93kcw]\xb1\xf5\xf15\xaf\xd82:00\xa0!ZZ\xc2\xdcF\xa5\x88\xe4\xd6\xd4+\x90\x11\x8a\x15\xc0Nfc\xe7\x14\x08\xf4\xfb\xadP[7_\xd8h\xae;\xa2\xf0\xeb\xa0j\xd7\xb1\xbe\xc1WAD\x04\xf8\x12E\xe03\xeb2C\xe9P\xdf\xc0\xab\x00\xbd\x1d\xa8\xaf\xad\xcf=j\x1cz\x8eF\x9e%d\x82\xba\xe9.1I\xb9\xed\x0f\xa7KO6\xfb.Bf\'\xa3\xe2\x04\xd9\xc7\xdc\xac\xfbT\xa390p\xa3!\xa9\xfb\x01\x00\xe1V\xca\xe2\xfd\x1b\xd1R\x94,\xd8\x00\xff;(\xf4\xcf\xeaC\x0e\xe7j\xf4\xd4W\xa5\xd9\xb2\xadt\xa4\xb5\x8fi\x89cQe(&amp;\x8e\xcf\xcbm\x16K\xae\xee\x19HU@\xb5\xbe\xbcv0V\xed\xa4\x81X\xbb\x17T\xe9\xcd\xb3\xc9\x985\x85\xff`\x99;\xed\x93"\xe9\xc8b\xeba+\xb1\xe7\x8a\x04T\xf2\x9bL\x1b\xb7\xdd\xd5^v\xf6\xed\x87\xeb\xda/\x17\xea\x9c`\x9c\xda\x03\x03\x03{C8\xfb)W-\xf9\n\xdd}V_&lt;\xc3\x8a\xab/\xe2\xe3\x0c\xef$\x18\r4\xd2\xf3\xd6[\xbdq\x86$\xae\x9d\xa4\xb2ay\x98\xc7Z\x06\xe8\xe2\xf1/A!\xe6\x8f\xc9\xe7\xabU\xbbiOkA\x97\xcd\xbc"c\x16H\xb2%\x96\xd2lU\xfc|\xa9GX\xb4\xdb\xd0\xf02s\xedpl\xe3\x12\x8d\xd1u\xedlg "\xbc\xcb\xf0\xd5\xc0\xc0)aY\x9c\xb8\x16\x95\xb5\xce\x19qW\xadG\xa5n2K~\rt\x97\xdeXG\xcb\x17B\xdb[\xef\xad\xd3\xe19g\x1c_}\x9a\xbb\xf2@{\xd5\xaekH\xb5yaj[\'`g\xe5\x95\xbclNh\xf0\xf6\x05q\xb5\xd8vF\xdf!\xbbjC?00\xc0\xc0\x9b\x14\xf8\xf5\xdb\xae\xe1\x84\x89c\xee\xc5\x1f\t\xef\x0f "\xc0\xb7Z\xd4t\xa6uI\xf4\xef\xcb\t\xc7=\xc5K\xb5\x9bW\xb2\xdc\xe9\t\xb6L7\xfb\xe4C\x9bKv]\x81\xa8\xcd\xa2\xdfH\xa3(&amp;\x0b`\xb8o\xb1\xa0\xd3\x80\xadS\x97\x8f\xc6+4)\xce\xe3\xb4KA\x1c\xac+2\x82\x03\x03\x03\xcd`\xb2@\xebss\xf4\x1cG\xb9\x84\x0f\x84D\xe9\xeb\xab\x96\x8d\xff\xd9J\xe7\x9a\xe1\xc2K\xaf^\xa6\xc4\x01\x1cv\xb3\xff\x9e\xca \xe2\x1f\xec\xd5\x917\xd8AgO0\x0e\x9c]\xd1\xe3\xf5}-!0\xf5}I\x9b\xe7W]\x9f\x994,\xf4\xe2\xe9%\xb1\xa2\x9e\x8c^\xce\xd6\xfc&gt;a\x91m+\xac\xfa\xa5\xb1\xeb\xf5\xacl\x1cW\xf7\xc4\xf0\xc3\xc0\xc0\r\x8eh\xf1@l(U\x83\x9eC\x16$\x03\x9b\x9d\xd4""\xdcn\xe4\xcdv\\r\x0f\x10\xc2\x83\xc6IZ5\xbe\x91\\G\xde\xd0\xe0\xe6\xd7\x03\xec\xa5s\x11\xf6\xe6K =\xb4F\x1b\x1dYc\x17\xb6\xfda\xb1\xbe7x\x036\x7f"\xc0k\x03&lt;\x92\x15T4\\0\xdf6\x9a\xbe\xf8J\xe1\x82\xc06\xdb\xb3]\xa5\x1e) quM\xfa500\xc0"K^\xdec\x9b\x87\xac7\xf9\x86\xd6\xc5\xb5\x19\x9d*6\xe6\x8c3\xe0\xf9[G\x0e\xcd\xf8\x0f\xb9R\xeb\xe5\xf9\x11\r\xe2v-\xbdo\xaaJ\xf7\xc4\x95))\x8c\x8e\xd2Ju\xab\xab1\xe8\t\x15\xb6E[\x9e\x16\x88\xad\xb4\xc9\xfc\xe1\x99\xc6\xeeK]-\xee\x13 \xcd\xa8\xdeH\xfb\x94K\xbf\xfd\xaf\xdc#\xb2\x8c\xc3w\xe0\xf3\xee}u\xa6\xca\xe9\xb5\xb8S\x9fv\xca\x07\xda\x95\xb8h\xde\x1b\x18\x18\xe8\x8bBY\xac\xac\x85`\xbc%[v-\xf0m\xe8`\x85Y\xb3\x13\xfe\x1f\xd4\xfe\xe6\x92\xd4\\U\xbb\x8e\xe0\xce&gt;\xfc\xaf{*\xd7\xd1\xb9\xde\xd5#!\xbd\xf5b"\x19G\xece\x16\xc2\x0b\x9av\xe3MM\x93N\xa9\xd4\xd3\x14a\xddH\x14\xd5\x06\x01WoZ\xda\x12%5\xcd\xab\x8c\x1e\x1d*\xe6\xc9\xc5l\xb7\xa4V\x88x{D\x00\xf8N\xf5U=\xd9\xe8^N@D\xf8\xb1\\\x7f\xf3Z#\xdb:\x01NBc``\xa0\x15tQ4Jg\xe7\x1c\xd2\x12k4\xbdk\x8e\x0e\xc6\xe0\xcf*\x17]\xa9S\xdb\xf5g\x195\xf7\xeec 0\x922\x00\x08\x8b\x13\xb9\xf8\xfe\xf1\xcd\xa2\xcaXQ\xba\x01\x88\xf1#f\x85u\xb8\xb2\xe3\xdbo\x03\xc0d\t\xae\xa0\xb4\xe9Y\xc4\xfd\xbd\x89\x1e5\xd4c\xc7\xd1|Y\xfa\xe8\xa0\x8dg\rT\x8bt\xee\x94\xe9\xfd\xce\x9c\xdf\xee\xa8I\x1e\xdf\xcd\xd5(}`8000p%\xc0\xac\xaf\x9e5\xe3\xfd\x96V\xd2\x12k\xb4\xbcw\xfd\xfa\xc9&amp;V\x9c\xc0\x9f\x17z\x14\xf7\xe2\xbdm\xbdN~~3\xab\xbb\x18&lt;}\xf3^\xef\xf5o\xd5\xb6\xfb\xb2z\xa1\x85\xd3\xb4O\xc8\xefj\x11\xee\x89\xfc\xeb\x07e\n\x17\x1d\xc2\xe4\x0e\x15\x00\x7f\x97)\xa8P\xd5\xfa\xd0\xac0\xd0\xdf$o\x14\x8f\xc6\x91\x04,\xb6b\xff\xc3r\xa2\xdf\x81a\xf7n\x9ea\xec\x06\x06\x06\x06\xf6\xc7\'$\xc7\x9c\xc7$\xbe\x833l\xc9\x1c\xb3Z\x93\xa2\x81\xc3\x07\xd3\xda\xa2@\xc4IL\xd5\x85\x08\xef\xb4\xc7[\x01\x08?\xd8ehN\xb7\x82\xa6\xde\xa6\xf4\x04\xc2O/\x8c\xf2v\xfd\xc6\xac\x1b\xa2\x92\xda\xdb}\xa5L\xa7\xe0\xb6\x19\xa6\x97\xfe\x9d\x93\xb4\x03\x8e\xb4\xc5Z&gt;\xdc.X\xe6{J\xccw\xa8\xef\xea\x17\xae\'S\xd2}#\x8dSbW\xc2\'\x8d\x9c\x81\x81\x81\xeb\x83\x83W)\xdd\x1c\xbfZ\xdb*\x86\x9f\xb0\x96\x17;t\xf6\xdc\xb5\xe6\xea\x8ds\x91\xdc\x06\x08\x11\xe0\x8b\xc2\xe5\xf5\x7fR\xa3ed\x9dA\x1b\xd4&gt;\xb6\x92\xee\x95B^\xa3w}\xffG\x8f%\xa7\x9e}q\xb0-H\xc3\xf2\x18\xbb\x12\x9d^zH\x17\xca10\xd0\x8e\x8bD\xce\xe5\xc2u``\xe0\xbac^9\xfe\xb7\xe9\t@\xfda\xbc\xbc\xe4kv\xeb\xcc\xf5\xc2\xfe\x0b\xea\xc93\xbb\xf24@n\xe3[\xae\xde\xd0\xf7Z\xdd\x95GR\x89\x1a\xc4\xedU\xbb\xef\x1d-U\xd5\xde\xa8|\x1e\xd2\xc9x\x8b\xdd&amp;\xc2\xb4jo\xd1\xc6\xa9?\xfe\xf7\x9d\xf2\xc7\xc2\xecu\x97\x92\x8b\x02\x01~\xe9\xd2\x1c\x06\x06\x06\x06\x12\xec\x98"\x97\x95\xd8\xb0\x01\xb8\xc0\x82\xbd\x18\xbd\xcb\xc1V)\x8b&gt;z/\xf1\xceC]+\xdfp\xffe\xcf\x92n\xff}WO\xd4w\xb9\xf7\x13\x80;\x84\xd3n\xe1x\xd8V\xfd?\x12\xe0\x93\x0e\x08\xd4\x8bm\x00.\x89\xbd\xfb\x1b?\xbe\xeblk\x9d\x95=\xd5\x9e-\x00.\x14\x93x\xb52\xde\xc0\xc0\r\x01\x9a\x0b.\x9a\xb0\xf62\x1d6\x00J\xef\xa2\xfa\xe0\xa0W\x84sz\x07"1WxYv\x07\xdb\x8b\x93\xdf\xb3\x97F\xa7\x0cf\xf5b\xb91SD6\xbd\x7f\xf5\x95\'+\x0b.\nG\xed\x8ek\xe9\x1fFa\x1d&gt;\x8f\x86\xb5\x01\xfc\x1e\xb3\x8b\xe8\xd8\xad\xaaLr\xed\x03#\xf2\xff\x15\x04\x9a\x865\x89\xc9\xdd9\xad\xb6\xb8k\xf9\xe3\x8b\x03)-\x16\xdfl\x87m\xd5\xc0\xc0@O\xb0\xab\xec\xb5\x81=\xeb!"&lt;\x7f\x91\xbc\xcf\xbe\xb9r\xbfg\xe5/\x86-\xd1;\xaa[\x9b\xf2V\x9e\xfd]\xaats]{b\xa3\xa4\x1c\xac\xdb\x00\\\xb79rA\x98K\xf78P\xa3m\xc0\xba\xb7\xf74/\xbf\'\xe3\rT,(\x1c\xd1R\x87\xf3\xf9\xad\x14\x18\x18\xedQ\xbdQT\xcb\xa8l(\xc9]G\xe1`s\x03\x03\x03~\xf0\xcb\xe43\xbc\n\xb8;\x7f\xa6\xcc\xff\xc3\xf2c\x1d\x04zg$\x1c\xf1\xe4j\x9dR\xdbC\x07\xe22\xaf\xf0\x92\xe7-U4\xf6q\x94Wa\xdf\x98\xbc|&lt;{\xaa\xf7\xac\x82\xc1x\'`n~\x99&gt;^\xc4\xee\xd5\xc26@\x88\xf0ug\xf5\xd8\xabX\x89!"\xc0\xcd\xc23+\xb7!s\x13\x8b\xf2\x0b\x06\xff\xc0\xc0\xc0y\x11\xaf\xac\x8e\x952Z\x8c\xc9\xc2\xcc\x9c7\xc8\x02\xa7\x85D\xeft\xa7\x1a\x88\xf8\xb9\xb33+\n\x9d\xbc\xb4\xda\xbbk{\x14\xd0\xe7\x1a\x0e\x16\xd2\xb8\xec6\x0b\xae\x80O\x16|\x92\xab|\xcf\xfa\xf5\x0cAFj.\xa0\xcf\x10\x8cw~z\xc04#\xf2\'{.\xfd5\xad\x96\xa6\xb1\xd1X\x8f\xae\x93\xbb\xcb\xc73k\xa8\x0b\x96\x05\xa2\xab\xceZ\x1e{%\xbd\x81\x81\x017\x96\xd4`],\xb9\xd5\xf5\xde\xe5\xd7\r\x93\xd4y\x95\xb3\xc0a\x9c]\xa5m\xbd3\x8d\x83\xeeRYuKm\xf2\xff\xf0/Yz;&gt;e\xc6\x8e\xca%\x0f\xf7\x9d\x05JIq\x04^^\xff\\\xc5\x08\xbd\xed2e\xcc\xcd/\x87\xdeL\xbav\r\x11\x9fw"_1\x90\x07\xf4\xb8\xe4\xbc\x11\xd8\xc3W\xf6p\x1d\xaf\xd9\x0c\x0c\x0cT\x03\xd3w\x16\xa3\xa5T\x94O$\xd3\x87\xf2q\xdb\xecs\x9c\xd1\xd2\x0c&gt;\xf2W\x8e#\xeb\x95#+\xa4\x03\x8b\xb0\xa6\x17c\xa2\xd8.\xcbZl)\xd3\xea&lt;\x85)"\x02\xfc\x15\x1cKI.\xd7I\xf9.\xfd\xa6c\xe2[\xb9\xf95C\xdd\xef0\xdc\xe6\xec\xaf\x8b&lt;\x99\xdb\xe6\x11\xa9k7\x9a\x1a\xc4\xa7\x04\xc9&gt;\x84\xbb\x95^\xfe\xe8\xeb9\x11\x06\x06\x06*\xb1\xae\x9d\xf9b\xf9\xde\xd6\r@\x94P\xc4\xe5\x96\xbb\xf8\xe4s$\xa3\x8b\x13\x00\x00\x80\xc7&amp;\xfe9\xbej9\xcc\xdcA=rv\xe7\xa8\nC[\xc8w5aj\x99\xa6\x82N||\xd6-Xv\\I\xdd\xffh\x8b\x9e\x83{tV\xc4\xa73\'\x80!\xf8\xd7Ao7\xb4\x03\xd2\xa7\xdc\xbb\x98(\xd8g\x8d2a\x7f\xf1\x89p\x96\x90\x1b\x18\x18\x98\x11\'\x85t\xb14m\x00\xe2\xd7TJ\xcb\xad\x94z\xae\xd1\x13Lw\x82\xcb]\x07\xd1\xcf=\x89\x95\xf1\xcckW$5\x95\xc2\x8d\x1a*l\xf6\xd1\xd2c\x10/\x15\tJ\xed\xae#\xf6\x9e,S\xc3\x08&lt;\xdb3\xcd\xca\tf\xd69g7"\xc2[\x16\x89\xbd\xf7\xfdNI&gt; \n3\xc7\x97g\xf42\xce_%\xa5?\\\xfa\xd7\x00\xd8\xa9t\xed\xd6\x9d\x81\x81+\x05Zz*k\x9e\xb2\xac\x16\x97[\xe9\xd6\xc5S@7\xeb\xfc\x83W\xd1h"\xd9T\xa9\xd4!1\xb7\x9b\xf5\xab\x97\xdc\x11\x0b\x7f5\xa2\x8b\x91\xdcb\xbb\xc6\x0e\xfb\x96\xb5\xe4\xbd\xd0|\x94\xcaw\x16\xcbs\x80O+\x7f\x13h#\xa5\xf2)\xb5x\xb4q"\\6\xc7\n0\x0eP\xe3 ~\xde\xac$L\xea\x926T\x7fd\x9aw\x89\xb4\x8an\xaaF\xf3\'\xf3-\xcc\xeaA^\x10\xc8\xee^\x92\xdb\xc0\xc0\x80\r\x88\xe9*K\xd7&lt;T\xef\xce"\x1f\xd0a\xaa\xef\x90,:%\xa07P\xd31\xf6|\xd3C\xc1\xc3\x89Q+\xaeY.\xaevx\xa7\xe5\x9c\x92\xa9\xba{\x89\xd7\xf1\x0f\xb3\xa8p("\xec\xb7\x0bb\x06\x83\xfbt\xe5\x15\xdc-\x0eJ\x11\'\xc21\xc1\xc6ENA2\xbe\x96\t\xc0\xab\xe7;\x84~\x13G\xd9m\x92\x8b\x8bE\x83\xd1\xd3d\xf5\x8c\xf0\x19\x12\xce\xc0\xc0@\x19\xfaD]&amp;\xf6\xdd\xcc)\xa9\x81\x06\xc07\xed\xa7\xbf\x05\x8a\x8bvMs\xa4\xe2I\x0e]\xbc\xca\xfa2\xeb\xa9\xcdm\xbc\xd6zo\xda\xc5\xd1\xdf+6\xfcj\xcf\xc0\xa4\\\xd4\x9ba4\xe7\xef\xcd(Y\xa8\x07\xce\xbb{I\xe3\xe1\xeb%\x81\xf8\'\x97\xf2\xf9\xbfF\x16v\xcd\x06\xbb\'ux\x04\xfa\xa8\x93\xd9\x00\x8c\t50pu\x81\xff\xdf\x98\xc0\xf2\x19?\x9f\xe0\xfc\xa5\xb9\x90%\xb3\x8a\'\x92\xf9\x9e\xe4\x8d\x0e=\xc9\xee\x93\x82\xcb\x8b\xe2\x0eF;\xa0\xfb\x9a\xb4j\xfb\x1d\xe6\xe5":p\x9d,^\xdde\xb5\xa5\xe8\xf7\x96\x14\x87x\xe9\x12\x03qx\x818\xbb\xfdC\xfb\xbf\x10ey\'M\xeb\xec\x12\x0fw-\tD?\xba9\x96\xd19\x9f\x9ctv\x93\x17\x83uaf\xd9\x1a\x18\x18\xb8\x8e@\xb8\xf9\xb5\x9d\xe7rFf\xca\x11\xaeF)y\xe6\xdf\x89\xab\xe0\xa2\x8a{)+\xd1\xbc\xe4Y\xf1%\xa5=_\x87\x90l\x9e6\x1e\x96e\xe9\xa3r\x86-O\x15\x96mX&gt;\xf4\xfe\x9a\xd5f\xb0B\xe1\xe1\xc3!3\xfc\xa0\xfdK\xff\x95B\xa1\tr\xfbgD\x04\xb8\x95\xcb\xd0\xb5\x04\x9b\xd9h2i(\xf2\x10\xd4aM\xc6\xfdl\xf9$!\xd6)\x93D\x8a-R\xec\xe5\x16\xd3E\xa3&gt;\xe9-`\x06\x06\x06\xae1N\x9b\xa6\xf7\x04\xcd\xd4Q\x99\xa2\xf8!\x95)\xc8\xbf&lt;2\xf1w\xa1\xe1\xe7d\x15\x7f\xa9&lt;\xba\xc4\xe8\x9c7\x12\x10\xf3"\x06\xda\x0e\xde\x82\xc2LIu\xe5\xda\x1b\x17!P\xb6\x88\x1e\xec\xca\xa3\x07\x9a\xc3\x00\x00 \x00IDATd\x9f\xb6\xb3\x82V\r\x8f\xb9H\x15\xf5C\x99\xcf\xa3b\xfd\xa64e!"\xde\x82\xe9iy\xe0\x94\xc1\xed\x17\x00\x05\x9426\xdfd\'V\x1d\xd5\xf6\xd1cR\xc2p&gt;G\xea\x1b\x18\x18p\xa0\xf2,g\x9d\xea\xd7g\xb6\x17\x93W*\xb0|c\x89$\x9b6\x8a3\xa3+E\x92\xe5\xd0\xfc2\xf4\xc8\xc5\xaa\xaf&lt;\xd1\xfbV\xb9$F\x07\x81\xb1\x93\xcf\xe3\xf6Z\x0e\x1f\xda\x99G\xa9\xe0\x83g\xf2\xbf\x01\\\x1a\x9a\xf2\x89i\x1d\xdb\x1b\x01\x96\xd8HF\x81\x1b\x8eE\x80\x0cn\xcb\x06 \x16\xe95\x82\x82-\xb7\xf2\xee\xf3\xfa\xa5\xabB\xe7\xba\xb3\x07~\xc9\xdb\xe0\xfa\xad\xfe\x03\x03\x03\x05\x90\xfa\xe6\x9a\xcd\xff\xfey\xd6Y\xd6\x88*\xces^U\x87\xe3\xc9\xdcY\xf3\x00\xd9V\xa9\xa0\xc2b\xc3D\xf2,\xce\xef\x81\xb0\xd59\xa6rju\xdd\xf1\x16\xaf\x16,%\xb82p$\xad\xd95/RT\x9d\xa1U\x05\xf83\x97\xf3$F\x01u\xcf*\x0fx\xe4{r\xbf\r\x0c\x0cPT\xbf\r\xb2U\x9f\xdbY\xc5\xe9\xb3\xe7\x89\xf0a\x91\xc7L~\xeb\xe7\xde\x93\x8d\xd4\x12H\x87\xb1\x92c5\xab]Jd\x84B\xc7o\xf7\x8a\xe3\xa8~IC\xb6~\xfez\x80\'[\xd4\xf4\xe4t\x83\xa18Av\x08r\xff\xb6\xc1\xd2\x80L\xde\x90\x85\xbc\xaa\xa2\xe6\xfb\xa2\xde\xb7\xf5\xdc\x8c\r\xc7\x91\xff\xc0\xc0\x15\x84\xb5\xd6\x11\x1a\xc6)\xe9z\x167\xa7\x80\xaf\xd0\x0c\xa3\xf9\x8e\xc2\xee\xee\xa8\x91\xaay4Q\xd1\xd0\r\xd5-\x8e\r\xc0\xb6\xea\xc7\x92\xd2\xe7X~\xa0\x0f\xde!z\xe4\x88\x88\x007\xbf$\x9b\x1b\x00\xc5D\xd4\xb8\x01\xa8m\x88\x00w\xf1\x1aJ\xa9\xb6\xee[\x0e\xdb\x00\xecm%\xc5\x17\xb74\x1e\xe9n`\xe0\xcc\xc8j\x1e\xc7t\x9d\xe5\xdf\x84{\xd7\x93\n\xb6\x13=\x0cK\xe5w\xf1\xb7\x18\xe3s)\xa9$\xfd[\xd3Sx\xea\xff\xf5\xe2\x8f\xef\xc0\xbb\x1e\'\xd8@\x16\xa7\x83\xf7\xa4\xff*E\xbe\x01\xd7\xa1;\'\x08\xb3S\xa3\xb1\x82\x875eu\xa4\xb4\x13\xb2n^b\xdfrBtx!*x\xf2\x1a\xb9e`\xe0:\xa2z\x03\xe02\xb2\x8f\xda\xfd\xe0\xdf\x00t}9g\x1d\x8b\xcfY\xc88_\xb3^\x9a#\x02|\xb6&lt;\xac\xa7-OwdU\x0crn\xef\xd4\xf4|,\x8a\xa5sz\xdb\x81\xddR\x04\x02\xfcm\'\xff\x98\x1e\xda0\xbd\x90\x7f!\xa4\x03\xa9\xab\x05\xebZ\xb0\xeb\x92q\x0c\xea\xde\xa7\xf7\x9b\xb9\x92^jMYW?&lt;\x06\x06\xae;\x9c\xd5\x7f{)\xb9\xcb\x0b\x9d\'@\xff\r\xc0:"\x08\xf0\x1e\x00\xbf\xeeL\xa6\xd9\xab\x11\xa2\x95v\xc2\xdc\x95s\x8e\xa0\xb1\x10\xb7n\x89\xefg\xf8uI\x95L=\xae\xdf\xe2\x9a9\xbc\xaaw-!-&gt;L\xab\xd2vU\xb1\xf4\xd7\xd0\xeb^\t\xe4d8\x7fw\x0ecx\xda4&gt;00\xd0\x13\xf9Twfv\xc7Jp\xc2\x05\x03/\xfc\xc0Z\xaf\xce?\xb2EU\xd0\xc7\x8e\xefN\x1b\x00\x81\xd8\xe5\xcb\x85\xd5\x0fu\xfb\xa8v\xd3\xddQ\xf3\\\xe2J,\xea\xf5\xa1\xd2;\xc6N\x98\xaf\xf6\x04\x93+\xbc\x1a\xbaqQl\\\x91W\x8c\xfa!\xee\xac\'\xc2\xfby\xe9\xe2\xd9{``\xe0\x18\x84Z\xcd\x98g\x8f\xaf\xed:\xda\xbapa\xaa\xac\xb8\xcem\x15\xc27\x8b\x1b\x00\xf6\x9c\xfe\x88\x8eoo\x82\xfa\xcd\xf5\xafV/\xbf\t\x19\x88Px\x17\xeb0\x1e\xb1\xd1\xcc\xee5=\xe7\xde\x0boY\xff\x18\xd9\x81+1\x1c+I\xf6d\xcd\xc6?z\x1a\x16\xc5\xa1\xf4\x10\xbe\x8e\x9eC&gt;n\xa27g\'\x91\xcb\xdc\xc0\xc0\xc0^\x88R\x89Zz\x9a\'-"\xbe\xf0J\xce\xf0n\x07\xe1\x99Z\xe0\xb2\xbf[K\x9c\xf47\x86&gt;\xcd\xa1\xf8\x96\xf4W\x9d\x12\x19\x9b\x9c+\xef++hc\x0c\x9c\xaa\x9b+\x1ex\x94\xa1\x9e\xaf\xdcl\xb7\xcf\xe1\xd2\xb1\x01p\xc1\xe8+*\xf3\xdd\x07z\xf8-:\xbf\x98\x17\xce8\xb2\xcb\xdd\xce/N\x11~\xe9b!QJ\xf7*\xf9\xc5#x\x0e\x0c\x0c(\xb0\xccF\xdfA\xc5\x15\xc7\x9e\xb9\xa9\xf5\x8c3\xc9\xa75\x9b\x8a\xa5kl\x1fO\x99\x97w\x8d:\xb1\xb3\xe7\xf3\x83\x1bW\xf3\xd4Md\xd8\x97\x7f\xa4\xea\xde\xde\x86\x11\x93\xf3\xfbS\xc1\x9d\x0e\xb0\xd1m\xe1\x10\x0e,,-\xcb\x02\xe5\x83\x80+=\xd0\xfb\xc1\xe4\x19:sO\xb9\xd0\x0c\x0c\xdc\x90(\xe58C\xa1\xf9\xcac2\x9b\xd0\xc5K\xec\x99\x8a"\xa9\xdct69\x10I\x1fw\xe5\xa3U\x9c{\xda\xdd\x1d\x0c\xffC\xde\xef\xdaMwCd\x86\x0c\xd6o\x02\xc2\r\xf7\xdey=~\xb3q"7%%\xcb\xc1\x96\x18]\'\xab\xfe\xabwAg\xc3U\xe4&lt;0p\xe3!\xcd\x8c\xf1\xdb#\x18\xddo\xaf\x1a\xafSF8\xa2/\x88\xf8v\xe9+\xa1\xd4nE\x01m\x1e\xca\xbd\xfb\xd8+\xaer\xa5\xf4\x9ad\xbc\xda\x88A\xe6\xb7j\x95\x9f\x19\x87\x9d\x95\xee\xf2\x8a\x91O\xd7\x95\xac\xba.\x08\xc7\x84b\'~\xa5\xc3\rG$M\xfa\x8f\x85\xbcE\xb9z8\xd9\xcej`\xe0\x86\x04\x96\xce\xb1\xbe:O\xc7_\x91\x95\x95=\n\xb5\xc7_8\x8b\xb9\x92Q"\x8c\xbd\x8e\x15#\xf5\xae\xcc\xf8\xe5\xe9ay\xae\xaa%\xcf^\xc7\x1c\x9d\rV\xe1\x0f\x00\xd3\x1b\xf0"\xdd!\x08p\xdbV\x8eW\x15\xdd7l\xd7,\xf6nhH\x81\xc1\xd6\xfaW\xb4\xa8\x1d\xb0\xe3:..\x03\x03W\x03\xf1\xc4\xfb\x8a|\x1e\xe6\xc9\x97[\xd7\xbf\xe4ZM]\xcf\x92\xb3zc\xfdU\xda\xeeG\xd4n\x85\xa5_\xde\xa8\xa3\x01\x80\xf0\xf2\x0e\xbd;`9\xc7\xac\xa6\xf74\x8c\xdb&amp;?\x96\x7f\x87\xefZM\x81v\x18v\x9b\xb7p\xe9\x1b\x1e&gt;\x0b:\xbe7\xc5]\xe7\x06\xbaf\xf4\x1b\xf2\x8c\xf6\xdd\xca\xa3Tual\xde\x06\x06N\rCM\xf67\x99\xb8\xa4\xa8\x1f\xa9\xbd\xb0C\x01\x8a1:\xaa\r\xda\x1dM\xf6\x18\x82\xd0\xb5=\x17~3^WX}\xb3\xd7\x9f:p\x18G\x8f{\xc2\x1bNc N\x81\xaa\xa7\x88\xe1\xd7j\xa9\x1e\x93\xc5\xde\xa3_\xaf\xad*\'\x9c\xf3\x89\xeb\x85\'T\xbcb\xee\xb0z\x0e\x0c\x0c\xd8\xe1^\x8c\xf3\x19[\xb50\x14\xad\xec\x02\xc2\xb3\x03\xed\xa5\xfb\xcf\xb8p\xf7w\xca\xa4;\x0c\xaedB\xbb\x12.\xb3\n\xd6\x0f?&amp;\x07\xf3Zt\xda\xba\xb3\x110\xfe\x16\x04#\xf6\x1a\x86\x86\x03\x87a\xc7rJ\xc8\x87\xd6\xc6\xfb\xb0\xda\t\x15\x15\xf0;\x11\x87\x9c\xf4\x1c\xfd\xa8J\xd4b\xe2&gt;\xbb\xb3\xb8\x1c\xe8\x06\xe0\xd2\x8c\x06\x06nX\xf8\xde\x9a\xc0x\xf6*b\x05U\x88\x00\xbf{\xd9\x99\xdf\xcb\xfaAg\x18\xc6*|\x0f\x1a\xaf\xbe{\xf1D\xbd\xa7\xf8\x93\xdd\x1b\x90+o\xb6\xa8\r\x91\x16Z\xdd\xab\xb0\x07\xa8\x1d\xd0\xa7\xad:\x8b#\xa5)?\xc1\x8ax\xd01g\x0b\xde\xffLE\x033dg\xa2wq\x986H\x97\xf6\xd8Ai\xfch\x9c\xa2;lz\xbfv\xae\x1e\x18\xb8r\xf0\x9e\x88o\x05\x9b&amp;\x16\xd5^\x16M\x97I\x04\x96\x93`\xbb\xaa\xbd{\xe16Q\xc5\xe7\x83\xe4_\x84\xad\xd0\xa6W\xba\xfa\x0bT\x9e\xd1\xe1\x0b\xfa(\x08\x1do \x1c\x10\x93\x16\x02\xfbY\xdf\x01W\x8b\xedN\xa8|\xcb\xe5\xbac\xd9\x12\xc73\x94\xf5\xccz\xf1\x82N\x1b\xe3\xb5\x17\xc6\x06``\xe0\xaac)\xe8\x8b\x95=d\x95\x9d l\x91\xb9:8\xacj&lt;\xdaQm\x03\xd4\x10\x00Lg\xc5\xd7{$\r\xda\xc6@\xc4\x7f\x89(\xed\xe4\xed@\x80\xe7v\xf5\xa7\xc3\x8d\x8e\xfdC\xe8\xaa\x80\xed\xfecy\xd1+\x12\xf6W\x83\xe7SP:\x7f\xb1e\x18{\x1f\xbf\xd8C+a\x01\xf0OW\xc3\x99\x03\x0370\xfc\x15I^\xdbI\xcd\x7f\xf2\xda,\x93\xfd:\xc2jX&lt;\xf9\xb9\x87\xa7\xcb\xb4$\xf5E\x82\xbe\xd2\xc4\x9a-\x0bR$\xc9\x1c\xea\x97\x98\xbb`\x88^I3s\xfd\xca\xc7\xf6\t\xf1\xa0\xd3o\x93\x10\xf1^\xe7ax\x1e&amp;\t\x1ew\xf2Adq\xbd\xb7\xe8l\xda\x94\xbb\xdc+\xc7\x0e\x0c\x0c\x1c\x0fZ\xe2 \xe6g\xb35St{\xda{\xa6\xe9}\x1e&amp;N\x84Q\xb8\xb43-\x95z\xfa\xdc_S\xa5U\xd8\x8b\xaa\xcc4\xc2\xa3\xb9\x8b\xc2\xdf\xc5L\xc3\xcf\x11\xc9\xc5\xe0\x17\xae\xa7\xad\xc6\n\x07\x00{\x9d\x98\x9e\xc4\xa5\'\xa1q%q\xec\xec\xd8\xac\xa4\x16+\x97\xb6\xc3\xa0f\xc8\xbd,fC\xe3\x1d\xa6\\^=\xa0\xb9\xc1\xd3\xe3\xc0\xc0\xc5@g rP\n\xac\x8b\x97\xa4f\xec\x9aFww\x82\xabx\xdd\x8f\x85\xc5\xfa\x120-\xef\x89Im\x97P\xfc\x80\xd4\x96\x15\xfaR\x9a\xdd\xd5\xe3_0\x9d\xf4\xe8\xb5\xaf\xcf\n\'&amp;\x81B\x1by{v=puF\x96?\xbe=\x9aEf\xfe\xe8\xd9\x81\xb0,X7\x8f)\xa8-.?y\x0f\'\xc0,\xeb\xd10\t\x99\xf0&gt;\xe2\x13\x03\x99\xff\xb5I\x8f\x03\x03W\x13t\xfa\x15\xeb~*\xb9\x1f\xbb\x1eJ\xbe\xe2\x90\xfcb0\xd1\xea+{\xf3L\xecA\rF\t\x83r!h\xee#\xe6h&amp;\xd8\x04#\x07\x9d0\x7f\xfd\xd2]kG\xe5\xe88[]&lt;\x06\xbc\xb8(\xe1Z\xd3\xd13\xb1NLtk\xa6o\x83\xd8\x93\xc2\xab(\xa6Km\x15nW,V\x8d`\x87\xa38F\xc9\xba\x90\xa6G\xbd\xe1\'_\xb5)?0p} m\x00\x0e\xa9h\x8b\xf8T\x7f\x13\xa6\xf62/0\xfc\t\xc7\r\x06\x9b\xa3\xfa\x8c;\xbb\x018\xf8\xc0Xz1@n\x10\xd8^v\xe9\xba8\x81\xab\x8a\xe1\xb4\x83\xf1\x06\xfam\xc3y\xd35~\x85\xecj\xc0uL\x13K\x9e\xe1dg``\x80\x87\xbc\x01h\xd2\xd9\x98^\xb5tS\xf5*BG\xb1\x9d\x9a\xdf\x90xeD\x04\xf8\xba0\xe0\xeb\xf5\xa7\x1c\xc8\x01\x01\xee\xa3\xbf\x17\xc4\xc5\xe1\xc5^k\t{\x0fu\x9e^\x8fP\x8c\x93@\xdf\x1e\xed\xe2\x9f\xd3\xd6:\x91\x03\xcfB/\xf3\x95\xbd\xb8&lt;\x19\xfa\x9c\x83\xf4Pry|\x93\xf0D\xf4x&amp;\x03\x03\x03&amp; \xe2\x17s\xaf2\xd7*c\xcftkT)LvZ*Z\xd4\xf6\xaeTL\xa7,~\x9d\xa7\xcb\xc5i/\x10\xe0E\x17\xa3\xb2a;\xbb\x8a\x9eq\xd9\xbd\xb7\xb3\x93\r1vm\x16\xddNu\xe1A\xde\xd8//}\xe7\x89\xcf&amp;\xea\x94_\xd9\x8a\xffj\x81wo\x8f\x05z``\xe0\xc6\x00"\xc2\xd7+\x99\x82\xab\xfb}\xf9\xc5\x9f\x86"\xe5\xdd\x12Y\x97\r@\xa7\x94\xaan\'\x10\x00~\xdc\xffv\xf5Y\xd3}}\x01\xd1\xaeG\xc0\x8fBV\xa3\xd8F6\x9b\x02\r\x04N;X\x07C\xf7\xc3\x92g&gt;\xcd\xf0v\xf2\x01\xfe\xdc\xa9\xaejPx\xfe\x13Y1\xbf\r\xec\x8c\xf5\x8cc&gt;\xda8GTL\x97&amp;000\x90#\xac\x19\xd3\xc4\xccPvE\x99\xd6,&gt;M\x13"N\x13\xa8\xb3\x1b\x1b\xe7&gt;"\xb2\xdc$iH\x85\xe7.84\xf0\x14\x96Omz\x12\x9d\xb3&gt;H\x86\x00\xea|\xd5\xa3\x8f\xbb\xc07vk\x93\xf9C\xdcp\xb7\x0e"\xc0dT\x9e\xcd\x85\x062\xad3\xe2\xcc\xa8\x18qIO\xf8\xac(\xd4\xd3W_,q\x12\xfd\xffb@D\xae\xcb6\xe7#\xe2\x01\xee\xda\xf2[f{6\x1d9\xf3\xda\xce\x85S\xa1\xd7\xc4dU[f\xc4Mv\xb1=00 \xc0p Tu@\x1b\xe9\x9f\x00J3\x9f\xbb\xfb\x0e\x8ec\t{\xda\xc2\xf5&lt;\xd0(O\xf0\xd6\x00\x08\xcf\xa6\xcd\xa7\xc0\xa1\xdf\x19\xdb\xb4z&amp;~Y\xb6R\xff4M\xfb\xae\xe89\xab\xaf\xb2G\x8e\xb7G\xd3\nz\xd1\xae$1\xba\x1d\xdc\xe6\xa7\xad\xc1\xe1\x16\xdd\xfd&lt;\xcc\xeb9\xd9\xf1m%,\x05\xa8M\xcf\xf2\xaf\xae\xf0\xc8M\xef\x148\xedY\xfdK\x8f\x1a\x92\x1f\x9b\xe6\xfb\xce\xb9\x02\x00\xe4\x87j\xb9i?\x93\xbe\x0fc/\x81\xbd~a\xc3\x92@\xf6xV\x8c\r+\xd7\xc0\xc0\xc0^(\xcfI\xd3sm\xe6\xb7\x08\xaa\x1f\x88oM\xee\xd3\x9a/X\xeb\xad\x8f\xe9/\x90\xc50\xc3\xe1\x04\xca\xc8\x19\xae\xf5\xb4\xad\xf5\xa3\xecf\x00\x10\xe0\x17,d\xc2O\n\xdd\xec\x1a\xc0_\xab\xaal\x14Ko\xadx\xb4\rh\xf0\xc4X_\xa3\xcd*j~\x87\'n\x8d\x00\x1fMT^\x9f\xd0j\xeb\x8b\xe6\x8a\x8f*\xbd0v\x9d\xdcHP\xdeZ\xec1\xa7\xce\xbcr\r\x0c\xdc\xc0x\x99:\'?\xa3~\xd2Fs\xde\xa1\xa1o\xa6\xd0\xb4\xf5LF\r\xaal4\xce\x9f=m\x03\xd7\xde\x05\xef\t\x96$_`\xbb\</t>
        </is>
      </c>
      <c r="E263" t="inlineStr">
        <is>
          <t>&lt;class 'numpy.ndarray'&gt;</t>
        </is>
      </c>
    </row>
    <row r="264">
      <c r="A264" s="1" t="n">
        <v>262</v>
      </c>
      <c r="B264" t="inlineStr">
        <is>
          <t>steps_per_sec</t>
        </is>
      </c>
      <c r="C264" t="n">
        <v>3000</v>
      </c>
      <c r="D264" t="inlineStr">
        <is>
          <t>2.5978236</t>
        </is>
      </c>
      <c r="E264" t="inlineStr">
        <is>
          <t>&lt;class 'numpy.ndarray'&gt;</t>
        </is>
      </c>
    </row>
    <row r="265">
      <c r="A265" s="1" t="n">
        <v>263</v>
      </c>
      <c r="B265" t="inlineStr">
        <is>
          <t>Loss/RPNLoss/localization_loss</t>
        </is>
      </c>
      <c r="C265" t="n">
        <v>3000</v>
      </c>
      <c r="D265" t="inlineStr">
        <is>
          <t>0.16007382</t>
        </is>
      </c>
      <c r="E265" t="inlineStr">
        <is>
          <t>&lt;class 'numpy.ndarray'&gt;</t>
        </is>
      </c>
    </row>
    <row r="266">
      <c r="A266" s="1" t="n">
        <v>264</v>
      </c>
      <c r="B266" t="inlineStr">
        <is>
          <t>Loss/RPNLoss/objectness_loss</t>
        </is>
      </c>
      <c r="C266" t="n">
        <v>3000</v>
      </c>
      <c r="D266" t="inlineStr">
        <is>
          <t>0.027606122</t>
        </is>
      </c>
      <c r="E266" t="inlineStr">
        <is>
          <t>&lt;class 'numpy.ndarray'&gt;</t>
        </is>
      </c>
    </row>
    <row r="267">
      <c r="A267" s="1" t="n">
        <v>265</v>
      </c>
      <c r="B267" t="inlineStr">
        <is>
          <t>Loss/BoxClassifierLoss/localization_loss</t>
        </is>
      </c>
      <c r="C267" t="n">
        <v>3000</v>
      </c>
      <c r="D267" t="inlineStr">
        <is>
          <t>0.19559023</t>
        </is>
      </c>
      <c r="E267" t="inlineStr">
        <is>
          <t>&lt;class 'numpy.ndarray'&gt;</t>
        </is>
      </c>
    </row>
    <row r="268">
      <c r="A268" s="1" t="n">
        <v>266</v>
      </c>
      <c r="B268" t="inlineStr">
        <is>
          <t>Loss/BoxClassifierLoss/classification_loss</t>
        </is>
      </c>
      <c r="C268" t="n">
        <v>3000</v>
      </c>
      <c r="D268" t="inlineStr">
        <is>
          <t>0.12893227</t>
        </is>
      </c>
      <c r="E268" t="inlineStr">
        <is>
          <t>&lt;class 'numpy.ndarray'&gt;</t>
        </is>
      </c>
    </row>
    <row r="269">
      <c r="A269" s="1" t="n">
        <v>267</v>
      </c>
      <c r="B269" t="inlineStr">
        <is>
          <t>Loss/regularization_loss</t>
        </is>
      </c>
      <c r="C269" t="n">
        <v>3000</v>
      </c>
      <c r="D269" t="inlineStr">
        <is>
          <t>0.0</t>
        </is>
      </c>
      <c r="E269" t="inlineStr">
        <is>
          <t>&lt;class 'numpy.ndarray'&gt;</t>
        </is>
      </c>
    </row>
    <row r="270">
      <c r="A270" s="1" t="n">
        <v>268</v>
      </c>
      <c r="B270" t="inlineStr">
        <is>
          <t>Loss/total_loss</t>
        </is>
      </c>
      <c r="C270" t="n">
        <v>3000</v>
      </c>
      <c r="D270" t="inlineStr">
        <is>
          <t>0.51220244</t>
        </is>
      </c>
      <c r="E270" t="inlineStr">
        <is>
          <t>&lt;class 'numpy.ndarray'&gt;</t>
        </is>
      </c>
    </row>
    <row r="271">
      <c r="A271" s="1" t="n">
        <v>269</v>
      </c>
      <c r="B271" t="inlineStr">
        <is>
          <t>learning_rate</t>
        </is>
      </c>
      <c r="C271" t="n">
        <v>3000</v>
      </c>
      <c r="D271" t="inlineStr">
        <is>
          <t>0.039989725</t>
        </is>
      </c>
      <c r="E271" t="inlineStr">
        <is>
          <t>&lt;class 'numpy.ndarray'&gt;</t>
        </is>
      </c>
    </row>
    <row r="272">
      <c r="A272" s="1" t="n">
        <v>270</v>
      </c>
      <c r="B272" t="inlineStr">
        <is>
          <t>train_input_images</t>
        </is>
      </c>
      <c r="C272" t="n">
        <v>3000</v>
      </c>
      <c r="D272" t="inlineStr">
        <is>
          <t>[b'1024' b'1024'
 b'\x89PNG\r\n\x1a\n\x00\x00\x00\rIHDR\x00\x00\x04\x00\x00\x00\x04\x00\x08\x02\x00\x00\x00\xf0\x7f\xbc\xd4\x00\x00 \x00IDATx\x9c\xec\xbd{\xfc\x7f_5\'\xbeNI\x88t\'\xb9\x93{\nC\xe46\xd2\xc5\xbd\\f\xdcF.\xb9%\x97\x9f\xa4i\x88rg\xa4\xa9\x88q\x89D"$1H\x83\x94;M.\xb9\xa4\x880SFf\x98R)\xd6\xef\x8f\xd7\xeb\x9c\xb3/k\xad\xbd\xd6\xbe\x9cs^\xef\xf7z&gt;\xea\xf3}\xbd\xce\xd9{\xad\xe7^{\xed\xb5\xd6\xde\xe7\xbc\xdfo\x00\x87\xc3\xe1p\x04@\xc4\xd3\x7f7TxFw\xa1p\x16\xbb\xd9Xl@D\x80[\xec\xcdb\xc5\xc9b\x875W/X&lt;\xed\x8a\x9b\xc2\x04\x1c\xb2\x9a\n2\xf9\xe0\x80\x00\x087\xe9\x1f:\xf4\xc0\x00\xa6~\xa3\x08m\x0c~\xd4[M\n\xa9\xe2\xe1{\xf9\x83\xc3\xe1\xd8\x08\xa6E\xbeyD\xd89\x00\xbd\x7f\x10\x7f\xf7\x8e\x86*\xedC\x12\xc6\x03I\x81C\xacQ\xcb\x1f\xe1M:\xf2i\xb7!\xc2v\xc9\xbb\x03\xeax\xf6\x1a\xdd\x91\xf7\x96\x17\x05\xd6\xdf\xe6\x1d\xe9\xfc9\xed\x14\xd6\xdf\xb5\x13\xd1\xe2\x0c\xcd\xda/e\xa1\xe5`\xa3D\xfb\x8c8\x1c\x0e\x87\x8c\r\xa2\xcc\x85F\xb1\xe6\x02\xae\xeb\x90uL6+:\x87i\xa9\xe4\x7f\xa4j\x1b\xc3\xa2jo2\x00\xa0q\x9e\x8e\x1b\x00\xb3\xa8\xa3X\x89\xc6\x1e\xdc\xa2\x80\xa9%\xa04c\xd4,\xa9\xfe\xf7\x9b\x88\xc6\xc5rJ1\x88\x08\xf0{\xedL\x8e\x90\xadv\x08 \x87^\x86\x0e\x87c\x00p}\xc1c\xa0\x8ac\xe7\xf8\x8b\xc0u1`\xe8*z\xcf9V\xc1=\xe6u,A\xdd&amp;Z2\xadL\xc9x\xc8\xaa\xe5 \x8e1\x105\x1b\x80\xf9Z/\n\xf5]\xdf\xc6\xb6\xd2\xc9\x8bv\xc7c^\x88\xba\x968L\xf0t8\x1c[a@\xa5r\xf3,\x86zd\xa1\xb0\xd9+\xd4\x17\x1d\xd9\x8d\x1b\x00\xc2\x99\x9b\x8e\xf4\xea\x1fG\x1ciC\xa2\x87\x9e\xf0O\x1ec]\x1f\x81\x83\x19\xfb\x1e\xb7\x1f\x12\xca\xc5B\xaf\xe5\x8ac\xac\xe5\xa1\xc7\xd2\xaby\xc1\xbe\\\xd05\xfe\x19{\x071=\x848\x1c\x8eK\xc2\x882\xe5"CI_;\x1c\xbe\xf8\xcb\xe8\x1d\x9dp\x11G(\xbb\xd7\xb7\xff\xf7f\xd2\x01\xd5C\x18]\xf1\\0\xe6\xba\xd3\xda\x8d~\x89\xdf\x7f\x0e{F\x85\xaf&amp;\xeb\xb4y\xb5"\xc0\'\xf0\xc4t\xc2\x7f\xa3f\x1b\xd33\xd4\xa8D]q_r8\x1c\r\xb8\x88\xba\'&amp;y5*\xb6\xab\x0eUr\xda\xfd&lt;\xec\xcal\x00\x00\x10\xe0\xc7\x83o\xda\x11!"\xc0\xa3.#\x0el\x8b\x93W\xdc\xad\xf5}\xf7&amp;\n\xc3\xb4\xf4\xf9\x99\x90\nT/7[u^\xc6\xd3\x17\xb9\x8b\xcc\x9a\xe7\x12\x16l\x1fj.?\xac9\x1c\x8e\x81\xe8\x11 *\xe22\xf3\x0b.\xe8\xa6\xcb\xf5R\xb9\xe6\xf1\xae#\xfe\xe0r\x8c\xd92\xefXy\xd0{Yh\xb6\xcf\xf5\xc3\xee;C]\xbd\x8b\x88\xf8\xc7j\x92\xdc\x88\xb2\xf2z\xdc\xa8\xb7\xb0\xaaF&gt;"\xfe\xe3\x89\xc9{\xd5\x91\x11z\xb1\xe9icw\xba\x9e+\xd7\xe1p\x00\x00\xfc\xdc6\xeb\x9f\xd5\xd2Y\xfb\xf8\x94\xec\xafC\x84\x98\xa2o\xe3}\xa90\xb3\xfc\xdd\x16\xaf\xb8Z\x05.\xff\xc3\xbem\xa7\xa7\xef\xdd\xf6[\xb6.\xd2\xc2\x87\xe3L\xcc`W\xef\xed\x1e\xfd\x10\xe0\x01\xd1\xf7\xc5\t\x0f`\xdb\xa7!"\xe2\x9fn\xb4\xf9?g\xae\x1b\xb1\xbf\x8f\xab#\x87\xfdm\xebp8\xc6\xe3\x00at[\x94\x9f\x027?\x10\xbfn&amp;\xd5b\xf7\x1aN\xaau\xaa\x1e\xc7\x97\xc5^\x1a\xb8\x1d\xf2\xbcj\xda\x87Y+\xe1\xaaXxG\x08\x87\xf7\xddt\xfc\xb5\xea\xe0\\\xa91j\xf9\xb0\x9a\xb3\x1b\xdd3\x10\x95$\xeb\xad\xe0as\x07\x02\x8b\xa8\xff\x92\xbd\xcez\xfaO\x8d\xd074\xd3\x9b\xcaM\x1c\x0e\xc7\x85\xe0\xb4\xf8\xa7\xc9\xd7u`\nD\xb8\xb2\x06\xc1\xab\x15\xc3\xcf\xc9k\x9a@3\xae\x82\xb7\xd7\xce\xfb\x95[D\xa9\x93\xcc\x03\x84\xab\xe5&lt;]q\xf8\xa0\xb1\xd4y\xbb;\xaai\xbd \xe24M\xc1J\xefB\xde\x10\x06\xeb\x9c?\xa9\xaa\xdbi\x07\xd3gc\xc2\xc9\x83`\xd7\xa0\xa7w\x83f\xc5\x0e\x87\xc3q \xa4\xa7 {\'\xc8q8\xfd\x02\x8c\xbdYtC\x9cd\x1fWl?Mb\xe6\x9c&amp;\xcdyX~\xa68M\xfb\x17UF\xcc\'\x7f\xf4`\xd3\xb1\xcc\x83;\xe6\x18\x8f\xf1\xf8\xc5R\x1c\x8ec\xd1\x15\xb6\x9fg\xd575\xb9\xd1\xbc\xb2\xa6\x134\n\x14\xccs9\xc5wPm\xce\x7f\xf8x0-&amp;\xbd\xb4\xd8\xe5p8\xaa@&lt;\x91\xbcBo/T\x02#\xec\xcd\xe6\xb08\xa0e:\xbfzk\xf1\x81\x03Z\xc3\n\x93\xc3\xaf\xcd\x0e\xb5F\x8e\xb4l\r\x15\xf0H\x1a\xbcV\xb3\xadFm\x00\x06O\xd9\xcd\xe06\xa8\x0e\x0e\x088\xea\x8fcV\xa5\x95F\x1a\xc3_\xd2\xf3\xbd\x82\xc3\xe1 p\xa1/B0\xcfj\xaf\xd8\xab2j\xb0o2lj\x10D\x1c\xf3\xc2\xc9u\x9dV\x12\x88`3r\xdf\xd70:\xa0\xd7k-\xc3\xfc\xed(\x08\xa3\\\xc9V\x1b\xac\x91\xc3,CD\x98\xc2u\xd0\x97U\xcd\x0b\x8a\xd0\xe0\xcc\xab\x1b\x9f\x86\x84\xca\'\x11\x88\xb8*\x9d\xdf\xb9\xa2\xe1\xaf\x009\x1c\xd7\x1a\xdcy\xc6)j\x90\x07\x1e\xa5#\x90=\x0f\xf0\xc2g\xa0A\xe0\x1b\x98\x9f\n\xd6\xd8\xf7\x04\x9a\r\xfd\xa3\x0cBY\x03\x07i&lt;\xc4I\xf1q0MG\xa9\xc3\xd4\x08\xc3\x0b"~\x15\x004\x8f\x01\xcf/\xa5\\\x98)\x0e\x84h]i\xd6X\xc1\xd4\xc1,\xf7=\x9b\xff\xe2T\x0f\xac\xa5\xf2\xe9I@?]p\xdeRH\xab,\x18\x1dQ\xfd\x9b\xc9\xac\xba\xa6\t1~\xcd\x9fGX\xfd\x83/\x03\x87\xc3Q\r\xf2\xa1\'\xf7\x18\x14\xd7\xc7\xaf\x1b\x97f^\tR\xd8\xbb@\xde\xea]\x8e^Z\x0e\xf2\xf2I=p\x9f\xd5W\x8f$\xbc\xb4\xbeLr\xaa\x007\xfa5\x8e6\xf4}\xbb\xa9\xeau\x14VVQW\x9d=\x91A\x15\xcb\x1co\x9e\xb3\x1a\xa3\xc8\x84\x81Jk\x07%u\xf1\'\x00\x0e\xc7u\x84"\x9aP\xbf\x9e\x8co\x00\xa7\x13\x8b\xf3\x01&lt;{Fb\xe1\xe8h\xc34\xed[\xd1V=\xfb\xae\xa8_{\x1dr]\xf4aYXF\xef\xcb\xc4\x80\xdc\xe2-\xefK\x04/h\x1cm*\xc3)y\xc1n,\x02\xacU\xb2\xd9V\xa8\xdf*\x87\xa2{\xff\x88\xea\x8br\xef\x99btR\x94@\x1e\xf8\x06\x8e\xb7Wxt8\x1cW\x04\xe9\xc1\x1by;&lt;Q\xc9\xf7\x03\xc6\xe2\x12IE\x87\x82\x8e\xde\xa6C\xd8\xef(K\xc6\xee\x94v&lt;\xe4\xdb\x08\xa6\xd1m~\xf6\xd9M\xd1,\xa4\x8b\xb4#\xfbC\xe7\xa99I\xbb}\xad\xc08\xb0w&gt;W\xde\x12-V\xad\xe8x\xb5c\x8e\xc3\xe1\xb8"\x10"#f\x88\x02\xfa#\xd2\xea\x9f\xdc\x03\xd4\x91j\x96p\x05\xc0\x18\xe1\xa0\xa9\x85\xf1\xa2\xa3\xb2\xed\xf4\xab3\x8e\tv\\]7\x00*\t\x1d\xcb\xd9\x97m\xb7o\x91\xd1B\x00?\xbe0\x84\xfe\xd5\x7f\x8b\xc0\xcdw\x8cM\x10\xb2O-\xf9\xda\x81\x1f\xdeVj\\\x99\x818\x1c\x8e\x0crt\xa3\x12\x00\x86w\x01\xe0\xcb\x88=\xc0@J[c\'2x\x84w\x94\x8b\x04\xf0\xfc\xc4\xe6"\xea\x83\x18\x17G\xb8\x1b\xea6\xea\xb5S|M\x8d\xccc3\x83\x94\x02\xb2f6gW\xb9\x80\x05^\xf0\xea\xa6\x9fO\xb0\xf6\xab\xd05\x00W\xf8\x8c\xc3\xe1p\x8cGV\xdbg\xd1\xb0\xd8\xa0Au\x9b\x80\xe9\x9a\x85\xbf\xdd\x06{\x01\xc5\x01\x85\xdc\x93\x8f\xe40#\x994M\xd6qL\xb4\xa2\xc2\xfd\x10G\xfd&amp;\xf8\xc1\xd0\x11\x0ev\xe6]\x0e\xc5\xcf\xa2j\x7f\xcc\xb7\xa2W.F\xa1\x9d\xdf\xea\xd4p\xf8\x81\x0b\x8dl3.\x97\xb9\xc3\xe1\xd8\x1fAM\xcf\xd4\xf7\xe5\x1d\xc2\x9e8\x0e\x93\xab\x06\xb9\xb6\xb8L,\xc3\xb9J\x83\xba\x0e\x186_\rU\xef\xce\xf8\xb4\x993\xf3{\xd8\x82@\xad\x1a\x9d1\xb6/\xcd\xbae\x84x"\xb8\xc8\xb3\xd9k\x93\x03\x9fr\x1f,\x87:\x1c\x8e\xab\x07\xdds\xe1b\xaa8\xf6\x06\xe0\xc2\xd0\xcft\xa3K\xf3\x8e\x13\xcdPu/rl\x8e\xcc\xa5\x8f\xe3\x84\xd5L\xf8\x8e\xf3S\x02\x8d\x90y\xbd\xdf\xde\xa0\xb8OF\xa0\x93\x0e\xf9\xf4\xe6J\xe4\xa0\x97_8\x7f\x87\xc3qx0!\xe6\xd6\xd4\x89\x97\x1c\x8c\xfe\xb9\xb8\x018NDS3\xb9\xc4\x1f\x12M\x7f6\xc3\xd6\xd9\xf8\xcb\x9aF\x1f\xff\x07\xbetY\xb3\xe0(\x83\n2\xc7\x04\xed\x81\x9a\xc5\xb2c\xc4\xb3\xd4\xc1\xaa\x81\xd4U\xd5\xc3j\xf1B\xa2\x19\xa4TO\xce\xd8\x98\xb8x\x90t\xb9\xc0\xff\x0e\x80\xc3q\xa5\xc0\xfc\xfe\xe3\xff}\xfa%\xfd\xcbwE$z\xedLr\xae\x0b\xa6gY\t\x0e\x84bP\xd3\xfc\xbf"~:\xbd\xf0\xc3;\xc4\xee$e\xe4\x93k\xc9(\x98}\xc8\xd5\xc9\xf7\x1b\xf0\x82\xb4\xe4\xfaw\xc7J\x852\xf4G\xaa\xd7\x1d\x17b\xa3\xd3J\nW\x93\xb68\xbb\x90_\xab&gt;\xfcO}K\xbfh\xbfr\xa5\xb0\xbf\xc2\x7f\x9a\xce\xe3\x19\xf3\xdb\xfd\x91\xf9\x9c\x92\xd3[uJS-\x02&lt;h\x08\xf7\xc7\xf9\xcb\x8d\x0e\xc7\xf5\x05\x02\x00&lt;\xb3\xf6G\xb8\xd4\xbf)\xa8\xcb\xc1\xdeE\x94P\x87:\x9c.Z\xac\xd0\xa0\xeal\xcf\xd4\x85\x934^\x05+\xbe\xd8$y\x959\xbc7\xec\'\x86\x8f\xe2Q\xd7\x13\xdf\xa0\xf0\x8a\x8b\x88NU&lt;\xdf(\xea\xf2\x80\xb3\x84\xbacu\xbe\xfd\x85\x18\xb0\x00q\xf9\xb7\xbd\xf2\x94\x9a\xae9\xab\x8e|0\xe2p8.\x06\x95\xeb_.v{\xc7\x17A\xd4\x85\x86\xb0\x83\xbc\xf0\xc0\xfe\xd4\x87\xd9\xaa\x9d\xe6\xfai;\x99E\xb1yC\xf8\xbe\xa8\xe2O\xc6\x8b\xcb[\xc8\x9f|\x84\x99\xdd\x0cW|\xb0\x97\x19^:a\x8d\xe1\xb8|?}\x00\xa9\xa0\xafQ\xd2.g?h\x92]\xe3\x00\x89P\xd3&amp;\xf0z;\xb6\xc3\xe1\xe8\x82%\x8e`\x86\x8e5\xae \xed"\x03YU\x85\xdd\x9f\xc6\xad44\xfc\xa0H\x8bki\xa8\xab&gt;\xde\x8f\xa4\xcf\x1d\xb6\xa6\xa1\xc4\xb3\x82}l\xbf\xea|\xa9\xfbc\xf76x\xbb\xd0\xf2\xd2\x97L`\xa2\xf2\xab\x92\x0e\x87\xc3qu0\xb4\xeeoE\xb099\x02+\xea,m\xa02\r\x9f"\r\xb2\xc12\xd7\x8f&lt;\x80Ug\x1c\x87\xc9\x85"0\xe0\x83\xdd\x98\xa31\xca\xc2i4\xee$0\xff\x0c\x86\x97\x1e/wc\xac:"\xd9\x82\xc8\x0e\xb8\xaa\xe3r8\x1c*\xa8B\x802\xd9\\l\x0e\x10P1\xa2M\x7f*T\x9d\xa1k$g\x93\xfe\xea\x11\x8a\xa0l.C\xad\xc3\xedg\xaax9\x1cf\xf4+\xcdUo`\xf6\xda\x03\x00\x12\x81K-\xfcG\x01\x00\xe0\xfb\xc5\xf6\xf99z74\x88\x1dE\xc9\xe1p8\xae\x02\xce\xe9\xe1\xda\x9d\x94\x84)\xf6\x98C{\xc1\xb8\xd2\xb6cy\xa1\xd1\xc5\xdf\xfc\xaeS\x13\xfdf\xb5\x0b\xa5\x1dp\xb9\xcc\xaf#\xb8\xfa{\x8bX\xa1\xdb\x00\xd8~~\xd7N\x1b\x01&gt;5&lt;A\x97\xc8\xf4\xde\xb1\xe4\xe2\xcf\xcb\xa7r Cp\xc1\xb1\xc8\xe1p8\xeaq\x15b\xdf\xd8\xa4ui\x18\x98V/\xc5\xbc\xee\t\xa3q)\x16\xde72\xa87\x00\xbf\xa5\x17i]\xe0)\x81\xf2A\x89\xd5b\x18\xfck\xa6\x05\xf0\x0c[G\x15\xbe\xc3\xcae\x00\x07\x87\xc3\xe1pl\x01\xdf\x00\xd4 6\x97\xe6\xc1\xd1\xc0\xf7%Nw\xed3\xa8\xfb\xf1\x92\xecG\xe4C\x95F\x8d\x8e\x0b\xc3\xec\x1b\x83\xdeiaoe\x1b\x80\xb7\xeaN \xd1)\xd3\x00\xdd\xce\xcd\x14K\x9b\xb7X#V\xdf\xef\x0c\x90y\x86\x87\x0b\x87\xc3\xe1\xb0\xa1\x107\x9bk\xf79\x03}@\x8b\x90\xeb\x06K\x1d|\x88-VVQ\xc1Z@\xe8\x89\xf9\x06\xe0:\xa2\xef,\x87\xc5\xb4i\x0f\xd0\xaeY\xa8\xe3\xcb\x1b\x00\xbd\x1a\x03\xa1\\\x85N\xd7OYY!\x02&lt;\xc9\xd0\xbe?v\x0e\x80\x0e\x87\xc3\xd1\x02\xd3\xa1o\xb5\x12\xf3sj\xeaQ\xf2\x7f4\xca\xf0\xd0L\x94\xb3\xb5\x95Gp\xb2\x1e_iG\xf5LI\x1b\x80\r\x81\xc7\xf8eV\x07\x84\\\x10_!\xa8*\xfb!\x1b\x80\xe5\xb7\x17\xfc\xf9\x80\x13\xfap\xfa\xbe\xc9\xb6a\x08\xb4\xe4\xba\x98\xa4so[\xf5\x7fm\xbc\xcb\xe1p8.\x0f\x8a\x9f3#\xbb5V\x99\x17\x9f\x1b\x86\xd6\xd6M\x95\x87\xb6\xd85N7"\xfe\x87\xac.\x89\xbf\x96\x0fV\x1b\xec6K\xa8\xb3\xcc\xb5\xa9\xfe\x1b&lt;g\x84\x89\x10\xe0\x7f\x18\t\x18h\xdc\xde\xee\xc3\xdd6\x00\x81\xdb\xf7\xdb*\xa4\x1c\x94=\xaaz\x9du\xc1m\x88U)\ty\x82E\xc5~\xeb\xae\xe3\x8c\xf4\xc5\xb47\x01\x87\xc3\xe1h\x06"L\x95\xd1\xec\x14\x9d\'[w\xdc8x"\xa2\x91aE\xdfs\x9eJ\x1b\xd7\xd8\xb6\xbf}\x96i\x9a?\x9c\x13\xfat\xfa\x12d\xd9\xd3-q\xc8\xad\xf4\x10q\xd1\xeb\xe0P\xeb\xb4\x9d\x9d\xa7a\xed`\xc9\x91*\x91T\x84\x9c\n}\xb3\xd9\xe7\x8b\x9e_\xcfs\x9a@9/q\xaf\x162\x080\x9dF\x97\xab\x0e\xd6\xfb\xa1\x97aU~\xd9\x087\xd8\x9b\x80\xc3\xe1\xd8\n\x86s\x88\xf3\x01\xd8\x12d;\x9fa`"\xbfYxmt-\x8f\x8bn\xa0\xd1\xf7b;\x1dV{\xf7\xfc\x91\x0f\x9c\xfd\xe5~\xcb?\x06\xe8\xd9"&lt;;~\xa5\x9e\xe11\xddr\xa53\x01\xac&amp;\xc9T-\xce\xd5\x83\xde\x82\x97\xa6e\x8diF\x8ez\x048\x0e\x03N=%\x81c\x1e\xe2M\xd3\xd4\xf8;\x8b\x0c\x07\xe7\xb4z5NUr\xdf@1\x05\x00\xf5\xb3\xd9\x85\x83\x95K*\x1fk\x84\xec\x8a\xaf\x0e\xbf,\xa5\x7f\x87I\xb9~\x01\xc4\xe1ptB\xcd[\xf5\xd1\x87\xde\xc0\xf6\x9f\xdc]e5\xbc\x8f\xd1\xf8\xc4\x9c\xedk\x7f\x02\xce\xc9\xb1v\xd0\xfc\xc6\x12\x86\x1bM\xd8PZ\r\xcdR\xeb\x14\xcfcLG\xa1\xdaH\xe8TQ\xa6\x18\xe1\'W\x17\x8a\x97@\xeanI\xda\x8c\xbd\x0c\xa2\xab\xbbJBK&amp;\x8a\xda\xa8^\x01\x1a\x8bNF\x96^y"o@\xb6\xcc\x15\xde\xb5\x03\x1e,\xfd\xf4\x82\xc3\xe1p\\\x0f|\x91\x18\x9a;\x06n]&amp;\x88\x1at\xcc\x1c\x82\xa8\xdd\xf2S\xef\x03K\xed@\x9a\xc7\xfbp\xb6{X\xf7\xcb\xfa\xa3\x97\xa1\xab\x99\x90Cn\x99\xd0\xb9\xa3\xe1\x94:\xd25\xac\xb4\x1d!v\x11\x0f\xb7L-\x96\xadV\x92@\xe5N~\\\x1d\xdc&lt;\xef\xf4-\xe5\x06\x80\xbbYGIP\xa5\x93\xb9}L\xdb\xb9\x8c\xb6\xcc\xbeW\xfc\x0e\x87\xe3bP\xf5d@W\x0eV\xf11\xc3X\x96\x9dO\x8fv\xd0~\xb0\xc3*\x03\x86\xbc\\\xa1R&lt;\xebGM\x81\x92\x95\x80\x9d97n\x00\xe6\xee5\x1b\x00S\xc7&gt;\x18y\x9aN\x99\xf1bW\xc7\x0c\xd27D\x87Ax_\xb3WT\xf0\xd2\xddz\x08u\xff\xc4\xed=\x9a\x15u@\'+5\xee\x12/\xdeK\x1d\x0e\x87\xe3\x8c\xa3=B\xd5b\xad!\xc6\x9d\xb2c\xf0/K\xc2.\x90\x16d\x91c\x13\xdeC\xe3\xeeNR&gt;+\xed\xa2\xe5T\x1c&lt;\x95-5\xbal\x00\xae58#\xf40Nc\xf7W7*\xc2\xf9\xb5\xb4\n\xdd#\xb7\x01\xd2;H\xc5\xbe\x0b+\xb9\xb1z\xfav.\xbe\x9b\xdd\xec\xba\xaf_\x87\xc3q|\\\xf58\x85\x11\x86*Y\xbe\x05w&gt;\xa5F\xce\xe8\xf7\xe3\xc9\xcfW\x08\xe3\xabg\xf9\xbd\x943\x89\xec\x82\xce\x03\xed\xbezY\xbb\x05e\xfd7n\xbb\xdeV@\x87\xcf\x9a\xca\x9a\x8ar"Z\xba!\x1bj\xe8,\x98\x0c\xb6j\x17\x15\xa3\x02\x94qY]\x8d?\xc1q5F\xe1p8\xae6\x82\xa3\xfa\xfer\xd5\x99\xb5\x8b\xbe\xea\x8e\xc1F\xa5\x95\t\xb7\x91\xc0\x8d\n\x02G\x0b\x96Iy\xcf=Y\\Y\xf4\xf0\xf9\xc2\xc2\xb9k\xc5.n\xfb\'?\xbd\xd4EQk\x91\x99\xbc\x99\xa6\x0bk\x11\xa5\xd1?\x006\xfa9\xa1\xc3\xe1p\x1c\x18\xc7\tR[\'\xbf"\xea\xf8\xb4e\xf1\xbco\xebQe\xae@)S\xde\x8a\x0c\x99\xac#9@2\x8f\xa4)\x06z\xac\xf9\t\xc0\xa1\x8e\xfa\xb6ar\x9c\xf1\xc6\x98\x7f\x10\xa5\xca=\xb6\x1cT\xaf\x90\x9b\x1c[t|A+\r\x86\x8d\xa15\xda\xa5l\xbe\xdd\xbah\xf8\xdf\x01p8\xae\x1a\x8e\x13\x00\x95g\xf4\xa3ip\x1a\xd7\x03\xa4\x12\xd1\xb6_\xe4\x9c\xff\x1e\xe8jilGD\xd0Xr\xfe\xa5\xd4\xb4\x1c\xeb0U\xb9v\x8b_\xe3m{\x16\x84\xebO\x15\x133?\xf0O\xf6\x18$c\xf4\x9fC\xa0\xbbY\xc8gY\xd2\xdd=1M\r\xae\xb1\xe9\xaf\xb2\xef\xe2\xbf\xc1DL=6\xc5+\xa7`\x15\x9e&gt;\xb5\xfc\x9a\xfc\xa8/\x02\xc0t\xd0?\xb9\xe5p8\x1c\xd7\x10\xfaS\xcc\x0e/\xc9Xa\x7f\x95(|\xa5\xc7\xacMO\xcb.\xbc\x11U\x1a\x7fA?\xb3\xb5*T\xe2kN\xca\x07\x9c\x14\xf6\x12\xb8\x98\xeb`Ep\x00\xfd\xaa\xd1\xdbyn\xfc\x95\r\xbc\xfa\x80{J\xb6\xfd\xfb&lt;\xbd\xf1\x88\x8a&gt;\x83F}\t\x96|\xfc\xde\x04\xf48\xbe1\x1d\x0e\xc7\x811"\xd0\x1f&lt;e\x1a\xe8\x9d\x0f\x8c\xeb\x87c\xdfl\\5\xe8_U\xb2\n~l\xba\x07\xa8\xde\xa45\x908\xb6\xabo\x8f\xaa\xadr\xfd\xbeZT\xf4?L\x12\x9f\xc0\xff\xb0\xcd\x86S\xfc7}\xc5\xad\xe4u\x8f=\x93\xce\xe5+\x94B\x83\x8a\x810\xd3x\xcb\xfaS\x9e\x9dpAT\x1d\x0e\xc7\xf1\x80{\x1c:\x0e&gt;\x1b&amp;t\x1d\x1f\xcc,t\x0c\xf1\xd1\xdb\xbd\x89\xeaM\xd11\xc5\x06o\x03o\x90\xbc\t\x036&lt;\x1aJ\x85\xd7\xcf\xf5+\n\x04\x86\xed\xc1h]\x89A\xc6\x1d$\x13\x967\xeb-\xb4\xa9z\x9aQ\x81q\xb3\x83\xe1)F\xe3\\&lt;\x8d\x8d!\xab:\xd3\xd9J\x0f\xa4r\xaaGz\xa3\x8b\xdb\x008\x1c\x0e\xc7\x05a\xff\x08\xdb\xbf\xfa\xbc\x18\xa0\xe2\x14\xb0_E+\xe9\x80\x86\xaa4).\x11\x11\xbet\xa3\x02\xf7m\xf9\x13\xe2\xdd&lt;!\xd4^\xf5Z\x94,\xbc\x96\x0e\x86\x17zR\nd\xca\x9b\x8d\xb2^\x95\x07\xda\xc8Wx\xc2v\xce\xd3\xaeECu\xb3\x07\x9e\xcc\xba\x0b\xbc\xe2\x92\x82\xb3\xc3\xe1pl\x8eM\x0b\x17U\xa9\xd4)\x1d\xb6\xa7UU\xa1\\,\xa9\x97\xf6md\xac M\xad:\xef\xecQ\x91\xac\x12\xf8d\xdc!C\x9b\xa6\xa0\x15\x9cY\xf6.5\xc2\xf9\xda\xc8\x14e2\xdf6NC\xb2\x01\xd8o\xbc}\xde\x17\xda\xb0T}\xc0\x06:\xb6\x99\x11\xa1\xca\xef\x14\xc1\x06\xe2\xc8\xdc\x1c\x0e\xc7u\xc2\xe6\xc1\xe8\x90\x1b\x80\xfa\x93\xce4\x0fI\xf5n\x07\x1c \xbd\xa9\xde\xacH6\x00\x02\xe1\x1ec\xd9\xa2\xe0\x18\xad\xa2\x1f\xf6}\xb9\xae\xde95\x1d\xc3\xe5\xb6\xf7B\xa0a\xa7tCY\x9e\xea\xdc\xfd@\xe8u\x88P\xd0\x01\xf0\xdd\xa4\nD\x84\x1f&gt;\xae\xb9\xf8\x03\x11\x87\xc3\xe1\xd8\x02}\x1f\xd0\x1f\xf6\xc4\xab\x00\xf9\xdc4\xb0\x8cT\xbc\xe6\xa9.\x08\xf1\x03^\x08\x1e\x9e?"S\xe4\x96Y\x8f];\xed\xaf\xf6\xf6\x87ttd\x1b\xea\xfa!|\xf8\x80\x18X\xf9\xdd-Yn\xfff\xffYhZ\xe9\xa1\x10\xe6\x06w\xd0ph\xec~HqL&lt;:\x9e\xca\x10n.\x87\xc3q\xe9\xd0\xbe\x0c\xf3v\x1bp)"9\xa5\xcenV\xa6[&gt;\xcao\x87hoS\xdb\x17\x84\r\x00@\xf8\xc3\x85\xf5D\x1f\xb8s\xe6K\x06\xcb\x0e\'\xbd\xf8{\xc2\x11x7r\x17\x88\xd1\x9e\xdfIr7z-\xe3\xd5\xec\xa5\xe3\xd3\x84m\\\xeb\r\x94\xc3\xc9\x03\xdd\xfc\xa1"\x00\x9a\x86\x86\r\xcf\x19\xf6\x8c\xc9\xa7\xa9d8_\xeb\xb8\xe1p8\x8e\x0b1\xce\xf6}\x9e\xb05\x94\x89\xc44\xb4U\xe6~/(/\xc9\x98\xbb-\xf4\x04\x00\xf8Z\xa1c\xbfA\xed\xbdS\x8aY\xac\x85E\x8b0\xf8\xc4\xd1\xc3\x19\xf9\xfc\xa7Y\x02"\xc2\x87I\xbe\'w.6\xe9Br\xd1\xd7\xb8B\x83\x02\xbd\xa63 &gt;\xb0L\xe0\xc95\xc2ka\xf4\xff\x9f\xcb7\x00\xf9\xc6@\xc4\x9b\x821\xba\xc6L\xf7\x8a\x1e\x9c\xe7,\x87#\xd9\xdd\xbd\xa3\x9c\xc3\xe1p\xd4\xe1\xca\x06/E\x161W3\xa6\x14\xb8K\x0e\xe34b\x06N@\xb5fR\xa3\xd4a+\xfb\xf4\xd9\xdbt.J&gt;9\x17u\x84-\xd3(\x0c\x1c\xd7]s-\x97l\xc9\x81\xcfX\x1amb\xaa\xcb[\x8a\xf8A\x1b\x80\'*\xc4&amp;\xb1\x02\xe7\x87\xa2\xe1\x16\xa8\x81\xc2\x85\xfa\xa4\xc3\xe1\xb8*\xc8\x8fvvd24&amp;\xd6\xc5\xeb\xb9\x97x\x94\xae\xce\x82V\xed\xc3\xf02D|\x8ce\x03cD.\xf08c7\x8dW\xdaA\t\r\xac\x94\x8ed\x1f\x15\x069\xf3i5\xf5\x11~^\x98\xdd~\x8ee{\xbc\xdb\x80\x85\xa9\xd8\xf6\x13}\x00\x10\xe0%\xccu\x95\xd2\x97\xd5.\x99\x13\xd5\x0f\xef\xb7\xdc\x16\x1a\xb3\x11\xdeGn}\xfe\xf0\x99i"8R&lt;w8\x1c\x8e\xeb\x8e\xfe\x11\xf9\x9c$j\xcf\xae\xba\x93\xe9+p\xa8\xd8\x1exyWi\xca#amM\xa3\x10\xa5\xa35d\x0fv\x04\xe0\xfa\xa8D;@\x0ck\xd4J\xa5[t\xe9\x8b\x9fe\xae\x8f f\x97\xc9\xcd\xc8\x03eQt\xc5l\x9d\xd6@\xf5\x88}\xf2\x8d\x85{\x7f1\xeb\x1d}8\xe5p8\x1cW\x01\xdb\x942\xb9\x96#\x96P\x9fq\x8c\xfc]\x94\xd8\\\x80\x9a\xba+\xd5%5\xc7\x9f*IF?\x81G\xbf\xbf\xdb:\xde\xe5\x94\xba\xa9N=\xcb\x82\xc1\xcf\xbebz\xbd\xaa(\xed\\\x840\x88\xee`\xd8A\xb0\xd6\x82Q\xf9\x1b\x14\xb2l\xb3TY\x1f#\xf4\x99qD\xfc\xd8h\x08%\xb1\x8f\x8f\x07;\xbfBS\xa1\x18\xe0\x81\xa6^\xed\xb08\xe1\x1cs\xaa\x068\x02\xd3\xde\x04\x1c\x0e\xc7\xc5\x00\x11\xa7I\x134\xf0\x14[\xd4\xed\x1d\x17\x80S\x92+Nh\x92\x0b\xc3\xf6J\t=\x80rv[HN\x13 \xc2\xcch\n\xfb\xb6\xb1%J\x82\xc6\x81o\xb9\x9az\xcd\x14"N\x7f\x07pk\xa0\xa7\x03\x11&amp;\x00\\\xab?\x93\xc6\r\xdd\xc9\x86\x99\x18T\x95X\xab\xe7dC\xa3\xbd\x1a\x11ku\x11\x8a\x05{"\xe2\x04\x00\x8a\x08\xd0\xc2\xa7\xcdz\x9b#\x08\x1f\x8a\xb6K\xd8\xb9\x84\xa19\x1c\x0e\xc7\x19\xec\xb9\xd4\x81\xb1\xe5)\xcb\xcf\xa9u=\xe3\x98\xc7\x96\x05\x14\x0f\xba\x90\xc2f\xf4r&amp;\x8a&amp;\xcb\xc9\xfag\x07\xb7\xfe&lt;8\xb3\xaf\xe7\x8f\x88p\x00S\xd4\xe1\xdd/\x8d\xf0\xa1`\x9c\xee\xd6\x93~D\x04\xf8=\xb5:\x9eG\xc9\xe1\xb7q\xe3\xf5\x8c\xfc\x18\x98\x87\xdc+\xf7\x1dhh\x0e\x87\xc3A#\t\xf7c\xa2\xff\x05E\xc3.\xa9\xb1\xdb\x1b\xe1\xbb@\xa2M\x96\xff{\x0eS\xd2.\xd2\xebI\xdeh\x8a\xe7\x1c\xc0n\x0b\xf6\xe5\xd0\xba\x01\xdb\x13\x88\x00\x9f\xa1nkx\xeb\x89\xac\x8c\xfby\x0b\xce?N\xc3\t\xdc\xc73\xbb+5\t\x9c\x1b\xbf\xce\xa5z\xa3\xc3\xe1p(\xf0\x86\xe1\x97\xc3\x14"\x12\x96sV\xa8\xcd\x13\xca^\x1d\xad1\x8bJ\xde\xba\xaeTq\xefS\xafa3\xf5\x1c\x8b}\x0eS\xfd\x9fI\t\xb7\x04\x86#\x98+db\xd0\xb2\xb0\xdb\xac\xafE\x10\xdf\xb6\xc3\x0fr\xf4\xb2\xcf\xcbdE\xb9\xd1:N\r"\xf6\xfe\xf1\xf1P\xf2\x10\xb1\xa4dQ]\x15\x93\xfdWn\x84\xee[\xc1\n\x81\xa3\x03Z,\xff\x08\xc1\xd3\xe1p\\c\xf4\x88A\xdbD\xb1\xb0r:&gt;\xd2\xba\x7f\xf9\x90\xa4%\xf5p\xd2\xcca\xb7\x03B\xf0k\x10\x93\xeeA5_\x10k\xad\xfe\xf7\x9d/\xe5\xa04r\xb4\xcdJ/P)\xc9X\xa7xn\x1c\xfe{\x0c\xd87\xae\xb3\x95z\x84&amp;D\x80\xc7\x86\xc6\xec\xe7\x90\xbbl\x00\xfa\x91G\x84\x9b\x1d\xc9O\xf6\x8e\x150|\x03P\xf8#\xd0\x1d\xe4;\x1c\x0e\x87\x12r\xbd\xb2{8n\x03A\xfe\xa5\x87z\xf1\xb4\xed\x81FE\x81(\xd4\xee\xfa\x9a\xde\xaaZ\xdfX\xd1,kP\xa8\xa7\xb5\xbb\x9a\xa2\xd2\x96\xca`\xe1\xa0\x17r\xc3*#\x87\x8a\x98-\xe8 t\x97\xdf\xff0\xd8\xb4k\xfd\x80\xfd^L:3\xa4\x9e\x8a\xf4\r\xc8\x8b\xa2\xe3\xc4\xf9\xdd\x99\x0c\xde\x00\x8c\xc6\xe52w8\x1c\xd7\x0e\x86\xfaF\x7fWJ\xf3]O\xd1\xe4\xed\x93\xd4+"\x93]\x07\x18\x11\xca\xf3\r@\xa8\xd1T\x1e\rB\x8d\xea\x13\xe1\xfb\xb0\xd3\xda8\xa8\xa5\x92n\xdf\x00X\x99 "\xc0\x0fV(\xa9#\xb9#\x10\x11\x9e3\x98\xb6~\n\xd6\x10QO\xa9m\x16\xd8\r\x80\x86\x127\xc6&lt;\xbc\x8c\x0e8\x8e\x18z\xbfz\xe8p.\x0e\x87\xc31\x1cd\x1eb*`&gt;2Z\xcb\x9aB{e*%\xbb\xa6j\xca%\x97\x9c\x89\xc9\x96\xd1\xbb:\xb24=\x16\xbdB%t\x89\x15\xe4\x993;\xa8\xa6\xb2\xf8\x99\xe7\xbe\xa7\x7f\xdf\xa1\x85d\xc5\xdc!"\xc0\x97\x19{4O\xdf\xd6\x0e\xb0\xd9\xbeE\xb3\x01 \xef\x9e\xe7\xee\xddVO\xb8eQW\x05=\xee\xf5&lt;\x98\xa9\xbfP\xf7\xc6\x1d\xb7\n\xc2/d\xcfD\x88\x92wO\xfc\x04v\x7f\xf8s \xe8\xb6\xe8Y\x9b\xdb_\\Lv8\x1c\xd7\x10R\xd6)\xb6\xaf\xc8:\x9bG\xc6\xf6\x8aY\xdf\xb8\xb8O\xa8T$l\x00vy?\x8a\xacWLO\x87\x12tg(\xa8\x1e/\xff\xd9CU0J\xaf&amp;\x8a\x1e2\xdf\xa5\xebc\x83e\xda\x9f\x00\xa4\xa4xb\xad\xf2\xa9\xdb\xfd\xd7\xd1\xf1\xcbzr\xe37@\x8dr\x03\xf0p\x0c/\x8c`\xe2p8.\x02\x87X\xff\x15a\xa8{\xe4R\x0b\xdc,\xdf|\xd3{\x1a_\xc4\x1fG%\xd6\xc3\xa6\x8d\xed\x0be\x193\x93\x96\xc72\xb8\xe5;0{\xed7\xb6A\xdf\x11\xb5J3V\xbd\xed\x93R-!\xea\xf5\x1bM\xa3\x0e\xcb\xfd~\xd5\xff\xf2\x84\xa18\xba\x1b_\xa2W\x13\x13W\x1eE\xf8,zi|\xaf\xee\xdcL\xb8\x92Q\xc5\xe1p\\6j\x92\x10_\x83\xd6\xbd=\x7f\xb8\xe0\xa8#3\x9b\xce\x94\xc8\x9bN\xa4XC\x19l\xd8\xeb\x07\xa6\xadS\xf6Q\xdb\xaa\xabRp\xf1\x1b\x80c\xd1\xe6\x02\x82\xd5\xbc=\n\xe5@\x88}\xfbah\x9a9\xcf\xf25s\xadN\x93\xa5\x1e\xce\x85zuL\xbbr\xd7t\xa1cw8\x1c\x8eF\xfc\xa7R\x83&gt;\x19\xf1\xaal\x00\x082\xf1\x89\xddi\x988\x8f\xb7;\xf9\xb2\xc0\x95I\xcc\xb0(Y~\x8c\xa0%W~\xdd\xc2,\xb3\x9aO?\xcc\xccoUo\x9f\xf3\xf0m\x07\x96\x84\x90:\xedG\xdc\x00\x18\xaewZG\xbaU\xa0hs\x12\x86\xf73&lt;\x9f\x9c\xdf)\n\x8a\xd4\xa0`\x1d\xf7\xf2\xc9\xb1\xe6\xbd7\xb6\x18`\xb8O\xa3\x088\x1c\x0e\xc7\x811\xb4\xb0K\xda\nR\xea4\x03\xfcO{\xc7\xcd\x10U\xff9\xfak\x12\x93:\xd9F`\x12\xdc\xfa\xc3\x98\xf6\x9a\xf3n\xa7\x1e\x850\xea"sA\xa8\xb9\xcbH\xb4\xaf\xa3\xb8\x9e\xb0J\xfb\x92\xea\x9ac\xf0V\xaa\x83\xf0\x92\xf3\xd4\x88\xccWe#I3\xab\xb7\x8fVb\x8d\x84\xae\xa8_\x89\xd7\x15\xc2\x1c\x9dvt\xeb&lt;\xf6\xb5\xed\xc1B\x9f\xc3\xe182\xb8x!d\xbe\xedBLE\xaa\xb3w1$\xd4R\xa4F\r\x81\xb5\xaaH\xcb\x8c\xfe)V#\xf9\xd4\xe0\xb3R\xda\x9a\r@\xa8!\xfa\xfd$Kn\xd3\x93\xec\xefW\xc7(YZ+\xb67N\x1e\n\x85O]F\x8fn\x87Z\xd3\n\xc6\x0eq\xf8\xb2\xbf#4t\x03P\x96\xdc\xfb\x99X\x1b\x9e\xd5\xdd\x0e1\x06&gt;\xd0\x18\x8aJ\x83$\xb3\x8f\x88\x88\xaf\xdarN\x0f\xbf\xa8\x1d\x0e\xc7^\x08\xce\'.0RT\x04e}n\x13\x9a\xe5\xb7\x84\x12m\\\x85\xd1\x88\x1a&amp;\xcf\x9f+\xd4\xf8\x99\x06\xectZ\xb9\x0b\x8as\xdd,\x9e\xd8qu\xb1mIHe\r\xbd!\xe8C\x8a\xd9&gt;5\x7f\xc4\x8aZ\x9e_\xd3\x85\xebR\xec\xae\xf4D\n\xe4\x8dNL\xf4\x88\xd2A\x89y\x9b\x8a?\x1a!\xbc\xac\xbd\xa6\x8f\xca\xaf\xfa=\x9b\xfa\xeb&gt;6\xb9&gt;1\xd9\xe1p\x00\x18s\xc6\xe0\xc2\xf49]\xa5\x1d*&amp;f\x12\x08\xb1\x98\xdc.\xee\x10\x9aY\xd5CA\x00\x97\x87\x1e\x0b\xeeK\x14OG\xc0n4\xba\x1ba\x1b\xdb\xce\xc2\xd7\x82\xf5\x98g\xb4\xf2":\xfd\xb7N\xecj\xe4\x01v.N_O\x837\x0f!\xf0\xb7QK\xfbx\x11c\x14\x0e\x1f\xd5\x1d\x0e\xc7U\xc1\x12\xb8\xf7&amp;b\x81&amp;H=\xafc\xb6\x10\xe4\xf4|\xfaoI\xc3;\xe7\xc2&lt;\x19K\x8e4\x1f\xb5&amp;g\x84\x83\xea\xa7\n\xb3\xf4\xb2\xa4B\xce\x0b\x97\xa6K\x97\xcb\xcc\xb8\xf9\xd4\x1f\x19\xfd\xdf\x1f\x0b\xab\xde\xce\xc2\x95\x1b\x80\x87ws\xda\xf6\xe9\xc3\xe0qJ\xa9R\xaf\xd1\xf5\xa2Tl\x15\xe7\r\x9eZ\xa7\x03\xffC{\xef\x9d7\x00o\x7f\xf4\xb5\xecp8\xfa\xe3\xf8Y\xfc\x84\xe7\x03\x80*\x8b\xcc\xc1\xb4n\\sjW&lt;\xc6\xed\xf4\xaeE\x15\xcf\xc7\xe6\x97&gt;i\xf0&lt;R9^(\x86\x023\x06Uo(\xa7;\xbf\xce\x02\r\x9a\x15\xc3I\x1a \x02&lt;i\x1c%\xc78\x8cr\xe0\xa2#}5~y\xcd\xc6C|\x18"=\x8d\xb4\xe8\x107\x00\xe2\xaei\x89\xd5\xac\xeaS\xdfo5\x9b}\xa3\xcd\xb6jCX\xda\xd7}\xce\xde{\x00\x87\xc3q=q\x89qgN]\xbb\x96}\xed2:\xf08\t\xaa*J\x10\x11\xe0\xb7\x94\xdd\xf3$\xb7\xf6\xca;\x86\xd2\x90\xee\x85\xf1\xc6\xa0HV\xd1\xa0\xc2\x9e\x1d\x0eAGW\x18{\xe3/\xeb\xbb^\x9eY~\xbe\xb1\xbf\xaa\x1c,\xf4\x95\xf1\x99&amp;g\x13e\xa6\xd7[\xdcX\x18\xf5\x89\xc3\xffZ-\x13F\x86\xf0\xf1 \xdb\x17\xee\x1f\x86\r\xe3\x1e j\x7f\xcc7\x94\xe6\x87\xa5\xa2\xae6\x15\x0e\x87\xc3q\xd5\xd0\x16\x7f\xc7\x96n/.\xaa\xef\xa5\xa9*\x0fE\x99\x98+\xe5\x05\x99\x82R\xa9\x0c\n\xb3\xa6\xfaY\xcd\xd0"\xbbQx\xa9;y\xebR\xd2\xf93\x0f^\xc4WW\xdb\xa4\xb0\x0e"\x84\x95X\xda\x1b\x90\x0bp\xbdufh^\xe6\x7f\xa5m\x1fJ\xee7\xe9Q\xe9&gt;\xaf\xf7\xec\x03\xc6\x1f\x92\xde\x89(\xbd\xe6\xe2\x15k\x83\x9c\x9b0k\\\'x\x82\xf91\x8eo\x00\x1c\x0e\xc7\xd6\xe0\x03\xee\x9e\xf1\x083\xecH\xa0\xaf\xd8\x16&gt;\xf0Y\xd6\r@Y\xbb\\\xda\xca\xb5Nz\xf7\x9e\xe7\xcf7\xb5\x17m{Mt5\x1a\x08\xf7y+\xc3.\x01\x83\x7f\x97k\xad6\x9fK\xdeq\x13\xb7\x9fK\xbc\x12\x01n\xa6n\xfd\xc5\xa1?X\xad\x1a\x15\x9a\xea\'f&amp;\'\xcc\xe8M&amp;\x86&lt;\xbe\x18\x00\x93\xda\xfd\xe4\x15\xb3o\xac\xe7\x059\xdb\xe4\x8a\xb1\xda\xe6\xb0s\xf2\x8a\t`0Q\xc2\xb3\x9a\x8b\t}\x0e\x87\xe38X\x02\xc7\xad\xfb\xd5Os\xb4z\xebS`\xfa\xc0^2m\xea\xd7S\xb1.\xca\xf9\xe0\xfbKf\x15\x96\x80\xfe\xb5k\xe3\xaa\t\xeaR\x1cWw_\xf3\xd9W\x93Y\xca\xba\xa9\x90\x14\t\x1d\x83\x1d\xc7\x812\xa5\x91L\xca\xbf\xcb\xb4j$,\xcd\xe4\xf2\xabB\xfd\xc1\x1f \xf4\xc0Z\xc8\xe6\xb7\xa2F\xf1\x1a\x8fm+&gt;\x16\x90\x1f\xa9\xc9\xcc\xf43\x18\xb4&lt;\xf1\xec\xbb\xa6\x16Q_\x92\xc9\\,\x93\xeb\xea\xec\x90\x87\x84\xc2\xc8Wm\xc8\x0e\x87c3\xfc\x8e\xad\xf9\xc3\xb4\'F\x00\x00?\xd4-6\r+a\xd9\xd8\x1aG^\xfa$[\xa9\x9c\x93\xcc\xa5\xed&lt;\xff\xd5\xe4\xb6\xff\xd6\x9e\xa4\xfb\xa6\x96\xef\xed*-\x01c\xcc\xf8E\x82\xde\xf5A\xa34$\xdd\x8f\xe1\xc9\x14F\r\xdaQS\x82\xf3\x95\xa5\xaa{\x89\x01\xa7q\xcc|\x95\t\x01|vGiK\xf1*\x1c"\x90\x8b\xd48\xfc\xca\xd5\xcd\xc5\x1f\x8ed\xf2\xe8\xa09\xbc\xe4\x1ah\xb1\xa7\xcf\xbfU\xd0\xb2\x87\xc3l\x01\xcd\nu8\x1c\x8e\xe1\xd8-\xd6\xf4\x8b\xecI\x92\x10\xce\xe7\n\x19%H\x9f&lt;\xb7g\x93\x12\xee\x1c&amp;T\x15c\x81\t\x7f\xbd:=W\xf4\x12F\xb4MVf\xb4?t\xb9\xdb\x9f\x06U\xbb\x03"\xc0K\xda\xa4RT3\xf3\xb6\x8d\x08\xe1\xf6m\x05\x93\xb2\xef\xc7\xda\xe5G~\x9bt\xbf\xa4Zg\x1d\x85\xb8\x0c\x97[I\xbd;\xba\x9c5\xc9\xff\xe3y @=\x01\xc0\xf5\xa5\x9dV&gt;\x99X\x80uY\xd9\xa4\x99\xf4\xea\x04\xaa\x9ean\x8ez+9\x1c\x0eG\n6 J\xd7\xa5R\xf8&amp;\x87z\x82\x99n\x00\xb86\x85\xc4\xc0\x97)\xfd\xa1\xcegq\xb3\xda\x1a\xc2R\x1c\xa4UK\x9b\xb4JlS3\xe5J\x07\x89%%\x7fAatf?L\x15\x19\xadW5|\x04\xf8\x90\xf9\x83\xb9o{\x89\xd9\xd2\xbdJl8)\xe5\'\x00\x18?\xad\x1a\x14[\x96z]\xbf\xc6\xcf\x8d\xd7\xf6\xef\x9e\xd2\xee\xb7\xf4\x04bz\x9b,\xcd\x10\xf1f\xebS\xdc\xfa\xe8\x94\x87\x97\xcd\x82\x7f\t?v\xfa\xcf1\xc88\x1c\x8e\x0b\x07\x1f\x10+\x8fx\xe3\xe4\x11\xdd\xd0\xc5\xac\xea\xb8\xf6\xdf\xf2\x9c\x9a\x14=\xb5z\x07f\xe8j\xf4+q\x10\xe0\x132\xc9D\xd1\x10\xce,k\x8d~\xc5A\x11\xfa\xb2f\x1c\xa5\r$\xe7\xa6n\x1ex8\xb9\x03\xf9/\xebq\x90\x8a\xcd\xf1\xb8\xc6\xb1\x10\xb5&gt;\x19\xa9\xe2N-\x1a\xcf\xf8\x19\xdb\x199"\xc2\xa3\x89\xb5\x1f\xee\x01:\xb0R\x11\x915\x12\xeb\x820r\xad\xee\xe4J\x9d4\x87\xc3\xe18,\xd8\x03\x182\xe6\x16\xe3`)\x9f\x8dB\x97\xd0O\xe2\x93\x0c\x02\xcb\xc7cJ\x03\x16\xb4\xc4\x1dt\xdc\xb4\xd0\x19p\xd8\xfc\xea\x87\xa3w\xb3\x8bL\xde\xd2\xe3\xfe\xe3\x97]\x8456\x00\x00 \x00IDAT#=\x83\xc0\xe1\x07\xab\x04i\x93\xbd\x02&amp;\t\x9e\x0c\x86\xf77\xa5\xc2Du\x82\x89ygb;\xfc:\x1e.\x82\xa4\xc3\xe1\xb84pQ^q\xfc\xb3[T\xe2\xf2\xc4\x0b\xda\xb6\x04\x96\x9c\x87\xc2\xdb\x0b\xb8\xbek$H\xfb\xc9\xa2\xba\x83\xd4\n\x0eX\x96\xc3\xb6O\x87\xbaoq\x07\xc1\x1d\x95\x01}n\xdd \xaf\xe3\x16\xb1\x18\xa0\xb6\x9f\xd3\xf5\xb9ntUq\xe5\xb2\xa0\xc8\xad\x0e\x87\xc3\xb1\t\x82L0\xf6\xc8Y \xd0\x18\xd0\xbb\x9c\xaeY%H\x8dO\xa2.?\xca\xdb\x9eQ\x18E\xd7\xf7M\xf1[\xdc\xf1a/\xc4\xf2/~Z/\x17\x17T\xfc\x91\x87\x14c\xb4\\ep\xcfR.t\x19v"\x7f\x91cw8\x1c\x07\x04}\xf4R#h\x8fl\x14?&gt;\xdeT\xb3\xcc\xe7:\x86i$|\xa9mjT\xaf\xb0\xf3&gt;\xd0\xed\xed\x94Y\xb2j,\x18\xff|\xc5\x05\x95\xad\x11\xc6pnZ\x1a\xff&amp;xc\xea:\xe1\xba\x8dW\xc4qC\xeb|\xee3\x8e\xdeq\xc7\xeep8\x8e\x80A\x01\x82|\xfa\x9c\xd6yd\xa2Rf\xafS\xf7o\xa5\x84\x84\xbaZThXt\x11\xd2\xb6\x01\xc0\xc0\x9c\xd1\x93\x04\xab\xd8\x9d\xeb\x06K\xd1\xcc\x08@P\x8cb\xf4\x0ep\x95\xff\xb0\x92\x16\x940\x88\xde\xb5\xc4E\x18\xb3\x1b\xc9e\xff\xd9]\xf2\xd1\xb0\xcf2\xf9:\xbcu\x8f\xf3\xaf\x12\xf9\xa6G\x88y:h\x81G$\x87\xc3\xa1E^zZ\xc2\xc7\xcf(\xa2\xde9\xba\x91\x81)\xbc8.ru,\xd4\xda#5Y8\xce_\x0bif\xed\xb2\xf3[+\xf4\x9fLb,,\x91\xc4\xf5\'+v\xc0:\x0b%\xf7\x08\xa6l!\xfci\xe1\xd3\x00\xc7\x96\xb8b6\x0f\xbc\x08\xc3k\xd0\x1c\x15\x8fd\xa8\xdd\x1e#+[\x02 |\xba9\x82\x9d\x83\xe1\x0b\xea\xa7\xa9\xef9\x82G$\x87\xc3\xa1\x05Uz\n\xe1#\xbe\xf5hK\r\x9a\x86\xb9{\x90u\xb0V\x9a\x05q\xf5f\xee\x15\xd6\x88\x85\xf0\xaaStn\xf3\xc3\xaa\xc7,$\x1f\xd3\x88ZR\x02\xd7\x17\xd7\xc2\x1d\xc3\xa6\xf4\x8f3\xf2\xa3\x13\x07\xbee\x1a+\x9a\x88\x1eZ?\x8f\xad\x90sm\xd3\xbcy-\x1f\x0e\x8a\x9f\x7f\x95\x17\x8et\xebr\xf0e}\xf8\xff5wCm\x1f)\xb6\xeb\x85\xe8\x9a\x15:6\xce\xe9\x15\xf0\n\x87\xc3A\xa0na\x0f+S6x\xb4\xdaG\xa0\xa6\xbc\x16z-\x99\xf8ER\xcd\x8dI\xfb\xa2tV\x97\x8a\x91aDsKs\xcdT\xa1\x85k,\x08\x19\x95\xb1\xf8\xb7\x8cr\x8d\xfc\xb4&amp;\xb8Y\x17j=P`{\xb5\x8b\x00\xe4\x1f\x1cm5\xf0\xbe\xc7\x16R\xd4\x92|x\xdbY\x9e5\xde\xb2\xba{8\x9c\xba\xb0\x9c\xcb\xbcm\xafG\xbb\xc4,,\x0cU\xe7,\xed4\x1c\x0e\x87\x83Fu\xb8\xb4\x96\x8c\x82\xa4\xde-\x8b\xef\x87\xc4_\xed\xfc[\xc6Nu\xfcOE-\x8ds$\xd8\x043\xe8%\x03"\xc0\x03\xe3\xbe\xe7\'\x1b\nJ\xd1E}c\x03=\xb1\x85R\x12!\x909=\xcd{]8\xf2Q\xbc\xf1\x0e,\xb6\x82\xb0L\xb6\xaf\xc32\x8d=\xdf\xe5 \x87\xc3-\xcc\xa1cOBG\x95\xae&lt;\x80Er\x18\x99[&lt;\xed\xd1\xdbY\x90\x91\xf1\xbc\x1a\xb1\xc5\xe1p\\2\xa8\x80{\x91\xbf\xce\x92\x88\xc5\xa5QX\xcbe\xbagq\xef\x11\xe4\xc5L\xd1\x9du\x99@\xc1\xd0D)\xeb\x91&gt;\xa6\xe8B)S\xb4\\yn|\x85\x17%ia\xa8Je}qtfO\xb8\x16\xe8d\x93\x06\xdbv\x9a\x97\xdd&amp;\xf7e\xf3*S\xb4\xad\x0f\xbf\xdc\x12\xd6\xc7\x84\x94\x89\xeez\xaa\xd70XNL)\xbc\x04Q\x0b\xe0\x0b\x8a\x92\x8dLR]&lt;\x05\x0f\x17\x0e\x87\xe3\xc2\x11\xc7\xdcc\x055&amp;\xc8\xa6\t\xa6:\x16\x0f\xcfU\xc1k\tY\xe3\x8e\xa6\x0e\xcf\xde\x0c\xc7\xff\x02`\xfeu\xb1\xb3\xb5\xbb%BNW+\x9aR\xb2j*/\n7\xa3/\xf7\x1f\xa3B\xe0j\xdb\x8fX\x8d&lt;\xc6\xda\x971\x89\x85\xb2\xf2V\x95B\x83 \xb3\xd8A\x19\xa6\x94\n\xe4\xfb\xf0XD\xc4_n~\x1c-+\n\xc7\xc8\xb6\\\xaf\xffy\x05\x99\x8dq\xe5\x82\x8f\xc3\xe1p\xcc\xa8\x8enTdL\xf3\x04\x9f3\x06\x85TLh\x14Z\x13\xf5\xaeI\x9b&gt;#\xbe\xd0.\xb5\x80\xb5\xfaW\xbfVd\xd5\xfe\xeaN\xe7\xbbO\xa2\\E\xdb\x99\xda\x84\xec\x96\x92\xb1\xdf/\x17o?w/=\xa8\xd1\xb9\xf4\xbba\xf6\xa0i\x90y\x87\x88=\xe4\xe1\xc8\x0c\xfa\x88$\xb4\x83\xc5\xe0\xd1\xe6!\x918\xd8\x02\xa8T\xb14\x1b\xe7E\x1b#\x08\xb6\xddD\x06\xff:\x1c\x8e\xab\x89\x9a\x08(\xe4\xf2f&gt;f&amp;\xba\xd2\x96\xbe^\xaa\'\x88+\xc1\xfb\'}\x8e\xc4\x8aF\xe3\xa9Z\xca\xd3*+i\x88eZ4\x86M\x85`\xf1@N\xec\xa8g,\xcb+\xf67\xe8\x02\x00\xb8\xbf\xb1}/\xd8-3\x86\x06\xa8W\xa8\xa6Y\xd2\xbe#\xd1\x8b\xc1[\xec3j\xc6\xe6\xc4\xc5\xa0\xe5A&amp;\xe8o\n\xaer%\x1c\xa9\xef\x8a8\xde$:\x1c\x8e1\xe8\x9aJ\x8f\xb5\x01\x90\n\xdfo\xc8\x8bT\xf3\xd9s\x1d\xe7\\$\xa7(\xd4\tD\x1a6\x11\x90\xce_\xeb\xc6\x92\xf4=\x7f\xfe\x08\xa2 \x90\xa9\xe6\x13\xa1\x9b\x0e[\x8a\xd2\xd0P\x8a\xca8tF\xbb\xcc\x83\x95\xc8\x85\nlDM__\xbe\x1c\xc8n\x19*\xb9\xf57/\xf0\x91\xd0\xa4kl\x95\xf9\x0eT\x80\xba\x8a\xe8;\xb4+l(\x87\xc31\x0e}\xa3F\xa54[\xc4?\xea9G\xce|P\x9dT/s\xe9[:c\xe3\xe5\xffQ\xd8h\x99\x88\x80R\x9f\xc1.&lt;\x07$\xb6\x1fZ\x0b,\x85|\xb5OR_\xfb\x93\xdf\xdd\xf3\xdf@\xe5B\x05\xe4}\x9f\x10W\x96\xbb\x0f\xb3\x17\xec\xc1*,\xd3\xb33\x85\x16&amp;\xdc\x06\xe0x8\xc7\x963\xd5/;8\xdb\x1a\xb4M\xc1\xd3\xbb\xf1p8\x1c\x8ev \xe2\xe9\xb7\xbd$\tO\x13\xe9\xea\xa2\xe1\xe6\x99L\xd6\x95\'\xd7A\xf4\x9ad\x06$\xeb\xf6Q\xf1\x1bD\xf1OG@kbKyV\x0b\x14{\xa5\xaf\xa6\x84S\xc6\x10\xb1=\xbaY\xda3\x1d[+\xb9\xb6\xee\x00\xad\xd3\xd4\xe1q\x87\xf2\xe2\xb5E\xe8u\xbbV\xed\xe9KD[\xa8\x8c\xb1\x81\xc6\xcb\x01\x91a\x1d\x0e\x87C\xc4Vat\tO\x1b\x04qD\xfc\x08\xcdI\xe4\xda\xa6\x9d\x06\'\x01\x01\xc8\xbf\xd6y\xc4H\xddqFr9\xaa\x19\x8f\x1c\xa3\xfc\xe2P\x13\xc5\x92\xc0\x8cj\xfd\xdb\x11\xa9X\xa6\xafE`\xcf\x87*\x07\x83\xd71Z\xa8W\n\xd1\xb5Qs\xceD\xd1\xa9\xe3\xcc\x8e\xf9\x15\xd5G\xdfT\xb0\xf4|G\xe4p8l\xd86j \xc0+\xb2\xfa\x7f\x98\xf6\x1f+\x0b\x8fi&lt;\x7f\x04\x8bX\xc5\xff\xe6"x\xdc\xec\x8a\xc4\xf1Oa\xf6\x00\xf9g\xa2Q\x0f\xdf\xc0\xf0A\xc1G/\xd2&gt;[/@dW\xffV\xdb\xff\xb7v\xaf\x9c\xf1\x90\x83\x91\t\xfeue\xc7\xcdpLV\xd5\xb8b\xc3\xe1v\x1dld[\xbf\xdc\xa9\xc1\x14W(0\xd6\x83_\xb0\x9f\x1cG\xa4\xa3.m\x87\xc3qD\xd4\x87\xd7\xa0\x18\xfa+&gt;\xeeP\'F\xba \xa5\x8ee_\x11\xb7\xfc\x19\x8d\xe4\x9e\xfb\x10\xc4w\xa5J^\xea\xf8_b\xb2e\xec\xd6\xa8\xebH))[9\xb1J\x8dZV\xa7f=\xad\xdaT\x8b$y\xba}\x03`\xed\xb5\xbc\x894\xcc\xd3\x94Oo\xe8\x97\xa0\x1e\xd9\x9b\xd5\xd0\x05\xa5\x98\xbe+W\x8a\xe1\xfa\xabi5\xd1\x03&gt;\xb4Ot\xad\xb1\xe4\x15\xac\x83\x85\x83\xaae\xb0;\xa4\x12\x87\xc3q5`\x0c\xb5K\xa0\x11j\xfa\x86Hd\td\x98}\x90\x9b\x91\xd5X\r\xb2\n\x1e\x93\x1bz9u\x04\x82\xeeZ[)\x93D\xdfD\xb2\x88\xba\x9d\xf1\xdc\xba\x97\xde\x83a\xab$\xbdV\xfc\xfd\xde\xc1`UiT\xb0\xb1\xe2\xd7;\x1bd\xe7J\xa8\xc1\xe6Z\xda;\x0e\xb0\xa4\xb7\xab\xf1k\xe4\x1cs\xd5o\x83\xeb&lt;v\x87\xc3Q\x85s\xc86\xbd\x8e|\xc3\xb6X\xb3\x16\xcdB\xc20\xa8\x10\xb3\x0e=\xb4\xc6#\x13\xccP\'\xe7\x90x\xed}\xd5\x1f\xdf\xaa\xcb\x921.\x9cs\xdf\x16\xcd\x03ZV \x12.\x8e\xe8^\xd7\xaa.\xd9\xc0o[T\x10\x07\x16T+Y\x86 \x1d\x96\xfd\xcf\x9dg\x15\xdb.\xe1\xc3F\x8c\x12\xfc}\'\x87\xc3\xb1\x07\xac\x1b\x00E\nQIh\xaf\xa1\x13&amp;\xdcF\x82\xb8\xde#Ow\xdc\x00\x1c&gt;omZ\x91o\xb0\x01h\xac\xc2\x17\xc7\xb3\x924\xad\x9d\\\xf2\x8e~\xb2\x8c4\x1b\xb2l\x81\x8a\xddQkxiG5\x8dx~\x07\x0ca\xec\x1a\xe4\x0feL\xc7C\x80%\xaf\xb0\xf2\xb2\x88z\xddy\x1f\xf2ST\xaf\xa3F\xda\xc3\xa7\x00\x87\xc3q\x15a\xaa\xfe\xa1\xcf)\x17\xa6\xe5s \xd3 &lt;z3\x95\xeeBJ\xebW_\x96KU\xee\x96\xd5\xecV\xf9V!\xbc\x9ct\x82\xb6\xc2\xc0*\xb0z Y\x05_U \xaa\xdf\xf4\xa0Z\xeeQ(\xf0\xcbS\x1e\xce\xf3\xc9[\xc5\xc5\xb2w1t\xa6\xf1G5\x8fw\xf6\xda\xbd\xb4\xeb]\xc8\xe7\xa30\xae\x97\xce\xc3\xb7\xaeV!X\xd1\xa2\xf6\xf67\x00\xf0\'\x00\x0e\x87C\x8b^\xa5\xd8\x1a+\xdf\xb5,0\xcc\x10t\xc0\xb2\xbeJD\x9c\xa3#\xbc\xd0Th\x16Zr\x1b\x00\xf8\xef}\xcaY9\xd9h\x8b\xe6\xcfP\xd5\ru\x84_g\x9d2I2\xc56\xaat\xf5\x95\xeb\xd5C\xaf\xb1\x13\xd53\xdfTKl\x13\x9c\xfd\x93\xf0\xe7\x82_)/j\xa4\xe9\x1a\xf4@\x83U\x83\x85\xbc\xe9bi\xf3\x04\xcc"q$m\xfe\xba\xf9\xf2\x7f\x08&amp;\x07\x01\xca\x88\xaa\r\xbcs\xeb:v\x0e\x87\xc3q\xd9\x10JO\xea\x1c\xa8c\xac4\x87uBD\xe1\xa1\x01]\xfd\x1bJs\x1d\x0b\x8e\x9c\xd2\\&amp;&gt;&amp;\xe6\xe4`\x17\xa3%\xf4$\xc9=\xcd\xc5*\x18!\x95\xbba\x12\xd2\xcd[zo\xa2\xb6\xdf\x95\ru\x83@\xf8\x06\x83b\x83\x06\xf3\x84GI\xe9\xf2\xaa\xc9S(xo~\x030\xb7\xf9\xb6\xadi\x9d\x99`xZt&lt;\x0b\x1f\x8dO\x82\x83\xd3s8\x1c}\xd0\xb9\xb6h\x8f\xb6c\xab\xc69Q\xbd\x1dQ\x06I\xaf\x19\x0c\xd8\x03\xb0ZL]\x00\x00\xe0\xef\xfbr\x80\xec\t@\xd5\xa8\x03g\x18e\xb7!2)\xaaW\xe7Q\xc6P\x1f\xde\x1e\xc1\xaa\xb1&gt;:\xa8TW\xbaxul+ \x8e\x87\xc7\x19\xf2Li\x0e\xef\x88\xf8\xce3\xc9\xe3\xb8\xfdq\x98P8\xda\x9c:\x1c\x8e\xc1\x08\x8ex+\xfb\x9e&gt;\xb5\xd3\x18]jW$\xad\x91\xac0G\xb5\x8cB\xb3o-W\xb1\\R\xaf\xd8\x96\xdc-\xd8b-2[\xac\xb7r\xcb\x0f};\xbfp\xfcM\xa4\xf6R\xaf\xaf\xb4p\xd8\r\x99\r\x89&amp;0\xad\xa7\xa7C\x17c\xa4\xb4\xae\x9bH\xaf#sAN\xa3\x8a\xb0\xfb\xb1K\xc3\x15e\xc7\xa8-"e;\x17&amp;\xf4\'sV\x988r\x05\xa5nx\xe8n\xe7\x08\xf6\x81_\x86\x1f:\x1c\x8e\xfd\xf0a\x08\xf0\xe1\xcb\xb7N\xe1\x95\xaeA;\x82\xca\x04\x8b:\xe9\xfd\x9f\x16V\xa4q\x9e\x8f\x04H\x1a\xb2\xe4\xa3d\xb8\x10\x81\xad\x16bs\xe9YS\xafS\xa6\xdah\xc8\x82\x96\xb8\xd4\xe8\xa3\xad\x93\x9cZ\xf5"\x06\xd1k\x90\x8c/.\x95\x8c\x07\x7fz34\xd6\r\x82\xec\x0c-\x0bS\xee[\xb2\x15\xd1w\x03\xef=&gt;\x8e\xbf\n\x1c\x0e\xc7\xe6x\x90%(0\x815\xbc"\xf77Q3B/|\xa6\x1d\xe5\x83sz\xf8\xf7\xf2\x0f\x004\xc5P\xb2oV`=\xa9\xfe\t\xc0f\x051\xc7"\'\x95&lt;PndH\x96\xa4\x94\xb4\x11/~\xe4;F@\xc4[]\xc1\xb4\xca\x99y\xa0\x8f\x8d\xf3\xdb?\xddoE\\=\xac\xd3$&gt;Ajq\x92%nT3\xe4\xd8\x00 \xc0\xf3\xea\xc4\x9a\x18\x0cWQ\x06m\x84 \xe5\x1d\x81\xa4\xc3\xe1\xd8\x0f\xca\x18\xfd\xa2\xc2\xe3\xf5d\x03 ?(\xdf=\xee,E\xbc-Eu/P\x16k\xf4\xab\xabZ\xf3n\xe3\xf6&amp;P=\x7f\xceN\xc7\xc3\xeb\x8f\xec\xb4\r\x90[V\xabH.(\xfb\xd5\xa9#\t\x8c\xab\x89\x95\xaaO3%\xa3\xafR\xf2N/\x15\x8evh&amp;\xfd\xdc\xe6\xc5\xd5\x13W\xff,H"4j)\xc5\x92\xfb(\x1a\xf5\x90m\xc7\xa8\xe2p8\x0e\x81\xc7aTw*z\x18\xaa\xe4\xc2\x06`\xf7\xd0s\x07\xba\x82\xc1\xf9\xacz\xfb\xe0\xd8\xb1\xa2j\x91`\xee\x9b\x190\x</t>
        </is>
      </c>
      <c r="E272" t="inlineStr">
        <is>
          <t>&lt;class 'numpy.ndarray'&gt;</t>
        </is>
      </c>
    </row>
    <row r="273">
      <c r="A273" s="1" t="n">
        <v>271</v>
      </c>
      <c r="B273" t="inlineStr">
        <is>
          <t>steps_per_sec</t>
        </is>
      </c>
      <c r="C273" t="n">
        <v>3100</v>
      </c>
      <c r="D273" t="inlineStr">
        <is>
          <t>2.571924</t>
        </is>
      </c>
      <c r="E273" t="inlineStr">
        <is>
          <t>&lt;class 'numpy.ndarray'&gt;</t>
        </is>
      </c>
    </row>
    <row r="274">
      <c r="A274" s="1" t="n">
        <v>272</v>
      </c>
      <c r="B274" t="inlineStr">
        <is>
          <t>Loss/RPNLoss/localization_loss</t>
        </is>
      </c>
      <c r="C274" t="n">
        <v>3100</v>
      </c>
      <c r="D274" t="inlineStr">
        <is>
          <t>0.2712622</t>
        </is>
      </c>
      <c r="E274" t="inlineStr">
        <is>
          <t>&lt;class 'numpy.ndarray'&gt;</t>
        </is>
      </c>
    </row>
    <row r="275">
      <c r="A275" s="1" t="n">
        <v>273</v>
      </c>
      <c r="B275" t="inlineStr">
        <is>
          <t>Loss/RPNLoss/objectness_loss</t>
        </is>
      </c>
      <c r="C275" t="n">
        <v>3100</v>
      </c>
      <c r="D275" t="inlineStr">
        <is>
          <t>0.03248989</t>
        </is>
      </c>
      <c r="E275" t="inlineStr">
        <is>
          <t>&lt;class 'numpy.ndarray'&gt;</t>
        </is>
      </c>
    </row>
    <row r="276">
      <c r="A276" s="1" t="n">
        <v>274</v>
      </c>
      <c r="B276" t="inlineStr">
        <is>
          <t>Loss/BoxClassifierLoss/localization_loss</t>
        </is>
      </c>
      <c r="C276" t="n">
        <v>3100</v>
      </c>
      <c r="D276" t="inlineStr">
        <is>
          <t>0.19210656</t>
        </is>
      </c>
      <c r="E276" t="inlineStr">
        <is>
          <t>&lt;class 'numpy.ndarray'&gt;</t>
        </is>
      </c>
    </row>
    <row r="277">
      <c r="A277" s="1" t="n">
        <v>275</v>
      </c>
      <c r="B277" t="inlineStr">
        <is>
          <t>Loss/BoxClassifierLoss/classification_loss</t>
        </is>
      </c>
      <c r="C277" t="n">
        <v>3100</v>
      </c>
      <c r="D277" t="inlineStr">
        <is>
          <t>0.15473488</t>
        </is>
      </c>
      <c r="E277" t="inlineStr">
        <is>
          <t>&lt;class 'numpy.ndarray'&gt;</t>
        </is>
      </c>
    </row>
    <row r="278">
      <c r="A278" s="1" t="n">
        <v>276</v>
      </c>
      <c r="B278" t="inlineStr">
        <is>
          <t>Loss/regularization_loss</t>
        </is>
      </c>
      <c r="C278" t="n">
        <v>3100</v>
      </c>
      <c r="D278" t="inlineStr">
        <is>
          <t>0.0</t>
        </is>
      </c>
      <c r="E278" t="inlineStr">
        <is>
          <t>&lt;class 'numpy.ndarray'&gt;</t>
        </is>
      </c>
    </row>
    <row r="279">
      <c r="A279" s="1" t="n">
        <v>277</v>
      </c>
      <c r="B279" t="inlineStr">
        <is>
          <t>Loss/total_loss</t>
        </is>
      </c>
      <c r="C279" t="n">
        <v>3100</v>
      </c>
      <c r="D279" t="inlineStr">
        <is>
          <t>0.6505935</t>
        </is>
      </c>
      <c r="E279" t="inlineStr">
        <is>
          <t>&lt;class 'numpy.ndarray'&gt;</t>
        </is>
      </c>
    </row>
    <row r="280">
      <c r="A280" s="1" t="n">
        <v>278</v>
      </c>
      <c r="B280" t="inlineStr">
        <is>
          <t>learning_rate</t>
        </is>
      </c>
      <c r="C280" t="n">
        <v>3100</v>
      </c>
      <c r="D280" t="inlineStr">
        <is>
          <t>0.039987564</t>
        </is>
      </c>
      <c r="E280" t="inlineStr">
        <is>
          <t>&lt;class 'numpy.ndarray'&gt;</t>
        </is>
      </c>
    </row>
    <row r="281">
      <c r="A281" s="1" t="n">
        <v>279</v>
      </c>
      <c r="B281" t="inlineStr">
        <is>
          <t>train_input_images</t>
        </is>
      </c>
      <c r="C281" t="n">
        <v>3100</v>
      </c>
      <c r="D281" t="inlineStr">
        <is>
          <t>[b'1024' b'1024'
 b'\x89PNG\r\n\x1a\n\x00\x00\x00\rIHDR\x00\x00\x04\x00\x00\x00\x04\x00\x08\x02\x00\x00\x00\xf0\x7f\xbc\xd4\x00\x00 \x00IDATx\x9c\xec\xbdy\xfc\xbd_5\xf7\xbf\xce\xf7\xa7\xf1VI\x1a\xdc(\x1a\xa4H"J\xa524iRi\xa0\x01\x91\x0cev\x97\x90!C\x86\x06\x19\xa2\x0cI\xa6\x08\x91\x06\xdc2T2\x15\x95&amp;\xe3m,)E"\xa9\xf5\xfb\xe3\x9c\xeb\xba\xf6\xb0\xf6\xdekO\xd7\xb5\xaf\xf3~=\x1f\xf9z\x7f\xce\xd9{\xad\xb5\xd7Z{\xed\xe1:\xef\xf3&amp;\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10\xb993\xf3\x06z7Q:\x18l\xb0\xb5-\x02\x83\x19\xc6DLc\x99\x94f\x89\xefl\xf6\xaaCh\xach\xf5t\x1d\xb74UL\xde\xf5s\x98mkc\xda\xad\\\xcdTr\xfc_\x16Y!\x96\xbc\x1d\x15~j\xec\xbf\x92\xee\xef+\x9f\xebO\xc8l\xb5(:\xad\xbb\x96U\xf3\xffB#\xb5\x8dq-Y$\x9c^\x7f\x86\xf13=F\xeb\xb2\xa8\xd9\x9e\xcdD\xba\xc6\x11\xc9Jc\x8amVD\'\x96\x12\xe6\xbb\n\xed\xaa\xa1=#\xd4];\xef\x92\x860\xfd\x800\x13O\xf2?[e&lt;\x11=0\xaa\xe2\xa0\xb3\x15\x0c\x0c\x9f2\xee@D\x07\x04t}\xde\xc1|\xb9\xe3O\x87\x11\xfd\xcf\xcc\xc3\x18\xf6:\xa6\xeb\xd31U\xb7\xe5S\x99\x9f\xab\xf6\t3\x1f\x0ed\x9a}\x9cs\xce\x8b{au\xe3Y\xa1h\xa9a\xcbK\xc7\xf5)?u3:\xf2\xb2\\\xe7\xcc\x91\xe3\x9c\xa2U\xa3\xcf\xcc\x8d\xa3&amp;\xf8\xdcR\xa6#\xd7$1\xfd2\xf4\x9d\x94:\x1ae\x01\xe1\x982\xd1\xed\x89~=d\x9eB\x0e\x13\xbb\xbb\xad\xc3\xe1\x98\xec\x07SN\xd0\x063\xf7\x88\xe8 l\x1d\xa7\xae\x92\x84\xa9u\xdcq\x87\x03\xd9\xf5\xdf\x1a\xdf\x12\x05f\x92\xe2\x18\x8a\xcb\xe18T^z\xbb\r$\xc3\x8e\xbd,\x03\xa4!\x84&lt;\xe6\x1bs\x98\x9c&amp;\'\xa1\xdd\xe1QD\xdf&amp;\xca\x8dj\x8fd\xe6\xe1pp\xde\xcd\xaaW\xb99\xaf$\xc7\x06\xbe\xa4\x87\x05\xc0\xa0\xfb-\x11{?\x0c\xcf~,u\x11-\xbf\xfc\xdaV\xa89^\n(v6\xb7\xce\x92Z\xfe\xe4\xe7\xfa\x87Av\xcc\xbf\xaan\xc9\xcc\x87\xc3l\xf6?\x1c_\x9c\xc60\xc4XrY\xfd0\xf8\r\xe9&amp;\xd2f\xa6\xcaLe\xe7\x03\x1d\x0e\x87\xc3!O\xd7i\xb3\xd48\xfa\xa9{\xf4\xa3\xa1\x96\xd2\xb2i8\xdfO\x13}AT\x997\xbe\xc3\xc1-&amp;\xe5~\xa8X\x04$}\x91\x8d~H\x86\xb0\xfb\x17\xdb\x07NHB\xd3\xe3\x8b\xd3]l\x1cg\xe7x\x98\x03\xec\n4n\x81\x89~\xc02KQM\xe7+\xfe\xef`\x16\xf6\x9c\xc6\xf1w.nI\x0e\xd3\xb6\x9d\'\x0b\xdd\x06D\xa4\x9bSy\x0f\x8fl\x15\xe6t8\x0e\xce\x16\xf6\xa7\x8eds\xf7\x1f\xaa\x81\xf1\xda(\xcd\x88%f\xc7\x18F\xad\x8e\x8d\xb5\xe5\xb1~q\xc5s\xa3&gt;\xde\xe5\xfau1yP\xe8\r\xfb\x01P\x06\xcc\xfc\x97\x99Oo\x9bP`j\x8d\xb6\x15T\x94\xf9\xbf7\xa1g\x82D\x0fo!\xb6\xa4\xdf\x1e?3\xc6\xccD\xaf&lt;\xfe\xb8\xe7\xb3\xabE 1\xdcV+\x8e\xb7\xa5"f&amp;zf\x8e\xde\xcc\x91&gt;\xaf\xb7[\x14\xf2\xcbk\xce\xd4E\x91\x03\xf6\xe2r?\xe7\xf5\xb2\xa8\x05\xfa\x1a\x8a\xa4\xcf*\xa4\x979\xaf\xd9\'\xe6[\xa8\xd7\x98\xb2Q\xe8k\x8c\xdan\xf0\xb7\xd2QBk\x89\xd4\xe6\xab\xd5\xb6\xcd\x8f\x11|\xf9Gk\x05\x03\xd8\xd1L\x0f\x12\xed\x14\xfb\xa6=\x17Y#&lt;Q\x82,\xf3\x03cs\x86\xcb\xe6Em1\xcc\xb0\xba\xf86\xa8\xf0U{oh\x9c\xd3\n\xa2?\xcd0\x1e\x0cN^F\xfa\xd9\xb0\xee\xb6\x8c\xd7;u\xf0\x95\xfb\x0f\xcd\x9eW\xe7\xcc\xa5\x97a\x96\x1e\x00v\xb9\x81\xde\xa3\xcdI4\x83\xdai\xbc\xb2\x9e\xad\xb3|\x87\x99R\xd0\xe1\xc4bm8\x92&amp;U\xcc\xc4E\x86\xa6{fec\xfb\x7f\xb9m\xac\x8d\xd7k\xa7\xe5\xe9jV\x8d\x15\xc5\x8a\xbb\x9cv\x07\x00\xcf\x03\xe6[\x11\x92\x92\xa3At[~\x083=\x8f\xadGj\x01i\xe6+\xefIX\xc8D\x8frl\xf6\x1a\x84,|\xaex\xa4a\xc9-\xfea#`O:&gt;!\xa5\xb3\x16\xe3\xe7p\xcbI\xa6xV\t\xdb\xa345\xd0G\xc8%Q\x1a\xd3\xc7\x05\xed\xb1\xffi\x0fDw\x84\xd8\xe3M\xdc\x96\xe4\xc6{m\x1e\x9d\x95\x91s\xde\xf0Tp\x07\x1eZ-\xfa\xcfz\x14\x12\x98\x8d\xe7\xc8m\xa54\x1by^\x80\xa1\xe9\x9599\xb5:{-\xa7\xf6\xcb\x81#m\xcdJ\xd2\\\xcb\xb4\xac\xfcqxe\xf1\xb6#\xdf\xb8\x0c\xff\x83B\rI\xdc\xb8&lt;R\xb1\xd7\xc9\x19\xa3\xdf\xd1\xf8\xa7\xdc\xd2\xec\xf4g\xae\xea\xc8\xa0\x83-m~\xd1\xf4\x00\xf9#\x92E\xb9\x1e\x104\x1a?\x7f\xb7\xfd\xba\xdf]\xf4\x13\xd9A\x89\x0f\x90\xd5\xdeP\x06($\xc4\x11?\x1b\xef6\xcb\xb9q\x0f\x98 \xb8eqN\xf87\x89egJY\xea\x99\xe1\x8e%\xe1#\xc5\x88\xf0\x19 =\\\xeb\xae\xa3\xdf\x07\xf9u\xcc\xc60\xaf\xff[qC`M\xc3Q~\xd7\xb6\x1bl\xff:\xec&lt;\xf8\xb3\x1f\xf8\x8aT\xd7\x99}p?\xa2\x9fI\xb5)u\xc5T\x8c2y1\xd1-5\xc6\x1c\xd3\xbe]\xce\x1f\'\x91\xf3\xe1\xfe\xb3\xcd\x81\xd0\xc6\xc5(,\xa7\xe1;-\xed\xdfn&lt;n\x01\xd3\xea\xf4\xab\x92\xaf\xce\xfc\xb7\xfc{\xc0\x8b\xb1^I\xb4\xacM\x1cJ#F\x1a5v\x11&lt;i\x17\xbc\xa4\xe1px-\xd1\r\xc4\x8e\x07\xefw\x915\xbfo}\x08\xfc*pX\x8e\xf0+\xd4\x86(\xc5\xafM\x1f\x7f\x0b\xf92D\xff5\xcd\x9f\xa9\xa3\x14\x82\x02\'\x85,\x9f\xa7\xbfc\xe7\xc9\x8a\xd0\xbb\xb3\x01\x99u\x83\xa7m\xa3\xfbk\xdc\x91_p7\xea\xdf\xc1\xee\xe4v\xc4/\x01\xeb\xa9\xae\xc8\x87C\xf7\xdd\xffF\x0fw\xa6\xe3\xf4bC\xec\x84\xdaD\xa1\xfdt\xb5\x9b\xa2\xa4!\x9bi\xde\x04\xef\xd7\x10\x8f/nbKWn\xe0&lt;;\xc6\x83\x8e0e\x9eI\xee\xfe\xa9\xbc\xe4\x16f\xe4-\xa2Q&gt;\x98?)V\xf1\xe0\xc5\x9e$\xf9\xe0\xbdr\xb6\x1c\xa4_&amp;&amp;"\xba\xd6\xe9\xff\x1f\xef\xa0\xc9w\xf2\xb2\xc7&gt;n\x1e\x8d\x88\x1c"\xab\xab\xf6\x1bQ"\xff\x0e\x84\xfb\xe0\xfdp\xfa\xedi\xbfL\x1e\x0e\x8f-3k\xe1\x8fi\xde\xe0N5\x89\'\x8d\xb9\xb2&gt;L\xccLa\xf7O\xb4&lt;\xd5!\xa2\xe0.\xff\xe0L\x90\xe5\xe7O\xa4\xc3\xdf\xd0l\xf6\xf4\xa1\xdc\xe3o\xdf\xc7\x8d\xf4\xae\xbd\xedw\x89\x0e\xf4N!\xea\x07/,?*\xd9\\\xbal\xf1\x81\xe8p{C:\xbd\xcdX"\x96m\xb6\xd5\xc74\xe0\xe6y\x05\xd3\xff}\xfc\xab\'\xea\xcf\x9c\x7f\x07\xfb\xb5\x83/\n\x9c\x11\xdd\xb7\xdd1\xdd\xc1gm\xfdU3\xb3\xf9\x0bjkb\x8f\x14{\xc43\xc1]xj29\x96!\x7f\'u\xf8Ls6\xf5d\x9bB\xd1h\xa6t0&gt;y\xcc\xcb\x99\xe9+\x16\xc0Q\xc986\x9b^\xb5\xcf\xdb\xfeR\xc2^cG\x90\xd9E6\xe0EA#$\xe2\x96{\xc9\xc0D\xdf\x9c\x94O\xf6\xe7\xce#\x19\xe5\xb5aW\x8e\xees,\xee\xa0\xee\x90\xdf%\xf4q\xff\xc0oeP\xcc\xe6\xa0\xd7\x9d7\x9c:L\xc4D_\xe1\xb8\xdd\xe9\xb8\xdc\xda8\x978\xea\x0f\xdb\x84L\xf2\xc2\xfd\xdfDD\xb7\x89w!\xa2\xd72k\xc3\r@1b\xf2mdDp2\x9c\x15\x98\xd2\x15\x98\xb9q\xd5\xa1\x1c\xe8\xafC\xe5\x99&lt;\xeeth\x95\xb4z!\x93\x07\xd4\xfb\xc2\x88\x14\xe7\x05\xa5\xfe\x9a!gFp\xa8X\xe7\xa2\xb1&lt;\xb21"\x12\xc2Td\x877q\x98\xf9\x1f"b\xdd\xb9\xe6\xb5T\x9c\xf1\xcc\xdd\xb9F\x91\xff\x92\xc2\x81\xfa\x9a\xb0\xcc\x9a\x97z\xc5\xc4\xab-\x85\xe7\x01%E#Mu\xb1&gt;2p\xda\xb2Gk\x85\xf3:\xd3\xa5\xdc3\x98\xa9Kg\xa4\xa1\xd1\xf6\xa1\x97\xe7\x8f\x0c\xebZ^\x98J\xcd\x92K\xa6\xa2q\x16\xbb\x0b\xfe\x11\xa0Q\xc2pF\\,\x97\x1eBO|\xcb\xb98\x0e4\x1fG\xfe3\xddjKS\x1c\x8cXV\x87Cx\xf0\xda5\xc4\xe6bc\xbd\xec\xbd\xd4(c3Fc~c\xb6\x82\x8f\x12\xd5\xb1/\xe0\xcfu\xea9\xb5\xfd\x8bs\x0c\xa2\xfa\x19z\xd7\xa7\xedY_\xde\x90\xbbWSJt^\x13&gt;\'}\xfc\x91\xe8v\xad\xf4\x12\xd1\xe1@\x1f\x10q\xac\xedu\xe3\xd40m\xcbR\xdf\xf4~*\xe6\xe1\xcfK8{\xe1\x89w\x9a/M\x9fbzpt\x1cJNf0\xd1\xcd\x12\xed\x88\xae7\xc2\x02"Y\xf0\x19\xe6\xc7\xb4\xdcOGy\x9f\x1e2~w\xc2\x178\xbd\xc4\xa7\x93\x03\xd1OZo\xbb\x81X\x04\xc4\xcf~V\x97\xf0\xc7\xc9\xac\x8fr\xcd\xba\xcc?\x07p8&lt;t\xfa\xb5\x90\xc3\xf1\xd3j\x07k\x80\xc7\xff\xf9\xc7*\x90\xc9\xc9}o\x86\x07\x13\xac\x9eg\xe2\xb5\x01H\xb2\x17w54\xb2\xf1\xd6\xa4\x9e\xd0]W\x8b|\xee\x1b\xdf\xc0\xad\xd5\xe9\xcd2\x91\xca\xcb3\xfdf4\xc3\x12\xc9W\xccL\x8f,\xf4a\xe0B1\xa1q#b\x96\xe4\xa5\xe2\x13B\xd7\x99\'Q\x05\xa3&gt;J{\xa9\xca\x99U.]6\xee9FZ\xb3\xb5\xd9\xe4\xf5e\x07\xb5(u\xe9Mr$\xff\xaa\xce\x80\x02\xe89\xc6\xd5\xf5\xcf\xfa#r\x9f0\xf8\xd7\xf9\xfe\x8br\xcb\xe8p\xad\xfd\xf1\x03\x9d\n\xe3[5\xf1\xf2\xd4\xe8"\xd8\x9f\x89J?\x02\xb2\r\t\\WD\xc7\xaeQ\x01"\x1c\xddwExPEo/\xb95\x1a\xc9}\xbe\xb4\x0ck\xe6\xda\xd0\x1b\xb7(\x0b\xab\xc8\xfd\xc6\xb1\xd6\xc2X\x8d\xdaX\xa8\x9e\xc2:\x8d\x99\xb6q\xe0\x03\x00\xc5\xa3K\x8d\x85\x03\x1a\xb7 b\x89\xb5\xed\xd0\xba=\xdc\x9e\xbd\x7f~~\x8e\xc0Q\xb9\xaf\xb0\xff\x0b\x1b\xac\xf7\xa7,\xd6\xe7y\x1a\xe7\xa8\xa7\x83Ri\xb2]\xbaAT3\xdd\xd5o\xcf~\xdb\xc0\x8bJ84\xe2E\xec\x9d$E\xd6n[9\xba\x84\x8b\xad\x0f\x1a\xd1\xfd\xa7\x1fX\xec\x11\x17\x19\xd1\xa9s\x0b\xf0P\xc5\xd5\xeb\xd4\xcb\x9a\x8b\xc9S\xe1\xcf\x8b\xc7X[\xf6\x1e\x98u\x7fYl\xc6\xae\xd7\xbau.G\xe0\xbf\xb4&gt;Kd\xd9\xc6\x81Mp@N\xfd~\xeb(\xf6[\xf5\x16\xf6$}V\xf17@\xb1\xa6m\x12\xe3\xcav\x9a\r;\x17fXq\\I\xed\x11\xad\xbd\xa0\xbfK\x14 \xe2\xdf\xd5=\x01\xf8~\xf5\x83\x82\xb4\xd2\xb7\x05\xef\xc8\xcd`\x19cIoa\xc9\x9a\xb9\xd2\x9f\xf7z\x94\xa5T\xcaL\xe3\x91B\x0e\x91!xOu\x98\x98\xe9&gt;\xe6\x93"\xd1\x03i=\xee\xc3\x07b\xc9K\xee\x999$?\xdc\xc5j \xbd\xf3\xcb\xb3?\x15\xae\xba\xa8\xa4B+w\xeae\xcd$\x9f\xc7\xb9F\xea\xce\x15\xf3\xfd\x7f\xe1(r\xd1\x8d\xba\x98\xd2\x885\x83\xbe\xddlZj\xf7\xe9\x87\x1d\xe4ys\x0b\x9b\t\xcc\xae\xd5\xc1\x853\xb8\x0ck6\xcd\xc96Z\xf3\xb6%\xc7\x99\x8a=P\x89nz\xcfj\xbe\xaa\x9cz\x91M\x98\xb0\xa3\xbd\x97\xf4\x1c\xdb\xf2\x9e\xd7\xc5!\xd72\x95\xf5\x11u\x92\x85\xe9S\xcd\x91\x1fL\xb69\xa9 \xe3\xf7Ym\xc9\xf6F_\x90V\x11;\xd9\xb1!\xb7G\xb7\xe09\xc7\xbf\xd0?E9_\x1ds`\xb4\xe0\x84:23\xf3!\x19\xbb\xb0\xdc\xfc.\xbb%\x12\xfbM0R\xe7\xe7\xb6\xb6\xa5+\xd9\x0e/JeG\xe3(Q\xce\xa2t\x1a\x8f\xcb\x9a3n\x15\xef\xa9\xd6\xe0\x9d\xa6_\x15mG\xad\x97\x16[\xd4\x03o}UB\xf8\x87\xee\xe3\x08\xa7$c,\xd2\x16\xaaJ\xf5\x1d\xd6vcm\x12\xfe\xb3\x940\xcc\xe6nU\xd8\x05N\xad\xa4\xd7\xdd\xfc,\xf403\xffE\xb4\x8b\xb5\xef\x94\xef\xd7\xe9\xd3,\x1b\x99\x98\xaf\x9e\xf3y\x9b\xa8\xd9\xce\xf0]G\x85f\xa8Z\xfbI\x05\xdd@st\x97lJ\xe6v\xb2\x81\xd1\xcc&lt;\xcc\x98]|]7\xb7\x1fG\x94\xe5\xa7\xe3X\xe7U)\xa9\x94\x8a\xf4\xa7\xaf\xb3\xa8\x87\x81,\xdc\x84\xe5\x10\xbc\xb5%\xd3\xae\xe5\xb7\xb7\xb7\x04\xe8\xf2\xe1\xfc"U&gt;"\xb6\x97\xdbN\xce\x19a\x9e\x0e\xcf\xe7\x98\xff\xe0\xaamt\xc1\xbe\xe4\xef\x83oy7\xb54\xd47I\x8d\x82\xb1\x8d\xb8\xfb&gt;\xb2\xbd\xf9\xac\x14\xf7\x7f\xce\xb6A\xdcJZ/\xbe\xdc\xd9W9\x02sk\xd4\x15\x94\x86\xfb\xe7\x16\xf62_4\xbe\x9c\x17-{\xfd\xf9\xd4\xe1\x1fu\x9ah\xb4\xe5\xa8D\t\x16D\xcd(\xb13\x9a\t\x9e\xb4\xb2Kz~\x93$p\xfe\xd9\xf5\xcc/N\xe1`\xd5\x0e\xf3nf\xf7@\xe36\xd9rV\x9c\x91G\x9a\xcc\xcfV\x96\x9c\x93c\xc1\xda\x14\xe6\xcf\xc5&lt;t\xf5e\xb5\x922)\xba\xd2\x866\x9c\x01Y[\xab!X/\xb8\xb6\x96\xd4\x9e\xcfi\xdc\xd1,g\xe7\xe7\xbd\xeb\x9f=\xbc}^\xc4\xbc\x94\xe5\xb3\xa8\x93\x01?\x1f1\xaf~ew\xa5\xdd\x80\x89\x9e\xef\x19|g\xe3^\x95E\xe2*\x88\x99\xe8\xa6\x19\xb3@\x8axX\x1dS\xde&amp;\x87\xe9u\x89C\x9d\xa9\xd2\xb8\xff2\xff\xbc\x80$6p\xa0\x95\xe5\xa7\xfc\xb6\x1f\xbe\xbd\xe1\xe4&lt;\x0f\x8f\x1cI\xcf\x8d5\xed\xe8\xd1\x18\x80 \xdfxFY\xe4\xae\x04[\x9a\x12\xff\xd0BCE\x8f\x92\x15E\x96@ \xb2+_mv[\xe4ng\xed\xcd\xd3j&amp;elm\x89~\x8a\x99\xe9\x97&amp;\x0b\xffI\xd9+m\xc3\xf4\xdf\x90\x1c\xdb3\xd5\x9f\x81Y\xa4\x19\xa2\xfcwC\xa8\xb4W{&amp;\xe1\xdb`\xb1R\xbcx\x12\xfb\xbe\x81\xc6\xda\x07#\x9e\r\xbeo\xbd.\xbbF\x1a[\xc3\xb9\xba\xaew\xbc\x8f\xa0\xad\xaa}\x18Z\xd4/\x00\xce\t\xfd\x86`\xe9\xd2\xd7\xa2\x8d8y\xe0Q\xddFwe\xa6k\x8e\xed\xba\x06\xb51~\x8fX\x0f\x13\xfdMQ\xc7g\x18[\xcfA\xd8\xe6\xd4\xedmpc\xcd\xc4^\xb6\xcd\x9d\xec\xbf\x06Y\x9f\x14\xcaE\xda\xcaO\x99\x19\xe2\xda\xf6GC\xbd\x91\x9e^\x8e([\'\x9a\x81\xc01\xd1\x8d\xc5\xe6\xf4\xee\xda3[0O\xae\x16&lt;\x00\xec\x9f\xa7\xe7\xae\x8b##&lt;W\xba\x80\xac6E\xc10\x8c\x12\xee[\x0fYI\x94\xbb\x01\xa7K/\xafn0=\xdd-N\xa6\x01\xfc\x94\x8c\x982\xbde\xb8\x04h\xeaps\x9b\xf5\xa59\x1d\xaf\xd1{\x9d\xcd\x0fn\x0fcV\xdfN\x84\xe7\xb5b\xca\x07o|\xdb\xda\xd8\x07y\x8bO\xcc\xf4V\xe1E\xf5\xb8\x12\xce\xac\xf4\x8f!!q0\xf3\xdat\xdd\x823\xfd\xa1,\\c\xf0~\xd9W\xc6_@bqY&amp;&lt;\x00U\xb4\xaan#V\x12ki\xdc\xba\x88\xaf\xbd\x90\xd8\xb5]Q\xea\xddw\xdf\xb3\xe7\n\xf3Q\xadW\xb7\xe2\xad@\xd66\xa2\xc8f3\xc9\xb7\xa3\xc5\x1e\xb1L_\xe8]\xa2\xdb\x1b?\xa7\xac\x1a\xa0Dd\xc02\xc6v\xdf\xff\x0e\x806\n5m\xf5\x16;\x8d\x8d\xd7\x9f\x96e]Nc\xbfo\xf2\x00\xd0P\xdd \x84c\x00VG\x9e0\xf6?\x9fd\xbf\xb9f\xa9\x05g\xcc\x98)\xd4\xc6\xaa\xa6%\xaeV\xc2\xea\x95\xf6B\xd7\x87\xd6\x9b\xd19\x8b\xf2\x1e\xa1P^\x06\xee\xba\xaa\xaf\xbf\xa38myu&amp;}hD\xd0\xeb\xd7p{s\xf9\x81-\xf5\x7f\xf4\xbc,\xd7\xd9\x14z]6X\xe8\xaeRD\xf4\x97z\xd3K\x08|\xfa\xffL\xf6\xcc\xa1\x18\x80u\xd1$\x93\xd0\x06\x81\x03]\xb8\xfb\x19%\xd5\xb7\x0eT\xe22mh\xf3X\xa6\x85\x90=\xd2*\xee\x1fc\x8a\xcb\xff\xaci\xf6\x86x\x90\\-c\x9c\xb9vb\xb6\'n\xd2Jfw\xdc\x97K\xbb\xea\x95\xce`\xe6.9\x9a\x00\xe1\x03\x80\xd5\xfe\xf8=?\x9f\x97\xd0\x1a\x1ff\xcf_\xd4\x19+\xc3ka\xfe\xfb\xf38\xcd\x9c3r\xc2\x9dW"\x82m\xf9\xc3\xf9\xa7\xd2\xbc\x1a\xb3\x8c\x0c\xb4#\xc92\x83\x99\x89^\xda\xcf\x98\xf3\xa7i\xdc\x85,\xd2\xed\x1a\xfd-Q\xaaW\xd9&lt;Z!\xc3C\x8f\xa9\xb3&gt;f\xd6\x8f\x90^\xe5GV\xc6,_j^(\x9e\x01z\xe3\xa9\xfb\x91\xe4\xd9\xc3x\xeb\xd8\xf2\xbe\x05\x1f]K\x0c3q&lt;\x88\n\xce\xb4\x04\x80ZT\xd7HRc\xa6G#_A\x06\xca\x85a\x9cMs\x0e5;\x80\xde6\x10m\xf3\x04\xa0\x96?\xdc_\x1a\x98$&gt;\x1c\x92\xe3d\xf9\x01l:\xa6v\xb3\x157g-\xf9\x01\xddvj\xb3\xa11\x7fG\x03\xbd\xabX\xfeE\xcd]\xc4\xcb\xff\xa6_v*\xd9\xfb\xba2U\xcd\xe4\x8dx\xe7\x1cP\x9csr?zw\x92;H\xd5]\x8d\x8b5\xda\x01(v\xb8x\x00\xb8\x88){Q\xe8\xb4\x94\xbe\xb0~m\x00\x11\xce\xca\xb1{\xdc\xaa\x12\x91~\xfbR\x13/\xf5V\x9ey\xda\x96\xfdMb\xd7Bc\xe6\x8f\xfa&gt;uj\xf6\x13U\xa3\xf8\xe1\xfc\x02\xd5\xe0X\xb5F\xaag}!\x8f^\xea\xa6%=\xe7\x18\xdc\xea``\xed\xfe\xc32\xf3]=\xe2\xec\x03@\x84\xa7\xff"k\xcf\x959\xc4\x0fj(3\xab&amp;\xeev\x0bh\xa2\x9a#8\x17\xf9\x9cE\xf4;\xa1\xdf\xd0\xb0H\xa0\xf1W\xb4\xb4\xb1\x11\x9a\xcd\x96\xd9\xb2z\x1e\xbd%\xb7\x83\xe7\xdbl\x03VH\xf5\x06\xa7\x94\xb0\xd8\xedj\x97J\xbbr\xcb\xae\xd7h8\xf3Z\xc7\x17\xe7w+\xe43} \xca\x1d\xb8\x88 \xefk\xe8\xea\xbd\xe6\xdf\xee\xa7\x95\x96\xbb\xa0\x06V\xb8}\xa4V\xc3\x0b\xaa\xb3\x01\x07\x00\n~p+g\xd7\xf5\x91\xfa\x03\xc0\x88\xe8\xeb@\xceN\xb4\xa5\x07\xaa\xdd\xbb\xd2\xee\x9f&gt;7\xfd\xbc\xa8L|Q\xaf6h\x1c^w\x008v\xf9\x06_\xd4\xa2w\xfe\xe1\xaf\x92\x19x\x0b\xfa\x1dy\x9d\xda\xe3\xdc\xac\xe2\x02\r\xf5\xccA\x1c7\xa4\xc9\xad\x86,\xb9\xc3\xee?G}fA\xdcu\x01\xc5\x01\x80\xc4\r\xdc\x05\xf7\xc9e\xc3\x1b_\xbdg\x9e\xcd\xe6\xc7?v7G\xc4\xddR\xbd\xcc\x96\xcbV\x83\xf3U\xcf\x88\xa86\xbe\x05\x96o\xff\xd0\xd2pxbt\xc7\xdfO(\x08\x8d-\xbf2\xd0\xbf\x102xy}Ws\xb3\x9c\xdd\x95!\xd0\x9a_\xd8\xda\x80\xdd\xa3.\x7f\xe5\xc2\x89~\xa2\xb9\xe4L\x13\xf2\x0e\x00\xbb-\xa0\xdb\xaf\xa6\xdb"\xc7\xba}4\xf7\xe3\xe4\x9fo\xb5Y\xe7\xd3\xffF\xfaRZ5\xfe\xbc\x18\xd1\xfe\xea\x03@\'^r\xb2\xe7\xce\xda;r\xad\xe0GL\xed?Y\xee\xd2iU\xf2\xb5\xf4[\x01g\x15\xd3\xef:2}\xb7\x1d\xe5\xa2\x93\x9eh\xed\xce\x17\xaf|\x06\x9b\'\x00\xf4\xe3J=Ka\xaf\xda7\xfa\x0ce&amp;\xfa\xce\xad\x8dh\xc5\xd8\xae^\x85u\xd6\xbf\x96~Nm\xaarqw\x06\xcdv\x93\xecS-s\r\x02{\xbb!\xf7I\xbc|\x01\xce\xe6\xee]\x9c\xc6L/\xd1\x18S\xb0\x8dN\xfdJq_\',\x9f\xbda\xe6\x8f\r|\x9c\xa6\xedC\x1e\xa2\x0f\'"\xfaws\x12\x1d\xe5\xdf\xb5\x91\x8e\xdb\x111\xfd\xebE\xb9\tz\xdd\xd6\x06\x00\x00\x82\x8c\xb0\x92E\xe8}\xf1\xb3:g3\x90\x91i\x9b0\xadCf\xe7s\xbb\xcd\xba\xbf\xfb\xdfE\xb2u\xdbL\x7f~\x8f\xdbV6\xfe\xd7Pj\xe1GVr\xfdV\x94\x15[\x9dv"9&lt;\x99\xd4\xf9\x99@\x9f\x81\x9b3\xf47Z\x0b\x07\x00\x00\x05K\x19\x1a\xf8\x00\xd0\xee~T\xa5G\xd3n\'\xfb\xaa\x81\x199\xdf\n\xc9\x9dD\xcb\xe7\r\x9a\x1f\x00\x96O2\xb4\xbcD\xbf^#9\x1e\xdd\xce*\x1d\xea\xdb\xf4\x15\xf8\x97c\xa2\xf7n$\xb3\xec\nf\xbdc\xdeV7D\x91\xd1\xb55\xc9\xf0\xe4\xa5\x9dw\xba\xa6\xa5r\x08\x974\xb7\x00\x0c\xc3ym&amp;~\xcc\x1a\xcbV\x85\x03\xe89X\xffoH\x0e\xeb\x19\xa7\xd1\x84\x84\xae\xe6\xf4\x11\x8a\xad\xcdh\t\xf3i/\x9f}&gt;\x9c\xda\x1e\x1a\xe4\xf9\xc1\xfb\xe7\xa1\xdd\xd4\xfe\xf3Fr\x8e\x8b\xc2\x8d\x96\x17\x0e\x87\xc3\xe1\xa0\xafA\x05\xbb^\x9e\xffS\xcb\xe1\xa4\xf8?\x89\xe8\xed-\x04\x12\x11\xdd?\xbf\xc8\xad9{\x0e\xa7\x00\xad\xcc{\xcd\xfa\xfd\xf7:\x99\xc4\xfcNG\xcf\xd8K\xe3\x99pV+A&gt;g;\xfcnO\xd0@+6\x0e\x103\x7f\xaf\xee\xd2\xbd\x99\x91\xa3\xdf\xdf\x8fl[+\xce\xb0&amp;\x94\xdf\xc5\x9e:\xfeLC3\x16c\x06\xcc\xf6\xba\xb9\x9cu{\xeaz\xa3\x01\xef\xce\x94v\x07\xdd\x1d\x1f33=Uk!\xdb$\x9b+\xc5\x0e\xc6\x1a\x0f7\x16Mk\xeeU&gt;\x88\xa7\x9b\x02\x00\xce\x13&amp;\x1c\x00\xf6\xc0)@\xff\xb9M\x8c\xb2\x16\xf2\xa6\x1a\x07\xcd\xc9\xeaa\xbaC\x1by\xb0;e\xe4\x82\xc6\x12=4\x14\xf7\xcc\xed$j\xcf\xd9?5\xfe\xa4~~\x01\xd1x,Kl\xd7\xf8\x8e\x00\xd3\xfd2&lt;\xdc\xa0\xa4k3\xaa\xdd\x07\xc9.6|\x96\x97@\xc0`\n.\xa2&lt;6\x99\xab\xa9Vj;9\xcbI\xb2\x91L:\xeb\xfa\xeb\x0e\xed\xff\xecl\x02\x8eo\xed\xd0+\x97\xb4\xfb\x9f\xadmq\x14,\xdft6\xd9\xadn\xbd\xeb-R\xad1X?\xa8p|\xcf\x85\xcc\x10\x0f\xe8\x873=\x98\x15!8"\x18\xe0\xcf\xef\xb0\x17\x01\x9b\xf0\xe6\xad\r\x00JzL\xb7\x90\xcc:]\xdf|,\x1a\x9f]%\xa4\x01(P\xfd\x18\xdf\xb7#/\xed\xf1\xad!\x1b\xff\xabUR\xd6\xad\xc5\xe2&gt;\xb2\xff#4\xbb]\xf6\x0e\x00\x9d\xd8\xcc\xcf\xb9\xa3\x1bs\xf7\x8f3\xc0L\xce/\xeb\x0c\x16K \xa0\xcal&amp;z\xda\n\xb6\x80sg\xd9\xb5\xacy\xd3\xf3s\xc1\x0cGY\x07\x83&amp;\x80\xb5\xf5\x0f\x7f\x7f\xe2\xdaf\x9d\xd4\x0ewM\xbbK\xf2\xae\xffk\xbe\xa7((\xb9\xff\xd6v\xdf\x1b\xe8\xd8\x01\x00\x17\xdc\xe0\x1c\xd8\xed\xe4\x04;\xc2\xaa\xa4&lt;\x7fn0\xfbc\xc4;\xcf\xd5\x17\x9f\xdd\x9aqf\xc3\x19\x06k\xdb1\xd6n\x9b\x99\xff\xe9\xdc\xd2x\x03\xd6\xba\xfeO\x9b\xb0\x82\x8e\xae*\xfa\x11\t\xd0\x9awXg\xc5~\xb3\xe1|\xd9\xf1\x19}"\xcb\xfe]\x8ft\x87\x08w]\x91\xd2\x99\xb8\xaf\xdaq\xa2\xee\xdax\x81\x0b\xbd\xfeu^\xfe\xe7\xa3\xf2`|\x113\xf3-7\xd8\xfa\x8c\xe7\x8a\x1a\x84\x92\x98\xe8\xd0\xc1\x03gV\x8e\xda\x13^qv\xbe\x12m\t\xbc6\x1e\xca\xad\xd5\xb0\x19\x8f\xd9\x18\xe0\x8e[\x1b@K\xad|\x83n\r\x8b\xc5\x91\x99\xf9\xb1\x85\x81\x1e!=\xde5\x86\x19Mx\xff3\x1aK.\xfa}[\xad\x8e~\xf2\xcbXV\x8aUm\x1b\xce\x0f\xb50\xd3;\xf9c2\xb2\xe8\xec&lt;\xb0\x03\x82\xd3|\xf7WQ\r(\x1a\xfc\xdf\xe3\xa1\xc9\x90 \xa1\xcf\x91!n\x10\xcd\xd4\xda\xf0\x99)\x1e\xd7\xb6\xe5b\xfbs\x8dj9\xe8\x13\x80\x15\xbf\xd3\x1d\xac\xc7\x13\xe6d;\x9b\xc8\xd6\xce\xd0\xc8\xa6\x08\xfb%*M\x14\xd4\x8e1a\xe4t&gt;\xeb\xdf\x84\xed\x85\xd9\'\xa1\xbcZ\xbb\x0e \xb1\xdb\x13L\xfecp\x1f\xb0\xb6=+\xf2*\xa4\x138#\x98\x95\x1b\x00\xfe\xa4\x9dd~\xfd3\xba\x88\x84\x0b\xbbYj6\xe0\x0b\xe8\xbb\xc1\x99s\xfa\xb7\xa3\xa1A\xe0l\xe0\r\x91\xeb\x92\xf0\x8b\xbf3kW\xcf\x8bY\xac[\x90*\x05\x86W\x97\x7f\xe2\x86\x18\x80\x9dqv\x9fD\xaa\xadB\xa9%\xe3\x1d\xfbq\xc5\x80`I\x1e\r\xfb\x0e \xf8\x0b\x9a\x08\x1c\xd0\xc1vF\t\xef\xad\xb6\x9c iKH\x05\x88\xed\xdd?\x9c\xdc\x1cEA&gt;_~\x17\xe94s6~\xe84\x90\x1eb\x99\xe8\x15\xcd\x85\x1e\x9aK\xdc\x11\xc7\xf9|8P\xca\x0f|\xc1\x1d\xb5\r\xcctXn\xf4\x0e\x071\x04\xcc\xac\x89 \xb8\xe88\x8bw \x9d\xd6\x04U%\x0ff\xd6\xcf\xf49\xdc\x03\x04\xfa|0\'\xd1\xf9:\x96\xe9\xbf\x89.MN\xa6e\xa5\x1f\x18\x86H\x99=&amp;s\xf3\x80v*\xec]\xc4\xbeWs\x89;$\xe9V\xcc\xf9\xb51\xaa\xed|H\x8b\x80\x00\x81\x0c\xec\xbd\xcbV\x1b\xf1]$\xed(\xa7\x14\xd5\xe5\xebt\x19@\xe7\xbc=5Y5:\x17b\xf7?\r\xf2@\xf7u\xde\x89\x0e\xb9\xd3Vr\x13F\x99\xf2\x8d\x88\x8c\xa5\xd30\xc7\x17\x8bkS"\x1a\xf7k\r.:\xc7\xa7\xcc\x1f1\xfdy\xa6\xe4\xaf\x01\xadd\xd6\x99p1\xdd\x15\xf8\xe8\xc2\x85\xf9\x94\xc86\xc3l\xa74Y\x07\xecO\xa7(\xf5\xfa\xcd\xbe\xe0\x82~\xbeE\xc1\xe2\xe1\x1fI\xfag\xb7\x1f\x13*)\x08\xe7UC\x98\x89\xfehk#@G\xce\xf3S|g5\t/8s\x82\xe2\x83\xbc-p&gt;\x1b}n3_\x87\x98E\x17(\xbb\xce}\x98\xa7PN\xff\xd5w\xf2\xa5\\\xcc\t\x92\xe2Q\xfa_\xab\xb8P\xbf\x80\xb1\xe7k\xc4\xbbK/\xae5\x96[_\xe0\xdf\'\xd9\x14f\xa6O9;\x9f_\x90r3\xdb\xa1\x17\x00\x00 \x00IDATs\x110J*33=^\x11\xd9_\x1d\xb4\x8e\xf4[\x1eF[b\x872F\xc9h&gt;\xec\xca\x05\x19)3\x13=\xb3\xb8wKS\xce\x0b\xfdvm\x9f\x07\x00ff\xfa\xa7&lt;\x9b\xf79\xd2\x99-\xcdf\x83b\t\xd3\xe3\xbe\xde\x03\x99n\x16\xc0\xb0\xec\xf9 ns\x1e\xa3\xa8`\x99i\xe1?z\xe7\xbf2\xe6\xfc\xecg\xd8HC\xce\xae\x8fC\xcc\xd6\x0bv\xf9d\xfb\xfc\x9c\x07&gt;M\x8d\x0f\xcb\xeat\xde&gt;Y\x93\xaf\x1e\xb8 \x13\x91\x18\xe8\xb2Ed\xe4\xa5gpR\xaeK\xb9\xd4:?\xf4?\x00\x9ci}8\x9f_\x02\xe0\xf3\xf9%\xfd3\xfb-\x9cb\x989\xf0\xabW\xccl\xfcV\x16k\xbf\xcdi\x0blS\x9b\xcb\x1ed\xd4S\x08t\x96LU\x7f\xc3_%\x9c\x17\x9e,\x1b\x98y\xcf\xbf\xfeh\xad\xb6\x8d\x06\xc2\x03\xfe&gt;Y~p\x99\x98\xfa\xcd\xd3\xd6\x8c\xb1@$*\xdb\x9cj\x03\x98j#\xce\xe2\xbc\nf\xf6\xe9\x926c\x84x`\x8c9N\x17\xc3W5)\x11\xac\xd2\xe7\xf3-@;\xa9\xdd\x1a\xcef \x95\x1c\x0e\xa13\xf7\xe10]\xdfN_\xfa1\xff\'\xc8&amp;%\x95I\xa1\xb5j\x1f\xcfD\x87\xedW\x8b\xc3!r\xa1\xef\x99w8\x10\xf3\xe1rf\x03\xda|\x08\x1av`b\x8cC\x87K\xac\x83\xb1\xba\xac\xc9i\xc3\x1ei\xf1w\x19\xd2\x0et\xe0\x0f\xf3}\xb3\xc5\xc0\x92\\\x9f\xe9\xb5\xb4\xf9A\xf4u\xa9L\x1a\xceo3\xa2\xeb\n*\xf0\xb4\xfbo`\x92\xc7\xb8\xde\x1b\x8f\xeb\x94v\xf4\xd7Mf\xa6\x03)\x82\xaa\xa9\x0c\xa7\x132m\x1a\xcd_!z;\x1eP\xad\x03\xdc\xbc"\xfbHj\xd5\x03\xca\xca\x87\xc8!\x15\xd2\xebxZ\xbdP\xe4\xf6\xdd{\xaf\xc3\'\x166x8~\x1aE\xe4\xd0Y2\xc6\xff\x11T\x8c\xc7#\x99\xe96\xa5\x1f\x9ch\x04&gt;\xfa\x026\xa5\xf2\xf3?\xff*\xf5\xbal\xdb\xac\x9eD=~Zv\xaf\x96\xecAO\x0f\xce\xeb:\xab\xce\xf3\xf3K\xfb\x03E3\x8b\x8d|\xd5L\xa92\xdc\xff\xdd\xe5S\x8cb\x89D\xfaU\xb2{\xef\x9dG\t\xea\xfe\xd9\xdf\xe9t\xb1\xd6\x87\x8c\xdb\xd0=\xb8l\xb1\x17\xb7\x80\xb3\xc3L\xc2\x92\xee!\xa9]R\xda\xfd\xe5+\xf9Ilt8\xe7P\xb4/&amp;\x1fL\xf4V\xe3\x9f(\x9aY0\xd1\xc7nm\xc3\x0c\x13\xfd\x19\xd1\xef\xe6\xf7\xaal\x90\xea\x8f\xbb\x81\n\xb6\xd9\x10oV\xcd\xf9\x15MU\xefm\x17\xe8\xec_\xb5\x1dz\x9b\xd5\x84\xde\xb7\xf2\xec\xb1\x93\xc7\xb0gI\xe5\x0ex\xf7\x8c7ve%\x0cGm\xac\xe1\x00\x83p\xb6!f\xbb\xa3\xea\xce\xe0\xfa\xb1Y\x9a\xfdy\x92&amp;E\xbc\xba\x0e\xeek\x0f\xd7\x98"\xff\xd7\xc6k\xbb\x0b\xd4\xc6\xab\xe6`kp\x14\x7f\xff\xaa\xe8\xb3\xa3\xa9\xd1{K\xe4\x1f\x00\xf6\x14\xfd\xee\xac\x9c*\x9f@\x08\xc1@\xfc\x96&gt;\x10r\xd4\x10\xc7U\xc9uw`\xa6\xe1\x16d4VX\x05#of\x8b\xfb\xbb\xc1\x8a\xf8\x8b\xf8\xd7\xdb\x18\x13\xb8\xe1\xf8\xccaF:S\xb2\x11/_\xec\xed\xdd\xff\x06\xdePo|\xcf\x8c\xec\x9d\xebX\x13s\x00\xa4\xdd\xffN\xfd\xd3\xc1rdK3\xf4\'\xf3sr\xf89\x8d\x05\xd8l\xb8\xde\xef\x9a\xd4n;\xf7\x83t\xebP\xf2\x1c\xa0\x8b!E4:\xd3\x8e\x19\x9a\x18o\xd2\xdbV1\x9d\x97\xcd\xd3f\xfb\xa7\xdc\x9b\xef1C\x96gU\xee\xa55.\xb9%\xce\xe1\xfa\x7f\xd7\xc6\x9f?\xba\x83\xe5\xed\xdb\x04\x11\xb7\xb7\xa0\'W\xc0\xef_\xd6\x11\xae\x05\xe1\xa9\xfb?\xbb\xf3s+\x83[\x8d\xba\xc9\x02\xef\xf7\x1d}\xdd\xcd\xb0\xad\xc2?\xf3\xee\xbf\xd1A+\x87\xabkom\xcd+\xde!/z\xb3\xed\xc1\x01\xa0\x05\xffn&amp;F\xb5\xb4\r\x1c\xfb\xc9\xca\x98\x8e\x98\xf3\x17\x02f\xfe\xf2\xf4\x8ck41/@\x947Xe\xc0\x8cS(\xb1\x9c\xb4b\xc8MI1M\xb2\xa2\xadC\xfam}F\x0c\x9cj\xab\xf7.\xe7\xddPaMl\x8f\x96\xfdS\x83\xdf\xdc\xc8k\xaf\xdf\xd1\xce\xa7\x94\x9c\xe4\x1c.\xac&amp;\xd9;W\x1c\x00d6|r\xd5\x04\xd5\xbc\xdb"\xee\xfbuiS\x94\x1fP\xcc\x89\xce\x05\x9e\xc2lTr\x99K\xd64g3^\xbaM\xcd:\x1c\x0e\xe6\xdf\x808l\xfd\xb7[\xce\x86\xad\xff\xb8FcZ\xe4\xc5\xa1\xa9C\x0eG\xda\t\\$\x8f\x168\xed\xf2p)\xc7\xecCd\x1c\x11\x91\x93c\x0f\xe5\x7f@\xe8\xf4\xf5\x94J\xcb\xdfy&lt;t\x95,\x82\x87\x83\xbeh\x1d\x8d\xca\xd7q\xe4\x7f\x97v,@\xe7\xf6i\xd8c%\xeb\xf6\x1c\xf3\xb6\x97W\xfa\xef\xd5r\xe6\xdd\x1a\x1b\xc7\xdb\x1d5\xbd\xfc\xc2\xeeQ\r\xecSWd\xcf\x96W&lt;\x0f\x87\x8f\x0b)TZ%&gt;\xd0\x1e\xff\xcc\xb6x\xf3\x82W\xb1vO--\xa9M\xa5\x015\x97\x83\xe7\xcbX\xb9fm\x14\xa6\x9c\xc9\xce6\x91\x86\x8b@\xb9\xbd\xf7\xa0\xaf\xf3\xee\x81\x99\x89n\xa9i\xc6\xd3E\xbe\xbe\x0c\x16\xd8?\xf0}\xf9\xb0\x86\x9d\x01\xd7\xd9\xeb\xaa\xaaxL\xe7M\xf0/\xeee\xde9&amp;g\xc1\x8c3|\x9eW\xaf\x8aPUi1\x13\xfa\xdb\xd6\x84\xf9a\xdd\xc8FV\xa3\t\x83\x11\xad\x96\x1f\x93h\'\n\x88\x08+\xf7\n[\xabs\x85\x99\x89&gt;`5]\xfd\xb7\\!\xf9\x85\x07\x80x\xb3Y\xa0\xdc\xc5\xcb\xd2\xfe\xcb\xc3\xaf\xe9\n\xda\xcf\xf5\xb4a\xe14\xe4\xe5p&gt;\xc4$\xb5\x835\x84Ig\xc4\xe4\xd8\xc7\xee\xcc\xb1\xc9)/\xee\xf9.|\xfe\xe4\xac\xbcE\xf5\x7fv2\xdb\xf4\xf0\xbc\xa6\xec\x93\xb4\x90u2\xac\xffr)\xb3\xf3g\x03\x93\xdb\xe2\xcf\xa9\x99\xf9@T\xf4\xcc\x9dw\xef\xa2\xdd2O\x89%\xb8\xcc\xdc\xe6\x033\x17\x11f\x16]\xc7\xcc\x1d&gt;R5\xfc\xc4\xb1+\xae&gt;\xa9\xcc~!\xbf\t\xa9\xab\x93\xaa\xfe\xbc\x8di\xc3\x00~&gt;NL2k\xec\x10\t\xe0,\xabI_\x1d\xdb\x0f\xe1\xd2^4\x8c\x8b\xe5\xdd\x11\x9dv\x19\xa6w\x16MO\xe6\xf2O\xe8\x81j\xbciK\xcd\x8b\xc94\xd3\xf3%\x1b\xc6\xe9r\x9e\x99\xd3\x1bTr\xeb\xe7J\x9c\xc3\xef\x00$}v8\x14~\xe2v\xb5S\x99\xf2&amp;\xf2b0Wg"\'\xb8\xf8-\x8a\n\x1c\xdfu\xce\xb7u\xe2\xc4\xccL\xcf/\x19\x82Q\xc4\x7f&lt;+\xab23P\xf9 "Kf\x89\x8a\xbe\x1c\x7f\xb1\xc1rM\xd2M+\xdc\xaaZG5\xd4\x0e"\xea\xf4\x9bBJ\xa1\xd79\x16\x9c\xd5\xd68i\xf7O\xb3\xdd\x91|@\xaal\xca\xa9\x9cd$k\xf6\x95\xfcT\xae\xf2\x03=mKr~9*\xde`z\xb6\x9cm\n8\x1fp\x00\xd8\x84\x0b\xf0!\xb9\x00\xfb?sV=\x8a-\x18;3\xdfi.\xd6\xb1\xbe\xb9\x86\x95\x04\xa28|\xcd\x1f^\x17r2\xe3\n\xddu$\\d\xbf\xb5\xd7\xb9\x90d\x80\x88\x0f\xfd\x8b"\x1b\xb3\x9dO\xfef#\xbdzT\xbf\xb3\xd49\xafJ%\xa7+\xadY\xc81/\xce\x9ax\x80\x91\x04[0}#\xfb\xcaJ\xb7\xe7,\x92\x8d\xf9\x06\xa5\xb3&amp;\x7f\x1f\xfc\x99JE\x99\xbb\xff\x97\xda\xbfU\xfc5Jk\xd8F\xd9\x8b\x12G\x97\x96\x04\xb4,\'(\xfa\xa4\xdef&lt;!&gt;\xd8Q\xceB\x17\x05ltB\xe0\x17\xdb\xce\x11\xe6\x971\x13}w\xaaU\xd6z\x01\xce\x16$\xc1\x86\xac\xe7\xf9\xca\xf5\xafQ\x92\x1c\x93\xedv\xe2[\xc9\xbe\xd5\xda\x9bQ\xb7\xa5\x90z\xc9\x1fQ`\xf5o\xd3\xe6\xda\xc3\xccL\x7fR\xb8\x8f7\x86\x7fG}\xcfv\x114\x0c\xf0\x8c\x8f\x0fg\x95]`b\xa4\xd8\x8c\xae\x05\xcfW-\xa9\xf2\xe5\xbf\x9b\xf1\x90v\xc7\x1b)\xe4\xe1\xb9\xc1\xfa\x1d\xdd^\x93\x16$\xc0\xac\xd62\x82\xa3F\xb0!M\xe7]\xcb&gt;\x9c0s\xf2\xc6\xf5\x95f\xa7\xcf6\xccL\xb7`\xf7\xa5\x8eW\xec\xf3"\x91\xbd\x06$\x1f\x02\xfc\xaf\xde\x1b\xdc7\x99\xda\x9b(jh\xed\xdfF\x0e\'\xb3\xba\xefG\x89^\x95p\x9eX\xc1b\xe1u\xf5GAZ\x18\xb9:\xc8\xc3\xf3#Q|\x86\x00\xbf\xec\xd2\x106\xfd9W"\xfc\xf2Y\n\x9e&lt;w0_\xe1\xa0\xeb8\xf9k\xf5g\x0cw\xfb\xa2\x92~\x92\xbb\xc1Y_\x9e\x93\x94\xe6\xcc\xdf\xe3o\x89q\xe0\xdb\x93\xe2V\xe5t9\x16\x8a\xc3\xb1k\xea\x17\x10M#\xad\xdd\x8e\xffK\xde4\xcb\xed\x16S\xee\xf2\x15R\r0]\x13\xb4p\xca\x9e\x95l\x02A\x9cL&amp;\x7f%\x8d|\xe3\xd6\xaeJ\x96\x0f\x0f8}@=#\xec\x00\x93k\xfa9|\x0b\xd00`\xf7_\x8aQ\xdcO\xc7\xe6T\x8f\x01\x9e\xddo\xf6\xf9\x81\xd0\xb7y\x86\xef\xc9Tv\xae\x92\xaam=\xd6\xeck\xa1\xc4\xab\xc3\x87\xe7\x9d.&amp;\xe7g\x0f\xd1\xf8\xba\x8b\xf4\xf7Tj3\x7f\x91\xe4\xc9lx/5\xfd\xb1\xf3\xc1\x1fa\x07\xbcz8\xd7\xdd\xff\xc8\xb1\x90\x10\xec5\xcfo\xe2W\r\x19\xe7\xdb}\xb3\xff\x11\xac\x01\x13=yk\x1b",\xe9j&lt;\xd1%\x9a\xeeu6\xb1i\xf0\x87\x0f\xe7\xcc\x19|\xbat+\xfb#\x1fi0\xdbl\xbe\xc8\xb5\xfe\xbc)O\xff-\x14\x18\xf3\x9b\xd2Nfz`o\xaf\x0e4)L_\xb5\x08\xa5\xf9)\xe7^8QV|\xca\xa57\xb1\xcf m\xca\x</t>
        </is>
      </c>
      <c r="E281" t="inlineStr">
        <is>
          <t>&lt;class 'numpy.ndarray'&gt;</t>
        </is>
      </c>
    </row>
    <row r="282">
      <c r="A282" s="1" t="n">
        <v>280</v>
      </c>
      <c r="B282" t="inlineStr">
        <is>
          <t>steps_per_sec</t>
        </is>
      </c>
      <c r="C282" t="n">
        <v>3200</v>
      </c>
      <c r="D282" t="inlineStr">
        <is>
          <t>2.6428833</t>
        </is>
      </c>
      <c r="E282" t="inlineStr">
        <is>
          <t>&lt;class 'numpy.ndarray'&gt;</t>
        </is>
      </c>
    </row>
    <row r="283">
      <c r="A283" s="1" t="n">
        <v>281</v>
      </c>
      <c r="B283" t="inlineStr">
        <is>
          <t>Loss/RPNLoss/localization_loss</t>
        </is>
      </c>
      <c r="C283" t="n">
        <v>3200</v>
      </c>
      <c r="D283" t="inlineStr">
        <is>
          <t>0.27720255</t>
        </is>
      </c>
      <c r="E283" t="inlineStr">
        <is>
          <t>&lt;class 'numpy.ndarray'&gt;</t>
        </is>
      </c>
    </row>
    <row r="284">
      <c r="A284" s="1" t="n">
        <v>282</v>
      </c>
      <c r="B284" t="inlineStr">
        <is>
          <t>Loss/RPNLoss/objectness_loss</t>
        </is>
      </c>
      <c r="C284" t="n">
        <v>3200</v>
      </c>
      <c r="D284" t="inlineStr">
        <is>
          <t>0.05806791</t>
        </is>
      </c>
      <c r="E284" t="inlineStr">
        <is>
          <t>&lt;class 'numpy.ndarray'&gt;</t>
        </is>
      </c>
    </row>
    <row r="285">
      <c r="A285" s="1" t="n">
        <v>283</v>
      </c>
      <c r="B285" t="inlineStr">
        <is>
          <t>Loss/BoxClassifierLoss/localization_loss</t>
        </is>
      </c>
      <c r="C285" t="n">
        <v>3200</v>
      </c>
      <c r="D285" t="inlineStr">
        <is>
          <t>0.08321908</t>
        </is>
      </c>
      <c r="E285" t="inlineStr">
        <is>
          <t>&lt;class 'numpy.ndarray'&gt;</t>
        </is>
      </c>
    </row>
    <row r="286">
      <c r="A286" s="1" t="n">
        <v>284</v>
      </c>
      <c r="B286" t="inlineStr">
        <is>
          <t>Loss/BoxClassifierLoss/classification_loss</t>
        </is>
      </c>
      <c r="C286" t="n">
        <v>3200</v>
      </c>
      <c r="D286" t="inlineStr">
        <is>
          <t>0.087387025</t>
        </is>
      </c>
      <c r="E286" t="inlineStr">
        <is>
          <t>&lt;class 'numpy.ndarray'&gt;</t>
        </is>
      </c>
    </row>
    <row r="287">
      <c r="A287" s="1" t="n">
        <v>285</v>
      </c>
      <c r="B287" t="inlineStr">
        <is>
          <t>Loss/regularization_loss</t>
        </is>
      </c>
      <c r="C287" t="n">
        <v>3200</v>
      </c>
      <c r="D287" t="inlineStr">
        <is>
          <t>0.0</t>
        </is>
      </c>
      <c r="E287" t="inlineStr">
        <is>
          <t>&lt;class 'numpy.ndarray'&gt;</t>
        </is>
      </c>
    </row>
    <row r="288">
      <c r="A288" s="1" t="n">
        <v>286</v>
      </c>
      <c r="B288" t="inlineStr">
        <is>
          <t>Loss/total_loss</t>
        </is>
      </c>
      <c r="C288" t="n">
        <v>3200</v>
      </c>
      <c r="D288" t="inlineStr">
        <is>
          <t>0.50587654</t>
        </is>
      </c>
      <c r="E288" t="inlineStr">
        <is>
          <t>&lt;class 'numpy.ndarray'&gt;</t>
        </is>
      </c>
    </row>
    <row r="289">
      <c r="A289" s="1" t="n">
        <v>287</v>
      </c>
      <c r="B289" t="inlineStr">
        <is>
          <t>learning_rate</t>
        </is>
      </c>
      <c r="C289" t="n">
        <v>3200</v>
      </c>
      <c r="D289" t="inlineStr">
        <is>
          <t>0.039985202</t>
        </is>
      </c>
      <c r="E289" t="inlineStr">
        <is>
          <t>&lt;class 'numpy.ndarray'&gt;</t>
        </is>
      </c>
    </row>
    <row r="290">
      <c r="A290" s="1" t="n">
        <v>288</v>
      </c>
      <c r="B290" t="inlineStr">
        <is>
          <t>train_input_images</t>
        </is>
      </c>
      <c r="C290" t="n">
        <v>3200</v>
      </c>
      <c r="D290" t="inlineStr">
        <is>
          <t>[b'1024' b'1024'
 b'\x89PNG\r\n\x1a\n\x00\x00\x00\rIHDR\x00\x00\x04\x00\x00\x00\x04\x00\x08\x02\x00\x00\x00\xf0\x7f\xbc\xd4\x00\x00 \x00IDATx\x9c\xec\xbdy\xfc\xbf_9\xe0\x7f\xce\xd7\xb7\x10ERH\x85\x91\xb1e\xcb:&amp;K\x94\xad\x91\x9aF\xd60v\xd9\x12\xa5\xc6\x92!\xfb2\x99\xc9\xd2\x94\xa1h\x84\xecd\x1b\xcaZ\xd6D\xc8RJ\xbf\xa4\x19K$Q\xea\xfa\xfdqog_\xafs\xceu\xee\xfbz&gt;\xea\xf3}\xbd_\xaf\xfb\xbe\xceu\xae\xed,\xf7}\xbf^R0\x84\x01\x00)\x85\x10r\xb4"\x0c\xe3\x03\x00\x84\x94\x1c\xa2\xd3\x00\x00B\xb0\xcb\x98\x08K\x9c\xec\\*`\x00\xa0[\x7f\r;\x8b\x8b\x99\x9a\x19\xc8\r\xa3\x15`B\xf0\xec\x9f\xa1\x8e9x1\xd4\x91R\x0e\x9ca\x00\x00\x07\r}\xcaf\xff\xf6\\vRz&amp;\xc8\xd0td.\r/\x00\x88\xc3\x85\xe1\xd4\x9c`\xbc\xe4\xe1\xeb\xe07G+@\x9de\x82x\x82\xa8\xbf\x0e\xb9\xcb\xc5\xd3\xac\x01F\xc1\xe5\x94\xe9\x06\x87\x1a\xc30\x0c\xd3\x83}v8\xe3,\xa7\xe7m!cQ\'\xf19]^\xcf\xe3\x0b\xd7\xf9,7R\x8a\x13\xdam\xeb\x18C\x10\xbe\x02\xc00\xccE\xe0\xbd\xc9\xc1,\x13\x01"\xd3h\xde\xab\x8e\x92\xe9\xa9\xed`\xb6k6\xcbe\x16\x12y\x81\x0c\x8ddg\x9c\xf0\x02\x80a\x98\x8b\xc0C\xd1\n\x004\x99\xfeFe\x92\xb9al\xed&gt;\xaf\x01\\\xbca\xe9\x89\xf2N\xcb\x7f&gt;\x13M\x15\x86a\x98\xa9\xe0A\x85a\x18\x9a\xc0N\x0b\xd9\xf82\xdb\xb4\xd8\xca\x02\x0c\xc30\x93\xc0W\x00\xf0\xe1a\x85a\x98^\xe4\x95\x9b\xb6\xd5\xa9\xff\xee~^\x8b\xda\xad\xed\x1d\xafE\xf0\x90\xc00\x0c9x\x01\x80\x0f\x89+\xdcL?xtg\x06RXoJ\xcbT4\xda)\xef\xac\x0f\xaa\xcdd\xeda\xc1\x17F\x98\x06\x80x\x02\x07\x15339e\x91c\xfdB\xb8\x86L\xe0\xcb@\x0c5\xd6@\xad\x8b\xcc\x94\tb\xcfI$\xcfV\x11A\x89\x10\x86q\xf1\xfe\xa3\x15`\x98\n.1\xd2\x00\xdc\xfd\n\xddd\xce\x0coa:\xd9\xef\xfb\xaf1N\xd2\xc3\x03e\x0b\x80\xe2\xb3\x84\xf8\xbf\xb9g1NJ#\x84\xd3\x8da\x18fn\x9a=\x1a\xc80\xfdx\xce\x19\xb70\xeb{\x84\x93\xdd)\x13\xc4\xce\x0b\x80\x86\xcf4\x0f\xa6w\x8fNj\xc6\x0b\xc1\xeec\x18\xa6\x10\x1e\x00\x98\x999}\xe8\xd6\xde\xbd\xd3\xdeD\xb0\xfd/\xff\xcc\xd2\xe2\xa3,\x00\nO/8\xeb\x94\xc4M\xd1#\x84\x98bx\xf8f\xf2\xe0\x87\x80\x19\x869\x01p\xfe\x99\tT}\x89O\x87_\x1a\x02\x10B\xbcFY+\xf5_\xcb\xc3\x93\x9fJ\xa2\xf6\xaf\x0b@\xa61\xbf2Z\x01\x86a\x18\x86a\x1a@~\xf2\xf5\xc9\x034\xfc[\xed. *&amp;\xe2\x07j\x99s\xc3W\x1b\x18\x86a\x98"\x1e\xcb\xe3\x07e&amp;\xf3N\xfcI\x80\xbe\xd3qR\xab\x11\x86\x11\xb1){\xfe\x84\x9e\xc3\x9bah\xc2\xabs\x02\xdc\x99\xbd\x10\x82\x8d\xc3`\x11\xb9\x08p\xde\x07\x85\xb1`\xfb\x9c\x9c\x84KR\xec\xfd\xcb\xc1?ZuF\x00\x84\x14\xec\xdcv\xec#e\xe4\xaeY\x80\x01\xbf\x8d:?\x8by;\xfeP\xeb\x15\x01\x80\x13Y\xf8\x98\xbbJO\xe9\x03\x00)F\xfcV\xf1\x1c\xac\x06&lt;QH0\x1a\xa9c\x16s%\xf8!\xe0\x13\xb2T\xf2\xd1Z\x9c\x9fx!\xa5[jy\xb3\xe7\xea\xcc=\x0f0\xb7\xab\xa5\x14B\xca\xd0\x83\xceR\xca\x11\xf98K\xa2-\x8b\xa3\x99C\x82\t\xb2\xfb\x96\xaf\xf30\x0c3\'\\\xbc\xa6\x81=\xc5\xe0rD\xd4\x14\xf7\xabL\xa1$s!\xf8F8\x86a\x18f:\xb6\xa1\xeb5F+\xd2\t\x1e\xa7\rf{\xac\x16P\xbf5\xff\x0b\x90\xe40\x97\x86\xbf\x99\x8aa\x18\x86\x99\x8c\xab=\xc79\xdb|\xb79\xdd\rr\xa1`c.\xc2\xb2\x00\xe0\xc0f\x16\xf8\x19\x00\x86a\x18\x9a\x9c\xea\x9e\xec\xca\xdd\xc7\x0e?d\xa6\x02 \xa4\xfc\xf2n\xcd1L\x1f\xd6\x0c|\x14\xaf\x01\x98s\r0\x0c\xc3\x9c\x1a\xe0\x925/\xeb\x97;\t\xca\x0f\xc73\xcc\xd9\x01\x00\xf5\xcb\xb2\xb6\xaf\x7f\x1a\xaa\x133\x06\xbe\x02\xc00\x0c\x02\x00pw\xe4\x1f\x9a\xb1\xb9\xf2(\x05\xca\xbf3\xc3S\r\x0f\xc57\xb9\xf1\x1d\x1dL\x06R\xaa_\x95\xcb7\x1a2\x0c\xc30\x15|ul\xee\xf2"\xbe\xf1\xb4\x9e\xb9\x07\xeb\xc0\x0fu1\xcaO\x99e\xff +g\x16S\x0c\x00\x08\xf1\xe4\xd1Z0\x0c\xc30\xf3\x12\x9f\x85\xf04\xe5\xd2\xf0\x02 L\x91}\xee\xbe}\xdd\x10\xc30\x0c\xc30\x0c\xc3\x10\xe3R_\xe2\xc40\x0cC\x86o\x1c\xad\x00s:x?\x8fa\x98Dx\x01\xc00\x0c\xc30\'\xe0\x82\xdf\xcb\xce0L\r\xe4\x93\xe8\x96\xe45d\x18\x86a\x98\x81\\\xf0\x87\x99\xf8\x8a\x07\xc3\x9c\x98K\x154\xe6\xd2&lt;M\r\xf5\xca\x98\xbf\x17\x0f\x8b\x0cS\xc9|)t\xa9\xc1\xf2j\x0b\x1e\x86a\x18\xe6d\xec?\x06\xbc\xefg\xdd\xc0\x1b[W\x85\x7f\x07\xa0\x14\xfc\x89\xe0|_\x8f-\x8f\xaf\xf4\xe6\xf2\xc10\x0c\xc30\xa4Q~\x03@\x08\xf1@!\xc4\xab\x9a\xfc\xc66\x7f9\x15sb8\xb8\xaf\x06o\xff3\x0c\xc30g\x80\x87\xb3\xd3\xc3\x17v\x98\x0ep\x1da\x18\x86a\x18\x86\xa1\xc0\xb2_\x19\x9b\x9b\xf1-@\xadY\xd7\xd9\xef}\xdeY2\xec\xff\x0c\x86\x82\x0e\x89L\xa4*\xc30\xfdyDp\xf0\xe6\xbd\xbd)\x89&gt;E\xc6O\x9a1\x18l\x01\x14\xbb\xb1k\xbe\xfb\xce\x19\x86a\x18\x86a\xa6b\x9d\xd8+\xcf\xcey\x8e\x10B\xea\xb7\xea3L*\xca\xf21\x1aE|\x05\x80a\x18\xa6\x10\xde\xabc\x18&amp;\r)\x82\xb3\x7f\r\xae+L\x11z\xe0D\x82\xed\xc6\x86\x8a0L\x1a\xcb,*\xb522\x0c\xc30\xcclD\xc78\x1e\x04\x99:\xf2\x16\x8e\xbc\x00`\xca\tM\xdc\xb5\xebP\\\xd4\x98s\xc2\xb1\xcd0\x0c\xc3P@\xbd \x9d26\xf1-@L\x13 \xf0\x97\x85\x94\x92\'R\xcc\x05\xe0\xeb\xfa\x0c\xa3\xc0w\xd0M\xcc\x17\xe3\x88\xb9#\xc7\x00\x1a\xfb4\x8a\'TC\xb8`(\xc7\xba\xcc%\x9ea\x18\x86\xb1\xb8\xd7\x80\xd1\x81\xc7#\x86a\xd0I\xfc\x02\xaf\x84/g\x9d\x93\xa4\xef\x9d=5W\xee;\x12\xfc\x15x\x0c\xc34\x84\xcb\x0b\xc3\xac\xf0-@x$^s\x91\xf2\xa4\xdf\xeeU\xd5\xab\xb3|\xf9\xf1\xfdF+\xc00T9I\x8e\x8f\x82M\x87\xc29G_\x86aF\xa2\xfc\x84\x07W\xea|&amp;\xff\x01\x14\xda?\xe0BS+\'_8\x95\xb6L\x06\xb4s\x84&gt;g\xb7\xdb\xc9\x03c\xce\xde\x9d\xdc)\x0c\x83\x04\x0fo\xd5Ll:\xda\xde\xa7\xa9\x15s\x05~Iy\rJ\x9a\x80\xfavw\xad\x18Z&lt;\x9an\xf1\xbc8\xec\x943\xc3\x97\xc3pP\x8b\x17?\x7f=3\xc0I\xc10}\xe0\xdf=e\x14\xb8\xf6*\x00\xa4\xdeT\xcc0\xa5\xf03\x00\x0c\xa32A\xcd\xe5\xad2\xe6d\x00\x8c\xba\x0e\xc0\xa9D\x87\tjo1\xb9E\x9b\xe3\x92\xe9\x00/\x00p\xe0]\x7f,\x08\xdfH\xc30L\x94\xc2\xe4\x1d\x90\xf3\xf3\xd5\x99\xe9\x14\x1e\x0b\x15s\x15\x8ch\x04f\x14T\xac\xc7\xb4\x83\x17\x00h,\x19;&gt;miP9\x89\xe75@\x80\x0ec\x03\xedG\x1a\x129A\x17f\xa4&lt;8{;k\xbe\xfb\x8e\xe6\xd2v0\x00&lt;\x8e\xd4\xc0\xc1v~x\x01\x80\xce\xcbF+07\xd4VP\xa7\x98\n\xe7\xa2uv\x9e/\xb62\x94\x94R\xde\x8c\xc0F\x1a\xe3\x86@Nql\x9c\x1c\n\xd9O \xce\x19\xc6\r/\x00\xb0\xf8b\xf1j \xa5\x10\xe2f\xa35!A\xf9\xc4\x0b\x84 92\xdf\xe22u|\xef\xe8\xee\xc4\x8fK\xeb\xfa\xe8\x95\x92\x1d5\xbc\x1a\x9f\x0c\x9e-]\x1bL\xefK)\x89\x8d$\xce\xdeq\xc03(p \x91g\x9e\xcd\xd4aP\xdbq\x07\x85\xd1\xbat\xa3\xb0\xbfuV\x8a\x9c\xf8\x15\xd7r\xc1\x84\xbcK^q\x03\x0f\xed\x14d\xc8sB\xefsl3\xed\x01\xc1s\xcb\x11\x00\x00\x88{\xb1\xdd\xdd\x94.xh\xd9\x93kw*\x00\xcd\x1e\xac\x1c\xb2&amp;a\xd2\xc9\x9e\xc7{f\xff\xec,7\xd00\xb9\x98\xa6\xe4-\x008\x0b\x98\\x\x859\n\xb6{\x08\xaee\x0c\nJ\x81\xbb_\xd1y\x1c\x84M)\xd9\xc8w/\x00\xd8S\x1e8\x8cg&amp;gq\xcb^f2\xe1a\x8e\x99\x0e\x0eV&amp;\x95\xac\x99e\xe5YL.\x05\xb3\x7f\xe7Y\xec\xa9A\xfc\xf6h\x05NO}`\xa3\xe5EQ\x96\xcd\x9b\x95\xf3j\x9eA\xf1\xee\t?\x04\xcc\x0c`\x0bW\xfa\xc99P\xc3\xa5\xe9\x9c\xad\xa3\xf3R\xf2L\xf9\x04\xd1u\x06\x9cY\x9c\x92\xda\xfc\x05M$\xf8&gt;\x10\xe2\x9dG+qr\xea\x7f\xd5\x17\xab\x98\xed\x89y\x99\xabm\x97(2kt\xe5\x07\xd9%\xac\xc3\x90\xe3/\x00n/\x04\xf9I\xc0R.\xdb+\tv&amp;nM\xef\x83\x07iC\xf5!\xd7\x1d\xfbh\xc7\x06lG`\xae\x1f\xf3\x94\xfbT\xe25\x81a2q\x94\xf7AB\xb4\x94\xe3\xaa\xc8\xb0\xfb\x19f0\x00`\xff\x86\\\xaf\xb5\x07\xc3\xd4\xe2[\x03\xa4D\xaf}.\xc7&lt;\xc34B_\x00p\xa2\x9d\x89\x92%"\xdf\x02\xd4\x1a\xb0^0\x8c\x85\x95\xb9R\xfe+\x97gf^\xe8M/\xb8\x023\x94\xe1[=\x99R\xe2ws\xb9\x9f\xb0\xe2\x05@KV\x83/F\xa76\x1c2\xa4\xb0\xc3\xe3&amp;$~\xc7rJ\xea\xc7\xd1\xcfB\xd0\xe22 \x86i\xbbe\xc3$\x0f\x1d1\xd7d\x89\xcd\x1b\xbb\xb5\'o\xd9\xad)\xa6=\xb1\xdf\xbc\xe3\xca7\x82\xbb\xf0\xf7Z0)p\x84\xa0\xc1\x197\x84\xb2o\xf2\xe9\xf9\x15@\x1c\x18\xcc\xe5Y\xb3\xec\x13\x96/\x96(L\x07N\xa2\t\xf9\xb2\x8b&lt;\xf3M\x0e6:\xc3\xf4c\x9b\xe7}\xe7hE\x988}\xbf\x00\x94\xf7&lt;\x99\x8b\xb2\xe5\xd7\x9eh\xbf;Z#\x86a\x18\x86A\x05\xfb[Sy\x01_L`\xcfi\x9b\x88\xfc\n\xa8o\xf4R\x8c\x18\xee\x8e_\xd5\x1aL\x03\x94/\xfd\xe4\xb8:\x17?\xc3\xb7\x990\x0c\x83\x06\x08q\xb7\xd1:\xd0\x81\x0bk\x19\xce1\t\xb4\x8fy\xd0b;0\x0cS\x8av\xf9\xb4\xa8\x8c\xf0S\x86-\xc0\xf9\xca^\xaft\xfe\x82H\xa6!m\xa3\x97a\x98\x1d\x00\xe0\xafcg\x18\xa6\x80\xfa/u\xe5o\x01B\x867trxW\xf5\x86\r\xec\x9b7r`\x9f\x1d\xf0\\\x84!E87\xe7\xce\\\x19\xfb\xfa\x0e\x86a\x18\x17O\x16\xdb\xbc\xbfx;\x98K\x0f*\xdb\xe4\x9f\xb7\xe7\x0b\x00\x00\xb6\x1b\xc30;\xfbn\nW\x06\x86a\x18\x05\x84k\xf5|\x05\x00\r}\xeb\xdf\xf3\\\x17\xef4\xfb\xe11\x9eI\x84\xef\x9c\xbe\x02Wp\xf1\x15\xfa\xc8L\x00W\xd4\xc9\xc0q\x17/\x00\x90\x91Rz\xef\xe9|\xd2\xe4\x97\xab\x19l\x8a\x9f\xdd\xb96l\xb1kq\xd6\x8d\x01\x9er1D\xe0@\x9c\x8b\xd4\xca\xc1\x15\x86a\xc8r\x96\x05\xc0\t\xba\xc0\x90\xa3\xd7\xef\x03\x0c\xe3\xdc\xbd\x1b\x02\x9b\xb4\x10\xb6\xdbd\xbcz\xcaA\xecS\x86(\x1c\x9a9@\xf0\xcf\xc1tp%\x8f\xeb\x17\x84\x9d\xce\xe42\xf2\x9b$\x18Zp\xf5`\x18\xaapr\x9e\x88\x0e\xae&lt;\xc7\xa5\x12\x86a\x18\xa69\xe7\xde&gt;8q\xd7f\xe6\xd41\xc70EpF0\xcc\\p\xce^\x933\xf9\xfdL}a\x18\x869\x1f\x19\x0bf.\xe8\x0c\xd3\x03\xde\xc6\xba"\xbc}\xc90\x0c\xc3t$q\xc8y)\x0fN\x0c\xd3\t\xbe\x93\x9eY\xe0\xaa\xcb0\x0c\xc3\x0c\xe4\xdc7t2\x0c\xc3\x90\xe3gN\xfe5\\e\xb0M\x18?\x1c\x1c\x0c\x83\xcd\x90\x9a\xcb\x89\xcc0\xcc\x95\x197\xd9\xa5Z{\x17\x83\x8c\xb2\xc9\xa7P5\x0b\xb3`%\x0c\x7f{\t\xc3\xd4\xe2\xffv\xbf\x96\xc9\xc5\x99\xcb0\xcc\x85\xa9\x9e\xfds\tE\x84\x8d9\x1d|A\x80A\x82\xaf&lt;\xda\xb0M\xe6\x85\xbf\xb2\x9dahs\xbe\x0c\x8dv\xe7!=\xb4`.\x03|)OP\x18$x\xced\xc0\x0b\x80\x13\xc2\x0ee\x98\xab\x00\x8f\xa5\x95\xef\xa4\x94a\xa6\':c\xe3\x80c\x98\x18\xaf\xe5N\x13^\x00\x9c\x11v(37\\\x94\x12\xa1W\xc0y\x8b\x8d\xc1$\x1aL\x1cm\x0c\xc30\x0cs\x06\xb6I\xedIF\xf6\xa6\xddyw\x00!\xbe.\xaaBGc\x9e\xc4k\x0c\xc30\x0cC\x8e3M\x8f\x18\xc6\x06\x00\x84\xf8\x94\xd1Z\xe00|=\xd3\xef*\x81\xd2\xcaK\xb3\xbb\xfc\xd2\xa6&amp;\xa2w\xa9\x84\xf1\xc2~b\x18\x86q\xc0#\x19\xc3LE\xb3l}\x8d\xb4\xefH\xec\xb7\xfc\xd8[\xc9\xfe\x01\x84\xa6\xdf\r\n\n&lt;\xbd$\x82;&gt;:\xfa\x89\xe3\x80a\x98\xd9\xe01\x8cah\xd3g\x0eCvF\xab\xcc\xe2\xfe\xebh]V\x96\xd9&amp;\xfa\xd6\x89\xc4\x15\xc7\xa8\x1e\x92R\x10\xb0\xf0\xae\x8fS\x13\x00\x10R\x0eW\x92a\x0e\x96$\xe2\xb0d\x18\x86\xe9\xce:\x8biZ\x81\xf7\x99\x92\x14\xebT\tKl\xfd\xbc\xeb\xd0m\xe0\x14\x0e\x00\xd1,&gt;nh\xdd\xc0\xa5)]\xad\xa1^%\x97\xc2\xfb\xc5zs_\x8a\xe7{\tN\xc9\xeeSv.\xc30\x8c\xe7\xd7\x84@\xf90Z*o\x9f8\x1d\x190\xa8\xe2OsO\xb1s\xd4e\xff\x8b\x17\x00-\xa9s!\xee\x1a\xc0\xb5\x08X\xd6\xde\xa7\xc8\x16\xe6,p82\x0c\xc3\xecxn5\xce\x92\xf1|j\x95Un\xa0\x8b\xad\x94\xa0[\x96\x96\xd1\xd0\xb9q\xb4\x023\xe3\xbaF#\xa5\xect\x03C\xe6\x15"p\xc5\xf2\xa2\xe4\xa4w\\L\xa7p\x1aNG]\t)\xc5\x9c\x01\xc90\x0c\xd3\x02\xb3\x18J)\xdb\xdc:\xbf5t\xc5a\xc8XT]\xa1\xff|\x05\xa0\x02\xcf\x04\xa5\xc5\xba6\xbdu\x17\x91\xe9\x14\xcf\xb4\x182\xac\xb1\x9a\x15\x93|3\x18sU8\xec\xcf\x8f\xa7\x18J\xc7+\xbc6C\x1f\x9e\xb1\xd8:F\x10\x9e\x161CP\x1eBG\x93\x86"\x8aa\xda\xc1\x81\xca0\x0c\x93\xc9\xcf\xa5\x1f\xca56\xc4\xf1\x95D \xfe\xf8\x12V\xe25\x0e\x1d\x8e\x8bn\xeb=9\xa2\xd3\x83 \x0c3\x1c\xe5\x8b\x178\xe6\x19\x86a\xd0\x01\x00\x9eW0\x07\x1c\x07\xe9\xb8\xef\x8aC\xf9\xda)\x86\xb92\xfa\x97\xe7r*1\x0c\xc3\xb4\xe0\x8a7\xf73L\x15\xc1\x0bg\x97\xb8T\xc40\xed\x08\xe4\x17_\xb3\xbe\x08\xece\x86a\x98\x9e\xf0C\xc0\xf5\xf0z\x9aa\xaa\xe8\xf4\xdc&lt;C\x95u\xf6\xcfk\x00f0\x9f\xb8\xbd\xe0}\x07\xe6\xfc\xf0\xa0\x9b\x06\x00\xf0M\xf9\x0c\xc3\x9c\x89.?6\x99\xc2\xa4\xdfD\xcc\x9c\x95\xd9\x1eI\xe2\x1b{\x98\x12\xf8\n@\x1a\xcb\xf7\xe5;&gt;\xe0M\x02\x86a\xe6d\xf4\xe4F\x7f\xf6c\xa0"}\xe0\xc1\x82\x1e\xc1/\xdc\x93B\x08\xf1?\xba\xea\x93\xcd\x9b,\xea\xf3\xf5\n\xa6\x80\xf3\x17],\x00\xc0\xde\x0c\xe0\x8d+\x86I\xc0\xf9\xed\x13\xbck\xc5\xccEe\xc4r\xc0\xcf\x07\xfd\xef\'\x98\xedb\x05\x16 \xe0\x12\xdb\x06M\xe1+\x00\xa9\\(\xbb\xbe\x9b\xf7\x12\x18L\xd6\x1b\xbc\xcd\xb7/\x93P\xccI\xa8\x8c\xd8\xe5\xf4G\xf2\xa5\x80\x89P\x9fN\xa2\xf9\x85\x04\x8bv\x17\x9a\x9f\xacH\x9e\xfd3\x0c&gt;\x04k\x1c\xd3\x9a\xf6N\xe7\xa0b\x98%\xd18\x17\x86\xb2\xce\xe33\xbc\x00:\xedT+\x80\x9a&gt;\xf3s!{\xf2\x15\x80Al7\xee\x8d\xd6c\x83\xfc\x85N\xa6)\xed\x9d\xbe\xcb\'\x13\xf3\x93\x934\xf0\xd3\xa90\x0cC\x83\xf5\xb7^\x933\x83\xf6\x0c\xfbN\xa3\x150\xb8\x1dms\xa5\xd0p(\x04\x00\xf1\x87\x84\xec\xc3S\xbdAl\xf7D\x8f\xd6\x83\x99\x03~\xda\x84\xb1x\x95\x00\xbe\x0e&gt;\x1d\xfc$\xc0H\x12\xef\xe9W\xeb\xad=\xa3\xe5:\xec\x83\xc7)?G\x1c\xd1\xb1\x0f_\x01\x18\xc0\x16\x08T\x82\xe0D\x10Z[\xd3\x80\r\xd2\x9a\x81\x16\xbe\x81g\xff\x13"\x85\xf8\xb3\xd1:\\\x14s*\x0f\xe0xS\xe1\x81\xde\x1b~\xbe\tW\xb1\xb3\xc0\xc3M\x80\xb5V\xd3\x99\xfd\x0b\x9e\x83\xce\x8b\xf3[\x89.\xce\x89\xb7\x1f\xd8\xdd$\x01\x80s\xc6\xdb%\xe9\xb17\x7f\xe2\x1aE\x9f\xc0\\\xdf\xe1\x11\xff\xd1r\x82\xab\xf7H\xc1\xbc\xfc\x02RZ\xb8n\xb1-\xc8\x1b\x87Y\xe1+\x00S\xc3\x0bn\x8d\x13\xff\xa0\xecY\xfb59\xec\x94\xf3\x00\xd0\xf4\x91\x89\x07\x0b\xcc\xbb\xc9\xb9\xf2\xb7$\xfe\xa8/\xfd\xc4G\xd2P:\x87\x1e\xcf\xcf&amp;\xac\xe3oE\xd3\xf4\x9e\xb1f\x18:(\xb9\x81\x97\'i)\xc7\x99\xc9`\xc0Q\xc4\x8c\xc4\x1b~]\xbe\xe0\x85\xbf\x02h$\xe0\'\xfd\xc8k\x8f\x83wmj\x81\x89\xcc{\x8e\xaf\xf3\xa2\xbf\x90e:\x90t\xb9\x90\xefB9#\xbd\x1fI\xe4(b\x06\xe2\xbd\x03g\xbd\xd5A\x0c\x18\x13\x01\xf8Y\x8e&gt;\xf8&amp;\x97\xbe\x8a\x94{\xfceh5j\x00\x807\x07\x89}o\xca9\x062\xbe\x05h\x14\xa4\xd6\x8e2e\x83\xff\x04\xe1^\r)\xaf\xa1p\xf8\xb4\xcf\xd6\x0bG\x113\x10\xf95\xd6\x0cb\xdbu\x94\xf2\x99c\xa6\x17\x9c\x10\xe3\x08\xdf5z\xde[J+ie\x94\xf0\x1dD\xa4\xae\rl\x91AI\xa7|8\xba\xc7@\xedQ0~|\x879\xc7\x96F7\x14s\xf1\x17;\xce\x0b\xc5\xef\xe6K\xa0 \xe48J\x85\xf0lsH)\x03O\xbb\x1a\xa7H!\xfa^\xb1\xe1o\x1aX\t]\x1f`\x8a\xe0+\x00\x8c\n\xa7\x16\xc3$\xc1#2\x1e\x9dw\xd1\x8e\xe6\xe6\x9c\xfd\x97l\x85\x92\xda=\xa5F\xf0\xf2\xb7\xf5\xc9T\xa1r:\xa8\x1a\x7f\xceG\x02n\x1c\xad\xc0\\\x8c\xdfDi\xb4M;\xd7\xf8\xc7\xb4\x80c \x13i\xbd`\xca\xe8l\xc0\xbd\xb9\xfb\xae\x7f\xb7m\x7f\x9d]\xfav\x97375a\xbd\x17:\x13N\xee0\x89\xd5oD\x91\xe4\xc2\xbcB\xda\x10\x94u\xf33\xa5\xd2\xa3\x88\xdd\xb7\x93\xb1&lt;(\xbd\x05\xa8\xdb\xd5@\xbe\xec\xc8\xf4d\xfc\xd2\x9a\xb9"\xcd\x9f,To1r4\x94\xbb\x00\xe0{5\xeb\xb1\xb7\xfb\xc3#\x9dz&lt;\x811\x91Ke\rl=\r\xbe\x05\x08\x91\x0e\x81\x85\xf3PR\xc2\x97mq\x920\xbd\x00\x00\xe8\xf4\x082\xd3\x83\x89\\Y\xf9\xb5\xe5\x11\x1cw\x8f;\x95\xc8\x97\xcc\xf5\xb9\x9c\xf4/\xb6\x17\x8a\x0b%\x89\xd9\xbf`\xd7\xd71\xaf\xf5\x9a\x14U^\x00d\x80\xf8;S\xf4\x7f\xb2\x8a\xb8z\xccyX\xf639\xdeN\x03\xbbr!a\xc8.\x0b\xfb\x9c\xd52\x7fu\xbd\x03\xc3\xea\xeb\x06\x84\xf6M\xff\xcf\x12\xaf}\xd8MJ\xc9Q\xcd(\xf4M(hu\xe1\x82c\xfar\xf0\xa3\xf4\x0cs"`\xfb\x1ey\xcehZ\x98\xfb\xffH\x17o\xb3\x04R\xfb\xba9R\xec\x0f\xd4\xf1W`\x93\x81\xabYW\xf8\n\x009\xb4_\x98C\xdf\xbcY\xa4\xf1~\x10\xc3\x9c\x04)\x04g4u\x9a\xcc \x13\x86\x06\xfa\x97\x9a\x07\xb2[\xc6g$)\xd9\x80]\xa1v\xa5\xea\xb9s~\xb7\x0fC\x9d\xc0\xb4^\xb9b\xdb\xe2\xb7\xc7\xf9\x8a\xb0\x10B\xfc\x8da\x81\xcb\x1b\x84!CI(\x9e\xe3w\xe9\x89\x80W!\x01\xfd\xcb\x01A\x87\x90\xd3\x9fOF\x13fZ\x8e\x90\xa61KQRl\xbc2\xcc\x99\x08\xc6\x93\xbe\x00@\x9c\x9e\x16\x8f\x1cJ6\x9ec\t1\xbb\xfe\xcc\x19)\xcd\xacv)\xf9\x9dgH\xf6&lt;F\xd5\xb7\x94\xb2l-\x00\x18&amp;\x17\xe4IE\x0b\xc8D8\x08!\xc4m(h\xd2\x04\xbe\xb6u-\x94\xa7\x9aD\x96\xf7\xb7\xdb%\x8fD\xe0\x0b\xa3\x0cC\x84v\x0f\xf6\xf0M\xe4\xdd\x80\xb4\xdfx\xd1\x9eLe\x98L\xa6\x88\x1fbJ\x02\x7f+:s\x82%`\xf9\xd6\x91z\x05@\x88\xbf\xc2U\x8b\xe9\xc7\xb0\x9d\x8c\x13\xa4\x0f\xc3\\\rN\xdb\xb3A\xee\xe61\x17S(\xc9\\\x8a\xb9c\x91\xc6\x05\xb5&amp;\x9c\xb5_\x0c\xc30\x0csExXo\x02[\x95a\x18\x86a\x18\x86a\xae\xc1\x89w\x81g$\xeb\n\x17{\x8ea&amp;\x83\xafb3\x0cC\x11\x9eN\x04\x00\x10\x8f9\x9b}x\xf6?1\x94o\x89\xab\n\xac\x19#\x92\xaa#\x18jT\xd6\\\xae\xd74\xe1\xa1\x94$\\\x96\xb3`[y\xd9\xbf%\xe9\\i\xee\xe8\x0b\xff\x10\xd8\x1cl\xbfFB\xf49t\xa2j\xb5\x01\xe6\\\xb60\xfd\x91R\x14\x7fu\xc4\xefn\xdf\x05\x8c\xa7N\x13\xce5F\xe6p\x85\x8eO\xb6\xd4\xb9\xd4@T\t\xdb\xca\x8b\xdc\n\xb7\x94o;Z\x17D\xd8\xe3\x0c\x83\xc0\\\x83"3%\xbc\xcdL\x95\xc2\x9fR\x99\x12\x0e\xc2A\xb0\xd93\xf9\x9b\xd1\n0L\x0b\xa8\x8f4D~\xb0\x83\x99\x94\xe9#\xa7Q\xfc\xff\x00\xa7\x15U\xb8\xe21\x0c18\x1f\x99\xd3By\xc3\x89\x17\x00\xcc\xa5i\x15\xfftS\x9e\xe1\x8aw\x1a\xd8\x8f\xccu\xe1\xbb\x82\xe6@\x1do\xf8\x17\xe9\x18\x86\x08\x00\xb0\xdc+:Z\x91\x9d\xa5P\xd0\xd1\x87a\x982 +\x91\xdb\xfd\x1c8sV\xf8!\xe09 4\xc1\xf0\xc2[)\xcc\xe5\x90\x8fi7\xe0\x96%\x94T\x15\xe2\xabs\x0cs\x11\xe4\xfe\x0f3\x18.\xb9\x0c6\x00to\xb6!\xab\x18\xc3\xb4\xa6M\xe4\x7f+\xd2(\xc2\xf7\x111\x0c\xc30\xcc\xe4`\xce\xb3\xbf=\xf4\\AnC\xbc\x00`\xae\x0bG&gt;\xc30\xe3\xe1B\xb4\x03\\\x96\x19&amp;\x00\xec\xbfv\xe1\xfe\x8c\xe7\xf4\x0c}\x00\xc4\x07s\x942\xcdx\xee\x90\xe8\xe2\x90N\x85\x07)\xc6E\xeb+\x9f\xa1\xe9\x13sE\x00@\x88g\xf4j\x08Y\xa2\xdd\x04\xc7w\x16\xbc^\xaa"\xc1tN\xf3\xb2\xd9\x89\xf1\x95\xa3\x15\xc0cP\r\xe4\x90N\x87m5%(.\xcb\x10\x82\x1f!\xa0\x80.\x9c\x99\x14h\xfd\xf5p\x1cv4a\xbfT\x92\xf2-\xb7l\xdb\x198\x89\x8fFm\x7f\x1ce\x84\xa3=\x81\xad\xe4\xb2\xadf\x02\xa9\x92\'\ny\x14F[V\xdb&lt;\xdc3N\xda\x85\x05\xe8\x88_\xe1\xe0\xa3\x00\x98~a\xf2a\xbb1t\x188\xff\xe62\x92\xc1\xfdv[\xdds\xb4*L\x16\x1c\xde\x0c\x93\xc5\xfb\xf1D\x93(\xaaS\xde\xe9r~\xb9Z\x7f\x99\xd3\xc3\xd5u\x0ex(d\x18\xe6\x024,s\\=q\xe0\xa1\xc8\xc5\xb9\rr\xee\xde]\x11\xce\xe2y\xe0{\xa5\x98|8`\x18\xc6\x85~\'%\x0f\x84\xb9\x00\x08\xf1\x90\xd1J0\x9d\xe0\x99\xc7ya\xb7N\x80\xb2\xfd\xcf\xfebR\xe1\x80a\x988\xd7~\x16\x8dkD)\\^\x99l8`\x98\x02\x08\x0cO\xef0f\x9b\x8c\xafS1X\xf0\x0fG3\x0e\x8c\xfa"%\xc7\xc9\xa5Y\xe2!!\x0c@\x80\x10Rn\xb3:\x0e\x1b&amp;\x06\x80\xe0\xf2\xc2\xcc\x08\x00\x8c\x18\x1c\x01@J\xc1\xd5U\x08!\x04\xb0\x1dj`\xdb1n\xd45\x00/\x00.N\xe6\x90\xb3\xc6\x0e\x87\r\xc30\x93\x92\xbc\xeb\xc10\xb3r\xc3h\x05\xe6\xe1b\xd7\xdd\xa4\xf5\x82\xb9,R\xca\x9c@\x90B\xf0\xae.s~\xf8f\x8c\xf3\x02\xd6\x0b\x869\x1b\xbc\x00He\xf62\x00\x00\x7f\x905V\xed38BS\xb9\xd9\x9dp\x152\x17\x0c\x0c3\x1f&lt;\xf5?1\xea\xf5\xef\x81j0\x0cC\x82\xd9\xbfuxj\xe5\x17f\xd7\x9fa0(\xc8\x82w\xc6\xd7\xe2\xf2\xcc&gt;"0~\xf8\xf7v\x18\x86Q\x98\xbd"\xcc\xff\x05X\xa3\xbf\xf3\x81a\x18F\xa1\xe7\x880\x7f\x01\x9f\x87\xc9\xc7z\x86a\x90\xe1\x8a \xf4_\xbd\x1d\xad\x0b\x83\x02\xfb\xb1\x04\x9e\x8d1\x1b=\x17\x00L\x1f\xf8\x17\x06\xae\xc6E}\xcd\xcf\x00\xa4"\xa5l\xfb\x85\x00\xeb\xac\xfa+y\x9f\x9b\xe9\xc8tw\xb8\x8e\xcf\x8ee*\xc6i\xca\x08!\xbae\x10\x7f\x1dMG\xe4\x95\x9eb\xe2B\xc66`\x86s_\x12\xb7\xb8\xa4\xec3\xf1E\x00f\x0c4\xb6\xe58\xfe\x19\x869\x05|\xad\x83a\x88\xd3m\xb6\xc1\xd3\x1a\x86I`_\x00\xf0J\x80a\x98\xa9P\xeb\x15\x00\xc0\xfd\xb9\x82\xa5\x02\x00 ~\x19\x84x\xf1\xf2\xe7Xm\xb2\xb1\x1c}\x91\x8b\\3\xb2\xff\xc4\xdd1\xc1\xe8r\x15\x98\x7fZ\x8fa\xa2\xf0O\x1d3\x0c37\xfb\xdc\x82o0Ka\xf6\xdf\x86\x03\x80y\x95\xbf\x16\xcb\x859\x83\xd1J1\x97\x82Z\xbc}\x95\x10\xffn\xb4\x0e\xc8\x00\xc0\x8fs^3\x0c3\x86\xe2y\xc5\xbf\xf0\x84dj\x96)%\xaf\x06H\xe2\xca-)\x05\xef82\xdd\x00\x00\x0e9\x86a\x18\xc6\x04\x00f\xde\x0bg\x84\x10B\x00\x7f\x0b\x10I\xac\xb4\xe2\xa9\x18\xd3\x97eo\x80C\x8ea\x88\xc0\x1b\xae\x8c\xa0\x12\x06\x7f\x9c86\xf0\x9d\x0b\x94\xe1\xf1\x9d*|\xe7\x0fA\xae\xe4\x0b\xfej\x08&amp;\nG\x08\xc3\\\x92\x7fI\x9a\x99\xf0\x1c\x86a\x98I1&amp;\xc13\xcf\x89\xb9\x04\xd7\xc1#Y\x00\xb6\x0c\xc3\\\nw\xca\xbb\x8a\x00\x17\x07\xca\xf0-@\x13\xc1Y\xd4\x99\xe5\xb7`@\xffsN\xd6\x9b5\xd75\x0c\x17\xe5,\xd8V)\xb0\x95\x18\xe6"\xb8~\x17U\xcd\xff\xe3G\x8d\xa4\x14R\xfe\xb7~\x9a\xf5\x86\x8b\x1e33&lt;\x17&lt;\x07\x89\x17d\x95\x17\x17s\xba\xd9\xe5\x8fH\x8f|\xfe2\xae0l\x19\x86\x99\x90\xbcQ \x9c\xe0j\x05X_W\x15\x04\x98d\x90\xa2\xaf!\xc3\xf8Q\x06\xef\x8f\x1d\xad\x0b\x16?7Z\x81!p%\n\xa3NRSg\xf3\x0f\x000\xa6\xff\x81Qm\x92\x11\xab\tW\xee;u\xbe\x96]\xc3\x98\xe4.\xda\xa3\x07o\x07\xc07`\xec\x95L\xb2\xa10\x85\x92\xcc\xa5\x89\x04\xa8\x92\xab\xc3C\xb9V\x81\xf75\xfb\xc2\xf9\xc9\xa8\xac\xb1\x91\xbc\x9d\x0fw\xb7\x17\x00\x01\xd1s\x0cZ\xcc\xd5\xa0P\xdbO\xc3Y,\x99]\xafn\x8c\xf5}\x93V\xb4\x00\x98\xb2rr\xc1g\x88\x93\xbcp\x1f\x0f\x82\x1aZ\xe9\x01^\x00\x9c\x14\x04\x9f\xe6\x87}R\x1e\xd1\xc9&amp;\x86a\x90\xe1\x04O\x06\xc2\xb7\x00\xdd\xd2\xf8h\xcc\x16de\xa3\xdd\x83\x81\x03\x8f\xc9\xa4o\x8cV6\xf4 \x1c%\xb4.s\xce0}\xa0s%\xad\x17&lt;\x19b.Fd^\xcb$\xe0\x98\x93\x8cYY\xcd\xb6\x9c\x9bHU\xa6\x82\x8fC\x945Y\x88\xe3p\xa5I\x18\xc3\x0cb\xad-\xdf3y\xae\x8d\x9b\xd2\xed\xc5\xf9A\x97+\xd1\xccU\xd1.\xd1\xafo\x8dY\x00L\xb6_s\xc1\x89\x1c\xc30\xcc\x05\x99`\xdd&gt;\xdb\xfe\x99\x87\x81\xd7m\x8evg\x9a\x880L\x05\x8e\x05\xc0\xfa6\xa7@\x80\xd4KO\x99\x05\x99\x7f\x07\xe0\x94\x9ca`f\xaa\xe9\x13\x03\xceV8\xfc\xaa\xd8\x9fa\x1f\xacG\x8ci\x7f\x17c\xe3\xb0\xf0\x80\xaeH\xb9\xfe\xb4\x08\x08\xce\x18\xe6\n(\xf7\xe6\xea\x01\xbf\xe7Bg}\xba\xb7\x98\xcb\xfes\nR\x98?\xbc`\x1d\n\xf0\xa8\xf6\n1\xf4\x99y\x010\xaf\xe6\x17\x85\xfd\xd5\x84s\xec\xafS\x87\x86\x91\x01@|Zs5\x94\x87\xd4\xff\xacu[\x0c\xe3\x004p\xefv.\xd3\xa5\xe3|\xa3\xa4\xa1\x7fO\xa0:1\x13\xc2q\x93\n\x1b\x8aa\x18\x9a|#\xae\xb8\xcb=\xa7\xce\xb4\xe6\xc7\xf3bI_\x00\xc4\x0f/S\n[\r\x9c\x06\xcbNDV\x84a\x18\x85\xbc\xef*VJ\xc6o6R\x88a\x18\xa6\x15\xbc7\xc4\xe0\xd0v%\xd9r\x87\x1e\xf0\x16\x00\xcfJ8\xe6G\xeb\x9a`\x18\x86\x00j\xc9\xe0\x8d4f |\x83PS\xbe\x91\xcd\xcbT1g\xf0d\xc4|\x87\xed\xf3FW\xab\x8c\xd9?%Oq\xcda\x18\xca\xec%\x8f\\\xed\xf00l\xa6\xf8~s\xd8\x07\x97\x8e\xa6\xeej[^o0L\x0e\xb0\xfd;\xec\x1bf3g\x93\x90\xf5&lt;L\xdf\xfbg0\xd1\x1fC\x98O\x7f\\n\x1c\xad\x00\xc3\xcc\xc4\xfe\x1c\xbe\x8c=\x92?\x16\x00\x18\xa9\xe1VY\xa5\x04!$\x00H)N\xf0\x9d1)\xf4\xb2|Wc\xca\x0b.\xe6\xfa\x01\x17I\x8d\x0b\x01BH\x010t\x98Hnz\xa9\xd6RJy\xf6,\xe7\x19\xbf\x01\x7f\r(s\t\xd02\x9f\xf6\xbc\x7fg\xf0\xfaD\xcaM\x01)\x86}\xc5["\x98C\xc2$\xd1\x91\x8f\x94R~\xdd\xf2\x92\x07Q\\\xa0\xeb\x97\x80\xb2\xef\xba \xf7\xba7\xaa\xfd\xbc\xa6\xd5r\x1da\xe6\xdfB6\xcc\xd2\xca?\xd3\xda\x87\xf1S}\xc1\xe8\xce\x1c\x16} xo\xdf8H_\xe8$\xa0X\xb3\xe7\xcc\xce\t\xc5\x1bg{\x83\xdc\xf7;w\xb4\xe7\xe5}w%rn\xe8\xd7\xcfs\x0e\x19K\xe4\x18w\xd0L\x19K\x8d\x95\x9f\xc9,g\xdd\xb0Bf\xf7(\xb9\x1b?\x00\xce\xbb\xebX\xc6\xea+r\x9e\x1a\x04\xd9\xdbo\xf6\xeb\xce\xe7S\x83H\xd7\xf0QF\xb6\x13\xf6n\x18\xeb\xedr\xbd\xdab\xc7\xd1\x04\xd55\x00P\x9e\xa4\x0eM\x96qD\x9d\xd9\xce\\\x01\x1aN\x12\xf4\xe2\xdf%\xdd\xb6\xce\x14\x9c\xca\xcf\x00\x14@\xa5\x86\xaeQ&lt;\xf6nor\xb014\xc8\x9aCJ\x127\x96;\xd5\xd8\x8a\xb8\xa8\xc9t\xb2K\xafb\xc6{\xeb\xa4t\xdc\xc69O4\x9e\x0e\xd4=\x88\xaa\xb3\x1d\x9a\xc8\xf5\xa6&amp;\x18\xfc`\x03\x0e\xf5COd\x12\x08\x00K\x1b\xbd\x1e\x07+l\x86\x9f\x01HB\xbe\xc9\xf1\x9a\xce\xe5\x9d\xe9\xd3\x90\xb9:D"\xb8\x95\x1a\x00\x94\xeaE-GG\x88\xb8\xed4\x9c\xc1\x9e\xe7\x89\xf33p&lt;\x84\xd5@p\x0b\xb9S\xf1\xedI\xcb\x07\x894C\x0b\xdd\xb6\xf7\x8fkKL[\xd6;\xc6\xee?\xd7\r^\x0c\xc3\x94R\x9e\xe6\xe6}\xb2\x00\xef\xd7\xbbh 7\xa7\xdd\xf5\xcbOM0L\x12\x9c&amp;Di8\x8b;\x9e.\xc0y\xdeF\x7f\\\x01\x8cO*\x85\xf3\xd2!\x1d8\xfe\xcb\x8b\xe0\xab2\xf8\xeb5\xf1\xa1r?\xdb\xe90\x8b\xf3\xe4as\xb2\xee\xb4\xa6\xc9\x9d\x12\xa7+&gt;\x0csV\x00`\xfd\n&lt;\x04AB\xa8\x0f`,E\x00\xe5I3\xbe\x05(\x1d\xb9\xfe\x8fK0\t\xee1\xe4[\x08N7\x00\x9f\xac;t8\xd7\xb5r\xfe\xae\x81\x1cZ\x94%\xbe\xf2&lt;\x0b\xad\xbf!\xc7%\x9cc\x83\x14\x98\xce_\x06\x12[\xa0lv\x9b\x17\xc3\x10\xe7\x86\xc7\xcc\xfc5d\xcc\xbc\x94\x85\xdc\xfc\x81\nB\x9b\xd9\xcc\xde\x9d1\xd4\x98\x8e\xcb\xdd$(w\xca\xb5l\xa0\x91\xf0j\xc8*\xd6\x8fFu\xb2\x85\xdfy\x01\xc1\x10\xc7\xbeGe\x99\x8b\x08q\xc2\xfdx\x86&gt;\xd7\xbdi\x8a\xee\xb7!_\x8e\xeb\x06!y\xd4)\xda\x94&gt;*\xbe\xd3\x0c\xe5\xcb\xd3\x16IB\x84\x85\x10\xff\xb2\xefu\x8aB\xee[\xe0\xac\xaf\x1b\xe3\xaf\x01e4:~wa\xe2\xb7_k\x07\xa8+`\xaa\xc9\xcf\x8c\xa5\xf5\xdc\xe8\xb2Q\xc7{{M(\x9ao%\x1e\x0f\xfc\xc4\xda &amp;\xb6y\xe1\xc0\xfa\xf8\xe37B\xea\xdaO*\xe0\xb4\x83z\xff\x11\x00b\x906\x1aC\x02zQ\xab\xa0}\x15\t\xc3d\xf0\xad\xa3\x15p\xd0\xe2R~\xab;\x04\xd4/\x02b\xd08\xc5-U\x1c\x12\x97\x87\x8b\x83\xe0_\xdaf\x98\x86\x00l\xdf\xb1E*\xc7H)\xc3\xb8\x99}dJ\xbf\xa9\x14y\x18VD\xf1\xda;\x13u\xc9\xe45\xda\xec\x91)N\xd1\x05&amp;F|~Ooh\x0eP\xa3\xa7;\xa31\x0bo/K\xf2\xb7\x00\xa10K\xd0O\x8e\x94\xdb\x0f\x9cd]\xcaj\x9dK|]\x8d\x89\x82\x13\x81)\xbf,\x86\xf9\xed\x10\xebW\xd9\x19\r\xe0\xc8\xbe\x00\xaa\x1f|V\x03\xda73$\xc1wc\x9e\x1eu\x1f\xc0wL\xfe\xd0&lt;\x86m\xa2^\\\x93\x97o\xe1\xd4D.\x7fc\x95\xdd\x9a\x1f\xf7\xcd\x82\x17\x00X\xf0\x1a\x80\x10\xfaZ|\x8e\xaa\xc44e\xe0\x1ce\xdb7\xaf\xda\x1f:\xf4O\xed\x08FEr\x8f\xe8\x9cM\xe9\xc8\xf0z\x8c\xb7\xce\x99\t\xf8\xb9S\x85\xe9\x92\x8e5\xa9gg\xf4\xfe\xf5\x08\xe5B\x15\xf1]j\xec\x9f\xf3\x85;\x1c\xf8\xca8\x15@c\xb46g\x03\x00\xc4\x9b\xb2U3\xc1\x8b\xc9\xcc\xd3\xa1\xf4\xdaW\xe0\x14\xf6\xbe\x02F\xd9\x9f\xea\xae\t\xe6\xaah\x15\xec\xd3Gk\x83\x00\xcf\x10\xd8\x02\xc5\xf8\xee\xfdbk\x8e\xe5\x97\xf5\xb9\x16\xbb\x03\x1d6i6\xc7\xee\x00\xc2\x1eA\xce\xe9\tw\x9f\x07\xce\xcd&gt;\xe5\x82\xd4XX\x17\x84\xa3\x0fi\xb8&amp;\xef\xbc\xcdh\x05\xb2\xd9\xe3\xbc\xda\x83\x08\x01P\xa7\x03l2\xe8D#\xee\xd41]\x14OYsX\x12\xe0\xbd&lt;\x15\xff\x8b\xa9\x04\xd3u\x01\x8b\xd1\x1a1\xcc08\x0b:\xd0\xc0\xc8\xa7\xf4\x17\xd7\xe4\x899|w\x16\x0fn\xa1\xf8\xa9\xa3\x15Ad\xf5\xcb9\x1cD\x1c61Ex\x01\xc00L_\x00\x00\xbe\x01\xa5\xd4\x9c\xb7pu\xad\xc9\xdf\x7f6\xeb\rGw\xdf9\xcc{\x9a\x8e\xec\xbc\xef\xf2\x9f\xf3U\x0f\x86I\x85\x17\x00L\x1b\xde\x9e#\x8ai\xca\xa9\x0b\xd7\xdd\xbau\xed\x8c\xd6\x1b\x8a9\xa4\xb2y\t\xf2\xce\xa3\x15`Hr\xc1j\xb8_\xac\x1c\xadH\x00\xca\xba]\x95\xd8\xd86&gt;\x95\x86+\xc0\xb4\xe4\x1c\x0b\x00\xd7\x1c\xf1\xb8\xeb\xbaC\xfb\xed\x9b\xb8\x16|]}\x81\xf2\xe2g\xf3\xcb\xbd\x95\xbf\xae\xeb)f\'9\x0e\x96/\xc5\xe5\xa0a\x98\x1dN\x87\x03\xb6C\x0c\xb4P\x99\xdb\xd4\xeeA\xa4\xcb\x8c\xe4B\xe3W\xc7\xc9\xe8$\x0b\x80\x06Z)\x9d\xb5,0\xc4\x14\xde\xe6\xf6M\xcfoW\x95$\xea)\xa6#\xa9\x97\xed\xd6X\x99&amp;b~\x9a\x83\x9ba\xba@x\xd4\xa7\x01\xf5\xb9QW\xd4\x19\x92\xf5f\xab\x16;\xb4B\x84\xfe*\x1e\xc6L\x00\x00 \x00IDAT\x13\xf1\x19\x16\x00M\xe6\xbbGg\x9d\x16\xa0uA\xe0\xe8\xfe\xf7\x11\xf5\x113\x04e\xcd:Z\x15\xe6\x9ap\xe0M\x0f\x8f(&gt;\xfe\xc1\x98\x19\\\xdeP\x8b\x1d\xfe\xd0\x18q\xda\x99\xe5j\xa3\xdb\x88H\xeb\xb0\x00P\x84\x17\xc8\x0f\x9fXj\xab7?:[\xa7\x1e\xc3\x8c\x041o\xc1z\xc1\xcc\r\xd5M\x1d\xc6\xe0\xd7\x88\xed91\xce\xcd\xd1\xcb;\xa8\x7f=\xb9X\xf9\x1aR\xb1[/q\x1b/0N\x15!\x00 &gt;\xfcT=:\'\xa4\xe6U\xa4\x94a\xe8\x00\x00\x8f\xe1\xd8\x98\x03\x9e_\x92\xc2\x9e\xff\x13vP\xcb\xed[_\x93\x9b5\x1e\xde\xb1\xd1\xd3\xd3\xdf\x8f=\xdau-\x00\xa8\xa6\xd2hx\xcfn\x06\x16\'\xfd\x10\xfb\x89a\xda\xc2\x05\x91\x19\xc3\x88\x05@i\xa8\xf7^\x9c|\x18\xe5\xe5\x10%r\xcbW\xffuf\xe3\xedy\xad\x89%P\xdb]j K\xbay\x01@\xdc\xffZ\xc6\x99\x0f\x9e\x940]\x00!&gt;k\xb4\x0e\xf5\x14fJ\x87\x91i*x\xca5\x02-\x08o\x86(\x12E\x14C\x1c\xd2\x17\x8ez\xd5X\xbd\x89+\x96\xf4\x9c.cZ\xe6FDY\xcc\x8e\x94r\xb4\nM\x01!\xce\xdd\xc1Y8\x87\x17\xcazq\xad\x11"\x81s\x04\xc3\xac4\xa8\xf9\xaf&amp;\xc4+\xb1e2\xb48\xfbT!\t)%\x00,\xa6\xb8\xd8\xcc\x7fE\n!R#\x81\x03\x86!\xc1%3\x95!\xc3\x057\x8ab\xb05\x98\xb9@\x8d\xd8\xed\x07m0e^\x1d\x10\x02\xc4\xb7$\xde\x93\x83`\xf9\x96\x17\x1cz\x05\x06\xed\xab:\xcc)9g\xc0\x11\xbfB\xcat\xa3\xdbm\xd6g\x84\xed\xc6\xd0\x84\xc8&lt;\x8f\xb3\xc3\xa0\xf8Q\x93\xfa\x96[\xdct\xd4\xef)\x9d\xc6\xb70!\x8b\xbd\x01W\x1c3\x865\xdeNX\xc5\xa4\x94|\xcd\x8b\xd9\xe1\xdd\xbd"8\x89\x18\x9a\xb4\x08K\x9f\xcc\xf7\xe9\xab\xc6\xd4\x94\x19\x04\xc3\x8c\xe8\xaePg\xe3\xbd\x86\x8ffwvq\xa02\xcc\xf5\xe8~]\x9b\xdcD\x9bo\xf8a\x18\xa6\x98\xdf\xbcD\xf5\xa0\xd1\xc7rS#o\xff\x83\x0e\x8a\xcc\x12&gt;y}\xbe9p\x88\xa6\xe7\xaf\xd3\xf0#\x83\xca\xe0{\x18\xce6\x85:Yw"\xfc\xef\xae\xadQ3\xec\xf0\nn\xb1\xe52-\xad\x18&amp;\x1bb\x99\xc5\x10\x00\x94\xa8\xb8S\xa7&amp;\xd1\'\xeb\x9fl\x08\x1c\x13\xe4{\xeba\x1d\xa8\xacU\x98V\x8c\xf6\xeb\xc9\x02\x8bj\xaaP\xd3\'\x8a\xad\xf0\x83Q\xc5\xa3=\x19F\xc0\xb6\x9b\x02?\x0f\\\xaf\x99sp\xf9\x18\x06\x01p\x17\x7f\xf7\xcb\x8c\xf3\xc0iM\xfa\xf0\x11\x95\xcd\xac\xa7x\xa3\xc6\xf0\xb1#\xb1u\x00\xf8\x11\x1eP\x98\x96P\x98B\xa1\xc1\xd3\xafz\xf2\xad\x97\x1bB\x08!G\xc9\xd1{w\x14\x95H(F\x83\xdf`S\xcc\x07\x99\xe4\xa2\xc8\x05\x8d3dk\xc3l\xb4\xbe]B\xa3F\x16\xa7\x9a\xa41\xccI\x98\xad\x8e$\xd1~\x01\x80\x00\xcd:NP%\x86a0!Yy\xba\xd0g\xf6\xbc\xcb7\xe6\xff \xc4\xe3\x10D\xa7\xea\x7fA\xff2L!\x9cT\'\xa2\xa4\xbe\xbfy\xba\xf4|\xe1.)D\x87aB[5Pr\x8d\xdba\xd2\xd0\xde\x1b9\xfb3L\x16\x1c\xc0y\x14U\x15\xbf,W\xb5\xd9\xdfT\x8a&lt;\xce\x15\x80\xd4!\x83\xe2\xc8\xc20T\xd9\xb34z \xcf\x18\xae\xcd\x83\x11G\\\x00\x10\x9f\xc2\xe1\xe4\x05k\x0c\x0b\xa6\xf6\xb1W\x87\xd2\x16\xc3\xf4\x84\xe3v \xce\x1b{|st\xcc\x85G\x82j\xbd\x1ab\x98\xf9\xb9W\xea\x02\x80\xb7\x0c\x9d\x9c\xc6&amp;\x85\x1d\xe9[\xdc\x99\\\xc2\xae\xe1o=b\xe6\x85\xe3v\x1c\xca\x06\xbf\xf1\xa6\xf3\xd8nj\xf5j\x88a\xce\x03\xa7M1\xaf\x18\xad\x00\n\xc9\x8b\xc0L\xb1\x1cZ\x0c\xc30\xe7\xe3\xb8\xc9\xe7\xdb\xc1x\xcb&gt;\xb6\xb2%\xde|d\x98Y\xe1-\xc6NT\xd9\xf9\x1f\xb3\x1b\x8b4\xb7\r\x06\\\xbe\x99\xf9\xe0\x88e\x98\x08\xf6\xd3\\\xbe\x05@\xdd\x1c\x80\x93\xd1\t\xef\xaf1\xcc(\xf8a\xa3TH\xd7\xa9\x02\'\xf2]O\x0csm\x80\xd2CqCG\xa2\x0f\xea\xb0\x00(%\xfd\xf6\xe6\tAy\xb4\x9a\xe9\n(d\x9f\xfc\x08vv\r\xe8\x85\x80pe!S\x17\xaa\x02\xbe\x0b\x85\x0b\x80\xd2\xee$\x0cHD\r\xc50\x8c\x10\xa2\xd7Wj\xa62\\\x93n\x93\xec\x9cn\x02\x1d75S\x80\xf0\x0c\x84\xf1\x03\xec\xb9\xael?\xed\xb4\xd6\x82\xd7?\xbf\xe5\x87\x97\xbc\x9dS.\x00\xea\xd6W\x8f\xac8\x97a\x98\x86\xe8\xf5\xea\xc7G\xab\x93\xce\xd0\xea\xda\xa6\xb6\x03\x80\xf8\xb1\xe8\xb5\x05\xf7\xa9\xe2\x06\x10\xbf\xa4\xbar\xf8\x02\x89a\x981h\x0b\x00\xceF\xe6\x80\xc0\xf00\x94+\xf7\x9dqs\xd9\n\t\x16\xa35\x9a\x05\xcc\xaf\x87\x06c\xc3n\xe5G\xf3=B\xc7\x95\xe0\xfa\xb3\x89J\xb2\x85P\x86*\xc0\x1eOD-\x01R\xb2\xd1\x98\x05\x00\xb8x&lt;p\rat\x00\xc4%3\xc2\x9e&amp;^\xbb2\x0c\xc0\xe7\x82\xe5})EV\xb1\xc2\x18\xf4\x17\t\xd3\x84\xc1\r\xa3\x15`z2M\\2\x0c*X\x9b:\x92\xe0\x18\x0fm\x9e\xee\xf2\x88\x8dw\x7f\xd9B\xfb2\x80\xf7w]-\x19\xbd\xbb\xc6`C/#\xfa w\x84\x90\xf2\xb2f\x18I\xcc\xe6\x85.).\xf2[\xc9\x84\xcb_+f\x98\x1c\xa8M\x0b\x88\xdc\x0e\xc8\xa0\xe0\xba\xaa\x0b\xe2\xc6&lt;\xcf&gt;\x02@\xdc\x8a\xc2\x05b\x93\xdf\xca\xd6\x07\x84\x10B\x1e\xcf\xbd\xb9\x0f\x02\x10/-\xeb\xe9;\xae\xdfyb\t\'h=\x86A\x82\x03\xbb\x8c*\xbb\xe9\xf7\xedT\xbb\xa0\xba:\xb5\xbc+\x8c\x03\x8c9-\xd9\xb7\xeb\xb5\xce\x07\x9e\xacL\xc1s{\xf9\x88\xcc\x1d\xa2u\x80\x03\x1eZ\x18\x86\xe9Ou9\xa5s\xe3\xfe\x81o\r\xf0\xde\x95?n\x80\xd2A\x80{\x931\x14\xc3\x14\xd3&gt;\x88\xf9{s\xa9\x10\xf0B\xe3\xbaO\xebi0,\xa9 \x9e\xa7\rQ\xf7\x9f4\xcey\xe92\x03\xc0\x85\x94\xf1P9qG\xda\xc8\xb8k\xb1\x02!\xac5\x00\x81%\n\xad\x95\x12s)\xa6\n&gt;\x9e[\x10"\xe4\x88\xa6\x1b\xd8cw\xc7\xad|\xc1\xd4\x04\xdc\xdf\x9e\xd1\x88f_\xfc\xc74\x84\xcd\xcb$\xf2\xf1\xa5\xcb&lt;\xb4\xfb\x7f\xb0\xeaX\x0bi\xfbk\xdfA\xf5\r\xa5+\xd4\xaf-\x86\xd1A\xdc\nj\x18\xc7\xd4.)^\x9e\xb0#N\xbbT3\xb6\xb5\x00\xe0\xbf[1\xa9\xc4\xea;\x177\xd1.\xd4\x15\xf9\xf7i\xd4\x04\xd3\x8cs\xa6\x15*\xf5&amp;z:\x82\x16\x03\xd0;&gt;h\xc4l\xb0\x00\xc0_Q\xa4\xb4\x99\x18H\xc6\x88\xc00\x97\xe5\xaf\xda\x89\xe6\x05\x00.u\xc6\\\xcf\x05\x00!&gt;\x03Q+\xaah3~\xd5nN3\x9ac\x15\xb9\xdb-8\x95f\xe54^k\x19\x81\xd4\xd2\xad\x17{\xaf\xd7\x17\x83&amp;\xa6\xf8\x0b\x80\xa6O\xf1\x86\x9a\x8d\x1f1@+f&amp;8,\xeay6\xa7\x19:5\xc6\\\xcf\x8d\xec||l\xb1n\xf8\xb8z\x9ac\x81\xa7\x81gLu\t1\xc6\xaa\xed\xc5\xe38t\x99*\xceT\x00\x1b\xcfM\xd7\xbc\xbb\xd8J@\xadQ\x04x\x98\xa2I\x9dJd\'\x00j\x9d\x1f\xad\x0bC\x00\x1a1\xba)p\xc7}\x9bV\x7f\x7f*\xc8\xe4\x18(\xff6me\xbc\x9b\xc2\x06O\xab\xc5\xe3{\xb1\x83\x97\x92\x8e\x05\x80\xddS\xc3z\xcb\x9f\x8f\x1eT\x16\xdaV$I\xc8\xcb\xe7\x86L\x19\x8c\x00\x00\x0f\x1f?\x02\xb6\xbcbL\xa0w\x1e\xc8*\x86\xe2\x0e\xdc\xde\xc5S)e\x80\xdb\xf7\xc2Puc\xe6\xe2N\xe6\xbdw\x83\xf4\xd0\xe8\xbf\x14i585\xeeH\x9a\xf0-\xcfi87\x99\x12m\x13\xa6\x1a\t\xd5|2C\x95\x92\x16&lt;\x8d\xd7u\x8b/~\xb1\x99\xfcP\xc3\xfd\x1b\xbd&amp;\xa03Z\x1d/\xabz\xfff\xb8\x86m\x0c\xf5\xa1\xa4\x8dO\x98\xdd\x1d\x0f\x1a\xad\x89\x10i\xb3\xa3\xf0\x01\xf4\x97\xe2\xccE\xd9\x03\xb7c\xa9z,\xde\xeeT\xd7\n\x9b&gt;\xa0N\xb1\xfdf\x01\xcd\xee\x88\x8d\x99\xa2\xc2V$\xa78\x19\xfa8\xf7\x84\xda\xf6(n\xb16\xad\x93s\x13:\xaf3Z\x01\x05\xe5K\xa2&lt;\x9f\x17%\x0e\xaa\x13\xe9$o3MH\xf4n\x1c5\x03\xca\x99Lw\xa6\xbe0\xd4\xc9\x8a\xb6\xde\xa1Y\xb1/\xe5\xbb}\xa2\x179\x9aO\xb8\x00\x18H\x8d\xad\xe66\xb23\xa2\x1a\x07O(\x86[\xe6TSOq\xbaep\x14a\x1a\xf3\xef\xd3r\xedQ\x80\x03\xac57\x8cV\x80i@m\xd5\x90\xcd\x0eFC\x964k\x9e#\xa5\x90\xf271\xd4Il?Ci)\xe5(\xdbNH\x8d\xad\x08\x18\x19\xfb\xc9\x19)\x9f\xde\xb2_R\x16\xa5\x1f\n\xed\x16\x18\x7f\xc73\x8dDT\xfb\x13\xc8\x9e3#\xc5\x95M,\xa5\x0c\r\x9a\xaf\xa0r\xfd\x07\x8fn\x0b\x9eK/,\xc9\x82\xe5\x953\xb9\xd6H\t\x00\x00\xf1\xb6\xf3v\xb0SzOT\x19\'R\xb5\x19\xdaorMn\x90vw\xafA\xab\x9b\xad\x99\x1cR\x03\x95=\x15\x87\xe7a\x0b\xefS\x10*\xef[w\xa3,\xc9\xcb\x0bO\xec\xd3\x0cWQ\x92P\x8c\xc8\xc1\x18#\r\xa5\x1bcro\x94"\xa269\xb8\x12-(\xa1N\xca \xaa2\x0fJ\xd1\xad\xa9C\xe9\xd9\xe7rd,S9\xb5\x99TJ\xee\xe9\xd5\xabA\xe6\xa4\xf6\xc2\xc1\xc9\x0b\x00f\x0e\x8cY\x11\x9d\xa8\xed\x99B\x00\xc0\xdbiW\xe0,u9\xf2\x8d\x165}\xe4\x05\x00\x16\xc5\x96$\x14\xa5\xefC9\x18\x10\x14\xa3\xf1\xa0\x85\xb3u\nf7\xb7K\xa8\x84eK\x08e\x1fs\x01\x90\xefN\xcen\xdeq\x05\x80"\xad\xd2\x12L\xf0\x9bp\xb5:\xe8\\\x86a\x98,\xda\x17\x9c\xc2\x95\x12\xda\x02\x80\xc0\x1a\x80$%\xd7K\x8b\xcd\xf8\xda.\x17\x0c\xfb\x06\x14\xac\x99\x00?\x04\xcc\x84X\xb6\x9e\x85\x10\xe3\x1e\xf6\x95\x81?\x93\xe8Z:\x1f\xd5T\xfa\xc0\x87/\x93\xa1\xaf!\xc30\xa7\xa1}\xc1)\xf9&gt;\x06@\x99\x1c\xca\xedy\xfb9\xa6\xff\x9d\x7f\x0b\xa8k\x9b\xff\xe8\n\x01j\x83\xdd\x1ca\xc2\xcc\xc5\t\xa3\xaa\xc5nz\xd3}\x1a\x92\x97&gt;\xbed{Q\xbcC\x96t\x16o\x80\xa1\xe3\xdb9\x8b\x85\xd9I\xbcpt\xf3\x84qu\xbe\x1e\xcd\xc75\xef\xd3\xe8\xd9\xe5\xdf\xea}U&lt;\x97fZy{\xcd\xa3\xe4xN\xe5\x80\x13O\xbc\xd4\xe7\n\x8c\xb7\xcb\x85\xfe/\xb2\xc5\xa8\r\xb0&gt;\x95\x11\xab\xc2\xfeO3\xca\xf7\x95\x0c\xdb\x18\xdfudOR\x9c\x8f\x07\xed\xdd\xbcV\xc2\x8e\xe3\x1aq\xa5r\xb5\xfe.\xf4\xea\xf2V\xbe~\xd0\x8c\xab?\xe9\xa4@\x84\xd6\xde_\n\xf5\x87)\xcd1\xe3\x81\xa7\x9ck8!\xbc\xbcn\x822+*\xec\xb5\xc7\\g\xb5!\xa8\x93I\xf7\x11\x946i\x00@\xfc=\tM\x06\x02:\xf6\x9bc\xd5\xeb\xcc\xd5\xfa\xdb\x92\xc8\x93\xdfg\xddK\xf2s\xb5\xfe\xf6\xe3\x96\xa1\xfd\x8bA\xf4m\x9d\x0b\x17\xc3\xe0\x83\xb1\x00\xb8\xd0\xa4J\xef\xa3\xfb\x96\x12J\x16 \xa2\x06\x16\x88\xdd9\x99e\x18\x83\xd2\x9a\x86sQ\x88T\x11\xa8\xe7^\xd1#\xce\xd5\xdf9 \xb0\xc8d\x8f3\r\x18[M\x88\xcd\xe1\xda\x82\xd8\xd3FF\xabt\x07\xaeJ\xce\xedd\xe7\x87\x88\x8d\x8e\xe7\r\x88\\\xdf\xf7\xea0\x97\xcd\xe7\xd2vNJ\xcc\x8b\x98\xbf-]\xdc=r\x12\xfa\xb2\xf5\xf7\xfe}4\x9a\x8cV\xc1\x80.\x93H\x9dg.\xcc\xf8)\xd4\xda\xfa\x0b\x87)\xd0\x91\x9b \x9a\xba\xd9m\xaf5\x1av\\\x00\\\xe2\x1a\xc8X\x9c\x9b^\xd3\xd9|:\x85/\x02\xe1\xfc=\xf4\x81\xd42\xdb\xf5\xf6\x8cz\xa3\xd1\xb39\x1a\xbaqv[\xb5\xeeo\xb6|\x92\x91_\xcci:\xc20L1\xdf\x82\\\x08\x94\xd1\xce{\x0bPT\x06\xaeJ\x03\xe92\x929[\xd4\xa6D\xd4\x86\xae\xb0&gt;\x87\xc2\x94t\xce\xe6\xf7r]O\xbd\xbf\xe1\xb5\xfd\x10\x95\x94\xd6a{\x99\x1e\xea\x9dtF\x98\xd1\x12\xcb\xdfvt\\d\xe6\xb72{E\x12B5\xf0\xdd\xa7\xef\x0bC\x9a\xf9\x87p\xa6\x88`aM\xa9\xb9\x7f\xb4\\-\xc9\x1e\x03:m\x1d\xe5\xd0=\xfeW\x0bX\xcb\x</t>
        </is>
      </c>
      <c r="E290" t="inlineStr">
        <is>
          <t>&lt;class 'numpy.ndarray'&gt;</t>
        </is>
      </c>
    </row>
    <row r="291">
      <c r="A291" s="1" t="n">
        <v>289</v>
      </c>
      <c r="B291" t="inlineStr">
        <is>
          <t>steps_per_sec</t>
        </is>
      </c>
      <c r="C291" t="n">
        <v>3300</v>
      </c>
      <c r="D291" t="inlineStr">
        <is>
          <t>2.5947962</t>
        </is>
      </c>
      <c r="E291" t="inlineStr">
        <is>
          <t>&lt;class 'numpy.ndarray'&gt;</t>
        </is>
      </c>
    </row>
    <row r="292">
      <c r="A292" s="1" t="n">
        <v>290</v>
      </c>
      <c r="B292" t="inlineStr">
        <is>
          <t>Loss/RPNLoss/localization_loss</t>
        </is>
      </c>
      <c r="C292" t="n">
        <v>3300</v>
      </c>
      <c r="D292" t="inlineStr">
        <is>
          <t>0.33174384</t>
        </is>
      </c>
      <c r="E292" t="inlineStr">
        <is>
          <t>&lt;class 'numpy.ndarray'&gt;</t>
        </is>
      </c>
    </row>
    <row r="293">
      <c r="A293" s="1" t="n">
        <v>291</v>
      </c>
      <c r="B293" t="inlineStr">
        <is>
          <t>Loss/RPNLoss/objectness_loss</t>
        </is>
      </c>
      <c r="C293" t="n">
        <v>3300</v>
      </c>
      <c r="D293" t="inlineStr">
        <is>
          <t>0.033898275</t>
        </is>
      </c>
      <c r="E293" t="inlineStr">
        <is>
          <t>&lt;class 'numpy.ndarray'&gt;</t>
        </is>
      </c>
    </row>
    <row r="294">
      <c r="A294" s="1" t="n">
        <v>292</v>
      </c>
      <c r="B294" t="inlineStr">
        <is>
          <t>Loss/BoxClassifierLoss/localization_loss</t>
        </is>
      </c>
      <c r="C294" t="n">
        <v>3300</v>
      </c>
      <c r="D294" t="inlineStr">
        <is>
          <t>0.2188353</t>
        </is>
      </c>
      <c r="E294" t="inlineStr">
        <is>
          <t>&lt;class 'numpy.ndarray'&gt;</t>
        </is>
      </c>
    </row>
    <row r="295">
      <c r="A295" s="1" t="n">
        <v>293</v>
      </c>
      <c r="B295" t="inlineStr">
        <is>
          <t>Loss/BoxClassifierLoss/classification_loss</t>
        </is>
      </c>
      <c r="C295" t="n">
        <v>3300</v>
      </c>
      <c r="D295" t="inlineStr">
        <is>
          <t>0.20132643</t>
        </is>
      </c>
      <c r="E295" t="inlineStr">
        <is>
          <t>&lt;class 'numpy.ndarray'&gt;</t>
        </is>
      </c>
    </row>
    <row r="296">
      <c r="A296" s="1" t="n">
        <v>294</v>
      </c>
      <c r="B296" t="inlineStr">
        <is>
          <t>Loss/regularization_loss</t>
        </is>
      </c>
      <c r="C296" t="n">
        <v>3300</v>
      </c>
      <c r="D296" t="inlineStr">
        <is>
          <t>0.0</t>
        </is>
      </c>
      <c r="E296" t="inlineStr">
        <is>
          <t>&lt;class 'numpy.ndarray'&gt;</t>
        </is>
      </c>
    </row>
    <row r="297">
      <c r="A297" s="1" t="n">
        <v>295</v>
      </c>
      <c r="B297" t="inlineStr">
        <is>
          <t>Loss/total_loss</t>
        </is>
      </c>
      <c r="C297" t="n">
        <v>3300</v>
      </c>
      <c r="D297" t="inlineStr">
        <is>
          <t>0.7858038</t>
        </is>
      </c>
      <c r="E297" t="inlineStr">
        <is>
          <t>&lt;class 'numpy.ndarray'&gt;</t>
        </is>
      </c>
    </row>
    <row r="298">
      <c r="A298" s="1" t="n">
        <v>296</v>
      </c>
      <c r="B298" t="inlineStr">
        <is>
          <t>learning_rate</t>
        </is>
      </c>
      <c r="C298" t="n">
        <v>3300</v>
      </c>
      <c r="D298" t="inlineStr">
        <is>
          <t>0.03998263</t>
        </is>
      </c>
      <c r="E298" t="inlineStr">
        <is>
          <t>&lt;class 'numpy.ndarray'&gt;</t>
        </is>
      </c>
    </row>
    <row r="299">
      <c r="A299" s="1" t="n">
        <v>297</v>
      </c>
      <c r="B299" t="inlineStr">
        <is>
          <t>train_input_images</t>
        </is>
      </c>
      <c r="C299" t="n">
        <v>3300</v>
      </c>
      <c r="D299" t="inlineStr">
        <is>
          <t>[b'1024' b'1024'
 b'\x89PNG\r\n\x1a\n\x00\x00\x00\rIHDR\x00\x00\x04\x00\x00\x00\x04\x00\x08\x02\x00\x00\x00\xf0\x7f\xbc\xd4\x00\x00 \x00IDATx\x9c\xed\xfd{\xcc=\xcf\xe3\x18t\xed~\xfb\x85\xe2\x05-\xbd\x88\x08\tJ-i)\x95z\x83\x80 \x95K \xb11\x06\xb9\xa4-H\x11+E[\x824"M\x0c\x05\x8a\x82\xd6? \rF\x84FLk\x11\xf9\x01\x89\xc66\x10\x84\xa8\xdcR\r\xa8\x01\xaa\xa5\x14\x85\xda\x12\xdb\xd2\xaam\x05\xda:\xfeq\x9es\x9e=\xe7\xecevvfvf\xcf\xeb\x95\xdf\xef\xf3}\xde\xcf\xb3gfvfvn;\xbbg\x18\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a&lt;;\x01@\xafB\x08\xb7\x1f\xc6qwKr\xe4\xb3\x15\x84\x10\xc6q\xbc\xfdw\xd7\xa7\x86\x02g\xb4\x90Wa\x18\xe6S8M\xc6R\x92\x96N-\xa6\\\xbe\xc2\x1c\x86a!\xea\xd9\xa4\xae\x1c\xb6\x9e\xcf\x85r5\x9f\xc7\xd9\x0c\xc3\xcetN?\xb9\xfe\xc1,\x99\xf0\x94\xd0\x89q\x1c\x0c\x06\xa0a!\x84\xfcm\xe0\x0f\xf2\x06\x07|\x8e\xf1\xeeH \xe1.W\xaa\xb2\xb8\x9dT\xf2`.\xe6\x98\xfbY\xff\x8a\xc8\xc4\xbc\xffz=\xdeG\xae\xce~|\xe9\xd4\x1e\xe5\xb9}:;2g|\t\xed\x11\xfb\x91\xa2\x7f\xfe`\x8d*\xf4;\xe7\xa3H\xbc\n6G\xff\x9b%\xbb\xd74\x99\xd3\x18\x1b\xbb\xf8h\x9c\xeaR\xdf\xd1~\x16\xa0\x15\xe1M\xc2\x07\x8b\xa6p\xaf[z\xde\x87\xf8\xd3\xa4\xbe\xa49\xcb\xd8w6\x90\x83\xf9\xb3\xfe\xf1\x95\xbf.\x15\xcd\xeco\xbe\x0f^M\xeaRts\xb3\xa9\x9d\xfe\xa5\x95O\x85\xbd\xe1\'\xd7\xe4\x95\x03f\x13\x90\xb1\xe6\xb7y)\x01\xcf\\\xa1\xc0\x85\xdcG\x1e\xfb\x9a\xb6f\'\x00\xef\xf6&amp;u\xcf\x19%\x9c{L2b\xd3\xf9\x14T\xa6Y\xcdR\x081\xd9\xb8\xfa\xd7\x8d\xd9\xc5\xea\x9f\xfe\xf3\xe1&gt;\xaf\xcb&gt;\x01\x88\x0c\x16\x88s\xd9KIC\x01t/\xc3\xaa\xed\xf0=\xd4\xca\x96\xac\xe88\xd3&gt;\x98\xfd\xc8\xd9\xcf\xae\x0cU3O\x99\xa2\xd7\xadw\xf8eO+\xdc\x9b\xa7\xf0r\xcc\xca\xd9\xad\xa7g+\xb5)\xb3\xd3\xbd\x9f\xd8\x15\x05\xf0iL\x00\x80kX\x1b\xe7\xed\x08e\xff\xdd\x83\xb80\xd7\xfe\x9e7\xba\x8c\xd6\'\x00+\xbf\xaf`:j\x7f\x8c\xe4g\x0f\xdbHa\xea(\x7f3a\x07%\x84\xf3\x9c\'@q\xfd^k&amp;\x00\x00\xdf\xb4\x89S\x93\xdc\xd8\xd8R\x7f\xaa\xc7:\xfe\xf68~\xe9&gt;\xc0\xe3\x8f\xebqD\xa6f\xfa\xaf\x98\x8f\xc4\x05\x05\x9fB\xcd\xafBg\x074/\xdc\x9f\xe9&lt;w\x80nz\xd0\x8b\xd9\x8d=K\xf3\x84\xf5q\xff{\x80\x9bQ\xb7|W\x07\xda\xa7\x99\xed\xd7\x0f\xcfN\x00p)G\xdeV\x16f^[\x19\xd2\xdeP&gt;\x8e\r\xaf\x83s\xf72z\x88\xa9&lt;a\xf9K\x03\xe6\xea\xcf\x15\xac\x9c2\x9c\xc8\xe8\xbfk\xbe\x07\x00("\xf9+\x02\x9e\xf7\x81$\xf71^\x9c\xbc\xa9\xf5\xce\xfb\xbd\x00\xc7q\x1c\xff\xd9\xa5\x83w\x17\xf78\x8e)\xd3\xcb\xf4AO\xe2]\xa9\xcc5\xd9\xa0\r\x00h\x9cE\xa6\x13\x95\xd8Iu\x0fs\xe3)\xd8\xb4\'k+l\xfd:\x12~\x0b\x95\xb9\xf7\xf4\x03\x00\x17a`\x91&amp;\xfb.\xf6]\xdb\xee\x93\xa3\xe8z\xf3\xfdf\x86\\\xb82{\xb4\x06.\xc33\x00@\x13*lt\xbe\xde^\xea\x84\xd3\xd9\xcc\x84\x97\x9d\xf4\x99s\xec\x9f|\x0c\x1f{-\x88\x97\x0c\xb9^\xa5Z1\xfe\xb9\xc3\xf0;\xceN\x04\\Y\xe2co\x00]J|\x93\xfa\xff\xb0\xf4\xf74\xb5\xbb\x9a[r\x11=*\x97\x92s\xa6\xd9,M\x97\xfb\xbb\x90\x01\x00\x98\x910\x9a\xff\x9560\x00\x00\xc0\xe9Z\xdbX\xbc\x9e\x9e\xa6\x92ZS\xb0\xce\xcd\x07Q\xbd\xb98\xaf\x01\x05&gt;\xce\xfa\x10\x7f}Kw\xc5\r\xdf\x8b\x9b|N\x992\xcd\x9c\xf8o4H\xe2\xaa\xec\xc3\xe6\xe2&lt;\x04\x0c\xf0\xaa\x8d\xc7:[H\xc3\xa26\xb2\xa8-!\x84q\x98\xfb\xfe\x82\xcf\xf6Q\xcfI\x03\x00\xb1\xea\xafg\xb7\xb0\x83\xa5\xb5\xbdO\x00|\x08\x93r\x80s\xdc_\xb89h\x8a\x01\xa8\xc93\x00@\x06\xf5\x17\xb3/\xb0v~\xdb\x17\xd1\xffy\x00\xd0\x19\x13\x00 \x03{|\xa1\x0b6\x9eq"u\xaf\x1d&amp;\x00@\xba\xe9`\xa2\xf2\x1c`=\xba\x7f\xb0V7\xa3?\xeb\x88\xc2\x82r\xcc-\x01\xe0t\xad\xf4\xc4\xc6\x04MQ\x1c\x00@:\xeb=\xc7\xc9C\x00\x00z\xd2\xd4\xe0\xf5\x94w\x896\x95\x03\x00\x00@g&gt;xR\x11\xda\x7f#\xd2\x07\x97\xce\xb7k\xe5\xc0\x95\xce\x05\x00\xa0+\xd7\x18[_\xe3,\x80\xcb\xf3\x16 \x80\xde]a\xc4y{\xabS\xef\xa3g\xef\xc3\x05\x00\xf8D\x96\x81\x93\xc97\x80\n\xdc\x01\x00\xa0!\xe6\x00\x00\x00\xf4\xc7(\x16\xb8\x12m\x1a\x00U\xe9x\x00\x00\xe0#\x18\xfa\x03@v\x9e\x01\x00\x00\x00\x00\x8a\xf1\x92\x1c\xe0T\xe1\x1a/\xcf\xed\x87\xdc\x06\xe0\xf0\xde\x1e\xf3\x07\x00\x00\xe8\xcf\xaf1\x8e\x87\x93\x98E\x03\x00\'\x08a\xc7\x8dx\x1b\x87`\xa7\xb5\xeb\xc5\xd5DY*\x18\x00\x0f\xe1.\xed\xb3\xd9\xd3\x03\x00\x9f\xc6[\x80\x80s$\x8c\xe6\xc7q,\x91\x12\xc8\xcbL\xb5\x13\x8a\xa949\xdc.\xbd)P\xdbcxd@\x0fpU\xb7\xa6^;\xdf\xa6\x1f\x9e\x9d\x00\xe0\xe3\x8c\xd6\x85\x00\xae\xce\xd0\xbfe\xb6\x00\x01\xd5\x8d\xe3\xe0\xfe#\\\x84\xe9&lt;\x00\x00\xb4\xea\x03\xdf\xa6\xf5i\xe7\xdb\x08\xd9\x0e@\xba\x97^D\xa7\x02\xcc\xd8j\x194\x1d+d\xce\x07\xb2\x05\x08\xa8go7s;~\xfa)\x9bJ\x81\x17\x9175\x0cs\x01\xe0\x04\x1f\xb8\xfd\x00(-z\xfc\xdfq\xe3\xd3u\xe2i\x90\xb7\x00\x01\x00\x1d\x8b\xbb1\xe8\xf6a%^\xf4\x0c\x00\x99\x9du\x17\xc5\x02$\x10\xc9\xcd^\x00\x12\xe89\xd6\xe8Y\x81\xa2\xb242Z\xaa\x96y\x08\x18h\xce\'\xf4\x1aG\xbaF7\xd6!\x99Qi\xcd\x1c\x90\xdb\x00\xf0M\xbf\x08\xe4e\xe3\r\x00\x00|\x10\xa3\x7f\x00\x80\xab2\xce\xfbp3\x15\xc0\xe8\x9f]&lt;\x03\x00\xd0\x1e}9\xcb\xd4\x8e\x0f\xb7X\x01\xd4\x0c\x00&gt;\x84u/\x80)\xadbE\xb2\x1a\xe0\x0c\x9e{\x03\x98\xa7m\x04 \xbbB#o\x03z\x80\xe3:mK[N\xb6%\'\x80\xcf\xd5E\x07\xd0E"\x01\x00\x80/\xb7\x11\xbcq&lt;4\xce\xaa0\xb3fk\x85\xaa\x02@\x14\x1d\x06\xb4\xcc\x04\x80Yj\x05\xc0\xc7\t!xA\x04\xd0\t\x8d\xd5g\xf1=\x00\x00\xa5X\xfd\x01:1\x9e\x9d\x00\x00h\x98\xbb\xba\x00\x000\x0cF\xc6P\x90\x1de@6?&lt;;\x01\x00\xc0&amp;;4\x80l&lt;\x03\x00\xe4\xe4&amp;\x00\xb4l\xe9\nu\xe5\xc2Gq\x07\x00\xc8f\x1c\xe3\x17)C\x08\xbb\x8e\xa7{\xb7!\xa6B\x078\x9d;\x00@6\xd1\x8b\x88_\x07\xe6Xt\xb4l\xd9\x19+\xcd\xe7Z\x9a\x80\x99\x98q\rZ\x98H&amp;\x00@\x1e\xf1\xcdn\xd6\xf6\xd9\xa8%Q\xfdn\xf26\xc44\xce\x04\xca1\x95\x8dd\x02\x00\xe4dQ\xbf\x17\xa7t\x93\xe38\x9a\xb3\x01\x9c\xce\x04\x00\xc8#~@\xf98r\xe6#!\x84\xe0\x1e.\x00\x14d%\x06h\xc8c\xe8\xef6.\x00\x14\xe2\x0e\x00\xd0\x10\xe3~\xe0\x99\xfb\x81\x00\x00\xa71\x14\x03\xb8\x02w\x00\x00\xbaVoP\xee\xd1\x8ck\xf3\xec\r\x00\x00|\x96\x82s\x00\xb3\x0b\x88c*\x0e\x00\x00\x97\xb1&gt;\xb8\x0f\x83\t\x00\x00P\x8fa\x07D\xb8\xc6\x00\xdd3\x00\x00\xd4v\x8d\x1e\xf4j\xbc\x83\x8bO\x17&gt;\xa7i2\x01\x00\xa06C\xcd4!|\xd0\x00\x05\xaa\xdbn\x98.s\x01\x9a\x00\x00P\x9f\x19\x00\xd0\x9fq\x1c{\xfc\xbe\x9a\xcb\xcc[\x80\xd6Y\xaa\x84\xec\\V@\x16\xee\x00\x00\x05\x19\xac@F\xe3\xe8\xdb\xb2\xd1\xae\x02\xd00\xab\x95\x00\xf4H\xe7\x05\xc0G\xa9\xd6\xed\xe9_\x01\x00\xe0c\x84\x10\xbcx\x1e\x00\xe0\xfa\xdcW\x95\x03\x00\x00@sLT\xe0\x1a&lt;\x8e\xc5;o\x01\x02`\x89A\x03\xecc\xa8}UJ\x16\x00 \x8dQ\xd4\t\x0c^\x01\x80\xfc\xae\xb4\xcd\xe02\'\x02\x00\x00\x00\x00\x00\x00D\xb9\xc2\x1dB\x0f\x01\x03pA\x9dn\xe3\xe94\xd9\x00\x00\x1cg \x08@\x11\xee\x00\x00\xb4\xc8B0@\x0b\xdc\x97\x03\x00\xae\xcf\x88\x07\xae\xcd\x1d\x00\xa0I\xd1\xe3\x8f+\x8fT.|js\xae\\\x94\x00\x00D\xf8Eg\'\xe0|\x1f5&amp;\xfe\xa8\x93\x85F\xb8\xee\x00\x80\xcb\xaa3\xd0\xb9\xd2\x17\xa2\x01\x1b\xba\xbd\xd8m\x01\x02\x80l\xc6q\xcc\x10J\xea,\xc2\xdc\x03j\n.:\x80\x1b\xad!\x9c\xc5\xd5\x075\xb9\xe2\x00\x86a\xf8\xf9\xf1\x87\xda)\xc1YT&lt; \x9a\xe6\x02`\xc2(\n\x00\xf4\x86\x00\x00\xf0i\x82{\x05\x00\x004\xca\x8a5\xde\x02\x04\xf4m\xf2,\xc1\x05\xbb\xb4\x8e\xfa\xe9\x8e\x92\n\x1fn\xfc\xbdg\xa7\x80\xb3\xe5x[\x19\xc0\x8a\x10\x86\xd5\x17#\x86\x10&amp;oN\x0c\x91\xedR\xccps\x1c\x07\xad\\5!\x04\x19~\xae\xdbE\x91\xe7=\xa4\xc0\xa5i&amp;\x80\x93\xed\x1a\xb5$,3\x1b\x0f\x01p\x8a\xe7\x15\xae\x86\xb4\x98&amp;\x80w\x07w\x98\x8c\xc3\xb0~#\x02\x00&gt;\x84g\x00\x80\x0e\x1c\xdf_\xee\xfb\x1a/\xa3\xefr\xec:\xf1@WVZK\xeba@\xcb\xf2\x0f\xf6\xda\xbc\x1b\x0b\x00y\xadl@r\x07\x00hW\x89\xd5\xd2\xbe\xd7\x8f\xcb\x90\'\x90\x9d\xcb\x8a\xd3\xad,x\x99\x00\x00\x171\x8e\xc3\xf8\xf0\xe7\xad\x1dy\xeb\x98\'\xef\x0f\xfdt\xee\x8ad\xa0.\xf1\xcceE\xcb\xd4N\xa0]\x91\x03\xf4\x85\xb7O\xae}\xfa\xd677\xfb~\x06\x00(\xc7\x1d\x00\xa0U\x87F\xff\x9ba\x87a0\xfa\xe7C\xb8;\xd1;%Hf&amp;\x00@\xa36{\xbc\xdb\x9e\x9f\x85\xd1\x7f\x18\x86q\x1c\x7f\xd9\xca\x08\xdf\x96\r&gt;\x86\x89\xee\x99rl5T\x82df\x02\x004i\xab\xcb\x1c\x1f\xffY\xf3\x1b\x06o\xff\x07\xce\xf3x\xe2\xe8\xec\x84P\x9cR\x068*l\xd9\xbaC\x10^\xfeo9\x1c\x80/\xebm\xc2\x8f$5\x1a\xda\x19\x1ade\x0ch\xd1z\x97\xf9G\x0c\xc3\xbf\xbe\xbe\xf5\xff\xf9\xf3\xe3\xf2t\xc1c\x00\x1c\xe7i\xf2\x0fqkW\xf6\x96\xb5\xeaA\x83\xd4H\xa091\x0bf\xe38\x0c\xc3\x8f\x1d\x86\xdf\x99\x1e\xc4W8\x9aA`\xdb\xa3Q\xa9\xd0h\x983P\x9a\xea\x05\xb4e\xd7\xed\xf2\xa5&gt;2K \xb0\xa9\xf2@\xcd\xb8\xb0Y\x8a\x86\xbe\xa8\xac@[\xf6\xee\x97\x9d\xedtM\x00\x00`\x89\xb7\x00\x01M\xd9\xff\xb4\x9c\x07\xec\x00`\x0f\x13\x00\xa0o\x86\xff\x00\x1fI\xf3\x9f\xce\x04\x008\xcd\xdc\x8b8w\xef\xc6\xb1\x81\x07\xe8\x97\x97\x84\xbe\xd8\x93!\x1a\xfft&amp;\x00\xc0\x05\xe9\x16\x00zdM\xa7\x0e\x13\x00\xe04\xb7\x86\xbe\xc4\x17rYR\x03\xba`\xbc\xcb)L\x00\x803\xe5\xe8\xfcbG\xfb\xe3\xe8\xce\x00\x00\x98\x00\x00g\x1b\xc7\xf1\xc84 \x84a\xf8\xab\xc2\xcb4\xe0=\xbc\xf1\xf6\xcd\xc13\xbf7)\x00\xe0\xb3\xe8\xf9\x80\xb6$o\x07\xfa\x1a\xe2\xbf\x056\xfd\xfd{\xe0&amp;\x00\x00|\x1aw\x00\x80\xb6$\x8f\xc8\xe7&amp;\x0e\xe38\xfe\x17&amp;\xb3\x02\x8f\x06\x00\x80;\x00@{\x8e\xdd\x04\x18\x16[\xb6\xf7w\x8eZ\xfe\x87\xf3\x84\x10\xaeq\r^\xe6D8&amp;t4\xaev\x07\x00\xb8\x90\xd5\x89\x83\xf5\x7fh\xca8\xfe\x9dg\'!\x0f\xa3\x7f\x86a\xe8h\xf4\x0f\xd0\xa8\x90d\x08\xafO\x03?\xfc\xac\xf7\x83\xcd\x08\x00\xf8H&amp;+@\x8a\xcc\xb7\xbcC\x08\xcf\xabhi\xbb\x80\xc6\xc9\xff\xbf\x87\xffz\xb0E;\x00&gt;\x92-@@\xaa\x8c\xdf\xde\xf56\x16O\x1b\x9d\xcf\'\xc8\xe8\x1f\x80\xd6U\xbd)m\x02\x00$\xca\xd8V\xdd\x86\xe8/\x03\xf5\xc4o\x07\x88H\x96\xd1?d\x91\xfd;\xbc\xe1\x83U\xed\x98L\x00\x80\x86\xed\x1f\xaa\x87\xdb\xa0\xe4\xaf\x9f\x8cK&amp;A\x8c\xa3\xd1?d\xf3\xb3\xcfN@\xd7&lt;\x89\x04@\x8frv]\xabK\x89?9\xe5\x81\xe0\xef\xe4\x85a\x0897,\x01\x1c\xe6\xfe\t\'\xb2\x12\x06t \xa1\xa7\x9c\xfbb`\x00&gt;AO\xaf\xe4?\x85-@@\x07R\xf6\xedX\\\x03\xf8Dn\xael3=\x02zt{hx\xf1\xcf6\xfa\x03|*\xcb\xff\xdbd\x10\xd0\xb3\xb7\x85\x1eC\x7f\x00X\xa7\xa7\x04.\xe33V}\xees\x9eq\x98\xf9\xfe\x04\x00\x00\xe0\x82\xeeo:\xa2\x0f\n\x0b\x00\x80\xa3\x8e\x8f)\xbd\x86\xbc\r\xbf\xfd\xec\x04\xc0\xa2\xae\xe7\xae\x16J\x00\xb8\x8e\x8c\xbd\x9a\xde\x11X\xd1u\x13q\xb1\t\xc0\x95\xce\x05\x80\x14\x17\xeb\xd8&gt;\xc5\xbd\xc8\x12\xcaNqs\x92&gt;*\xde\xec\x05\xb2\xdeNjE\x01\xe8\x8f\xae\x8bs\xa8x4fe(\xbf\xdeNjE\x01\xe0\xe3\xe4\xed\xfe\x9fC3\xb0\xe0:\x0c\x94\x01\x00\xa0\x92\x16\x06\xdf-\xa4\x81\xbc\xbcC\x1a(\xee\xd1y\xf8\x96\xae6\xdd\nH\xe9d\x14B\xf0E\r\x90@sT\xc7\x0f\xcfN\x00\x00\x9c\xa3\xe8P\xe33\xbe\x97\xee2\x14W+\x0c\xfd\x01\xae#\xdc\x9d\x12y\xf3\x1b\xb2\x1bO\xde\x95\xd9\xdb\x00|\xa0\x1f\x9c\x9d\x00\xe0#\x9c\xba\xa836\xbf\xb67\xd6\x19\x86\x1a\xec.\x913@W\x8e6Y&amp;\x00@%n\xec\xae\xa8\x939\x8a`\x81\xd1?\xd0\x13K\x16\x00\xe4\xf2\x89]J\x08\'\xef\x10s\xf3\x01N\xe1\xd2\x03h\x9af\x9a\xcbK\xae\xe4\xae\x0ejj\xb0\xbe5\x98\xa4.\xd8\x02\x04\xf4\xc4\x97\xb7\xf3\xee\x02U"yw\x96m]T\xd7\xcc\xe5\xa6;\x00\xf8\x10&amp;\x00W\xa7p\x81(\xba\x03\x80\xa6\x9d\xfa\x0e\xd0\x8fp\x81\xec\xed=\xfd\xad\x91\x9f\xe5|r\xde6r\xee\x8d$\xa3k\xb6\x00\x01|\xa8\xa6:Q;Y\xf2\xb25\xa8\x9c\x0f\xcf\xdb\x16\xda\x8d\x0f/\x02\x00\xa03-\x8c\x9f Q\xff7\x1b\x01\xe0bt\xcc\x1d\xb8\xc0~-\x96(Y\x00\xa0\x9e\xbc\xc3\xca[PF3u\xc9m\xa0\x12\xcf\x00\x00\\G\x96!\xfbW \x7f\x9e\xf1he\xb65\xc36\xf7\xd0\x00\xe0[\xaeN\xd1[\x9b\xce#\xcf?\x88K\xec\x98\x9fuv\x02\x00\xb8\xba\x10\xc2?\xf1I\xbd\xf5GM\x00\xda9\xd3vR\xd2\xb8kd\xd45\xce\x02\x00.\xeb\x02\x03\xe2?{O\xfa/p\xbe=\x92\xed\xd1\xda\xca%\x05\xd7,\xe5\x02\x004\xec/\xb4\xf3\xaa[\n\x0e\x00\xa0\r/C\xea\xa6\x87hy\x1f\xbdhy.Q$a\xad\x9e\xec\xa2\x9f\xd2[\x82\x9f5[\xbb\x00\x00\xea98$*0d7Dk\x94\xe7\xec9\x9d\xd7\x80\x02\xc0qG\xbf9a\x1c\xc7q\xcc\xf9&amp;P\xc3\xcb\xf6\x99\x03p\x16\x13\x00\x008\xae\xb9\xb7\xf8\xe7\x9dN\x90]\xf6)\x1f%\x98\xa4\x01\xc0\x1a=\xe5q\xf2\xb0;iE\xa6\xa0{a\xbf\x16\x00\xac\xd3G\x02\x00\xc0i&gt;e8\x9eeq\xce"\x1f\x10CC\x01\x00\xd7q\xeb\xd7\x13zw\x03\x02\xf8\x1c\xaew\x80\x0eh\xac)\xec\x17\xe5\xde%\x1c\x86\xe1o\xcd\x14\x14\xf34\x0b\x17U\xa3XU\x1e\x80\x0e\x84\x10\xfe\x15\xed5%}\xcewxMt\x91H\xc8\xaf\x93+\x14\xa0\x16m"\x1f+\xe7\x98\xc0u\x04\r3\x01\x00x\xa2Y\x04\x80\xf6\xf9"0\xe0Df\x0b\x00\x00\xd0\xb9\xf3n\x02\x98N\xd0\x007\xc1\x00\x00\xa0\x1d]oT\xeb7\xe5pU!\x04\xcbO\x00\xd04c\xe8]r\xbf\xe1\x14\xae\xa7\xcb\xab\xc33\x00\xc0\xb5u\xd94S\xcc\xbe\xfa\xf0=\xf6\xfd\xf8\x11\xb09\x00,\x18\xcfN\x00\x00\xb0j\xdf@\xd6\xe27\x9f\xa0~%wY\x01\x00i\xfe\xd2\x06\x07\xe8\xad\xa5\x07\xaa\nC\x1b7\xcd\x9ak\x19\x00h\x8a~\x82\r{j\x88\xea\xc4\xc7R\xf9;\xe2\x19\x00\x00&gt;B\xc2\xc3\xac_\x1f\xf9iC\xfc\xc3\x03\xe3\xb8\xbd!\xd88\x89\x8f\xb7\xf8\xe6\x1cW\x07\x00|\x84:\xef\x99I\x9f\x00\x00\xf9\xcc\xbcZ\xea\xe9*\xbb\xd4\x15\xa7\x01\x01\x80\x15\xba\xc9\x16]g\xf8b.\xd7\x84{\x11t^\x1c!\x84\xf7\x9d\x81}\x9d\x91-@\x00\xb4\xc0\xab\xf4\x1aUnXSm\xc0\x14B\x18"\xb6fQ\xde\xbd\x14\xc61f\xb3\\\xd3zO?\x00\xc0e\xd8\xb8\xd5\x05et.w\x00\x00\x00\xa8\xaa\xfb;\x00\x00\x00\xb4\xc3\xea\xf2\x05(D\x80V\xb9\xd5N\x1ejQY\xaeS\x00\x00\x1abx\nP\x88\x06\x16\x00\x00\x00\xe0\xceJ\t\xc0^/-\xa7\x86\x14\x80\x9e\xe8\xb7.O\x11_\x82B\x84C\xbc\x83\t8\xe41\x9c\xf2N7\xda\xf7]]\x07\xdf\xe3\xb3&amp;\x84p\x99+Z\x1b\xf5\xee\x94\xf2\xbdR\xa5\xba\x00\xdf\x03\x00\x1c\xf0s\xac\xc3\x11\xe5\xccu\xf7\xdb\xbb\xaaB\x08!\x8c\xe3\xed\x1bH\xc7\xe0\xeb\xa2V\xd5\x18\xa7\x95\xcc\xfci\xc9\x1as\xbeP\xed\x018$L\x9c\x9d\x16\x1au\xfa\xd0\x7fR?\xc3\xec\x9fOH\xd8a{\x93\xdd\xe0\x99\xd6LOS\xa7\x7fzbNO@w.\x99]\xee\x00\x00\xe9,\xad\xb1)\xe2\xa6\x7f\x91\xce\xf5u\x8c\x13\xc2\xdb\xae\xd7\xc7?/\xd8\xbb\xbf\xfb\xf0\xdd\x17\xed\x9c\xfe\xed\x1e\xd4\'\'`\x18\xc2O\xebjH}vv\x15q\xc1S\x02j:\xbc\xbf\xf6}XF\x1a9\xf9\xe4}\xd1\xee\xa5\x8a&gt;\xef\x12\x91u\xc0U=\xf5\x0e\xb7\xa6\xcf\x1d\x00\xe0\\\x06^\xb9\xc8\xc9\x1d\xda\xbf\xa7\xdf~\n\xb9\xa4_\xa7\xe2]K\x98\xb9\xf99\x0c:\x0c\xe08\xefv\xa0A\xb3\x03\xe8GE}\xf9\xab\n|m\xb7\xe2V\xca|\x9e\x10\xc2|\xcd\xffa\xfd\xb4\x00\x17\xf3i\xdd\xaa\tO\xa7\x94Z\xe7\xd27\xb9)z&gt;\xd0\xfa]D[\x80\x80t\x9f\xb3K\xe1\xfe\xde\x8c0t8\xfao\xb3\x98*\xa7\xeap\xa9\xb5\x98\x87\x1f\xa6\xb3\xeb\xae\x1dm\xb6\x00\x8d\xbb\xc6\x0b\xeeV\x1e\xf86\x01\x00\xd8voB\xff\xad\x1e\xdf|\xd4\xe6\x8c\xa5t\xaa\xa6\xc1?\xc7\xf5\xda\xa9\xc7%\xa4\xc5&lt;\x84\x18m\xb6\x00]\xe8:\xeb\xbaN&lt;\xd0\xa5\x0b,\x9cPZ\x08a\x18~\\\x8dhn\xb7n\xbe\xc6\xfd\xe1]\xf14P\x84\xb2\xdb\x96+\x8bd\xf5\xf5x\x06\x00\x80\x13TZ\x9d\x9a&lt;\xf6;\xde\xff\xdd\xefh\xe6\xaa\xcf\x9f\xa4&lt;\xa4\xdbk\x19VU\xad\xae\xb4V33\xa4\'\x84\x1e\xef\xf7\xc6\xbb\xf2\xb9\x01p=i]\xfb\xd2\xa0\xbf\x81Q\xcb\x8eg[\x0f\xbe\xcd\xe6b/\xc39c\xd0\xe9\xdb6\xfa\xf0R7\xe6v\xfd\xad\x95c\xb8\xad\x17\\\xe5J\x99u\xe5s\x03\x80w!\x84\xcd\x11\xc0\xf9J-@\x1a\xc2~\x8e\x9ce\xdd\xda\x1a\xff.\xeb/\x05\x9e=\xbe\xdf\x93\x8d\xe4!` \x83\xfb6\xeb\xf5\x03\xa0\t\xe38v0\x08\x8e\x1e\x7f\xec\xbc\xb8\x9a?q\xb2\xc9^\xd6\x7fP\xee\x00+\x99\x1d\xcd\xaf\\8\x1d\x8f\xfe\xa3[\x83n\xcf\x10h\xc0\xb4\x01\x8do1?aq\x05 \x81\xe6\xb1\x9c\xf7\x11\xff\'g\xb5;\x00@mM\xb5\xb9_\xef\x81q\x83\x02\x92x\x93\xd2Yd\xfbA\x9b=\xd1B\x0e\x1f\xcf\xf6&amp;\n\xce\x04\x00HWy(_\xa2\xc3\xfb:\x85\x86\xa6$042D\xe0\x88\xc7\xb7\x07\x16\x1a\xa9O[\xdf\x16&amp;\x03\xe7\xa6!&amp;\xf6\xf1YZ\xc8\xb7\x7f\x1d\x9b\xf7\xeao\x00\xeeZ\xe8\xc0 \x17\xf5\x99j\xf7FZ\xa8l\x97\xbc\x11t?\xa3\x97\t\xc0\xe3\xabE\xa6\xc7Tw\xb9\xdc\x06\xfa\xf3\xd2 \x02\xed_\x0eY\x06.\xd7\x1b\xf3\x91h\xae&amp;|\xcf\n\xfa\xac\'\xef\xd5\xfbJ\xdf\x1eh\x0b\x10\x90G\x9bMb\xb7-u\xa7\xc9\xfe\x1c\x9b\x05\xb4\xe3.\xff)C\x8a,\xfb\xf7\x9az\x9e\x873\xad\xd7\x84\x0c\xf5\xe4\x84&amp;q\xfd=\xa15S\x02\xd0\xa8v\xef\x00\xb8;q\xb2\xbf\xff\xec\x04p\x1a\x83\xa4\xd6\xdc\x1b\xc3J\xe5r\x99\xc5\xf2\x17W=/\x80\xdd\xdan\x10[N\x1b\\\x96\xeb\xaeM\xca\xe5\xb8\x16\xf2\xb0\x854\x00\x9f\xae\xed\t\x00\x00WP\xb4\xa3\x89\x0f|\xf6\xf1\x80\xdc\xc9\x01\xb8\xa2v\x9a\xcbK\xce^\xaewF\xa4)Q\x13.y\xc9\xd0\xb5\x83ur\xe7\xab,f\xe3\x8a\xfd\xec\x8edE&amp;\xc56W\xa0\'\xcd\x0c .9\x9a\xd1%\xe4u^%I\x89t\x9a\xda6\'\x00\x7f\xfa\xe5\xae88\xbd\xc9\x9d^\x95\xba\x00\x80\r\x85\xc7v\xad\x7f9N\xd7&amp;\'X\xf6L\xfb\x9a%\x96N\xedW\xf8\xfddHw\xca\x94\xa0\xf2\xba\xba\x10\x86[\xab\xf8\x1fQ\xd6@\x1bZ\x1e?\xb5\x9c6\xd6\x85{\x87W\xa8\x04\xa7\xeb\xe8*\xc9\xcdg\x0e\xfd\xab\x97\xfe\xcf\xcd\x1e\xa3:&lt;u\xe4\x16\xd9\xb9\xd9h\xcf\x0f@\x1e\xd7\xee\x17/|j,):#R\xa3z\xb6\xbf\xec\xfe\x9aK\x15w\xea\xb8\xffik\x8d\xab\x00\x00h\x91\x01\n\xc7]o\xa4\x9b\xb6\xde\xff\xf2\xa9\xdb\x02|\xef9\xe3\x9b\x80\x81k\xea\xbdun\xc4\xf5F\x00\xacS\xe2\xf0nzQ\x8c\xe38\x0cc\xe9\xaf\xc1v\x19\x02\xa4\xf8\xcc\x9d\xca\x9f\xe0}5\xee\xc3z\xca\xbf\xb2\\\xd0\x9f\x97\x99\xf4\xaaZ]=\xeb\xa2p%\x02\xc0\xa2\xf5\xee\xb9\x97N\xf4\x7f\x9f\x94\xce^\xce\x0e\xb2\xab\xf6\x96\xa4\x10\xc2_\xebB\x03\x80\x06$\xf6\xc7\x15\xdf\xeaSe\xc4`\\\xc25mW\xecO\x98\xfd\x1ei\xa66\x1fV\xf6\x0c\x00\x00\x97w\x7f=\xf6\xe4\xfbq2l\xe1]\xeb_\xcb\xee\x0f\xbeGR#\x96K\x8c\xb4.p\n\x1f$\x84\xedZWz\x0b~\x0bngX\xe8\x024\x01\x00\xe8\xcf%\xc6d7i\'\xb2\xb7\xef\x1f\x9fs,\xcf\x03|\x93\x10\xaf\xbcu\xfe\x12#\xad\x0b\x9cB\x06\xbd\xd4\xd2q,\xfe\x88\xed\x11\xf5\x9e\n8\x9c\t-g#\x00\x9f\xab\x97\x11\xc9\xac\\\xe3\x00\x8f\xdeB\xaczW\xca\xe2U\xe9\x82\x05\xb8\x1a\xcdz\xd7*w\xcc+\xd1\x19"\xf4\xab\xfd\x82k?\x85\xe5\xf4s\xee\xbd\xa4\x13\xe03\x18\x99\xf5n\xb5\xf8\x1a*Y\xd5\xacO\xdd\xb6\x0f\xbf\xbb\xcfdS\xc2\xdf\xd2m5\x06\xa8\xe2\x0f9;\x01\xac\x0b\xc3\xf0\x07\xbd\xfe\xea\xbdc\xd3\xd5A\x05\x7f\x9c\x0b\xad#\n\x0b8\xc3\xe3]+\x0b\x7f\x8a\xf4\x0f\x15]\xc6\xb0F\xd2\xb8\x95Z\x04\xd4T\xf8\xde\xe9\xf7{\xba\xda\xd7K:\x01j\xb3\xcd\x068(\xd7\x03\xd6\xc7\x03\xb9\x86G\xb3\xdc`\x9el\xbe\xb4\xbeP\xa45\xa3\x03\xb8&gt;\x13\x00\x806\xa5\xb5\xcf\x15\xee\x00\x94\xd7e\xaf\xf4\x92\xed\xee\x8b\x02\r\xfb\xf8\t@\xf6\xce\xf2\xc3\xf3\xf3\x03|\xfa%\x03Kr]\x1a=^b\xef]\xc9\xfd7\xfd\x9d\x0b\x00|\xa8\xb4\xd7\x86\xf68pY\xf5\xaf\x9d\x9d\x00z\x12su\xe4\xb8F\xd2C\xd8\x13\xfb\xae\xb1\xfb\xcc\x89\xc7\xac.]\xae\xc5\x00\x1av\xca&amp;Nr\t!\xfc7\x9b/\xbb\x97\n\xd6ce[\xff\xea\x80\xa1\xd8I\xf5\x98Wp\x93\xdc\xb3\xc4\x7f\xf0X\xff\xb5\xefS{S\x95\x92 }1P\x99[\x93\x9d\n!\xb4\xff2\xcd\xe9S\x8c]\xec\nXZ\xbd\xd37sm\xd9k\xf8\x7f;:\xc0\xf0f\xd7\xe7\xb6\x0f\xfc\x1bR\x96\xe4gS\x18yd|\xc8\xbb&gt;8&amp;\x84\x0b\xb0*h[(\xe1\xd6\xa5\x8d\xe3\xf8\xf8ao\x08\xbf?\x84\x1f\xee\xffT\xb2\x10\xc2{"\x93\x13\x0f\xfd\xa8\xd9\x0b|\x8fu\x1f\x8d\xc3\x8b\x8c\x97\xdb4\xfc[\xb0\x8f\xdf\xc4\xc72\xdb2d\xa4\x91\x01\xe0\x82zYA\xef%\x9dW"\xcf;\x90\xaf\x8c\xeeK\xdd3\x01F\xde\x04\x88\xaf0\x8f\x88^"m\xed\xb6^dz~P\'5\x00%\xb4\xd3\xe6R\x93\x95-Vh\x16Z\x97\xf5\xfa\x1d\xc7q\xf6n\xc3\xf8\xdaL|\x8f\xd7\xdf&gt;\xbea\xb2\xf9\xf0\xfb#/\xb5,\xa9Q*\xf8,\xafF\x12\xe8@S\xcb\'\xe5d?\xc7O\xc8\xb4\xa6\xccVT\xa5\xd0#O+\xf5m\xe7E\x97\xf4T\xc0\xf7\x07\x87\xd5\x07\xf4\xd3\xfb\xaf"/\xf3i\xebv\x04\xc0\x06\rV\x02\x99v\xba\xd6\xee\xfe\xc3\xe5\x1dy.\xb6\xc4\x05{$\xc0\xecM\xc7\xff]\x8b\x04\\\xcb\xff\xfb\xec\x04@e\xba\xf0\'\xc64\xcd(\\\x10\x7f\xd8#\xfc\xd9\x88\x12G\xb7\x85&amp;\x00\x07C+S\xab])@3t\xde\xb0\xc5\xd2\x1d\xe7\xdb\xac\x81\xe7V\xd1#k\xed%\xe6\x00\xad^\xb0\xdb\xa9\xf2\x100\x90\xc7c\xa3\xe4,\x0f$\xc1\x16\xd7\x08\xe7\x1b\xc7q}\xf8xbc\xbes\xb4\xbd9\xca\xff\xad\x87R3\x0cC\xbb][\x9b\xa9\x02\xae(\x840\xfc\xfb\xdb\\\x0b\x81\x14\xad\xae\xedqe-\xd5\xbavR\xf2eo\xe6\xdcW\xfa\xdfW\xff/r\xb7\xed\xc8Y\x98"\x00l\x08\x85\xbf\xb4\x85v(kh\xd0c\x98;\x8eC\xe4\xd85fd\xbc\xeb\xab\xbbb\x8e\xaf\xdc\x80\x1c\x89\xce\x16 \x80m\x17X+b\x18\x86a\xf8\x93\xcfN\xc0"u\x0c"\xc4\x8ew#_\xf0\x9f1\xb4\xf8\xc3r\xb1Z\x01P\x96\xc1\x19\xa5U\xd9\x93\xa0\x1a\xf3$\xac\xbe\xe1\xbe\x11\x93\x1d;?\xf2\xfe\xc7\x98\x0f\xae(\x97\xec\xc6\x99:\x00\xc0\x86\xcbl\r\xea\xfdD\x8a\xa6\xff\x11x\xa7\xb9\x14B\x18\x87}\xdf\xb3\xdb\xc5\x99n\xec\xff\ta\xf9\x94\xb7G\xf8/\xa7\x7f\xdf\xea3\x17\xd1\x85\x84\x10l\x01\x02\xa0\xb8\x0b\xac\xb4]\xe0\x14\x86\xfe\xf7\x0c\xf4\x9e\xfe\xa2\xc6q\xdc;j\xed+?o\xb7+^~\xb7:\xe1\x19o\xee?\xc5G\xd5S\xb6\xa41\x01\x00\xa0\xb8\xbe\xc6\x19|\xa6G-\xed\xb7\xba^b\x96\xba\xe6\xf6R\x9f\xfb\xcf\xb7\xb7O\xc7?\xec\xbb]\xac\xe3\xd6D\xe1\x0f\xbbD\x16\x8f\x9f0\xc5\x01J\xe8\xe2\xc61\x17\xa0\xa6qa\xcdV\xefv\x12\xb64\xbe\x1f\xc7\xe1\xf7\x84\xe1\xdfy\xffy\xd7\x806\xe1\x9dB1a\x1e\xcc\xb1\xcay\xee\x0e\x00\x90"\xaa\x9d\n\xe1W\xee{\xd6\xea\n++\x00\xbdkd\xf4\xbf"\xdcG\xff\xc3\xfc\xd6\xa0m\xe3/\x1dJ\xaf\x83\xefz\xce\xb8\xfd&lt;\x07X\xf4\xfe\x82\x85\x98\t\x80\x1720\xcc-\xf5\xc5\xd5\x8a_\\(=+\xd4\xd5S\xc8\xf6\xcf\x14\xf32\x9f]u\xe3\xa3z\x9c\x10\xc20\xfc\x9a\xf7\xdf\x9bm\x009\xbd4\xa9\xe3\xf8\xbd\'uiy\xa3\xc4\xddXz\xb4\xf0\x0e\x93\xa0V\xc0\'\x8b\xdb\xe5?\xc47\x14\x93N\xa7\xf5\xb6\xe5xRC\x08\xb3\x99c\x0b\x10\x90\xd3\xb4\x91\x9a6:k\xafi\xf8\xfe`\xebm1\xc5\xcdT\x81\xd6k\xc5\x87\xac#v\xeds\x96{/is\xec\x9b\xd6}\xb4?\xfa\x7f8\x92\xd4q\x1c\x1f\x8fJO\xaf\x82nN\x1e\xa0\xb0sV\x9a\xef\xaf\x9d\xd6\x1a\x03\x19\xb4\xf3\xfcnF\xeb\xf3\xb7q\x1co\x87\xc4\x7f\xfb\xef\xfa\x1d\x83\xb7U\xf3\xb3\xeeC~\x9d\xf7\xb1\x02}\xca\xbc\xefW]\x1d\x08\x11\x80C:\xba\x13\xcd\x89.9\xa4\xa3\x9cKV\x98\xcd{81_\x82\xf6\xd2\xe4\xf6\xb0\xfe\x92g\xee\xf1\xde\xd7\xd8\x02\x04d\xe0\x0e\xfb\x11mw?\x9c\xaf\xbb\x1a\xa258Ww\x15\xe6\xb8q\x1c\xf7\x8e\xfe\x87\xdb\xeb\xf0[\xcf\xab\x9c\xc9\x9b\x9e\xac\t\x00\xc0\xa2\xd2\xe3\x98\xcd/\x9d\x81\n\xb2\xd7\xf3\x95Zmn@\x9a\x83-\xe5|\xc5K\x0bt.\xa8\x98\x97\xdd\xa5\xc4u\xf8\xb3KL\x00\x80\x0c.&lt;\x905^\xe1\x13\xa8\xe7S\t\xb9!\x03\xcbK\xe9d\xde\xdf\xf8\x99\xa1\xab\x9a\t!\xcc\xff\xfa-1G\xa3\xce\xc7\x04\x00H\x17B\xb8\xf6\xb7w\x8d\xe3\xf0\xcb\xcfN\xc3\t\xf6o\xe8:w\x0f\xd8\\\xd4)\x03\xb8\xa6\xba\xe7\x9aj\xce\xde\xbbX)\x18\xc7_\x9f\xf4\xb9lU\xa8r\xd3\xdaO\xcd_\xbb\xb3\xf4r\t\xbf_\xd1%\x17\xaa\xc6\x987\x11E&gt;\xa3&lt;\x9b\xf2C\xa9\x9bML\xf6\x10\x81O\xe2\x1d\xed\xd7\xd4\xfdC\x84!\x1c\xdd1\xb0/\xb6\xf6\x1f%\xdc\xd0}\x89\x9f\xed\xf6-\x16\xe1\xb9\x1at\x91\xab=\xbe\x8a a\xc6\xd2\xcb\xd9U+\x8e&gt;\xb2\x03hS\xc6\xee\xad\xed\x9e\xb2\xe5yN\xcbi\x03:\xb0\xf0\x1d|\xed\x8b\x9d\x084\xdc\xb9\xcch\xbb7\x04\xc8\xb7e\xe2\x93w_\x1c$\xeb\xd8\xf415d\xe94?\xe4\xf4?\xd6\xa3|g6\xcf\xec\t\xe6P=9\xe5*\xbb\xfc.\\\xa0E\xb3M\xed\xfd\x97\x9a\xa4J\x96J\xe1\x94\xc4\xb0\xe4\xdc\x12\xe9\xba&gt;t\x9dx\x00\xf8\x08\xb3\x0f0\xad\x1f_4=\x1fL\xc6r\x05\xeeq\xed\x94!\xaf\xe4y\xd7"\xcb\xce\x1e# \xb3\x10\xc28\x0e\x91\xdf\xcan\x0b;\xc0\x9c\xa3mc\xdaV\xf2\xcco\xcc,\xa6\x97t\x02|\x1ckH$Sy\xe0,{o\xe4\x9e\xe2\x91\xbc\xf6\x93z\xd7E"\x01\x0e\xeb\xa7]\xbe0\xf9_M\x13Y]\xed\t\x9c^\xae\xee\xbf\xb8\x93tf\x91\xf5[\x08\xce\xd1K\xbd\xea%\x9d\x00g\xf8A\x18\xfe\xe5Oi"\x13:\x83G\x17\xf2i\x1d\x89\xa7\x96\xcb\x91\x93\x9fL\xe9W\x14\x0e\xbe5\x08\x80+HX\x10Z\xf9\xc8\xf5\x97\x97\xfe\xcdK\x9f]\x92\xe8\x12\xff\xc4I#\xc9\x8eW\x95\xb8\x10TH\x00&gt;O\x91!\xfb\xb5^\xa8:\xcd\x9fK\xbe+\xb6\xb5A\xf9\xf5\xa7\x91\xb4\xa3\xe1\x9a\xe6Bx\'C\x00\xf2\x85\xf9\xde\x86\x00\x00 \x00IDAT\xd0\xc7D\x08\x8f\xd5ky\x05\xd4R\xa2\xc1\xa9\xfc\x9ct\xe6\x88\xb4\xc0@U\xd7\x1e\xf9]\xf8\xd4r\xfbM\xe5\xf2\xaa\xcdR8\x98\xaak_8]Q\n\x8d^b\'x\xcd\x87\xf4l\x91\xa5\xc0\xc5\x19\xc7P\\\x93\x8fU\xa8\xf6\xb4\xe6H\x9d\xd4\x92\x0f\xf7\x0c\xbc\xe7\xc3\xa1\x0c\x91\x99\xc0e\x85\x89\xb3\xd3\xc2\xb5-V0\xcf2\xce\xfb\x9f~\xde)\xbf\xb9\xe4C)\xb3\x1eWA|S\xdcc\xbb]\'\xc1\xb9rf%\x90\xeer\x1e\xe0\x9b\xd1?\x9d\x88\xaf\x9fj2\x9d\xba~\xd5\xcd\xd8\xd7\xec\x9a&amp;\xbd\xa7"K\x1a\x00h]\x99\x16?\xff\xe3k\xb9\x03\xbc\x88\x9a\x1d\xb6\xc1A\xe7\xfe\xd4\xb3\x13\xc0\x1a\xd7\x17\x00\xf5t\xb1\x91\xc0\xad\x98\xfa\xde3\\\x11tM\xf1\xd1#\xf5\x16\xe0\xc5\x1fuv\x02\xb82\xfd.\xbd\xb0@pa\xd3\xc2\xfd\xe1\xb9I\x018\xdd\xb4\xb7\x1b\xc7!\x84a\x1c\xbf\xfeu\xfb\xfb\xfd\x07\x80\xeb\x1bG-^\x7fB\x08\xf3\x057\xe9\xd2\xa6~P&lt;E\x00M\x9a}.\xf9\xf6\xaf\x10n\xff\xf7\xf5w\xeba\x1cdD\xd5\x893_\x14\xdbH;\x93\xa3\xae6q"\xad\xfb\xe7\xc3\xf3\x8bD\x8fz.\xb80\xfd\xc3\xf4\x98\xf1y}\x0b\xe0\x92B\x08\xb3\xfdYb\x93k\x18\xb7(\x84a\x1cr\xf5)\x8bKY=k\xfc\xa4B\x08\xe30\xcc\xae\x14RA\x08a\xccw\x05\x15\xa2\x92\x1c1S\xc4\xf7\x8e\xe8\x94\x96\xc1\x1d\x00\xa0\x886\x16\xb4\xc6\xd9\x8659]\xc7\xceh\xe61\xd06r)\x87q\x1c\x86?!cx\x17\xc9\x96~\x8c\xe38;\xb0\xdb[\x10\n.\xcd8\x8e\xed\xdfl\\\xaa$-\x99iQ\x1by7\xc38\x8e\xaf\x13\xbcq|,\xc9?\xfa\x82ju\xa0\xf1\x82\x04:\xb1\xb0\xcb\xf0\xe0\xaa\xe7\xad)\xcc\xbb:\x92\xa5y\xcd\xb5VW\xe2\x04/b\xa1F\x91\xd7\xe6\x15\xfaUE\x87\xa8u\xdf\xc7\xc5uv\x95\xde\xf7\xdcN#7g\xb4\x06\xc9\x1e%\xf8\x9e\x87/\r\xfefm\xff\x9c\xfc\xff\x94\xf3\x04\nY\xea\xf2\x97Z\xd2=C\x84\xafc3\xb6\xc8y\x17W\xc6q\xf4\x880\xbd\x98\xbd$\xe3F&lt;K[\xe9\x16\x0e5\x8a\x8d\xb5#c{\x91}\x0c=\x99\x82\x0e\x9b\xd95\xed_\xee)yj\xf5\xc7\xc9\xff\x7f8[\x80\x80C\xc6\xc9M\xcc\x87G\x8b\xfb\xf6\x88m\x98\xfdy)\xec,)\xdc\x13\xe3\xee\x00o\xf7l\xf3\x06K\x8f\xfe\xac\xea\x9b7v\xd6\xe7\xf9\x83\xe3\xc6j\xf3[\xe9\x16\x8f\xfe\x9f\xc5\x1f\xfb\xe1\xbe3\xb6\xf1\xcd?\xfb\xe4&lt;\x97\xf0\xf8\x9f\x98P_\xfa\xa3\xf7-\x96\x91\xe1t$\xb9\xe6\x98\x03\x01\xf9=V\x01_V\x83v\xdd\x8d\x1d\x9e\xd6~\x8e6V\xe9\xad\xe4\xecr\xd1[pi\x8b^\x1e\xaa\xebD\x8b\xf7y\xf6\xad\xb5\x87\x10N]\x98\xff\xa8\xcd\x15\xfb]\xe7V@\x96\xa7\x99\x97\x9a\xeb\xbdY\xb4\xd2\xec?\x05u\xf6\x86\xc3\xcdky\xe1\xf2y\xa96\xfb\x9a)w\x00\x80\xfc\xa6\xdb1\x97\x0e\x88i\xca\xbf\x8e9\xa3i\x1e\xbf\x139\x17\xfbL\xf2\x13\'\x18%V\xa3r\xad&amp;^\xe7\x19\xe5\xa3\x1a\x1a\x99%\x16\xca\xea\xd8\xe2P\x82b\xe3o(\x0f\xdb\x12\xaa\x8e\xfe+\x14\xf7\xe1\x18\xf2\x8c\xfe\xd7?2\xbdM}z\x1b\xb7\xd9!.\xbd\xcd\xe2\xf9\xd7\xfb\xf2\xc7\x04\x00(\xe2\xbbA{\xfa\x9a\xad\x99\xfdB\x9b\xe1\x1cO\xcc\xde\x16~\x1c\xff\x9c\xa8\xa3\x9e\x97\x90\x124&gt;*j;u\x9f+\xadX\x96*[\xcc\x8d\xb8\xfb\x15t\xe6k\xf2\xcf\x8a\xba\xb8\xcb]f\x07\x9b\xb5\xf7\xa2\xde\xdbk\xbc}v)\xa2\xaf;\xcc\x8d\xb7\xc3_\xe6/\x81\xf4\x94\x9b\x00\x00\xe5\x8cC\x0b\x1b\xe4w\x8f\xfe\x87a\xf8\x87c\x8f\x1d\xbf\x1b\xe0\xafq\xd2_\xbe7\xba\xb1\xe1\xc1Mz\xbfK!\xa7\xbc\x8a\xf1\x8f\xbcG^9\xdesT\xbf\x1e{\xb9\xca\xbeZ\xaa\x9f]0\x7f\xca4\x86\xe3\xf8\x0f,G\xd7I\xe6\xbf\xa7\xf3`\xb5\xe9\xe4\xb4\x81n\x15z\x95g|\x80\xbbz\x94\xfb\x8e\xfcp\xff\xd7\xe3\x87\xd7P\x9f\x7f\xf9\xfc\xa2\x89\xc2o\x99\xb0\x9d\x9a\x18\xb9.\xbd\xe9;\x16\xa7\x8fW\xd6\xac\x84u_.\xd4\xe2#\x1f\xf9,\xb5i\x0bGOr&gt;\xe6\x1dnG*F\xae\xad\xff\xf1!/\x05\xdev\x1b\x9b\xa7~\xfe\xf0x\x10\x00\xc3\xf2\xf3\xac\t+\xdc\x9b\x9d}\xc1\xa6y|\xfa\x9fa\x18\xa7_"\xf3\xf2@\xf3\xd2@\xbf\xa3E\xa5\xbc\xbc\x02\xb2)\x19\xb7\xcf\xbd_\xc2\r\x96r\xbeA[s\xa7\x96\xd5\xcc\xab`\x87\xb8\x02\xcdu\xcc.\xb1\xef\x8a\xd8\xdaC\xbfo%\xa8\xbd\xea=\x91\'m\xb6\x00\x01\xd9,\xb5\xaf\xc9o\xc89\x92\x984\xb7/\xe3|\xd8&gt;\xa7\xc7\x81\x0c\xc3\xd0z\xc7\xd9\xab\x13k\xd8\xb4@\xb3\x16\xee\xce\x9drq\xb1\xbb\x14\x0fj\xbc9\x9bm\x93\x0f\xd6\xcar\xe7\xdbrN\x0e&amp;\x00@S\xa6\xddO\x9e\xc1\xc6\x8f9\xd4\x04?\xbe\x89\xec\xfe\x14\xda4\xb4\x85\x17\x04\x95\xb71\x12\xfa-M|\xef}I\x91gw\xedL8_\xf2\xf8&amp;e\x90\x19\xf7\xbe|\xf3\xcf\x04\xb7\xc6mi\xe8\x7f\xe4\x01\xdc%\xf1\xc5?\x17\xf5\xcco\xbe\x0e{\xfb\xda\x99ID\xbfiW\n\xb3xM\xfc\xffY\x8b\x040\'&lt;+\x11f\x82\x99q\xe4\xeb/\x7fi\xd4\xa7ji|\r\x0f\x8eT\xd1\xcb\xd7\xed\x13O\xb0Z\xd4K\x11\x1d\xeb\x02\xd6\xda\xf0\xadF\xfe\xe6\xe7OC\xdb\x15\xf7\xdf\x97\x98\xe63\x99+\x03\r\t!&lt;6k\x16}\xf0\xeb\xdd}C\xff\xf7\x87\x96\x12\x10^\xefQ\x8c\xcf\xbf~\t\xb0\xb6\\\xb9\xf7iB\xd3\x8f\xfd\xf1)&gt;\xa1\x1e.\x9d\xe3K\x1b\x1a\x9b\x0f\x7fX\x18~\xe7p\x7f^+\xc5\xfb3\xee)z{\xf6\xab\xa7\xb4\x02\xed(\xdaK\x9d4\x01x\x89n\xf1M\x0b\xd3`\xa7\xdf\xc28\xfb\xfa\xea\xf8\x04p.\x13\'8\xd3[\x0b\x1a\xbf\x86\xf2X9\x9a~$i\x01\xe8\x83x\x06\x00HT\xf4v\xe7\xf8\xab\xcb\x85\xbd\xe4e\xff\xe8\xf7o\xb6\xb7\xf4\xcc\xdd\xfb5\x94\xecZ_w\xf3\x93}\xc8i\xd2\xbe\xf7\x8a8m\x84#&gt;\xff\xba&amp;\xb5\xb3\x05\xee\xaa\xb9\xfe\xdff\xb8l\xbb:a\xa0\x19\t\xcb\xa5\x93\x9d3\xdb\xafu\xcb5zN\xbe\t\xf0\x96\x86\xef\x97g?\xdf\x01\x18\x860\xdfG\x99\x00\xf4\xe1/\x0e\xe1W\xd6(\xac6\xb7v\xd4\xba\xef\xd1\xcd\x9b\xf5KfH\xbdL\xe8\xeev\xd6JC\xfd\xfdv\xe9\xb8=6\xf7s\x1fvm\n\xea.\xaf\x8e\'\xb8\x9b\x13\x06\xba\xf32\xe2\x8f\x9f\x00\x94HC\x8c\xe7=\xfd3\xe1\xdc\xba\xa2\xb7\x8d\xaa\xf3\xdf\x1c\xfa\x81\xf7\x94;Ukh\xde\xe2 \xb8\xceU\xd9\xddx\xb4wm\xce6\xd7\xad\xcf\x01\xbe\x17`v\xcc\x01\x8aL\x00R\xf36\xe6\xf2\x0fC\xd8&gt;\xc1]W\xd3\xca\xc1\xb6\x00\x01\xe9v\xbd\xf7`\xf22\xcdF}\xed\xf4Yy\x17\xde\xfc\x83kk-\xb6-\x16\x15\xfd\x9a\x94\x0f\xd5+\xa0\x16k\xfe\xf3C,e\xb3bo\xf8\xdd\xbdV\xe5,\x8f\\\x9anV\xcc\x99ug\x97\xc2\xf3-\xd7msom\xce&amp;\xf5km6K$\x84\xef\x9b\xc9\xb9R\xfe{W\xfe\xd6b{\x04\xf4b}\xf9p\xe1a\xd9\xa80O\xd9\x02\xf4\xb0\xbax\xff\xebC\xf8\xc9q\x81d{\x9d\xd1\xc7\xeaq!3\xa3\xca\xa7_:\xba\xbd\xe1\x9fr\xcf\xb0ku\x1a\x9cB\xf5d\xcfZ\xd2\x105|\xdd\xd3\xfa\x9f[\xc7V\xfa\xca\xf7\xdc~)\xe5\xf5\xe2X\xf9\xab;\x00@\xba\xf56\xf3\xd1\xee\xc4\xdf\xac\xbc\xb5V\xa7\xf7\xf7\x93\x05\xb5\xf0\xfa\x97\xb8\xd1\xff\xed\xd8,gb\x1d\xf4z\xda,\xd0\xd2\xd7\xdd\xcbV\xc0\x88\xe3_~\xd1b\xa6\xc5x{\xdf|)\xd3\xc63Wt\xef\xe1\xec\xac\'Q\'\xbe+\xb5\x11\xab\xe9\xc30\x0c\xc3\xf8[\xe3\xc3&lt;\xd1\xfa\xb9,\xe5ud\x8dZ),\xb3j\xe0\xca\x0e\xf6\x82KKM1\x8f\x01\xdc[\xde\xed\xad\x9f\xeb\xebv\x1f\xbe\x0ez\xc9\xbb(1k\xa8\x97&lt;\xf1!\xdf\x0e\xe6\x8e\x9cr\x16\x8dd]\\\xf3\xb5\xaf\x9d^\x08j\xa6\xa5\xed\xe2!\xe0\xc7\x03faOJ\x8e\x97\xaf;\x00\x00+\xe6\x9b\xd7i\xb3;\x8e\xe3\xea\x10?\xe2\xc1\xaf\xf5u\x9a\xdb,d\xf1\x80p\xfa\x0e\xdd\xa2Z\xb8#\x94]\xcc\x19]\xf2\xc4\x87\x9d\xe7U\xf4\xcbF\xda\xbc\x0f\x93\xcb\xde\xfb-\x11\xd2\x83\xda*\xc7=U\xe2G\xcf\xfc2\x84\xf9u\x96q\x8c\xaao\xe5/\xb3\x98\xfb\x15O\xef\xa0\x8b8\xfch\xfb`\x02\x00\x9c\xa3\xe5\x0ex\x8ch^_\xfex\xa0-\x8e\xe8\x9f\xd6\x0e\x18\x1b\xcd\xc4\x0bi\xb6\xa2\x9e\xec\xcf\xaf\xb4\xad\xa5t\x14G\xa6\xd0\x9b9\xf0\xfc\x84\xee)^\xe3MMIJA\xe4\x9f\xc7\xfe\xdb\xf3\x03\xfd\xa5\xf8\x1f\xc9X\t2\xe7$i&gt;o\xd7\xdeG\xf4\xbc\x9c\xf4\xfa\x9br.\xb8\xba\x00\xd4\x94|#\xf2\xf0\x1d\xcc\xa8\x97*&amp;w\xba\xeb7\xaco\x87$\xfd\xf5\x13u\xfa,\xefw\x15\x8d{\x01\xf9J8=\x9e&gt;\x99|7B\xa7\xec\x02\x9aF\x1d\xee\xdf\x98{VbV\x1e]\xad\xb0]g)\x8a\x8c\xfd\xd7\xc2\xc5\x1eB\xc8\xfcf\x8b\xe3\xa1\xb9\x03\x00\xa48\xbe\x9aup](2\xfe]\x91,\xbc\xe7s&amp;\xea\xad\xa7\xd0\x8c\xf6\x9et:\xfc\xfd^\xbc\xdc\xb3+w6\x9c,\xe9\xb9\xdc\x8d\x88\x8b\x9d\xce\x92}[;rF\xbc0\xc2\x1e\xff\x035S\x11e\xe7C\xc0\xa9\xcb:\xbfs\xee\x97IW\xe7\xd2\x9d\x8d\x85\x8b\xfd\xc8\x8c\xa5T\x9d1\x01\x00\x0e9t\x87\xf7\xc0\xc0\xa8\xcc{\xe8\xa6\xf3\x8a\xdb?\xfe\xf1\xd7C\xb6\x9fi\x9b\xfe\xfeC\x868i\xda\xdd\x03\xb6\xd7c?[\xb13j+\xa3\xb2\x9c\xe6-\xc3\x8e\x87\xd3\xbe\xc7c&lt;\xf5g\xc2/O+}\xfd\xf3\xb7\x9e\x</t>
        </is>
      </c>
      <c r="E299" t="inlineStr">
        <is>
          <t>&lt;class 'numpy.ndarray'&gt;</t>
        </is>
      </c>
    </row>
    <row r="300">
      <c r="A300" s="1" t="n">
        <v>298</v>
      </c>
      <c r="B300" t="inlineStr">
        <is>
          <t>steps_per_sec</t>
        </is>
      </c>
      <c r="C300" t="n">
        <v>3400</v>
      </c>
      <c r="D300" t="inlineStr">
        <is>
          <t>2.616537</t>
        </is>
      </c>
      <c r="E300" t="inlineStr">
        <is>
          <t>&lt;class 'numpy.ndarray'&gt;</t>
        </is>
      </c>
    </row>
    <row r="301">
      <c r="A301" s="1" t="n">
        <v>299</v>
      </c>
      <c r="B301" t="inlineStr">
        <is>
          <t>Loss/RPNLoss/localization_loss</t>
        </is>
      </c>
      <c r="C301" t="n">
        <v>3400</v>
      </c>
      <c r="D301" t="inlineStr">
        <is>
          <t>0.12039703</t>
        </is>
      </c>
      <c r="E301" t="inlineStr">
        <is>
          <t>&lt;class 'numpy.ndarray'&gt;</t>
        </is>
      </c>
    </row>
    <row r="302">
      <c r="A302" s="1" t="n">
        <v>300</v>
      </c>
      <c r="B302" t="inlineStr">
        <is>
          <t>Loss/RPNLoss/objectness_loss</t>
        </is>
      </c>
      <c r="C302" t="n">
        <v>3400</v>
      </c>
      <c r="D302" t="inlineStr">
        <is>
          <t>0.013297124</t>
        </is>
      </c>
      <c r="E302" t="inlineStr">
        <is>
          <t>&lt;class 'numpy.ndarray'&gt;</t>
        </is>
      </c>
    </row>
    <row r="303">
      <c r="A303" s="1" t="n">
        <v>301</v>
      </c>
      <c r="B303" t="inlineStr">
        <is>
          <t>Loss/BoxClassifierLoss/localization_loss</t>
        </is>
      </c>
      <c r="C303" t="n">
        <v>3400</v>
      </c>
      <c r="D303" t="inlineStr">
        <is>
          <t>0.1342955</t>
        </is>
      </c>
      <c r="E303" t="inlineStr">
        <is>
          <t>&lt;class 'numpy.ndarray'&gt;</t>
        </is>
      </c>
    </row>
    <row r="304">
      <c r="A304" s="1" t="n">
        <v>302</v>
      </c>
      <c r="B304" t="inlineStr">
        <is>
          <t>Loss/BoxClassifierLoss/classification_loss</t>
        </is>
      </c>
      <c r="C304" t="n">
        <v>3400</v>
      </c>
      <c r="D304" t="inlineStr">
        <is>
          <t>0.16667695</t>
        </is>
      </c>
      <c r="E304" t="inlineStr">
        <is>
          <t>&lt;class 'numpy.ndarray'&gt;</t>
        </is>
      </c>
    </row>
    <row r="305">
      <c r="A305" s="1" t="n">
        <v>303</v>
      </c>
      <c r="B305" t="inlineStr">
        <is>
          <t>Loss/regularization_loss</t>
        </is>
      </c>
      <c r="C305" t="n">
        <v>3400</v>
      </c>
      <c r="D305" t="inlineStr">
        <is>
          <t>0.0</t>
        </is>
      </c>
      <c r="E305" t="inlineStr">
        <is>
          <t>&lt;class 'numpy.ndarray'&gt;</t>
        </is>
      </c>
    </row>
    <row r="306">
      <c r="A306" s="1" t="n">
        <v>304</v>
      </c>
      <c r="B306" t="inlineStr">
        <is>
          <t>Loss/total_loss</t>
        </is>
      </c>
      <c r="C306" t="n">
        <v>3400</v>
      </c>
      <c r="D306" t="inlineStr">
        <is>
          <t>0.4346666</t>
        </is>
      </c>
      <c r="E306" t="inlineStr">
        <is>
          <t>&lt;class 'numpy.ndarray'&gt;</t>
        </is>
      </c>
    </row>
    <row r="307">
      <c r="A307" s="1" t="n">
        <v>305</v>
      </c>
      <c r="B307" t="inlineStr">
        <is>
          <t>learning_rate</t>
        </is>
      </c>
      <c r="C307" t="n">
        <v>3400</v>
      </c>
      <c r="D307" t="inlineStr">
        <is>
          <t>0.03997986</t>
        </is>
      </c>
      <c r="E307" t="inlineStr">
        <is>
          <t>&lt;class 'numpy.ndarray'&gt;</t>
        </is>
      </c>
    </row>
    <row r="308">
      <c r="A308" s="1" t="n">
        <v>306</v>
      </c>
      <c r="B308" t="inlineStr">
        <is>
          <t>train_input_images</t>
        </is>
      </c>
      <c r="C308" t="n">
        <v>3400</v>
      </c>
      <c r="D308" t="inlineStr">
        <is>
          <t>[b'1024' b'1024'
 b'\x89PNG\r\n\x1a\n\x00\x00\x00\rIHDR\x00\x00\x04\x00\x00\x00\x04\x00\x08\x02\x00\x00\x00\xf0\x7f\xbc\xd4\x00\x00 \x00IDATx\x9c\xec\x9dw\xdc=;Q\xf0\xe7\\:H\x17\x10\x11A@\x90v\xa9J\x11\x01\xa9z\xe9 \x1d\xe1J/\x17\x11\xa9J\x07\x01\xe9"\x02\x97K\x07\xe9\xbdJ\x97^|\x11A\x8at\x90ri\x82t\xa4\xce\xfb\xc79\xbb\x9bd\x93l\xca$\x99\xec\xce\xf7\xf3\xe3\xf2&lt;\xe7\xecN&amp;\x93\x99\xc9$\xd9s\x1e\x00\x81\x01\xa8\x00\x80\x99B\x08\xf5r(\x93\xae$\x03\x10\x11\x81\xd2J\x02\x0b\n\xf8\xbf \x08B\xa7\xd8\xa6\xb9\xab\x1c\xe6\xee\x7fG\xday\x90\xa0\x80\to\xab\xb0\xfcd\x10\x0e&amp;e\xab\xa1\xd0\x9eSX_\xcd\x0f\x9e\xb0\x02(F\xfe\xa24)\xb6\x046 \xf1\x94&amp;\x08\x82\xd0/\xd6r\xe2\xf0J\x81b}\xcb\x85/\xea\xff\x04\xa1\x05\xb5N\x00\xa6\xe6\xe8\xda\x12\x84\xea\x88\x03\x0b\x82\xb0A\x1a\x1c\x96\xae3\xd9*\x1bO\xfdm\xff\x1f\xd1Z\x01\x81\x0e\xeaxF\x04\x80\x9d\xe7\x82\xdd\xce\xf7\xae \xd4"1\xed\xf6\x94\xaa\x05A\x10\xa8\xd8\xed"\xa7oI\x96v\x0eV\xdc\xed\x00\x9e\x08;\xf0\x97L\x82P\x8a2\x9f\x01\x10\x04\xde\\\xb5\xce\x83\xa7\x82 \x08\x9b\x04\x11^\'\tV\x10\x98\xf3\x1a\x89Ra;\xe0M\xe4\x83\xbf\x023\xc4!\x85\xd5!\xfe\xbcN\xe4\xb4\xa2,\xfb\x99@\x1e\x95\x11\x04z\x10q&lt;\x81\xb5\xa42\x94\xfc&amp;\xd4g\xac\xfe%\xed\x0b\x82\xc0\x99\x13\xb6V@\x10\x04!\to\x85\x85\x08R\x80\xad\x1eD\xdc\x01p\x18i\xd9\xf5\x17\x04\xa1/\xe4C\xc0\xc5a07\t\xc2\xe6\x90\xfd\xd7\r\x80\x00L\x8ey\xb4\xea\x7f\xe7\xfc\x84\xe5x\x99&lt;&amp;$\x08Bcd\x01P\x96\x1d\xc8\xe3s\x82 \x08\xe5h\xbf\x02\x88/\xe6\xf7\x0b\x04\x99\x1b\x84V\xc8\xa7\xa7\x04Y\x00\x94\xc667I\xe0\tB\x10\xf2\x87\xbd\x04\x1f\x0faz\xce\xe3\xfcl\xba\xa2\xed\xe1\xcf\x86\x8a{\x0bBM$\xe2&amp;Xf\xcf\xb53|2\x18\xc4\xfe\x82\xe0A&gt;C/\xf0\xc7S\xc4{\\W\xbd+\xcc\xc3\xe5C\xed\x02%\x92]\x05\xf9\x10p\x03V\x1ar2?m\x90\xe2\x83\xbe\xceX\x116\x80\xf7\x13\xea\xb2\r)\xb4\x05WZ\x87\x08\x11\xc8\x02\xa0;\xf63\x07\xc3\xd0e\xa8\x92P\x9a\xd2\xd5\xbf8U\tB\x96m\xb2\x9e\x0fe\xb7s&lt;\xa76\xf3\xde\x8c\xba_\x16\x0c\xc2\xbaa[\xd8\xac\x19\xf9\x0c\x80\x90\x87le\xf1\xe6\'+\xf9+\xb9\xb7n\xad\xc0\xd6\x90\x998\x94*)P\x86C\xa0\x85\x97G\xc9\xa7\xbd\xdc\x14\xfc\xb86/\'\x10\xbc\xc8\x12Y\x88#\xf5o\x12\xc9\xee\xaf \x84b\xcc\xcd\x9e\xbfK\xe0\x9a\xc5\xc3\xc2\xf3\xbb\x00\xa7\x89\xd3L\x10\xfa\x00\x11\xe5\xbc\xd7N\xd1\x8f\x8c\xca\t@G\xec\xa4,+\xc5\x9f\xaes\xf3a\xef.\xf1\x89U\xdc\xac,\xb8\x92c\x19\x01@\x8f\xaf\xddnW\xecc+\xa7.#V\x10J\x10\x91\xdf~]\xfeh\xa3\x9b\xe1\x8f\x8a\x88\x81\x04\x02\xf0Cr\xd2fAl"\xd4\x03\xe5\xc0{e8\xbf\xf7\xd3z\x95FH\xf2\xf9\xa58\x8c\xd0\x19\xe2\xae\x82\xc0\x90?\x91\xc8\x14\x04A &amp;m\r\x10(Z**\xa1k\x10\x11\xe0;\xa5D\xcb\xf2X\x10\xear\xa1\xb0\xcb$2\x85|\xc4\x8b\x84v&lt;\xc3Sa\x84x\xe6\xfe#\xec\xd6\x03\x00qla\x1b\x94s\xf5\x9e\xe2H\x8e\xf2\x84U!\xde\xbcq\xc4\x01\x84\xf5c\xab0\xde\x03\x10\xb81o/\xfde\x01 \x08\xe5\x91\x10s"\x1f,\xe8\x0bv\x1f\x96\x97\xbf&amp;\xb8q\x10\xe5\x0f\xca\x08\x1b\x04\x11}_\xf8c\xb9\xda\x86\xc4\x8eP\x0c\xf92\xb7=\xf2\xf5\x89N\xe4[\x80\xfa\x82\x9b\x13#\xf0\xd3I\xa8\xc9n\x07\x007l\xadEG\xc8v\xd4\n\x18\xea\xf9\xe0\xdcg\xad\xf3w\xbb]]\x7fHhK\xdc\xb5W\xe4l\xa9\x13d\x9c\x84`\x98\x1d\x19_\x08^\xc8J\x1fA\x10\x84\xc2\xec\x1f\xdd\x89J\xc5)\x8f\xfd\xf8\xaf|ND\xeb\x83\xc0\xf8[\x04A\x10\x84t\xfcSE\\RN[\x00\xd4\xfb\xdeq^\xeb\x13A\x10\x04r*\xa4S\xffj!^\x01\xf9\x1e!A\x10t\xe4\x11\xa0\xf2\xe0&gt;\xef\xba\x92o\xc4\x134y\xdb\xff$\x8f\xea,}\xc9\x1dE\x1b\x82\x10B\xbde\xad h\x94\xfe\xbb&lt;\xcb\xdf&amp;\x1a\xab\xc0\t2\xb4\x11\x04a\x95\xc8\x02\xa0&lt;t\x7f\xc8-\xf9\x13cD\x1f5\xc3K/\x95[\xf2\x996A\x10\x04*\x1c\xf94z\xe2\xfeE\xec\r\xf2\rE\x82\xb0v\xa4\\\x13\x02\x91\x8f\xd2\x0b\x82 \x94\x06Ay\x94\x92j\xeff/p\xb7\x83\xc0\x1c._\xef&amp;\x08\xabGN\x00\x84 \xe4i\x0bAX\x15\x12\xd2\xdb\x03\x11\x02\x07}\xb7\x93\xea_\xe8\x06D|\x10\xaf\x03+V\xca\x08+\xc1\xffa\xe2\xc3\xbb%\xfe\xc4L\xf4\xb7^\x08\x82\xd0\x01\x12\xd4T \xd9\x87R^\x8c\xe4\x9f3\x9e&amp;\x05D\x80\x0b\x13J\xceC\xdcO\xc8G\xadv8x\x14\xc238\xa8!\xac\r\xbfW\x95]\x00PLo\xbdG\xc5\\\xff\xde{$\xac\x83T?,\xb7\xaa\xbf\xf6\xd6B\xe3\xda\x88\x08\xbfl\xd0\xeb\x90T/\x7f{X\xc8\xa4\x0b\xe7\xe1\xb1S9VJ\x08\xf0\xa9\xc6\xba\x08\x9b\x846\x06n\x93\xba\x00\x18n\x99\xe6\x9e\xe6\xc1)\x08\xeb\x83\xdd\x02\x80\x7f\xad\xb0\x12\xfe(\xa8,C\xc9\xc0B\x1e=,\x00\x8ed\xa6$\x02\xdc\xb3\xb5\x0e\x82\x90K\xce\xe4\x81\x00\x00\x9fC\xf9Z\tA\xd8\x0e\x12\xec\x1bF\x86~\x850\xab\xad\xed\xf08\x01\x10\x84\x03+\xf0\xc5\xfd\xb7Rt\x10\xfcBI\x9e\xdbZ\x01A\x10\x04A\xf0\x80\x00gm\xad\x83 \x08\x82 \x08\x82 \x08\x82 P\x10\xb5\x13/\xdb\xf6\x82\xd0\x1d\x12\xb6\x82 \x08BA\xe4\xef\x00\xf4H\xc4\xd73\x87\x7f\xf1se6\xf9L\xd1\x93Z+ tAfd|\x8dJ\x0f\x81\x16\xf9\x0c.KdD\xc2\x11[y8Z\xb1\x8f\x18J`\x01\xd3)g\x83\x0b\x80\xad\xf5WH&amp;\xc7U6\x18Y\x9d\xb0\xa9o\xe1\xdcH7\x05aN7\xce/\'\x00\xabg\x17ubP\x8d\xddn\xb7\xc9\xbf4\xd9Mj\x10\x1a\xb2\x8d\xd0\x90XX-[Y\xe6\x08\x82\x85-do\x81;\xe7o\xad\x80` \xb3\xa2\xa0R\xc4\x1f6\xb3\xc7\xdc\x1d(\xdfQ(\x08\x82 T\x80\xf9L\xb3\x9d\xd3pA\x98S\xee\xd9&lt;\t+\xae\xc8g\x00\x04A\x10\x84*\x0cO\x9dJ\xa9-\x08\xbc\xe0\x16\x92\x17j\xad\x80 \x08M\xe0\x96\x8b\x04A\xa0@\xf9\x0b\xf0\x82 \xf0\x81sH\xfe9o\xf5\x04Ap\x91\x10\xb9\x12\xecL8wk\x05\x84u\xa1,\x008\x06\xb9\xacL\x84\xadr\xeb2b\x89\x02J\x02S\x10\x04A\x10\xba\xa6\xee\x02\xe0ZQW\xcb\x02@\xd8*\xe2\xf9\x82 \x08\xac\xd8VZ\x96\xaf+\x12\xe2@\xc4\x1d\x00\xd8\xbe\xa6p\xac\xe6\xb7\xf1%\x86\x82 \x08\x82 \xac\x06\xdcTU,\x7f\x07\xa09\x9d\xad8w\xbb\x9d\xb5\xfa\x17R\xe9\xcc\x01V\x82\x1c=\t\x05i\xe2]\xe2\xd2\xe1\x88\xad\x04+\x85k\x9b\xc37\xb2\x88\xfb\t\x13\x15\xbc\xa1\xda\'\x01\xc4\xb3#\x90\x8fhg!\x99T`\x07\x02\\\xaaA\xab\x8c?\xe8\xc5\x0f\xc9\xba=R\xd9\xbd\xdfP@&amp;\xeb\x0fd\nMym)\x9f@\x9dB\xad\x08\t\xc8\xa0dq\x9cdR\x81\x15\xad\xbcQ\n\x8b\x08$\xeb\xf6\xc9:\xc6\xeb2\xad\x15\x10\xb6\x85Q\xfd\xaf#\x8aV\x00\xaaC\xd3Z\x19n\x88A\x84\xee\xf8\x87\x86mK\x0e\x89@\xa6BA\x106\xc0&gt;\xc7\x9dF\x92\x1dS~!S\x91\x151\x88\xd0\x15\x12\xc5\xdd\x80\xd5\x1f&amp;\x11V\x808\x8c X\x90\xc0\xc8A\xfeH\xf3\xb6\x90\x9d\xdau"\xc3\xda\x0b\x88\xf0uY\x00\x08Q\x88\xc3\x08\x82\x1d-0d?[\x10\x04A`\n\x8b\x19\xea\xaf\x1a\xb5\xdb\xbc\xe3\x82 \xac\x97\xe9\xa1v\xd9\x12\x13"6N\xc4[\x84(n\xd7Z\x01AH\xa6\xd5\xb7\xc4J\x9a\x15\x04\xa1\x18\xf2uC\x82\x02\xc2i\xa3\xdc@\xd6\x8d\x82 \xf4\x8e$1A\x10\x0el+\x1d\xc8\x02@H\x05\xe1\xd7\xc4m\x04A\xe8\x17\xf9^\x07\xa1\x1b\xe4O\xba\x16g_\n\xef:\xfe\xeb\xb9q\x7f\x1c{\xe8/\x88w\t\x82 \x18\x1c2$\x80\xfcI\xf5\x15\x82\x882\xfd\t\x9dpDk\x05\xd6N\xf7\x1b\xe1\xd1[\xf9\xbb\xddn\xb7\xdbqJ\x7f\x97n\xad\x80 \x08\x82F\xef\x13\x83`c\x9c-\xf9L\x7f\x82\xe0D\xdc\xb4,c\xf9\xbc\x9d\x13\x00~\x90\xe8\xdf\xbb\x11\x04A`\x81\x9c\x91\xae\x17\x1c&amp;\n\x19Y\xa1\x03\xe4\x04@X$;\x97M\x1f\th\xb2\xedE\x92\x8b%\xa1\x0b$\xc8\xce\xef\xd6\x196\x83\xea\xa4\x14y\x1e\xbd"\xc3v_[-\x04A\xd8\x0e\xdc\xf3\xfb\xf0\x99`\xf9t\x94\xb0i\xe4\xc3\xf1\x82\xb0j\xce\xd0Z\x01A\x10\xb6\x05\xff\x92bZ\x00H\x01$\xb4\x80\x85\xd7\x89\xff\x0b\x82\xb0\nd/O\x10\x84=\xa1[\xfb\x925\x84\xed2\x1e\x85\xed\x7fk\xac\x8d \x08B"2\x95\x0b\x02c\xea~\x1f?\x02\x1c]\xa5!A\xe8\x189\x01\x10\x04\x81\x07\xff\x97|\xa7\x1cf\xc6\xc1\xd5V\xf2i\x95\x951}Y\x8d\xf2\x05D \x03-\x08\xebB\xbe\x96J\x10\x84F \xca\x97\x1d\xad\x00\xf9\x16\xa0\xf5\xa1m\xfc\xef^\r\x12\xa5B]\x98\xeev\xac\x0b\tjA\x10\x1a\x91\xfc\xa7~\x10\x01\xdeM\xad\x8d\x90\x88\xcc"+\x03A?n\xea\xf9\xef\x0f\x08=";\xd3\x82 \x08\x82\x95\xc0\tB\xe6\x91\x1a\xc8\t\xc0\xea@\xb8\x03\x00\x00\xecvR\xfd\x0b\x82 \x08\x82\xd0\x13\xfbo\rl\xad\x85 \x08B.\x92\xc8\xb6J\xd5\x0f\xe2\xf7\x88XF\x106D`2\x94\xb4Y\x07\xd9!\x16\x04!\x1c9\x99\x8d@&gt;\x88\xef\xe5`\x1e9\xa8\x14\x84\r\xe3\x9aSd\xae)\x8e&lt;\x02$\x08\x1b\xe7v\x01\xd7\x1c\nY\xd9\x94\x01\x80\xe0}\xeb\xff\x9en\x10\xbbY\x90\xd9]\x10\x04\x182\xea[\xf4?/\x90\x96\x1f\xe4\x0f\x14\x08Bq\x10\x11\xa5\xaeY\x052\x88~\xd4\x19e\xfc\xeb\x1a\x8bFC\xe5Z9\xce\xb6#\x96\xe1\x8d\x0c\x8d`\xa2\xff5\xc3E&gt;\xb1x\xf1\x98\x04\x94T\x99\xecx/DD\xf8\x17\xf1[A(\nA\xac\xb2B\xef\xcbz\xfa\x15\xc2vz\x9a\xc8\xe0\x1bJ5\xbfP\xb6\xe2\xe1Sl\xcb\xd7\xaf,\x8e\x845!&gt;)\x98\xc4/\xda\x17.\x1e\xb3\xdf\x8fS\x8a\x8a\x9f\xc46\xc7\x83.\x94\x146\xcb\xf7\x96\x82\xfc\x9fXU-\xb9j\x18\xdb\xb4\x9c\xba\xb6z\xfa\xb2s\xdcv\xfe\xf2\xf6\xbf\x1c\x11\x08\xc2\xda\xb9\xbf\x04x(q\x8f\x15t;S\xf7\xa8\xb3\xb0\x1d:KX\x04\xaa\x0eE\xd8\x89\x00@&gt;\x1b#Tc\x8b\x0b\x80^\xa7mAHas\x01^\x84s\xcf\xf3F\x1b\xc3"^b-\xa3)\x85\x8e`\xa3\xb3\xef\xe5 \xd0v\xb7\xdb\x7f\x19\xc9\xcf\x01\x00\xe0W\xf9\x02\x05!\x84\xdd@kE\xaa!\xdf\xf1-l\x8b\x8d\x05x!&gt;\x85\xc0b\xdf\x00\x01\xce\xddZ\x87\x18.\xd0Z\x01A\x10\x04\xa1\x06\x0cfH?\xeb8\xf1xC\xc8GA\xca\x81\xb3\x1f\x04a\xddX\x9f:\x96o"YD\xec#\x84\xf2\xe3\xd6\n\x08\x82\x90N\x0f\xb55\xae\xe1\x11 \x16\x1f\xddn\xae\x80 \xd4\x01\xc7\xefUk\xad\x89 \xac\x94\x1e\xaa\x07\x0f\xfdj\xbeMd\xbcJ\xc0\xa10]?wea\xe4Z:\xe0*\xd6lB\xbfh_\x96\xd0\xda\x0f9\xe8\xb0@\xa8z\xf2\\\x9a\xa0\x80\x08\xf2\'K\x05A\x10\x84\t\x1cf\x06\x99\x1a\x84\x16(\x1b\x93m\xff\xaa\xfa^\x91\x8a\xb1\xb0\xefwl[\xf2G\x94\x05\x81\r\x99G+=\x1f\xcb\x08\x82\xb0\x02\xf8\xefz\n\xeb&amp;\xd8\x03\xbfU\xceW\x17\xff\xae\x0b}\x8b\xb5\x1a\x12\x04\xa1\x0c\xfa\x02 :\xa4\x87\xdb\x9fN\xab\x95\xb0IdF)\x8a\x98W\x10&lt;\x94_I\x96*\xd0\xa7\xbf\xed(a.\x08B(\xca\x02  7\xd9\x8e\x0b\xea\x7f[\xbc\x1c;\xac\x11\x04\xb8i\xf5\x16\x05A\xe8\x82\xb4\xd26\xe6.D\xb8K\x7f9\x01uZ\xab#\x08\xc2J\xb1\xa6\x98\xea\xa9\x07\x11\x11\x9eP?\xd3\xa1&gt;\x9dl$\xd5\xaewKIv\xcb\x04!\x8ev!\x13\x1b\xad\x87\xf9\xe8LQm\xf4\x98\x10d\x01 \x08By\x1c\x89\xa6v\xeaiy\xd0\xb9\xc1\x05\x00t:/\xc6\x80\x00\x7f\xd9Z\x87\x95\xb1n\x87\xd9,Wm\xad@\x10I\xf3Q\xaf_\'\xb5\x7f\xee\x7f}\x0b\x00\xf9\xa4p\x05\xf2?\x91-\x9f\xe9\xaeIKk\x1b\xc9e\xfc\xfb\x91\xe3\xeb\xb5\xfe\xa2$"Vk\xab?\x0e\xdf\x05\xb1\x06\xfbT\xf3\xf6\xb4\xaf\xb3X\r%\xec\\3S\xc9\x1c$\xe8 \xce\xbe\t\xc7\xe3$\x08\'\x00\xf8\xa5zSw\xeet\x98\x84\xdb~\r\x11-G\xb4V`\xed\x1c6R3\x97\x8c+\xf16\xde\x8c\x9b\x13-\xad=\xb6\xdd\xfc\xaf\xc7\xf3\xf59\x06\x1b0\x9f+%\xb8~\xd7j\x8c\xf3\xbav\xcd\xd2(a\xe7\x0f\x15\x90i\xe5\x83\x9c\xf3\xc1\xe69\t\xa1,D\x04\xb8b\xd0\xa5\xa1\xd3\x13\x1e6\xd0\x7f\x01\xf0\x07{7zL\x9f\xee4v\xb8\x90\xf2M\x1e\xb8\x15J\xc2\xf43\xe3-\xff\x88=gX\xd8D;dT\xbe;Hj\xa8\x01\xcevH\x0f\xf6\xc3\xb8?\x96s\xef\x12Q\xd2\xe0\n{\xd7\x0e1\xa6@L\xa1Y\x86c\x15\x94B\xd1\xc2i4Q5[\xad`D\x98\x83\x08W\x1f\x07\x95\r+\x89\xc6M!\x0b\x80\x0e\xc0\x8c\xa5\xb5\xfe\xd9\x8f5\x8d\xf5*;\xc5\x01\xb1\xa7@\x8d\xcc2&gt;2\x17\x00\xbe{e\x97d\x95\x0c\xc3)\xf3\x9f\x10\x87xK\x8f\xa4\x8f\xda\xec\x8b&amp;\xd6\x911p|\x0er\x15\xdd\x11\x04a\xb3\xbc\xa6`\x12\x9bJD\x92&amp;&lt;;\x86\x92\x8a\xeb1\x18\xfa\x92\x08\xf0\xb8\xa6\x9a\x08\x82\xc0\x1a\x9c\xd1Z\xa3|\x86\x8f\xd6\xac\xa4;\x82 \x08\xe5\xa0\xaa\xce\xd5CW\xfd\xe0B\xf2\xb0\xb0Y\xd6RW\t\xabe]k\x00\x1c\x0f\x01\xfa\xefKi\x8a&lt;(%\x0f_uB\xf1\xc7\xe4$\x00;\x00\x11.A5L\x92{\x05AG\x82Ah\xc1\xdb#\xaf\x7f\x1a\x00\xfc\xdaJJ\xb7\xd5,f*\xe09\xb5O\x95\xb8\x12/Z9\xe5?\'#\x01\xc8\x1f&lt;\x9a\xde\x07$\xf7\n\x9b\xc3\xe9\xee\xaf\x93o@\x12\x1a\xf0\xc7\x9b-\xc2V\xfa\xc9\xe6\x8e\xc0\xd9\x0f\x02O\x9e\xbf\xd51\xaa\xf9\xbd7\x9c-,\x9f\x95\x12z\xe5\xf9\xad\x15\xf02}\x0cQ\xa2K\x10\xea!\x0b\x80\x0e\x91\x91\xaa\xcfe[+\xd0\x06\xba\xe3\xc1E\t\xfc\xbe\x8f\xd1B\xd5&lt;\xd9\xe3\x9fc\x10x\x82\x8c\xdd\t{\xfe\x03\x84\x82\xd01\xfb\xa9}\x07\xe1\x7f9HX\x06\x11\xd7\xf4\x17I\x85\xcd2\x96\xfe\xab\xf8\xc3\xea\x9d!\x7f\tX\xa0\x82u\xf4\x16\xfe\x1b~\x82\xc0\x96\xf0\xfd\xa4";O\xbbC\xf5_B\xf6Z\xd9\xc8q\xe5\xba{\'\xec\tr\xe3mT\xff7\xb4\xbf,\xa7\xa3\x82 \x08\xfc\xe8?/#\xb6\x98`P\xfbYf\xb8h\x16\x8dv\xcdz\xba\x08B*\x1f_\xd3\xe3\x7f\x04\x1d\x99\xdf.\x1fJ\x14\x04.H(\nl\xd8\xcf\x9d\xb9\xd3\x03\xfe_\xf3\tXf8b\xbe*\x99J\xe8\x01\xbc\xf1\x8a\x16\x00W%\xf8\xac\x02\x9a\xbf"\x02\x9c\'O\xa6\xd0)k\t\x8c\x15\x804\xc5\x96`E\xac\x1a\x0f\xe5\x9f\x02hn\xff\xe6\n\xac\x8cO\x8bI\x85\x1e@\xf8\xd0\x9a\x0e\x00\xe5\xfb4\x05:\xe4\xfbYY\xb0\xaa\xbf\xbb\xc4\x13\xb1j4\xd8\xf0{\xab\xd63a3\x04\xe1\x86\xeb\xd9\x13\xad\x82\x18\xaaS\x90\xd3\x97\xef\x91( \x15\x82\x10\xc7\xc1\xf5\x1d\xbb\xcb\xb8\xff\x8b?BK\xde\xac/\x00n"\x11.l\x16&gt;\x13\xf6\x8a\x91\xbd\x86@\xe4\x0bdG\xde\xdfZ\x81h\x94\xb1\xe30|\x04:\xac/l\xb7\xf0\xc9k\x1e\xec\xfdf\x13\x1fu\xef\x8aY@\xcb\xf7\x15\n\x82P\x94\xc3W\xa3R\xe4\x99\x15\x7f\x8b\xe2\x8a\xbb\xb6\x01\xa6\x99u5\xdfW\x8b\x88+sE\xf9\x1a\xd0Z\xecvRVrd&gt;(2J\x02\x19\x08g_\xd5\x8e\x91@\xc2n\xb7[Y%Q\x8eZf\x928\xa5d]\x1b\xe5\x07$f\x05a\x85\xc8\x1f+\x15R\xf1;\x8cx\x94P\x96\xb5|x\xc9\xa5\x7f\x9d\x08zP\xf9&amp;\xb6\x85\xfe\xb1\xba\xde\x9ds\x95\xecd\\\x04\x0b\x91\xd3\xc9yV\xb2\xd8\x7f\xc1*z!4g\x1d\xe1 \xf4\xc2\xdft\xff\xf5e\xee\x19\xa7F\xed\x88\x88\x00\xbf(\xdd\xca\xd6\xd0\x16\x00\xdbZ\x03L=\xb5}\n\x82\x8f\x1d\xf05=\'\r\xa1\x14\xa1\xab\xf6\x83\xf7\xbc\x96\x93O\xfb\xe9EO\xa1k\xc4\xcd`\xf8\xba\x0c1\x85\x071\xd1\x01e\x01\x80\xc6\xcb\xe5\xeds\xc5\x8d\x8cB\xe5c"\xfd\xab\xf5x\x9a\xb7\xc4\xb8+\x9d\xb5Z\x80\x95)X)#\xf0\x81q\xd0\xe6\xb0\xbe\x1e\xad\x15\x19\xa9\xee\xd9H]\x95\x88&lt; a2\xff\xba\x98\x92\x96\xf9u\x9e\x9b\xb2\x85\xc0\xfa_&lt;Uk\x01\x90.y\xe9\xdc,Q\xb2\xd2Y\xe6\xeb\x1fA\xf0 \x8e+\xf8(\xea\x1b\xe2x\xc2Z\xc1Ym$\xde\x0e\x00\x08\xf0\xd6\xba\xcdm\xca\xecmf\xf3\xb2\x15\xf0(\xfc\xfdi\xf2\x17?\xbe\x95\xc6\xe9Ro\x14\x04V\xc8\xe4$\xd8\xe1\xf3\xed\xce\x82\x1f\x19&amp;^\x98\xe5?\xf7\x1c\xcb\\=!\x90V\xdby\x05=\x9c\xfd#F\xac@\xb8\x87X\xa9\x03$\xe1\nB\rd\xda\x10\x1a`Y\x00T\xe0\xf3\xa97\xd6\x9f\x8f$*\x03\x892T\x93*\xf9\x1bE\xfd\xc7\x16D\x1bt\x9e\xb0.\xff}\xdf\xdf\x13\xb0\x11\x10\xce\x85\x00\xe7k\xad\x86 \xac\x99N6_\x855Sb\x01 .\xbd%X\x0f\xb4\x92`\x8b/\x00\x00~}\xff\x02s\x9b\x14 &lt;\x81\xdc\xd4\xfa\xaa\xfc]\x03n\xe0z\x07e\xc5]\x13\xbaA\xcd\x98\xab\xf9\x13\x95Bw \xdd\x1f\x03.*S\x10\xa2\x19\x92l\xe9\x04\xab;\xfc\xa1\xcdr\xcd\xf1c\x83]\x16\x04AHE\x1e\x1b\x15x \x1e\xc8\x84\xaf\x0e?\xdc\xab\xa5\x16\xab"v\xfb\x9f$\x166x\x02 \x08\x82\x05y\xe2M\x10\xf2A\x80\xf3\xb6\xd6A\x10\x8a2\xfe\t\x82\x137Vd\r\x94\xf8B\x9ep!\xe4k\x80\x8aO\x8a\xb6\xd8\x96\x92\xb3\x83\x8d#GH\xc2\xba9$Uy.B\x10\x04a\xbd\x8c\xd53U\xaa\x9f\n\xf2\n\xd3G\x93\xe7\xf7\x8e\xa8\xd9\x98\xc0\x8f\x9dT\xff\xab\xe6\x81\xad\x15h\xccP\xfd\xb7\xd6C\x10\x04A(\xc5X\xac\x9f\x8cH\x1aV~\x9eh\xb7\xdb\xa5V\xff\xe3\xd1\xc7_\x12\xeb$\x94\'\xc0\xcb\xda~\xb7\x83&lt;0\xdd1[\x1f8~\x8f\xfb\xb3RF\x10\x04\xa1o\xc8\xbfT\xf71\r\xbe\xa8\xd7\n.?\xd7\xf4h\xf5\xe3\x162\xb9\xac\x92\xa6\x0b\x80\xb5}ab\xfb\xa8\x16B\xa0\x19 \\\xf8{\xef\xf5\xc1C8\xb3SL\x10"X\xdb\xbc\x90\x88\xbf\xfbO- \x933\x08\xd5\xbd\xa2\xcc_\xd5@\x00\xbc\x7f\xe3\x14\xfd\x99\xa0\xd6q\x98Pd\x01 \x94aU\xe52\x8f\x95}\xff\x14\xb7\x1e\x81|\x96\x03\xadl\xd8\xf0R\xac-b\x8a\xee`\x18\\\x8c\xc80\xce]\x89U\xa9F\x83\xb9\xd5\xa8\xff\x89&gt;L\\\xf8/\x18\x94\xa1/m\x05A\xe8\x98\xd8tS?=\xf1\\\xe9\xf58\xb5\x08\x82\x03^\xc1\xc5\x07\xe4w\xf6X\x81\'WN\xb9\xb3\xea\x9ff\xdbh{\x03\'\x08\xc5\x91\xa0\xda2\xcd\x16\x00\xfc\x1c\x8f\x95&gt;\x84\x87\xe6\x82 l\x1d\xea\x05\xc0E\xacM\xec\x13\xce\xac\xf4\xcfow\xdc\xfe\x0f\xb8R\x10\x84P$\xae\x84 \xc8\x1c\x80\xdf\xf6?7\xd2VG\xaf\x9b\xcb\t\xb0\xb3\x0c\x84 \x08\x91\xd8\xca\x86\xbb\xdak\x89\xca{=\x92\xd0\x04!\x98\xe0\xbdX\x89+AX\x1f\x0c\x8fb\x04A\xe0\x8d\xfd\x81\x1ck&amp;A\x80\x7f+\xae\x8f \x08)\xc8^\xac U\xa0 \x08\x82\x10\x8a\xed#\xb9\xa5\x1e\xec|J\x01\x99\x82 \x08\x02@\x99\xac-\x1f\xab\x15\x04AX+\x96\x05\x80\xe3\x99\xc3WV\xd2H\x10\x04\xa1\n\x1fi\xad\x80\xd0\x84S\xca\xaaF\x10\x046p\xf8\x93X\x87_\x1d\x0b\x00I\x98\x820=p/\xf1\xb0\x028\x0f"\x13\xdd\x86\xef\x82\xf8g&amp;\xfa\x98|.\xe5\xcc:\xef\x13\xcc\xefgj\nA\x10\xc2\x18\'\xf1\xcb\xb4\xd6\x04\xe0PT\xb4l\x9f\xcdt\xa3\xc3\xe5\xcb\xa6\x11\xe0o[\xeb 0a\xfck\xa3B=\x86D\xc0\xf1\xab\'K\xc0\xa5\x9b\xd4\x7f\x08\xa6\x00\x0fM\xb0\xd5\xb1y\xe6\xe5j\nA\x10\xba\xfcS\x80\xcd\xb5-\xa4\x80.\xf6m\x08pT\xcc\x8dL\xbeo\xba\xb9\x02\x82\xb0i~\xdeA%*4\xa1\xfd\xf4 \x08\x02\x0b\n\xfc\xf1\xda\x8d@h\xabA\x94\xf9-C\t\xab2\x9eCy\\k\x05\x04acHZ\x17\xacl\xde%\xb6\xdcw\xc1\xcaf]\xc2\xa8\xff7k\x87v&lt;\xecpPo\x19\x82\x17\xaff\x01\x10\xc4\xae\xb5\x02\x82\xb0\x1e\xd4\x14\xb0\xdbIp\t|A\xc4\x1d\x00\x14\xf1R\x94\x99E\x10\xfc\xec\'\x0b\x99&amp;\x1a\x81\x80\xd3\x1at\x1a\x05\xc4\xf8\x948M\xfb\x19\xa39\xe6\xcc\xbd\xacJ^qD\x9df\x04A\x10\xfa\x83\xf0\xd1\x9d\x0e\xf7\x87\xbc\x14\xfdFWSx\x8f\xbbk\x82\xe0a\xb7\xdb\r\xf5\xe2w\xdbj\xb2I^d\xaf\xb1S*\xf8\xddp\xeb-s\x14\xda\xe7\xbd\xe1\x89\xa4\xcb\xe6\x89\x12\x84M\x10}ZWD\x0bE&gt;\x8f\xcf\x03\t|\xc0!\xb3\xf7\xed\x15\xe3\x17\x8b!"\xbc}\xfc\xb0{%~%\x0b\x00A\xd8:\xc6\xd7\x80f~G\x02\x02\xaf\xc9\x1a\xa5~\x10\x84\xa2T\x88\xabO\xc3#$z\xb9\xd3"\xc9\xf6\xee\x158\xce\x9a\xf0\xad^\x9fy\x15\xbaB\x1cL\xb0pH&gt;\x0f\xc8\xfb\x96\xe4\xe9\xab\xd2Y\xb9\xd9\xb0\xc9"\xd9U\x10\x00\xa0\xc3\xafK\x13\xf8S0\xef7\xde\xc2)[\x9a\x9fW\xdf\xa9\xea\x94~5\xdf\x142L\x82\x8b,\xdf8\xa4/\xcc,\xb5o\xa6\xe9CY\xb5#|z\x98D:N\xb3\x82@@7\x0b\x80\xce\xab\xa2\xad\xf1\xbc\xd6\n\x14a\xe6\x84\xf7\xb6M\x96\xa7\xc9\x9b\xf9*,\x00\xf0Rr\x14.\x08\xab\xa6\xd5\x8cI\xfeEL\xba\xb4j=\no\x08\x01~QP\x11A\xd8&lt;\xbdo\x8br#\xd3\x98\x1b-\x1f\x11\xf1\xe5\xfa7[\xdf\x18\x11\xe0\xf7\x8dk\xb2\'\xbf\xb2\xb6\x1dt\xbb{\xd1V\x84\x02\xbc\xab\xb5\x02\x84\x94s\xf2\xef\x16\x93\xcc\x1c\xcd\xa4\xcdfLs\x01\x90\xab\x03\xf9\x8a"\xb0\xd9\x90k\xaak%\x08\xdbC\xc2\x8c\x96L{*\x99\xbd\xe7\x11\x89\xef\xfel&gt;\xb3\xd8P\x9f\xab\xde\xb4\x82\xcf(\x0bL\xf8\xbf59R\x8dd\xbe\x16[\x85\x82\xca\x7f\x9bC8e+\x19\x95S\r\xd0bY"pG\\\x81\x96&amp;\xc7\x7f\xeb\xc7\x9f\xb3\xfc\xd6^K\xca\xcb_\x00X\x84\xcc\xdc\x15\x11\x11N\xd6\xd0\\+\x18)\x01\xfa\xc9\x81,4,\x96\xa3\xfe\xa2\x80\xcc-\x90\xe5\xbae\xeal\xbf\xb4\x93\x86H\x18\xd6$\xe7\xa2\xd1H\xe8\x1f\x16\xe9\x0f\x1a|\\\xf2\x93\x85\xe4\xf2(7\xf7\xc6\xbc!\x9f\xf1-\xc7\xde\xe0Ot\xdb\x9c\xc7\x880\xe1V\xb6\x17\xe7\x8b\x84\xb2\xcf\xf4\x97\x14.\xb0\xe0\x10t\x0fd\x1ez\\V)\xa5r\x14k\xe3s\x86\xdb\x89\xf1\xa22\x8b\xaa\xbe\x98L\x17A \xa7v"\xe6\x91\xf7c\t\x9d\'^\x8b\x1dv0\xfdDx\xc9&amp;\x85M\xc1\xc2\xd4Ge\xdc{-2-\x82\xe0`.\xa10\xfb\xa0\xa8\xbd\x0f\x1a-\r\x11\xe1\xfb\xed\xbdQ6)\xf8\xf1\xd2\xd6\n\x10r\xb1\xd6\n\x08\x02\x1f\xc8\x1e\xce\xab\xfdD]LsRfEq\xce\x8c{{\xb6\xb3\xd5\xa3J/i\x16\xe4\xf7lO!\x08y\x1cyN!Sl\xd9\xc2\xb7\x933\x10A\x104(O\x1b\xea\xe6\x17\x992\x05r\x98y\x14^\xa0\xc6\xf2\xa3\x88\xdc2bW\x88|\x1e\xb1\x16\x1f\x13\xb7\xdc\x187o\xad\x80\xd0\x12\xaah_q\xd6\xe8z\xd6\x91}}a\xce\xd7a\xfcK1,\x9eG\xca\xa4h\x17x}5\xc76\x19\xab\xff\x87/\x7f\xb8_\xf0#&amp;\xdas\xa3\xa4\xbb2S\rC\xe33TI\xa8\x87\x0c\xbf\xc9l\x9f\xa9S\x13]\xa7ns\x1dY\xa9#U\xcbrp\xf55\x94M%\x17\x00\xe20\xad\t\xdc\xfe\x97\x05\x80\x10L\x9a\xab\x18\xd9 V\x88\xf8\xa7 \xf0F\x9fiXM\xff|4\x11\xd6\xc06\x9e\xa9\xc8\xec#\xab\x0c\xb0Q\xb6\xe1\xa8,`\xf25G\\\xd1\x8d\xf3W[0\x94\xf8\x83\xb0%\x86\xc9\xe6I\xfb\xdf\x1ak\xe3\xa6\xe4\x8c\x88\x10\xb6\xe5&amp;\x08\xfc\x117\xee\x1dN#x\xe6\xd6\n\x94\x05\x11\xff\x1f"\xc0k[+\xc2\x93\xcc\x13\x80\x0eY\xcf)\xb1\xd0\x01\xed\x97\x9b\xbd\x14\xbe\x85\xb6j\x0e\xd1\xdeM\xd8\xf3\xd7P\x10\x04\xa14g\'\x912L+\x92W\xad\xc4Z\xe6\xe3\xa5\x14\xa9\x86l\x05\nB&gt;\x05\xeau\x84c\x8b&gt;\xfa\xbcYd\xfe\xe3\x83\x0c\x84 ,\xb2\xcd\x94U\xb9\xd7\x08\x80p\xeb\xad\xd9Y\x16\x84B=^\xd5Z\x81B\xb8\x96\xd1Y\xa1\xb5\xb1uy~g\xc3\xcf46e\xd8\xe2\x0c\xceoZu+{K}\x1c\xa6\xad\x8c/\xb5V\xa02\xe2`EA\xde\xa5pi\xad\xd8v|\xd3\xacmHV]\r\xfc`\xfe\x92\xab0\n\x06\x01\xde\x9c\xa3SW\xf4\x98\x83\xbaS\xb8\x00\xd3!\xb2:\x82\xe8^\x15\xaf\x98\xbfj\xad\xc0F\xe81W\x08\x8c\xb1\x7fcr[\x1f\xab~\xfa!\x08\x02!\xd9\x0b\x00\x98}&amp;\xe9\x1d\xb3\x17\x05\x81!\xe2\xa2\x82\x15\x8aRcs\x0bK\x00@\x80W\xb4\xd6aS4?\xd6\xdb\x9a\x87\x0b[\xa1yh\xd5#{\x13t\xdaR-\xf8\xb1\xe0\xac3\na\x1d\x9c\xcf\xfbnG\x03\x8d\xf0\xed\x8e\xb4\xed\x94\x8f&amp;\xdcC\xf7\xe7~W6\x83,\xf6\xa5T\xf2_\x0b\x85,#\x06\x17VH\xe3\xec\xb9\xa9\x07\x03\xe8:[j\x02\x90\x05\x80\xe0\xa7\xb7?(\xb6\xc1G\x8fz\x00\'\xe0\xaclG\xe7\xd6-r\xdaB\x8b\x14\'\xc9\xeb\xc68\'gk+\x9eZ\t\x1bB\\P D\xdc\xa94O\xa9\xdb\x9ce@\xf9\xd5\x1f~e6\xbb\x00`\xdeee\x01\xc0KU\xf3\xb3+-u\xb1A\xe0\xcf+\x0f\x87\xa9w\x15w+\x12\\e\xdd\xa3 \x08\xc4H\xc0\x08\t \xc0\xa3\x86\x1fbo\xe4\xe6r\x95\xf5\xb9\xbab\x84\xd36\xd2a\x91\x85aR\xf6\x9a\xb9i\x1e\n\xcbB9\x13\xe7\xa04\x1e)\xa5\xf5\xf2\xe5c\x9ad\xaa3dB\xd8zf\xad\x13\x80\x94\xf0|l\x11M\x04a}\xacn\xfe\xab\x83X,\x19\x9e\xdb\x93\x07\x8aUH\x1c;\x9b\xc9\x1a\x17\x00\xbdvd\xc47(\xad\x1fI\x05}\x01\xd0\xaf\xdbx \xec\x1a\xe7&lt;Y\x91\xca\xdd\x7fN\xad\x866&gt;\xac\x02\x0b\xac_\xcb%\xf8Y\xed\xec\xe5\x80\xb0\xa78Y\x8f\xa9\x01\xabi\xf5\x16D\x84\x17\xae \xfan\xddZ\x81tf\x81\xbc\x82\xe1`\x1a_j-+\x0b\x80pQ\xfd;\xa40r\x99a@eL\x05FD\xba\xe3\x8dj\xba/\xa7h\xd9\xed5A\x83\xd9u\x8b\n\xbf\x82^\xb7\x82|\x9eZ\xe0\x95\xa9\x05\xda\xb0\x0c\r\xb3\xe5\xee\xbeJ[c\x19$4\x84km={\x82\xfc\x86\x0c\x95\xcc\x87|\x01 $\xc0\xd3n\xe3\x80"\xc0\x13\x1a\xeb"\x08\x03&lt;\xa3\x05\x00\x00\xce\x95_!\x9d\x9fF\x13\x80\xbd\xa1Nm\xd6\xff\x96gmyUu\x1b\xddu\x98\r\xcd\xadeG-\x101Q\xc7 \xe2\xf9\x19\xe5\x1fk\xf2\xc1\x8f1\xd2\x90\x9c\xb6]\x93\x147\x82\x88x\xd65{\x9a\xc0\x97\x8e\xdcn\xb5)c\xf1\x145i\x97ey\x01\xc0k\xf3\xa6\xfb\x05@+\xcd\xbb6Z"\xbc\\WH\x84\xcd\x08\xcas,U\x18g\xba\xe7\xaf\xeb3-9\xb0\x9b\x88\x05\x81%\xabJ\xd0Q\x0f\x9b\xa6&amp;\x88\x0b/\x1c\xf5\xee\xdfB\x04\xb8Z\xbc\xf0\xb5\x13\xbf\xe2r\xf8gi\xa7]U\\\x04"Sf\xff\xb0:\x81\\q\x10!@\xe9\x8fV\x1f\x19x\x9d\xb2\xd5e|\xa6e\xad,wM\x16\x00\x82\xb0=\x94\x80_J\x01\x88\x88\xf0\xdc\x12\tbhw5\xbb_\xff\xd8\xb0\x17\r\x17\x00+c}=\x12L\xa4\xee\xa9\x05Z\x9e3\xa4\x93\\@,\x1f\xb2:\xa8L\xac\xaf\xf2_\xc6\xf2\xf4\xa9\xf7\x03y\xa1,9\xce!^\xa5\xd3n.\xd4\x9f\x11\xeaw\\8h.\x8f\x00e\x82\xca\x7fAf\xa0u\xd3\x7f\xce!\xe1*\xe5\x9b\xd8[\xf8#\xc5$\xc3Z\x07q\xa8\xe0\t$9O&lt;\xf8\xee\xbe!c\xdd\x04a=8\x1f\xd3_\xbc\x91\xb2\xed\xed\xec\xc6\x85v\xb3\x97\xa7T\xd3\n\xa9{\x16\xd1\xa53\x8ea6\xb2\xac\x94\xe9\x97\x8eRY/zn\x13\x04\xf8^\xe1\x16\x10^EUd\xd3\xfa\x12\xc2\x87\xd0\xf6%u\x82 \x90r\xc2\xc6\xf57.|T T\xc8\xba\x98\xaaj\xfek$\xaa\x8f+l\x0b\xae\x03\xcaP%\xa1\x0c\x1c\xddO8@w\x02\xe0\xe1\x8b\xd9\xd9x&lt;8%WU\x16\x00\xc2\xc4\xfc\x18K&lt;\x83\x90K\xd1\xaf\xe0\xaf\x13!\x90k1\xd4\x90ag\xfd\x8d\xfc\x17\x00B\x02\xf2\x08\x8aplk\x05\xc4\xfd\xd8\x82U\x16\x00\x90\xed\x03\xa8\xfc\xa3E\xfe\x02\x8c0\xf1z\xfdW\x99;Y#\x05+\x05\xe1\x1f\xd4\x16\x08\xf9U\xa5\xdcb\xfey]A\x10\x04B*&lt;D:\x9c\x00\xd0\xcfMr\x02 \x08}"\x05k\x19\xc4\x9e5\xa8\xe5\xbd\xd7\xad\xdb\x9c@\t\xe9\xc7\x88\x87\xcf;\x8a\x0f\x08\xf4T;L\xd8s\x1d\x1a1\x92\x15\x05\xc1\xcd\xe7\xdcoI\xcc\xac\x94&gt;\x1e\x1a\xc99\x11v\xdd\x98\xdd\xeb\x98\x89\xe4\xa5u\xe7\x9e\x8a\x0b\x80\xd3\x97o"\x10\xfen\xec\x01\x95A\xcb\xef\x08\xad\xb4mr\xd3\xd1\x8c\x14\xae\xb5\xb6Q\x18\x16\x00\xb7n\xadH\x0cXy\xdd"l\x88u{\xd5\xba{\xb7](J\x04\xf4\xef\xacp\xadB\xf2T\xd2:\xf5\x87\xcbm\xbd\xa5\xe8w\x80\xaa\xca\xa8\x07\xe8\xe5\xcd\xceh\x01\xe9V\xe3[\xd54\x8cm\xe8Y\xd3\x9dS\x10\xd1\x9c\x00\x90J\xe3\x0b"\xc2\xcfJ\xf4\x91t\x11\xc51\x01fR4\xa1\x8dM\x08Bq\xc4\xcf\x84\x8d\x92:\xbd\xa1\x15k(q]\x00\xe4`\x94\x05!\xbd+;S\x0e\xca\xe0\xec\xdf\xd6\xf9@U\xf7\xcb\xfa\xf2\x13D\x04\xb81\x99*\x88\xc7\xac-\xeeL\xca\x9er\xd0-\xc9\xea&amp;\xc0\x84\xb6\xfe\x9d^\x8bl\xb6\xb0|\x15Zs\xf7\xf5U\'\x82\x10\xcca\x86\xfbN\xe4\x1d\xae\x05\x80\xf3\xa6|M\x8b\x91\xb2\xfe\xd1\xcb\xeb%\t\xb7\xa8\x90d\xf4\x05\x80&lt;\xff=!\x19~\xb5\x94]\x00\x00\x04%\x87\x90\xd6Y/\x00\xb8\xfey,\x9eZ\t}bw\xa6W"\xc2[\xc5\xc9:\x80$\xd1\xcb\xa6\xc2\x8c\xb8-.O\xf5\xdfs\x99\xf5G\xc5$O\x0f\x12\x14kBmMY\x00\xf4="\x82\x10B~&gt;\xcf\\\'\xe3-\x96og\xbe\x14G\xb8\x9bL\x8b\xc2\x9aq\xcf\xc1R\x11v\x02\xc5i,\xcdy\xeef\xf1W\xff[*7\x03{:\x15\xe2u\x8dsXu\x9c1\xb3Q\t\x16F\xc8X\x14\x81"6\x03\x16\x00w\x97\xb1\x13\x84fl\xad@\x19\x98\xba\xfc\xdf\xe3K\xe4m\xe4\xdd\xfbD2EB\x9a\x0b\xf5\x81\xed\xb9J\x00R\xfd\x1f@\x0c{\xb0$\xe61!z(6G%\x10x\xf0\xe8\xad\x85X=\xae\x9d-A\xc2\xa4&gt;bp!\x0e\xf1\x18\x00\x00D&lt;\x8bL$\x95A\xfc\xf0*6S\xbd\xd5\x7f\xf7\xbd\x8b`|\xd2\x86;\xf1O\x03g\xb5&amp;Ej9\x16\xfd\xad\xb2\xe5\xd1\xf1se\x18\xf8\x9b|\xb3\xa4 \xf0\xe6\t\xad\x15`\x83\xa4\xaa\x06\xd8&amp;\xef\x1a\xd3\x86\xefS\xb9i\xdb\xf6d\xdb\xff\xaf\xeb\xd9\x0f\xab~\xc46\xf3\x84-\xe6\xea\xbc\x85\xdc\xc1\x13v\xf9f\xe9\xd97\x9a\xd1\xc6h\xb6\x0c\xb0\xb1\xe1;\xc7R\xd4&lt;\xac\x8b\xcd\x02AX\'\xd7\x96\xf0\x13\xb2!v!e\xd6\xfc&amp;\x89&lt;\x18\xbe\x8f\x7f_\x98\xba\xebr\xcc\xf9d*\xd5c?\xd9O\r5\x8d\xe8\xea\x0f\xf4\x97\x14&gt;\xfd\x8c\x88\x00wJ\x97Eq\x16\x84\xa3\x0f\xbff{\x8f\x96u\x88\x99\nN\xb3\xc1\xed\xf0%\x9foy@\xda\xcbYe\x1ak\xed\x97@\xcc;\x03\xaf\xdb\xf6|\xb3x\xc4\xbc`\x9cm[/\x81?!\x92s\x18\x1a\xf5\x81\x1cW5\xb6xA%r\x0f@h5\x8f\x93\x86\xd3w\xecT\xb0\xde\xdePO.!yX."\x00\xc0g\xb2\xab\xed\xf3\x12\xd4\xeb\x86\x7fJJa\x8e\x9as\x0e\xbez\xbd\xad\rY\xd3D\xba\x00O\xad\x04A\xa8AT\xfc\xbb.F\x00\x84g\xb0M%\xb4\x8a\x05\xd4\x1c\xcc\x8a\x12D\x84G\xe3\xf8\xb3\x7f\x93\x9e\xcb\x02\xa0gH\xce@\xc2[+\xb7\x83\xa8\xfb\x00\x9fj\xfb\x9e@t\x9e\xb0:8ZC[\x00\xacy\xbf\xd9\xc3b\xaf\xef\x98,9 \x106hpAX\'\xa4\xfb\x9a\x1e\x93\x14\xa7\x00\x00 \x00IDAT43:\xf3\x9cN\xaa^\x97\x9f\xe82\x14~tH\x85:\xbc{ta\xdd\xfa\xc2\\G9/\xfc\xe7\x9a\xfb\xd3\xa5Z)SdSI\xe3\xb3 a\xc2\t\x01\x11\xde\xcb\xd4&amp;\x8a/\x9d3\xea\xbe\x84f\xe2niL\xde\xa2H;`\xf14!\x08\xc2\x86\x90\x98\x1f\xb9=i\xad\xb0\x02\xc3\xfaN\x00\x8c\x8bj\xaa\xc5\x1e\xedl\x84\xc1\x0et\xa7\xa3\xc3|\xbf\xa0k\xf8\x1av\x88\x97\xebE\xdd\x14\xdc\xa3\xe12\xa6\x1b4\xce\xc3s\xc4\xcc\x13\xbc\x84,}\xbd\xf8\xe66{t#\x08=B\x98\x049\xe6\xd3X\xa4\x96\x9d@4J\xd8\x95P\xb8\x1cG~\x0b\x80@\xf8k(\x08y\xb0\xcec\xf8M\xc7\xd7-\xecy|\xe54\x12\x9f\xf6;It\x82 \xa4\xf3\x1f\xd9\x1f\xbb\xe4L\xbez\xcc;\x08a\x1a&gt;}\x95\xd5?\xc0\xa3\xaa\xcdR\xfd,\x00\xa6EKkM\x84uSv\xe1M/\xbfz\xcdmy\xa9Y\x0eIh\xf15E\x14\x11\x04\x81\tk,\nI\xe9\xc08\x01\xea\xad\xb3\xfa\xaf\xcd\xc1\x80\x88\x007l\xad\xcb\x9cS\xc1z\xcfy\x04\nh\x8a\xceZ\xaeU\xe2c\xeeU#\xc2Q\xe8w\xb42\xbfNk\x05\x04A\x98 \xce\x1dR+,\xc2\xde8\x0f\x08\xf1\ne\x94O]G\xaddx[[\x85\xa1\x9e\xca\xe6"\xe2\xbb\xbb\xb1\xa4\x90K\xd8\x8e2\xcdw?\xc8\xe1\x12\x9c6\xd0\x02\x1clu\xc9\x8c{\xb7=\xca\x82P\x91\xa0}\\Y\x00\x04s\xe4\x92\xad\x82\xba\xdc\x95q\x9c\xaaf\x8frM\'Yn\xa5\x9f\x11\xa9\xced\x99\xcb\xc8\xfc\xbd%d\xacC \xb2\xd2\xfd]\xc9\xb0y\xb9?\x87\x9b&gt;\x82 X\x08\xdaQ o\xb4\x87g\x9a\x0bp\xab}\xaf\x8d\x079\xde\x04\x00\xca\xe3\xa78\xfcZ\x99\xbb\xa4=\x02\xeb\xa9\xd1\xb3GY\xf5\x93B\x06\xc1\xb7\x85\x96\xf5\xe4K\x91\xa3H\xa5\xf1\xa1\xa8\xeb"\xc0ef/&gt;\xb2d\x8bBi\xaaM\x04\xcfn\x91WI{gO\xa7\xef\xe47\x93r\xd3G\x10\xdaP\xf0O\xe7\x1c\xe4w\x19lx\xcd\r\xee\xa7Zj\xe5\xc3\xf0\xe9\xa7"\r,3\xd6\xd9\xb1\n,.\x00\x82\xebf\x04x\x87C\x80M+\x1aC\x85\x1fFu\x1ah\xf5)\xbd\x00(\xba \x14h\t\xdc`*6\x9aZ\xf6@\xd8\xd5v\x9b*g\x98\xdd\x85\xc3&amp;\xb7\xff\x84\r\xb2\xa2g]V\xd0\x05\x93\x8aC\xf3\xf9}[W\xd3\x9a\x9b\xf2`s?\x99\xe6\xc8\x98\xd4\xbc\xb8b\t]\xd2\xd8\xbf\xa0\x1a\xf5\x02\xbd\xc4\x02\xa0\xbd\xe5WG\x05Kv8X\x1bu\xb0&amp;\'\xcc\xa3Xs\x07\xe1\xe4\xd5\xeb\xceC\xd3\xe3_\x0c\xb8e\x81\r\xc1\xd7t\x96\xbe$\xe5\n[a\xef\xe8W\x15_\xd7 \xb5F\x8emi\xd2P\xd0\xb3\x1cS\xd6\xbb?\x02\\jz\xbe\x05[=\xf3\xd3;k\xb2\x18\xff\xbe\x84iXi^w?\t\xcdugQ\xca\x1d\x07\xf3\xb5=\xa1\xa1\x8c\x05@\x93\xef\x98\x1f}\xd2\xd8\xce\xa0k\xa0\xb7bZ\x16\x00\xc2&amp;\x10G\xafA\xfb)?\xfa\x81\x99q\xbb\x1d\x11\x01\xfe\xbc\x9cf+bn\xe4ru\x83\x90H\xe8\x81Ov+\xae\xa6\xeb\xe6[q9\x12J\x05\xb2\xe6\x12\xcd\x16\x00v\x95\x1a\xea\xd0\x18{\x9c\xfev\xeb#2m\xef\xa0\xb9\x9f\x08]\xa3&lt;K-\x9eT\x9c\x1a5\xc7\x92\xfc\xf0\xd6\xf1\x85\x11E\xd2\xb4i\x14,\x9f!\xf9\xa33=\xf6\xad\x98B5\xa3\x04\x1a\x0b\xea,\x00&lt;M7T \x86\xde#:\x90\xe6\x03\xb1\xdbg\x86\xc1+\x9e\xd3Z\x9f\xfev\xeb\xe9\xb1\xc6\xe9\xf4\xeb\x8f\xdb\x8c\x91\xaa\xd2\xc9\xbb\xc8!B\x11\xfe\x99j\xe0\xb7\x1d\xe7\x8f\xae\xd9\xd8\xd1\xd3\x834+\xa3\xa3\x9a\xc6\xce\x15F\xfd_\x9f\xa9\xff\x9d\xcc\x05\x80\xb2\xb1\x07\xeaS\xb6\xfd\xd3\xefp\xb7\xf5\xd5^"\xa5\x17=)\xe0\xd0G\xeb\x96s+b\xc7\xbd\xbe\xce\xe5=s&gt;\x1cSD \xfcG\xe3\xec\xc1\xc6U\x846\xc8\xd8\x8f\xa4\x99\xa2\xc5s\x96\xf0\x90\xba-\x86@d\x87\x9ek\x05}_V\xe3\\\x99\xfd\xd2\xaa(\x0es\xfc\xb1T\x82jV\x87\xb4\x16k=\x04} V\xaa\x0c\x9fm\x94x5Z,\x00Z:g\xdb\xb3\xdc\xe1\xd9\r\xcb\x97\xf5\t\x9b\xe3\xe5\xab\xd9S\xac\xce\xcb[+\xd0\x9e\x9f1\x98o\x1a\x823\xac\xef\xe6\x98H\x91\xf9\x06\x06\x0b\x80.\xa16\x9a\xd8_`\xc8!9\\\xb2qN\x1erTD\xc45\xd1\xb6\xb1\x95\x02Z/\xaaa\xd1%\xd0\xa6\xab\x82\xee\x90\xa1\xca\x87\x97\xc7G\xe6\xdf\x8e`ggD\x84\xdb\x0e\xcf\xe8[\xdeDD\x84\xdf\x88\xd5\xd9z=\x87\x13\x80.\x11\xbb\t\x82\x83\xf7P\x0b\x1cc\xed1\xd4\x92C\x15\x08\x9c#x\'\x04T\xfe\x85\xdf\x12+\x1f\xcaL\xa9\x9c\r+\x08\xebg\x8d\x11X\xb6\x8cS\x13b\xc2]\xb37\xd4c\x01\x1a\x9d\xd5\x05\xc0\\\xe0\x0b(\x9aX\'\xb2\x00\x10\x04\x83rA\x91!\xf6\xd4\xd9\x8d\xbfo\xafB\x96\x8cG\x17L\x14\xc1fO\xa8\xcb\x11\xe0&gt;A\x17\xfe\x8f*\x1c\x93\x16\x1b\x82 \x08\x15)0c\x9dY\xf9\xf9T\xca\xde\x15A\x13\xda\x02`\xf9\xeb\x95\x02[\xc4\x1b\xd8?\n\x9c\xa80\x9f\xb2\x98\xca\xec.\xe1|z*\x08\x1c\xd0\x13\x14\xbd\xe8\xb4\xfbVP\x83zL\x1als\xe3C\x02\xea\xc5\xcf2\xaf\xd4~V\x7f\xfd\xaa_\x87y\x8b\x88x\xe9,g\xe8~\xec\x84\x0066\x8f\x16.\x1d\xb6e\xcc\x1c\xaa\x94q{\xf9\xa7\xf2_\x13!+d\x01\xb0\xbf\xe6\x02QG\xbd\xe7\r\xbe\xd8\xc3\xf7\x18\x95\xc5\xc5\xe7~\x1e\xdd\x14\xba\xe44\xad\x15(E\xccn4y\x04\xbd\xd1\x90\xc9%\x17\xe5\xf5\xd43OE,\x00\xcc\x1dzgc\xaap\xe5W\xe7\x90\xf9\x17\x00^\xad\x04a-\xcbt7f\x88\xa2e\xc3\x959a\xb9\xa3?8|\x11\xfek\xe0\xf6\xe1\n\xdc\'\xec\x04\x00\x10\xf1\t\xe8\x99eek\xbc4o\xe4\xe1]\x82\xc0\x90}P\x90\x7f\xed5}\xe6A_\x16\x8d\x152\xbd\x10w3\xc1\x02@\xbb\xe9\x02a\x17\xebb\x97\x9fM5^\x86[K\xea\x13H\xe8{\x1e\x9d\x87h\xbf}\t\x07\x01\xae\x90q7&amp;\xa5\xb6\xe8\x16z\\\xd2\xfc+\xb1A(\xa5%\rY\x7fC\x10\x0cU\xd7\x1a\xac\xe5H\x9ax\x9d,\x05\x85j\x14\x98,\x949"]2"\xc2\x9d\\\x95\xf4\xf2V\xce!\xa3\x12-\x00\x14i\x0b\xc5\xbdY\xb4\xbc\xc3\xb7\x00\xb0\xbe\xbc\xde\xc4.T\xa5\xa9\'\x89\x1fGsH1\xa1g\x1d3\x0b\xeb\xf5?\xbd\xfd\x8b\n\xdf8\t\x0b\x80\xa2+\xbdNx\x83\xf7]\xcfaBy\xa3\x15~F\xae|\x17\xb6\xecW\x85`\x956\xef&gt;\xfcP\xe2h\x9d\xe8\x04@Sl^y?8\xf2\x01\x1b\xf3\xdd\xd8\x05\xc04\xf7\xb9o\xd7\xd5\x8e5\x82\xcc\xad\xc2:\xe8\xcc\x8f\x19\xecj\x9b\xe5\xfb\xf2\rs\x85\x8b\xd5\xe8\xban\x9b.:\xcb\x11aU\x19\x8b\x80\x9dKO\xf5\xcf\xfa\x04\xa0\xb5\xf0h\x10\x11\xe0?[k\xc1\x1a%ZO8\xbe\xd6R\xa1\xe2\xe4\xf6n6\x85}\xed\xf0\xff\xf7\xdf\xbf\xfeU\xff&amp;\x88\'9\xa4n\x9d\xa0\x15\x9b\xaa\xa9\x19\xe6\xd3\x1b\xdf\xd0\x11\xd6Cw~\\cS\xcd\x1f\xdew\x89:\x01\xf0\xb4A\xbc\x00\xb8\x94\x9ej\xc9\xad\xf4zj\x81\xebg\xeb\xd5\x7f\xd0\x99\x89\xeb\xdd\n\xab\xfd\x92\xf2Sj\x97\x12 \\\x1d/\x84\xb8\x98\xd6\x04%y\xbehx\xed}\x88\x08?\\\xb1\xdd~\x94+\xc0\x9ck\x1e9\xbe&gt;LC\xbe\x05@\x11\x10\xe7\xab\x80\xfd+\xe71\x0f+\xf8\x8c,+e\x04\x81)1A\x92\x9cqB\xb7\xf6\xb3(Q\xa9\x97\xa98\x11NM\xa4\xa7\xbe%\xe3\xbf\x90\xa0\xb9"H\xa6\x8e`y\xac\x0f!p\xbbZ\x1a\x99\xcdG\xbe\x1e#\xf9\x08&amp;~"\x1e\x9b\x01\xdfD\x94\xc9\x7f\x13\x15\xe5\xbe\xc7{\x00\x8d\x05\x00\x0e\xb7T\xc0\xb2\x00(\xd7V\xa6\x9fT] \t1P&gt;\xa1A\'\xaa_\x1e\x90~\xeb\x9fE\x04\x89\x92q\xb66\xff\xd1?*J\xb8P\t_\x000\xdd;\x1fL\xf1g}&lt;&gt;\xc7A\xc3\xc0\xe5\xf4e\x8b+\x12\x0eC\xc7\x13\xb2\x90\x015 \xd9\x95\xf7L\r\x9e\x05\xc0\xe9\xf2\x1a\x8d\xd61\xec\xba\xbf\xcflF\xfb9\xfe\xa3by\xad\x0be\xa0[\x99uQ.\x94cX\xfag\x193\xe2\xf6a\xe0\xae\x00\x80p\x92\xf5Y\xfe\xa6\xad\x15\xd8\x83\x00w\x1d~\xfe\xb1#R\xe6/\x06\xc4\xc2\xf9\xeb\x9e\x1a\xc7\xc3\\\xbd\xf5r\x82\xb2\x9f\\B\x04\x80g\xb3\x1b\xd9;\xe8\xce\xc6M=\xe6\\Z,f#\xcb&amp;G\re\xfd\x8f\x9d\xc1r\x88\xd3i\x01pR\xc6U\x90rV@"i\xe8\xfe\x7f\xf3\xed\xb2\xb0\x08\xd5\xdeg\xaa\x1c\xca\xcd\xd7:8\xb6\xde\xabw\xa1\x87\xfa\x8c\xbf\x86\x0b\xf4`\xe4B\x0c~~\xf6\xd6\x8a\xac\x12o\xd2\xab\x91\x12\x9f[X~$\xd8\xdfD \xac\x1b\xed\x01\x9b\xe0k\xf9\xfa\xf0\xa7\x15%w\xe3\xa3J\x1em\xf1\x06\x9e\x95\xcfs\x10\xe0h\x803\x93\xab)tJ\x9a\xdfs}\x10\xc2\x8d\x9e\x17\x1aj\x9e{\xb8\t\x10Wj\xc4\x96\xc2\xc1\xd9\x939\xbd\xeb/\xb0\xa3u\xea`\xc8:r\x85\xb0&amp;\xe2|r\xa8d\x9eYT\xa7,\xc6\x8f\n\\R}`\xc1\xdeA\x89Ga$p\xba\xda\x88\xbb\x84o\x0c\x94\xd5 O\xc6\xd9\xa2\'\xdd\xf2\x0b\x00\xc98\xc2\xe6A\x80\x87\xb4\xd6\xa1\x05\xb2(\x12\xd2)\xe19\xcd\xf7\xf8\x8a\xe3\x99\xa0\x17\xe6n\x99\xa9\x85\x19\xfc\xa3\xa5\x8e\x86\xc5\x9bh\xf7\xe0\xd6+\x13\xda\x88\xbee[\x88}\n2\x9e\xd4!"&lt;XL-\xe4#^d\xe5\x86=\x9f\x87W\x16\xcb\x07\x04\xf8\x1b\xfb\x1b\x9e\xda\xe0\x92r^\xb7E\xf8\xd7\xf7\x0bTx\xdc\xa8\xd6\xe1\x00\x95\xfcX9};@\x1d\xba{\xaa\x8d\x90\xa1\xef\x08\x9fC\x80;\xb5V\xa7\xc4\xdf\xa3\x10\xb6\xcdVC{\x89\xb6f\x91A\xa9H\xeb\' \x84\xb6`\xf6\xd7\xdd\xac\x14\xed\xe3\x01kB\xea\xa7\xc6\xb8\x9d\x8a\xd7\xb8\xa0Nku`\xf6a}\xa0\xb0\xd8c\xd4O\xff\xf3\xe8\xa6\xa0Pi\xbd\'\xe3.l\x16q~\xa1,\x9d\x16\x9d\xbe\x0f\xd6tK\xc8\x97\x06\x90\xb6\'E\x95N\xf5\x05@\xa2X~\x0b\x000\xbfi\xe0\xb7\x13\xbf\xae@\x956\x1e)\xc8\xf1\x02?^UiDd\xdc+!v\x16\x84\xd5\xe2\xfe\xaa\xa9\xe5\xb0ON\r\xc6\xb4\x8d\x00\x17\no\xe2\xf4\x0b\x95\xcd\x8a\xb3U\x8d\xaey\xcaG\xa2\xa9}E3\n\x97"[\x059}\xa9\xcbl5r\x9d\x84\xc7\xde\xb4\\\xa1\x0b\x1c\x7f\xf8\x07\x02e\x05A\x10\x04a]p\xfb8\xf9~\xda\xbe\xf1\xf8\xab\xb7"4\xdfe\xb2\xe7\xd7b\xf7\xb1\xc6\xe7\x9b]\x0b\x00~[\xcb\xed\x11S,09\x8c\xba\xda\x8f\x13ad\x00{\xdc\xc9@\x08Bi$\xca\x04\xa13\xf6\xf3\xe5\x1b\xad\xa1\xfb$\x0e\x95\xb4\xedAa\xe3-\xe35\x16\x1f\x81@KqC \xd5%\xadN\xe5\xed\xad\xf2\x93\x17\x00\xfb\xf1\xba\r\x8d\x8a\xaa\xd8f,&gt;\x7f\xb2tH\xf5\x80\xf1\x82\x1b\x06\xb4\xa56\xb75\x16\x8f\xfb\x8e\xa9\xa4\x88\xb0\x16\x98l!u\xc7\x92\xddp\xbc,,Y\xc9\x10\x08B\x05\xb8\xe7;\xabz\xfer\xb3}w\xc8\x17\x00\x93@C&amp;"\xc0\x0b\xd2*\xef\xf8\xbb|fO\xed\xb2\xda#\x1c\x05\xe5\xd8\xad\xc0\xd2k\x92\r\xff\x85\x00\xf7_\xb8\xc6\xfcA\x7f\xd7\xab\xdbh\xde\xf0\x05U\xea\xd2\x8b!\xe4]X\x81M\x84\xaa\xc8\x02 \x89\xc5\x94\xfb\x1d\xf5\xf9\xc3\xc5d\xb5\x96\x84&amp;\x08\r\xf8Rk\x05\x8a\xd3\xb4\xe8Y\x9e!\xbc\x9b\xe5IM\xea\x8c\x15\xb3Z,\x06\t\xba\xd0\xe1\xf6t\xf5\xdc\x7f\x84&lt;\xb5\xd7S_\xa6\xdb/\x98~\x92s\x90@\xed\x1b\x14c:*\x16"!\xb4\x0b\x85\xfa\x9b\x8aW\r\x9f\x9eRx\t\x1c\x08t\xc2\xd7\x95\xd5\x82\x98\n\x91\xb5t\x1cgNa\xbe\x8be\x01\xa0a\x9b2V\xb4\xef\xb3eJM\xde\xd3\x89\x1b\x9b\xca\x80\x9cV\x15C\x83\x05\x80*\xf2I\x8eG\xf0\x97$|Fu\xb6\x02\xb9#g\x01`\xacI&lt;\xcf}Eh\x92z\xbb[b\xe6\x98\x8e\xb7\x17\xd0\xad\x93\xeay\xf9!\x01!\x9eS\xb7V`{t4\xab2(\x13c\xf2\'\xf9\xd4Y\x98{\x8e\xb3\xd5)\n\xb5\xa0d\xf8\x9f\xab\xaf\xf4d%\xc1A\x99Q4wy\xc5K\\\x90\x1bG\xb7|\x91\xa5]\x9a\xcc\x83bp\x1d\x04\xf8\xb5\x12^\x97\xeao\x08\x96\xc5C\xee#</t>
        </is>
      </c>
      <c r="E308" t="inlineStr">
        <is>
          <t>&lt;class 'numpy.ndarray'&gt;</t>
        </is>
      </c>
    </row>
    <row r="309">
      <c r="A309" s="1" t="n">
        <v>307</v>
      </c>
      <c r="B309" t="inlineStr">
        <is>
          <t>steps_per_sec</t>
        </is>
      </c>
      <c r="C309" t="n">
        <v>3500</v>
      </c>
      <c r="D309" t="inlineStr">
        <is>
          <t>2.6132238</t>
        </is>
      </c>
      <c r="E309" t="inlineStr">
        <is>
          <t>&lt;class 'numpy.ndarray'&gt;</t>
        </is>
      </c>
    </row>
    <row r="310">
      <c r="A310" s="1" t="n">
        <v>308</v>
      </c>
      <c r="B310" t="inlineStr">
        <is>
          <t>Loss/RPNLoss/localization_loss</t>
        </is>
      </c>
      <c r="C310" t="n">
        <v>3500</v>
      </c>
      <c r="D310" t="inlineStr">
        <is>
          <t>0.28478453</t>
        </is>
      </c>
      <c r="E310" t="inlineStr">
        <is>
          <t>&lt;class 'numpy.ndarray'&gt;</t>
        </is>
      </c>
    </row>
    <row r="311">
      <c r="A311" s="1" t="n">
        <v>309</v>
      </c>
      <c r="B311" t="inlineStr">
        <is>
          <t>Loss/RPNLoss/objectness_loss</t>
        </is>
      </c>
      <c r="C311" t="n">
        <v>3500</v>
      </c>
      <c r="D311" t="inlineStr">
        <is>
          <t>0.04902845</t>
        </is>
      </c>
      <c r="E311" t="inlineStr">
        <is>
          <t>&lt;class 'numpy.ndarray'&gt;</t>
        </is>
      </c>
    </row>
    <row r="312">
      <c r="A312" s="1" t="n">
        <v>310</v>
      </c>
      <c r="B312" t="inlineStr">
        <is>
          <t>Loss/BoxClassifierLoss/localization_loss</t>
        </is>
      </c>
      <c r="C312" t="n">
        <v>3500</v>
      </c>
      <c r="D312" t="inlineStr">
        <is>
          <t>0.16554853</t>
        </is>
      </c>
      <c r="E312" t="inlineStr">
        <is>
          <t>&lt;class 'numpy.ndarray'&gt;</t>
        </is>
      </c>
    </row>
    <row r="313">
      <c r="A313" s="1" t="n">
        <v>311</v>
      </c>
      <c r="B313" t="inlineStr">
        <is>
          <t>Loss/BoxClassifierLoss/classification_loss</t>
        </is>
      </c>
      <c r="C313" t="n">
        <v>3500</v>
      </c>
      <c r="D313" t="inlineStr">
        <is>
          <t>0.15635115</t>
        </is>
      </c>
      <c r="E313" t="inlineStr">
        <is>
          <t>&lt;class 'numpy.ndarray'&gt;</t>
        </is>
      </c>
    </row>
    <row r="314">
      <c r="A314" s="1" t="n">
        <v>312</v>
      </c>
      <c r="B314" t="inlineStr">
        <is>
          <t>Loss/regularization_loss</t>
        </is>
      </c>
      <c r="C314" t="n">
        <v>3500</v>
      </c>
      <c r="D314" t="inlineStr">
        <is>
          <t>0.0</t>
        </is>
      </c>
      <c r="E314" t="inlineStr">
        <is>
          <t>&lt;class 'numpy.ndarray'&gt;</t>
        </is>
      </c>
    </row>
    <row r="315">
      <c r="A315" s="1" t="n">
        <v>313</v>
      </c>
      <c r="B315" t="inlineStr">
        <is>
          <t>Loss/total_loss</t>
        </is>
      </c>
      <c r="C315" t="n">
        <v>3500</v>
      </c>
      <c r="D315" t="inlineStr">
        <is>
          <t>0.65571266</t>
        </is>
      </c>
      <c r="E315" t="inlineStr">
        <is>
          <t>&lt;class 'numpy.ndarray'&gt;</t>
        </is>
      </c>
    </row>
    <row r="316">
      <c r="A316" s="1" t="n">
        <v>314</v>
      </c>
      <c r="B316" t="inlineStr">
        <is>
          <t>learning_rate</t>
        </is>
      </c>
      <c r="C316" t="n">
        <v>3500</v>
      </c>
      <c r="D316" t="inlineStr">
        <is>
          <t>0.039976884</t>
        </is>
      </c>
      <c r="E316" t="inlineStr">
        <is>
          <t>&lt;class 'numpy.ndarray'&gt;</t>
        </is>
      </c>
    </row>
    <row r="317">
      <c r="A317" s="1" t="n">
        <v>315</v>
      </c>
      <c r="B317" t="inlineStr">
        <is>
          <t>train_input_images</t>
        </is>
      </c>
      <c r="C317" t="n">
        <v>3500</v>
      </c>
      <c r="D317" t="inlineStr">
        <is>
          <t>[b'1024' b'1024'
 b'\x89PNG\r\n\x1a\n\x00\x00\x00\rIHDR\x00\x00\x04\x00\x00\x00\x04\x00\x08\x02\x00\x00\x00\xf0\x7f\xbc\xd4\x00\x00 \x00IDATx\x9c\xec\x9du\xfc=KY\xf8\x9fs/\x02\xd2HH\x89\xa4\x17\x91\xee\x92\x92\xee\x12\xe9\xba\x84"!\x8dt)q\xa5;\x05Ii\x84\x8b\x94\xa4\x94\x844\xe2\x15\xf0\x87\x08H\x87\xb4\xf0\xfc\xfe8gw\'w\'\x9e\x99yf\xf7y\xbf&gt;\\\xce\xf7\x9c\xdd\x99g\x9e\x9agfw\xcf\x01D\x04D\xe0\xce\xbdZ\x0b \x08\x82 l\x04\xfesb\n8p\x9e\xc3\xbc\x8f\xf5G\xba\x17\xa0r\xa7%\x99\xc62\xaa\xb7\xa14\x82\x10\xc1-\xc5Y\x05A\x10\x04ab\xad\xd3"\x1e\xb6\xfc\x10\xe1IM\xaaUV%\xf2Q\xb4\xcdu\xb8\x00h\xb0\x02\x146\x05\x02&lt;\xa5\xb5\x0c\x82 \x08B\xa7H\x8dBK\xbb\xb2\xef\x97\x95\xef8\xa8\xbd\xbc\xe9\xe1~\n\x95K\xb4\x16@X9\xb2\xc4\x14\x84@$X\xe2\x08\xd8o\xdbO\xc9\xe7\xa8$\x90@\x0f\xc2\x8b\x12\x82BB\x89%\x15\xeb\xe3\x0e\xf7\xe3\x05A\x104$\x7f\xad\x9bO*\xaf\xa5j\x89cv\x8eG\xe5s\xd1\xea\xd6(gq\xf1\xa5d\xe87\xc8g\xa2[b?\x0c\x99t\x04\x81-\x92\xbfV\x8e\xd87\x1d}\x8e7f2c\x01 z.\xc4-6\xa6\xdbM\r\x96\x16\xe20\x94\xe8&amp;\xe0\xf8\xdd\xdd\xb6T\rQ\x8b\xd0\x98\xd2\xd9MR\xa7\xd0;\xa3\x0f\xfb\x9c\x19\x01n\n\xf0\x82\xaaBm\x0b\xc9!\xc2\xc8k\xfd\x1f\xd1\xfa\xc9\xa6\xae\xef\xbd\xbf\xb5\x00\x1bd\x0b~U\x96\x84\xfa\xf2\xccE\x04\xe9\x14\x1c\xbe\xb4\xa1L\xeb\xd4\x0b\x00\t\x18A\x10\x84-\x83\xe3\xc57kF ^\x00\x80\xec\xfd\x0bB\x06\xc7+\xda\xfa\xbep\xdd\x01\xc2n\x17x\x06\x9c\x00\xe0\xe7\x81\x07o\x80\x1d\xec\xf6\xffG\x8f\xbao\x82\xbb\x1dI/b\xb8\xf5\x81x\x08\xdf\x95\x1b\x17\x91*\n\x04!\x93}j\xa6r\xc5C\xaa\xdf\x85\xce\xc2\x99\xec{q\xd6\xe5\x94\x02\x1c\x06\x85\x12\xb2\tt\x94\xd5icA\xd08\xa2B\x1f1+\xf4\x1d\xe3\xea\xbf\xc9N\xc3\xae\x94\xeb\xeb\xa3\xf9\xa8l\xa3\x08\x0e\x0e\xa5\xc3\x06\xae\xb1\xdf\x01`\xff\xf5\xe8\xeb\x1f\xaa\xc0\x1e\xb6\x93`8\xc5\x97\x1b;\xed\xff\x84h\xbaIu\xb8\xff\xdf\x87Z\xcb\xb1r\xe8\xaf\xa6\xad\xeb\x19\x1d\xfb\x11\xc3\x9eA\x8d\xee\x87#\x14@\xf7\x90\xa03\xca\nT\x92\x80\x91v&lt;:\xa17\xc4\xd9\x028\x9bh)\x91\xaev:\x10\xe0\xed\xadeX?E\xaa\xc0\x95\xd4\x97\xf6(:\x19\x14"\xfe\xd2\xf3%\x89\xb2\x00X\xa0\xe0\xd3\x17\xecA\x93\x90s\xba~\xa6|i\xa4/\xe3:4\x9eR\t\x82 \x08}\xd0\xf1\xcc]\x1eG\x19T\xf2\xd9\\Jf\xea\xfb\xf8\noSlZ3\xa6o\x04)\xe1~+\xcd!w\x07\x00\x80\xcb5\x96\xc2K\xdf:\xa7\xd8}x\x9a\xd2\xc2\xe53\xe5\x11\x84\xde\x90\xe2MHe\x9c\xe3/\xb6\xc9B\'\x0cW-\xd8Si\xb8\xf0;)r\x11\xc0\x85,\x006\xad\x81`\xaa+g=\xa1:\xfdP\xc3ZF\xb4n~\xd4Z\x00\xc1\tn\xfab\xb5\x90\x83L\xf3\x01\xb8\x17\x00\xd7\xeb]c?\x93"o\xc4q\xfb\xca\xe653*\xe4u\x8d\x05i\x06\xb2\xfc\xaaAV\xc2\xa4\xb3\xaf\xfb\x0f!v\xe7jJ\xbe~\x95^V\x87\xac\xd38\x83\x0c\xd3\x94\xd0\x03\xb2\x01\x1c\xc0\x97\\\xb5\xe0\x1a4\xb6\xf9\x1aw\x11\xd1\xccvA\xc4Ov\x9f\x1b}\xc2\xb3\x19T\xd5\xda\x85\xcd\xa8\x8b\xf3H\xa2v\xfe\n\x00\x7fs\x9c&amp;\xa6\x99\xe2\x15D\xed\x0b\xf9&gt;\xb9\x1d\xaf\x16\xa89\x04\xf6K\xc5\x81\xe6\xf0\xac\x91\xbaW\x9a,\x00\x04\xc1O\xdf\x8f5+\xf7\x06\x98\x89K\xa2^\x18\xf0\xde=\x82\x16\xca\x91\x9d:\x0f\xc3\x9dr\x92\x05\x80 \xa4p\xbcZ?\x0e\xd27\xbb\x9d3\xca\xecw;S\xe6nw:\xc4o\xb4\x96B\x10x\xd2Y8[\xb8\xd3\x96\xff}!\n\x9c\xfe\xbf\x8f\xdfT\xb2\xc1\xe1\xc7:\x1d\x1f9\xdf\xda\x1dF[g\xb0H\xde\x11}\x8b\xb90\x13G\x10\x04\x17\x9e)\xf36\xbem6A\xd8,\xbd\xdf9\xc3\x87ul\x10r\x90\x81\x9c\xef\xedw\x94\xbbu\xf5\x85\x07\xc0\xec+\x00\x14W\x8dB\x1b\xb1\xae9P\xd1\xa3\xa5\xe6Y\xdf\x88l\xb60F\xa1K\xc6\xea\xbfS\x1f\xedTl\x811rk\x19\x15\xdc\x8b\xcbO\x87\xa5\xbe\xf9\x038\x0fp\xad\x04&lt;\xfb\xa7\x97\xfe\x1f\xa0p\xc5\xe0\x85\x84{\xc9!)\xc5\x82y~\x10\xfae\xaak\xc5\xc3\xe69\xaaW-u\xbc}%0G\xfc\x8a\x04\x0ej\x9c\x11 p\x82\xf8\xca\\\x0b\xc7T\x18\xe0[\xcaw\xd1\x0b\xe8+\xaf\xdd\x07\x93N\x10Y\x0b\x80\xfd?\xdf\xd4&lt;\x1cX\xc1!?\x08k\x04\xb1\xf7\xbdma\x0e\xd2\x0b\xbb\x82\x90\x8f\xf8!C\x9e\x0b\x80\x00\xe7\xf7\x1f\xd0\xc5\x04\xc1_\xc2:\x1cnXm\x97\xf9\xc3\xfa\xf5J(v,\x8a\xa8W\x98\x90+\x00\xebF\x16\x00Bs\xd4\xf4rY\x80\xb3(\xef\x0b\xd0C\xfaE\x80\xffm-C,\xccUZ\x084\xe0\xfb\xebQ\xfc%\\!?\xdbj\\\x08\xdcY\xfd\xd7V4\xaa\xc2\xdf"\xb7\x00\t\x02W.\xb9\x85o\x17H\x1b\xdd\n\x1e\x8c\xae\x8dY\xfes\xae\xad\xb5\x05\x00c9\xd7\x86\xa8Z\xe0\xc8\x06\xb2\x00\xe7t,\xac\x93\r\x84UKH\xbe\xc0\x07\x01\x1eA#\x0e\x0b\x10\x1ed\xa8%MK\xe2\xba\xd1\x18\xd5\xff{\xcb\xce8g\xca;]]\xa5\x88\xa1\xab\xf1\xa5\xd6\x02\x08\x82\x03\xb9\x14(p\xa3{\x87\xec`#\xb0o\xa4v\x19\xb1\xf7\x9e\xf7\x9a\xc9\xd9\xe2}\x11\xa5\x80L\xa1\xf3\x1fM\xf3\xfc=s\x90\xf6\xed\xcc\xe5\x14\x04\xa1\x02R\xa6\x08\x02-\xb2\x00\x10\xaa\xe0\xba\xf9\x04\x01\xe0k\xb2\xc5[\x8b\xdeV\xfb\x08\xf0\x7f\xade\x10r\xe8\xc5\xd3\x04A\x10\xb6\x08\xab\xf2\x8b\x89\x18\x02=\xae\xea\x1fa\xfa\xa29\x81;\x93\xed\xc4^B\x007B\x84\x9f\xda\xae"\xce#\x08\x82\xd0\x86\xd7[W\xff9dd\x94{\xfc\xd6N_\xdb\xcf\x82\x86\xb6x\x13#\n\xc2Z\xd8\xb5\x16\xa0k\x8cTXN\x99\x87\xa9s\xb7+\xda\x8b\xb0r\xc6\nl\xb7\xe3\xe2E{\x91\x0e\xd2\xb0\x91J(\x00J\xee\xea\x17%u\x80\xd8Q\x10\xd6\xc1\x11\xad\x05\xe8\x99\xc3o\xaa\xa8{"%vG\xa6\x8d3D\xe8\xe1\xf9\xad\xa2\\\xa8\xb5\x00\xfdr\x85\xd6\x02\x94\xa3PD8\x9b\xbd\xe8\xf0\x11m\xa7\xab\x0ej\x94\xea\xbfov\x03bGAX+\x1b/.cq}\xa9E\x81^@\xae\xc0Nt:|\x16\x91e\xb9P\xfb{\x81\xa6\xf0Iw\xecrO2T\xd3II\xf7\xb8dc\xdf\xd33\xa4 \xd4D\xbcN\x10\xbc\x1cO\xfd\xc7\xe1&gt;\x13@\xb9\x16\x1f\xc6ng\x96-%\xf4\xb6\x83\x1d\x16\xcbc\x8cv\xe6\x0ew\x83,\xf8\x1e\x17i\xe3\xf9Jk\x01f\xc2\x1a\x01\x01v\r\x9ca\x10\xe9\x0b\xb0;*\xf2T]\xda"\xb2W\xd3F\xa9\x8e\xf4;7\x16\x8e\xd1\x04\x92)@X\x03\xe2\xc6\x82\x10Fo\xdf\x14\xc6\x82j\x1a+\xb3\x91\xf6u\xd2\xd6\xb2\x90\x9d\xc2\xf2\xa0\xf5\xf7\xe2\xc3\xfb\xed5\x1f\xdb\xbbr\xe3\x9dx\x8e\x87\x80\x94\x8e3\xdc\x85 \xb3\x19\xd7H\x05A\xd8\x14\x12\xfb\x9d \x0b\x00\xa1!\xe2{\x85\xf97\xab\xfa\x07\x80\xe3\x86O\xdb\xa6\xe9\x84\x15\x88q\xff\x12\x95\xfc+\x9b\xae\x16\xef\xad\x9a[\x00P\xd4\xee\xb2\x00\x10\x84\xed"\xe1\xdf\x13\x0f\x91"Lh\x86\xa4\x89\x92\xe0Xd+\x7fLR\xf3&gt;\xed\xc4e\x9e\x12b\xff&gt;\x0bm\xd4ey\x05\x90\xf5\xe8\x91l*U\x86GD\x0b\xc2\x016\xb3\x8c\x10\x86\x98J\x10\xdar\x0e\xfa&amp;Q\xf9\xd6\xaa\x0f\x16}l=\x1a\xbd\xd0\x94\xd9\xa2*!\x0b\x80\x8c=&lt;\xd9\xff\xabJ\xa1\xe5\x96\xe2\x06\x82\x10\t\xce\xaf\x01\xc4\xaf\x84\xad#\x01 \x8c\x14\xda2\xc1\x9fp\xad\xb0\xb5\x05\xc0\t\x12\xc4;?\x00\x00|\x90^\xb2-\x10\xb8\x02\x90I\xba\x07\x0e\x96z }\xf6\x10\x1f\x10\x12\x99\xbd\x84(\xe9\xa5!\xf2\x8c&lt;\x03\x10Q~`E\x98\xd8\xa7\xc2\x12\xceP\xae\xe5\\\x10q\x08\x81x!\x11\x95\xc39\x8e\x8e9\x81\xb3\xaf\xe4\xa8\x0e(8\x9b b\xce\xd7C\x91\x7fQ\x17\x87\xaf\xb0\xe3 C\xdf\x8c\xc9G\xbey\xac&gt;\xce\x1f\x02\x93\xa5X]v\xda\xff\t\xbd\x93}\xcfC\xb9_\xdb\xb9$[7S~c(v\xf8x\xe5\xc3\xff\x93\x0b\xb5\x15\x82\xa7^\xa6\xceS\x97\xca\xd7\xd0";*\xf8s]\xbb\x8d\x96hg\x93\xfd\xe9\x82l\xd3\xa78\xc3\xdf\xd7{\xb9f\xc4\xee^\x0b\xa18\xc5.hR\xb4\xb9VoD\x80\xbf\x96G\xcdr\xa8r\x0b\xd0*\x0c\xb4pC\xb3\xb06\x06\xe7\x17\x8b\x0bB\x1b\xb4\xd8S&amp;$\xe61\x89\x00gm-\x830b\x7fqd\x81&gt;\xd4\xdb\xd9\x0b4\x9c\xd3\x02\xc0\xb9\xc9\xc494\xc8\x81\xbd\xaa\xff\x00\x00\x01\xde\xd9Z\x98V\x10\xd8b\xa1\xfa\xcf\xf6\xe7\x98\xa4\xdd&lt;\xb7\xcf\x8b\x8a\xca\xf7\xe7\n\x1b\xa0\x83bc\x05\x1c\xd9Z\x00\x81#\xf8e-\xfc\xd4\x1d)\xe61y\xf2\xd6\x02\x08{\x9e\xa8\xf8\xcc5\xa1\xa4\xff\x14sN\xdf\x02\xa0U\x08\xf0\x8f\xbe\x8d\xf0\xf1\x02\x0b\xce"\xdb\xff\xe1MYG\xaa\xdf][\x03\xbaQ\x87\xf3\xc3\x8a}\t\x02CdB\x11\x1c\x8c\xd3\x1b\x82&gt;5\xb5\x16L\xe8\x05}\xd1\xf8\xe1\x82\x0b\x80\'b\xa9\xc6]&gt;\xdfj\x19|e\xf8\x01\xb7\x05\x00"\xe2/r\xaf\x90T\xa0\xdc\xca\xb0\x84\xfcHv\xc7\x8b\x96\xb7\x17\x12\xb8\x16\xad\xfa\x89\xe5\x97\x01x\xf8o\x07\x1bL\xdb\xe2\xa52\xe3\xf7@F.\x92\x88\x13\x1c\x1c\xa9~w\xa1,\x00\x84\x04\x8c\x1a\xa2\xa8\xff\x14\xaa\xc6\xf4:\x0f\x0bW~\x0b\xb2x\x92u\x03I\x0crZ\xa2\x93j\x86\xe7\x14\xd0R\x0f\x13\xa7i\xa89\xd7\x9d\x0e@\x1cW\xd4OT\x9d\xbf\xfb\xe4\x1f%\x7f\xef\x83%".\xd7\x85/\xe1D\xbd\xb4\x88&gt;\x05b\xd4\xbd\x9f\x86uO\t\xd61\n\xf6,\xd5\x1c=\xa0\xdd\x08W\xeei\xe3\x00A\xaa\xde\x8f1+HPA\x19\xd8\x18\x99X\x82\x03\xc5L\x0b\xaek\xda\x14\x8d\x1b\x9c\xba\x0f\xe4\xcbE-`\xea\x0e\xb6_\xad\xdapIS\x82\xd05$Q\x94\xd3\xc2\xb1\xab\xab\xfb\x01\x00\xe0\x84\x92\xa1\xea\xd1\xac\\.B\xd3\x05\x00\x1b\xa7\xd5K\xff\x05\x91&lt;\xeb\x84G\x14\x95P\x18Pk\xfa\xb0\xe3\xa6\x83\xcd;\xdf\xfa\xbf\x02\xf0\xc2\xf0C\xcd\xf5OY\xb8\x846\x11\x15n\x18[\x93\xba\x04\xc1\x82\xa2\xce\xc8\x8f\x93\xc3|p\x92\xeeS\xbf\x02"\xdcgE\xc3\xe1N\xf9/\x1c\xae\xbd@e\xe2&lt;\xed\xc4\x08^\x05Ye\xe5;\xf6o\xf7_JvC\xe0\x0e\x8ee\xa9\xcf\xd5\x11\x8f1\x15\xbc\xb4\xce\xf3\x15\xeb\x03\x01^U\xab\xa3WV\xe9H\x10L\xf4{\x0f\x12\xd3Dnr9\xb6\xe5\x96g9V6\x9c\x8d#\xd6d\nZ\xb0\xb9\xa8x\x95\xd6\x02T#H\xd5\x86\x99\x9e\xba\xb6\x84\xcf\x91\xe0(\x10[\x90 j\x14:\xa6\xf9\x94)\x08&lt;\xe9&lt;.\xce\x86\x00\xdfn-D\x11\x9c\x0b\x00\xe5+nZ\xe54\xac{\x83G\x07\xb8-%\x14E\x94|\xa0\xc2\x0ecQU\xffc\xb1\x96\x85\x15rD\xd2Y\xb1\xbf4\xde0\xb9&lt;S\xf2\x9aP\x91\xae\x7f\xd6\xfcw\xf1\x8b\x00p\xaa\xcd\x84\xcc\x0ev;\xd8\xed\x86\x84\xd6\xc4v];L\x11v\x96J\x92J\xb2c\x08D\xd9\x0e;\x10W\x04\x00\x80\xdd\xce\xf6\xbf\t\x92\xc4X4\xd5|\xb4X\xcb\x82\x10\r\x87;\x0b\x87\xc7\xc8\x8aorl\xa4l\x12\xd6\xca\xb0\x1b\xbd\xc6\x9dW\xd9T\xee\x0b\xcb^qg\xaf\xd3\xbe\x8f^\xe9\xb8z \xd5\x15\x05a\xbb4\xaf\xfeG\xcaG\xefc\x12f)A`\x03\x9a\x0b\x80\xd5\xcdv\xab\x1c\xd4j\xd1\x16\x00qVc2\xe9P\xb2\xd7\xc3%\xc5{\x9b {\x07\x82\xd05\xe5\xe7\xfe\xc8\xd4 \xa9D`\xc54\xbd\xadu\x01\xb0F\xd6l\xa6_\xa4^\x04\xd8\xbb\xf1\xef\x94\x92\xab\x05\x12\x92\r\xc9\xbb\x1e\x95\xde\xadT\x08\x82\xd0\x11?\x8d&lt;^\xc2[\xe0\x831\xdf\xc8\xc3\xa9MH+v\x19P\xa0&lt;\x8a\xb9\x02\xc0C\t\xc5\xd8\xeb\xe1\xa6\x05CR\x9e\x97\xf3\xd3d\x01\xf0\x95\x84\xbe\xc4\x82\x82\xd0\x0c\t?\xa1_\xc4{\xdb\x93w\x9b\xc1\xa3\x1b\x1a\xb1\xcc=\x12Am\xd2Ufw\xc8n\xa1(I\xba\xfd3\x84\x87Ih\xe7\xd2\xc9\x15\x001\xb4\xd07l6\xb4\xe0v\x9c\x84\x11\xb6\x00\x87\xc7\xe5\x85\xa6|5\xb5\x86nv\x83\xb2}\xdb\xd8\x13\t\x1b\x9f\xad\xba\x10\xe0\xbc@\xb6\x00\x18\xb5\xc79\xed\xab\x12" \xc2E\xd1\xfa\xd48c\x7f\xfd\xe4[U\xc4[-r\x0b\x96 \x94\xe6\xa9c\xf2m\xb1\xe0\xb6\x89\x9d\t8\xcf\x1c\x02[P\xffk(\x86\xc0\x818C\xe8\xa9\xb2\x94\x11}\x8d\xa3\x85G\x86\x14\xd9Bg\x81\x8f\xe6\x0f\x1fq\xba\xd1\xa8\xd5R*\x1c\x9f\xc2g\x16\x00\x9c\x87\xd3\x03\xdf\xda\xa6\x1a[OI[\xd4\xf9v\x99\xec]gV[\x96G\xae\xc15\x01\x11\xe0+\xad\x85\xa8\x06\x93\x1c\xc7A\x06!\x96\xabT\xd9+\xf1\xe6a+Q#\xc0\xed\x9d\r$\xec\xa7(-_ \xf8\xc84\xd4R\x83\xff\x02\xc0=?*k\x18\x85\xb7\xe09\xdb\xcf\xa4\x1a\xe5\xddUX\x01\x15\xd2\x9a\xc0\x8b)\x7f\xb9\xe6\x95\xea\\f\xdf\xfb\xef\xc7\x9cs\xa7R\xc2l\x88\xd3\xf0\x99\xab\xb2\t\x1c\x08\x83\xc1\xcaO\xd2\x9a\xf4\xa1\x8dZ\xb5\x9d\xa7\x8b\xe1{c\xc3\x9c\xe7\x15\xf1\x9d\x06\x1e\x98_+\xa8\xfb\xe8}\x98\x1e\x00\xd4;\x97\\\x9e`|\xab/\x8bqIa\',Sc_C\xe0\xc5dlm\x01\x80x\x96J3\x9c)\x0c\x9f\xa4\xb9-\xd6\x12\xf3\xa3\x03/\\\xca&lt;Cs7\xcb\xf1\xf6\x95\x18K\x98\x05\x01\x8ek-\x830\xc34]\x02 \xc0{\xc6\t\xf4\xc1\xcc\n\xa92\xc2TK\xa1\\\xd4\xb8v\xd8-\\\x85\xc2(y\xc1X\x00\xd4\xda\xe22\xfe)\x9e\xd7#|L\x86\x86\x1b\xcf\x1c\xd7z\xcd#\xa9V\x18\xb1\xdd`\xff\xce\xab\\\x07?\xb3\x86DB\x00J\x08\xeb\x99\'=\xa8\x1f\x1f\xd2mj\xe3\x84\xc8d\xbdJ\xe4"\xc0\xb6\x18c\xf8\to\xd2\x92\xd7=\xfa\x89mIC\xb1\xe0\x15V\x1b\xdeh\xd0Z\x9e\x19d\x01 \x0c\x98\x17\xacF\xc7\xf8\xf0\xf8\xcex\xdb\x89rs\xff\x19\x1b\x88\xbaf\x9e\x07\xf0\xa1\xd4s\xf3\xab\xff[\x87\x9e\xd8&gt;\xad-l\xaf\x08\xdd\xa2n\xfe\xaa\xa9Fl\xbdf\xba\xbe\xf4\xd3\xa3\xcc-\xe9\xa18N\x86\xe3\r\xb8n\xba\x10R\xa8\x84:\xd7:\xbe\xe0_\tXe%@\xed9[vHs\xe3\xe0\x0e\xf5\x95\xf0\xc8\xea=\xa6\xf2\xd1\xed\xfa\xc9v\xd8r6\xd8\x14T\xd7.\x85&gt;X\xf5\x02`O\x17\xa3\xeb\xe22E\x11\xb69j/\x8f1\x1fY\xf1dc\x12\x8d\xcd\xdd\x14\xb7Y\x87\x04\x00\x99\x07#8\xb8\xebm[\xcbQ\x14q\x80\xa3\n+A\xa2\x8c\x03\xc6\xce\x87\xb0\x01P.\xe02\xe0\x10q\'\xa9a\x08f\xa1]-\xd5\xb0\x1a\xb5\x93C\xe2}\xa4{\x01p)\xf2\xbe&lt;:\x91\xf2\x17\xa0F\x98\xacC\xb1&lt;GA\xeb\xb7&lt;\xc7\xb8&amp;D\xc3\xed\x91\xbc/\x08\xad\xf8\xe7*\x117D7\xaf5@\x1d\xb8\x0fy\xcc\xbd\x9fA\x04\xb8\xa7\xfa6\x1cM+\xfc\xfb\xe7\xf3&lt;\xba\xe0\xaf\xc0\xce\x10\x95\n\xdbE\x9c\x9f\x1d\xf2\x90\x87 \xac\x18\xa5\x98\xdb\xe2\x02\x80;z\xb5\xfd\xd5Z]\xcd-\x00\x16\x8f\x142@\x80\xe7\xb4\x96a\xe4\xe9\xad\x05\xc8A\x8a\x96\xee\x10\x93\x15Bvk\x04A\xb0\x90\xdd\\\xe6\xc4\x18\xe8(\xaa\x8e\x16+\xfb\xcb\xaea\x01\xb0\xd7\xe7]Z\x8b\xc1\x94\xfesB\xd7\xc2\x0b\x02\x192\xc7\x0b\x82\xe0@\x16\x00\xbc\x99\xbe\xb4\xaa\xf4\xcd!Q\x0b\x80\x83l\xf0\x9f9\x1d\x0e/^\xde\xa4V\xeb\x7f\x01S\x01Q\x8e t\xcd\x17b\xd3\xba \x08[\x81\xc3\x02\xa0\xd7\xb5\xc7AiO#j\xee\xdbv\x07\xa0\xfc\x80T\x92\x8a"\xce\x8a_\x00\xe4\x80\x8f[X\xd5\x14\x7f\xd6\xb6\xb9\xdb\x0b\x82 $\x10\x93\xb3\xd4\x84.\xd5\xbf \x08\x1a\xcd\xcb\xa0.\x8b\xb0)\xa9^\xb1\xc2\x17\xe1\xa5u1|y\xe8/\xc2N7\xaa\xff\x94\xc9\xe2\xbd\xe1\xb2U\xb8\xa61\xcb\xc3d\x01\xc0\x95F\xe6\x90\xedQ\x81=7O\x98\x12d\xe3_\x106I/Q\xdf\x8b\x9c\x13\xec\xcbG\xbc\xff\xc2\x16\xbb}\xc6\xc4\x7f$\xce\x171\xda8Wc\xd5\xb1\xb7`C6\xa8\x90\xd1\x19&gt;:\xbcs+y\x8a \n\x89&amp;A\x10\x84\xe6\xc87w\x15\xa6\xd2}2i \xc05\xc6\x87\x07\x12\xaf\x15\'w\xcdQ!&gt;\xda^\x82`\x8cf\xc4;4\x13\xa32z\xbchW\xc3\xc4I\x02\xe0\x9a\x0f\x05A\xe0\xc8\x93\xbb*\x17\x02a0[\xc8\x8cU\x98\xea7UFu\x94^\xbeS\x8c\xa8#\xc7C\xed\x19\xeb\xba\x9c\x1fM\nt\xf2\xc2\x02m\xae\x9b\xc9\n\xb2\x00\x18\xd8\xf2\xd8\x05A(\x07}nm\x9e\xad\xe6G\x84\xb2\xef\xd8\x94\xe1\xb6\xf8\xbc+$\r\xb6\xffW\xb8Tn\x0eB\xf1\x12\xdc\xdf\xb7\x0b\xc2\xd6\x01\x00&gt;/\xa9&amp;\x93r\xd7Q{\xb1K_\xd7\xf4\xd6\xc0\x11-:\x95\x1b\x06\xd6As#\xde+N\x86\xdd\x0e`G\xd7;\x07\x07&amp;\x1c\x0e00\xe8\xaa@\x1c\xbfX\x07\xe0\xc7\x90i\xac\x1d\xad\xa9\x17:\xab\xd8\xd7F@3\xb4*\xae\x01"\xbe\x9a)\xb6\x02;\xac$\x10\xe1\\\x83\xab\x0b\x89\xec\x86?j\xba\xa9\xabwu\xd3\x9cP\t3\xf5\x1d%W\xbb\xb8\xd0Mn\xf0\xd2\xbb\xfc\xb9,\x06Q\xdcs\x99\x14"\t{\xa86\\\xc5(\xab\xe0M%\xb7\xe1\xe7\x08\xef7Z\x9eF#"a;\x1b\x91\xfd\xcf\xf2B\xaf\xb8\x0b}\xb9\xe3\x8d\x07c\xca\xbe\xef\x98\r\x9f\xd5Z\xa68\x9a\xbaPs\xef\r\x99\xc3&gt;\x1b(\xe4E$\x1e\xe9\xe9\xb10\x12\xcaa\x97\xcb\x15\x1c\xa3`\x8d~hpj\xf9\x96\xa1\xa7\xb4gS\xb9n;#\x15x\xe1Ks2/2\x01\x87\xffv\x99\x107\xbf\x00\x089&amp;\xe6\n\x80\x84$1ro\xb4J\x84**\xee+#\xc0E\nw1\xf5U}\xbf\xfck%{\x1c\xe7\xf78\xb3\x12\n\x90z\xe2\xbb\xe9d\x10\x04\xc1\x8bL~B1\nN\xa2\x8b-3wl\x04\xf8\xe3\x98\xb9Y\xae\x000dM\x16\x89[a\xd6*\x94\x11NVw\x916\x0e\xaa\xd6b{\xbd\x97\xa12\x07\xb5&gt;\x85\x08\xc2\xcayEk\x01\x84\x8d\xd0u\xed\xf5_I\xc2\xf75\xde\xbe\xa4\rG-kz\xbd4\xa7\xf1g\xea]"\xdc\x16\x00\xd0\xe2*M\xff6m\xc6\xa4\xba\x83o\xbc3M\x93\x85\xf6;\xc4\xac\xdd"\xfb_= \x16b\x88\xe3\x16\xaf\x06R\xd0\x92\xfd\x05\x8e\xf9\x12\x0c]\xdf\xa7\x91\x00B}\xa2\x0be\xfe\xa4\x96\xf2\xe3\xf7\xa8\xba&gt;\xf2w\xb6\x16\xd5\xadc\x14\xd4 ~e4q\xd6\xfa\xf0]\x05\xa2lm\x91\xcb\x8c\xb2\x8a]\xe9U\xb2\xb5!\x16b\x88\xe3!\xef\xfe\xef&amp;\x1fSyd\xd5B\xd5}D&gt;\xea]\xd5\xc2@\xfcN\xb9\xa0\x81\xd6v\xbe\xcc\xeb+\x85\xf7\xadMF\x08\xa3\xff\xa3uC6\xd2\x17\x15\xb65c_\x12\x84n\xa8v\xe1~\xf5\x04\xcf\x13\x7f%\xaa^\r\x08\'X\xc1\xe2\x99\x11\xb2\x9aZu6\xc6N~\xb7\x02\xef\x89\x1a\xad\xe5\xa9\x03\xedvFi\xbdm\xc4(\x82P\x10\xd9\xc2\xac\x8eh[\x10\xbcl:4\xa8\x8a\xce\x8c\x16\xf0\x8b\xda3-\xe4ta_\xad\xfa\x7f\xc4V\x16\x00@Z\x0c\xc84\'\x08\xfc\xd9\xd0\x0e\x07\x13D\xdb\x82\xb0^2J(\xb2]g\xc4\x7fJjA/\x01?\x91%\x83\xa7\xfd.\xae\x98\xe9\x86\xe8@`"\x1a\x8et;J\x16\x04a\xb5\xac;\x91\xfd\xf6\xe1\xff;\x99\xc8\x05\xa1:\x04\x0b\x80l\x19\xce\x93#@\xb9$\xd6\xd5\x1d5\x9b*\xfdiI\xd0\xdb\x9f\xd1K\xb1:\xc4#\x9b :\x17\x04\x00\xc0\x97"j\xcf\x8dt3\x97\x0b\xc1\xa4\xdbT\x9ca\x05\x94\xbfu\xfb\xd3\xcd\xfd\x04y\\\xf7\xe6 C!\xd6:\xae\xf6\x88f\xeb#\xeb.A\xd8\x83\xfa\xfd\xb1}\xc5\xc5\xf8\x9d3\xf8\xe4\xcd]\xdc/K\x87\xce\xb0b2\rQ\xda\x8em\xfd\x84\xcf\xfe\x85\xa4 \x90\xe2J\x10\x04!\x92\xc63\x07v\x98\xb8\xd1\xa6\xb7!\x18\\{\xe6\xb3\xcfv?:!\x1f\xf1\x01\x1b}\x01\xd0z\r\xd0\xb4\xf7\xfa\xe0G\x1c\n\xdf\x9a\x12\x04\xe6p\xd9\xcd\xeaq\x93U(\x8eR\xbf&gt;\xd3x\xafP\x87e\x9a\xad\x8a\xa3\xfc\xef&gt;\xb2f\xe4_\xc7\nG\xc8D\x1c\xc0\xc5\x14\x1a[\xd3\x0f\x87\xf1nP\xedB\x7f\xb0pP\x99\xc2\x05\x17Fy\xe7\xdb\xd2&amp;\xfcB\xb7\xe3\xb4\x8e;t\xcb\xc2\x0b\x80&amp;\n\x99\xeb\xb1\xff\xe5M?\x1c|\xe9\xb1\xad\xe5\x18Q\xbdQ\xdc\xc0\xc6\xfa\xf9\xb9M \x95\xb7 \x08\xc2\nP\xeaW\xff=-\xd3\n!\xb3\xb3\xb1\x05\xb5\xafcz+1\x8dUScir9K\xeb\xbb\x17\xb8QP\x1b\xf3\xcbE~\xab\xe2W\xb4\x16\x80?\x81\x96\x9a\xb1i\x88\xb9\xcdc\n\xec;D\x1d\x1c-\xb0 \x08\x82\xc0\x84\xab;\x12\xb4\xb6\x008\xad\xf1\x19ENG\x80\xf7;:\x93\x02\xb4%\xac*\xce\xd5r.\xef\xeaz\xa2\xd8e\xa5\xd5\xc0m\x81\x14\x8a\xc7\xa0\xe1;\x08\xe6\x8e\x0c{\x0f\t|(\x82\xf3\x10\x84-\xd2_r\x11\x84$b\xfd\xfcE\xf4\xa1q\xb3\r^CWgn\x0e\x03\xe7_L4\xe7\x7f\xf2\x97\xbeZe\xef\xd1\xb6\xb5\x00hn\x14\x0e2\x8c\xf4\xbb:\xc2\xdd\xdcS\xc2_\ri\x81\x93!BX\x16\xb8C;\n+\xe7g\xe2\x94\xc2\xf6\x10\x87\xaf\x87^\x02&gt;(F\xf9Z\r14\xf2\xab\xa0\x13\xe1\xe5K\x12\x8d-\xdf2X\x9ef\x94\xc9\xd2\xb7\x02@\x80\'\xda\xbd\x01\xe2I\xf3\xba\x0b\xdc\xda\xe7v\x05 D\x8c\x8ak\x15VK\xa3(\xe6\xee\xff\xb9\xe3\xec\x9a\x10\xe0O\xbb\xbd\xe7~^`.N.\x08\n\xed\xbf\xcfK\x10j"\xde^\x95\xe4\xf2\xce81\xa6\x12Z, ^\x9d\xe4\x06\x08\x17oP\x97\x14+\x91\x8d\xe2\xf2\xb7\xc7\xf7\xf3\xcb/M\xe6\x93\x07-\x00H\xba#\x11{\xff\xd2\x9a\x16\xd1\xda\x92/\xec\t\x9c\x96F\x91d.\xf9:]\x00,\xb2\xcaA\t}#N)\x08\xe5X~z\xac\xc3\t&gt;\x82\x8c\x82\xc9\xa8\x12\x02O\x7f2\xbc\x0c\x01\xf0\xefhK4\xb3p\xa9f\xb2\x12U \xda\xe5\xac&gt;\xa8\x9c\x01\xda\xcd.\x1c\x9c\xbd\x03e\x8e\x02\x11\xe1$)m\xaa\x02\x1b\nq\x92\'\xf6&lt;\x7f\x9f\xda\xd1S9O\xe8\x15\x15(\x08\x03\x14Y\xa6\x0b\xb60FA\xe8\x88\xa0{CcZ\xeb\x8c\xeaE3"\xe2\xb7\xa9+\x0cW\xf1Wo8\xd4\xdd\r;\xac\x05\x06U\xb7Jvt:\x8e+a\x19\xa3\x0b\x8c\xd6\'5\x87\x96\xdc\x11\xf3\xeds\xa9\xfe\x138\xaa\xa6Ao\xb3&gt;\xebl\xc6\xe1\xb60FAX\x19\xeb\x0e\xdb6\x153m\xcew\x14\x7f\x95&amp;\x94B\x05\xd3\xde\x1c\'\xb4*\xda\xdc\xf2\xb1n\x95\xec\xe8w\xfc\xd7pwk\x8c\x00\xdf\x9b\x11x4z\xa5qYv\xa9\xcc\x93\x8a\xb5\xbc\xeet\x97\x8fa\xf4\x17T]\xd1\xb5t9!\x17\xb1\x99 l\x0e\xe6\xf9\xba\xea\x8cR\xaa\xfa\xb4\xeb\xda\xafS\xb5\xb9\x7f\xedy\x1c\xab\xd4p\x1c\xadkk\x80d^\xa4\xb5v\xc1v\x0b\x00\xfa\xbd\xf0\xd7\xd35\xb5\x8c\xa6F\x02\xbb\xc4u\xce9\x9f\xac\x1b\xd3\xee?\xac|\xf7J\xa5\xf5\xad \x08\x82\x90\xcfX"\x94\xed\x05\x00\x01.\x9cr\xeay*\xce(\xa5\x16\x00Z\xdb4\xe5\x91^v{Z\xae\xbf\x00xun\xd3cSo\xadWF\x98**\xe3oJ-^\x1c\xc37\xe0\xd2\xf5.:U\xe9Epa\x07\xa4\x94\xe3\x82 \x08\x82\x0f\xb2\x92t\xa9\x9f\x8c\x12$\xf6Dg\xa5\x85\x88x\x8f\x85\xc1v3qjr^\xd8-s\x85R@o\x9c\xb5\xc6\xbc8\x86@5\x10\x04D8\xb9n\x82\xba\x0f6\x8c\x972\x10\x11\xe0\x1f*\xf4\\\xbe\x0b\xc1\x85\xbb\xf4\xef6*\x05A\x10\x84e\x1a\x96\xaaL\xcb\xbeK9\xea]\xad\x02\xf3\xc9|^:\x19\xea=\xe5\xe9*.=\x07\x94\x14\xa5D\xe3\xa5q\x15L@T6\xf9LPy\x01 \xac\x15\xcd\x97L7\xbb\x92\x98^\x10\xbcl\xe4\x9b\x9d\x84\xf5S\xad\xaap\xf7\xcdq\r\xa0\xdc\xf7|\x90\xf0\xc8\xe9&gt;\x99\xeb\xd6{\x04\xb3X\xb3\x08\xff\xe4/.\xdd\x95g\xd1r\x90\x9b\x03\x04\xe1\xd0\x0f\x96]\x00\xd4UT\x93\xc0\xa4\xbd\xd3\xacK\xbfj\x06\xe2\xaf+\xdef&amp;\x08\x1dqb\x00\x18sJ\xf1\x19Q\x82P\xa0\x84\xab/1]\x00\x1c\xd0\x0b\xaf~\x1f\x85\xfc\xa8yo\xd20"\xb3\xbe\xbc\xb3\xf2\x18k\xd5\x05@\x8f\xb8\xf43-\x00\x9eJ\xdf\xf8\xeaY\x18iTm\xba\x19\xa5\t\x82P\x1e\x1c\xe7E5;[\xc7\x10\xf5E_\x15I*\xdc0\xbc\x8bl\xce\xb2\x95\xdby\xd5K\xc6b\xb8\xeaxeDxu\xc7\x9b\xe0^\x1e\xc0\x95\xca\x8aJ\x90\xf7\xea\x95\xcb\x9e\xea\x9f\xa8\xdfG\xfa\xec\xb5b\xd4\xc1\xfe\xd0\xf8h*\xe8\xc3,\xab4\xf5\x07%d\x15\x04ak\xcc/\x00\xfe6\'G\xeb\xad\x91\xec5\x16Z\x9c\xf4\xcb\x16&amp;Q\x1f[\x1e{\x06c\x98\xdf\xab\xd4\x02\xa0L\xa9:U\x8dN\xf4*j\xa6h6j\xd0\xb2Pt\xd4@Z\xa5@\xdf\xff]\x95\xa0\xf5\x1f\xa8-\x1fG\xd0 wleN\x1f\x8d7\xe3\x85/\xb1\x08})\xa3\x05A\x10V\xc5&gt;\x01\xfd\t\xc0\x13\x08+*+\xf1\xe5\x97\xfe\x08w\x90\xcce E0[\x98\x9a\xc6S1S7n\x97;\x97\xc9R\x88\xbb\xe8_(\x8e\xdd\xdd\xd5\\\x00\x90\x94\\\xb5\xa4\xb5\xd5{x\x9f\xc8\x93\x9d\xbe\xc1\x04\xfa{\xe1l_\xd5\xfe\xae\x96p\x03^\xae\xf6&lt;\xe1)\x00\xc0[kut\xbfZ\x1d\tB;h\x17\x00\x92\xb3&lt;\x88Z\xe2@D\xb8h\x1d\x8d1\x9dh\x0b\x17\x01v\xe3\x08\x80p\x97\xdc\xee\xe2\xabv\xf7\xde\xaa\xa7\xc6-J\xd2o\xe86@\xd7\xcc\xa4\x9cW\xd3I\xceK\tS]\xae&lt;CB\xdb\x03xV\x02M\x92\x83,\x00\xfc\x88B\x84\xce\xa86\x81%\xa3N{\xccE\x152yUk\x01\x82\xa8X\xf6m\x15\xc4\xff0\x17\x00$\xbc,\xb8&gt;\xf3\xee\xad\x9a[\xdc\xb5&lt;\xa1\x97\xc2+^9\xac\x87\x13\x00\xf9U\x0ew/\xd6\x02\x00\xf2\xba3Vh\x11\xbc\x8a\xbd\x13\xae\x9d\xeb\xb7\x16@X\t\x1d\xcc(\n\x1d\x89*$\xd0\x8bq\x99\xcbi\x04\xf5\xc3[\xca\x12\xca|h\xf3Q\xb8o\x87\xbb^\xc7\x9c\xb4\xe1\xc0U\xa7.\x9cQ\\\xa6UA\xe2\x00\xb5\xbdW\x10\x04\x86t0\xa3(t$\xaa\xd0\x02D\xf8\x10\xc1\xecXkW\xaf\x0c\x87\xda\xebv\xfa?\x1f\xd9T\xa6y\xbaQr\xab\xea_\xed\x9c\xfd\x8d@q\x0b\x00\xb9\x98\xc6\x08\xee\xae%\x08\x02%\xfb4\xfd\xa9\xf0\xe3\x0b\xca\xc2[\x00\x99\xa8"\xa9?\x97\xc4n=\xce52\xbe\xeep\x9fL\x97\xb9\x83mc\xe6\xe2\x8d\xfc\x80\xc2\xc1r\x18\xbb\xeeB]A\xb1#y\x95\x13\xbd\xb8\x96 \x08\r\xd8nv`_Eq\xe3N\r\x1fP\xbb]zUa-\x00\xba4\xba*s\x17\xa3xrk\x01BxN\x177\xe1\xf0A\t%\x83\x9f\x8d:\xbc\xb0,\x00\xe6\xe8T9\x8bb\xdbA\xd4\xe9H\x05A\x10\x04\x1e({\xb4\x89\xbc~y\xd7\xbf\xbb\xb9\xead\xd9-\x14\xf9n\x93\xee\xc8t\xad\xad\xe1W\xd7\x8a\x17Qk\x1dW C\xfa}\xfa\xac\x1ed\x15-\x08\x82\xd0!\xfc\x137""\xfc\x88\xbf\x9c\xccA\x80\x9b\xee_\x10\xdd\xf5\xfe\xdai\x07\xbd\xd7\n\xa0S\xb1\xb9\xd1\xe3\x9du\x81\xacu\\AL\xfb/wG\xf5\xbd\x8d\xabE\x10\x04\xa1\x02\xfbT{\x93\xd6b\xb4\xc4\xff\xac\xe4\x8b\xda\x08\xd4%?\xd1\xbfx&gt;j\nw\x1eL\xf2\x84\x86\xd0\x8e\xbd\xed\xee\xa6\xda\xee\xa49\xcd\x05\xbc\xc3\x1f4 \x19E\x9f\x8f\x1e\x81\xf9\x1dY\xfa{M\x05\xabC\xa7V\x13\x04\xa1\x14\x95\xcb\x9dV5\x96oO\xb7UBT\xb6\x99\xa7B\xf6\x07\x8d\x84\tA\xbbk\x9f\xcdD\x12\xff\xc8\xa9]\x01X\x1f\xc0\xdb\x98\x8cN\x08\xe6\xb1V\x99\xfb\xd3\xfc$cxW\x7f+C\xb3\xfcG\xfcM\x92\xc8\xedv\x91\xfcH\xc7Zh;k\xfe\x8d\x0cS\x10\x04\x1fh~\x07K\xbb\x05@\xc5~\x17\xb6y\x1af\xc6^\xbe5\x85\xe7#qT\x0b\x00\xfa]R*\xe8\xb6\'\xd7\xbc\xd3i\x94\xb94ae:\xc3\x9d;\t\xd5\t{\x01\xc0\xcd\xbd\x9b\xf0\x9a\x8az\x10\x9dw\xca\x11\xad\x05\x10\x84\x02\xec\x00^a\xbf\xb5\xa7B\x9e\xda\r\xfd\xed\x94~\xcbs$\x9cf\xee\xe3\xba\xc28\xban\xd5{8\xbb\xd9\x7f\xc6B\xe5f\xf1\xda\x0b:\x96\x8f9\x0e\x8a"(\xdc\xd1\xf1j5\xecv\xc6\xeb\x12au\xe6\xe0#\x1fM\xdao:\xbb\x9dS\x03o+\xdc-\xf7z\xf7\x86\xbb\xddnW*\xeb\xa2\xb9\xbf\xa6\xfe\xbf \xf4\x07\xf7xn\xcd\xef\xb5\x16 \x87\xbb)\xaf\xd7m\xe8u\x8fN\x08\xc5u\x05\x80\xe0\xdb\x99\xca\xe0\xbc^\x91\xd9\xd2J\x03\x01\xf17\x88\xcdg\xeb*\xa8\xfd\x83\x92\x9b\xf9\xd2\xe2#.ud l\xaa\'\x8f5\x16\x00\\\x13\x8b \x84"\xbe;\x8f\xe8\xa7\x0bz\x9aE\x84\xea0u\x0f\xd2\x02bh\xea\x16\x08\xf0Y\x8a\x067\xc2\x8dg?\xfd\x01\x00&gt;H\xbf\xa7\xbc\xd9\x1a`\xe8\xfa\xb4\x8e\xae{,C;\xab\xfe\x01\x80\xd3\x93f\x02\rD\xf7\x14\n\xeb\xe4\x0c\xe2\x18=P\xc1F\xe6m\xe5O\xedo\xc6e\x82$[\x15Q\x05[\xd0\xda\\7n\xb8\xaf+M\xd5\xeb&lt;\x08-\xc6(XH\xb6,\xca\xed\xc6\xd5\xbchYp"\x8e\xc1\x9f\xa7\x15n_\x9bt\xe5\xcao2\xca\xee\xa9\xec\xbc\x08\x9c\x99v\xfa\x95\x9a\x9b\xcb\x02\xa0\xfc\x1a\x80O`\xfa$a"a9\x19\xbey\x98wd\xa2\xa1F}@\x04\x01\x0f6\xf4&lt;U#\x14\xe5H\x80_\xb5\x96a\x1e\x0483\xc0\x7f\xb9?\x1b\x82S\x9c\x07\x00\x00\xb0\xd1C\x96\x87\x08.\xd5\xbai\xe5\xc3\x1bb\xf4X\xd4\xb2i\xd0\xa5\xf2\xf4\xf8\x1aPg\xeb\xd5\x0cjs(!\x0fC\xb0\xef\xdf?\x1c\xb0\x03\xfd\xf1\xe4\xaaBE\t@\x93\x93\xf7}\xef*\x86\xaa\xbd\xc4\xd2\xf3m\xd9\x9c\x1fBa\x9dL\n\x90\x89\x86\x16\xf5[\x80vu]\xe8\xcd\xcakY\xd8!\xe0\xff\x1d^\xb1\xdeR\xfdJ\xc4\xb1\xed\xb6\x88\x18\xb0\x18KEtR}\x97d\xb7\xdbU\x9f\xfd\x1d\xf4\xea`;\x80\xdd\xbf\x00\xc07\x00\xf6zl\xafJ\x12\xd4\xcb\x1b\xf7@\xe8\xd7@l`\xa1@w\xa47\x88\x7f\xad\xc7\x18\xd5\\\x9cX\x90\xc2\xf8gOT\xfe\xdb\x9a\xc7\x97\x16C\x9e\xe4)\x85\x11\xba5\xf7\xf3Zm\x91\xb2\xe5\xa0\x90a1\xcdP9s;\r\x8e+\x00J\xeab9\x9c\xb6\x14\xf1\xff\xf2\xce\x83\x88\xf3;=M\xe2\xba\xc7d\x82\xab\xdb\xf2\x1fP\x03\x7fo\x9bU\x0es\x1b8.U10\xa5Q\x16\x879\x18\xe1Ny\x8d\x84\xe3\xd8\xf8\x1f\xc7\xc0(\xa0\xd4\xedy()U\x8fI\x9e;\xc6\xef\x00\xfc\xa4\xe2~\x9e\xd8\xd2`H\xae;\xb6\xd5\xf2\x9cX\x0e\x99\x99\x8e\x82\t\x9dj\xa7\xe0wKg\xc0M\x9e\x10V\xb5\xe5\xaf\xa2\x97f\xf0\x11\x008&amp;\xb9\xad:\x0fz\x86\xc3G\x92\x16\xb0\x19\xbd1\xdd\x84]\xf6$\x8c5\xf2\xb0\xd5.\x95;7\xfew\xe7;\xe4\x0cN\xd5\x7f\xcd\x0b\xce\xf7\x95\xa7\xb1\x05\x81/v\xda\xda\xea\xfd?\x15\xf0iU\x14.\xb4G\xbf\xf7/\xc1!\x7fs\xfc\xf6\x15y\xf8\x8f\x94\xa7\xc7\x9aC{\xdc\x96W&gt;\xd7\xbe\x8f(\xe6\x14v\x18\xf7\xca\xa2\x0b\x00\x04x\x1b\x9bG~\x0f\xe8\x12No\xd3\n\xa9\xf7\x12s\x1f\xb2 \x08\x15a\x94\x9b\xca\xc0+\xff\x1a(S\x05\x1f\xb8\xc9#\xd4!\xcd\xe8v\xd1#\xceC\xa8\x01u5\x15\xd4\xacf\x8e\x0bp\\\x8cE$=v\xb9\xd1\x8dg\x01p\xf8\x90\xe5\x10\xb4\xea\x9fz\xd1n\xe7\x04Vp\x93G\x10\xda\xb0\x0f\xce\x07\xb6\x16\xa3(\x0c\x13\x90\n\xaf-:u\xef\xb0\xb50B\x17\xa8;\xcd\xf3&gt;\xa3\x7f\xeau\xb0\xd3\x0e\x07\x17\x8d\xdc\x12\xd5\xc9Af\x06E\x8f\xbd\xc5\xcb\x01\xdc\x7f%\x9dk\x07z\xe6\x14n\xa3\xf0\x81j\xdd\xdb\x8f\xd8{\xc8\x05\xfeG\x00\x84+\xcb&lt;"\x1c\xb8Ak\x01\x04\x9b\x17\xf6\x96\xa7\xa2a9\x11\x1a0\x12\xcfs\x81X\x10\xf2\x99\x8a\x8c0\x1f\xc3\x92\xcb\x80\x02~&gt;-\x9b\xbb\xab\xff\x8a\xa3l+\xfco\xe1\x0c\xd3&lt;w\xad\xce\xfa\xb2%$x\xb8u\xf0\x91\xe2=B}\xa4\x96\x8dF4&amp;\x94&amp;j\x0f\xb8\x94C\xd27[\xba\xf2{"\xc0YJ\xb6_\x10uk\xbc\xf0e\x84\xacf2\x00\x00 \x00IDATF\xbc\xa5\xa4/Zz\xbd\xac\xb1B\xb8&lt;K~`\xf8\x8a\xc1\x90C\xd9\t\x9f\x8b\x1a\x0c+\x1b\xdaj@\xf9\xdd+A\xe0\xc6Xy/\x06\xe6t$4\xf9\x02{&amp;\xe0\xf8\x9f&gt;\xbf\x88v\xc8\xc3\x00\xb0\xd3\xca\xfe\xd4\xcc\x1cUNL\x8a\xeb\x8e\xf0H\xa9 \x08\xab\xaf3\xda&amp;G,\x1fR\x8f\xa8\x856s\xbfIY\xdd\x8e?\x9d#+c\xae\xecv/\xdep\xd9 \x08nX\xe4\xab\xa8\x9a\x86\x85\xc4\xed@T\xa7\xa8\xee\x94\xa1\xfc \x01\x8d\xec\x92\xd3+\xd3z\x01"\xf0c5\xb7\nL\x85|\xd4Y\xdd&gt;\xf1#\x08B%\xbe\x84\xc6\xd3\x81\x1c\xe8(e\xb1\xd2\xdb\x9eQ{\xb5\xa4\xba\xaeq\xdb\x0c\xf3o\x98qrx\x9c\xe3\x08\xd4()\xff\x1f\xf7\xa3\x1c\x95\xbd\xcc\xbfs\xf8\x07\xaf\xbc\xc1\x07Q\x08\x8b\xe0o.\x00\x01\xe9\x99\xe89\xfbt\xfc\x9f\xf42m\x1a\xd4\xff\x84U\xf1\xe2m\xcdg\x88\xf5*\x9ep\x10&gt;\xcfD\x92.@D\x847\xa0\xb2\x1a\xd9\xdf\x93SM\x81\x93\xff\x9cS\xbdu\x9e\x8b;\x85\x83P/\x1c\xbaS\xce\x882\xfd\x99K&gt;A\x98\x10\xb7 \xa1\xbb\x00\xebN\xe0(d\x01\xd0\x1dQfR\xbf,e\x05\xa0\xf9\xcf\x0b\x0fs\xb6Y\xfc\xb3Z\xf9\xbc\xb6\xb5\x00\xdd\xe02c\xe5\xecD\xb8\x8c|A\xd3\xb8\xab\xb6\x1eF\\\xc3\x17\xd7\xbc\xbb\xb5\x00\x06\xbd\xebS\x104\x10\xe0&amp;\xade\x88\x02\xaf\xc7\xae\x92\x10\x84\xb4\x89|5&gt;\xac\xed\xd8\xb9\xeb\xc5\x96a\x1b\xb9&lt;\x1344;\xfe\xa8\xcd\x02\xc0\xb1\n\x19?\x008Ol[\xc4\xb2\x85wL\xb3\x8e\n9EfIj\x16\x16l\xb6g\n\x82@\x8ak\x02\x10\x04\x0el\xd6!\x0fE\x0c\xce\xec\xfa\xb7\x8c\xd6\xf9\x1a\xcb\xba|\xb1P]m\xee\xa2\x9c\xa3`E\xbcV\x83\xbb2\xee\xed*\x9d\x01\xba\xda\xe7v-\x00\n\xf6\x05pT\xb9\xf6\xb7\x86\xe6u\x9eO\xe7\x8f\x11\x04!\x0f\x891A`\xc7\xf0S\xb8\xc3\x8e\xe6s\x19M\x87Q\x0b\x80\xb1\xa0\xf4\x1c\xbf\xbd\xad\x07O\xc1ztsIP\xf9N\xfd\xfa\xc2\xa4R\xb4\xfa\xefH\x0f\xadH\xd7\xfc\xbc\xd5\xea,\xeaf\xe1\x90l\x05\xa14\x9de|!\x0c={J.\xebm\xf8\xc6\xf4\xf3g\xc3;\xcd\x89|\x9cf~\xdd\xc2hIS\xab3\xf7\x02\xa0\x01\xf6\x02\x80\x83T\xf1|\xb2\x98\xcc\xcd=\x93?\xc5\x17\x00y\xe2e\xd0\\\x00A\x10\x844\xf4\xe9\\r\x19\xc8\\N\x03\x1e\xbeH$\xb4p\x1f\x9d\xd0\xe1~\xa7\xe4\xf1\x9d$u\x17!Gr)\xb5\xd7\xb2\x00(\xc6\x9b\x95\'m\xfeR}F\xa2\xb9\xc7\xf2!w\x01P@\x93T\r\x8eYKl\xdd+b&lt;a\xb3\xd8\xd3\xb9\x84\xc3Hs=\xdc\xb1\xb5\x00\t\x98\x0f$\x9c5t\xe2\x9f\xbfeh\xf6\xd3\x1a\x13\xf0\xf8\xdd\x88\xd5\xe0Qg\xcf-\x00Z\xcbV\x9a\xa01\xda:\x89\xbc\xfc%\xf8\xe9\xc1\xd3F[\xdf\xac\xb5$\xa5X\xf3\xaf\xb1\xed3l\xea\xcfM\xef\xfdr\xcd\xfa\x11\xd6\x0f"\xc8\xcf\xad\xb7\x04]\xca\xef.\xb7\xb8\x8b\xd5\xd4\xd4\x1a\xd1/ \xe0:\x7f5\xd4Ph\xab\x01\x1e4l\xd3N\xe7\x07\x93\x17\xec`\xf0\xe6%\x07\x9e\xdc\xfe \xce\x14\xcd\xebs\xc8X\x9c\x99-\xae\x05ev\xeaE\x9f\x88\xb8\xaattDk\x01\xca\xc3y\x85Y\x03\xbcG\xf3\xad&amp;\xa1\x15\xbb]?\xb9u\xad&lt;\xbc\xb5\x00\xf4\xecv\xfbY\x90\x95k\xc5\xee&amp;6\xcc\x8a\xf6\n\xb0\x9d0\x96\rwe\xcb\xef\x05\xd0\xb3 i\xcba\xabz\x07\x00\x97c\xe6\xf6\x0c\t2\xe0\xbe*\xc1\xc3\x0b\x866w\xb2\xa6\xe2?\x17|\x13\xef\xca2\xe3\x1a\x13\x02"\x9c\x8e\xf5\xe8B\xe9\xe0B\x9b \xac\x13\t\xbd&lt;\xc2\xef\xb80\xee\xd3\x08h\x99\xcb\xe45\xdej\xdcR\x00\xd7\x8d.-\xa5)\xdd\xc9\xackMoZwF\t!\x04.\x00\xf2n9\x93\xd4\xda\x96\x1e\x02\xe3ei\xb2=\x92\xfb\xb8F\xf61\xf0\xa0\xf9cz\x18H[\xd0\xf3z\xddlg\xa4\xcd\x90\x05@\x16\xca\x17\xa1\xce_H\x99f\xa2\x85\\7\xb6\xf6(\xcb.m6J\x18\xcc\xa1z\x8d\xfbe\x0e\xf7\xb8\x8f\x02\xb4\x12c\xe8W\xd5\x8cL\xa3\xa4\xe4\x15\x90\xc6z\xf5\x1c\xc3\xfb\'\xa7\x14qI\x86\xd6a\xd2\x94\x8c\x05\x1cs\xc5\xf1_\xd8\x8cpH\xd6\xf3\xd4\x10/}\x17a\xcf_pV`1:poa\xdb\x8c\x0b\x00ot#\x183Q\xaaWgmFf\xd0\xa4S\xa7\x0c\xad4\xe0a\x9c\xdaN\xd1Z\x90^\x8a\x81\xeeHW\xac\xee\xabj\x15T\xd1L\x1b_\x13ZY#\xf4\xbc\xbc\xa2p\xaf\xf4\x17\xa6\x9f\xbe|H\xe0\xa0\x10\xe0\xf6\xa9bP\xc1$Y\xfb\xa8\xb4w\x92\xbd`\x0b\xbbg`m4\x1f\xd1\xf9\xf5j\xa3\xb9&lt;\x027B\xe6\xf5\xfc\xe2\x15\xb5M\x9f\xba\x93:\x87\x9a\x9b\xc1\x02\x00\x01\x9eoK\xd4\xfe\n\xc0\xe1\xb5\xa4&amp;^\xe8\xd1\xda\xea\xbe5c\xf2\xda\x9c\x93D-\x00\x88\xb4\xf3\xac\xcc\x1c\x1d\xba\x00\x98\xed\xe2c=l\xbds\xa0R\x1e\xb7\x9c\xb0Dw\xfb6\xaf\x1a(\x90u\xe2\xbb\xa8\xe5\xe1\xc3\xd9\x12\xcf\xcb]\xb6\t\xab\'(u$\xedC\xe9\xbd\xa8-\x10:\xa4\xb3\xaav\xe7\xc33\x1e$i\x80Q\xffs\x98\xd7\xdaf\x06|\xb7\xa6\x84w3P\x88\\\xb0U\xd1\xdd5\xe2\xc9\x9f\xb2R\xb5\x16\xa0\x01\x99\x997\xbd\xcb\xfd\xcbj\x9d\nI\x8c_\xb0]\xd4R\xfa\xd4\xb5&lt;\x8b\xa7V\t\xe1Yf\x18\xb2\x95\xa7\xd6\x86\x1e\xfe\xb1\xd5\x03\x93jc\x13\xacz\xa1\x85\x88x\xd2\xac]!\xfa\x89\xcc,\xab\'Wwu\xd1n#\xd3/g[Z\x8aa\xa5\xeb\xe3\xb7\x92d\x84\x8d]\xd2\xb84ikv\xf5/4\xe3\xdc\xd5\x8b\x9b\xb1;\xb1=sj\xcc(\xf6\x04\xe6\x9b\xc8\x95\x8f.\x91\xd4\xd5\xa7r\x84[\xa3\xafj\x89\xf8\xf1k\x1e\xe9&lt;\xfc\xc7\xbbM\xbbDB\xa7\xa2\xc0\x8c\xa4\x9e\x11p\xb3S!\xd0JS\xe2\'\x02%\x05J\xc4un\xa8\xf5\xc9\xb4\x14k\xd0w\x8bN\x85P\xceR~\x8d\xee\x9ek\x17\x16\x00\x15\xddf\xb5s\xaaS\xe7\x92\x97\xb9R\xd6.8\xee\xa3\x97\xec\xa5\x1b"\xab\xff\xe6&lt;\x03\x00\xe0\xdc{#\x9e\xac\xb50B\x14\xcc]\x0bZ\xdf\xd0%\xccA\xf1C`;\x80\x96n(\x8e5\xc2\xae\xd0\xfc\xcf]\xf1\xdf\xf9S\x7f\x99c\xdf\xdb\xee\xed\xee_\xb2Q\x8e\xbceRWI\xba=\xfc^\xd2\x06~&gt;doh\xf9\xa1\x14\x9e\x14\xb5\x0b\xdfE.\x0b\xb1\xd8\xffz\xd0\xa9\x00\x00&gt;\xf7`\x80\x1d\xc0\x0f[\x0b#\x84\x93\xff\xabi\xc57\xc5\x94\xca\xbf}$\nEhz\x05\xa0\x90\xef\xb2\x989b\x18o\xb8\xdf\x1e\xea\xd6\xfeq\x85\x0c\xf7\x96\xa6\xb7\x1b\xc6\xf6[CN\xc7\xf6\xff\xa6\xd9\xec\xf0\x15\x1f\xf0\xe6\x9f\xf2\xca\xf1\xee2\xb6\xb1K?\xdb\xff\xc9\xacu\\\xfd\x90;\xe3\xd7\xb8H5\x7fY^\x10r\xf8H\xa9J\xbd\xb7\xc4\x1d_\x84\xf54\xba`\xcae\x99\n\xf7\x0e\xcd\xb4\xcf\xd6X\xf8\xac\xfawU1e\xb3\x1aPk\x08\xb7\x12*\xc4N\x83\xbb\xfb\x1a\x93&lt;X\x12\x15\x85g\xdaM\x19\xa5*\x99&gt;\xaf\xef\xdd\x844\x92\xd2\xd1\xab\x97\x92\x83 \x08\xb9D\x06\xd8\x7f\xc8\x96\xad@\xca?\xb4\x16\xa09\x9b\x8d\xa6\xc3S\xa4\xef\xf3W\x84\xa9\xd3\x7f\xe8Y\xca\n\xe4\xd4\xf1\xbd0\xe7\xb6\xc6\xbf\xa7\xc1&gt;\xa0\xe1\x02 \x9c\xb3\x07\x1c\xf3l\x99\x8f\\,\xad\xb2\x1e\x92u\xe9\x15\x11\xe1U\x15\xd4.\xd5\xbf 0C.\xc9\t\x82@\xb4A\xbbX\x88\x94]\x00dt\xd1\x19K\x17[\xd6\xaf\x81m0X\xf9.\xf3\xdb\xf3\x84\xf7^\xae\xd5s\x9c\n\xbc\xc1z\xc7\xcb\x8e{\x00\xfcP\xd4\r\x00\xdawe\xb0(\xbe\xcf\xd2Z\x00\x81\x1c\x0e~e\xc3S\xaa\xd5\x13~\x93F\x0e\xaf\xddH\xf1\xcd\x84\xd9{SQ9J,BN5?\x9f\xee\x9b\x9f\xb9A\xbf\xf5\xad5\xcc}\xccx\xc2A\x15u_\x80\xdd\'\xadY\x1a\xe9\xd6\xcbq\xca\xaak\xf8c\xed(u\x98\xaa\xff\xd2\x8f\xdd\x08\xcc\xf8l\xad\x8e\xc6L\xc7\xc7\xb5\xc6\xf0\xe7#\x92\x8a-\x15[Q\x13\xa82\x16v.\'4\xfa\xca\xe3&gt;\t\xd0\xd2T\xc6\xd4R)\x1a\xcc\x1cT^\x18w\xe7\x15\xb5\x91\xc6\x8c\x0e\x95)I\xfbhq,k\xcbu\x14_\x03jr\x8e\x02m\xae\x82\xfb\x00\x98\xdf\x07\xb9\x1eO\x12\xfc\x9c[\xf9\xe9\xba\xf2\xf0Xn\x8fY\x17\xcd\xaf\xaa\xe3\x93@\x99\x88Q\x8e\xfd\xf7\xcf&amp;(&lt;\xfc\xf8O*}\t\xb1\xfc\xact\x07\x1cR\x01K\xb4\xbapVKJ\x95\xbb\xdb{y\x13WG\x80o\x18\xb1\xbc\x93o]\x9ec\xe7\xff\xfa\xdd\xb7Z\xdfN~\xdb\xc1\xd0\xde\xbb\xad\xb8\xafw\xd80\xd6:\xea\xbaJ\xd4\x06\xa3\x1ed{\xa6+rm\xa4\xd8\xba\x82\xc5\x87{\xccZ\xeem\x9b[/\xa8}\xd7\x04\x1f\xb7\xe7#I \x932Kn\xfeu\xa7\x16\xc1bcSLl,8\x12\xd4\xec\xa1$\xd70\x95L\xe8\xfe\\\xff\x08\xaf\xa1\x8aw+;\x97\n\xb4\xfc\xc1L\xea[\xab\xf2e\xfdX\x88a\xc7`\xb5\xe0\xaaG7B`\xc7\xfd\xec\xa2\xff^Y9p\xd8\xf45{Q\xc4(k\xb8\xf9\xc9\x98\xc1\x8f"\xa9\xca\xb9 \xc0\xbfV\xef4\xe5t\xa7R\x07]\x86\xb7&lt;\x8a\x81p:\x80o4\xb7E\xef\x8cV\x11M\xb6dHn\xa1V\xb0\xc3\xc9\x9f\x18\x11\x90\xe4w\xf4\xb4&gt;-Q\x0f\x9f\xee\xc0\xe8\xebp\x81b\xa7W\x9d\xd6aBYF\xe3U\x98@kR\xe2\x16\xa0\xca\xf0\xfc\xde7\xfe?\xfez\x9e\xbc\xd3\x99\x8f\x8e\n\x02;\xeev\xfbk\x91u~\x12x\xa7\xfc\xd7\xfc\xa0\x8e\xcd\x98{\xc6\xfe\x9a\xff\xf0\xaf:\xd5?d\xaf!\xbd\xef\xeb\xc3\tj\x0c\x00\xe1\x1f\x00\xbf\x1e{\xe2F\x88\xd2\xc9f~\xe7\x9b5\xd1n&lt;\x1al\xac\xa2\xfd\xbb\x16\x05\xef\xb3\x19/\xd1\x8c\xbd[R\xec\xf6\x8b\x05k\xbdRH\xa2: \xc0K[\xcb\x10\xc5_\xb4\x16`\xd3\\\x7f\xf6\xe6\x01\x99\xc3\x12\xd8k\xf2\xf1\xad\xc5\x10\xc8\x99\t\x87?\xaa\xf3\xf8\x1a(\x0f\xccE\\j\xafE\x95\xfb"\x88\xbb\x98\xae&gt;\xeb\xb7\x00\r*\xfdi\xaa\x90\x1dQ\xd0j\xca\xdd2\xfb\xbf\xfb\x17\xeah\x89\xab4\xeaw\x05\xe4\xdc[X\xe7\xa6\x0e;\r\xc6\xdc\xa3U\xe6\x9e.&amp;9\xb9\x07\xb8\xcc_[\xe0\xd7\xe3+W\x01!6\xc8\xc5\x9a\xf0D\xa5|H\xb7\x05\x8f\x0c5\xb9\x93u\xdfds\xd9\xeaP&amp;S\xfd\xeb\xd8\x1a\xc2\xf1x\xad\xa9t\xe8\xe5Q\xbc\xa8\x08\x96\x97\xde%\xbf\xc9\xcdx;\x1fX\xdf\x9f\xad\x07\xec\xcd\xc77\xdb\n\xcc2\x81\x08\xc2\x80,\x00\n\xc0\xb6t\x10 c\x0ec\x12 \xa3\x00F\xccn\xc5\xd9\xaad\xaa\xb7\xb1\x8c\xdfB\x86\xae\x90\xaf\x9c\xb5\xe3\x1d3\xc6\x82\x007\xc9\x15j\x05\xd4\x8b}&amp;\xd9\xcf\x8f{\xc5^N\xda\xdfQS\xb1\xbf#\xc6\x1a\x13\x04\xab\xf4\x17g\xcdG\x16\x00\x9c\xc9^\x00p1+\xfb)\xb9\x10\xdb\r\xaeB\xb6\x96|\xd5-\x8f@xv\xa5;\xee\xf8g\x9b\xba\x12N\xd3\xc1\xe1\xc5\xcd\xf9j\xa6[p\xd8;\x10\x8a\xc1?\xb0\x03x+\x00\x02&lt;\xb7\xb5\x18{X\x95\x89\x82\xcd\xbci\xfc\xb1\xc0k\x01\x00\xc3M\xae\x1bd\xb3\xa3.2pY\x00\x08a\x88\x87\x8c\xa8{\xa7x&amp;D8\xaa\xf7"\x8a!\xfc\x7f\rM`\x017\x17A\x80K\xd5\xe8Ffnz\xe6|\xe9\xb4\xc1\xaaf`\x14*\x01\x9a\x0fD(O{w\x15\x84\x18X\xd4\x85\r\x9f\xf4\xc3\xbf\x9b\xfdu\x05\x06\xca\xc9g\xffm\x01+\x18\x88P\x90\x93\xf1[\x00TB\xbf\x83K \xe1\xca\x14\x8d4\xdf\xb7\xc8\xf4\n\xed9c*\x99z\x00\x01\x9e\xd3Z\x06A\x10\x16R\xe8\xf6R\x93\xc6\xfc\xfd\xa8\xaf\xefY9\xc3\xb8z\x95_\xa8\xc9v}\x05-ZK\xd4\x11\x08p\xcd\xc2=46\x07\xc9\xddJ\xab\xb8?P\x108\xb3\x91\xf8\x8a\x18\xa32\xa3\xcd\x9c\xe5\xfb\x94\x892\xc</t>
        </is>
      </c>
      <c r="E317" t="inlineStr">
        <is>
          <t>&lt;class 'numpy.ndarray'&gt;</t>
        </is>
      </c>
    </row>
    <row r="318">
      <c r="A318" s="1" t="n">
        <v>316</v>
      </c>
      <c r="B318" t="inlineStr">
        <is>
          <t>steps_per_sec</t>
        </is>
      </c>
      <c r="C318" t="n">
        <v>3600</v>
      </c>
      <c r="D318" t="inlineStr">
        <is>
          <t>2.6033573</t>
        </is>
      </c>
      <c r="E318" t="inlineStr">
        <is>
          <t>&lt;class 'numpy.ndarray'&gt;</t>
        </is>
      </c>
    </row>
    <row r="319">
      <c r="A319" s="1" t="n">
        <v>317</v>
      </c>
      <c r="B319" t="inlineStr">
        <is>
          <t>Loss/RPNLoss/localization_loss</t>
        </is>
      </c>
      <c r="C319" t="n">
        <v>3600</v>
      </c>
      <c r="D319" t="inlineStr">
        <is>
          <t>0.080543905</t>
        </is>
      </c>
      <c r="E319" t="inlineStr">
        <is>
          <t>&lt;class 'numpy.ndarray'&gt;</t>
        </is>
      </c>
    </row>
    <row r="320">
      <c r="A320" s="1" t="n">
        <v>318</v>
      </c>
      <c r="B320" t="inlineStr">
        <is>
          <t>Loss/RPNLoss/objectness_loss</t>
        </is>
      </c>
      <c r="C320" t="n">
        <v>3600</v>
      </c>
      <c r="D320" t="inlineStr">
        <is>
          <t>0.0051062703</t>
        </is>
      </c>
      <c r="E320" t="inlineStr">
        <is>
          <t>&lt;class 'numpy.ndarray'&gt;</t>
        </is>
      </c>
    </row>
    <row r="321">
      <c r="A321" s="1" t="n">
        <v>319</v>
      </c>
      <c r="B321" t="inlineStr">
        <is>
          <t>Loss/BoxClassifierLoss/localization_loss</t>
        </is>
      </c>
      <c r="C321" t="n">
        <v>3600</v>
      </c>
      <c r="D321" t="inlineStr">
        <is>
          <t>0.18250802</t>
        </is>
      </c>
      <c r="E321" t="inlineStr">
        <is>
          <t>&lt;class 'numpy.ndarray'&gt;</t>
        </is>
      </c>
    </row>
    <row r="322">
      <c r="A322" s="1" t="n">
        <v>320</v>
      </c>
      <c r="B322" t="inlineStr">
        <is>
          <t>Loss/BoxClassifierLoss/classification_loss</t>
        </is>
      </c>
      <c r="C322" t="n">
        <v>3600</v>
      </c>
      <c r="D322" t="inlineStr">
        <is>
          <t>0.16831133</t>
        </is>
      </c>
      <c r="E322" t="inlineStr">
        <is>
          <t>&lt;class 'numpy.ndarray'&gt;</t>
        </is>
      </c>
    </row>
    <row r="323">
      <c r="A323" s="1" t="n">
        <v>321</v>
      </c>
      <c r="B323" t="inlineStr">
        <is>
          <t>Loss/regularization_loss</t>
        </is>
      </c>
      <c r="C323" t="n">
        <v>3600</v>
      </c>
      <c r="D323" t="inlineStr">
        <is>
          <t>0.0</t>
        </is>
      </c>
      <c r="E323" t="inlineStr">
        <is>
          <t>&lt;class 'numpy.ndarray'&gt;</t>
        </is>
      </c>
    </row>
    <row r="324">
      <c r="A324" s="1" t="n">
        <v>322</v>
      </c>
      <c r="B324" t="inlineStr">
        <is>
          <t>Loss/total_loss</t>
        </is>
      </c>
      <c r="C324" t="n">
        <v>3600</v>
      </c>
      <c r="D324" t="inlineStr">
        <is>
          <t>0.43646953</t>
        </is>
      </c>
      <c r="E324" t="inlineStr">
        <is>
          <t>&lt;class 'numpy.ndarray'&gt;</t>
        </is>
      </c>
    </row>
    <row r="325">
      <c r="A325" s="1" t="n">
        <v>323</v>
      </c>
      <c r="B325" t="inlineStr">
        <is>
          <t>learning_rate</t>
        </is>
      </c>
      <c r="C325" t="n">
        <v>3600</v>
      </c>
      <c r="D325" t="inlineStr">
        <is>
          <t>0.0399737</t>
        </is>
      </c>
      <c r="E325" t="inlineStr">
        <is>
          <t>&lt;class 'numpy.ndarray'&gt;</t>
        </is>
      </c>
    </row>
    <row r="326">
      <c r="A326" s="1" t="n">
        <v>324</v>
      </c>
      <c r="B326" t="inlineStr">
        <is>
          <t>train_input_images</t>
        </is>
      </c>
      <c r="C326" t="n">
        <v>3600</v>
      </c>
      <c r="D326" t="inlineStr">
        <is>
          <t>[b'1024' b'1024'
 b'\x89PNG\r\n\x1a\n\x00\x00\x00\rIHDR\x00\x00\x04\x00\x00\x00\x04\x00\x08\x02\x00\x00\x00\xf0\x7f\xbc\xd4\x00\x00 \x00IDATx\x9c\xec\xbdy\xfc\x7f_5/\xbe\xceWD\xa5R\xa2A\x19\xa2\xe86i\x12R(!C)\x8a\x8aB\x19r\xa3\xa4n(\x92\xa6k\xcapC\xf7\x16!\xc9\x95\x0c%dj\x92\xba7\xa1\xf4C!*\xe9\x96\x8a\x06\x15\xb1~\x7f\x9ci\xcf{\xad\xbd\xd7\xda{\x9f\xd7\xfb\xf5|\xd4\xf7\xf3~\xbf^{\xaf\xf5\\\xe3\xdeg\x9f\xf3z\xbd\x01\x06\x02\xaa\x08]\xe1\xbc\xf2\xc1\xa8\xa2.\xc5\x80\x00\x80\xabThz\x98\xa9l\xfb\x19\x00\xc1\xf6@\x9a\xe6\xfc\xa3\xf9\xce\xfc\xee6&amp;!\x03\xe0_+\xf8\xa7X\xd9\xaa\xbf*=&gt;\x91K9\x13\xaa\xa0\'\xb9\x08V\xceK\xca5\xc3a{;\x94\xd2\xc3\xe2\x89\x1b\xf3J\xda\xcb\x14\xc3\x15r\xb6\xc7\x1a\xc5\x19\x1b\xd0\xee{\x0c\xbc\x8f\xe8\xd2\x86\x0e\x1f \xb8\xaa\t\xb6z\x1bI\xab\x92&amp;R\x0bYz\x11Q\xc5\xdaI.\nX\x95;@u\x9c\x11Bu`\x14\x93\xbe\xf7\x92\x19\\\xbf\xc3\xeb\xba\x8f/\xe13\x0f\x18\x9b\xf7\x80\xc1-\xd4\xfbL\xce\x14;\xb9\x9c)2\tb)\xc3zw\x90\x9b\xb8\xee\x15w\x9a*\x9cp\xd8\xe4\x83\xa9&gt;&gt;\xeai\xff\xef\xd0\xc4C\xd8~\xe1A\xeb\x8d\x8d\xc8@\xd3\x8b\x8d\x88~]{\xc7\xef\x0f\x1d\xb9\x8d\xec\x963N\x0f\x93\x88\x94-_\xa7\xa9T\xe0\x9f#\\_\x86\xccp\x98\xf7I\xebo\t\x17%\xca\xde\x9b\x85\x88\x19Q\xc6\xbb\x98\r\xb4\xa9z\x02\x80\xb0\xe4e\x14\xc5\x84\xf2LHQ\xcb\x8b\x9dG\xcbi\x97\x87\xcf\x90\xe84;\xa6\xdd`\xa5\xca4\xa5\xd7\xaax.\r\x04\xdf\x84i\x82\x82\xdex\r\xc47\x8c\x9d{\x9d\x818L2\xcc\x11\x9f\xe8=\xadaX\xb3\xed:\xdf\xcf\xab\xd4+\xdb\xeb\x94\xdb\xc5\xaa\x97\\\t\x8c\xbf~\x9dqJ\xb8\xa47\x81\x15\xa7\xba\xfb\x07\x80\t`\xda\x91\x1aH.\xfb\xed\xbc\x952\x942j\x8a\xfeb\xe0oSo.S\tf\xb2Py\x14\x82\xeb\x8d\xe6\xa23\x95\xb1\x8ea\x06Y\x156\x1a\xd3\xc4\xb8\xef7\xf0\x99\x96\xb7\xfb\xdf\xfe\xc3\xc4?\x88f\xfe\xe9a\xbb\x87\xd8\x9b\x08\xccMy\xddl\xa5\x83\xfd\xb9\x8d\x18\xed\x08\xd0A\xeb\xe9\xb2\xe6\xea=2k\x1cK\xa8\xccU2M \xbbR\x1c\x01\x88\x00\xd7H\x9f\x98\\8\x9f\xc8\x00\x11\x7fS\xa10\x10\x11&gt;e\x84~56\x8a\xef[\xf5^\x0c\x94\xb5\x17\xb4\xc8\xc0\xc3\x08\x01\xc7\xd2\xbd\xcd\x1e\x99\xe0\\\xbe\x93\xbe\x07\x7f\x8a\xa9\x90\xa1\xd1\x19_s\xaf\xb9Yr\xce\xf4n$\xae\xae\t\xffH\xc2\x06\xa2\xd0\x80L\x11\xd0\xbcJ\xac\xe09\xac\x81\x83\xa0\xde\xc3le\xd91$)E\xcfd\xa3\xdcC\xe4\x96-\x8d\x1c\x98y&gt;\xbe\xa6\xaf^X\xa0\x95Ng\xbf\t\x02\x05\xcb\xcd\x11\xcb\xcc\xf0m\xca\xc5\x8ao\xe1\x06\x0b\x11\xef\xd1\xc9YB\xcd+&amp;\xa4\\rz/e\xc8\x97\xbf\x00\xc8\xc9l\xdd\xf1Kji\x99\xf2\xf0\xed\xb7\xf9_\xfal\x16C\x11xQ~l\xa5&lt;(s\x9d\x04\x86\xdc\x16P\xc8\x98\xb56\x14y=t\xa8\xe5f\xb9\xd1=\t+\x12\xc9b\x1epZo\xbbrk\x93\xbc\xae\xee\x9f\x8b\x10\x81\xdda\xd0y\xb9\'\xb3S\x80\x8a\x03\xb9qi\xdc\xe54\xa1o\x80\xca\x8aK=w\xa4\x06)A/\xc8_"\xfc~\x8f\xf5\x05\xc6X\xa1\xf53\x87L\xa87E\x99U\xa7\x07%\xe8\n\xe91$\x9c\x85a\x8bWM\x16\x89\xf9\xed\xa7\xb9r\xc6l\x7f\x81Kh\xd3\xcfv\xa1\x8dF^\x05c\x1b{\x8d\xca\xf9L\xd3F\xf3\xc3\xe0w\xcf\xac\xc2QT\x93Z\x01\x19RDI\x95#\\q\xf5\x06\x1e\x1eL\xc3\xc7\xf5U\xe5:2o\xab\x1e\xa6B\x8dJ\x01\xf7\xe3\xc3\x06y)\xbe\x02\x91\x05\x92LKx \xec\x9f;\xd2\x9dFU\x1d\xce\xa7\xe4\x85\x8dG\xaf\xe0\x04=O\xcc\x7f\x91\xa9\x84|\xc3a\xd0j\x97\xc5z\xe9\xb5{\xf2Os^\x95\xaf\xcd`d\x99\xfeWo\x1a\xc5\xb0\x89-v\x85\nmpH1\\\xcc\x17\x92\xa6\x84\xd1\xb6\xe6m0\xf8\x05@KX\x0b\x19wE\x1b\xcc{\x08\x8f\x8a\xee%\xda\xb3\x19\x02\'\xb4\xbe@\xed\xce\xb9\xbfi\xb8\xad\n\x85\xdb\xc7NX\xa8~"c\xbfH\xf1u\xc0\x03\xc9\xed\x82\xec6"\xb05y\xacq6\x1c\x0e\xcd\xae\xba\x98IzJ\xd0Fn\xb60\x89\x1d \x03%!q\x07\xa0T\xb3\x13\x975\xac,&amp;\xa3v\xe7\xe0%\x93\x9b\xcf\xa3_pv^!\xce\xd0\x81w\xd5}\xc6\n{q\xc1\x87\xf1\x9cs\x9b\x0b\xb7|\x1c\x05k\xbfee\xbb\xe0\xfeJ\x1c\x81\r\x1b\x1b\x7f(O\x8b\x08\x87\xf1\xd3\x86tq\x18\xae\xd3\x05\x99\xbb\xd2bZ\xfe:\xc3\xa1\x8c\x92\x9fQK\x13\xacK\xb2*\x84U\xef\xaf&lt;\x86.D\x8b\xa2\n\x8e\xc5\xb6\x10~\\:f\x1a\x1d\x1f`\x9e\xebg\xb0\xd5\xa6\xfd\x18\xc3&amp;A\xbe\x87\xc8B\x9c\xdb\xb0\x96^\x04l\xce\x7fjO\x16\xcd\xc1\xed\'\xe6\xdaw\xce\xd8\x93\x03/\xa0\x83\xaeD\xfeVmL\x9e\x00\xe1S$"\xe3A\xb7\x02\xdb\x898\x8d\xdbU\x11\xe1R\xc4\xe3\x7f\xa2\xfe\xf8\x05\x00U\xceM\x9ca\x7f\x16\xd8\xff\x07@d(\x85o\x8f\xa8f\x91yAp\xb0\xbe9\x81\xe8\x90\xa7n\x1b\xc7\x11\xf3_\n\x99\x03\xf2\xee\x86?.\xc8\x81^\x11\x88\xf8F{Xa\x11\xdd\xb1c\x7f\x178\\\xd8\x96\xa8A\xfb\xb9\x8b\xf1\x19\x1e\x13_\xb8\xa4\x01i\xb0X\x07(\xc9\xba\x8eK\xde\x19\x83\xe13\x95\xe5\xc7\x12\x8c\xfad\xc4\xe0YZ\xbe\x94\x8fo\x1b\r\xc4\xddL\xc9\x9d)\xdfEd\x8f\xb9\xbd\xd8\x979D\x92E\xb4\xf3\xb2\xea\xbf\x04\x17\x1e\xcej\xc4\x87\x84\xdfN#\xff\x19\x18\xac\xa3\x85s\x8c^\x14b\xe6ts\xc8\xf6)\x11\x84\xbd\xb7,?\xc7\n\xd0\xb6\x17\xe1\xe1\x03\xb4\x11\x1e\x0eA\xf2\x90\xa0\xb6\xdc%O\xfe\x98%9\x16\xb5\x82\xac\xdbs\xf5\x9c\tgh\xe2\x8b\xa3\t\xc6\xb8\x00\xa8\xa30j\x86\x0f\xbb`\x98\x0b!ypfT\x01\x81`\x12\x10=\xb6\xcd\xfa\xa6e\xf0\x7f\x04eZ\xf2{\x04"\x96\xe5\xfc\xc4\x88\xee\xe4\xea\x08&amp;U\x8a\x95\xe8\x05\x82\xe1\xb1NN\xdb\xe2\x95\xdcOP"k\x18\xf2I\x1aL\x95\x81\x97\xb7\x8f\xed\xcd\xb8xN\xb0\xfa\x8f\xd3\x8e\x0eX\x08G\xe1y8\xe8\x1e\xb8\xc4\x95\x9e\x03\xda\x10\x9fy\xa0J\x1f\x17\xff\x11\xcfg\xd1U\xf2M\xd5\x12t0\xc4\x9a\xe1\xb9\x98\xb5\x98\xe9\x98\xe0\xaf\xaa\xee\xc2\xbc=@\x92&gt;\xa5[\x06\xffFX`\x7f\xe7\xdbL5\x847X\x18\xc6p\xe3\xc1\x80j\x17\x9c\xd9\xa6\x99K~V\xf3\xc5zC\xe8\xf9#[)\x84\x86\x10\xebB\x18\x1c\x00\xf07"\xc4\xba\xc04\x10\x11\x01^\xd9\x9b\xd1\x19\x16\xf4:\xc6`8\xc4\xc5\xcc\x81\x9e\xf7\x1b\x16i\xef\x1d\xd2\xb1\xac?:\xbd\x9b\xdf\xf1\xafU\xcf$,\x02+\xafi\x02\xcf\xa2y\x0bn\x8d\x0fH\x10b\x95\xc64M\xdf\x8a\xf8CA\xbd\x9c\xba\xec\xee\xfc\x08\x133=\x80\x99Z\xd6|9\x03\x17\x91\x91\xc48\xff\xc5\xf5\x0c4*%\xa8c\x82%H\xb1A\xb0\x9e\xfe\xfb\xa14s\x92F\xb5&gt;\xf4[^e\xe4,\x0e\x84\xb4uL\xad\x1e|\x1aQ\x9f\x18otl#"\xf0\xbdqt\x8b\x98X\xd2\x18\x115\r?\xf7\xc9\x14\x14\xd6,E\xb4\xe8\xe7\'\x0e\xc5r\xe8\x12\x9dK\xe8C\x87\xb8t\x0c\xfahZ\x10\x8a\xcd\xe4\xd3^\x07w@x\xf7\x0f2\xfb\x03e\xb8\x97\xbf\x8e\x0f\xcd7kRE\xd4\x11\x8b0\xe3\xb9\x89\xedP*\xa8\xe7\x10g9\xa7\x85\t\xbe\x19\xdc\xfc7\xcf\xf2\xd7C\xabi\x9f\x10\xca\xc3i\xa2\xb7\xcem\x18\xfe\x9f\xc2L\x9d\x88=d\x1e\x86\x00\xef\x97\xe8\x9e\xbe\xc6\x18\x8d\xed\xc5`\xab\x0c\x8a:\x1cN\xc0\x84\n\xfc\xbb\xddo\x95\xba\xd6\xdc/\xcf-1\x86\xe3y\xe6bWM=\x14\xbd7}\x8b\x88\x18\x85\x9cDs\x03\xd5\xe7\xbe\x1e\xce\x1f\xfd.\xba\x87\xd5\x82m\xec\xee\xbcw;\xbeVB\x8fv\xfcp\x9f\\\x96~\x91"M\xd3H\xdc\xd6OX\xbac\x8e\xd7\xe8E\xa0\x9coQ\xc9\xe8=\xc2&gt;N\x08\n\x1c\xd2\xa9l/\x08p\xabm-\r?\\*\xd9e\x15}\xf8\xb3&amp;\xbd5m\xef\xb5\xe2\xc8\xa0\r\xf9\xe3\xfa\xe7\x84\xb0\xad\x11\xb2\x9f\xecj\xbf\xf4T\xeb\xb2\x9e6\x17B\xa7\r\xe8\xae\xa8\xdf\xde\x97\x8a\xd4\x86\xdd\xf1^\xc4\x10\x86\x84\x1e0\xb4\xffAz\xc0\xb0\x91\xa2\x11\xdb\xc3d\xbe\xa4\xc3\xe8U\n2\x89TG\x08\x10\xe9\x02\x00\x00\xe0\x1a\x1d\xd8\xba\x1c\xacwxI^V\x11c\x16\xd1\x98h\xd2s\x8a/\xfc\x10\x92KX&lt;\xd3XZ4pyi\xc9/\x16\x95\x96\x81\xd3\xc6eE\x0b\xb5\xd0s\x8d\x0b\xc0,\xb4\xecX\xa6\xd4`q\x8d\x1c5\xdc\xceD(\xc9Oz\x04\xc8\xbcm\xd4\xe8\x16\x92\xe9\xf6\xfd1\xbb\x16\x9a\xb5\x11\x8b\t\xd3:k]q\xa4j,\tF\xdc?+6\xc0\x84\xacv\x11\xd0\x9f\xdap_\xd2\xe1\x03\xf0~y\x91h\xfe\x93\xd8a\xcbk\xe6#\xe6\xd7[\xc0\xc2pe\xf9\x866|L\xe0\xf6\x1f\x0f\xd6#\xf5\x14Y\x9c\xc7\x936\xc1\xb3\xe4\x87\xb2f]X\x14x\x98\x8d\xf2\xdb\x00\x99\x01e\x9f\x98\xb2\xa7+\xe0\xf6\x08\xf0\x0ei\xaf~\xda\xfcO\xbbs"\x1d\xef\xc8\xf1\x1eq\xa1&lt;\x1c\xa6i\xf6c\xd6\x99\xb8&lt;\xd2FJ\xbc\x98\xb4\xc1Of\xe6\xcf\x05\x01t\xbdL\xa9\xa8m\xff\x14y\xe0C\xe5\rH\x83\x88\x10SZP\xec\xf8\xee:\x0e\x16\'\x0f\xb2e\xce\xc2\xba\x1a&lt;\x08g\x1fk\x02\xb7\xe1\xef+\xcaV\xab~G:\x97\xf0hxg\xe1\x1d\x00Z\xffo\x99\xf0$\xa8\xa6\xdf\xe2\r\xf5\x0c\x7fuLy\xa5\xdc\xea`\x05\x0f\x95\x07\x8a\xfe\xa9\x82\xb8\x13[\xf03\xc1\x91\xe3G\n[\xd5W\x92C\xe9\xbc-B\x83{yAz\x83&gt;\x0f\x91\x10\x96\x90\x7f\x86.h\xaeND\xa4]\xa4\xac\xcao\x9c!\xb7\x12\xbb-\xde\xacy\xd9\xd5\x84wG\xa4&lt;\xe1s.\xc03(`\xb4\xebG\x0e\x97Q\xcad^\xa6)|C\xc4\x84\'\x88\\\x00\xe4\xb4\xc4gWj?\xa3\x14\xbfbv\xfb\xded\n\x81\x88\xf0\xba\xfc\x93\xccG=\xfe\xfb\xe1\xe3\xf1F\x80\x9b&amp;w\xe7\x087$\xe7\xdc\xf9\x02\xe0\x98H\xecY\x0b\x83U\x12\xdf\xcb\x9a\r\x0e\x11\x01&gt;\x84/\x84\x8b\x82\x0b\xdd\xa4\xb8\x96\x89=\xfb\xea\xd7\xdd\x9b\x8d\xe9E\x82^\x83\x87^itp\xc5\xde\x04Z\x82^\x1a\x9d\xfb\xf9)\xae&amp;\xcf\xd0\xac&gt;\x81K\x88S\xf4y\r\xf4\xbdA\xe8\xed\xe3C\x96\xfc\xf8\x8f\xa0\xe1\x11H\x06\x1a\xa8\xf7-\x99H|\xd63\xdd\x17f\xb1\xf3\x98i\x9a\x00\xfeb\xfd\xe4{\xd4Q\xabj\x8av\xe3\xd9\xb1y\x0e"\x9e\xbf;,\x0b\x05/\x19!f\xce\x01`O$1\x81d\xfe \xe0i|Lgwb\xcc\x87f\x85&amp;\xdcb\xfbm\x99T\xf9\xc0\xf7\xe9\xa1$\xcf\xf5\x81\x88R\x7f\xbd\xa1\tjWI\xfa\xf2t\x14x]k\xb0\x8d\xc4ya\r@*F19fo\x87\xb1\xf2\x81\x0f\x91\x1e\xc5\xf8;\x00\xcdq?\x008J\x90\x9cJ\x0e~c7Y\x14c\x0c\xe2\'\xc2\xe7\xe6/\x07\xb3\'\x95\xd6cc\x13\xdci\xd7t\x90\x00(\x82pT\xd3\xeas\xcf\xe9s#\xf6\xad\xe8\xfd,$\x7f\xa8`}*7 \t\x1e\xc5\xd4.\x89\xb6\':\xe6\xc7\xdc\x13\xa9a\xfeq\x12\x7f\xd8\xf9\x08p\xc3p\xbb\xa0\xe5Z\xad7\x8d\x08Bw\x9fD\xfe\xcc\x1c\xacO\x0e\x88\xdd\xca\xeb\x98\xe1\xce\x9f\x06\xc2\xd1\xfe\xa0\xc1\xa0\xdf\x94\xa1\x04\xa2\xe7\x13\')\xac\xd8\xc5&lt;k}\x9d\rG\xe0p\xc0\xe4z|\xd1\xb1\xb7\xc8\xcb\xb7~\xfc:\xf1(H\x81(\x07\x81\x88\xcf/&gt;\xd8i\xb5&gt;\x8d8\xa5\xc7\x07\xb5\x9cSkG\x97\x95\x03\x11\xe1A\xe8\xbc\x92f\x12\xda\x19dT\xccy\x92\xb9\xae \xc8|q\xdf\xc5\xb5\xc3-]\xb3\xd8)\x97O\xae\x93\xcf\x17\x00cB\xaa\x87\x0b\xc3\xf8D\x99F\xe6\xcc2\x1f`H\xaeU\xc1\xecE\xda\x88.\xa0=1\x14\x19\nJ\x03z\xf5*K\xdf7\\\xe0\xbac\xac\xe2\xea\x89\xbd_{;`\xac\xfa(d\xc9C\xdb\xf66\x9a4\x83 i\x17\x18Y\x99\\\xa5t\x0e\xef\x8f(\xaa\xc49;\xeb\xe18\x90\xb8/a\xba}]\x14\x93\xab\xe3`\x0b\'\xbej\x88\xfd\xd9V,\x8c\xcb-\xe7\x85\x01\xacP\xc3qL\xb3\x82\xb8\xc4\xf4\xad:zj|\xc2\xee\xed&lt;\xe9NM\xd5n\x97%W\x139\x84\xbf\xc0\xba\x0b\xc6sN\x1e\x94\x05HI\xb3\x92\xd8\xc3\x85\xc0\xc0q\x99K\xc2l4\xb2\x1e)\x12\xc8\xdcIGi\xdf1\xbc)7,\xb5\x9a5\x84\x86e\t\x04\xb6\xfe\xc9c`j\xf1[\x119\xd94m\xd8;\xf2\x87\xf4U\xc2\x01B\xb7\x8c\x08\xb3\x10\x9f\xd2\xb2\x81\xfa\xe9Z\x9b]\xf5\xe4Y\x12&gt;\xcd\x98u\xb2u\x01\x00\x87:\xa0Z2\x9f\xd5\xb7\x8b\x15\x15\x08GD\xf8\x15uOz\xc4\x04\\q\x9c\x1ch\x0f\xedd;#\x0f\xa1E\xe4\xf4\xd1\xddA\x99\xc7\x1e\xe0z\xdd\x19\x02\x00\\\xc5_H\xb2\xe5\x1d\xc9\xbf\xc0\xd6\xdcx\xdd\x99\xe5o\x89\x88\xcd\xc5\x9c\xf8\x1e\xf2`\xba\xcc\xd7\xe3v\xb4|\x92hd\x97\xde:\x81\x88\x00\xff\xb9\xfd\x02\xf0D:\x9fX\x8a*p\x8c\xa2^r\xbb\xe6v\xb2U\x10\xc3\x01\n\xdfK$\xd5L\x86\x82dS..KQ\\u\xb9v\xbd\xc6\xd5\xb4x\x15 \x1b\xd9/?\xe5uV\x0b\xcd\x8aK\x07\xfdhcdk\xab\xe6\xcdcD(\xb2G) \x1f\xdd\xeb\xac\x02-?\xfb\x1a\x89\x81\xf8\xa9t\x01`X\x0b\x85\xba\xfcRz\xf0v\xbf\xa2\xc4\x84V;\x92\xdbQ\xe7\xc4!\xc9,\x87\xfa\xe3\x7fq\xceim\x1e\xe1\xac\xea\x87\x1c6\xe7\x15n\xc6\xaat\x00O\xe0`}\xa6i\x8a\x1e\x07\xab[^X)F\x86M\xb9~\xb1\xe0.\x0e9\xa7\n\x0f\x9f{\xd8\xe2\x1a\xb2-\x04\xb2\xf0\xf8\xfd+\xc4\xffo(\xb3\xca6F\xe9}\x15ZW\x02+\xde`\xddyx\xae\x80\xc3\xf7\xdb\x08\x0e5\xa2\t\xd5\x04\x0c\xfc\x99\xa9We\xaf90\xc6\xda\x8e\xccHn\xca\xd5U\x18\xba\x1a?\xc0S\xa9*Z\xcb\xe99\xaa\xa4\x0e\x013\xe8\x8f;;\xe4\x0c\x18\xee:m\x00\\\xa8e\xf1\xa2\x03\x8fr\xb1\xa7\xbc]k\x9f\xf4\xf4\xcd\x07\xefq\xa0\xd8.\xe7j\x8d\xc3\xfc)\xbbK\xfb7\x14\xc4g\x05\x08\x9c;\x9d6\x18Oyy\x19.\x11\x97\xdb\xc64X5u\xac\x1d\x80\xdf\t\xd39Li\x1a\x17\x01?\xea\xe7\xc0\x85\xc5\x7f\x9c\xaa\xed\xa7jW;\x9c\xab\xa3\x08\x8f\x13\x92sv;\x1f\x8f\xadN\xd6.IOV\x8a\x00\x00?N\xda\xcaD\xc7\xb4N\xacO\xb4\xad\xfb\xf8\xc0\x16\xa4\xa1\xb7c~N\xfa\xffk\xe7!\xd6N\xb1\x15\xe7\x13\xea\xbf\xefN\xbc\xd7rC\x96\xa8\x1aU\xbd\xe2\xf0R\x11\xe1\x1f2\x17\x00\xa7\xbb\xae\xf0\xec\x9a]\xf7\xef\xb2q\xef\xd8\x13\x08\xaack\x84\nE]\x9cos5A\xb7=\xc3\x81!\xb478\'\xb0\x0c\xd8~\xfc\xcb\x83\xb4E\xaf\x8dg`NmI\xd3W\x17ro\xbb\x853\x19\\\xd2\xba\xd2r\xe1&lt;D*\x12\xe1\xfa\xcd\xb6\xcbvl\xe3\x14\x85\xb5Q\x1c\xce\xd5\xa7\x93\x1e.\xee\xb7\xdc0\x84\xc770\xd0\xc8\xc9\xf2\xf5\xbb$\x16%\xe1\x0b\xf4s\x9a\xea\xf0\xba\xf0N6\x81\x16\xd8\xcdyb\xf2\x83.\x9b\xe1\x8b9\xee\x07\xdbZ\xa2\xd7"\xab\x85=I\xbe\xff\xb8\xe6\xb4\xee\x90(s\x01`\x89\x14\x95v\x91\x90\xdc?\xdd!1O\x85\r\x11\xe4\xecIn\xf7\xd1\x1c\xb0My\x92\xfa\xe6\xf5\xe9\x14\xdaj\xda\xf3\xaa\x11\xf1*5\x04H\x17\x00G\xdcJ\xaa\xc3\xf1[\x8f\x8d\xfe\x85\x8f\xcbA\xae\x16\xb6&lt;QXMUQq\x01@n\xcb\xf7\xb5F&gt;\x07\x00\x01~\x89\xdcT\xfd\x95\xe2(x\xbe\xdd:nl\xfc\x0c\xa6]\xf6\xeb-ah&lt;\x92c\xa38f\x9e8\x9f\xe5\xe8q\x01\x90{\xe5\x8cF0r\x17#?\x1f\x1e\x91\x0b\x00\x1f/\x00o\x13vF\x01H&gt;\x9c{\xd0\xcb\x0e\xefg\xc1l1\xfc\xb6\x94\xa1\x88X\n\xae\x19\x0f\xd9\xc5)\x07r\xed\xbf\xbf\x05\x9b$\x16\x9en\xc2\x9c\x1e\xac\r+\xa79?\xa9J\xe51V\x01\x04\xf8\xe6\xf0\x1b\xe8o\xb5\xeb\x8d\x1a\xd9\'\xf1[\xd6\x9a\x84\x8f\x93*\x16\x1c\xc2\xc7"\x7f\x86$\xb6T \xef\x92\x87\x03.g`r\x0b\xe1A\x0c70V\xb0x\x9b\x92#o_\xa4+e\xb8\xba;V+(\x05o-\\\x1bNO\xecq9\xb5\x0b\x00\xdb\x10o\xa7\xe2%$\xc2_\x95\xd8&gt;B\x109\x08_\x99/\xff\x90\x12`O\x98\n\x1ao\x1d\xad\x15$\x1aT\x83\xdeu\xb8\xcd\x12\xc0N\xba7\x8f\x0b\x8dK\x9ak\x0c\xc7{\x9a`\x9a\xa2\xef\x1e\x018\xff\xff\xc1K3\x04\x80\xaf\xac5g\x9a\x04x5\xc4\xa8\xb5Ls\xe3t\xb8\xec{\xbb\x9a\xc7\xa7i\x9a\x8e\x96}\'\x80\xdd\xe3D\xef\x0f\x92\xb0\x13,)C\xad\xb5\xb1\xf1rD\xd7\xb3v=8\xe5\xb1lh\xafC\xb8l\xfbWg\xc0\xb2j\x1c\x07\x81\xf8.\xae\x98\x00HK\xc0\x04\x00\xd3\xcb+W\xb7+\xe7\x0b\xa4\xe9j\x14\xd5\xd5x\x83{\xa0\xae\xfd\x15\x00p\xbc=\xce\x19\x15\xc8_\xf0\x05\xcf\xffi\x9f\x9a\x92"Y\x0c\xf34h\xcc+r\x8b\x8f\x02\xc3\x01\xed\xedMA\t\xebS\xd7\xcc3\xe3\x84\xb4\xc1\xa1]M\x87H\x155\x92\x15\x8e}\xe0\x01\xfc\xc6\x023\xd3\xf6\xbb\xd6\xfc5\xa8\xef\x1a\xd1-pN\xe3RS\xd2\xee~\xd4\x12\xc4\xcf\xf1\xd5\r\xba\x138\xe3\x8c(*\x935\x96\xee\xf92\x88\xec\xfe)\x95\x1c\x91\x9c\x98\xab\xdb\x1dF,{\x9b\x92\x08=\':c\xd9\xdb\rm&lt; \xf6\xe4@\xcb\x95\xb2\x18\xa5{\xac3\xf2hP\xb6\xc3\xc5.\xd2\x9f\x1b\xf6\xed\xee\x1f\x9c0.]\xe0K\x9a)Mo\x0f\xc4\xd5H\t\xa4\xa8\x8b\x91h\xc3A\rG\xe7\x7fF\n\xfe#@\x92\xf1\xde\x96m\xbb\x0c\xc2*\x12\x8asE\x14{{\x8a\xceE\x08\xdf\xad~\x96L;n\xf3\x04\x05\xaf\x8d\xae\x84\x96\x1b\xb6+$h\x00\x00\x02\xfc\xee\x18\xb7\xf3&gt;\\V\xdc\xec\xd2\xeb2Zy\x99\x17\xb8\x897I\xdd==\xc0\x93\x1b\x88\xd3\x04\xd34\xcd\x8f\xd7\xf5\xe4q\xf8\xe5&lt;\x0c\xe5\xca\x1d\xeeA\x17L\xfc\xb6\xbd\xaa\xbb5\x9f\xb6\x07\x89\xe6\x15RMQ\x9c\xc0\n\xc4g\xb6"0Y\xff\xb4@\xbf\x1b\x1d\x00p\xa8gr\x82\xe8\x94\x9c\xa7\x87\xc1N@\x00\x00\x11\xde\x14\xff\xc8\x8a\xff\xfa2\x87WQ\x18\x04ch\xf6\x8c\xe4\xf3S\x83\x83s1r\x1c%~\xbd\x1eS\xa4\x07\xe5E+\x80\xa7\x8c{\xc8!\xc4j\xbd\x88Uv\xec\x01\x8e\xe1\xbbaM\xb0\xde\'j\xa7q\xa4\xe7\xa3\xf66 a\xc8X~\xb3\xd6\x8b\xc8\xa7{Ez)}\xd5\x13\xd1SC\x0f\x11\xe1\xbd\x054\n\xf4\x86\x17_\xc1\xb5\xd2\x8e\xe0@\x89w8\x08\x15\xc2\x05\r\x81]\x95C9a\xef~n\x01\x07[\xc9\xfaJAE\xb9\x7f\xd10\\\xe7\x18\x05\xc9\x8e\xd4x\xca+\x00\x88_$\xd0\x80P\xf0\x980d\xce\x07\x8bH&gt;&lt;\x92\x0f\x92\xcd\xff\xb4\xa2rD\x88\xa5h\x0b\x8c\xf4\xf4H\xcd^m\xeb\xb6\xb2\x94\xba\xe3\xa8\x16E\xd6\x8b\xcc:U\xa8$\xb1\x8b\x92T\xc4\x1d\x1cZ=)B\xf6\x91\xf4\x95:\xcb\x87\xac\x9d*s\xfe\x17\xe0\x87\xa4d\xeab\xc8:*\x8dl\xe0\xa2Z\x90\xd5!\x100\\\xd1\t\x8ff\x8d6\xbb\x1c)6f\xc1\x7f\xa1\xce\x81\x9c\xd7\x89x\xb3\x12C\x88\x92\x88\x1a\xd3d\xb2k&lt;}u\t\x8c\xbc\x8a`\x02I-r\x1d\n;\xe1\xe1\x837\x9a\xf3y\x95\x0fM\x870;Xu\xc7\xbb\x88\x0b\xa1\x00:&lt;(\xef\xaa\xfb:7pO\xa6$\x83\xc8\xfe\x98\n\xaa\x8a}\xb7\xed\xfc@\xdf\x82o\x16\x89\x18H\x16\x82\x00\xdfY\xace`\xec\xbb\xb1\xdeL\x00\xc0I\xa4\x12JF\x1cu\xf3\xbfQe\x15\xc17\x9c^_\\E\xec\xcc\xc1=\xe5H\x1e\xf4\xbbC\xd3\xd6V\x01%\xa7\xc7t\x99\x0e\x89z\xe6\x95\xd4S\x96P\x02I\xc0\x8c]\xea\x0e8I\x12&lt;j\xa4\x04\xc8:\xff@H&gt;6@\xc9\xea\x96\xc9?\x12\x96\xad\xc9\xfd\xa4s\xa0\xde\x9f\x88\x08\xf0eR|.\x06\xfa\xaf2&gt;\x01N\x93\x1c\xab\x00eWmz/\x12Q$\xadk\x98\xd0\x8c\xd4\xa8\xebs\x03\x11\x01\xde\x08ZQ\xb3\x14\x8d\xb7\xc6Y\xe7\xe3*\xfb7\t\x94\\\x00\xa0}Z \xdbJD\x11\x8d\x81\xbab\xd1\x8c\xf4W\x9dz\x81A\xd4\x85\xf5o\x06L\x83\xd1\xf8\x14 f\xc2\x1e \xda\x01dJ\x02\xef\x9e\xc3(.M\xe6\x9b\x95\xcfMi\xc9\xe1\xd0\xe4\xa5\xb0z\xa0s(\xcd~\xf8\x15h=\xd1\xda\x8bO\xf0e\x96\x0c\x19*\xad\xa0\xb4\xd98\x97\x982\x1aT\xca\xdd\xb8\xc2\xdb\x16\xef\xe0\t\xf6\xc5s\r\xbc,;0\xb2o\xc4\xb7\x8d]B\x9d\xda\xb4\x96\xc6\x84-\xc6~.#!\x88\xca\xeb\xba\x01\xf7+D\x87\x0c\x89\x95\xf3\xdb\xa2{\\\xe2\x89\x11"\xc2K"\xc3\xbc\x04(\xa2jP\xaa\x91\xf0\x9a\x92&amp;\x1e\xd2\x88\xabs\xe0\x98\xa1_ \xbe\xe3\xf9\xbd\xc1\xca\x93\x82\x88\xed=\x0c\xc1\xfd\xaf\xbc\x0b\xc5\xa5\xb0^b\xaa\x07\xec\xc0\xb2X\x0c\x94\xbf\x00p\xcf\n\x0f\xbbj\x8c\x08z\xb1\xec#U\xd3\x98Q\xbf\'^PlX\x15\xf2\xe8\xa3\xb8\x06\xbd\x1fZ*m\xa8\x92\xd3\xbf\x90\x80\x02\xf5\xdb\x8f\x81\x01Om\xea\x13\xf1n\xdecU\xd0n@\xf4\x88\x9bE\xa4\xe2\x87{\'\xb5\x1b\x0b\x83\xb5Z\x03|\x94?\xf24\x16o\xdf\xe43\xc4\xc1otf\xb1\xbcG@5\x7f\xbb\x13\xe3\\\xd8\xb7/4,\x8f\xd1\x97?)W\x0f\xdc\xac\x9a\'\x92\xeb|=\xed\xc4\x1d\x0eq\x18[{\xfa\xb1\xde\x81S\xc2\xc7\xb9\xddD\xd0\xb1\x11\xd3\xb3\xd6\xae\xb7\xbfE\x0f\x05\x9a\xa1\xab\xed.\x9br[|\xfcc\x0f\xbb\xd4{\x01\xc9E\xf3\xbb~z\xc8z#wk\xcb\xa6\x8a\xa1%\xaa\x7f\xd6\ta\xa0:\xea\x8dW+\xc9-\xee\x0f\xf3\xf8Gp\xd6i?{C\xf9\xcc\xa3\x90P\xc2\x11\xd5\x02[\xbb\xd0\xe4V~/ecEO\t)W\x0f\x18\xac\x19EiY\xae\r\xe4\xd7\xebjN\x1ad\x92\x02\xc7\xb1\xfd\x8cZt\x8c"#\x87\xbc\x91")8N\x12\x97\xae\xafQy\x12B\xe4 \xe4dB\xd0o\n\x18\xe8\xd1\xd2Q\x8eIC\x80\x7f\xf4\xd9\x0e\x92cg\xe8B-\xcaU\x99\xcck)\x96\xa2\x7f\xf5\xab\x88I 2~\x95s\x8b\xe1\xea\xa2E\xcd~bi\x937(\xd1#\xf2\xf4SoA\xa2\xebfF\x95\xa9Q\xc7\xab\xf9G}\x02/Y|\x9a,\xb5\xb93\xb5\x13\xce7E\x0c\xe65\x04\xf8\x00\x15\xb95\xeb\x99\x02\x99\xbe\x04f\xa0\xf6\xd3\x84]\xa0\x12b\xa24\x7f\xd7rGQ\x1a&lt;\x06\x8dU+\xe3@w~\x07\x81L&amp;4\xc8%G\xbe[EL\x02\xde\x8e\xc4~(n\xc0\xba\xd8\x08\x0f\xc8\xcd\x00k\xb7gG\xad\xd9v\xb9\x11\xda4XD\xfc\x17\xdb\x87*J\xf3E\x91\xbb\x00\x10\xbd\tP&gt;\xf3\xb4r\xac\x11\x8c\x0e;\x8a\xeftv0\xe6Z\xf2\xb1\xa2\x92K\xa8\x14\xbf\x9b\x98W@#\xaek\x94d\xa0\x03\x8d\xe7p:r(\xde\xb8\x88\x13h\xacZ\x1a6\xff\x91,Rc"*\xf6cd2\x01\x11\xff{\xf3G\xfb\xbc"\x12 0\xe0Jw\xba0\xb7\x86\xfd\xdb\x91\xbev\x1d\xf9\x8d\x9cV\\\x11\x03\xad5\xaaL\xfa\x9b\xa7\x89\xece\\\xb7}\x8c\x86\xcc\x11\x925\x87g\x14\xcc)\xb0+\xb8\x1c\x1a^zH\x01\x8d\x8eh\x19\\S\x97\xbf\xe9\xef\xb8\x0b?N\x92\x87\x11c&gt;\x92Q\xe9n9\n:&amp;a\x16\x0e\xabP#by\x98\xb4\x83i^\x9b\xc3\xb9\xbd\x19,\'\x8f\x97~R\x18\xa0\xc4\xfa\xfa\xb6\xbb\xf9&gt;\x11\xf9M#ik5\x84\x17\x06\x81\xcc\x11\x8b\xbf$\x94J\xe1\x7f\x86I\x0e\xd1&amp;\x98$P\xc2\xad\xc8\xa2\x80\x93G)\xe9\x02D\x12F\xab/\x84\x9e\xce\xf4r\x8c\xf7\xe8\xc2\x92*\x0b\xdb\xaaS\x99\xa2\xb9cB\xb0fE\xdc\xf2Z\x91\xd6\xa4\x8d\x01v\'i\xb8\xcf6\xd4\xf1\xa4\xcc\xf5\xcbS\x0f\xc3\xba\xbd\x05\x86\xcf=\x13\x97-\x9e\xd9\xdd\xcc\xbe\xee\xedn\xbe\x81\x9b\xa80!\nT\xf3Bg\xb7\xee\x16U\x98\xd6u\xb1\xf4\xe3r\xfd6Y\xeb.5y]\xd6n2\xed1D\x04x\x82\xa2W\x7f\xaa{=\x93\x80\x84\xe3\xa5\x16\x1d\xca\x0fv\x89\xd2u\x8a\xccM\xf3cD\x90\x86q\x96\x99qp\x05JK\xa14\x93\xee\xb0\xea\xa5\xe1\x1d&lt;e\xb7\xec\xe9z\xf1\xf2\xb6.\xa0M\x16hS_\xddl\x84\xbb_\xb4\xf8.0\xc2\xd4\xdf\x03\xdd\xd6\x88\xd2\xf5\xde\x12!\xca\xc8\x17_(\x7f+\xe0\x98u\xc3\xaf\xca\x81\xb8\xa8.6\x88\x08\x0f+\xd9\x0b"\xba\xdf#\x99\x1b\xde\xc8\xf3#\x87\x18\x11\x1f\x9b\xe5\xd6\xa6I]\x0b-e\x84\x04\xf3\xbdj\x86~\x90\xae:\x0cR\xb7\xcb\x86\xcdOM\xd0\xac\x1e\xb8x\x17\xb8Mol\xb6\x148=|\xfc\x10H\x83\xb5\xf0\xa5\x05\xc8\x93\xf3\xf1g\'\x91u\x1d\xa0\xb8\x8f*@\xd3\x9c\xf1\xf19\xe5\x8a\xf5\x1a_mW\x1dy\xf3\xc7AC\x130\n\xd6\xbc,\xe7f\xa1\x19:\x07\xfedTb\xcb__\xbfq~\xa0\xe3\xdb\xe6\xde&gt;\xfa\xde\xabs\xdf\xef\x84A\xe2%\xe2\xf9\xba\xcd\xe2.\xa6\x92\x86\x14&lt;s.brV\xc6\xb4mS\xbaX\xd1\x91\xc2h\x8dw4&gt;dh&amp;z\xbdG\x0e\xe8P\x17mM\x08n\xfei\x048\x83\x9b\xa5\xfb\xa2e\xc84\x18z\xe7J#\x86\x88\xf0Yh\xbf\xd0\xde\x9cqC\x9c\xc5\xc8\xf99\x04\xf4\x1ft\x14\x11R-\xea\x01\x954\xc4 c\xce\xa1!p\x010ZW\xbf\xf01u1\x9a7\x0e\x1a \xa7N\xaaN\xeb\x05i\x8d\xafwp\x14\xb9\x85\x96\xc1\xf6\xc3BE\xec\xf8\x9c\xc6\x8b\xb2\xd0\xbeA\x0b\xf4\x0b\xb9\xd1\x96\xbac\x81\x98\x00c&amp;I_\x8cT;\xa7S\x05\xdf\xb05\xa5Q|+\x88\xc0S\x8b\nJ\x10\x11\xe1\xfd\x9b\xe4=7:fl`\xad9\xc1\xf8\x921P\xebX0\xf2f \x05\xa7Y&lt;v\xb1\x81gFO\xcb\x87\xf7\xf8\xe6\x1c\xdfK\x1d\xd3%\xa8:\x9b\xc4\xc6\x80\xa1\xd2\xbd\x03\x8d\xe1\x0b\x9eOl\\[\xc6\x05)\x01twc#G\xad\xb0@\xa2\x95\x85\xf8\xe6&gt;[\xdb\x91\x9d\xec`\xe9K\xd3~\xa8w\n\xd8\xd6\x1d\xe75\xf8u\xe1\x8b7\xa3\xb1\x7f\x13\xd8\xa98\xc2\x05\x80A\xa0gd\x11\x11^\xd6\xfa\xd1\x06\x00\x84\xa7\x0e\xba\xec\x0e\xbf\x1f \x83l\xc3&gt;,\xbbk4[\xf6\x89\xb8\x89\x8c1\xed\xb5)\xfd\xc2\xf6b\x96\xedx\xb6\xf4\xbc\x88*\xb8ZN\xcb\xbbP\xbb\xf0=\xd9N\xf9F\x84\x86]{\x9e\x0c\x9f3W,\x98\x13\xecBh\xc3~\xf3g\n\xd9\x85\x94o\xeaDb\xd7\xbe\xff\x0f\xb2g\x95\x85g\x88\x99\t\xb2\xddc\x15\x8b\x8e\x8an\xce\x8cd~\xef\x0b\x00\xf8\x92\xb2\xa9\x05\xcc7\xc3\xb7\xd0\x14\xa9\xd6\x82\x93\'\xa7\x0f\'\x17\x13\x85\xf1}v\x95zn:\x91\xf6t28`8:\xf7A9\x8f\x05w6l\x11Bd\x1a`\xb7w\xc0\x9e&gt;&lt;\x10\xe0\xe6\xb3\x0b\x1f:w\xd4\xac\x0f\x0f\xba&gt;a\x18:\tCqQl@\xf0uU\xb61\x18V\x1c\xb6\xac\xec-\xaf{\xe7|\xdb\xa0k\x18\x18\xce7\x80^\xe5\x13br\x18\x846\x8a%\x17\x00\xeb\xac\xe1&lt;\xf0~7:&amp;\xbd\xafBD\x80?\xe8FN\rF.\xa6\xf32\x93\xb5\xf3[\x1f\xa6\xc4\xf2\x8c3\xf4\x10\xeb\xc8\xa5\x1d\xaa\xb6\xbf\x1fky\xd8\xbd\xf7x\xa3o\x1eh\x91\xebK\xd2\\r\x9e\x10[~\x82\xc3\x8f\xe0[\x13\x18F3\xff;\x1e\x8b\x95|\xcc\xb1=|\x8e\x91\x9f\x8f\x02/\xd6}\xd5\xf7\xa9\x9a]io&amp;\x95\x98\x9b\xd2u\xf6\xc7xN\x0b\xc9T\xc9w\xe6\x83b\xbf \xae\xccK\xce\xdc\xcb\x91\x89\x9dq\x86:\xd6\xd4\xfd^\xff\xf5\xd2&lt;\xbcH\xd9\x1b\xda\xd2\x1dv\x91k\x87\xe0\xee$\xbb\xc68~n\xc6RZ^ g\xa4T$\x94;LB~\x1ev\x81o\xc5J8\x10=[\xc1\x08\xedh\xabh\xaf\xc6\xdf\xd1\x9e\x8c\xc9k\xd4&lt;\xf7\xb1\xf0\xbc\x83~\xf80\x9e*\x88\xf8\xe2\xd3[\xd4\xd6&amp;(`\x12\xa3\x8f\x9bcN\xc9\x9b\xa7\x80\xc0\x8axR\x19\x1fB\xac\xaaO\xad\xda\xd5\xe0\xac\xb2\x1d\x97[2\xfas\x8bn\x85\xd3\xdc\x8e\xe4\xe40\xe2\x86\x9f \xea\xec\xea~\x07\xa0&amp;.#\x04\xd4q`\x9f\xe3\xff!\xb3}\xd8\x0b\x00\x04\xb8\xf9\xf6\xcb\xe5\xdc\x8fm\x8c\xc0\xb9\x90\xc6%\xe2D\xea1M\x13\xc0\xfc?\x19\xa0\xf5c\xc4M\x93\xf5s\xbe\x18z\xdc\xb6k\xaeq\x08\xf8\x9e\xde\x9e\x0ecF\xe1\x83\xa5(\r\x80AZ\xf6\xb8\x98\xa6\t\xa6i\x9a\xf6\xca\x9e&amp;\x98\xc4\x9aJ\x02\x85\xcf\xa1\xceGr\x1a\x84\xe8\x98\xa6)\xe8\xa2\x0c\xafi\x8aM\x1c\x00\xa4J\t\xb2\xffd\x1dBYH\xd7\xf5b\xbe\xc2~\xa5}\xc8qo\xfe\x053\x87\xe8\x97\xf6V\xa3\xd6\x87\xc4\x85`\x1f\x10\x1b;@\xf9J\xee\xfa\x84\xb0x\x17\xf1\xffl/\xbdk\xb2y\x8e\x92T\x14\xd7\xb5\xbc\\\xe9\xbd\x98\xcd\xb0[\x1e\x91\x12\xa1\xa8\xcaoS\x9c\xf7mU\xb0N,.\xa4\'\x8d\xfc\xf9qY\xc9\xbf\x16\xff8\x8d\xac\xa23L\x0c\x99\xcf\xc6\x96q V%\xa0\x1fpz\x07\xa2?\xd2\x80\x9e&gt;\x96\xa5J\xe8\xb8\xd7\\L{\x9e^\xb3\xb4?j\x94Cna\x14\x04\xd4\xf6\x9ej\x10\x0f\xefm\x82{\x11\xae&gt;\xa6\x99Q\xc2m\xab@a\xfdhb@\xa6\xa8\x96\xb7\xee^v\xd4\xa7\x14\x034Up\xdc~G\x052\x8a\x90X\xc6\xce\xf0q\xd5\xb0?\xd9\xcb-\x02sy\xbe\xe08x2\xb7\xe8\xc6\xf5\x12h\xee]R\xfd\xc8\xe1\xf0\xb1\x9e\x99{\x17\x00\xdcm4\xd8\x8b\xafZ\xde&amp;e\x165\xffS]2\xc6\xb6k@J&amp;r\'\xbc\x86o\xaf\x93\xd9\n\xfe\xb4&lt;\xbb*\xa4\xaeX\n\xaa\xbe\x9a\n""\xfe\x84@\x8eb;\x03\xb4**\x7fi\xc15\xf05^s\x1f\xb5#\xf4\x85\x88C\x8e\xbb\xb5-\xa5\xfd\xa5\xfct\xba\xb8\x19Xb\xf2\xa1}\x85\x88\xf0\x0e]\xf2\xcdV\xac%\x10\x88\x8f;rD\x00\xc0=\x0c\xf2\x8f\xff\xad\x87\x828r\xed\x0f\xcb\xa9\xa5nBf\xc1\x02w\xb7\xd3]\x16\x97\xab\xbb\xe5\x97\xa6f\x1e\xda\x93\xc9]\xd6Z#\xd9\xcd\xd8\xc0\x19\x15f\xd5\xa1\n\x98*\xd3\xc3\x9a^\xb84\xd3\xe5\xeb\xf6-\x8d\xfb\x10\xe1\x06\xab\x87\xdf`\x1e_\x8d\xe2I :\xf3~\xcay9h\xa1\xb2p\x9c\xcb\x8f\x12o\xaf\tp\xcc\xa5\xba\xd7&amp;\xe3p\x8e\x1a\x16\xee.\xf9\xb0@{G\x18{\xfe\x07\x99\xf7\xe7]\xb7\xa88\xea\x8fg\xd1Y\x1a\x0c\xbd\x96\xe1\xe3l\xe6\xbe\x8f\xb0L3q+\xc3\xd2\x81\x12x\x1c&amp;\x1b\x04b}\xc0FA*\x04-\x9d\xdb\xaf\xff+\xe62Io\xaa\x9aw\xb8\xc0\xf7\x01k5=`9m\x90)\'\xfa*u\x04/\x151|\xf9~0y\x04\x1b-\xb0\xb2]\\i3\x8d\'\x0c\xb4Q/M\x84U\xa9j\x04\xc0\x87\xad?\xd8\xbd\xa5\x90\x98\xb3\x8e\xe7\xbd\x94\xf7\x80\xfb\xbd\x93D\xff3}K\x95y\nu4^C\xc0\xfdjd V\x02\x17H\x84\xf5z0\x18\x85\xd0\xf8\x94\xca\xa1\x10\x1e$\xd6|u\x0b\xe0\xbc\xe8\x12\xc1\rh\x97\xd4\xac\x87P2\xdc\x91\xb6\xff8\\\xd3)\xc0!\xebk\xe6\xfc\x1a\x05\xda\xa9\xa28\xc1^\xd4s\xdf,WYfPZ[d4R\xf4^)\xbf213-\xeb\xabbg*-\xafY\xb14\xa5\xa7Wn\t\x08Xj\xa6\xc1\x05X\xb9F\x07wK\xa6\xc5 \xf1\x88\x12QJZ\x05\\N\xfd\x02\x00\xe05\xd9\x81t\x91\x90\xdb\xf8\x1e\xb1\xef\x14d\xdb\x11\xcd\x14\xba\xe0D\xaa\xbb~x_\xcb\xd5p\xb8\x10\xf4\x85|K5\xfadVr\xb1^k\xe2\x96{_ \x9eZ}\x97\x1c\x17\xe9\xdaQ\xb9~CD\xb8|\xbb\x0f\xc7\xefm$`iy\xf7`\x06q\x1d|y\xbe.\x9d\xab\xe8\xca$4$\x0c\x92\xc9\xda\x90ZeV!\xc2\xcb\xd6\xc5\t\x04\t\x94\xdc\x1e\xe5\x02\xa0\xb4\x8a\xf2\xec\x8fU\xa5h#\xc9Ys\xdb\xe7\xd20\xf18\x8a\xcf\xb3\xb2\xcb\xd8\x1c"\x88i\xd0\xad\xa0\x17\'"\x02\xbcT\x82]X\xfc\xe1n\xc2\x0c\x80\xb7\x0b\xcarzB\x9bB\xf0z\x91\x9a\xe4\x8c\xf0\x9fU6\xb6\xf5\xe2\xa7\xe7X\x8aF\xf35\x9f\x0e\xd3\xd5\x08W:pg(\xf5\xbfu\xd3\xe34V%2.\x8e\xa5\xc7\x061\xb7+j_\x12\x08\xcfK\xd0\x8d\xf2\xa3)\x8eE]\x00\x00 \x00IDAT\xb4\xd1\x11\xcc+\xc0\x18\x9cq\xde\xfc\xf9\x8bt\xd6\xe7)\xa9\xcf-\xbf\x0b\\\xd0\xaf\x9b\xad\xb2tp\x8b3\xf6~\xcb\xe3C\xde\x9c\x0f\xcb\xdf:7~\x18+:\x03\xc2\xce\x047\x1c\xcb[\xcf\xd6zFB\xa1\x82\xfej\x8c\xfe\x06]\x1e\xe1\xd0tl^\xa3\xf9J\x88\x8e\xf0\x95\xde\x9f\x0c\xd6{=\xf0\xe9}\x97\x7f\x01p\x14\x08\xdc\x97\x16`q\x86&gt;\xb8{\x8c\xec\xf8~\x17\x079r\x19\xde\xc7\xab\xd2\xf10\x86\xf7\xb0\xe8\x8e\xc70[\r\x03\xb4\x9c\xfc\xa51R\xb7\x80@\xd2\xe7\x08\x80?\x1b\xd8\x884Ew\xaf\x92\x81\xf0\x91\xb1\xad\x1b\x98\xaf\x88\'\xb9\x92XSC\x01\x1fa2?\xbc\xda\xf8\xf1i\xb1\xf2\x8e\x05\xd2\xd3\\b*\x03\x97:M.\x00h\xae\x0b\x1c\xedQ\x84\xaf+\x02\xc2\xc7\xb5,\xe7/\xb1\x08\xb4\x80L\xda\x8b\xb1=L\xf3\xbc\xc8\xa0\xc5\xe8\xe6F\xe1\x9fvX9\xd9\x7f\xd2\x8e\xb8\x90\x18m\xc3GZ&lt;\xee\xdf\x7f\xf7_\x06{?\x81\x90\xf6\x7f\xeb\xcb\xb3!.\xab\x88\xf0w\xe1\xa1}\xf01l\xa9\x83\xca\x0e\xd5\x91\x9e|K\xef*\x88\'\xf9\xde\xa5\x1e\x08\xae\xf1\xee\xf6_\xce\xbdti\xdb\xe5\xd0\xd6+(s\xf5\x98\x13\xa1\x99\x15\xab|D\xf8\r9\x1b\x85\\\xa4\xeb\xea\xdegC\xa7\x02\xae\xeb\xce\xae\xdep\xcc\xb4;W\xcb\x81@_\xe1\xda\xf0\x11\xc7\xb0\x87\n\x87\xf6j\xe0\xbc\xf6\xc0\xb60`\xef\x81tL\xees\x01Pxc\xd3\x9c^\xba;\xb4v\xdb\xd5[\xcc\xf0\xa5E\xa1,\xc6\xdc\x9e\xd7\x00\xaa\xd8\n\xdc2\xf0S\x196"\xe2\xdfn&gt;\x19\xb2W$*\xeb\xf4\x02:&gt;.\xe9M`\x0cLS\x0b-\xa4\xcf-00\xb5\xa1}\x86\x10r\xd1:v\xef\x9b\xa6i\x9an\xf7\xe1\xbdi8\x98k\xea\x94*\x05\xb7\xff\xf4Q\xfe\xefm4\x99!\xd3\xda\x15D\xb2b\x9af\xed\x93\xce\x13;8A\xbe\x17\xa8\x00\x01$\xd7:I\x1b8\x15j\x8f=\xe8\x96q^\xee\x1f\x83\x00\xff\xbc\xbd\xb0\xfc\xe0\xc4\xe8\x8f\xc82/\x8f\x00\xf0\xb1\xb3\x8c!\xb7\xd23\xa9\x11\x99\r\x8f\x0fA\x04\xb8\x7fo\x16g\xe8\xa0\xd5yF\xa3\xca\x936\xe4S\x8f\xd53\xca\xcc?\x9f\x7f\xe8`@\x97\xf2N\x97\xfd#\xdb\xf6yR\xab\xba\x88|\'c\xad\xe8t,\xc9\xa4\xeden\xf9qC\xb0\x19\x8eU\xd4W\xd6\x18\xfb\xee\xea`\xb1\xe6\xae\xe4\x8f\xd93g\xf2oA\x04x\xc9\xf2\xd2K\xbcp\x14H\x8cEv\x0cTV\xb4\xb2]\xc3\xb9\xcb\xc0o*\xc9\r\\v#\xe2)\x1d\x98\xcd\xc0\xe5 p\xfb=w\x12\x82\xb8\x0f0\x7f\xd6\xc1V\x12\'\xe0y\xd7\xd5\x02\x07E\xd8\xe9\xc4\xac\x04\xc5\xa1\\\xfd6\x94\xa5G\xf2\xfc\xa1\xc0u\xac\xbbh\xb6\xcd\x93\xf0\x92\xcd\xe2PP\x17F\'\x99\x9c\x97\xbd\x17%A_\x01\x17\x86\xb0\xf5\xbb\xd9F\xca\\J\x02\xd0\xa5q\x11N\xa7\x91\x96\xfe\xbc\x7f\xc8\rS\xd1\x8d\x00\xd3(};T\xa3\xaaeR\x80:_\xed\x16\x1a\x15W"es\x8b\xc9\'\xd2m\x0e\x81\xc53\x05\x8e\xbd\x94&lt;\x99!1M\x93s\xe5\xb9_\x0b\xac\x81w\x0b\xc8\xf8];#fz\xb3\xd6^\xb7\x87\x11%\xbb\xd8^\xab%"\xf7\x1b\x85\x87+\xc89\x94e\x9e\xec\xb7\x8a b\xa0\xab\xea_\xf9^Xp\xdd\xba/R\xfd\xb7\x1aE(\xa0\xbd5m\x7f*"L\xd3\xdc*\xe5\x1b&amp;\x9d\xead\xfc\x7f{!\r\xe3B\x88$^\x07\xd3\xfa$\xd2\xb2\xee\xac\xbb"\x10\xf5g\xe9\xce{\xf1Q\xa6\x8b\xe6\xc2\xc4\xdf\x15\x95\xf4\xbbQ\xce\x8c#&lt;\xc6\xea\x155\xbd\xcb\xda\x9eU\xc8\x99\xb6\xff\x00\xbc\x1b\xe0\xb2\x9e\x96\t\xb64@\xc0\xb5\x1e\x86\xee\xba\xd3\x1a\x7fv\xf1\xfa\x9f\x01x}\xd7\x05f.|\x95{1\xd34%L\xb3\xae\r\xa6i}\x0ct\xfe\x95 \xbd\xfaF\xe4\xba\xc2W\x8a)\x01"\x82\xda\xc6\xe2\x13KL\x9aF\xeb\\,\x18\x9eL\xda\xfe|\xeb\xdd\xbe\x1b\xbbP\x8fC\xe3\xbfg\x8c\x80T\x07S\xd5Kz\xa9\x08\xb4\x1b\xfa\xf6\xe2?;\xe1\x9be\x89\x14a\xe2u*\xeb\x08\xaa\xeb\xb3+\xf3\n\x07f\xdbA\x00\x80\x87\xcb\x91\xda\x1e\xcf\xe1&gt;\xf5\xb1\r5\x1e\xf9\xf8\xa1\x02\xedl\xb0\x8bk\x1ays\xc8\xba?7N\x9f\xcf&gt;\xd9U\xdb\x03\x8d\xe9\xe6\xee\x7fz\xe6\xfa\xe6v)\x8c\xeb\x93"c\x06X\x03\xd5\x8f\xf1\xd5HF\xe3\x02 \x8d\x9f/~\x98\xec\xb1\xdeD\xef\xb1\xb9\x12\xc89\xadm\x1d\xde_\xfe\xa1:\xefA\xc4Q:\xcbp\xb8\xcf\xd8\x9e9\x07\xf1HXc\xe4EJ*vV20d:\xcf\xd3\x07\xe8\t2\x1cg\x1f\x13D\xa9\x0f\x95\xa1R\xe9\xfe*\xc0\x8a\x0e:\x12\xca\xd4\x0f\x9e\x0fE\x08\xdbe\xe6\x15"\xc2\x8d\x8ej\xb8\x9d0-t%\xde\xd7&amp; \x88\x16ktM\x8f\x90l.h}U\x16{\xfa\r\xac)hH+\xe6\x83\x88p\x87#\xa5\x0b\x04\xae|n\x91\x1e\xc9\x15\\\xecU\xe9\xa5H\x11\x9e\x0f\x81\xb1\xce\xc9\xdb(\xdb4\x9d\xc5[F\xa4\x8c\x9c3l\x84\xf2p8 "\xdcT\xeb\x02`p\xdb\x01~$\xb4\'\x1e\x05\xf2\xac\\[\x97\x15\xa1LNA\xff\x19\xcd\xc32H\x84iw\xd4\xa1/{\xa8+\x0e;\xb8\xed\xaf\x06\x87\xb9\xfeL\xb9\x94\xe6\xc7e~]\xff\x12&gt;\xf3\x90\xad\xf0\x02s\x02\r\xeeX\x08\xf0\x0f\x9a\x90\xb7\xceyw\x19\xff5\x85\x9e1g\xdda\xa8\xa32\x0b\xee\x176\x13&lt;\xe9\xcb\xc8\xdc\x13c\xb9n\xf4$\xec\xd0\x10\x07\xf6\x86(\x18\xe9w\xa7y\xc0\xd5;d\xcb\xb5\x03]\xc2 \\E\x86WwM\xb1Z\xe7\xc4h\xb0R\x95\xcd\x87HKli\xb2\x86\xaeZ\x99\x95N\xb6\xfd\x19\x93&lt;V^qa[\xf7W\x891&lt;O\xe6\x07\x8b\xfb\r\x01\xae,-\x93O"\x9e3\xcb\xdbL!Iq|r\xd9!\xb1\xab\xde\x0e\x0b\x98\x85b\x87\x8cV\x9fQ\x13H\xd6\x85\x06l\xbf\xda\xd3\xa9\x15h\xe9z\xd0h\xee2\x11\xab\x0b\x11\xceTi8o&amp;\xe4\xaar\xc6\'H\xda\xd2\x07\x97\x1dl\x8f\xa5\x07z#\xda\x92J4W\xa9$}&amp;6\xe1J2C\x86{\xb3\x91\x1c#\r\x0e\xcd\xaf7\xfc\xae\xd8\xe4)\x05E\xdc\xbbb\xeer\xfdSYt\x89U\xc6z\xeb\xd0~\xde\xab#\xea\xa8\xba"B\x80g\x17\xb3;\x1c2=\x87\xeaD\xaf\x92\x0b\xbc\x1fH\xdc\xb0\x10k@\xb7\xa6\x19\x87\xd9\xd0\x0b\xe6\xc25G1dF\xcc\xc3\xd9\x9e\xe2\xf6xwL\xa6\x8cI\xa2z\x05\x9d|9gs\x96?B#+\x97\xac\x11\r\x99=p\\\xe6&lt;,a\xba\\\xe1m\xcc\xfd\x94\x9a3\xb7\xd6\xbd\xc9\xde\xd2\x0fo\x10\x97\x18(RB]\x03|\xaf,\x81\xd6\xe5\xe0\xf5\x90#w\x92\x18x\x87\xd0\xf5\x1d5\xd6\x96O\xa5c\x13\x10^mo\xdc\x8bN\x0c\x1d*.B#\x95\x12\x917\xb2/"|;\xd3\xb6\x92\x04\rF\xba?\xeajlPs&lt;\xa3\xcc\x17\xe3\x84\xf9a\r\x0eC\x0f\xdb\xcb\x00\xf7b\x99\xd3\x1e\x1a=\x97$\xf3\xf2{\x80d[\xbf\xecr\xb2\x08y\xe3Xi\x7fZ\xa0\x96^8\xa0\xf3\x8b\x8c@\x0b\xe7\xdb@PXn"\xcd\x8d4i\xfb\xb5B\xff\xdf\x91:\xb9\x02\x1c\x93O0[\xc2\xc8\x9c[\xd7\xf8!&amp;\xc4z\xfd\xa4\xfd\xec\xd9&gt;h#Z\x03\xb1\xd5\xdd\x88$\xe9\xa8\xce\xaaT\x13\x8c\t?\xb2\xcb\xa2WV\xba\x16\x15\x14C\xb6\xa7\x88k$\x10)\xbf\xd1TC\xa0\xa1\xae,\n\x83(\xa3[n!\xf9\'Qbg\xd4@d\x0b\xe2\x88\x12!6\x04\x14\x9e\xa3[\xe4\x16n\xce\xe6\xc5\xe2\xc7\xaa\xb78\xb1e\xb7\x01l\xbd78\xa1lq1\xdb\x98prY\x0e\xc4\xa5\xec\xcf\xc9\x04_?]8\x06.&amp;\x8fn5\x1e\x84g\x18\xb2k\x86#\xed\x93\x10o\x86{\x1ew\xb9S)\xa9t\x13\xe89M\xad&gt;\xef\xf3\x92\xd5\x04\xae\x8aXP\xa0\xc7\x1aoh\xecr\x01pl\x88\xfa\xeaIr\xa2\x8e\xdc\xf8N\x07\xe6-5r,.P\xf5]Qi\x0bU/\xb3N\x82\xd3\xe0\x9b\x07\xb4\x87\xde~\x1ac\xc6\x8a\x85\xc0\x92\xe3\xfdp1\x97K&lt;\xc4M\x8f\xc3F\x07\xa5\xb6\xc8v\r\xa4\x9e\x03\xa9T\xd4\x17N}J\t\xcd\xaaK6\xa0\x84\xe0\x1dw\xf7&amp;6\x8e\x88\xa3.\x91*\xcd8\x1c\x07G\xe4|F\x03\x14\xe6\xf3\xad\xc3\xed\xfaTs\xccl\x84\xa26"\xc2C\x05\x96\xce\xd2y\x8e]5L\n=c\xb9t?\xb7VL\xa4\xf6\x9d\x10\xf3{P1J\xa1\x98vX(\xc7\x81\xb9\xe3j\xac\xfa\x0e\xd5\x97s\xdf1\xea\xaam\x9d\xc2\x8a\xa6Wf/+\xa4\xa5\'\x92\x860n\x01{\xa5\x9e\x193\xbf\xc0\x8aTZE\xfb\xbaBD\x80\x978\xdc\xda\xe8%x{P\x1c\x91\xb36\x8e\xeb\x10)\xda\xf5\xc9\xecH\x90^\x08\xf4\x10\xe8ci\xda\xac\xda\xa7\xb9t\x84\x92\\\xba\xf7\x8ckH\x9c=WND\xef\x94\xaa\xb7\x8b\xce86z\xae\xda\x95\x1a\x7fi\x84\x16\x11\xc2B\xeb\xb0\xfb\xa1a\xe18\xd3w,\xc6A\x90\xc9\x89\x91\xd1\x88\x87\x8dr3V\xb6\x07H7[\xc6\xf1\x15\x91\xfc6\xb8\r\xab\xbe\x18-F\x0c\xc8\xd1.\xec\x0c!\t\x0b\xa5\xef;\x80K\x13M5=\x85\x9e3\x94a\xc35\nD\x80\xd7\xf7&amp;a]\x00\x0c\xe7\xa2\x0b\x84\xa7\x01@\xfc\x96\x0e\x1a\xff\x1b\x1b~"\xfd\x19\x93s\xc5Am}\xea\xd64gE\x04\xea\xf3\xf8%Z\xbf\x1c\x06\xa5R\x94\x068Dz_\xa05\xe6ZdQ\x16F\xb5|\xefX\x1d\xf9Uzd\xb6L\xe0\xbaZ\'\x91\xca\xb1\x95\'\xa5N\xc7\xa1-\x8e=(\x84P\x0e\x0bi\xda\xd5\xa2\\&gt;\xe3\xb9\xd4f\xe8\x97g\xd6\xa5\x94\xda/\xe55\x9e\xbbdP~I\x19[|j\xc8\xd45\xe4\x92{\xe6#\x16\x02\x05\xcf\xde\xc9\xaf\x86&lt;\x10\xec\\U*\x07\r\x84\xb2\xa8 \x94+\xde\xba\x7fo\xcf\xba\x98\xa6]Q\xeb\xa2q\x13\xe9@I\xe0#\xd2a\x0c\x8b\xe4\xce\xd8\xaaZ\xa1\xf7\xda\xe57\x86\xa4\xe7\x7f\x96YE\xe6D&lt;s\x88\xeb~\x11\x94,E\xbe\xaf\xd4Y\x16\xcdz\x19\xa1l?j\xa4\xd2^\x12\xaf\x86\x123\x94\xa3\xe2\x88\x9c\xbb\xc2\x8au\xa8&lt;\xb3i\xc0\xaf\xe8s\x8c\n\x11\xe9\xb8u\xa5Z\'d\x9ex}\xda\xed\xd3\rO;f\x9d\x9a^\xb2=\x16\xb8\x84n\xb5\xc6\x95C"\x8bv\x0f\x04\r\xcfH&gt;f\x1a\x90\xe1g\xc0\xf0\xcb\xaaJ\x8b\xc9)\x12\x97\xe8\xbf\x93\x98\x04?\xc2\'\xd0\xc4E\xe3#\xed\x04\xe3W\xf4\'4#V6\xf7H\xbdI\xc6\xab\x176\x9f\xf1\xd7.\x8a\xa5a\xac\xb16\xe3\xce&gt;\x08\xa4O\xe4\xca\x17A\x17\xa5\xe2\xf0\xcbS\xa8NK\xe2nN\'\xca/K\xb0q`\xbb:l\x82e\xe6S\xc76S\xbf\xe1\'%\xff\xbcx&amp;4]\xb9\n\xb4,\xe4\x06^o\xda\x14\xaaF\xda\x95\t,\xb5\xd1+\x1d\x95\x98\x0e\xde(\x03N@D\x80\x0f\xf2\xdf\xf6\xa74#V6{l\xcf\xfb\xc0\xc0q\x03[\x86\xd1\x9d\x8e\xe7\x01\x1a\xcc\x94\xb0\xbb\xdc\xe7\x9d\x88\xc9\xc5\xebK\xacd\x18\'\xbb\x84r\x9b\xc7\xdc\xb4\x88a1\x18}\xa0M\x83\xaa\x98{\x07\x929\xa5Wq\x15\xc4\xf2\xc2\x9b\xf8v\x1c\x8cof\x93\xa0\x84$\xd7)\r\xe7v\xe3\x04+\xd0\xb2\x92\x1b\xb9\x00\xbeV=\'\x02\xed@f\xe9\x15\xa6\x9d\x14\xb5\xbc\xb5i\xfc\xc2H\x96W\x12\x18\xb9\x89`\xe8Q+\xd3i[p\x9dW\xe2\x8e\xbd\xb1\x04\xa9\xd9iU\x99\xd0\xa6\x83\x8c\x86\xeb\xa2\xe5\xbd\xa1\xdbT\x08\xd9\xa89\x05eg\xe3\xfe\x83\x14\x9d&gt;\x0e,O\xfb\xc2\xfe\x19+\xff\xf4\xe0\xf9\xb7"\x9e\x05 +\xe2\xd82.J\xe3\x08\x80\x00\x1f\xadFGj\xa1\xb7d\x8bJ\xbbp0\xf2\xfc\x9f:(\x15\xae/D\xc4\xdb\x8e\\\xb3\x03\xb6\x15\x97\x92z\xef\xbb\xc4_0\x14RaA\xcd\x8aN\xf4\x00"\xc2\xbd\x06\nh3\x04\xe3\x98vxze\xadO\xb9\x83\xae\xdcrl\xf7*.%\x82\x07\xf5!\xf0\x1f\x87\x88d\xaf\x18\x93^\x0e\xfc\x15\xe6\x11\xfe&gt;\xae\x8c3\xcf\x87\x88\x88\x1f\x93\x1f\xa9\xb7ML\xfd\xc5\xe2H&gt;\x1c\xa9\x10\x06\xad_\xb5\xc7K\xc4\xc5\x8e\x0b\x1d\x1f\xb6?\xa7h\x98\x9f\xf8\xc2\xa12D\xc3\xf2Ji\xd7\\\xf8l\x9dN\xdd_\x91uW\xadAD\xfd\xf3jq\x8d\x1a\xb0\x12f=\xa0%NU#e\xaa`/\xff</t>
        </is>
      </c>
      <c r="E326" t="inlineStr">
        <is>
          <t>&lt;class 'numpy.ndarray'&gt;</t>
        </is>
      </c>
    </row>
    <row r="327">
      <c r="A327" s="1" t="n">
        <v>325</v>
      </c>
      <c r="B327" t="inlineStr">
        <is>
          <t>steps_per_sec</t>
        </is>
      </c>
      <c r="C327" t="n">
        <v>3700</v>
      </c>
      <c r="D327" t="inlineStr">
        <is>
          <t>2.6287568</t>
        </is>
      </c>
      <c r="E327" t="inlineStr">
        <is>
          <t>&lt;class 'numpy.ndarray'&gt;</t>
        </is>
      </c>
    </row>
    <row r="328">
      <c r="A328" s="1" t="n">
        <v>326</v>
      </c>
      <c r="B328" t="inlineStr">
        <is>
          <t>Loss/RPNLoss/localization_loss</t>
        </is>
      </c>
      <c r="C328" t="n">
        <v>3700</v>
      </c>
      <c r="D328" t="inlineStr">
        <is>
          <t>0.16938154</t>
        </is>
      </c>
      <c r="E328" t="inlineStr">
        <is>
          <t>&lt;class 'numpy.ndarray'&gt;</t>
        </is>
      </c>
    </row>
    <row r="329">
      <c r="A329" s="1" t="n">
        <v>327</v>
      </c>
      <c r="B329" t="inlineStr">
        <is>
          <t>Loss/RPNLoss/objectness_loss</t>
        </is>
      </c>
      <c r="C329" t="n">
        <v>3700</v>
      </c>
      <c r="D329" t="inlineStr">
        <is>
          <t>0.028581712</t>
        </is>
      </c>
      <c r="E329" t="inlineStr">
        <is>
          <t>&lt;class 'numpy.ndarray'&gt;</t>
        </is>
      </c>
    </row>
    <row r="330">
      <c r="A330" s="1" t="n">
        <v>328</v>
      </c>
      <c r="B330" t="inlineStr">
        <is>
          <t>Loss/BoxClassifierLoss/localization_loss</t>
        </is>
      </c>
      <c r="C330" t="n">
        <v>3700</v>
      </c>
      <c r="D330" t="inlineStr">
        <is>
          <t>0.089097716</t>
        </is>
      </c>
      <c r="E330" t="inlineStr">
        <is>
          <t>&lt;class 'numpy.ndarray'&gt;</t>
        </is>
      </c>
    </row>
    <row r="331">
      <c r="A331" s="1" t="n">
        <v>329</v>
      </c>
      <c r="B331" t="inlineStr">
        <is>
          <t>Loss/BoxClassifierLoss/classification_loss</t>
        </is>
      </c>
      <c r="C331" t="n">
        <v>3700</v>
      </c>
      <c r="D331" t="inlineStr">
        <is>
          <t>0.075735815</t>
        </is>
      </c>
      <c r="E331" t="inlineStr">
        <is>
          <t>&lt;class 'numpy.ndarray'&gt;</t>
        </is>
      </c>
    </row>
    <row r="332">
      <c r="A332" s="1" t="n">
        <v>330</v>
      </c>
      <c r="B332" t="inlineStr">
        <is>
          <t>Loss/regularization_loss</t>
        </is>
      </c>
      <c r="C332" t="n">
        <v>3700</v>
      </c>
      <c r="D332" t="inlineStr">
        <is>
          <t>0.0</t>
        </is>
      </c>
      <c r="E332" t="inlineStr">
        <is>
          <t>&lt;class 'numpy.ndarray'&gt;</t>
        </is>
      </c>
    </row>
    <row r="333">
      <c r="A333" s="1" t="n">
        <v>331</v>
      </c>
      <c r="B333" t="inlineStr">
        <is>
          <t>Loss/total_loss</t>
        </is>
      </c>
      <c r="C333" t="n">
        <v>3700</v>
      </c>
      <c r="D333" t="inlineStr">
        <is>
          <t>0.36279678</t>
        </is>
      </c>
      <c r="E333" t="inlineStr">
        <is>
          <t>&lt;class 'numpy.ndarray'&gt;</t>
        </is>
      </c>
    </row>
    <row r="334">
      <c r="A334" s="1" t="n">
        <v>332</v>
      </c>
      <c r="B334" t="inlineStr">
        <is>
          <t>learning_rate</t>
        </is>
      </c>
      <c r="C334" t="n">
        <v>3700</v>
      </c>
      <c r="D334" t="inlineStr">
        <is>
          <t>0.039970305</t>
        </is>
      </c>
      <c r="E334" t="inlineStr">
        <is>
          <t>&lt;class 'numpy.ndarray'&gt;</t>
        </is>
      </c>
    </row>
    <row r="335">
      <c r="A335" s="1" t="n">
        <v>333</v>
      </c>
      <c r="B335" t="inlineStr">
        <is>
          <t>train_input_images</t>
        </is>
      </c>
      <c r="C335" t="n">
        <v>3700</v>
      </c>
      <c r="D335" t="inlineStr">
        <is>
          <t>[b'1024' b'1024'
 b'\x89PNG\r\n\x1a\n\x00\x00\x00\rIHDR\x00\x00\x04\x00\x00\x00\x04\x00\x08\x02\x00\x00\x00\xf0\x7f\xbc\xd4\x00\x00 \x00IDATx\x9c\xec\xfd{\xfc\xff\xcf?\xd7\x89\xcf||["!\x87J\x85Z"j\x8b\xca\xdab\x89V\x07Z"%?V\xa8H-JB\xb1\x8a\x0e[\xd2F\xb1\x95\xa4,V\x0e\x9d\xe4PK9\xacJv#\xa7r\xac\xbe%\xb2N\x91S\xe8\xfe\xfb\xe3q\x9a\xc3}f\xee3s\x9f\xc7c\x1e\xcf\xe7\xedz\xf9~\xdf\x9f\xe7\xeb\xf1\x98\xb9\xdf\xefs\x9f\xd3}\xe61\xcf\xc7\xd3\x18\x00\x00\x00\x00\x00\x00\x00\x00\x00\x00\x00\x00\x00\x00\x00\x00\x00\x00\x00\x00\x00\x00\x00\x00\x00\x00\x00\x00\x00\x00\x00\x00\x00\x00\x00\x00\x00\x00\x00\x00\x00\x00\x00\x00\x00\x00\x00\x00\x00\x00\x00\x00\x00\x00\x00\x00\x00\x00\x00\x00\x00\x00\x00\x00\x00\x00\x00\x00\x00\x00\x00\x00\x00\x00\x00\x00\x00\x00\x00\x00\x00\x801\xc6\xd0F|)\x91\x8c\xb9\xbb\xa4X?|O"A$-u\xb3\xb2\x04\xd5Z\xc8\'\xd6\x98\xb2-\xcaX\xd6\xfeYD\x19\x81E(\x8d\xf985GM\x02\x11\x99VGM\x05\xdb\xa8\xc0S!\x19"\x00\x00\x00\x80\xcb\x88\xc3Y6\xc0e\x02\xd0\x92\xcc\xdc\xc5\x7f.\x8a\xa1\x83(\xaa\x94%\xab\x91\xbb%\x0c\xe5\x85\xb9\xdc\xeb|\xc8\xee\'n\xd2\xe9J{\xb4\xf0\x82\x88\xcc\xa7&lt;L\xa1&amp;*\x88\xbc\x85\x03-\x1e\xb2\x87*BDo\x81f\t\x00\x00\x17\x12\x87\xa7\x99\x98U\x184Gi\xd6\x9d\xdd\xed\n\xb1\x0f\x19\x8e\xc4\x8e\x18VrFgd\xff\x97\xf82\xf3v\x168\xd2g\x1f,\xb8&amp;\xa4\n[\x19\x93\x1d\xc1D\xad\xcd\x0f\xc7\xd3\x16\xbc\x078\xedl\x9e\xbb\x93\x96\x81\x7f\x00\x00\xe0b\x82\x80R\x18\xe2\xb3Bb\x99\x01\x92(6\x13a3\x19KJMb+\x8e\xfc\xa5BU1\xd3\xe9\x89\xd5\xa5A\xcf\xe2\xa1$\xfaf\xd3\xf0\xbd\xac\x059\x86\xf5\x97\x8b\x99\x7f\x95&gt;\xc8\xb6\xaf\x96\x96zv\xff\x00\x00\xc0S\xc0\xae\x01\x84\xb9\xb8,\xe4Ke\xd2\xe4\'\xc8\xe2\xade\x85\xb0%\xe3\x0f/9B\xc2 \xc35\xb5f\x1e\x92\xac\x19\x8a\xa2\xfe\xe0\xdd"\x9e{Y\x0b\x1e\x98_v\xb5\x01R\xe6_\x00\\\x0e\x9c\x03\x00\x00s\xb0E\xd5&amp;\x11\xa9\xc7\xe3\xb5w\xddK\x16E\xf9\x96\xbe\xc5MP\x9a\x1d\xcb\xd1\xffad\xcb,\x12h\x17\xca!\xef\x0b\xd0\xe4\\\xac\xd3\xbbd\xf9\x08\xcc\x7f\x00\x94\xb8o\x98\xd83@\x01\x00\x00\x00\'\x12\xc6\xc4\xeb\x87\xccnV\x1c\x91\x07\xc9(\r+d\xb9\x90?\xb2\xbf|\xfe\x8d\xa5UD\xa9\xac\xebRD\xfe\x10 e&lt;\x9b\xd2\xfd\xcb\xff\xfc\xb0\x01\xc1}c\xb5g\x035u\x02\xce\x083P\x85\xae\xb4\x9e\x11\xb5J\xd5x\x15\x00\x00\x00\xfaI\x1c\xb3)F\xf6l\xda\xe0\x9e1\xf4\xf7\x8e[\xff`\xb9\xf5\x86\xc2/\x00\xf4\x16\xab:\x1c\xafZ*4XT\x9fe*\n\xf678|(\x0f\x10\x07\xd3\xb6\x82\xad\xca\xf2\x00\x05\xbf\x05\xf7r\xf5i\x0b\x80\xd9\xc6\x01\x00\x00xN\xac \r\x11\x19k\xed\xf1GQ\xa2\xb5\xa9\x84\xac\x1ck\xad1d\xc8\xd0\x91=m\x8a#\x84M`\xbf\xd2\x98\xd7_\x85\xecZ\xac5\xb2\xc22"\xd7\x8cD\x94U-72\xad\xc8$\x8c\xa4V\xe3;\xf3\x82yikf\xad\x8d\x13&lt;2\xce89\xbca\x10\x11\x9a\x1f\x00\x00\xdc\x03wg\x88\xdd(\xf2\xf7\xf8\xc9\xf9F\x81\xb7\xf7\xef\xe4bN\r\xa9lA\xd1\xf6\x1d\x03\xce\xb0\x16i\xc7~\xd5u\x9by=&gt;)\x96\xfd^\xfb\x94\xf7\xe72o\xef}\xd03\x00U\x0f\x8c1\xe6\x950\x084\x01\xa7\x01\x00\xee\xca\x0b\xf2\xa4o\xbf\xee\x1d\x1a\x13m\x14\xf9\x7fZc\xad\xb5\xd6Xk\x8cun\xb9\x1b?\xd6\xf8O\x03\x88HeSh\xd3[\xf9\xa09qZw\xb5p\xdd\x9a\xbfv\xd7\xea\x91g\x9akc\xe2s\xb9x\xef3T\x8f\xbdX`\x8c1\xdf\x85]\xf9\x06\xb0h\x02\x00&lt;4\xe2M\xf4|\x9a\xf8\xa1\x81\x9f\x8b\x9c;\xbd\xc3\xaa+0\xb0\x8a\xa2X\xdf1\xe0\x01\x87sa\xc5\x9dc\xccl&lt;e\xc1oY\xe4\xb9kjf\xdb\xc0(\xf0\xec\x14\x00\xf0\xe0xg{\xf4e\x9eM\xac\xfa\xb1\xc7\xf1\xc7.\x9d\xc33\x94\x11\xcc\xc8s\xf4\xaf{\xf0\xb5\'\xd6\x05\xea\x1d\x00\xf0\xe0\x9c\x18\xac\x9f4\x9e\xb2k\x80sT\x83a\xfc_\xe3U\xa0\x91\x80\x07\xe4\x84\xd1\xefi\xb6!\x00\x00\xe0\xb1P\x1d\xbb\xdfC\x1cH\x8d\x9b3.{\xfe\x00\x00\x00\xe72\xc9\t@\x8c\xb7\x00\x00\xf0\xd4\x08#\xef%\xd9\xe7\x0c7\x07&lt;\n\x0f\xb0\xa2[\xd7\xa5\xf7/\x08\x98\t4\xa7!`\x17\t\x00\x00Nb\xc4h{\xaf\xd3M\x95\xd66+\xbd\xe5\xf7\xa1\x1ff2~\x98\x82\x80\xd9\xf8R4-=t\xbf\x17\x07\x00\x00\xcf\xce\xc9\xd1\xcfd\xbb8s\x183\x97O\xe6\x01&gt;\x01\xf7\x06\xfdZ\x91\xc9\xe6\x0e\x00\x00\x005&lt;\xdc\x08\xfe\x8a\xee\x1f\x1d\xa5{\xab~S@\x038\x02\x04\xc6\xf1p\xc3\xdd\xb5\xc0\x99\x00\x00\x00F\x12\xfc\xacA)%\x00\x00\x00\x00\x00\x00I\xa4\xbf\x04|ud9J{\xa9\\\xb3\xc4\xd3\xbb\x99O\xf9\x83\x9d\xb3\xd4\x02\x00\x00\x00\x00\x00hD\xbe\x9cXR\x8e\\~\xdc \xb8\xc4a\xd3\x07\xe3^\xb5y/k\x01\x00\x00\x00PD\xfa\x04`C\'\x14\x10oc\x8f\x8e\xfe\x8d1O\xb8\xa1\x0e.f\x9e\xa78\xc2\xb5\xe5\x1d\xd6\x00\xf3[\x08\x00\x00\x00\xcc\x02\xb3\x00\xc8\xc6\x04\xa7F.\x8b\x15\xd6\xda\xa7&lt;\xf7\x02x\xee\x10\x8c\x16\x99\xa8=\x17\xfb\x96\xfd\xe7\xc3\x0f\x9ei\xd4\xe9D.\x05\xcf\xc2#\x8cE\x00\x00\xe0 \x9c\x8f\x1f"\x14\x93pq1\xb7%Y\xf3A\xa0\'\xa9&amp;pW\x9ef$\x91B&gt;W\x9b\x03\x00\x00\xe0\xd1\xe0\x8f\x00=\xd2\x8e\xbb\xc6{\x15\xed\xb5s\xf0\xf6\x0c\xa4\xb1R\x88\x10`\x01!\xd7\xb4\x93G\x1apZ\t\xc3}\xd7%X\x06\x00\x00\x00\xd0\xa5\xf6;\x00.\'\x1c\xd0\xef\x87L)\xa8\x91\x14a\x92\x00\xa5\xcd\x8c\xca\\\x93\x87\x1a\x93\x9bww\xa6h\xe7\xcf\x86\x1b\xde/\xbduY\xf0\x8bO?\xa2G\x00\x00\x00\xa8\xa3g\x01\xb0"\x08\xc8z\xe7\xa7\x8e\x98\xcf\xfeS\xc1)\xe7[\xc4\x94=\xbb\x805k\x80\xc9\xbfq1\xb9y\x0f\xcb\xf8&gt;r\x83&gt;8\x82\xc5\xb1V\xf0e\'\xb6\n\xf0l\x00\x00\x00@\x03]\xb1\x94\xf3\xb4\xba0o\xcd\x1c\xb4\xad\x13p\xa5\x85\xe7\x16\x8a\xf6cH3{\x12\x806\x9e\xb9m\xbb\xa3h0\xaaln\xf1\xce0&gt;\xa7\x97\x00\x00\x00\xe8\xd29\x97\x84O\xae\x01\x00\x00\x08\xc9\xef\xa1\xb0{\xfb\x18i/\x85pL\x0e\x00\xf0\x18t\x1e\x01\xc2Px*x\xd8\x0f\x00\x00\xd7\x81)\x0f\x00\xf0 (|\x07\xc0`P&lt;\x0b\xec\xfd\x81*ZV\x8c\x7f\x1f\x87\xca/\x00o\xfc\x04\x00\x00\x00\xee\xc2\xf9\xb35\xe2\x03PCS@\x89H\xb4\x8d\x06\xa7QD|\xf7\x1d\x88\x8cy\x97\xda\x15\x02*\x11\x00\x00@\x06l)\x03\x00B&amp;\xff\xe2\xfe\xc3Pu\xca\xbf\xaaR\x9e\xf9{\xd5\x00\x00\x00\x8a\xe8\x1c\x01\x02\xe0\\\xb0\xb5\xa9L\x1c\x89b\xff\xf8\x12\x94\x02vD\xff\x00\x00\x00r`\x01\x00\xee\x81\x7f\xa4\xe1\xa9#\x9b\x11\xa1y\x10+.\x7fb\rp\x01\xe9\xed\x7f\xf9E\xd4\x1b\x00\x00\x80&lt;X\x00\xdc\x87\xe7\x9e\xd5-\xbe\x03\xbd1fg\xd7f\xff\x04C\xe0\xaar\xeb\xe6~\x7f\xb7\x96I\x9ci\t\xd8\xfe\x07\x00\x00\x90\x01\x0b\x80\xdbls\xd2}L\x1d\x82\xb5{TJD\xa9S@O\xed"UJ\xbfK\x0b\x86@d\xd6\xb6}x\x9f\x0cU\xbc~~\xffEa\xf4\x05\x00\x00\x00\xe0\x06\x14^\xdc\xf1\tDDO\xfe\x1c\x00\x0c\x05!\xe3%\xc4\xef\x02Z*\xa2\xf9M&gt;\xa8G\x00\x00\x00y\xb0\xc5g\xcc\xfaz\rs\xb97\x88\xc8\x1a\x9ct\x01\xe0&lt;t\xdewD\xd4\xd9m\x13\xaf\x032\xfd?\xd6~\xf9\xb0\x06\x00\x00\x00L\n\xde\x99}\x0bPM\'\x909^\xa5\xaaB!\xcd\xe3\xf1\xf2\x15/\xfbG_\x00\x00\x00\x00\x1e\x98/\x18\x1e\x90\xdd\x05"2\x1fv\x13W\xdc\xf6\xb0\x16VY7\x04\xf5\x05\x00\x00\x00&lt;\x1c\x08\xc8\xf2\xcc\xe8\x9f\xf1\xfb\xe8\xa0\x92\xde\xea\x98\xb1\x99\x01\x00\x00\x00\xe0Q9\xbe\x17\xa8\x13\x82\\\xbf\xc5[2\xe0z\x0b\x9f\x12\xf8\x1c\x00\x00\x00x\n\xf0\x1a\xd0;\xa1\x14\xa0]\xff\xa5\xc0\xfc\xd7.\x97\xe0\x1fgQ\xb2\xe8{\x86\x08\x9b\xdc\x05\xe0\x9f\xbb\x83\x1a\x04\x00\x80\x85\xebcAPd\x9f\xb4\x1e\xe9\xc5\xecK\xa12%z\xc8RkQ\xf4\xdeMPyG\r^t\x03\x00\x00\x00\xd4\x81\'\x00I\xe6\xd9+z\xce\x9fd\x9a\xbf\xcc\xf3\xb4\x90\xdb\xa2R\xc5\xa7\xb5\x13T7\x00\x00\x00\x00@\x07\xc2wA\xce\x1cd\x17\xdf\x98y\x91\xf1mJ\xe7\xf5s\x9a;\xda\x0c\x00\x00\x00\x80\x8bA\x00\x01\x06"|\xa7\xbe\xea:\xa1Q\x94\xfb\x03\xb4\x00\x80\x03t\n\x00\xc0#\xf2\xe4G\x80R\x87\x07\xf0\x0e\xc7\x89\xd0{\xfd\xd1\xd9Xk%\x07T\xb4\x0e;\xa5\xc3w=\xef\xfd\xbb[V\x04\x00\xcd\xa0\xc5\x03\x00\xc0S\x81a\x7f\x16.\xda\x99&gt;M\xa3\xa8t=i*~\xdcwu5\x1a\xff\x1d9j\r\x0fs\xce\x01N\x06\x00\xdc\x97\'\x7f\x02\x90a\xf87\x0b1y8\xe4\\\xa1\xfce`\xa9\xdbO\xfaj\xa9V+(5\'Yq\xac5\xd5&amp;M\xd4\x8c\xef\xfb\xb0H\x83\xa3\x8a\xedc\xbd7\x00\xeb\x19\x00\x00\x00\x8f\x03f5\x16\xd6\'\xb7s\x94\xb0r\xe5\'\xefe\x1e\xf8\xf9\x85d"!\xd2f9m\xa5Lk\x18h\x03O\xa5\x00\x00\x00\xcc\x80\xdaT\x84H%f"\x9f\x8c^\xa1\x1d\xd1\xbfn\x8b:\xc9\x81\x13\x87e\xafy\xb5\x01@\x979\x9b\x19\x00\x00\x00\xe0\xc0D\x8d\'l\xf6\xbf\x07\xa5\x18\xab\xf7$&gt;\xfb\x92\x82\xe8)e*bL\xed\x9c\xec\xa5\xc7h]\x00\x00\x00\xc0s\xf18\xe7Dgf\xfc\xef\xb6\x86\x91\xa4\xb56\xb8t\xef3\xc1Dt\xe7"p\r`\xad\x1fk\xd4\xbf\xe5 \x86hWMD\xf7uo-Dd\xady\xa4\xd1/Q}Dt\xe3^S\xc9S\x15\x16\x00\x00\xc0\xf4\x8c\xde\x89\x17n\xf9\xab\x9f69\x99\xf3\x9f\x00\x9c\xa2\x91v]\x8f\xf2\xac\xe6\x06\x9c\xe9\xeak\xab\xf5\xa9\x1a\xd5S\x15\x16\x00\x00:\xc1[\x80Nb\xd8\xd6T8\xe7\xa5\x14-W\xef;Ej8\xb0\xba\xf0\xe3C\x8a\xb5Pn\xe9\x10\xc7\x0c\xa0\xf5i\xd8\x7f\xd5[\x17\xd7\xeeI?\xd5\x8e\xf8S\x15\x16\x00\x00:\xc1\x889\x9c\xa1\xe7\x7f\xdc`Q\xa0b;v\x82\x99R\x1b\xc5#4w&lt;\x8d3\xfe\x90[\x17\x93\x9b\x07\x00\x00\x00\x80\x07\xe1_\x10\x99\xb1\xe7\x7f\xd83?\x05E\x93\x7f3xZ\xc3&amp;d\xe6z\x9c\r8\n\x00\x00\x00py\xd1\xd5\x06&lt;&amp;{\xc0\xb1|\x19w\xf4\xd6\xe3\xa1\x82\xc2\x87:\xf7\xda\xfb&lt;s\x13\xfd^\x9e\x99\x90\x1b}\x95\xb6\xaa\x96\xd9\xc6s\xc7\xc72@\x95hl\x05\x00\x80;s\xf9w\x00\x1esg\xce\xfd%\xcea\x87\x7fx\xc5\x89\xc4\xcc;(\xb5-\x9a\x8b\x87/\xe0\xe5&lt;_@\x8c\x16\xf5\xcc&lt;[k\x07\x00&lt;8\x89\x05\xc0y\xc1\x13FU%\xb87\xfc\x10\xd1\xafu&gt;?OL\xec.\xc0z\xd2\x80\x12\xd7;P\xbdU\xb3\xad\xc2Z;Ca\x01\x00\x00\x00\x150\xa5\xdd\x92|\xd0\xb3E0\xeb3\xebTb\x84\xbf\xb7\x06\x87R\x1e\x91a\xe7L\x9c\xdf|\x98\r\x1c\xc6\x03\x00\x80\xf3\xb9\xfc\x08\xd0\x9d\x90\xef5\xd2\xf0o\x00K\x10\x1d\x82\x07\xaa\xa4\xaa[\xdf\xd5\x08\x98\x1e\x91Q\xef\nCW\x07\x00\x00\xe0\x92_\x00&lt;\xfb\xac\x11\xfcx\xd6\xfc!\x97\xb5\x8c\x91)\xab\xe7/\xce\rI\x1d+\xba\xe0G\x0c\x00\x98\x9f\xe5A\xd6uc\xd1\xd7\xb4d\xc2z\n\x00\xf0\xd8\xfcK\xa2\x8f\xc6H\xd7\xc5\x17\x0c\x8a\xdb\xe2_\xff\x95&lt;m\x90\xa7\x04\xe0\xa9x\xf4\xee0\xf1O\x80\xdf\xd0\xf3\x8f\xdeZ\x00\x00OO\xb0\xff\r.\x81\r\xd63\x0b\x80\xcc\xe4\xf4\x8c\x0b\x80\xb3\x0e\xe4\x00\xf0\xe8\x8c\xda\xcb\x98\xad?\x12\x911\x1f\xfe,#$\x00\x00p&lt;Y\xb08%\t\xff\x87A\xffw8\xdf:\x08\xd29Ap\xb0\x00x\xdaj\xfdgW\x1b\x00n\xcd\xd3v\x1c\x00\x00\x00\xcf\x01\x16\x00\x13\xc0G\xea\xd1v&gt;[Go@D\xc6|\x02\x9bk\x98\xc1\x00\xd4\x81\xd6\xf8H&lt;\xf7\xe6\x02\x00\x00&lt;\x08\xcf\x10,\x921\xdfr\xb5\r\xd5$\x0e\xff\xbcw\x9c0\x95k\xbc\x8d?1^\x05\x00`.\x8a\xa7\x10M\xf4\x94\xf2\xd1\xa7\x18\x00\x00\xb8#\xd8\xce\x99\x15v\r\xe0O\xa5\xdb\xe7O\xcc\xa4\x19h\xde\tZd\xccc\t\x00\xcf\x0b\xfb\xb8\x12\x0b\x00\x00\x008\x1f\xbc\x08\xf2\xde\xb0\x13\xe7\xfeN\xbd\xfc]p9\x84\x1f\xf3\xba\x08"\xb2&amp;\xfd\x8a\xdc\x1b3\xec\xa7\xc4\xb4\xa1\xf9~\xff\x8b\xed\x8f\x13\xda\t\x00\x00\xfd\x88\x7f\x08\x0c;4if\xdb\xbeZ\xf6\xd8\xae\xb3j.ol\xcch\x15\xa2\x8a\xab\xb0\xf6.qr\x1dD\x17\x1f\xc1\x97o\xe7\xdb\xf9\xda\xffl\xf6\x00\x00\xc08\xc4\x0b\x00\x8c\x8cS\x92\xaa\x96\xd4\x14|\xc2\x0c\xb7\x85 \xb3\x81\x06\x0c\\.X\x01\xfc\xac\xba~\xd1\xd3\x89.k\xed\xeco\x11&amp;\x93\xde\x87)\xc74\x00\x00h\xe7NC\xf0\x13R&gt;"B\xb4\xcc\xa3\xfb\xfc\xb4\xa5\xf7&amp;,k\x97\x84\xa8n\x00\xaeBp8g\xeb\xce\xa7p\x9b\xc3B\xd7\x12\r\xad\x00\x00\x00\x80\xc7\x05[D\xfcW~\x87\x08\x07\xd5\xc0\x81@\xce\xdd[\xcb\x03\x7f\x97\xf7\x81\x8b\x06\x00xZ\xc4G\x80@\x99\xd1\xfbC?\x95\xbd\xea\xccL\xd8\xa0\x9a\x0bl\x19\x9e\x83\xfff\xc9k\xd6\xe1\xfd1\xe2\xe8\xd62O\x14;\x89\x19U\xa0/\x03\x00\x9e\x97;\x8e\xdaS\xa0\xe9\xb7P\x14\xfbZ\xbdkA;\x01\xd3\xd1\xd7&amp;\xf3M\x9a\x12?\xc2=\x15\'\xbc\xffwr\x0f\x88\xf9\xd9\xdc\xc5\xf0\xb7\x0b\x00\x00\xe0Yx\x94\xc1\xfd~\xbc_\xce\xed\xe7\xbd\xd4\xff\xfe\xc0K\x8f\x89\xa4\x0btv\x13I\xde\xe9\xbb\xe1\xf0\x9d\x02aE\xcc\xde\x13\x7f}y\xb1\x07\x00\x00O\xc4\xdc\x81\xe6\xb5\x86\x95\xb4\x0f\xdeu\x1b\'\xfc\x91\x80\xa3\x1e\x95\x13\x16\x00@\x8b[\xd7\x02Z\x11\x00\xe0\x91\x90~\x07`\xee\x13\x90W\xdaV:\x1d\xb0\xbe\x93\xbfRfM\xfa\xbf\xf2LsR\xeb\x04&lt;w\x03\x06\x8d\xec=%\xdbe\xee\xd7A\x88h\xdb\x8a\x8e\x8d\xbfMq\xe2\x88\xf9\xd6\xdd\xd0Z{k\xfb\x01\x00\xa0\x99\xdbL&lt;\xf3\xd0z\xf4\xf6\x1fT\xe9\xa8\x14\x0e\xc0\xc3 \xf8\xcd\xbb\x1bn\xdc._k\x0e\x86\x0e\x85R|\xff\xa9\xae\xc0\x969\x00\x00\xdc\x89\xd41M\x0c\xe5\r\xe8}\xf7\x0e\xce\x07\xe0\xb9\x08\x86b\x8c\xc0g\x01?\x03\x00\x1e\x1f\xfe\x08\x10;\xd1\xe0\xe9\xa7\x8fd\x92P\x9cH,\xa6\xff\xfb\xf2\x13\xd8\nm\xa7\xe2\x05,\x0f\xe6dk/\xf8\xb9b\xb0\xf8\xfc\xc1\xda\x12\x00\x00\x00%\xa4\xd3\x03\xb9\x8c5\tL\x0cj\x7f4\xe8b@\x11\xb4%\x00\x00XA\x14\xdb\x0e\tN*\x83S\xc1\xc9\x8a\xd9i\xa8\x17T%\x00\x00\x00\xa0\xcc\xb1\x00\xc0,\x0b\x1e\x08D\x8d@\x0f\xb4\xa5\xb9\xb8\xc1/\x0f\x00\x00\xc0\\pQ\x11a\'\x1b\x80S@/\x03\'\x90nf\x8d\xcdo\xdf!\x9a\xa4\x01\xf7\x9b1IA\x00\x00\xe04\x92\xa3\x1e\x06\xc4&lt;\xf0\x0f\xe8\x05\xc7\xed\x94\x80\x0f\x81\xcbk\xa6\xdb\xc3\xdaT\xc2\x04kO\xfcshH\x00\x80\xe7!5w"41\xc6\x94\x16H\x0f\xe6\x9f\x07+N\xc8\x84\xed\x19\xbdL\x85{\xfa\xf0\xa9\xc6\x96\xb9`\x1b\x0c:#\x00\xe0\xb9\xb8\xdb\x90w/k\xef\xc4\xddZB5\x13\x16\x101\x87.JGA\x86\xd6\x08%&gt;\xa7\xd2\x00\x00\x00\x00\xad\xb4\xcd\x8b\x13\x86&amp;#M\x9a\xae\xb0\x00\x80*&amp;\x1c\xb2\x00\x00\x00\x80\xcb\xc0\xbc\xa8\x0b6nuy\x1f8\x13\x0c\x06\x1d\x16\xe4 \xfaR\xb4\x10\x00\x00\x18\xcc=\xc6\xd9 b\xc0\xabQ\xc7\x81\xe0\x0c\xa8\x90mH\xeam\xec\xcb\xb5\x05\x02\x00\x00\x00\xb3\xa0\x1f\xf5\x9e\x18\xedi*\xc2\xae?\x00\x03\xd0&lt;sOD/F\'\x05\xf5`l\x07\x00\x80\x18\x8c\x8c\xc6`\x86\x00\xa7\x82\xc6&amp;\x82yLw\x0f\xeeb\xe7C\xe3\xec\xe9\xdc\xa7\xe5\x00\x00\xc0\xc3\x91\x18\x82\'\x1a\x971I\x80A\xa0i\xb5qO\xbf\xe1Y\xe2\x1c\xe0\xa1.\x00\x00\xcc\xc0\xd0\xb1X\xe3\x00\xcf\x87\xe8\x98\xd2\x07f\xac\xc7\xe4\'\xa3Z[@w\x00=\xa0\xfd\x00\x00@\x86\xde\xd0\xb9\x98\x9d\x8e_\x95\xef\x1f\x8eGl\xea\xbc\xf1&lt;_\x00\x98\xc4\x0c0\x9eY\x9a\xdc#\x00O\x02\x00\x00\x00\x15\xac?\x91&gt;p\x01\xb0\xc9g\x7f\xa1]S\x1d\x11\x99\x0fC\x1c\x00n\x03~\x11\x16\x803`\xde\xf0\x86~\x07\x00x\x14H#\x94\x1f1,6\x18\xd6\xfc\xbbf}\xc5\'\xf3\xfa\x84\x98\x0c\x80[\x80\xe7\'7%\xae\xb8\xa1\x0f`\x13\x13\x10\x1a\x0f\x00\x00\x0c\xe6\xd2\x05@\xad\x1c*Y\xfb+\xd8\x87\x18{\x167#\xd6\x12\x00\x0cBi\xbf\xe3I\xb9\xd6u\xde3\xe1\xedJ\xed\xc3ay\x11\xd0T\x00\x00O\xc4:\xde\xbd\xfa$C\x9e\x13UO?\n\xb7\xd9\x99Z\x00`\xd6\xf1\x817\x80\x1a7\\`\xdf\xcb\xda!\xb0Cb\xf1\x10){Q&lt;\xba2\x0b\x00\x8c\xcc\x00\x80\x87!\x1c\xdd\xa6\x8a&gt;\xc9\xe1j[&lt;j\xec!\xe7\xdfNQ\x00\x80"\xa2\xe1\x02\xfd\xee^4,\x00RrP\xf5\x00\x00\xc0l&lt;O6&gt;\xcecI;7\xdcq\x04\xe0\xc1\x99l\xa0\x03-t.\x00\xd0\x00\x00\x00O\xcb\x0bW\x1bP\xc4^m\x80\x02\xd6\xda\xb9\n\xf2~\x98\xf6\xc0s\xc2|\x8b\xf4\x12;\x80\n\xd6V\x8f\xab\xd6\xda=We\xf6p\x1f\x07\x8d\x07\x00pc\xe2\x03\x8e\x18\xd4\xc0\xe3r\xd7\xb6\x8d\x8e\xd9\x0f|\x08tAs\x02\x00\xdc\x97\x17\x1avP\x80"\x08J\xce\xe5\xfe\xad\xfduF\xb4\x96\xa78\xa2\xe6n\xfd\x02\x00\x00\x00\xcfM\xfc\xf2\x99\x07\x8aG\xe7\x8f\xad\xb1\x00\xb8\'\x85/v\x0fQI\x17(}&amp;\x9cs\xe1\xe8\x92\x80#\xf86\x17\x86n\x00\xc0C0o$:\xa7Uj \xb0\x9b\x88I\xbb\x008\x8f\xfe5\xf9\xac\x03\xe9-\x99\xca\x99S\x19\x03\x00\x00\xf3s\xefAs\xf4\xa0\x8fIe\x1eP\x17;\xa9WW=\xba\x8b4J\xf7\xe0.\xba\x86q\r\xefG\xd7%\x1fj\r\x00\x00T\x99\xef\xd5\xa2+B\x93\xe64\x1e\x0c\xe1q*zTA\xd0\x17\xfa(x\x0f\xa3\xcdE\xc0\xed\x00\x000\x84\x1b\x8f\xad\xc5)\x193\xc7\xa3\x80 \xe0\x1a\xe0v\x97\xd9\xbc\xf1M7^\x93T\x98}\xdb2\x02\x00\xc0\x9dH\r\xb5\xe7\r\xc1Dd\xde\xb5]]\xf0\x03j\x1a\x16\x81!T\xfdf\xf3\xf6\x05\xd0\xae\x86\x81\xf6\x00\xc0\x0c8=\x11]\x12\x00\x00&amp;et\xd8\xc4\xfc\x00P\x8fF\x04y\x0f\x83nU\xc6\xed\nK\x82\xfb\xa0[S\xa8\xf4\x16P\x05\x00\x00\x00\xd4@\x04\x06R\xa8\xb7\x8d-\xe2w^+\t\xee\x81BM\xa1\xbaG@D\xc6\xbc\xd9P\rX-\x00\x00\xc0y\x9c6Y6)\xbar&gt;@\x18!\xa3&lt;m\x0b&lt;\xa9\xefjo\xd7_\xb1*\x1f\xb1U,\x8e\x9a\xa1\xc1\xab\xd80CA\x1e\x8f\xd1\x8f\xd1Pk\x00\x00\x00\xc0C!\xfa\x0e\xb7\xf6\xa1\x9d\xd7_%\xbcQ\x8f\x10\xf0X|\xf5\xd5\x06\xdc\x8f\xd3\x96d\xc54q\x02\xac\x19\x00\x00O\x0e\x06A]\xde\xebj\x03\x1e\rA4\xff\xb5\xec\x02\xe0~\x13\xfc\xed\x0c\xbe\x9e\x1b\xd6\xf23\xc1\xd7N\xe5\xd7\xf4\x85\x0b\x80\xca\x96\x80\x9f\x0e\x00\x00\x00\xb5\x19\x14\x83)\xa8\xa64s\xb7\x84\xf2\xc7\x02\x00\xd1\xe1\xa3\x83\x05\xc0\xed\xb8\xe5\xe2\x1c\x00\x00&amp;\xe3\x05\x05\x19\xd6*\x081\xc6\x98@\xce\xc8\xfd\x15o\x8b\x17s\xc9\x8d\xb16\xdd\xfe&gt;\xa21N\xd8\x05\xa2e\xb8&lt;\xe4\x96g\xa6\xf9\x809Y\xaa,\xd1\xb7+\xde\xf9\xabe\x0f\x00\x00\x005\x96\xcd\xd7A\xdb&lt;Dd&gt;\x18\xa3\xff\x14\x8c\xfeb_\xe90\xcf{\xe6s7\xa8\xab\xcar#\x84\xd1\xff\x03{\xe0!q\xbf\xaa~\x9f\xbak&lt;\xa1\xb7\xe7b\xb3\xdf\xa7\xf8\x00\x00\xf0\xb8\x8c\x1b\x8bO&gt;\xde\xfd\xd8A\xe1`t\xbe\xff\x97\x89\\\x9f\xadjz\xca+\xcc\xfbl.\x05Z\xf8\xcb\xf5|+j\x1e\xc31\x1a\x03\x00\xc0\x13s\xee\xd9nL9\xe0:\xd0\xf6\x1aQ\xfem8Ei\x0f\x8f\xfc;\xbb\xe7:\x96\xd1\x85\x9a\x05\x00\xdc\x98`\x08{\xc8c\xbe\xad\xc0\x0f\x00\x00\xb0\x82x\x17\x00\x00\x1e\x99\xa9Fy"2\x9f;\x91=\xb5L\xe5\xcc.\x1e\xa6 \x1a&lt;N\xb5*!w\x08\\\x07\\\xcei\x0f\xc5\xc7\x05\x8df\xa01\x03\x00\xc0\x08\xb6\xc7\x11x(q=\xe7\xc7m\xd3F\x8a\xb7\xf8^\xc7\xc9\x16\x8a\xd5\xe1\xcd\xaagsU[\x9d\xeaK#\xb7\xe8\xb3\x00\x00\x00zy\x9c\xb1\xfea\nR\xcf\xb4\x95x\xc5\xf9\xe3\xd9\xa9X\x00\x803AC\x05\x00\x00p\x05ow\xb5\x01\x00\xa8\x83\xa0*\xa4\xd9!XJ=9\xa75\x00\xb44\x00\x00\x98\x01\x0c\xc4\xc6\x08\xc2&amp;\xccX\xb3\xf2\x04\xf5\xf2?\xeee\x1c[X4r0\x14&lt;\xb2\x03\x00\x000\x1b\x98\x93\xc0\xa4\xd4\x06L=\x0f\x01\xda2\x82\xbbsN\\\x8e\xe8\x1f\x00\x00b^\xb8\xda\x005\xee8\xc4\xdf\xd0\xe4\xc9\x81C\xd5\xb0\xd6\x0eM\x0f\xc0\x8b\x8d\xc97\x9a8vo\x88\xe6\xad1h\x9b\x00\x000)\x1a\x9b4\x9f\xcf\xca\xed\x93\t&lt;\x1ef/M\xb7 \xd7\xb9\xe5\x11\xeab\x10Q\x8d\xfcn6\xd9\xefy\x88\xf6\xec\xf2\x18=\xd4\xf0\xdd\xea_\xd7\xb7y\x1do&lt;\x8cW\x01\x00`.F\x85Pg\x1dcx\x12\x1ed\x010\xe6L\xf04\x9e\x99\xc4\x8c\xb9H\xd5\xce4\xb5\xa6\x04\xce\xbb\xfb\xf4\x7f\x01\x80\x88\xcc\xfb\xc2\x9f\x00\x00\x00\x9e\x98m*}\x84\xe9p@\x90\x84\xc0\xebB~\xf5\x00\x99\\mN^\xc5D\xfd!\xef#A\xed\x0e\x81\x03\x01\x00`F\xbe\x1f3\x9c\x80!1.&lt;\x9f\x02\xceifB\xbf}\xd2|&amp;Ix\x98%:K\xcfw\xcd\'lc\x00\x00\x00\x80z\x0c4d\xc2\xc3&lt;\n\x9e\x8dGl\xf0wX$\xbcq0\xd4|\xebe\x96\x00\x00\x00\xb8\x11\xb7\x9b\xb6\xb5\xb7\xee\xbe\x99\xf5\xc0\xed\xdc\x02\x1c\xc8\x98\xdfr\xb5\rO\xc4\xd2%3]\x06\xbdi\x10g\x1fd\xfa}M\x8aP\xfb\x00\x00p"\x18s\xdby\x9beN\xc5\xbc\xd5\n\x02\xbe\xa7B\xd0Y\xd0\x1e\x86@w\x18\xa90\x1a\x00\x00\xc0\x99`\xcc\xed\x02gxz\x80\xf7\x00X\x19\xdc\x11\x8a\x1d\xed\xda\x9e\x88\xa1\x00\x00pk\x1e\xe7\x87\xc0@\x15?\xfadS\x97\xe2T\x8d_\xbc2\xc6(\xae\xc3\x11E\xcdCU]\x8c\xae\xb6\xf9:\x1a\x1a*\x00\x00\\\x01\x02\x05-\x9e\xd0\x93OX\xe4{\xf1\x80\xfb\xa9\x0fV\x9c\xc18\x87\xfeO\xf2\xdb\x0f\xf6V\xd0\xc3\xb5X\x00\x00\x98\x95;\x8d\xb6\xfe\xdcp\'\xcb\x018\x9f\xa1\x0b\x00\x04j\xf3\x93\xf9\xd6\xef\x98\xea\xbb\xc1w\x0c\x00\x00\xe0T\xc4\xa3\xed\xc7\xe8\xaa}\xb0w\xcc?\xf6\xdb\xb8\x01\xd0b\xe9\xf2\x83\xfb\x0bz\xe2\x8dQ\x99\x14\x1eir\x01\x00\x00=&amp;\x1a\x1c\'1#\xcdG\x8a"\x15"z\xebY\\\xfax\xc0\xb1\xb3\xf3|\x0b\xe0\xa7*\xec\xcd \x07\xf3t-\x13\x00\x00\x18\xf6oY\x91\xf3\x19\xe4XVJ\x83\xbe\xa0FD\xf3}\xf5\r\x00\x90\x87\x88&amp;\xfc\xd2*8\x08v\xb8PY\x00\x80\'g\x7f\x0b\x10FC\x8f\xcc\xf3\xe2\xa1\x9e\xc2\xb4\x04T\xc1N\xe79\xa0\xdb\x9eIK\xabv\x87\xd67\xd73\x05\x00\x00\xc0C\xe1,\x00\xf6\x03\xca\xde\xcdK\xac\x02@\xc2\xad\x8f;\xdf\xda\xf8\x04_c.\xff"\xf2&gt;\x9a=\x9ao\xa5&lt;\\\xa3\x02\x00\x00PI\xc5L\xb0\xc5"\xc9\xa0\x04\x93\n\x98\x8f\xfb\x9e\xbf\xcf\xbc\n\xc6M\xb0\xfd\xf55\xb3\x17\xd3\x19@R\xf7\xcf5\xe8\xde\xc0]\x00\x00\xa0\xc5\x8b\xae6`\xe1\xec\x13\xb4\xc2\xa3\xf6\xb4%\xce$\xc8H\x19\xfam\x01\xb0\x80oM$\x98\xdd\'\xf9\xdeQ\xbck\x97\xde7y\xd5o\xf6\xa5\xec\x9c\xd9\xfe\xadg\xcd\xf1\xf5\x06\xc4\xfe\x00\x000\x0fzcr\xc5C\x7f\xdd\x89 \xff\xb6\xfe\xc78\x8d\xf0\x18\xa5\x00\x0fFj\xb3\xbf\xd8\\\xd3\xafo\xc7.\xbb&amp;\xcbs\xa4\xe23\x19.\xd78\x8b\x12\xbf\x12\x80*\x06\x00\x80S\xd1\x1cv%\xa2H\xfdu\xa5\xeea\x89\x87\r\x94o{ \x04\xf40y{\x9e\xdc\xbc\x1b\xa2\xebL\xb2m\xbf\xcf\xf0F\xf2\xc4:\x06\xa3\x15\x01\x00\xc0\xf9\\1\x85\x0fY\x00d\x0f\xfa\x83\xc7%\x7fD\xbbG\xec\xe5m\xe9d\x1b.//xN\xd0\xf0\x00\x00\xa0\x81\x17\xcaI\x8c1\xc9A\xd6.gCO\x8d3T\xa5Yk\x8d\xb1\xc6\xd8\xbd\x08\x98N\xee\x81jt{\xfd\x11\xe7\x9b\xf3$\xbd\xe6w\xaa\x14\xf3q}uI3X;\xef\x04Kn\x00\x00x:$#\xaf\xc6\xe8L\xfb\x91\xd4.!\xecU\x87\\\xe6\xecw\x06\xc0it4\x03?\xd7\x87\xa2\x12U\x80\x1b/\xe2\xa5\xe0yc\x9ef\t\n\x00\x00\xf3\x92\x1b\x88\xbb\xc7ha\x98^\x94\xd0i\xc3\x9c\xe1\xceSM\x81OU\xd8\xb9\x80\xe7o\x84l\xb4Do\x02\x00\x80gCz\x04HN\xee4E\xf7A\x0bk\xdf~\xff\xdc&lt;i\xf5\x9f\xf7\xc8\xaeq.\x99n\x9fn\xfe.W\xe2\x051\xcd\xd4\xb5\xa0\xd6\xea\xac\xd5\x115\x7f\xd0\xa9\xbd\xd4??\xce&amp;\xd9\xa0\x8b#p\x00\x00\x00f\xa7\xff!\x80\x8a\x01\xe9\xc8\xa0\xfc\xa5\xd2\x11\x96\xcf\xf0\xad\xd3\x9b\xf2\x04~\xa3k\xbe\xaf\x9fc6{&lt;\xf6\xaf\x86\xeb\x1aY\x1a:F1\xb3\xab\x01\x00\x00&lt;\x17=s\x92\xc6\xc4\xdc\x9c\xddY~Ds\xb9kU\xdaBL\xc6:h\x855mr\xee\x12TiE\xb13\x94w\xe4*\xf7\x8c\xd2\xd5\xd8\x7f\xbd\xb7\xcdSn+\xd4\x94\xf7\xe9\x9c\x03\x00x$\xaa\x8e\x00=N$\xd1\xf1;\xa9v\x7f\\N\xeb)\x86\xa38\xd6O\x97\x920\x87\x07n\x8f\xd6\xb9\x856)\x02\xed\x13\xd5r\x7f\x93S&lt;%\xd2\x13\x07\x0f:\xacrZ\x8f\x94Z?G\xdb9\xff%oZ4/]\xc4\r\xec\x8e^\x01\x00\x80.\xc2a\xef_V\x0e\x84\xc9\x03&lt;\xe2!\xfb\xeeC\xef\xdd\xedW\xe4\\W\xb0\xba\x1e\xfcgD\xaf=/\x17SeO\x94r\x96R\x80\xc9\x19\xdd\xe6i\xfb\x99\xe4q*\x00\x00`(\xd5\xdbi\xcb\x90g\xad]&gt;Zk\x88\x8c5\x15_\xf0%"k\xed\xf2o\xadvWB[\xde\x07\x85\xa4_\xf7\x03O\x86\x1b\xa3\x9c\xddk\x96\x01\x82\xb3\xe4\x02c.\x80:\x9e4\x82\xa9!"\xbb~\xc7\x1aU\x0c\x00\xb8%\xd5o\x01\xb2v\xff\xf1/\xb3\xff[\x1bzvF\xf0\x8f5\xe6\xb2_\x1b\xa8\xddX\xb2\xc6&gt;\xe3\x81]9\xcd\x07\xfd\xe1\xd2v\x12\xfdt\x1fCn\x8b\xb0I\xdc\xba\x8c)\xd0#\x8c1\xc6Z\x8b\xe8\x1f\x00pk\xda_\x03\xba\x8c}\xd6\xbeJ\xe3 x\xce,r\xee\xf7D\xffH\x8b:\xd6{\rOf\xea5?\tU\xae\x89v\xa9\x1ff\x8e\xbf\xbc\x1cV\xe0\xcf\x9b\x04\x97W\xbb\xf2B\x96\xfay\x9b\xe4\xcb\x0f&amp;F\xd9\xc8\x87\x19\x19\x00\x00`e\xf4hNDov\xd6\x84\x91\xde\xc1\xad\xda\xc7\x12\xbf\xbc\xef\xe2\x89\xf0Y7\xe7\xfa\xf6\xe9\x1f\xddi\xfd\xdf\x01\xb8\x8d\x7f\x1e\xbd*O\x86w\xa6\xf3-\x8e=\xc1\xefK\xa5\\\xde\x95\xd0m\x08\xaa\x15\x00\x00\x1e\x88h\xb6\xbe\xe0\r\xd9B\x12!\xd4\xbc\x06\xdf\x87w\xef\x0e\xdaz\xb3\xb3\x06\x10=\xce\x97\x83{\x16\x00\xf9\xbc\x05\xb1\'8\xf0Q\xeaH\x9f\xd7\x1a\xfb\x15\xd8\xc7;\x1d\xf7V\x8fU\x1c\x00\x00\x90p\xcd\xfb\xd4\x83m$\xe9.{E@3\xfcQ\xc6\x83M\x81\xcfI\xea\x85T\x0fS\xb9nY\xaa\x0b\xf5\xc5\xb9\xe8\xffr\x17]n\xc0\xa3\x02\xc7r\xc0\'\x00\x80\x87\xe3\xaa\xb9\xdc\xddg\x95\x1b0C\xe4a\xee\xb4\r6\xbf\x85WBD?p\x83J\xec\xa0\xab\x95~DVje\x9f}4??XqB\xa2\xa3&gt;\xcf\xcbM\x86z\x00\x00\xa8\xa44\xba5\x0c|\x03\xa7\x8d\xda\xa3\xa5u\x03weLs\xdd\xacp\xa7\xd9h\xe6\xe9\xb36\x8a\x9d\xb6 5\x94\xbb\x8f\xa0\xa4\x1fX\xa1\xefq\\w\xf0`\xc5\x89!\x87\xabm\xb9\x188\x01\x00\xf0`\x88\xdec@D\xdb\x0b\x0f$\xe9\xcfy\xfb\xf5\xf5\xef\xd8\xde\xe7\x03\xbc\x0e\xa2\xc8\x84\xbe"\xef]\xb4\xa2\xe6D\xc7\x8f`&lt;&gt;[a\xcd\xe5\x1d\r\\E\x10\xf2&gt;I\xcbO\xe0\r\x11\x13\x0eh\x00\x00P\x85\xe85\xa0N\xf4/\xd9\x029g@\x0c\xb4\xac\xdbT\xff\xf7U\x07\x99\x1e\x9aG-\xa0s\xbcA\xd4h\x1f\xe9\xad\xa0E\xb6\xc2\x9e^\xde\x97\xc2V\xeb\x8c&lt;O\xcbO\xe0\x15\xdfn\\e\r\x00\x00\x8c\xe5\xbb\xf7\xe7\xbf\xe3\x1f\x04o\xc2\x85\x8a\xdc\x04\xc4b\xfe\xc4\x19_\x02~\x8eG\xc3\ne\xdc\x8e\x80\x93\xff\xe7e&lt;G\xc5\x8d\xe5\x03\x069\x90\xfbE&lt;T\xd6%L\xd2M\xf26\xcc`!\x00\x00&lt; Dd\xde\x9c\x12Q\xa0\xda\xc8\xbbl\xc7n\xf3\r\x05\xf7\x96+q\x94\xff\xf6|\xf0/\x89\xcb\x15"Z\xdd\x05\xc0\xbc\xcb\x89\xcd\xaa\x1e\xdb\xdc\xa2\xcd[\xd2$\xb73\x98\x81\xe9Ys3\x81\xc3/7`F\xce\xaf\x17\xda6\xa1\xd8[\x13\xb4\x13\x00\x00\x00\x03\xc8\x06\xf9e\x8ab;\xadR|\x8f\xea\xe4!Z\xef\\\xeb\xec\xec\xdek\xcev\x9b\xd3{\xdc\xcar\x9f\x0b-\xbf\xa1\xd3n\\\xd17\xa5\xda\xe1}c8\xea\x17\x00\x00j9o\xd3\xa53\xf8\'\xe2\x8f\x9ax\xcf\x13:m\xeb)^,NK\xda\x9c\xfc\xa3c\x85\xf3\xd3\xfa\xa5\x9d\xe6\xb1\xb0E\xd5d\x1de\xd3\x04$:\x17\x98\xb4/Oh\x92K\x83y\x93\x97\x08\x00\x00\xa6\xc5\x92\xf7.\x94\n2\x19\x9be\xba\x12z\xb2\xc7\x04\xf6\x04\xf2\x9b\xad\xdd\xe5h}\x1b,\xef:"\xb2\xe6\xf8R\xf6-!2\xba/\x96!*:D\xb7A\xe2\x9b\x7f\xf3C\xf3\xbe\xaf\xe9\xfa\xd7\x97M\xcc\\\xce\x99\xb8\x15\x01\x00@//\x98\xd6h{\xc8\xb0\xf8g\x94\xf7\xd4wX\xb1K\x11D\x05)\x9b\xf4Mm\x86\x05\xe4\x8d\xb1\xd6\xde;\xfa7\xcb\xeaE\xb5\x08\x02\x87\xc4\xcb\xbf\xda6\xb6Kx\xd2h\xe0\x9e\xfb\xacSn\x0f\xb3\xed\xe7\x9f]g\xeaD.\x9a\xad\xba\x9e\xb4\xb3\x03\x00\x9e\x84\x8e\x80\xfb\x7fj\x9e&lt;\x12J\x9b\xce\xf7Tb\x8c\xf9z\xe7\xb3\xdc\xe0\xec\xad\xde/\xc8\xce\x0c\x11\x99\xff\xa3\xa5\x91&lt;\xaaC\x9e\x80\xe8`\xcf-\xabr\xea\xaf\xd3&lt;\x14*\xaf\x08\x03\x00\x00\xf0\x0cD#\xfe\xe8\xb8\x9f_\x0c\xc8\xed5_B\xe6\xdf\xb3Yn=u\xd1\xdbb\xea\x05\x8fN}\x7f\x07\xf7\x05u\r\x00\x00e4\x1fqR\xfa\x9c4\x11Y\xbb\x9c\xd6f4\xb6\x8d\xd7\x8b$yVk-mg:\xb7\x0f\xa6\xe8\x01Z\x8f\x8f\x8f8\x9c:\xd7\x81\xd7\x1d\xea&gt;1\x0f@-C[\xdd\xde\xf1\x07\xc9_\x94hugt\xc0\x0bI9\x1f\x95\x02\x00x0D\xbf\x04\xdcO\xea\'E\x85;s\xd6\x98\xe5\xf4\xbbuX/\x7f\x8d\xd4\x86e\x04w\x07\xf1\xe5\xd5\xd2\x02\xcbMajo|\xaa0j\xf5U\x91\xe6]\x19\x9b\xe7\x9c\xe7\xb0\x89\xfb\x904u\x9cj\x1a\x9at\xbdIV\xeb\xa0\xd4\x9c\x1d\xd0\x98\xa3\xb6\xae\xb6\xc3\x98Q\x03BR\xe0\xb4u\x02\x00\x00m\\9\xaa\t\x87o\xeb\xfc\xbfC\x8c1\xfe\xcc\xbag\xeb\x9fn3\x8f&gt;\xa6\xe2\x94}\xd0Q\xdc\xda\xf8\xd3\xb8\xe7&gt;\xe5\xda\x81\x96Gsc\xec?T\xc83\xe4\x13\xe7\x13&lt;dsU\x1c3\x01\x00\x00\\\xcbIO\x00b\xa4\xd1\xbf-\x1e\xb1\x0f\xa7"k\xff\x89Di\xb4\x18 6\x99\xcc\xc8\xf5mB\x93\xcf\x8bB\x0b\'\xd9\xe1\x0b\x98\xdf\xbd3\x90v\xd1\x8f\x04\xfb\xd3a-\x97*=\xe8#\xaa\x1c6\x0f\xab\xe2j\xb1\xdb\xc1\xbf$/[\xca&gt;Sc\xd5\xa9;\xe7\xe9\xeb\x10\xe6\x1cyb6;?\xfbb;\x00\x00\xe0\x86\xe4\xbf\xb2\xbb?h\x16\xce\x07N\x16\xf2~\xe1K(\xd3\x99x\xfe\x87y\x9eq_\xc5\x13\x14\xff\xe1\x0bx\xb07\xfb\x7f\x97_\x00\xc8\x84iYU\xa9\xf6\xc9\xf4J!c&gt;\xf9j\x1b\xaaI6\xbc\xa7\x1fx\x01\x00\xe0L\xae\xd9\xa5\x92\x0c\xf4U\xbfx\x15?\x9b\xce\xa8\x88w\xb0\xf6\xa7\xf9x\xc6\r\xc0\xf3"\xfb\x95:"\x92\xbc?`4\x93\x98QO\xf2\xdb\xd2\xf7&lt;\xc0\x06\x00\x00\xb7\x849\x024\xd76\x8c\xf4\xa4\x10\xb3^\x10\xfexS\\^LB\x00\x0c`\x9e\x81e{\x1e\xf8\x85\xbeI\xd6.?\x8e\x9e\xcf,\x1e\x1f\x06\x7f\xb3y\xff\xc7\xcc\xff\xb0\xc2%\xe9=\x0c\xbc\x00\x00p%\x1d\x0b\x00\xe93\xf61\xe4.\x00\x00 \x00IDAT\\\xd1\x01\xa0ETB\xa0{\x98\xc7K\x9f\xe2OG\x92}y\xbb \x89\xfdU\x8c[P\x89\n\x0en\xc3\r\xea\x91mlU\xbd\xbeA\xbe\x12\xff%\xb0d\x98\xae\xf3\xba$\xfa\xfe\x8e\xa4ia\xb4\x04\x00\x80\x1d\x95\x1d\x17\xdaEI\x9e\xe1\xca\x87\xe0\xe3\xfd?D\xf9\xe3@$x\xe7\x86\xab7\x91\xf2(\xc8\xad9\x0e2\x19\xbc\xbe\x0e\xdc\x89s\x0e\x81\xac\xc3\x85y\xba\xde\xe1\x8f\x81\xe6\x01\xc6:\x00\x00\x00mt\xbf\x05\xe8C\xbc\xa0Yw\xf2\xa6\xf5\x01@!\xfa7\xdb\xeb)*vw\xf8\x94\xfc\x8f\x15\xdc\x97\x9blv\x8d{\xbd\x0c0f\t\xfb\xb0\xf1\xe9\xb0\xbe\xca\xe6\xc9\xa2\x7f\x97G\x89\xfe\xd1\xaa\x01\x00\xa0\x91\xb3\xe7\x80\x86\'\xb0\xfbI\xfe@\xd2~\xbfM\xfb\xe3\x9e7\x9d\xf4\x07\x86\x81.\xeefy\xf4\xe5\xf5t\x1b \xa2\xd6\xc6?\xe1w4\'4if\xf0\x92\x03\x00\x00\x00\x0baTMT37\xc8\x83\x89\xed\x0cO\xf3\x11\xcc\xda\x19\x8b\x8d\x0c\x12\x0b\x80\xbd\xd4\x08\x9d\xc1\xd3\x11t\xc9\x0bCCqx\xea\xf4\xd3\xdc\xe1@tg\x06\xc9i\xc9N\tX\x95\x01\x00\xc0\xfc\x04G\x80*G\xed\xdc\x8f\xc2P\xf4\xc79_\xc0Z\x7f\x07\xc0T,6l\xf4\x01\x0c\x01\xdf\xc0K1\x83glG\\\xa8b\x7f\xf0;Si\x99\x8e\x91\t\x83\xd9o{\xce\xe0\xe4\x19\xe8\x88\xce\xd7\xd0?/ \xbf\xf3\x02\x00\x00`\x06\xc2\xef\x00\xc8\xe7\x86\xfc\x1b\x15\x82;\xd6v\x1d\xaf/\xfe*\xa7\x9b\xd6p\xbf\x1a{|\xed/)?GX\xd8+\xe7\xb3*\xd5s\xcd\xbb\r\x8fq\x06Y2\x1b=\x91\xb7\x9a\x97J\xfb\xee\x81."2\xbf\x90\xc6-\xec\xad\xfd\xd2\xbe\xecC\xd7\xf3wm\x99\xdbw\xa5\xda\xec\xdf\x1f\xbc\xd4dz\x9a^\x0c\x00\x007\xa2\xf7A\xb0\xc9\xbdQ\'&lt;T\xd3\x16(,\xdfW\x93?\xb9fS\x12\xd1\xcf5\xe6_\xbb_\x1dh:SDDv})\xd1\xec\x8f\x0bz\x1e\xc4O\xf2\x10\x7f\x123&amp;g\xb4\x97\xf66\xbf\xb0\x7f\xcd`\xfb\xd5,{\x1c\xa2\xeb\xf8\x82\x816\xe1\xf9\x9fmX0\x82A\xaf\xf2$d\x94{\xf2\xaf\x17\xf7\x9e\x02\x9a\xbe\x80\x00\x00\x00\x8a\xf4\xbe\x05\x88\x9f\x08^q\x9f}{\xa3\x7f\xb3\xec\x1f\tg\xac?ulF\xc6;\xa3\xff\xca\xdf\xb7\xaa\xb5g\xfb\xad\xb1\x13\xdf\x14\xd4\xee1\x1a\x16\x14\x9e\xfd"\xed\xe7y\x08p\xd0\xd42\xb7\xac\xda\xee\xfa\xa9d\x8c\xf9A2?\x1e\xa9]t\x1bc&gt;\xd7\xd1\x99mu\xe7Ue\xca\r\xb2sA}\x1dG\xf0c\xe4\xa70\xec\'\x17\x94\x06\x9679\x1eDh:\xca\x9d\x02\x1ar+Z\x02\x00\x00\x8f\r\x1b\x11\xf2\xc3(\xf5!4\xc6\xcfB\x19\xbd}\x05\x1fN\xc7\x92i\xd4k\x1f\xcf\xf4\xdb]\xaaI\x1d\xdd"w\xfa\x90\x88~\xbf\x97=+\xeaU\xc6\xbe\xd1U\\\x10\xbe\xc8\xa9\x8b\x02\xb1\xd7\xbc\xa9v\xb3\xedSSw;Ew\x18\xa5\xe3\x8dM\xce`\xdf&gt;\xdf\x18\x02\x00\x00\xb3\xd1\x14\xf8W\x04\x82Q\x16\xa2\x8c\xd2\xe1\xc5\xed\xa3\xd9\xc2_4\xb6h\xfa\xc2\xf9\x1a9\xa1\x82\x86-\x93\xd8\xcf\xc5|\x8bo\xdf\xa9\xef\xc9\x0fgL\xd7\x02 /\xbfV^W\xe6\xbe\x05\xc0\xed\xc8\xd4\x9dn\x14^\xd7b\xb5\xc7\xcf\xbc\xa8\xc7\xa8J\x00\x00\x98\x97-\\\xee\xe4\xe5\x8a\xa3y\x1b\x92M\xb8T\x94\x9f\x9699\xd2]\xcc[A\xc6\xfc\xdf\xe1\xa5\xb15r\xb6\xc7\xfc\x82Th\xef\xf4\xc3)\xad:+\x7f\xeb\xaa\xf7o\xa5\x17"r\xdd\xb5#\xd8|\xe3\xe7:\xce7\xe4\x02\x00\x80\xe7\xc4\xfb\x0e\x80\xc6p\xf8\x1fG\x1c=_^\x02\xb4\x04\xf3\xea\xc2\'\x86\xf1\xe4\x1c\xdf\xb0\xec\x80\x8c1\xbf2\xb86\xb8Pg{\xcc/N\xb5\xf6\x1eg\x94^\xcb\xdb\xdf}r\xc6\xad:\xee\xf0\x15y\x9f\xb3\x03\xc7l\xa8*r\x9d\xec\xb7\xcf?\xb4\xca*9c\xbfv\xd2\xc2\xfe\x05\xad\n\xa60\x1c\x00\x00\xeeE\xf3\x0eP\xdd\xae?\xb7\x8b_+7u\xaf\xb3\xf8\xc1\x05\xf5\x95I\xb5\x91\xbf\xbe\x9cXe\xaa\x1e7\xdf\x0b%\xcf\x11p\xc8\xa9\xb1vk\xb1\xb2\x843\xfaaN\xab4h|\xaaS\xad\xa6{\x80\xda\xf3\x0em$\xc1\xf8\x0c\x00\x00\xe01\tF\xf9\xe6Y\xea\xbb\xb3\x11\x7f\x1c\xa3\x93\x7f0)\xa3\xb1Fp\xf5a\xa7\x93\'\xb9\x06\xf7b&amp;\x06`\x10\xf1\xe8\x97H\xa5\xb3\xc0n\x1e]w\t*fH\xd3\x8d\xfb"\xcd\xbba@\x03\x00\x80\xab\xa1ec\xf2\'\x8e\xbd\xa5\xce\x97T\xca\xd7\x00\xd2}\xa6Z\xb1\x9567\x95\xf5&lt;&gt;\xe0\x06\x0b\x80\xc9\xcd\xd3f_\xc1Vf\x19\x03\xf3\xe5`\xf2\x97\xd6\x93\xb5\x9f!\xdf5O]\xaf)\xfexG\xf5m\xff\xb7\x997Y\xed/Lh\x12\x00\x00&lt;\x08\xb5Gui\xc9B}?2\xd5\x96\x91=x\xea\\\xac\x10|\xb73\xca\x02h\xf6_\xe7I\xb4\x19:\xff\x8c\xfe9\xd0\xf1\xcbq3\x16\xd0\xe9A\xcb\x9ff\xfbsFkY.\xf1-\x11m?\x7f6#B\x9f,\xb5\x1f\x8c\xa8sU=\x11M\xd3\x1a\xa7s\x0e\x00\x00tS\xfbC`\xeb 8\xd1hx\x1cx\r\xef\xd4\xdbx\xe3\r\'\x1a|2A\x05\xce\x12\xbe\x92\xe4\x1b\x99\xf3\x94.\xc0\xf9\xe58-4\xbfjb7\x8c\xb1\xce_\x02k\x7f\xf3,\x0eo\xf5\xed\x17\xf5*\xad\xff\x11qq\xc2z\xdf\xb6&gt;\xd5\x0c\x98hH_&lt;&amp;l\x8d\xa70\x8f%\x00\x00\xa0E\xe6\x9d!\xc3\x86\xbc\xd6\xc9*\x1e\x85\xb7\xdd8.\xfa7\xc6$\xde\x92\xe1\xcb!"/\xf1M\xc7\xfas\x8cwv\xc2\xc6\xee\xdcsOx\x9e\x9d\xf3\xdb\xe7\xa6\xd1\xecuMD\xee\x9f\xba\xda\x8c\x19$\xf9b\x9aw\xe5\xebT\x98\x8a=\x8f\xc9\xc7\xba\x11\x8fY&amp;/2\x00\x00\x9c\x0c\xff\x04`\x7f\xc1C|GA\xe7\xeb\xd7%O\xedM\xd2\xf6ZP~=!\x1b\xe8\xd7o\x198\x8a\xea\x8c\xab\xa3\xed\xbb\x07\xa2\\\x8b\xe5\x82\xb5U\xdd\xcb\x82|\x81\xebW2L\xca\xe7}\\\xbd\x97\x9f\xd3~\xf1\x11\xf9M{\xdc&lt;\x87Z\xb55*\xb3=a\xd2\x8c\xd1#\xcb\xadr\xf4/\xea\x0bgT\xabpT\xe9\x19\x7fj\x9fK\x8c\x1f\xeb\xf2\x1c#\tK\xc3c\x96"W\x17\x19\x00\x00\xe6\xa2\xee\x08\xd0\xb20\xe8\x8d\xfe\xbeJ:\n7\x0f\xd9[\xae?\x10g\xb7QJk\xcf\xd8\x16j\x08 k\xe3-\x99\xbb\xca\xd2\\!\xae&lt;w\xb14/o\xdel \xe3\x19\xf9\x02l(\x8e\x05Q{\x1e\xdcr\x9dcB!\xad\xa13\x9d\xb0\x17\xbb\xe8(Yh\x7f\xe5\xdd~\xb2`\xbe\xefj\xb7aM\xee\xd4"\x00\x00\x80\xe1$O`\xaf\xb7\x13\xfb\xee\xec-9\xfbvf~\xfc\x8fTx\xc7N\xd2\xc7{\x8e@\x959rn\x8d1\xd7\x9c\xf6\xa9\xfd&amp;\xd9t\xcf\xac\xf7\x15\xc9)\xdfm\x9d\xa0\xf8d\xc8\r\xb1g\xfc\xbe\xf2\xc839\x81\x1ec\xfc\xe3@c\xe4\x1f\x0f\xb2\xfaG\x18#2\x98\x19U&amp;\x1c\x19\x82\xe1n\x9c\x85Z]\xbb(g\x82\x0e\x0e\x00\x00\xcf\x0b\xff\x04 \xf3\x8d\xc0e\xbf\\e\xd4\xfe\xb5\xd9\xe8\xff\x97FW\x82\x80\xdf\xda?\x13$X\x02\xd3\xe5\x11Ej\xe7v}\x88\xa1=\xf1l\xdf\xc4\xcb\x15\xa9V\xe39\x8f&amp;*\xb0\xc7\xb9\xdc\xcd\xd5\x92\r\xbc\xf6M\xbe\xab\x8b\x1f\x9cC\x98\xa9.6\x96\xed\xf9\xf1;\xa9\xee7\x86\x1b\xc9\x19\xc9|\x83_\xa2(w\x86Dl\xb0\x97@8\xb8I\xfa\xbb\x1cFc(\xbcW\xd1\xf9{\xed\x92\n&lt;\x7f\xa1u\xa6:\x00\x00\x00\x0c\x7f\x81\xf6\xa7\xf4I\xfc\x1cqHO\xec\t\x8d\x9c\xc4\xa4\xf0v\x82Rd\x12v\xea1\xa6\xfb\xf0\x95*\xband\xe5\x8f\x13~s\xbe&lt;\xf8;\xe9+\xa6\x13]\x86Z\x85n?\xb0\x10\n$\xe9\x8f\x06*Y1N&gt;3\x98\xc8\x07\xae8\x8d\x9bq\x9an5v\xf4H\xa9&lt;Y#\x00\x00&lt;\x08\xfe$\xa4\xb1)\xf5#\x94\t\xd8}\x15\xcc7\x92\x89\xf9B\xc2\xa9\xd1\x7f\xa09\x7f\xdbt\x04\xcdc-\x9f\x8fg+o\x82\xae\xe2\xd3\xf6]~-\x81\x9dD=\xba:;\xf9\xf1}\xd4&lt;&lt;\xf9\r\x8dg\x86(\xb9\xbf\xe5\xc7~\x9er\x01`\xccw\x94-y\xf7y\xac\x05\x00\x80\xa7\xa5gf\xca\xe6*\x05\xeb\x1f\xc5\xef|\xb3\x8b\x84\xcb\xa2\xff3\xe8\xb6\x9c\xe8\xcb\xce-~w\x1c31\xc3\xcd\xeb\x8d\xfei\xdb)\x9f\xe2{\xcc\x03\xba\xde\x1b$\x05\xee\x05O\x1a\x93\x11{e\xc3k\x1a\xa6\x8a\x89\xef;\xf4\tm\xbec\xd1\x00\x00\xe06\xf4.\x00\xbe=\x9f\xf7\xfb\x03-\xc5\xc0\xdd\xbb\x95&gt;M\xb4\x9c\x9c\xd1\x9e\x02o9\xdf\xdc4\x08\x98\x90\x84\'5\xcf\x95\x11\x91\xf9?T\x04\x9eQ\xe3D\xf4\x9a\xd9\xa6\xf5\x15\xfdo\x0f\x93\x99\xb1\x0f\x08\x94\xd6\xf8\xa6\x97\x1c&gt;\x91\x9d\xde\x19\xd1I\xef\xbb\x00\x10\xf3\xc0E\x03\x00\x80\xebi\x9bE\x8e\xdd8I\xde\xcc\x02\x80\x88\xcc\'l1\xbd \xf16\xe9R\xab\xe5\x85B\xdd\x19\x1d\xfbi[w\xa9H\xe3\x84?\'[g\xe9\xf6\xc0\xb3\xf9\xd0\x8dt\'+\xbb\xdc\x98d\xca_\xde\x1a\xc7\x13\x911?\xa96W\xad\x8e\xb1\xf2\x0b\xca\xbd\x19\xe1BK\x00\x00\xe0\x11i\x9a~\xd6\xf4\xd1\x17\xda\xd29&gt;\xb4\x18\xd6W!\xfb\x86.\xa8\xe3p\xe9\x8b\xa5^\xf5+\xe5\x11\xd18lS\x1f\xbf\xe6\x0e\xba\x8cq\xf5\x14g\x8aX\x065-u\xb1\xcd\x02\x1f\xb9\xfb\x00\x00\x00\x98\x96\xf6\xe9\xa7\xe6\xe5\x15\xba\x0b\x00\xf5\xa0\xb3NZ\xb7\x014\xc7\x19\xee\x80\x06\xc7~Le\x16\x9d*\xe3\xbe\x10\xa9 6\xa5Lc\xcf\x9e\x94V\xad\x99\xec\xe4}=@\xa0"\xf8&amp;\xb1\xacM6\xf4\x14\xeeJ\xdd\nS\xaa\x0e\xf8p\xae;\xc3\x99?\x0bU\x06\x00\x00Wp\xc6k\x98\x97\xa9\xa5\xe2\x95\xcf\xda\xd3\xf8\xaa\x9a\x88t\xde&lt;M\x94\xf8\x01\xd1\x1f z\xd9\xe8\xc7\xcb\x96\xc24\xeb\xad\xf6\xdeY4\x19\xb6\xb8\xce\x08\x1a\xde\x7f$\xfa\xa9\xfd\xa5\x9e\xd6{)\xe2\xb6?\xa2\xe5\x10\xd1\xf2K\x0eF\xf2SY[\x9d\r%\xb66p\x85\xfdJc\xde\x00?,\x05\x92\xd0\xf8_\'\x04\x00\x80\x87\xe1E\'\xe8\xa8\x1e\x94\xa3\x9f\x08.\xfef\xb0Hu\xb3\x94H*\xbb7\x96X\xb6$J\x7fJP5\x94\xa6\xb9V\x9e\xe9\xe5\xb4\xdcs\xdf\x98\xc0Zc\xcc_\xea\xc8\xbe\xfeX\xdb\xf1\xfbmA\x02\xe7\xff)\xd6\xec\xe3)\xff\x14\xee\xeb\x1b\xf3\x88\x11^U\xd8zn\x8cKs\xfe\xf8]\x8e\xfb\x8f\xab\x00\x00p\x0e/2\x03&amp;\x95~\x81\xd6\xda`\xb7\xd8\xd6\xff\xdail\xc3\xd0\xb9\xb3j}!\x9fZ\xef\x1b\xf1\xcc\xb0#;\x83\xf7\xa4\x1b\xed&gt;\x8a\x96\xc7\x8dm\x11N\xc6\x182\xd6f\x1a\xe3\x84\x01w\xae\xeb\xccg\xad\x88\xca\x01\xf3\xb4\xb8\xfc\xfa\xe7B\xb5\xbc\x921\xdf\xb5}\x9ea\xfc\x01\x00\x80\xc9\x99\xe5+nB\xe1\x19\x121\xf8\x19\x05\x1cw\x04y\x80\xd8\xe3\xeb\x16j\x12\x13\xefi\xcdf\xfaOZ\xda/}\tI\xddI\xf7\xa2\xac^s\xc4J\xe7?4\xcftpa_\x1eV\xae\xec8S\xc8\xc8\xe5\xfa\x9f\x8dyk\x15\xc3\x16\x1d\xe6\x97\r\xfc\x82\r\x1dot\x98\xbd\xe5\x98;4o\x00\x00x(\xc6\x8f\xb9\xe9\xe8?\x91\xfc\xee\x0b\x00-v\xf3F\x98Z/pF_Q\xfd\x1b$\xab\x9cYL)\x14\xa5R}\x97\xb7X\x89vQ\x1f\xe7\x92\xb3\x8a*\x96\x10\x91\xd0*\</t>
        </is>
      </c>
      <c r="E335" t="inlineStr">
        <is>
          <t>&lt;class 'numpy.ndarray'&gt;</t>
        </is>
      </c>
    </row>
    <row r="336">
      <c r="A336" s="1" t="n">
        <v>334</v>
      </c>
      <c r="B336" t="inlineStr">
        <is>
          <t>steps_per_sec</t>
        </is>
      </c>
      <c r="C336" t="n">
        <v>3800</v>
      </c>
      <c r="D336" t="inlineStr">
        <is>
          <t>2.6260319</t>
        </is>
      </c>
      <c r="E336" t="inlineStr">
        <is>
          <t>&lt;class 'numpy.ndarray'&gt;</t>
        </is>
      </c>
    </row>
    <row r="337">
      <c r="A337" s="1" t="n">
        <v>335</v>
      </c>
      <c r="B337" t="inlineStr">
        <is>
          <t>Loss/RPNLoss/localization_loss</t>
        </is>
      </c>
      <c r="C337" t="n">
        <v>3800</v>
      </c>
      <c r="D337" t="inlineStr">
        <is>
          <t>0.38457686</t>
        </is>
      </c>
      <c r="E337" t="inlineStr">
        <is>
          <t>&lt;class 'numpy.ndarray'&gt;</t>
        </is>
      </c>
    </row>
    <row r="338">
      <c r="A338" s="1" t="n">
        <v>336</v>
      </c>
      <c r="B338" t="inlineStr">
        <is>
          <t>Loss/RPNLoss/objectness_loss</t>
        </is>
      </c>
      <c r="C338" t="n">
        <v>3800</v>
      </c>
      <c r="D338" t="inlineStr">
        <is>
          <t>0.18078882</t>
        </is>
      </c>
      <c r="E338" t="inlineStr">
        <is>
          <t>&lt;class 'numpy.ndarray'&gt;</t>
        </is>
      </c>
    </row>
    <row r="339">
      <c r="A339" s="1" t="n">
        <v>337</v>
      </c>
      <c r="B339" t="inlineStr">
        <is>
          <t>Loss/BoxClassifierLoss/localization_loss</t>
        </is>
      </c>
      <c r="C339" t="n">
        <v>3800</v>
      </c>
      <c r="D339" t="inlineStr">
        <is>
          <t>0.19758661</t>
        </is>
      </c>
      <c r="E339" t="inlineStr">
        <is>
          <t>&lt;class 'numpy.ndarray'&gt;</t>
        </is>
      </c>
    </row>
    <row r="340">
      <c r="A340" s="1" t="n">
        <v>338</v>
      </c>
      <c r="B340" t="inlineStr">
        <is>
          <t>Loss/BoxClassifierLoss/classification_loss</t>
        </is>
      </c>
      <c r="C340" t="n">
        <v>3800</v>
      </c>
      <c r="D340" t="inlineStr">
        <is>
          <t>0.122157484</t>
        </is>
      </c>
      <c r="E340" t="inlineStr">
        <is>
          <t>&lt;class 'numpy.ndarray'&gt;</t>
        </is>
      </c>
    </row>
    <row r="341">
      <c r="A341" s="1" t="n">
        <v>339</v>
      </c>
      <c r="B341" t="inlineStr">
        <is>
          <t>Loss/regularization_loss</t>
        </is>
      </c>
      <c r="C341" t="n">
        <v>3800</v>
      </c>
      <c r="D341" t="inlineStr">
        <is>
          <t>0.0</t>
        </is>
      </c>
      <c r="E341" t="inlineStr">
        <is>
          <t>&lt;class 'numpy.ndarray'&gt;</t>
        </is>
      </c>
    </row>
    <row r="342">
      <c r="A342" s="1" t="n">
        <v>340</v>
      </c>
      <c r="B342" t="inlineStr">
        <is>
          <t>Loss/total_loss</t>
        </is>
      </c>
      <c r="C342" t="n">
        <v>3800</v>
      </c>
      <c r="D342" t="inlineStr">
        <is>
          <t>0.8851098</t>
        </is>
      </c>
      <c r="E342" t="inlineStr">
        <is>
          <t>&lt;class 'numpy.ndarray'&gt;</t>
        </is>
      </c>
    </row>
    <row r="343">
      <c r="A343" s="1" t="n">
        <v>341</v>
      </c>
      <c r="B343" t="inlineStr">
        <is>
          <t>learning_rate</t>
        </is>
      </c>
      <c r="C343" t="n">
        <v>3800</v>
      </c>
      <c r="D343" t="inlineStr">
        <is>
          <t>0.03996671</t>
        </is>
      </c>
      <c r="E343" t="inlineStr">
        <is>
          <t>&lt;class 'numpy.ndarray'&gt;</t>
        </is>
      </c>
    </row>
    <row r="344">
      <c r="A344" s="1" t="n">
        <v>342</v>
      </c>
      <c r="B344" t="inlineStr">
        <is>
          <t>train_input_images</t>
        </is>
      </c>
      <c r="C344" t="n">
        <v>3800</v>
      </c>
      <c r="D344" t="inlineStr">
        <is>
          <t>[b'1024' b'1024'
 b'\x89PNG\r\n\x1a\n\x00\x00\x00\rIHDR\x00\x00\x04\x00\x00\x00\x04\x00\x08\x02\x00\x00\x00\xf0\x7f\xbc\xd4\x00\x00 \x00IDATx\x9c\xec\xbdw\xdc~\xcdQ\x16\xbe\xe7%\xa1\x84\x92P\xa3\x08?\x04\xa9\x02\x86\xd0L\x00\x13\x9at\x84@\x80\xd0\x8b ]iQ R\x03\x88Q$t\x82\x11\xe9\x11\x84(\n\x01\x02A)\xa1I\x89\x10:\x04\xa9\x12\xa4\x84H3\x90\xcc\xef\x8f\xd3\xb6\xcc\xce\xce\xcc\xce\xee\xd9s?\xe7\xfa\xbc\x9f\xef\xfb&lt;\xe7\xec\xce\\;m\xcb9\xcf};wa\x05\x00\x00\xc0\xd1,\x06\x05x8\x9a\xcb\x01\xb8\xf9Q\xef\xce\x95\x8c\x94a\x16n\xcc\xdc\xa4\x85u)s\x16S4\xe5\t$\xe6&amp;\xce\xf1\t\xbc\xb5s\xce\xb9\x9f.\x89\xedmyU\x84\x88IJ\xe4\xc3\xda\xa3\x83)\xb4*Hnu\x93T\x1af&amp;8\xe9\xd4y@F\xacz/\xf4\xc0t4\x81c\x00\x00\xd3\x1ae\xd34\xed\x17\xa7;j\x10\x1aQ\xe5\xba\xact\x81\x899r\xa6\xc9\xdd\xe5R3\xff\xa0\xc9\x1a\x007j\xaeU\x8dK\xa6\x01A\x85\xd2Fb5\xf0\xa9\x8cTT\x1f\x04\xf0\xc3n,J\x1b\xc0\xb9\xa9\xe9L=\xaaSz\xa3}\x82\x1f\x0e\x00\x98G\x07wvz\xba\xe7h\x02\xc7`\x9a&amp;7-\x08.^\xb8\xa0\xc7p\xe7\x16\x87\x9f9\xad)vw3k\xae*\x8a\xda\xb2\x9cH\x1f\xed\xc1&gt;\xc0\x86\xd9(f\xb2b\x0f,\xff\x83M=?\x12\xcd\x8c#\xa19\xabm\xe0"\x03\x18\x1d\xf0W\x9e\xb8\xef}\xad\x1eg\x8d\x19\x04F\xf8\x02\xb78.\xd7\xe0N\xd4\xde\x0bG\xe1L\xe1\xd5\xe0\xa9(Wsw\x8d\'D\xc6/wd\xf9x\x93X\xd2m\x18\x0f\x86\xb1\x04\xa6o\x89\x80s\x1f\x81]\x7fU\xf2\x15 T\x0eG\x9bHf;\x1c\xab\xbd\x1e\x07\xbc.\xb5\xa6C[\xa3\x01\x80s\xef\xc8h\xe3\xfd\xd2\x80\x8fHf\xd2R\xfa&amp;\xe7\xbb\xc4W\x1fs\xd2\xb0\x14\xe0\xcc\xd9g\x83\x9b\xde\xe0\r\rX\x1f\xef#.\x00\x80ir\xeb\xf3\xa9\x0b\x17d8\xfb\xcblg\xe7\x8f\x00\x004\x07\xbd\xc3&lt;\x9bN\xf8\xaf/w\x19\xd0\xa3\xdd\x8dN\xcf5z\xd5\x02\xad\xc32 \xd2-\xe0+G1w\x0f\xde\x93\x99\xc3\xd4\x98?\x12\xf9\x91\xe3\xe6\'k\xa6J\xb90\x0c\xfe\xa2\xa2\xfb8\xf7\xe7-\x15u\x1b\xcb\xc0\x18\xa6\xccv\xc7\x1d}\x05h\x00L.\xff\xb7L\xf3[\x13\x07\xe6\xe4]\xde\x13\xeb1\x8c\xd1\xeev5\x1f\x0e\xfb\x11\x938B\x86\xf1\xe34\xd7\xab\xed\xbd\x02\x83E\x83\xd5[\n\x95\x98\xa6\xd7/\x0e\xc4;&amp;4$l\xb9\x97\x106\x8f\xdb\xab\x0b\xfe\xf2~\xdb\xf48]wZp|)\xc4\x81\xefl\xf5|E\xea\xcf[\no&gt;\xd1o\xf2\xdf\xe8\xf8L\xcfc\x982\xdb\x1dww\xe4#\xa0n\xf3}w\xb7\xad\xe609\x05\xb9\xc1s\xeb\x02\x96\xbf\xa2?\x98\xc5\xd8\x88\x8f-O\x1b!\xe6\xe1\xcd\x12\x98_\xa1\xe8\xfe\xacB-\xa7\xd1A\xe9*\xd6\xd5\xe4\xd16.\x16=\xec/\xcb%\xce\xed:\xef\x1cWT\xef\xc8\xf4J\xbd\x89`\xa9\xe3\xcc\xa5\xef\x86q=\x01\xc8\xa2\xc3)x]J\\\xe9d\x89\xfa\xeat\xf7\n\xdc\x9d\xfe\xeb^\x16\xe2\xd5\x7fg\xe5\x96\xaf\xb7N\xfbC\x00g\xf3\xf7\x85\x1cs\x08_\r"PZ\xfd\x1f{Bi\x16\x19\xafY4\x0bfRI\xed\xea\xba\xfa\xaf\x16\xa0M\x81o\xa8\xd3|\x02\x80\xdb\xebS\xfb?\xadn\xad\xe0\x82\n\x97_p\\{\xd6\x93\xe3\xac\xe77\xb2\xc3\xbcqqV\xfb\xb7\x80\xe7S\xa70Kz\x08\xca&gt;\x16\xbd\x11/\xe4\xd6p\x9cWwr\xb7\xb4&amp;5\xc4\xc2\xae\xfe]\xf6\xed1\xc2"\xf0&lt;\xa5\xa38\xcf\xd6\xf8\xc5\xe4\xe9\xca\x85\x0b7\x8c\xeb\t\x00\x8e\xf9cB\x8ffqR\x8c\xf0\xb6\xdf\xe5\xbb\x0b\xa3`\x8e\xc5\xba\x8fC}f \x90[\x9an$\x0br\xe3E?E\xe7?\xae\xbf&amp;/_Q\x02\xfbW\xfb\x9d\x9d\x99\xea\xf3\xb9\xbb\xf8&amp;\x7f\xe5\xea\x7f\x96\xa1\x93p\xe1N\xc1\xfb\x8c\xa9\x0b\x17\xee\x18\xae\xbf\xfa\x1d\x06\xb7\xe9\x88A\xfe\xe2\xf3BC\xfc\xac\xd2\xbfKl\x94J\x10\x94@\xb7\xd1qk\x82\xf0\x13$Y\xcd\xb8\x82\xa1f\x1dck(\x83\x94\x7f\xa0\xbe\xfbpN\xbf00F\xac\x12\x17n\tWx]\xc8\xe1\x8a\x8d\x0b\x17\x14\xd8\xa7\xed\xfdc\x96\xce\xb0\x01`A\xb3z\xae\x19\xac\xb9\xa1NhsK\x9c3\xea\xee\x026\xa7|X|\xfd\xee\xf9\xebz:\xc6\xc7\x8d\xbcP{\x93\x00\xfbWx;\xb9\x1b\xec\xff\xda$\xc7\xfc\n\xe0\x0b\'\x02+\\\xa3\xf4!\x96\\C\xbe\xd2\xc9\x19#7m\xb7\xb1+\xben\xa2\xf57\x12\x00\xc0\xb4~_\x00\xa1{H\x1f)\xd1\xa0\xb0\xf7\xc0\xe2\xa9&amp;3\xc55\x01\r\x87\xebo\x00x\xf8\x88\x86\x9b\xf9a\x8f\nj\x9e&amp;wF\x83:\xab\x128\x84\xb9r/L_\x0f:/\x8c[m\x12\xe46\xb1a\xa3\x8e\x9f\xc8n\x05/\r\x7f\x80\xd1\\\xb6\xfaW\xf1\xf1\x94\x9d\xcd\x98\xe6\xb0\xca\x8eC\xbf\xa8\xa0\x12\xe6\xbc\x19U\xe7\x1cE\xe9\xc2\x85\x06\x18sJ&gt;\xcfZ\xa1\x16\x9c\x91rL\x81\xb5\xa1z\xf5Y\x91C\xf2ztSu\x1dp\x03C8\x0e\xff\xf66b\x00EfhC\r\xb6E\x1aV\xbd\xec\xb4\xf4:2$n3 orP\xce9iBy\x91\xd9\xdf \xb7\xea\x82\x0b\x17N\x87#\n\xa2v\xe1\xaei#E\xcf\xb2\xf8\x1b\xfd\x96}\n-W\x99\xbep\x87`\xb5\x01\x98\xabG\x04C&amp;\xb7\xbb\x84m\x0fdOec\xcc\xcd\xe9#\x95\xcd\x02\x99\x83\x02\t\x00\xe0\xab3\xaaSJW\xb4\xdf=\x9c\xd3\xe5W\xd5\x16\xa2\xb9A\x00\xc0\xb9\x87j;\xde\x12xK\x90p\xf6\x02\x00\xf7\x19\xd8d\xf9\x96\xa7y\t\xed\xc2\x85\x0e\x804q\x9c\xff\x99\xa7\xf6\x0f\x16\xec\xa4\r\x01\xde6\xa9\xc5\xa8-\x8d\xf9\x12\xc3\xf9\xe5O+\xfa\xb6\x1b\xcbO\xf3\xf5\xde\xcc\xe3\xf1\x0bw\x00wd\x03\xa0z\x9c\x9d\xb9l\x94\xdel\t\xb7\xe3\x85\x1e\xc0\xbdv\x93K\x90\x0b\x17\xd4\x88^\xd7A\x8e\x81\xefg\x97/\xb7\x97z\xc8\xbb(77F\t\xc6\xa8\xae\xed\x1e\xad\xcb\xda\xdf\xc1\r\xc0Y\xffJ\xe5\x82\x11\xc6\xfe\xc3|\x00\xe9\x1fR\xf9\t\xbc\xfeA[\x90\xd4u\x7f\xe5\x06\x00\xb5\xdfMs\xfd\x99\xdd\x85\x0b\x17\xd4\xf0\xcb\x08RR$5\x13\x0e\xf8\xfe\xe3c1\xcf\x04wj\xc8\x0c\xc8\xe7YS\xe5\xc6\xd3\xe26\xdfsd\x02\xc0\xf6\x15\xda\xee\xee}o\xf4\xf5)@w\x1c\xe3\xc6:\x18U%\xd3-}\xd5G\x8e\xac\x9fX\xd2\xfb\x8c\x81w\xaa\xf1\x16w\xed\xf0\xe3\xc2\x85\xb6h\x93P\xc1\xd2?\xd5)\x17\xc5\xc1\xf0\xc5\x81yv[\xf3m\xdc7\x0b\xd8\xfe\xb9!0c{\x9a\xa69p\xa6\xda/k\xbfp\xe7\x91&lt;^\xa4Zv\xe0s4\xd2\xe7\xad\xb2\xeez\x95\xde\xb3&lt;\x08A\xf7\xd5\xd0T\xd1k\xad(R\xcakU\xfdv\xd3)\xa3\xfa\x8c\x9c/p@\xbd\r\xe8\x1e\xd7\xd8\xef\x8d\xd3\xbcZx\xf4\x87\x04\xa4\xa6\xf6U\xabb\x9a\xd8e\xd8P\xb9\x8b8\xd6t\xc6\xda-b\xe9\xc2\x85\x0bU\xe0.\xbb[h\rW\xa2\xc70\xc9\xa0fG\xa4W\xd9S\xdd\x85\x0b\xc7b\xa4|g@ER7\xb4\x9f\xf7&gt;\x11x\x93S\x12\xb5\x7f\x81H\xcb\xc2\xc5\xde\x90\x1c\x86\x9b\xfd@\x02\x00p\x0f\xe93\xb4\xdb4\xe0yq=\xef\xb8\xd0\x10[)\xef\xf6\xa6)\x00L.\xfe\xbeI\x7fF\xb9c\xef\xbc:w\xe67}\xcf\xcb\xfcV0\xf6\xdf\x08ep\xc7\xf3\x9d@j\x19\xe0\xbd\x81-\xaf\xe4\xa7\x8c\x9c\x12nrP\xdd\xca,\xd4\xfc\x05]Q\xf4\x95\xe9\n\\\x7f\x03p\xe1\xa60M\xd3\\\xa2\xd1c\xa4\xb3\xd7\x08\xdd\xa1f\xcbQ\xc7dd\xf4J\x9f\xc4L0\x07\xecTr\xd4\xb3\xc3\xf3\xe2\x94\xf92y\xb8\xd5S[\x1dPw\xf2\xeb\x03\x7f\xf5\x0f\xb7\xf9\xbd\xe3\xfaO\xa4\x18\x19\x9d\xa6\xc5s\x18\xe3\xc2\x85[\x07\xa70\x99\x14\xaf\xa3^y\xf7\xd7\x85\xb75\x0f\xfd\xed\xb0\x8e\xb2\xfc8\xd4\xf0!\x84\xb9xk\x81\x17.\x0c\t\xdd\x07\xffw|9\nKs\xd9\'3*t\xca\xbb4\xc48U\xb7\t :y9\xf5\x1f\x12d\x93\xe2\xc6\x9dx\xe1B\x066q\x7f\xe5\x0f\x89V\x15\xa7\xb1\xd9k\x847\xdd\x00\xe8p\xf8\xecu&gt;\x0c\xe3\xbb\xbb\x8aG\x83s\xee\xf5\x85I\xa4J\xbd*G\xfb\xeaZ\x17\xa5+&amp;\x0f@\x14Q\xe7tAth\x18\xdd\xea\xcf\xe7\xc2\x05#|\xa4\xba,Z-C\xaf\xfc!\x80\x19\'\xfe#f\x9d\xe0V\x13\xbc_+\x93\xd0\xe2\x06\x9b\xe1\x1e\x80\xa8\xdd\x178\xb8f\xb8\x01\xd1h{\\\x93w{Gi\xdf-=K\xaf\xfc\xa5=\x85y=D$\xff\xf9]J(/\x9c\xf4\xa3\x06\x00\xf71\x83\x1a\xed*\x8f\x17\xee$\x8cVfw-\x7f\xa4\x07r\xf3\xffZ\xb1\xb1\xc4\xbe\xe8\xdf\xc6\x18\xf9Wz\x14d\x12\x1bw0\xc6l1\xa0\xf5\xaa)\x9d2$V\xceq\x96\xd9\xaa\xa8\xdf\x00\x18\x12#D\x9dt\xfa8#\xe7\x1a\x98\xb8i\xe8\x13\x9c\x9b\xf6\xe6\xf5G\xc0"\xd4NK6,\xfa\xa0\xee\x0f\x83\xb6\x8ap\xf6\xbf\xbbUA\xe0\xe8W\xc1kg\x9fP\t\xb4\x14\xeb8z\x13\xf5\xeer"T*\x9d\x15\xb1\xb1K^\xbf^\xed\x82\nm\xa6\xb7\xb7;x\xd6\\\xbeq\xef\\K\xb1\xf5{\xcb\x9dk\x16\xd5\xdb\x9fFO\xfb\'%\x88M\xa4%\x86(\xba\xad\xcc\x05w\xa3\xe5\x88\xc8\xa3\xfd\xaf\xed+0\xf47p\xdd\x9c7/tE\x9fI\xc8\\K\xfd\x9e\xbe\xf1\xc0\x97\x8f\x990\x93\xd6\x129k\xe4\x9e\xa7\x0f\xbdp\t\xff\xc0:\xbc\xb3\x0f\xc7(\x00p\t\xed$\xdf5\x1cv\xce\xdaC)\xe4\xf2\x8b\xdf\xdf\x90\rGa_u\xfd\x8e\xab\xa5\x85n\xd9\x99\x8c\\\x06#\xfc\xe2y\xa8\xca1\xf4|t\xe1\xc2\xdd\x86\xfd\xdfW\xa9\x9f\x11\x1br\xa0i,\xb7\x0e-L+\x01\x0e\x07\xd9B\x16\x00\x9c\xfbY\x01\x8d\x96\xf0\xdeL((B\xf6\x03\x06\xca\x1b=\x1d\xbe\xa64\xe7\xd6\x18\xce\xeeN\x19\xfd+47wA\xb5\x8av\x0c\xfb\xe4,\xabiK"e\xf5\x99\x8bWz\xde\x15\xac\xb3|\xfdKD\x9a~\xaa[\x17.\xf4\xc2\x11\x9boeB\xf6\xdc\x00\xcc\xf7o7KO9\xae\xc8_&amp;\xf1\x90[\x9b\xda\x04\x9b\xe6\xcf\x19\x03\x1a\x06\x1c\x86\xc4\x08\x1b\xec\xc3q^\xff\x9e\x97\xf9\x85Cq\xde\xb0i\xc0\xfcJ\xa2\x0b\x0c\x1c\xbfP\xb6\xc51\xaf\x04`\x18\x87I%N=\n\xf0p4\x97\x05\x16dLF4\x8aAlA\xbb{\x9c0\xb0B\xb3\xa7L\xdd\xf0\xc9\xcc\xbf\xb9\x17\xf9\xae\x9b\xa3\r\x15\rU\xa6N\x08\x9bD\x18\xde\x05,z\xc3\x8f\xe2\xc2\xf1\xb8\x91C2\xbfnv\x89{\xd9\xcb$#ACl\xe0\xe1\xb0\xd0w\x03\xf0\xb2\xfb\x8f\xbf\x90\xd5\x98!#\\\xdf\x9c\xdc/\x8d@\x1f\xff\x9f=\x98o\x11\xbcu\xdb\xf3\x89\x8a\xfc ^\x96\xd1\xb86\x005\x00\x00\xf7\x11wa\x03\xc0\xc2\xf9\xcf\x05.\\\xe0a\xae\x9b/\x03\xe0\xdc\xa3{m\x00\xcc\xf6\x1b\xa3\x9dO\xdf$Na\xde1\x0f8\x87\x01w\xbc}\xb6Fv\xf6g\xca\xd1&lt;\xaam\x1a$O\x8a\x857\xff\xc3\x80\xbe\xa7&lt;\xb5\xb8\xdeC\xbbp\x14\xd6d\xb9b\xef\xc2\x18h[\xb2\x85\xe1&gt;\xceC\xdbf/\xa8\x80s\xff\x13\xd5\x17i7Uz\xe1\xc2\x85&amp;P\xa4\xea\xc1\'\x0b\x9d\xfe\xa4\xaa\xa6\xa0\xf5\xd8\xb1$\x94\xae\x92\xdb\x1cm\xc3\xfe\x1c\x93\xe6)H^\xb80\x00\xea\x17\xf1\xf5\x04*%\xf0U\t\x9bS\x96\xb9\x9b\xfb\x87\xf4T\xef,vXx\x9e\x84\xed\x85\x1d/}\xbe\'\x84\xb6\x84\x8f\xd8\xcc\xd4\x1f\xa0\xfeB\xc8\xf9\xed\xddyj\xc5i\x01\xeeF\xdf\xa4\xba\xbd\x11]h\x80!\xa3d\xf8\x84|J@\xef\xf3e\x8fn\xc7\x1eZ\x88\x01\x1cq8\x81\x1aDOl\x0e&gt;d\x15b\xe3|4\x91\xe3\xf1\xa0\xf3x\xed\x82K^ih\xe9;\xe3\xc0\xf0\xa4]\xf16\nNT\xb4/\\\xb8\x9b82?E\x05b\x9b\x99\xce\xb5\x1c\xbc\xb0C\xeb\xb2\xcb\xd7#@\x91t\xa3\xe6\xe9\xf5\xb4\x8d\x83\xd6\xbe\xbbL}\xe3\x185\xfdM\x00\x8f\xbb\xe5\xd1]h\x89\x96\x89q\xa6\xc5\xb1\x8ej\xfd\xabD\xfe)W\xb1\xb1Z\xd1\xf9\xd0|\xb0\x88\xd9\x8f\r\xd7\x13%\xcb\xb1\xa8\xd8uW\x99\xb7\x85wr2o/\x18\xc2sq+\xdfq\xe4\xdc\x96%\x7f\xf5\xfa#c\r2S\xed\x9b\x1eB\xc6\x10\x90\xe0hF\x17\xce\x030\xfa\x14\xad\x0b\x1d\xd07\xb7\x87\x8c\x8a\xef\xb5\xff+\xc3\xe8\xd7&gt;FFw}\r*\xf8\x17\xdb\x89\xc2q\xc8|\x83\x1b\xaa\x19\x13\xffq\x1f\xa9\xc5\xfe\rxQ\xfbAsv\xc56\x1c\xc3 \xe7\x88\x1amUT\x99\xe6\xd7:O\x0b\xb3\x903\x91c\x85k\x03p\xe1\x9c\xb8\x82uhp\xabI\xdf\xa2c\xa2h\x17\xe2\x1d\x0bu\r\xc5\xdcrm\xa8"&gt;\x0e\x93\x08\xa9\x95\x9aR\x05\x00\xf7\xec\xcc\x1f\x1a\xaa\x9e\x192\x1b\xaa$\xf7~\x86\xa9\x80\xe1^\xc5\x9e\xfcs\x1a\xfd1@p\xb1\x8e\xf6\xa0YyN\x9c\xdf\x98wl\xf5\x7f\xcf\xd1\x04n\x0f\x87\x04\xcd\x8d\x87\xea\xf7\x9e,!S\xaa\xd3\x8cb\xb7\xe8\x87\xc6\x98,t\xc5\x83\xea\xef\xa5iBh\x84w\xc7\x82\xe1\xa2-\x12l"\x85\x13\xabUx\xb1\x8cp\xb9R6O\xa2\x19\xf1g\x03R:G\xc1\xc6Y\xf6~\x7f~\x03i\xdbj\xacML6\x0e\xf5\xbb\x84O\x98\xf3\xe5&lt;i\x83\xe0\n\x86\x0bux\xdb\xa3\x143\x0f\x98\xad56\xcf\xf6YK~_\xae~\x99U\xc3\xa5AK\xab\x8e\x89 \xcfV\xcb\xcf\xedK\xb3\xf7\x10\xe0\xc2i\xd0i\xc3\x19~\x86\xd2\xe0[z%\xbd;\x10\xfc\x9d\xcf)\xe6\xc2\x95\xd35x\x14E\xb8jc\x1f\xd4\xd8\xf9N=\x01\xb8\xd7\xd1\x04n\ns\xc4\x8c|\xa2p(7\x00\xd0\x10\x98\xa6\x89\xa8\xfe\xf3\xff\x13\xb1\xc6\xc3\xdc\x08\xb0\xe9\xab\t\xa4\x1d!\xbe\x08\xc0\xe11M\xd3V\x04\x97\x9f\xc8N\x00@\x1f\xa5s\xd0,\xc0\x12#\xccW[\x9d\x0b^0\xc7\xcf\xce\xcb\x7f\xdf_#\xbbN\x19W\xec\xa7|z\x15Gc.,\xddVG\x13Y\x95Nd\xc3\xc5d\x99Jf&gt;gUb\xfc\xc5\xcc\x06ov6x\xa6M\xac7n\x0f\xd7+@\x9686[\xbaV\xe5Y\xe34\x15\xcb\xd6v\xf0\x9c\xa3\xc6\xd9j\xe7\x0c\xbb_o|\xb22\xadh\xa7bFj\x8a\xd46\xb0\xfd\xb3\x0e\xf9)Y\x03\xae\x84\x17\xf2%\xfe\xa3\xd4\xbd\x94\xc7\t\xe6\xa1\x93\xa3\xb5\xef\xff\xb6\x0b\xbd\xc8\n\xc8\x8e\xb0:\xf3c\n\xf9\x1dI\xe3\xa3\xb0\x9d\xb0$w\x06r\xdc)\x00\x00\xb3\xc92\xfe\x1e\xce\x9e}\xe6;\x13L\xd3\xb6\xef\xde\x97\x01\xf3s\xa3\xe3H]\xb8`\x85\x9b\x88\xe3\xdc\xcb!\xf5OE\xbd\x07v#\x18\xaa\xfe\xf9x\xa1c\xfa\x12T\xcf\x85K_&lt;k\x1f\xdd\x88\xf4n\x04w\xe4y7\t\x83\x87\xfe\x10\xbe\xe3D\xb4\xab\xd1R\x03\xe9\x18\x93w!\xc0\xb9W\xf3\xef|W\xf3\xb1\x00F\xe3d8\x11\xf9\x13Q\x8d\xb0,\x00V\xfe\x00\xe0\xbe\xb5\xf6- S\x82\x17.\xf8`\x87\xd7m\x04"{\x8d\xfe\\\xe9:~\xb4\x97\xf6\x8a4\xe8\x06\xbfW\xea\xfe\xd86\xc3\x1c\xc7\x80\x1e&lt;Jf\xf4&gt;\xd7BH\x11\xa3Y\x92B\xbda\x0f\x8c\x1c;\xd5\x83\x9c 4\xc4\xf6&lt;V\xdck\xfdq\xbb\xb2\x88\x92|\x94p\xcd\x99\xc8 \x15&gt;G`\xbb~8\xc3:@\x84Se\x84-\xd5!\xe2\xed\xc2\x85\x1bA\xd3t\x92N\x0f\x07\'\xf6#\xb3\xda\xb7\x99\xf5\x90\t\x8f\xa1\xee\x90\x9ah\xa6\xb1\xa3IO7}\x9e\x15\xd7$\xcd\x87Y\xfc\x0bW\x87\xb0~\x90C\x9d\xc2\xa6\xc9\xcb\x1cQ\xd0 ]\xf7\x9f=\x1a\xe3\x1d\xc0\xc9\x87#\xc5\xb6C\xbe\x9b\xc3\xbf\xd0\x16\x00\xe0\xdc\x97x?\x8f\x81~L\xc0\xb9gk\xba\xb1\xb2\xf1&amp;\xd2u\x9dY\xefl\tF`g\x81\xcb\x9e(\x9a\xdb$\xfb*y\x95\xd0\x8e\xbdN\x8e\xdf\x98\x975\x8a\xe0\xcf\xb7\x7fK\xe9\xd9\xbf\xc1\x06\xa0\x81\xfb\xbe\xcbW\xa1x\xf8\\\xbc20\xfe -\xad\xd7\x06`\x0b\x83f!w\xe1\xc2\x05\x11\xbe\xe4.\x16#w\xb2\xe9\xa4\x15,\xa7\xa2\xf0\x80\xc7@\xe0,\xf3\x8eM\x12:\xeb\xdd\xcd%\xc5\xc9\xb1\x1fFh\xbb{\xbf$\xaf\x12\t\x04\xcd\x1c\x9a\xec$\xe54\x0e\xe5`\x8a\xfc(\x0e+k_\xd8SY\x14\xdb\xfe\xaf\xeb\xcfO\xee\xc9\xe7\xc2\x05\x05\x0e\x7fQd\xf8y\xfd%\xc6\xa6\x97\xc5Q\x86\x15\xcc\xfa\xe9I\x89\x88\xb37\xaf\x93TX2\x0br\xd6\x7f_\xddp%\xda\xc3A\xcd\'c\xee\xa4\xab&gt;\x1a&lt;\xd7\x99b%I\xedH\x075\x8e\xb7\xf8\x96\xc6\xe1M=\xbb;Q\x00_\xe0\xe1r\xe8\x85\xfeP\x04\xdc\x15\xa3w\x12\xa2\xf2\x04!\xd4r:b\xa5:\xaf-\x1e\x95\xff\x03\xbbj\xfe\x9b"\xf3\x95\xe8!\x86\xb5u(OZx0\xa6}\x02 g\xd7\x1b\xf5&lt;k\xf6H5zS\x89v\x92\x0c\xb8\x9d%\x00\xf2\xd0\xec\xe8N&gt;\xe4,\x14\xe3\xfa\xf2\xb25\xbe\xb3\xb3\xb9\xa0p\xb6r\x9b\xbe\xbbp\x18n\xb8"\x0c\x86\x7fz4\x01\x030\xa3\x050\xa4m\xdap\xa4X\xb1\x1a\xad\x8f\xd4\xb1\xf6f\xaf\xebpLt"\x1c\xc8\xffc\xcfl7\x0e\xac\xe2\x8d\x90.\xebb\xcea\xc5\xaf\xf6\x8d\xa2\xd5\xb07\x1e?\x01\xbe\xb0\xc7\xf7\xaf\x9f\x05\xc5\xcc\xeaP\xd6$\xf2o\xdfq\xe7\xf8\xa2\x87S\x03\xc2/\xbf\x9c\xe3\xef,_\xb11\x0e@\xf8\x9d\xaf7c\xe7\xe2\xc0\xd1\x8aV\xff\x9d\xbe6\x00\xfaK\x8bg\xe6\x93\xf7k\xd0\xd8\x1f\x9a\x89+#[\td\x02\xb8ALz\xa11\x14\xa5\x86\xdf\x9e\xa8KR\xbd\x16\x805A\xaf\xc0\x06\x07c\x7f7\xf5\xa0\x88\x8bv\xa9\xb1;0\xd8\xca\xab\x02\x00\x18g\xf6l\x8f\xeb\x9b\x80\xdb"]\x9c\xbd\xc7\xf0E\x06\xf6W\xa5{+\xb5\xc5\xe0vf\xa2\xb4&amp;\xc8\xd9m\x8c\xc1\x17\xc8O\x00\xfeC\xd8lc+W\xaa\xbf\xd1\x19\xae\xb7\xf0H\x9c\xfd\x89\x8a\x8fiz@K\xe1\xedd+\xc0\xfb\x82\xf0\x96h\x146\xf2G\r\x93\xe7\x9b\x1b\x89\xe4\x0e\x00\xd9\x17\xee\x1e\x10l\xa2G\xbe\xeb\xc3\xe8;\xf9\xb4\xea\x829\xce;)n\xdb\x80NC\xe8i(\xad\xae\x8e\xaf\x8e\xc8\xfe\x88\xf6\xbco\xb6\x1cXg9\x86z\x96\xf0\xaf\x99\xcfe|\t\n\xe3\x82\xcc_\x05\xac\x06\xb1|\x19=\xfa\xc1\x1cm\x9d\x98\x0f\xf87l\xa5\xf7Vc\xb2\t\xbaeq\xa2\xe8\x9cn\xda\'\x1dp\xeeW\x8ff\x13C:9\xfe\xe73O\xa6\x17\xc6\xc3\xe9\x03\xe8\xec\xfc\x19\x10\xf9\xc8o\\U `[3!\x85Fth!/X\xffy\x98\xd2f\xbd\x01x\x8a`\\\xa5\x96\xd2\t@1a\xcc]\x1e\xb9w\x1c\xc2)\x86h\x14f~\xb4\x1f\xb5\x81\xd4"\x1b\xf0\x8d\xb74\xe3\x9ah\x90Z4\xe3Z\xf6\x89\xd0a\xb9\xdc\xd9#\xd7\x06\xe0\x82\r\x8a\x01tS\xe1\x95\x1f\xec\xc0\xc3\xac]u\x01\xc03\xe4\x93kr\xca\x10\x9b\xaeWI\xe5\nW\xd3(v4\x1fc\xa5\xb4\xd7\x0fW\x96\x12ir\x7f\xa5\x010n\xa6\x0c\x86\xc8t\xa7\xb2[.ND)\xa9U\xf7\x13\xe6\xf2o\x0c\xd7\xb2O\x04U\x0eJ\xe6\x1d\xc1&lt;hS\x07\xc2\x9a|E\xc2\x85;\x06F\xb2\xc5\rx):\xca:\xef\xf0\x8d\xcaZY\x0e\xdb\x00tC\xc8\x1f_\xf4\xd8\x0e\xb3~9\xb8\x95~9+\xb9^\xd8\xc3@\xdcw0t\x1e\xc5\x89s\x84\xda\x00\x08$\xd4\n\xb9p0n\xc1SA\xbde\xac\x98U\xf1\xc9\xeabU\n\xcex\xa6\xa0\xc6\xf5G\xc07\x8b\x963A\xfcw&lt;\x13\xe7\x03Uj\xe9\xe8v\x1d\x89\x94|\x17\xd9g\xc2T`\xfd\x90\x81\xec_\xa3\xea\xfePu@L\xd3\xb4\xb9\xc9\xfb\xcb\xaa\xa0\xc1:\xd0\x9f\xabS\xb5H\x9e\xa6\xc9\xe8\x0f-\x15.\x98\xc41\xb9\xfe\t\xe6\r\xb8\xfb\x99}\xd5\x85\x16+=h\xa5\x9c\xf2\x11\xae\xd3\xeee\x95\x8fe\xf7\xaa\x9d\xb7\xd6\xc9\xdf\x9a\x1e\x98\xca,\x08\xbbN:\x0f\xc07\xcfQ\xc9z\xc3\x13\x8b\xdeQ\xfc\x15\xd4\xdb\xd2\x1f\x94\x03\x80\xb0\xce\xcd\xc3\xe4\xf4\xb11\xc8\xe6\x91Q\xec{\xe1B\x11\xe2\xa9K;\xdb\ru\xbct\xe0\xe1\x9f\x95\xde\xc1O1\xebY\xed\xa3;x\xa4\x1d\x978\x07\xbbr\xc4@j\x07\xd6\xe2\xf5yc\xbd\x87\x99pn\x95\x1a\x00\xe0\xdc\x7f)\xb6\x19\xb3\xf8\xdc\x0507\x00q\xb3sn\xd8\xc4A~Dd\x0e&gt;#_0\xc4\xed8\xb8Q\xb0\x8a\xd2\xe0\x03\xce\x900\x87d5\xa1t\xf0rc\xca\xea\xa0\x91\x8em\xe1\x93\xe00\xd3\x01\x80{\x9a\xc1r\xa72\x00l\x83\'"\xd3.&gt;\x99\xebKs\xbd\xfd\xb1\x1ap\x14\x17\x1b\xe2\xf8\xdae\xfab}\x9bb\xa22\x11B\xc6\x9f\x90\x07\x8d\x87\x0b\xb7\x8d\x16\x87@\xfa\xbe7\x92\x06\xdbs\xbd#\xceN \xff\x06B\xcb\x9aX\xc0q\x9e\xed\x17T\x00WA\xef\n\xc2\xce\n\xfb\xdbz\xadN\x94\xeeUC*\xeb\x07\t\xc8Ah\xd4#\x19\x88\xbe\xae\xde\x8cM\x8c`\xf7\x1c\x18\xbbU\xbf\xc1\xf8\x18U6\xa1\x94\x86\xca\xcd\x0bw\x13\x96\xef\xb5W\x84\xf2\xe0\x99\x90/(H\xe9\xf77\x00M\xc8\x90w\xef\xed\xc8r\xd3\xf9\x8f\x9c6i\x8a[\xa7\xc3f\xde\xeaA\x8d\xf3\xd8}\x10\x1a\x08(#go\xf5\x1f\x8eT\xa3\xcd\xf2\xa2\xe7\xbeW\xd2\xfc\x11\xadx\xdc8V#\xdfP\xb5\xd4@\xf7\x16Sx\xb7\x96\xc3\x034\xc5\xb9~F\xbep\x01\x85\xd5B\x8d/\xe4\xf8W\x80\x06\x81\x7f\xa2\x00\xcb\xdf\x9e6&lt;\x06\xe6K\xde\x9b%O\xff\xebt\xa9\x0b\x1f\xfdPB\x85\x81\xa3\xa5\xde\xf5\x9e\xfb6Q\xe3\x8ew0\xb4\x89\xb7X~\x93z%Z\x10@\x98\xdd\xd1\xbdN\x01Sx\xdex\xc1\x00\xb4%\x97\xbb\x9e\xc1\x01\xc0\xbd\xf09\x8dO\xc6m:\xa9\xc9\xc5\xb72\x0b\xc3G\xf1\x16\xfd\xae\xe5\xc8\xf5)@\xc60\x8b\x1f\x00\xc9\x97f\x17\xfe\xf4^Ga\x9a\x9a\x7f8\x89m\xb2-\xd2^b\xf9\xcd\xfb\xd7\xb91&gt;Zg\xfe\xc0\x97\xe4\xb2~\xc2\x06\xd97\xb1\xbbM\x7f\xaeS\x95\x95\x8e6oSL\x93\x9b\x16W}\xfbv\xed\x08"\xe7\x9b\xa2h\xbe5Y\x19l\xab\xd7\xb5\x96ZZ^\x8b\x03\x80\x17e\xac\x0f\xfc\xa1D\xe3\x82n\x1b\xe4\x9bN\xc3A@\x07\xed4!Y\n\x7fbK\xa1W\x11(}\xb6\x8f\xab\xa3\xd2hR.\x16\xc9)3\xae\xc3\x17\t\x17N\x8ce\x86\xf8\xdb\'\x9b\xa1S\xa8\x17\x19\xa2\x8e\x1a-\xe4\xc3\xc4m9\xb0\xaf\x0b\x9a\xcf\xba\x96C\xe0\xa9\x0bO\x19\x01\xd2\xebw\x10D,\x19\x9e\xebDr\x0e94:\xdd\x06 \x1b\x99\xbf\x19XO5.\xff\xb1X\x13_\xcc2\x9f\x00\xbe"\xa5\x1c\xf7\xd4\xc3\x1c\xd71P\x97\xc3\xefMo{\x8dy*\x07\x9dL\xa7\xd6\xbe\xff\x8d\xfe\xad\x97\x9f}M\x15I\xa1\xa3\x94\x9a\xeb\x84\xc5\xf6BW\xbc\xa0C\xde3\xb9\xbbA\xd3n\xb1E\\\x8c\xb4\x1f\xb2,\xeb\x03\x7f\x87\xe3&lt;k\xdf\xeaxM`\x18\x0f\xb9\r\x80\xa1\xf1\xf9\xa2\xce\xe2q\x8a\xe7k\xd6\xee`!\x81\x92%OQ\x89$8\xf7\xf6\x8d\x08\xd4 2N\xd3y\xea\xe6\x8bp\x11\xc3\x8c\xba\xf5j$]\xf3\x0c2p\x14O)\xf8%\n\xd7;\x1c\xc0w\x1d*\xaf\x8f\x16+l2\xc6\xb4G\xb3C\x80\xd1f&amp;)\x93\x88\xffV|\x87\x1a\x94\x87!(\xb54NW\xcb\x03\xb6\xfd\xe8\xa0\xb7\x12\xedI\xae.h\xab\xa8l\xed\x16#\xb5\x92\xe9/\xd4Z\x97\xc1\xd1\xcalW\x0c4\xea\xd6L\xa2\r\xc0 \xa3\xc6\x11nTP&lt;L\xd8\xfe\xc2m\xe2q\xce-s\xc90\x99,\x06\x93y\x9b\x1a\xdd\xcfh\xa7\x9ec\xd0i\x921"\xa4q\xeb\xe9\xb6B\xb2\xe5\xd1\xb8\x8e\xc6\xa9\x83\x84\xc0M\x0eJ\x07/\xfe\xbf\xad\xbd\n\xaaM#\xbd-d\x16\x968\xb5J\x03s\x01\x80s\xdf\xa8\x93\xd2mB1\xb1\xf3P\xab\xc6\xd6%\xe2\xeen\xf3.\xdc\x05\xdc\xa9\xc8\xee6XCE\r\xaam?#\xe4V\xff\x1c\xfbxm\xa2\r\xc0\x93\x9b\xd0\x1d\x00\xd7ds\x81@a9k%\xbfU\xf8Q\xcc\x1b\xc4\xfc\x0b,23\x92Mv;\x9bGj\xec\xd6\xd2\xe6\xb1"\xbb\r\x80\x1bg\x0f \x87\x84\xf9/\x1eY\x90\xaf\xb9\xe0\xc2\x05&amp;\x06J\x95\x81\xf3V\xbf\xc4\xf4\xcf\xba8B\xd0\x06\xa5\xbe\xd4\x12\x01\xddN\x94X\x9f\t\xd7\x06\xe0B\r*\x83G\xd2]\xbe\x0f\x11r\xab\xcf\x82\xe2\xe2&gt;\xbf\x90\x85\xa4\r%!,M\x95\xb4_\xa4\xae;\x02\x08a.?\xa7v\xa8\x19\xd9Gk#X\xd9\xf9\x15h9\xfa`\xfb\x1c-\xa3\x0b\x17\x86\x87I\xfa\xdd\xea"\xccj\x1a \xe4p\xe6]\xbc\xcd\xb7\x14\xb8\xa97\x00}f&gt;\x8b\xe9\xfff_\xe6\xb9\x1d\x0c\xec\x1d:\xbb9\xa1E6\x10\xbd\xc5\x87\xe2\x89\x82\xb6M\xed\x0c\x00\x00\x1f\r\x10nK\xfc\x97y\x9c\x9b\xff\xa6r\xfe\xf9%\x91\xc5}Z\x8bDfQ\x14\xcf\x88\'\x1b\xffF]\xf6\x01\xc0\xfd\x95\xce\x11\xe3\xa6ISnv\x05\xbc&amp;U/\\\xb0\x83\xc9\xca\xa6)\xbc\x02\xd7\xf9\x9c\x03\'\xe3\xb4\x05\xb7=\xcc\x88\x11\xeb\x0c\x0e\x03\xe2\x16\x16oU\x84\xd5\xf3\xdf88;\xff,nrP#\xa26\x05j\xbaC\xbc\xd4\xe6u\xf1~\xd1\xe9\xe5h\tY\x81\xafz\xbb\x8b\x8e\x1d\xdd\x00X\xb12\x91S\x0f\x88_O\xf27K\xf4xG\x19Bg$\x16\xbbp\xe1F\xb1.\xd4\xec\xc3]\x9aE\xe1\n\xafg\xfa\xe9gD\xd1\xb6\n&lt;\xe84\xea\xf46\x82n\x145\xb5\x95a\xba\xdc\xdec\x14\xe8\xb8\xa5\x03\xef\xbfL\xd98\xfc\n\xd2ePk\x9f\x04=\xacG,\x82\xf9\x12\xa4\xdd\xb7h\xc7V\xe1f\xa3\x0eO\x1c\x90L\xa17\x00h\xe3\x9b\x87\xc9L\xd4\r\x1c\xb6\x8d*\xe4\x85\xc3q}\xe7YS\xccy\xb2~\xf3\xaa\xe97\xcc\x01@\xdb\xaf\xac+\x10\xf6\x86\xd6D\xf9Rb\xa6\t\xd727\xd8,\xe0\x97$\x9dY\x02\t\xee\xce}\x9bfdO\xa2M\xb1\xd9\xa1\x80\\Lf\xf2e\x19\x93\x7f\xcb(\xb3\x00\x80i(\x8a\xb33\xb16\x80\xcb\xe4\x91\xd7`X\x9f*\xe1\x87k\xf3j\xe9\x1c\xe1GN\xdf\xd5E\\\t\x000\xb7_\x7fX\x9c\xbcU1\xa3\xf1\xc6\x8b\xbdM\xc54M;\xedUeQ\xd0\xc0\xa5\xc3\x10\x9cH\xa8\x89\x16c\x08]3\x10\xf3*\xdcb\xd1\x93\xe2\x9e\xa3\t\x9c\x02\xea\xfd\xae\xf7]\xd3\xd6\xa1\xd6&lt;r\x0b\xd5\xdc\xec9\x9e\xee8a\x9a&amp;\xbf`\xd5\xce+&amp;\xab\x7f\xa5E\x868M\x99\x08\x0b\x86\xe3j6\x85\xa3\x87\xdfR\xe3P+\xe9\\\x87h\xf5/\xd4(U\x88R\xc8\xdf3\xb1v\xe6K\xef\x83\xd3\xbf\x1f\x1b"\x0e\xad\x10\x9e \x04W\x9a\xa1\xc6S?\xe4\x9c\xb2\xec\xf8\x9d\xc2\x11\x9a\x8c7\xa6\x94l\x07\xdc\xbcx\xe4\x90\xaf\x08\xe6\xd3\x1c\xa8;\xe7x\x91\x80\x1c]\x1d\x85h2-6oH\xa5\'\xf0!\x1f\xef\x8e\x0b\x17F\x07\x008\xf7\xacB\x03\xf6_\xa0\x12\xf7\xa4\xac*\x9f\xc2W\xbf\xb3\xa4\xe9\x95\xebX\xc3G\x01\x00p\x8f;\xae\xfc\xb5\x9c\x08\xf3Fn\xf8\xb0\xbe\xf8R\x84B\x829FX\x7fT@\xf0\x92US\x1e\x95P\x04a\xda\x05B8\x80_\xb4\x1cu(\xdcB\x98T7\xbf%j\x19\x19\xc3N\xa8\x9at.\x98c\xd48i\x85[\xd9\xccY\x83|d,}\xcd@\xdc\xa67\xe6\xf78%\'4\xc5Q\x04o\xd4\x8c6^\xe7\x9c\xb5#\xe8\x80\x89\xde\x06\xf1\x1b\x13\x8f_\xfdw\x18\xacx\x16q\xd4\x93\xfa\x03\xf3\x82Vmb\x90\xce\xae\xf4Ft+\xcf\xeb1\x94b\xe6,c\x87\xf4=\xb4rk\x97vAV/\xddrJ]\xf0\xf7\xd4X;\x9b\xd0H\x1f\xeb\x8d9\r]\x18\t\xf1L}\xe1\x8eB}\x9ak\xd5\xac)\xb6c\x92\xaf\x02\xe4O\xbb\xacT\x88\x9a[imz\x90,\x82\xc4\xd1\xa3pv\x02\xda\xc6\x7fn8\x08\xd0\xb1\x1f\x9e\xb0R\x8cPd\xba\xe0.\x8c1\xc6\x7f\xa2N\xe2\xf7?\xc9\xed~\xb4\xec\xb3\x02\x00p?\x89\xd0K9\xef\xed-&gt;0\xe3\x05\xd6?J\xae\x94s\x81F1\xba:\xb8\xa0\x8d\x8a+r.\x90 \xc3\x8e\xb5r:\xbc&lt;\xb5\x9e!\xa4\x03\xcc\xcfg2\x99\x9cu\xcf\xe1\xc6\xbf0.\xde\xf4\xf8\xdc4\x81\xf9\x06\xe06\xccr3\xe0T\xcb#\\\xb6\x97q\x94\xc0\x9d\xd9\x97*pSf\xe9\xb0\xff\xbcb\xe9\xc2Q\xc8\x86\xddq\x11)\xd7\x8bQ\xbd\xb7Q\xd2*\x92\x93\xea\xb2]/\xcb\xbc\xc5\r\xc0\xe9\x08\x9b\xc2;\xee&lt;\xc6\x0e\xe7\x0b\x98cqC\xe6j\xe7\xfaJ\xc90\xd2\xa3\xce\x1c\x98\x1b\x80[[\xc9\xdd\xd8p\xd8X\xfc\xd8\xe5\xe0_d\xe1\xadq2\x8f\\\x7f}q}\n\x90\x06S\x18C\xde\x8d#\xde\x1eS\x16\x9c\x84*\x00&lt;\xc7n\xfaVX"k\xbdi\xf9\xe89\x06\xb5\xf2\xa7\x19\x8c\xf6\x86_\xd9y\x83\x11\x9e\xd1\x7f]^\xed8%\xcf\xd1\x02fp\xdc\xf5\x19\xb5\x0b&amp;\xde\xa7\xee\x1c\x8b4q\x84\x9f63 8SP{\x16\xed!=\xbf\xdfg\x01\xeb\xe1G\xf3\x8bt\xba\x99 Z\xa1E\x7f\x1cr\x9d\xef\\\xd0\xc2\xf09\xd7\xe1Qx\xf89+\xe3\x85Bpos\xe5j\x00\xcc_|\x0f\xd6\x9eAv\x0c\x98\xf5`I0\xb4\xf8=\x84\xc3S\xcc\x08\xe7x\xaa~k\xc7\xbaZ\\F\xb8%\xf4\xf2\xe6\xd9b\x06\x00\x00^\xbf\x95q\xe2\tN\xdc?O\xcc\x9b\xc2\xcef\xf3\x0b\xe7\x85\xe81(\xbf\xe8lB\xd0.\xe1E\xfcQ\xdd\xe0\xd3\x95\x11=\xf0\xdfU\r\x85\x8b_[\xb2\xe0c\x89\xea\x85\x97\xec\xd4\xa7\xc7:\xcf\xd3\xc2Q\xe7\xd7t\x08\xfb^U\xbe#.S\xcf\xb8\xdbv\x18\xafB*!X&amp;\xd6\x0e\x19\x00\x9c\xfb\x90J!\x98\xccf\xbe8\xedn\xff\xe8C\xcf\x0b\xb7\x0e4\xbc\x1a\x05\xdc\x9a\xe4x@G\xa7\xa1\xad\x83\xbeEj\xd9\x1eOF5Q@x\xd0z\x91["+\xd9\x12\x9b\xc9\x9e\x88\xe2V\xd4&gt;\xec\xc2\x9f\xc2/t\xc5\xe11\xd6\x1a\x00\xe0~\x07\x1d\xa3\xd9\xd6\xf4\xe6m\xa8@Z\xe4\x8b=*\xd5\xb9jG4Z\x92^\xcb\\\x14\xd7\x06\xe0\xfa\x1b\x80\x030M\xf7\'\xef\xd7\xbc\xac\xbc|\xe5g\x14\xd3\xf3\xaf\xdb\xcbo\xcbkp\xa3&gt;\xd0L\x17\xe8\xfc,\x15\xe6\xb3\xfc\x8dE\x00p\xee\xddVn\xd29\x06\xea\xffL*\xfb\xa4\x08\xbd\xfc\x85\xe8u\xff\\&lt;c.\x98\xa6!V\x15\xfe{\xc3\x9c\xf7\x87\xa3\xb7&lt;\xb7P\x87\xe5{\xdfo\xe2\x15\xdd[\xc2\x001\xd6\x01\xf0\xd7\xb1\x8b\xe0\xd62\x92\xe9\xc5\xaef\'\x7f\xb7\xbe\t\xa6}N\xe4\xe0+\xe7\xa7\x86\x1f\x9f5x\xc1\x11\xb3\x0b*\x1d1W\xbb\x06\xdfM&gt;$\x86\x19\xda2/\x0f\xc3\xe7\xc2i\xd0 ?\xed\x056\xdb\xe6\x12b\x91Sv\x81Po\x0f\x10\xfeZ\xee\xc2\x1a\xe9G\xc5\xcd\xf8\xddSV|\xdbV9B\xab\x8e\xb6[\xb1\xbb\x8c\xa4\x1c\xb8\nL\xf5-\xcf\x85;\xee\xc2\x18\x03\x90n=\xd4\x1av\x8f\x1cs\xd7\xe9\x0c\xed\x93\x80M\x11\rAZ\xc1\x8a\xc2M\xe4\xd0\xd2l9_X1\x90=u\xb3\xf9\x85\x1bA\x8d\xcb\xed\xe3\xe6}\xdb\xbd $l\xcf\xea\x82\x9f\x1f\xd7\xd9D\xd6=\xce\xdeg\xe9_z\xe1(\x85\x04\xfc\x85B:\x1d\xce\xff\xe3H\xc8E\x1aA\xb822\x0f\xad\x86w\xa1\n\xdf\x851V\xe1\xd8\xc9\xb8\xb5v"=\xa9i\xa5\x8bM\xcc\xe6\xb5@NN\xe6\x10\x89\x90\x1b\xa9\xdc\x0e?lE\xe9B\x1f s\xfa\x85\x0b\x1c4\x88\x9ba\x82\xafn\xe1Xa\x90\xb7\x15\xf6\r\xa7\x96j\xda\xec\x86\xb21F\xed\x15B\x96\x96\x1fd\xf6\x04\xa0\xd8\xbd\xb2A\xd4\xdcg\xc5l|\xe1\xc2\x18\xf8\xec\x9e\xcar\x95\xa1\xdb\x02e\xaf\xa5\x9b\xaeOR\xea\x8d\xcb\xa5\x80\xff\xb7\xf7\xad\x03\xd4\x9bX\xd7\xfb!7\x8c5&amp;/\x17_P!*mW0\xb9\xba\xf3c\xe9l\x01\xd4\xf1\x929\xc0\x05\x8a~\x91\xdb\xcd\x1f\x91rF\x0c\xa4q\x1a\xa5\xef\xd2\xf8\xeaZ\x98\xcbDf\x87%\xce\x05\x14y\xcb\xdfq\x8f\x08\x86__\xff\xbd\xb2p\xcc\x06\xc0\xd7\xe8kV\x0b\xf1\xf1\xec\x82\x9c\xa0@\x91-\x1f\xa7\xe3sax\x1c\x12\xe4\xfe\xafw\xbc\xdc]\xe8\x8a\xae\xb1\x8e\xa6\xd6\x13\xc8\x95b\x7fH7\x00oS\xb7\x9e\xee\x80t\xc5\x9f\xec\x02\x12\xe6\x85\xd7\xf7m\x0e\xe4\x14Bh\xf1\x95\x12\x10!C:\xf4\\`\xfae\x8b\xabm\x01\n\xed\x8f?\xc7LX\x12\x14a\xf3\x9c\xf2\xedo\x9b\xb3LQ\xbfP\xab\xf1e\xbdj\xc3z\xc72\xfd\xf9\xc60\xd8\xd0\x0eg\x82L\x88\x87Q\x19\xc8/\x17.HP\x8c\xdd|j}\xbf\x97xO\xdf["\x8d;\xa5\x07\x7fy,\t\xea\x00\x00 \x00IDAT\xce\x08\x9b\xebk\x07\xa7\xef\xd2\xe674g\xf6\x11\xbdt-\x1e\xac\xba\x9cs\xee#\r\x99#\xed\x1bT\xba\xea\xea\x89\xbf\x12=\xc6\x145\xd4\x9c\xbd\x9b:\xfd!m\xb9\xde*}J\xc9\xda\xb2\xefd&lt;\x90U\x07\x87\xc2#\xc7.\xa7jp^\xe6E4\x1a\x9a\xb6\xaa\xb7\xdf\xe13\x8e\x17+k\xce\x18\xd3\xc4\x99p\xd7?;\x0c\x00t\x9f\xdbEv\x84\xa3\x0c;\xe7LqD9\xf2\xb9\x94K\x1a\xe3\x03\xf4\xbb\xdb},\x1d\x000\xa4m\xab\x9bi\xdah(8p\x0c\xc842\xc1r\xeb\x0b\x00\xf3G\xc79\xcc\xf8\x1c?\xae\xcdb\xc9\\*\xd6\x1f \xa8N\xa8\x93\x80\x17\x8d\xdd\xc1\x8c\xdbir\xa28Y\xc4:\xde\'\xb0^`\xc1fv@\x12m\xaf\x81\xceS1\xef\xe5\xe6\xeb\xe39\x11\x00\xc6$\xd6\x1c\xe2\x8a-\x10:\xbcI\xf3&lt;\xf7iP:\x04r\xecA\xd2\xdd\xfa$u\x81\x8d\xdb;]\xa0G\xc4\xdaX\xeb\xb7\xe0\xfb\xd9\xa1\xb0\xa3\x12\xa8\xa2\x86g\x96\xd5\x92#n\x04U\x00p\xee\x01L\x91\xee\xdb`;\xfchh\xfc\x96nm\x1a3\xa6\xc2\xcfZ1\x00\xfb\x83\x10C\xe1z\xc97W\x84shz\x9eM\x1c\x9dJ\x95\xf6-\xe0_\xb6\xfd|{\xd3q\x1ewj\xb0"dc8\x9a7\x91&gt;\x97I/\\H\x10&amp;\xc6\r%\t\xb1\x01h\xa4\xcel\x03\xf0\xe3E!\xf0**E\xdbN\xc0\x16\xdb\xc0[\xd7\xd9g\xcc\xf2\xd7\x7f9\xb4Tz \xf9\xe1\xc6\xc1\xb2g\x85\xf0;3\xfb\xea\x86\xf9c\xe8\xc1\x8a\x95\xdd D\xbd\xc0\x8eX\xc2r-\\\xe7"_\x83\xbb3R\x19\xde\x85\x98\xd6\x01\xee\x9by\x9b\x88\x13\xf6Mk\xe0\x85\x0bM0G\xf6#\xf0\x10gF\xf3\xc7Wj\x1f\x0f\xfb\x9c\x11M\xa8\xa3\x17V\xebI:\x1a\xb2\'\xd9\xd2\x0e\xfe\x06\xc0P,\xa1\x8bc\xa5\nK\x16^\x9a\x1f\n\xe3\x90\xcc\xe6\xd70\x0c\xc7\x06x\x06&lt;\xe9z\xdd\x1c\xb0\x95\xf1\x13T\xef\x81\xd0\xd8P\xdc\xc8\xec\xe7/\xed\x16\xd7~\xbf}\xe1\xc2\x01\xf8\xd8\xe0O\xfd:\xcd\x1f\x02\xf9=Sk\xd3\x15Y\xe0\x0c\xe9\xdd\xe0\x1c"\x91\xf6D\xc1\xa1\xc8\x98So\x91Ru\xf0\x83\xf7o\x82\x17\x1e\xcb\x1a\x83\xe12N=*\xabw3\x17\xbc\x19Sr\x0b\x02\xed\xe2\xea\xc6"\xb6\xcfp\xdam\x00\xfc\xd5\xcb\xf3\xf8}\x14Y\x13\x9d\x0ff\'_\xe5\xee\xe2\xc2\xdd\xc3\xa1Q\x02\xce}\t\x00\xb8O\xeb\x17\xaf\xd2\xa5d\x1fJ\xecZ\x00=\x89\x1d\x07\xfc\xa5\xc9\xa8\xfce\xbaZ\xdb\xe7\xdb\xc19\xf7-\x8d_\xc4\xaa\xddG\x85\xaf\x1c\xd4l\x81\xea\xad\xf7E\'\x8b\xccs\xb1\xbd\x80@\x1e\xb1Q\xba]1p\x18nf"S\x0c\xa4\xaa\xd2\x92\x85\xfa\x0e,\x12.\x0c\x06?\xe0J\x91\x87\xac\xf0$UX\xf9\xd4L\xd0\xa7\xd5:\x1b_\xda27\x00\x10\xc2\x94\x18\x0b|\xbd\xe6\x0c\xc3Q\x97k\x1fS&amp;_;\xb3\xa5\x14\xb5K\xffMH\xf8\xab\x9apMtA\xf8\x97\x15g\x98~\xc6gH\xe3\xec\xfc\x8d\xe0U\x06vsS\xd3\x9d \xd4\x07\x85\xef\x08\xef(\xa4\x81=\xff\xf7\x80\x0b\xe2:&gt;\xa4\xa1\xc6\x1b\xec\x85\x9b\x86d\x03`\xa6\x88\xd3X\xaf\xc2{9\xc7d\x95\x06\x00\xce}AH\xe9\xd3gE\xd2A\x1d\x90\xde\x1bI\xf6#\x14s\xe5\xe7z\xdf\xfd(t7N\xea\x94\x1e\x04F\x8e\x01h\xb4\x88\xe9\x8e\x91\x8d\x8c\x82\x7f\x92\xd2\x87\xcf\x059\xec]\xc3:\xd78sH\xdcL\xc1\xb90\x04\x8e\xae\x8f%\xed\xaa\x15\xb9rP\x15g\xa2\x89\x0c`U\xa2A!(1c\r\xf0l6\xaf&lt;D?j\x03\xd0\x19\'r\xe8Q\xa8\xaf6\xd2S\x89&gt;\xba*q\xaejp\xa1\x1a\xaci\xf7\xdck\xe8;\x1f\xd2\xf7\x1cM\xe0\xd6 \x8d\xa7w4\x0b\xc1e\xf1\xe3\x88Wq\xa6\x89\xff\x85&gt;[\xdf\xf9{\xa6\x88\x86\x82\xab\xd5\xb0\xb0U\xe7\x84\x9f\xf8\xdf\xfb\x93\xfbv\xb6\xfeE\xd6\x0f\x9d/8W\x89&lt;\x8e\xad08\x9b\x7f\x13MZ\x01\x00\xa0\xd5\x17\xe0\x8c\x15$\x06dj\x0c%\xfa\x9e5~{\\\x97\xa0-hg|p\xf3\xec\xb1\xfc6\x92\xaf\x87"sSX\xbcM\x06\'\xf8-\x07\x81`\xba\x9c\xa6\xeb\x1b\xc1.\x98AsFbw\xce\n\x00\xef\x92\x9e\x99W\xbc\xd6\xacnfx`o5\x1c_\xa0s?]O\xac\x1b\x0c\xc7\xaeS\xddA\x8b\x85\x84\x9d\xaaN\xa0\xb0\xd7\xaf\x8fyt\xe4\x87\n\xba\x01h\xa1\xb1\x91d5v25\xaf2\xde\n\x1e\xe5\xe5\x85Q&lt;\xb40\x8e\x92Iv\x08\xff\xfdv&lt;x\x1b\xa8\xcc)\xee\xb2\xfeG\xcd\xe7\xca+\x90.0 ^\xa5\xcd-\xff\x95\xfd\xda\x0e]47\x9a\xd5Zo\x00"\x81\x84LJ]\xd7\x8a \xd0\x95\x1dT\xf27^7\xb6(\xb1\x86\xcdV\xb3^\xc8\xe1\xf0\xe3\x04\x00\xdeP\xb6\xe0\xcb\xdd\xd5\xf5:\x10\x06o\x1eZQ\xa9!a%\xa7\xe7\x86\xb0\'\xd6\x11\x89Fq\xee!\x9f\x17}\x82m\x88\xe4\xbdp\x124Yv\x8b\xda\x9b\xd3p\xde\x81hB\xc9^Qn\x03\xe0\x1c\xdc\xdft\xcdM\x98w\x9b\xdeD\xb2D\xbaE\x8d\x17\xf9\xbc\x99\x89\xbd\xbe\xbf\x8aZ\x00\xdbB\xdfj\xda8t6\xba&amp;\xc2\n\xdc\x8c\xe9 \xc2\xd1|b \x94d&lt;\x87\x1b\xd1\x85\x0c\xf8\x9e\xfaz\xb5[\x15\x11\x9e\xefr\x85\xd6\x05#`\xc5w\xf0\x97+8/TP\xc7\xffc\xce7\x1bA\xa6\xfdy\xa3\xf0\x1b\xf8\x1b\x80\xb7K\xe5\xa8l\xd2\xc9\x8c\x8d\xfde\xbf\xdf6\x14\xd8\xc2\xc8\xc7\xa6@/\xd5\xad\xce\x17\nZY\xa3\x1b\xb0\xfe\xf4\xc2\x87\xec~\x99\xcbQ\xceb\xc7\x86(\x00\xfc.\xc4\xf5\xf3(&gt;\x17|\x1cU\xbe\x04\x13\xb4w\xd6)\x92\xbf\xfe\xf8\xcd\x92\xc6\x17.\xe8\xf0\xdcmEX\x8bn9\xb9g \xa2\xee\x81t\xc7\x9e\x1b\x00\x9d"[b\xbe\xb4\x90O|]\xad`\x17%~\xe4=\x12\xeeX1\x1du\x0fl\tF\x026\xb1@F\xe3\xed\x1b\x9c\rX\xad1\xb0M\xf6\xe0\xd9\xa7\x1b\x9f\xf3\xb8\xccO\x82\xba\x85G7\xe3\x87\x8a\xf6\x134\x16\x9e\xbbE\x11\xe3\xa8\x0e\xc5]\x9b\x986\\\x9f\x02\x94\x87AL\xac\x12\x9eo\x9a$\x9f\xc0\xc3\x92\xfc\xfd\x9d\x96\xd7\x18\xed\x9fj\xad\xb7\x84\xda\r\xc6\xfe\xb7\xfff\x1b\x15\x88%;\xe7\x7f&lt;\x82\xe6\xf3\x06\x02V\xeb\'p8\xe7\x1e5\xdf\xac\xe5\xdcm\x93\xb6#k\x82\xdb\xac\xbfw\xe7#&amp;\x88\x81\xce\xa7\xcf\xa6\xda\x9e\xe7\x9a\xdb6\xd8\xba\xb7T\xd4\x0e\xd3v\n\xd1\xc8V/NZ\x86S^\xc2{\x93sK\xa1\x1c\xd5\xe4\xc7\xd3\x92F\xa3d\xe1\x91\xee\xb8\xa6^\xc1?!\xbf\xb1\x83v[\xc5B\xc9&gt;\xb9\x9b\xc5\x8e\x17.\xd4\x00\x9c{e3Y\xfb\x91Ik\xcc\x8a\x1e\xc6\xef\xf0\xdfLw\xd5\xf9\x9c\x04\xe7 \xda\xcc\xabU\x84BTr:\xfei\x9dG\xd2l\x03\x10\xba\xac\xd9\x97J\x924r\xb7\xba\xd18\x10\x07\xec\xc4B\xed\xb5\xeef,\x04\xab\xe4w\xc7\xe9\x08\xe3(\xae\xbf\xeb\\S\x8c[\x86p\\\xc2V\x8do\xc4\x11vh\x95M\x19\xb1\xc7\xd8_X\x91\xd2\x89\x8c\x98P\x08\x18\xb1\xbfp\x97@\x14\xaf\xe4\xca\xe9\x00\x00\xe0\xfe/ \x17\x9d{\xb7L\xbd0\xcc\xa8\xd2\xd4b\xa0k\xc8*\x80\x1b&lt;\xb9\x15\x87\x99B\xd1\xe0\xa5p\x1c&amp;7\x8c\x1eN\x07x\xf4\xe5\xca.\xf0\\Y0x\xbd\xdf\x97\xeeu\x9eE\t\xa4s\xe8\x85\x19\xabe\xde\xf3h"3\x98\x0e\x02\xf7\x02\xa6\xaeL\xa3\x8e7\x85e\'\xbc\x91f\xbd\x0b\x87\xc1$\x0e\xd2\xe2U\x14[_F\x1bCf\x96\x0e\xe9d\x9e\xba&amp;\xd3a=\x8d\xc8\xd4\x9f\x17\xb2\xf2o\x19\xce\x91\xc2Rh?\xdf\x1f\x8b\x01)\xf5\xc45\xf9\xdd\x12\x98\xde\\\x9a\xd5\xfa\xbdU\xd8\x18\x167Z\r\xa6\xf4\x04\x18a\xcd*!\xa0\xa6\xba=\x91f\xaa.\x87\xb4\x17\xf9\xd7\xea\xff\x82\x07Q(\xd8.\x88\x07\x0c\xc1\xad\x04g\xa7\x8a#\t\x8b\x16\xac2\x895\xfd\x153\xd6\x9b\x92\x93\xd0\xfc\xeb[a\xc67\x9a\xc2{c\x9c8\xbf\xaa?\x03/z4\x81\r\'\xf6\x11/\xc0\x86\x1a\xe0Pd:\xe1D\xa5 \xac]Gqn\xb5^J4\xa4}O\xe3\xa9\x0b\xe3\xa32\x98\xcc\x9e\xb4\x0e\x15\xd3\xf4\n[\xbdr2)\xb2\xf1\xf2\xdfN`\xa5\x10\xe2\x1e\xad:\xbaVV\xf6e\xe1\xf0\x1b\xff\xd5\x81\xc7p\xa0\x10\xad\x06\xb8\xf5]\xb2\xa3\x99\x8c\x87\x8e\xb5\xa8\x98z\'Z\x99\xa1P\xd7\xc9\x83F}nk\xabq\xaa0\xb3\x9c\xfejH\xb8\xb7dmn\xd5\x93\xd4:@d\x05\xa2\x90\xc6Tw\x9e0\xb8p&lt;X\xb3\x17\xda&amp;\xba\xf8\xf0\xf1\xc2\xce\'\xef\xb3\x1dj\x03`"\xcd\xb9\xfa\x85 \xec\x95\x0e;\xd7O\xa9V\x0ea\xd6\xd5\xbaZ\xa5~o\xaa\xee\xc2\xe1\xc0\xbd\xfc\x1bV\xae\xe7?\xd0\xdf\x1bX\xe8E\xc4\xf6\tf\xa9\x96\x85\xd8\x11\x89v\xb3\t\xce\x7f-\xea&lt;\xc8-\x8e\x1bi\x13^\x8fZ\xa9I\x12k\'\xe3\x81\x1b.*.\x9c\x01U\x9e\x16|\nM\xbeA\xcb83\x7f1\xe6w\xe2\x83\xea\x07\xca\xdf\x83\xb2I-\xdf\xec\x06\x02k\xcbh4.l\x98\xdb\xd8\x91\x96\x03\x96\x1b\x1d%\xe5@\xde\xa9\xf3\xf0\xbf\xe2X\x83\xc3\xbe\x9dnt\xec\xfd\xdd\xaa^\xb1\xf6\x88\x9e]\xa0\x8a7\x00zMy\xc9\xc3\xa6\xde\xb1\xe8\xb8\xa0\xec\x87\xcb\xd1U\xb83\x99\xe2\xd5\x84\xdb\x1f\xec\x9d\x86\x91\x8f\xb9\x1b\x80C`E\t\x00\x9c\xfby\x13\x81\x9e\xa1j-fg\xf9`Q\xbe-\xceD[\x0b\x0e\x13\xb4\xcd\x07&amp;[\x8210\x1a%0\x9d\x84\xfa\x0f\reN\xd0\xf8 o\xc7(\xd7di(\x08\x7f\xb5\x10\x9a\xd0\xcbq.\x8e\x82\xd5\x00\xf0\x8f\xb5m]\xb7\x07\xcb\xa0\x02 \x84\x95\xcc\xdc\rn\xcbj\n\x8bt\x8d\xfc\xd1j\xe0a\x18v\x85\xd3\x14ws\xd4\x17\xc4P\x04J\x9f\xa8\xb2\xd1\xb2\xae\x83GK\x06\x93\xe9\n\x93\x00\x8a}\x1d\xb3\xf1Q\x06d\x0eD7M*\xf8\xe8\x90\x1dE\x83\xb5\x8b\x08\x89vt}\x93%\x96F`\xcdp\x96^\xf71\xb2\xc3\xc1)\x9f\xb5\x9bU\xee\xab\xbb\x13\x82\x9d\xe8oK~\xedp\x0b\xaf?% \x1a\xc77\xb0\xf6\x909C\xe1\xb74AU\x1eenVR:\x17\xe8\\;jRk\x8a \x0bnq\x80\x17\x0e\x83\xba\x1e\x196\xbb\x05|K\xdb\xfc4[PZ\xd2\xeb\xb6\xcc=Y\x14\xa9\x17.\x86\xea\xa9\x06\xef#z\xd5\xc7b\x03`\x87\x8f\x18\xb2\xa4T\x8f\xf1\xd7\xdb%\xd1*y\x93\xff\xc9tc+&amp;F\xa2\xd2\xa2\xfa\xd0\xed\x86H\xb5\x88L\xbb\xb26H\x1eE\xc2\x1bI6\xc36\xfcR-\xea5\x16\xd6\x01\x16\x83\x0c\xaf\xae\xaeO\xe6O\xe0\xa9\x0b\xe7\x82 \xaa\xbcf\xb9$\x8c\xae\xdcP\xbc\x06c/7\xb3\x1e\xb8\xc5\xee"\x90\x00\xca\xb7\xce|\x0e\xdd6\x00,hG\xd4\x04\x9ee4\x94\xe8\xc5Mt\xc1Px\xae}\x9d\x97_X\xdb1K\xc6P \xaa\xc2\xb9_\x16\xb4VS\x82\xbd\\0%\x0c\x92k\x1c\xd0T\xeb\x07\x92\x91\x00\xf9[2\xe9\xb5\x12\xce\x83qjx\x04\xf0f+\x00p?=\xc8t\xc3\xfdt\x7f\xe6\x1e\x80x\xb4\x98\xcad\x93\xbcp\x81\x01]T1\x82\x1b\xbe\x99\xb1C\x18\x04\xf9\xcdL\xd53\xfd\x82\xbeCM\x91\'@\x11\x8bz\x95\xc3\xa0\xeb\x18\x87\xdb\x00\xf4Q\xc5\xbe\xb8\xde\xcb\xbc\x1a4\x16\xf2\x06\xecb\xd8A\x8dsx\xdd\x18\x1e&amp;\xc614\xf2h\xceB\x1eH\xd6\x1cU4\x04v\xe0u\x96\xe0\x97l\x00\xc42\xad\x04^\x18\x15\xc5\xb3\x13X\xce9\xda\x05\x04\xac*r\xb7y2\xe2\x07\x025\x84\xcf\x1b\xfa\xa81G\x1d\x8e?\x13\xfca\xb95\xcf\xa1x\x9b\xde\x16\xf8\x9e\xf5\x87_5\x17m\xed\xcd\xca\xf9\xf8\xb7\xcc\x88\x1c\x04\xab\x15\x89Ws\xc6I7\x9f\x8f\xe6iL\x0bNR\xa4g\x01\x07\x92\xb1\xc6(F6F\x1a&lt;\r\xd6\xa9g\x84\xf9\xf0\xc3\r\x80H\xf87\xe4&lt;ry\xea\xf6\x91\xdb8B\x88\xe8b;&amp;\xf5B\xe6\xff\xfb2k6\x00X\xf7\x01\'\xf8\x00\x0b=\xf9{\x17\x8d\xf8\xd8Bg\xfc\xfe\xb5,J\x1cC\xb1\xcf\xf6^\xd0\xb4\x92\xac\x15uM\xe7\x11v\x83\xbc\xf5@6\</t>
        </is>
      </c>
      <c r="E344" t="inlineStr">
        <is>
          <t>&lt;class 'numpy.ndarray'&gt;</t>
        </is>
      </c>
    </row>
    <row r="345">
      <c r="A345" s="1" t="n">
        <v>343</v>
      </c>
      <c r="B345" t="inlineStr">
        <is>
          <t>steps_per_sec</t>
        </is>
      </c>
      <c r="C345" t="n">
        <v>3900</v>
      </c>
      <c r="D345" t="inlineStr">
        <is>
          <t>2.5838175</t>
        </is>
      </c>
      <c r="E345" t="inlineStr">
        <is>
          <t>&lt;class 'numpy.ndarray'&gt;</t>
        </is>
      </c>
    </row>
    <row r="346">
      <c r="A346" s="1" t="n">
        <v>344</v>
      </c>
      <c r="B346" t="inlineStr">
        <is>
          <t>Loss/RPNLoss/localization_loss</t>
        </is>
      </c>
      <c r="C346" t="n">
        <v>3900</v>
      </c>
      <c r="D346" t="inlineStr">
        <is>
          <t>0.28080964</t>
        </is>
      </c>
      <c r="E346" t="inlineStr">
        <is>
          <t>&lt;class 'numpy.ndarray'&gt;</t>
        </is>
      </c>
    </row>
    <row r="347">
      <c r="A347" s="1" t="n">
        <v>345</v>
      </c>
      <c r="B347" t="inlineStr">
        <is>
          <t>Loss/RPNLoss/objectness_loss</t>
        </is>
      </c>
      <c r="C347" t="n">
        <v>3900</v>
      </c>
      <c r="D347" t="inlineStr">
        <is>
          <t>0.074573345</t>
        </is>
      </c>
      <c r="E347" t="inlineStr">
        <is>
          <t>&lt;class 'numpy.ndarray'&gt;</t>
        </is>
      </c>
    </row>
    <row r="348">
      <c r="A348" s="1" t="n">
        <v>346</v>
      </c>
      <c r="B348" t="inlineStr">
        <is>
          <t>Loss/BoxClassifierLoss/localization_loss</t>
        </is>
      </c>
      <c r="C348" t="n">
        <v>3900</v>
      </c>
      <c r="D348" t="inlineStr">
        <is>
          <t>0.16824366</t>
        </is>
      </c>
      <c r="E348" t="inlineStr">
        <is>
          <t>&lt;class 'numpy.ndarray'&gt;</t>
        </is>
      </c>
    </row>
    <row r="349">
      <c r="A349" s="1" t="n">
        <v>347</v>
      </c>
      <c r="B349" t="inlineStr">
        <is>
          <t>Loss/BoxClassifierLoss/classification_loss</t>
        </is>
      </c>
      <c r="C349" t="n">
        <v>3900</v>
      </c>
      <c r="D349" t="inlineStr">
        <is>
          <t>0.15415661</t>
        </is>
      </c>
      <c r="E349" t="inlineStr">
        <is>
          <t>&lt;class 'numpy.ndarray'&gt;</t>
        </is>
      </c>
    </row>
    <row r="350">
      <c r="A350" s="1" t="n">
        <v>348</v>
      </c>
      <c r="B350" t="inlineStr">
        <is>
          <t>Loss/regularization_loss</t>
        </is>
      </c>
      <c r="C350" t="n">
        <v>3900</v>
      </c>
      <c r="D350" t="inlineStr">
        <is>
          <t>0.0</t>
        </is>
      </c>
      <c r="E350" t="inlineStr">
        <is>
          <t>&lt;class 'numpy.ndarray'&gt;</t>
        </is>
      </c>
    </row>
    <row r="351">
      <c r="A351" s="1" t="n">
        <v>349</v>
      </c>
      <c r="B351" t="inlineStr">
        <is>
          <t>Loss/total_loss</t>
        </is>
      </c>
      <c r="C351" t="n">
        <v>3900</v>
      </c>
      <c r="D351" t="inlineStr">
        <is>
          <t>0.67778325</t>
        </is>
      </c>
      <c r="E351" t="inlineStr">
        <is>
          <t>&lt;class 'numpy.ndarray'&gt;</t>
        </is>
      </c>
    </row>
    <row r="352">
      <c r="A352" s="1" t="n">
        <v>350</v>
      </c>
      <c r="B352" t="inlineStr">
        <is>
          <t>learning_rate</t>
        </is>
      </c>
      <c r="C352" t="n">
        <v>3900</v>
      </c>
      <c r="D352" t="inlineStr">
        <is>
          <t>0.03996291</t>
        </is>
      </c>
      <c r="E352" t="inlineStr">
        <is>
          <t>&lt;class 'numpy.ndarray'&gt;</t>
        </is>
      </c>
    </row>
    <row r="353">
      <c r="A353" s="1" t="n">
        <v>351</v>
      </c>
      <c r="B353" t="inlineStr">
        <is>
          <t>train_input_images</t>
        </is>
      </c>
      <c r="C353" t="n">
        <v>3900</v>
      </c>
      <c r="D353" t="inlineStr">
        <is>
          <t>[b'1024' b'1024'
 b'\x89PNG\r\n\x1a\n\x00\x00\x00\rIHDR\x00\x00\x04\x00\x00\x00\x04\x00\x08\x02\x00\x00\x00\xf0\x7f\xbc\xd4\x00\x00 \x00IDATx\x9c\xec\xbdy\xfc\xfd_5\xe8\xbfOD\t]C\xe8\xde\x8c%\x99\xe7\xa9Lu\x93\xe9JBf\x97\x88\xd25v\xc9P\x86\x842S\x84{\xdd\x94\x84dL\xe6!\xf3\x95!\\\xb3\x84\x1f\xba2\x0fWDY\xbf?\xcey\xbd^{\x9e\xf7k8\xef\xe7\xf3\xf1\xed\xd3\xfb}\xce\xdek\xad\xbd\xf7\xdak\xaf\xbd_\xfb\x9c\xb7R\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p\xf5\xc8\xd6\x06X\xc8\xf4\xdf\xde\x11\x91\x8f\x93\x03\xd8Y\x81\x88\xc8\xae\x9a&amp;\xa2\xee\x18\xb1G\x94\xfa\xc0\n\x99I\xf2eye\xeb*\x94.\xcd\'\xd9Q\xed\xd5\xfe\x0c\xafU\x99\x96\xd7\x0e\xab[E\x96\x1f\x1e\xea\x7f\xd7l\x88(%\xf1V\xcf\xbf\x86:3\xdc9\xff\xac\xf5\xf0\xe5?\xa3\xb0]1o\x88\x9f\x9e\x1c\x0e\xaf\x84\xa7\xb9\xd6z\x8a\xbd\x8b\xf7\xddh\x15?\xa2~\xc2\xb2\xd0\xaa;\xf7\xfc"-\xda\xa8\xa5\x84\x16\x8a\x97NS\x1e\xdb2=*\xaa\xb1\x1f\x89\x9e\xaf\x92\xd3\xd7B\x00\x00H#\xe2\xcf\x1b\xf6\xc05/\x0ce\xdd~\xd0~\x88e\x8aE\xc9\x8a\xe3\tn\x12\xb2dT\xb3.WHu\xe2b\xb5"R\xeck=\xed\x12\xf5\xa8P\x95P\xb6\x97\xb4\xcd\xea\xc3\x17\x04Z4\x17\xfb\xfb\xb4\xac@\xcf\x98\xaf?\xd1\xf7\xa2kO\xaa\x93\xedQ\xf3\xef\xd9\x94\xbdc\xb9\x94\xf7\x19\xfcd\xafx-\x9f\x16\xfb-\xf5-\x91&gt;\xf1\x88\xb2\xf6]\xb2\xa4\xfeVCl\xdb^\xaal\xfe\x06;-U/\xed6S\x87\x98f\x97\xd9\xe6\xeb\xfcJ\xda%\x00\x00\x00\xec\x87\x9b\xb6\x9e\xc5\xda\xebK\x14\x8a\xf7\x9cn\x8a\xa0\xa5\\\x9a\xfcG\xea\xba\xbc*\x96\x02\xff^\xb5\x01\x08\xa7Y\xde\xc3\xefx\x92\xa4\xa7\x92\xc6\xeb?\xb1\xd8\xff\x04\xbf:\xd1\xeb.\x89\xe9\xf9-_\x16\x9e;F\x86\xa9/\xe1\xa6\xbc\xde\x0equ\xc5\x1b\xee\xc9\xfc"C\xe6Sg\xfa\xd5\x87\x077{\xfao\x91\x1e\x88`\x99*a\x94\x12\xf5\xbd\xa1\xfd\xc9\xdf\xd5i\xef\xc2\xdc\x0f\xee\x03\x07wd\x93\xa2|\xadk\xb4\xee\xa6\x05L\x008\x1ee\x19\xc3\x1e\x13\xc1\x1f\xdb\x9fIW\xc8\x9bom@5C\x16c\x9f\xcc.Zt!\xb7\xd7\xb4\xc5ZQ\x91\xb5XI\x9e\xb7\xae\x98\x89x8C\x12\xa5\x1e\x99g\x89\xe7\xf4:`\x92Q\xde{Ln\x1f\xa2\x1b7X\xd4\x92\x17&amp;\xf3u\'\x0fv-\xca\xd9\x00\xd8f\xf8\xbbK\xac\xf2\xc9\xde\x08\xf9U\xd4\x12\xbf,\xf7\r\xf3\xd7?r\x87Z\x17b\xf6\xb0(\xf5\x93\xde\xb4\xdb\x1c\x0b\x8b\xef\xcb\xb59\xcd\xbfk\x96L&amp;\x86\x8cO`W\x0c\x8cW\x11\xacJ\x00\xb0k\x08R\xd0\x91W\xca.\xd9\xeex\x12\xf8\xf9\x88\xe4\xd8\x9fN\xa9\x1f^\x7f\xfc\xaf\xbc{\x80O\xb3O\xe2\xfd\xa9\xd5%\xe1\x13\xeb\xde|L\xafz\x8a\x7f\xbf1\'\x91\x8e\x91\xee\x89\xbe\xe7\xe0\xdc\xfa9\xb3\x0f\x1c\xfd\x9e\x1c]\xcft\xa3\xe3\xe5y\x9e\xa0\xb7H9]\xe7U\x1aMI\x8d\xba\x19\xcd\xcc\xdf\x00\xf8M\x8a*Z2\xfe\xb8\xb5\xba\xf4,\x87\xcf9\xc27\xba7\xcf\x80,y\x93\xea|k\x01\x00\x8e\x86\xbd\\mh\n\xdc$\xf04e\\Y\xf6\xa7;\xfa\xf5\x06\x93W\x99R\x93\xfc\xdc\xcb\xe2\x16\xc6\xa7&lt;\xb3+\xda\x9f\r\x9d_t\xf3\xb0\xa0\x88\xe0[O\xd1\xea\x9a\x9d\xe3\xcd\x95\xcd\xd4So\x88\xab\xc2\xdbE!]&amp;\xffG)Q\x0f\xd1\xb6I\xc9\xed\x8d\xd59\xe6\xdb^\x9b\x94\x88R\xb7t\xed4l\xfe\x06Sr\xec~\x91\xa7\xf9%\x93\xce(\x1cu\x0c\xdb\xa4\xe8\xd0\xeb\x9b\xa8\x1c\x1b\x92E\x02\x1dUK\xc0=\x00\x00\xae\x9d\xe3\x06\xbb\xe3Z\x0e7\x9e\xe7\x8a\xe7\x12\xce\xfc\xf3\xff\x08\xed\r\xf4\xf2\xe5\t\xd0\\\xd2\xfb\r-\xc5\x98\xd9sJ\xe0\xcf\xda\xf9e\xa4-\xbe\xf4\xce&gt;\xb3\xff5\x11\xa5\xfeJ\x19\t\\\xee\x06@i\x1fr\x9d\x1f\x86\xf8r\xe8\xe5aH\xf0\xe9\x93_\xb5Y8\xd0R[Q\xa2\xe1&gt;D\xd4\xc7\xce\xf6\xdb\xef\xf9\xb7\x91\x1b\xd0\xeai\xae\xc0y\\\xce\xbcE\x93|w,r\x0c\x00\x00\x80m\xc8X\x1d}uv\xb3(\x8e`\xaf\xed\xca\x18\xa9\xd7\xb8\xc2\xc7\xee\xa5\xcd1r\\\xf5\xb2\xc9\xea\x0f\xcf\xca\x115\xde\xc6&lt;Yo\xeep\xcf\xdd\xf7pYQO\xf4\x1f\xd8\x8b\xbe\x17\xf2?\xdc\xf0l\x00&lt;\xb9\xb2\x9b[\x8b\x88\xc8\x97\xc6\r3\xe5\xfaR\xf9_PV\x82X\x96n\xde?;\xfd]Z\xea\xdb$\x84L&gt;\x97\xf9;\xe7\xdd\'\x95\x189\x94\n73\x064$\xa1\x93\x1bg\x1b\x94a\x12\x00\x00\x8c&amp;g\x81\x8c\xd5\xecn\xd0\xd6T\xafI\xc3\xbb\xe2\x1a{;Mu\xabK2\x8cKRR\xa7($\xd3\xdc\xb0e\xed\x99\xf3\x12V\xa5_\x08q\xb2\xfcE\xbb7\xb9\x9f\x8f\xeasp\x9a\x93\xdd\xf6\x80\xcd\xe1_g\xee\x17\x92Y\x92/\xda[\x9dT\xe1\x83\x92a\xb9\x7f4\x8b\x15\xd9\xd5\xabr\xf7\xa8\x83\x01\x00\xc0\x8a4\x06\xe2\xee\x11\xfc\xb0KB\xf5)\xf5\xbe\xc9\x19\x8e\x0e\x0byT\xc2\xf76n\x00\nJ\xeb\xc9q\xfd~\xc0\xc8o.\x02\xef:\x9dz*\xf5\xcc\x0c3\xb2\xc4;\xda\xce\xaf\xbc\xf8\xf9\xe5\xe9\xfa\x93\xf6\xee\xf9\xdf\xc7\x8b\xfa\xb5\xe8_`\xf0\xbd\x9e\xdd\x99\x05\x1d\xae\xbe#\xb0O\xf0\xdd\xdaZ\x8e*2RO\xc3\xf8h\xf9\xe8@\x87_\xdfK\x98\xca2\xc33\xc4\xa5j|\xce "\xdfR\xd8\x0f\xa6_\xed\xa4\x0f\x01\x00n\x10F\xe4\x9d#\xf2\xe6\xc9w\xcbVd\xe2\x93\xda\xadh\x96\x90\xc3g\x84\xf5\xefg]\xcc\xca\x1b\xfa\xa5\x17\x9bc\x1f\x8dWJ\xf1\xe4\xd6K.\xde\xc1J-\xa1\xf7n6.\xffj\x97\x94\x96\xe6h\xb9\x97\xfd\x96W\x85\xefW\xbd\xa0\xf3kn\x03g\x83m\xc9\x9e\x8c\xdc,\x99\x91A\x1a\x1dr\xb7\x98I\x11Qa\xaf\xdeO\xf2\x9agF\x9b\xd7\xb9\xa3_=A\x9cX\xf1\xca-\x86\x01\x00@\x1bv\xea\xb0!\x1b\xaf\xac\xd2t\x0f\xa4\x97\xe5\x9b\x8f\xc2B\xc9\x06\xa0I\xcb&gt;6\x00\x17\xa2\xf6H\xb8O\x8c;\'z^\xee\xe4=M\xd6\xb9G\xfb\x9a\xc1v\xea\x1ciK&lt;\x8d[^\x0f\xef\x13|\x1a\x8b\x10\x9f\x85\x91\xe4\xfe\xcdg{\xe22\xbd\x0f."\xa3\xe0\x17\x18\xd2\xb2\xd5\xcd\xf5\x8d\xe6H\xca{\x8b\xac\x9a\x1f\xe0\xeck\xca\x03\x00\x143(\x8a\xad\x15\x1c\xa7\xa4\x81?\x07v\xa6\xe0S\x86\x99/\x16I\xd8\x1d9~\xd8\x9c\xbe\xef\xb0+b\xb9\x8e\xaf\xbd\xe2d\xa5\xf6\xaf\xbf.\xa2\xd4\x97\xe4\xa9\x8ee\xb7N*f$\xbb\x1f\xe39;\xff\xb2\xa0\xb0\x1f\xca\x1b\xb8\xd8\x06@\x94z\xcf\xb4\x84\x94\xf4\xa5E\xd6\x96&amp;\x90\x97\'\xf2QS\xa0Jo\x00\xca&lt;\xd0\xef\x00\xb3\xba]\xb0\x92\x19\x85;[Q\xea\x9e\xd1\r\x1e\x00\x00\xc0~\xb9\xd5\xee/\x06\xacJ\xf3\x06`\x87$.\x8dX\xed\x8d\x1f\xa5w\xb5\xea\xad\x9cWV0C\xdf\x00T\t\xbfT\xfc\xb0\x02M\xd1\xb6\xe47\xd3,\x99\x96\x9c)\xd3}\xd22\x8b\xaf\x16\x1bPTS\xab\xaab\xcd\xe0\xae\xe5\xf9\x00\x00\x00E\x8cZ\x99\xba\xdf\x858.{k\xf5p{\xac\x8cg\xbb\x1c\xa8\xf5$;\xbfz\xfb\x06 \xb3\x8br\xb2\xffs\xb9|\xd5^\xf9="\x83\xaf\xff\x9fV*v\xbe\x0ccW\xac\xdb\xab\xd4yc~\xad\xa0\xf3\xb3\x07\x00\x00\x80=\xc1\xb2\x04c\x19\x9f\x00\xe9\x1f{\xcd\xae\xd2\xdb\xf3\xdb69\xde\xfcr\xbe\n"\x0f^:P\x94Ro\x94\xdb\xdemg\xb7(\xf5\xdd\xbdD\x05\xbbw\xea\x96\xcc\xce\xaf\xdb\xa7\x99\x1b\x80\xb8.\xffF\x85\r\x00\x00\x00\x04\xd9\xee\xact4W\xd9(\xd8\x13\x89\xc4\xce\xf9\xf8\xc1~\x1c\xd2\xf8\x18\xb4\xf6\xaa\x88\x88|\xe4\xf2%&lt;5\xf7O:\x9ai\x89\x1e%9\xa80\x12C2\xc3\xe6\\\xac\xf2&amp;Oi-C\xebV\x1f\x8c\x06\x00\x80\\\xb6\xcb\x0cD*W\xfa\x16\x9dk\xe8\xb8\x9e]\xcd\xa8;$\xfe\xd2\x9d;M\x94\xfa\xe6\xae\x02\xa3\xca\xc6\x0e\xbao\x9a\x1c\xd5\xc7\xc4\xcc\x11o3\xbfh\x15r+f\n\xaf6(\xf2n\xa9\xcc6b\tt\xce\xb9\xc9vg+_\xc1\x06\x00\x00\x00R\xfc\xeb\x1e\xeeI\x83\x9f\x1e\t\xc4\xadK5v)\xb3\tC\xf3\xad\x9f\x8aK&gt;Z\xb2\xa5\xdd\x129\xff\xf7\x08\x7f\x81\x8c\x17+\x94\x87\xec\x11\xff\xa3\t\xefg|W \xb2\xff\xf1??QJ)\xf5\xd7\xf3\xa7\x08\xb6\xc9\xc2g\xbdG\xf3I\x00\x00X\x91-\x8e\xd6\xd6Uw\\&gt;\xa85{8\xf6\xf7\xe1\x163%=\x1bhN\xe9\xddi\x8f)\xa5\x94\x12u/\xc3\xcdD\xf4\xe4\xd5,\xda\xe1T\xdb\xdfWZ\xceZ\xb3\xcdX\xe3\xac\xdd\x92/\xf2\x81\xe6Go\x83}X\xf5&lt;\xa4\xcagD\xd7~\xd8\xc7S\x00\x00\xb0\x02\x1b\x9c\x12\xb1,\xad\x85{\x8c\x9a\xba\xb4\xa0\xfd\xf6\xa9cl\x1a\n\xaeU\xc79\x08\xbc\xbd\x9e\x7fk\xb9\xfek-\xe5\xea6\x00\xaf?\xf6 &lt;j\xd5F.\xd1t\x00\xff\x9c\xaa\xcdL\xd3\x0e\n\x00\x00\xf2\x11\xa5\x9e\x9d*\x00.;\xec\x96\x1d\x9a\xd4\x9fdZ \xe1\x13\xcd\xbdp]\xf7p\x9a\x19\xf5\x84\xc7\xd9\x03\xd8\xefT\x88\xecl\xa5%=f\xd5q\xbd\xa2p\xe3\xd4\xb3\x93\xdfd\xdaN\xdc\xbb\x9fL\x00\x00\x80\xfd\xf0\x13\xc7\xcd\x0fJI63r\xc5y\x0f$FJD\xd4\x9b\x8d\xb6\xb9\xca[&gt;}\x80U}F\xc7\'\xc4L\xfd\xbbl\x00\x12o\xb7\xdd)\xaa\xb5j\xefL\x8d2&gt;i\x10\xedLQ\xb7\x17\xa5^\xd8\xbe\x13\xe6\x12\x11\x00@+\x99+\xd3~W\xaf\xdd\x1a\xd6\x8d\xabo`\x11\xa2\x7f\x84qkc,\xf270\xa3\xf8=\x11U\x9cn\x1eo\x87\x19j\xe0\xb0T\xbb\xfe\xc2\x8cfR\xa3U\xbbs\xf8s\xbb&gt;\xc2\xb6\xeaU\xadRz\x05\xcf\x8b\r\xaa\xe7\x1f\x0f\xe7\xc0\x00\x00\xdbS\xb2\x01 \xc8\xae\xc5\xdd\xe8\xea\x04\xc7\xdc\x00\xac@\xc5\x06`\x80\r\xf5\xef\xb6)\xaek{\xff\xee\xf2|\xdc\xb6\xac\xba\x88R\x8f2^\x1ai\xa4\xff\xed\x94F\x11Q\xbf\xe5\x16\x905\xb7\x94&lt;\n\x00\x80+c\xcdl;K\xd1\xfe\x92\xad\xab\xe6\xca{\xbbC\xeb\xb6\xceq\x93l\x9b\x7f\xef\xb4sJF\xeda\xa5b\xab\x8f\xff\x07\xfbR\xaf\xfd\xd8\xda\x03\xfa\xc8\x16\x9b\x1f\x94Y\xb7N\x85(u\xdb\xcbO\xdbow\x01\x00\xfc\x9c\xaajIC]\x80\x9dS\xef\xde\xe7\x95\xfetR"\xeat\xda\xcd\x04\x11Q\xfb1fuD$s,\xf2K\x9eKg\xf6\xaa\x95\xff\xf5p\x8c\x8e\x11\xf8b\xdd\xce\xac*\xd7=M\xbd\x0c\x03d-#\xcf\x1f\x02\xb9\xfc\xb2\xa3\x80\x00\x00pd8S\x81!\xb4\\\'\xdb\xe7i_/\x93\xf6\xd4\xba\xa7d\x96\x1bf\xf3\n\xfd\xe0U\xd1\xe1zz\xf2\x95j\xc9\x1b^\xc5\xd4.\xdb\xa4\x0cX\xcd\x87e\xb7\x1f\x07\x02\x0086\xebGU\xe2\xb8RG\xbbpUd\xed\xa3[W\xeb\x9d\xf4L\xb9\x19\xe9\xcc\xe9\x9d:exkv\xd1\xa1\xd3\xaf\xfef\x0f\xbd\x91\xb2uW\xef\xf0c`g\x93^\x7fk3\x00\x00\xfa\xb0V\x9c\xbd\xdd\xde\xa29\\8lF\x95C\x8f\xefB9^\xffd\xe5\x85]2\xbc\xdf\xe8\xd39\x7f\x97S\x88\x1b\xd8\x16\xdb\x1e\xd2\xdf&lt;\xe4%\xe9p\x00\xb8\x1e\xd6[P\t\x9ap4\x96\x8c\xb3\xd34)\x15R\xb5m^1Q.J\x86\x82%\xdf-{\xbbr\xad\x1b\x80km\xd7F\\z\xb2s\x97^\xaf\xfb\x01\x00\x00\xec\x8a\xcd\xd7\xda\xee_2X\xf8\xfd\x8c\r\x9f^\xa8\xab\xb8[\xb4\xec\xffXM\xcb\xb2y\xab\xf1\xba\xd2\x8cV.\xff\xdaMK\xb6\xf4\xfa\xba\x02\x00n\n\xb7\xd8\xda\x80F\x0e\xb7\xba\xc3P\xf6\xf0=\x1b\xa7\xaef\x14\x89\xaaW}u_Qr\t\x0b\xa7\xf9\x9f\xf1\xba:q\xca\x11yu\xe3\xb5-\xa7\xcb\xbf\x7f\xa2\nG\xf3&lt;XG\xbc\xf5\x07\x00p&lt;\xaa\xff\xec%1\x1a\xc6\xb2\xf5\xe1(\x1e~a\xcd\xe3\xff\x01\x83\xbe\xdfq\xf4?\x01\xb8\x9a\xf47\xaf!V\x0f\x1c\xf3c?\x00\x00\x07\xa3\xfe\x014a\x1a|t\xbe\xf5\xdbSZ\xb9\xfaM\xb5\xef\nQwd\xbe\xf7\xc7\x17~\xf7\xd0\xcf\x05\xeb\xc2\x0f\x14\xec\x0c\xbd7\xfa\xf6\xd0^\x00\x80\x1b\xc6\xd6\'\xacpe\xf4&gt;!\xe6k\x10\xe1z\xf1\x1e\xff\xef\xe3S\x01\x05\x06D\x9e\x0e\x99m\xe9\xfey\x1e\x00\x80\x1dq\xa4\xcf\x00\xac\xbe\xcc\xdce]u\xb0&gt;}\xef\xeb\xabM\xff\xe0n\xef\xb6@1\xc7I\x16kc\xe9^?{\xe0\xb7*\xbed\xb8o\x9eNz\x03O\xcc)\x00\x80\x1dp&gt;\x9bq/_\x0e\xd37L\xf2\xa1\xf1v\x0b}\x05\x00\xbb#\xb8@\x14\x7fA\'\x8f\x02\x00\xe0\xda8\xca\xf1\xc6%V\x9fNj\x1d\x9bEd5]\x07\xe5&lt;${=\x11\xdc\x90s\xa2@\xb7\x00\xec\x01\xf1N\xc6\xfc\x08\xaf\xef\x13\x08w\x00p5\x1c\xe3\n\xd0%\xfb\x9f\xff\x19\xcf\xe9ts\x1f\xfe\xe6\x1f\x8c\xb1\x1a\xfa9\xeaY\xe1Q\xed\x06\x08p\x0ef\xcfw\xdf\xc8\x8c\xf0N0\xcc\x9c#L%\x00\x80&gt;\xf0\x04v="\x1b\x80\x07l\xffi\xbf]s\xcc\xbf&lt;5\xc1\xe0\xc2(\xb6\xfa\xa0p\xdb7\xf6\x98\xd3\xf9\xf1\xbb\xf8\xb83\x00\xc0\xcd\xc2\xf3u\r\x9b\xd8q\xe3\x11\xed\xdf\x8a\x8aWN\xce\xc5b\\\x17n\x1e\xdb\xfb\xbc\xf6\xe5?\x85\xe5\xa7*|\x914\x00\\\x13\xc7\xb8\x02\xe4&gt;\xab=\xfe\xdd\x93\xaf\xdb\xda\x80:N\xda\xbf\x15\x15\xaf\x9cS\xfaZ\xd4.\x13\x08\xd2\x9a\x02J??z\xa95\xc4\x96\xc3\xb0\xf9\xf4\x9f\xfe2t\xae!\xdax\x9dv\xf2U\xa7\x00\x00\xeb\xf2\'\x99\x81o\xd5\xf8H,\xde\x18\x11Q\xeaS\xb7\xb6\xe2\xa0\xec\xce{\xf9:\x94\xf1\xd0i\xdbR\xb1m\x93\xf3\r"\x1d\xc6\x11\x00n\x10yAs\xbd\x03\x92+:\x8c\xe9\xf2\x87f\xb6\xe9\n\x9e\x86gp\x9c\xfe\xb9o\xd1\x06\x00J\xb9\x9a\x90U\xc4\x03v\xe6-\xa5\xc1\xd6\xce\xfe\xdb\x06qW]\x01\x00p@\xaeh\x03p\x84\xeb\xe0A\x0b\xab-\xdf}\x93;q\x80\xc1\x85U\xe8tx\xdc\x1e\xf7p\xc82\xec\xec\x9f\r\x00\x00\\\x11G\xf9\x0c\xc0\xc2\xe9t\xba\x9a/c&gt;@;\x82\x16V\x9b~\xae\xf8\xaf\xb5\xd5G\xd0}m\x16%\xb2\xff\xb1\x85ui\xf4\x88\xf6\xb8\x97Y\x9dT5@S\xff\x13\x0f\x00`_\x1co\x03p\xe6Z\x9e\x03\xec\x7fU(\xb20\xebA\xb9\x88(\xf5\xa2\x16\x9b:\xd2\xdb\x8f\xa6\xb3B\xa5\x9e\xd9Q\xea\x8d\xe3\xaa.[\x1f\xed\xcc\xe2@\xa6\x8eE\x1f\xb8#\r \x00\xc0\x153~\x03p=\xf9\xc7:d\xdf\x94\xfd\xf4\x95\x0c\xda\x86^7\x86\xf7\xcf\x7f\xdf\xda\x00\x80\\\xf8\xfc.\x00@\x0b\x9f\xe4{\xf1\xfa\xa2\xea\xd5\xa7n\xfd\xc9My\xaf?-V\xcbc\x90/\xdemK\xbb\x18\xb6\xdb\xd6\xc1\xcd\xe1i\x17?\x14Q\xef\x1dqH;:\xf5\xb8\xd3\x0f\x00p\xa3\x11\xa5^|k\x1b:\xa3-\x15\x1b/\x0f\x07\xca\x9537\x00\xe72\xa7\xe3\xb4\xab\x86}or8\n\x1d\x00\xfd\xb9\x11\x933\xa7f\x9c\'\xfb\xafxFw3\x9e\xec\x01\x00\x1c\x83A_\xcb0&lt;\xc4g\xdf\x95?\x06\xf9\xeb"+\xe8\xbeah\xa0\x07{\x9e\xe3\xb5\xc7\xffU\x1b\x80\x1d\xf7\x03\x00\xc0\x11\xe9q\x18\xd3\xf7(4\xe7 J+\x9de\xfc\'6Y\xb4*\xacs\x83X\xb9cy&gt;P\xca\x86\xdd\xb5\xdb\x91\xbaN/j[q\xae\xb0C\x00\x00z\x93\x11dK6\x00\x91\xd5h\xfd\xa0&lt;D\xe3\xa6g\xea\\\xa5=\x1c\xf1\x19\xc1h\x160O\xbd)\x1cu\xeb\xbdG\xa7\xae\xb5X\xf3\xee\xda\x9f\xad\xad\xf8\x95\x0f\x81q\xe4\xfa\x1c\x00\xc0\xc6\x14~\x84+\xb20\xe7/\x99\xf9\xc56\xd9Tl\xb5,\xcd\xdb\xb0w\xdd\xc8\x80\x9d\xf3\xdc\x1d\xa6\xd4"\xa2~|_&amp;]\x01\xdd7\x00u7\xd4\x1bu\xee\xcdW5\xc6\x19\xe6\xf6\xdb]w\xdc\x0f\x00\x007\x95\x8a[\x98"r\xe7@\x95&lt;i\xb9K\xfb\xb4-\xb99\x8bG\xe6s\x98\x9b\xd3!\xd5\xd0E7\x84\xb7\x1a5\xd6\xcd\xd9\xff\xb5?C\xf0\xd3\xbcs\xfb\x9d\x9e\xd6\x00\x00\xdc\x18\x8a3\xe6\x92UJ\x9c\x1f&lt;\xb22\xb4\xe7\xae\x10\xbfQ\xfc\xc9\x84U\x97\xdb\xee\xab\xfb\xcd\xcc\x18\xbaC7\xde$\xf6:\xd0\x1d&gt;UuH\xb8\xd9\x0f\x00\xb0\x19"\xa2\xd4\xc7\xe5\x17\xef\xa64?\xee\xe7\x95|[Y\xc8\xb5\xa1?{X\x93\xf6\x99I\x88\xce~&gt;\xba\xb0+c\xe0\xc6\xb2\xcb9\x1b\xa1\xfa\xd8\xfeS\xa7\xba\xc7j/\x00\xc0\xf5\xf1O\xed\x81\xf8\x83\xca\xab\x88\xbaO\xff\x05\xa0h\x03\xd0E\x17\xcbX\x0e\x12e\xeb&gt;\xec\xfc\xc5\x82G\xcb\xe4`\x1d~`k\x03\xf6\xc0\n\x93\x9d\xd9\x07\x00\x90\xc5\xbdzG\xcc\xff\x94]r\xd4w\xf2x\xcft\xbbo\x0c\xb6\xce\xf3DD\xd4+\xefz\xb5\x8b\xe7\xfd\xe6\x1e`g\x04v&amp;{4\x15\x8e\x00\x9e\xa3\x94z\x13:\x01\x00@)\xa5\xd4ik\x03\x9a\x10\x91\xd3Io\x82l\xd6"\x115Y2/\xb4\xa6mgk\xd5\xd1\xfb|AD\x94\xdas\x8bJ3\x1ek\xbc\xb6\xe5l\xfcI)\xb5\'\xab\xe0\xa8\\f\xeb*\xbet\x9ew\xdb\xf8\xed&lt;\xe5\x995\x00\x001n\xb1\xb5\x01M8\xebY~\xd0\xef\xfdqX3\xef?c\x959\x9dN\xdd\x97\xa5-\xaf\x8f_\x1a\xb8\xdb\x85\xd6\xe8\x96\x93\xe9-^\xa3wp\x17h\xe1l\xac\xcc\xff\xf4a/\xad\x83\xb5Y"\xd2*&gt;\xb0MT\xb8\x84C\x11\xd5\xd6\xcc\xd4_`\xf8\x03\xe6\x11\x00\x1c\x9e\xed6\x00\x1b?\x8a\xed\xb3@\xe9g\xcc\r\xa7kb\xfe\\\xf8\xd1\xe4\x1a\xb5}:\x7fWG\xe6\x16\xb6\x7f\x9d\x1fU\xcc{\xb3\x80\xe9"\x9b{\xe6\xcc\x88\xbe\xdd\xefx\xc1\x1a\xc4|\xbb\xdf\xee\xf7\xa4\x94zQ\x1fQ\x05\x18\x0f\xfc\x8a&amp;\xb1\x88\xa8\xdf\x17\xa5\xeeq\xee\x84_\x8du\x92(Q\xea\x8ee\x86\x15\x95\x06\x00\xb8fn\xb1\xcf[\xd7\xe5to\xc5\x8a\x87\xd0\xef\xd3,\xe1\xc7;X1\x86\xfc\x9b\xfd\xff\xba\xeb\xcf\x03\xec\xcd\x1eH"J=|k\x1bB\xc4}\xe9\x1cy\xee\xd3\x1e\x7f\xb6{\x92v\xf9\xf0U\xe1\xac\xd1\xbe\t@\xe4\x1d\r\xe3\x9b\x1b\xf2\xbdLa\x00\x80\x83\xb0\xe5\xa5\x9a+\xe3\xcf\xb6\xe9\xc6\xf2&lt;~\xf3=\xc0C\x03y\x86\x98\x1f\x05\xde\xd1\r%H\xd1e\xb0\xfc\x1f\x04/6c\xb9\x19\x93\xb8\xdc\x12u\xfeLK\xdamng\xc3\x18n\xb5]D\xe4~,(\x00\x00\x1e\xb6_-\x0cv\xb0zu%;\xa3\xed\x97\xf5~x\'9U\xc4\x92\xf8`\x03\xdd\r\xc0\xddw\xb3fO\r\xe9\xb23\xd9K\xa3n\x00}\xba\xbae\xc4\xed=m\xde\x9f&lt;\x9f\xfd\xcd}7\xabQ\xbb8\xf0\xde\xd0\x86\xcd\xdb\x0e\x00p\x1cv\xb0`,\\\xd9\x13\x80\xdc#\xed7\xdc\xc3\xb2\xdd\x01\xff)\xfe\x1b\xcd\xc7\x9f\x816z\x9e\x01\xec\xae7\xaemk\x9a\xe2\xb6\xfb\x1b\x82\x03Q\xe9\xcfQ\x1f\xcb\xf4\xc0\x1d\xce\x1d\x00\x00\x808{x~\xdd\x95[\xe6\xedg\xfe\xf7\x95\xb4\xda9\xef\xccK\x80|\x1b\x00\xf2\x98\x9b\xc7\xf5\x8c\xf8\xe4\xc0\xdd\xe6\xb5&amp;0]\xf6\x9az\x12\x00\xe0*\xe1[Al\xe4\xca\xbe\xad\xff\xc6!\xd3\xb7\x90\x9f\x94v\x18\x19\xfdB\xfd`\xaa\xbf\xe7\xaf9\x02X\x91yZ\xa9\x8c\xd8(J\xf8\xfb\x15\x00\x00\xbb\xe6\xd8\x7f\x07`\x04\x9bd\xff\xd7\xf6\xd8aK\x8a\xc7.\x9c\xfd\xb7\x9a\xd2\x0bm\x83R\xe4$_\xa0\x82\xf7\xb9af\xc7\x9d\xf3\x96{\xb1M\xff\xba\xe3\xac\xf2\\\x04\x02\x00\x00X\x08,\x8a,\x96\x1d\xd1\xef*\xa4/\xf3\x04.\xff\xecfDt{\xce\xff\xbe{~\xd5\xe5K`\xd4_\xec:\xd3\xdd\x92\xdd\xee\x91vd\xd2\xe7\x95\x9dP\xecj\x06\xad\xcdMn;\x00\xc0\xf5A@?\x06Z\xba\xfcY\x19\x1f\x00\x08\xa7\xff;Y\xc2\xed\xef5\xaf\xb3J\xfb.H\xf0\xc0\xf3\xb7\xce\xece\xfal\x80\x15=nl?\x00\x00\x00\xac\x88\xf5Q\xc5\xe8\'\x17c\xd9\xff\xce2\x98]\x19seD&lt;$Qq\xd3\xaf\x9b\x1c\xcdq\xdb\xf5\x94\xe6\xbf\x9c\xd0P\xd9\xdc\xae\xd7\xba\x16\x00\x00@O\xdc\xa5\xe8\xf1W\x96\xc1X\xe9\xbb\xc4\x8e\xbd;l\x00"%\xf7\xb7\x8b\x00\x97\xf7\x8cn\x11\x93\xb8\x15\x19\xf1\xad\xc9\x7f\xd2\xe5/\xd9\x92\xb2O\xa1\xa3\xe7\xdf\xee\x00\x00\x18\xc2n&gt;\xe7\x08\x9b!\xd7\xe4\x06\xf3r\x9b\xf1\x05&gt;\x89\xa59\xe7+\x80\xce"\xdc\x92%f\xc0V,\x0e\xc00\xe9X\x13\xe3h\x9d#\xfa\xf7\x80\xcd/:QNDB_\xf90\x17.\xf6\x90K@P\x97\xef\x10\x10\x91\xa3\xf5\x1e\x00\xdc\x14\xea\xbe\x05\x88S\x8dk\xc2^\x17\xb7\xb1\xa2\x13\xa7\xd8zk5\xad\xc3\xc2|:\xf9\x15\x9e_e\xe9\xdf5{\xf1\xf4\xdd\xd8\x118\xae&gt;Z\xb4\xf7M;\xdfA\xffy\x8ez%\\\x8ah\xb52;\xe1\xac[\x96_\t\x01\x00\xb0S\xea6\x00\xd1,\x0b:\xb3\xf2\xea\xbb\xf9\xc86\xb77\x90\x94\xbbM\x1b\xeb\xc6\xc1\xf4\xa2/\xbd\xdc\xe3XI^\x07\xf6\x90\xa5M)\xf7f\x9d\xef\xbd\xf3\xe6\xf6\xc7^?\x1b\xe3E&lt;\x7f\x84\xe0\xa4\x94zG\xf3\x15\xeb\xf9@\x97v}\x97&amp;f\xff\x1d\x05\x00\x00G\xa2\xe3\xba\xb2\xc7%\xeay\xdd&gt;6\x97\x16\xd2\xf8\x01\x80\xbd\xf2\xd0\x8a\x0e&lt;x\x93\xab\xd8\xc1@{?\x81\xb0\x82\x07\x968\xfcu\xcc\x0eQ\xff\x160{i\x94U\xe0M\xac\xb6g(\xf1\x96?bw\x01\x00\x80RJ\xddqk\x03n\x14\xdd\xbe7\xe3\xb2\x0c[K{$\xeb?p~\x03\x15\xect\xa0\xd7\xdc\x00\xa8\xf7.\xf8\xb0\xfb\x95\xce\x91X\xa3\xaa7\x00\xfa\xab\xbb\xf54\x00\x00\xe8\xcb!\xc2\xfd/lm@\x84\xf7\xed"\xc5NY\xb2R\xff\xaf)\xd2\xd0\xc5\xce6H/\xaa\xf1~\x03\xcc\xc6\x88\xfb\xd54\x03\xfe\x80Ci\x1e\x7f\xe8}r\xdcZ\xb3Ev1\xf3\xadd\x93E\xa97l\xb6\x17\x00\x00\xe0\x86"\xaa\xc7\xa5\x94\x8c\x84\xbf-\xa1\xd98\x07\x92\xc9\x86\xc3\xa4b{\xe2\x86v\xda\x93\xab\xfe\xa2\xdc\xa17\x00\xf1\xc6\xc67\x00z\xb1\xad\xe7;\x00\x00\xc0\r`\xe5\r@\x95\x86/M\x9ap\x90D\xf3\x10F\xee\x84=&gt;7\xc8\xa4\xc1\xd5\xbf\xed\xe0{\x80\x18\x85m\xb9\x92V\x03\x00\xc06\\\xcd\xf2\xb9k\xdev\\\xf6\x9f7\x82\x8c\xf2\xf5\xb3aB\\\xa01\xe7\x9c;\xa7\xfa\xf5m\x00\x00\x00\x00V\xe3(g\xc3\x87\xc4\x9b\x9at\xcf\xfe\x03u\xd7\x1cV\\h\x17\xb4$\xd6\x99\x1aBj\xa3;L\xcf\x97\x0b\xfdH\x89\xc3\xeb\x1e\x1e\x98;x \x00\xc0!\xd9\xfcK\xdf\xa1\x11a\x10]d\xf4\x1f\xe0\x9c2#G\xcb\xf2\xe5\xf2\x03\xb5\xc3\x96l0\xe3D\xc4\xfb7kC\xaf{%\xe8\xbfV\xcc\x8e\xd0V\xf9\x08\x7f\x13\x86 \t\x00`s\xfeC`\x0f\xde\xd8\n\xa8\xe4\xba\x8f\xdf\xbe\xbb\xfa\xfe\xcc\xe8\xa4$h\xd6G(\xa5\xfa\xfe\xfd\xaf\xeb\x1e\xe2\x8dh:\xba\x9e\x07\xb7J\xc2\x07X_\x10\x99\xa7r\xf9\xa3r\x9e&lt;\xbe\xe6)V\xceG\x81\xf3\xbe!\x14\x00\x00\x00V\xa6a\x85&gt;\xc6\xfd\xdd\xdd\x1a\x99\xbe\x02!"J\xdd{M\x9b \x93N\xf7\xd7\xeb$L\xb5~\xa6\xd7M\xfa\xf4f&amp;t\xf9-\xa6\xddq\xef\xbe7\xe8\xb6\xe6\xa0f\x03\x00\x004q\xdc\x95{7$\xb3\x9fn=\x9c#g\x1f\xa3y\x903\xe3=d\xaeK\x02=\xfe&amp;}|\x03\xe0\xef\n\xed\xf5D\xdd\x0f&gt;\xc6\xa0\xabk\xdb\xc3\x00\x00\x0c\x84\xc8\x08\x01X5\x0b\xbf\x17\\;O\xfd\xfc\xa2Z\x199\xe2n\x92\x98\x9d\x98\x91b\x0fi\xdf\xec\x0f\xb2\x83\r@\xa87\xbe\'\xa7\xe6\xd6=\x99\xc9u\xb4\x02\x00\x00\x006\xa4\xfc\xaf\x02-\xe5\xeb\xbe\xbaQ)\xf5\xd8`\xb9\x1f\xdf\xc1\x9f$;\x12\x83\x0c\x16\xa5\xden\x8c\xe4&amp;\xf2\xd2xO\x12\\Wk\x97x\xac\xed\xd5\x10\xe1\xdb\x90\x00\x00\x00\xa0#\x07\xc9\xb1\x1e\xb9\xb5\x01eD\xfb\xb3\xa5\xabw:L\xf5y\xfc\xb5l\x00\x02vvh\xcb\x81:\x01\x00 \x89L\x07\x9c\x04\xb5\x9e\x88\x88R\xcf\xd9\xda\n\x18\x8d\xf4;\x11\x9cr\x8b\'\xee|&amp;\xee\xdc&lt;\x87@\xbav\xad\x99\x9c?k\xcfK|\xaff\x03\x10x\xb1\xb1-G\xea\x04\x00\x80\x1c\xbefk\x03\xae\x10)\xbc5~l^\xfa\xc6\xb4\xd4\xa6\xdbg\x7f\xf5\\-\xd3sHDZ\xe8\xb7s\xb3\x05k\xa7*\x1b\x10\xca\xdao\xca\x06\xc0gd\x97\xe6\x1c\xa9\x13\x00\x00L\xf8\xf3(7\x87\x1b\xfb\xd7pVkxGEKF\x91\xf9\x97\x9e\x8e\xcf:\xc34\xfa/\xb5yZ\xa1g\x87\x9b\x8c\xa6\x9b\x9e\xba\x7f@ \xf4\xa73rR\xdb\xdd\xff-0\xb9\xd5\xf5{\xb4\x00\x00 \x00IDAT\x0c\x8b\\\x06@E\xdb\x95\xdf\x9cY\xc8\xee{\x00\x00\xc0\xe6\x16\x89\xf79\xd8\xd8\x8c\xd6\x9ewV\xb8\x1b\xbbD\xad\xd6\xf0\x8e\x8aN37f\xe0\xd6\xc8\xfeK\x9e\xa6\xd4a\xb7\xe21s\x8e\xf8\xc2\xdd\xed\xe5.\xfeu\xb1)tIF\x9dN\xea4\x17=$\xa7\x978\x7fkW\xefGd\xa7\xd3\xa5s:\xca\x04\x00\x80#\xf2\xbb[\x1b\xa0\xc1\xe6\r\xf6\xc5\xf6\xdf\xbc\x19\xbd\xb01\xee\xab\x81\xaa\xdf\xedgDM\xdb\xed\xf2\x07\xbd\x02$"\xbf\xea\xb7\xb6\xa89\xe7\xb7\xf6\xdeX\x00\x00\x18\xc71\x96=\x000\x88\xcf\xd9o\x1et\xfb?\xfe\xfeZa\xc4HpcJE{D\xd2\x961\xef\x051?\xf1l\xbc\x91\xdd\x9c\x9c\xae\x03\x00\x80\xab\xe6\x18\xcb\xde\xce\xcd\x83JR\x8eG\x8e\x12"&gt;g\xbbw\xda\xee\xa2D]\xca.\xc7\x7f\x02p\xfe\xf8\xf5\x99\xdf\xd5\xfe\x1cGQs\xbe\xfc\xf2\xd6m\xb3\xd4\x01\x00\xc0\xf5q\x88eo\xe7\xe6\xf5\xc0\x93\xe9~\xef\rhu\xc6\x06\x00&lt;DOp;O\xe7\x17\xd4$\xc7\xc3\x07\xae%e\x0f&amp;\xcb\x07\x99q\x1eS\x8b\x9b\x93\xddX\x11\xf6\xe1\x00\x00W\xc8!\x96\xbd\xfd[8\x82\x9b\xd1\xea\xbd\xb5\xf1l\xcf\xdd\xf7g\x98E0\'\x0bo\x0c\xea\xf4Dv\x1a\x1bS\x9d\xbb\x1f:\xfb\x0f\xe34\xe7\xc5\xfa\xb4\xe8\xf8=\x03\x00\xd7\x0f__P\xc1\x8d\xfd&gt;\xcd\x08\xf4\xc9M\xe6\x92\xf0\xec\xf9\xebPD\xa4\xfaKx\xe4\xf2e8yuE\xd4\xbe\xfbA\xff5\xa7Q\x91tv\xcf#\x9eIy\x87\x10\xeb\x00\xe0\x1aH}\r(x \xfa;p\xe0\xb5\x1e\xf2~\xbb;`&gt;\xed\xffk"\xab\xbfP\xf5\x9c &gt;4Z\xc4\xd2T\xa1e5\xac\x81J\x9eU_w\xf6\xaf\xb4/\xdc\xcd+\xce\xe1&gt;\x00\x00\xc0\xc4n\xef&lt;\\#VW\xbb\xdd\xce@tfl\xd2\xb7\x9b?\x0f\xfc\xf2\x9a%w\x08]\xfa\xb9\x86\x9b?&gt;\xee\x90\xd7\xaekm&gt;\x00\xdc&lt;\xe2\xc7\x1e&lt;\xeb\x04\xd85\xbe\xdb)]\xa6\xed\xdas\xbf\xec\x9aM\xa1l\xa5\xd4&gt;C\xd9\xc8V/J\x94RS\xf3\xf5a\xadIe\xf7\xf6\xb7\xccVg\xbf\xbe\x04\x00P\xc4\x8bG\xde\xdb\xf7]V\x00\xf0\x12\x99\xb4E\xe9\xcb\xda{\x80!y\xf0\xe5\xd3\t\xfd\x05wa\x95|\xfat\xfe\x1eLe\xeb:\x9dN\xb9\x9b\x80\\;=Z\xae\x8c\xea\xa6q\x9a\x06\x00p\x10D\xfb\x838\xf3k\xdb\x98\x02\x10\xa0\xf0\x14wM\x07\xf6\xe9\xda\xe6\xfa\x04\xd3\xb6\xe8\xea\x8e\x88\xc8\x93\xea.\xf5]\xf3\xf5\x98+n\x1a\x00\x00D\xe1\xf6\'\xec\x8fZ\x9ft\xfe\xc2k\x0fc\xd2Z\xaf:G\xdc+W|w\x7f\x1d^G\xa6\x8f9\xd1\x87\x00\x00\xd7\x0f\x1f\xaf\x04\x83\xbc,j\xf5,\xc1\xf3\xa8\xca_.&amp;""\xa1g\xe2(\xaa\xeeh\xf9z\xf8\xa8\xf5U\x8e\xcb\xfew\xf9\xe9\xff\xbf)il\xf6\xdc9\xf7!\x9b(\x00\x80k\xe6%8-\x03\x0f\xfb&lt;F\xcd\xceKb\x1b\x80\x88\xf0\x8eM\x9e\x8fQ\xb3\xf6Q\xcdz\'\xe3w5dk\x1b\xb3O\xa7\x1d\xc1=\xf5\xef)\xcakra\xe7\xec\xcd\x97\x00\x00\xa0+7g\xc9\x84\xae\xfc\xdd\xba\xeaD\xfb\xafMP,a\xea\x9b\xf4\x88\xca\xcb\xcb\xbb\x9c\xb6\xee\xf2k+\xd7~:t\x83\xce\xad\x0b\xbe\xa8T\xf4\xd2k\xd8\x06\x00\x00G\xe0N[\x1b\xd0\x02\xeb\xd9u\x10\x1f\xc79wiM\xd0\x1b\xd3\xa0\x8a#\xf6\xec3\xda.\x1fo\xd8\x1b\xeb\x9e"\x93\xe0\xfa\xe8\x97\xf7\xd3\xb7\x00\x00\x00\x10\xc4L8.\xe9o\xec \xfc\xe5b\t\x8a~xY\x91\x82\x18U\x1a\x93\xa1\xf2\xba-\x96\x1f\x1d\x8e\x9c\xaf\t}\xfb\xfdu7\xe8I\x0b\x00\xc0\r\x86@?CW\xa4\xb1\xd2\xbes\xae\xf0!\x89&lt;8\xbd\x018^\xe7\x17\\\xd2\xb8R\x8e8j7\x97\xf4,{\xff\x8b\'_\xbc\xfa\xb9~\xdffo\x00\x00p%\\_4\xbf\xbe\x16\x1d\x80h\x1e\\s\xc5\x7f\xcf\x89\xb5\x98lm\xceV\xdc\xd8\x86\x1f\x8f"_\x8d\xfa\xf67\xdd`\x87\x07\x00\x00\x80\x02\xa6o\x1e\xfc\x8b\xa2\xd4a\xcfy\xc6\xf4\x1d\xa0\x9c\x82\xdf\x08\x8e\xbf\xcd+\x7f\xce\xe6\xdd\x00\xdc\xec\x1d/\x00\x00\xc0\x1e\xd9\xf1\xc2|m\xb7\x8a\xaf\xa9-\x90\xe4\xca\xbc7\x13_\xae\xcf\x06\x00\x00\xe0\x98\xbc\xf1\x15\x85o\x0e_-$\xf0\xf3\xce9\x90\xa9^\x8en\xff\x81x\xcf~\xa2\xf60j\xa2\xfd\xdbW\xe6P\xf6\xd0u\x00\x00W\xc5\xf0\xc0zu\x0fp\xd9\x03\\\tW\xe7\x99\xd0\x9b\xae\x9f\xb8\xb8Fg\xb3\xb6\x13\xd7\xd7@\x00\x00?\xb7\xd8\xda\x80]3/x\xa7m\xed\xc8Z\x96\xf2\x97\xae\xd3\xf6\r\xba\xe9\x88RJ\xbd\x7fkrv:\xa9\xd3\xc9\x1e\xca\xf1\x9f\xb2\xbdqI\xd2\xf8\xfe\x1c%\\\xff\xe6\xa9vi\xae\xb3u\xc06lM\xef2\xbe\x99\xf72\xc8\x7f4o\t2,\xb9\xc2\x1d\x11\x00@\x02Q\xeay\x9d\xe4\xec\x9c\xed\xce\xcb\x8bV\x17\xb1\x8e\xb2`\xcf\x18_\x1dX^1Z\xa2\xe3\x97\xed\xf8\xbe\xd0PD\x94\xbak\x93\xd8\xa3Q\xfaI\xd0\xa4\xbc\xe8\xaf])\xff\x18k\x8e\xcc\x9e\xd2\xb6\x0cY\xf3\x04\x11/\xe9\xcal\x00\x00\x00`\x0c\xd7\xf3-\x90\xa0\xb1\xa4\x1d\x85\x15\x7f/\xc3\x1f\xca\xf2\x98\xd5\xd9\x9b=\xab\xb1\x8c\xc8\x03V\x1b\x94!_\xb8\x14\x10\xb8;OK1\x7f\xc8\xde\x9f\xff\xc7\x9a\xb3\xd7\xc9\x05\x00pX|!\xf5\xf2\xd5\x81\x1fM\xb4M\xc1\x82t \xfeGyr\xa6\xa5\x1d\xc1\x8a\xbe&lt;\xe6:2\x95\xcf\x99~8ds\xf6\xbd+k\xe6\x90\xdfX\xb5&lt;\x01p\xdfJV\x1d\xf2t\x05\x00\xe0\xe6\xb2\xc6*r\xbd!\xfbxk0\x14`\xa5\xf5\xa1+:\xa5\xc7\x99z\xf5\xbd\xcf\x8e+I\xa0\x8fn\xbfE\xa49C?;\xf1\xedM\xd5I\xdf\x01\xe0\x06\xf3\xe2U\xb5\xfe^\xe4e\x87| L)5H\xac\xa9c\xbc\x8a"\xa4\x87I\xa2\xd4\xa9JP\x17\xed\xd0\x85\x82\xb1\x98o/\xab\xe9\xd3\x99\x91\xb48{V\x9d\xf6\x9e\x12\x9dN\'\x91C;\xac\x88\x9c\xd4\x95\xcd\xb9@c\xce\x0e9\xaa\xa5g\xb9\x8d\xe1\xeb1=,!\x84\x02\xc0\x8da7\'po\xbd\xb5\x01\x1d\xe8\xf3\x1c\xf9\xb6u\'\xa3\xa2\xd4[\xb5\xaa\x86&gt;\x14\x7f\xc0\xd7:\xddo;\xfb\xbf\xf0\x8e\x9b\x9d\xafGf\xc1N\xa2M\x1fD\xe4\x0f\xf6\x12?\x07\xb2&lt;\xa7\x1a\xac\xa6RE\x7f\xdb\xae\x7fL\x01\x00\xa0\x1aOv%"\xeaw3\xbf\xe83^\xcc,\xc0\x03\xee\\\x0e\xd3K+l\x00\x02UV\xb9\x98w\rw{r\xb8\tm\xac\xfe\x92\x9c\xe3^\xf1:\xa2\xcd\x00ps\xe1\xef\x00\xac\x8c\xf9\xa4x^\xea^\xa7\xcb\x13d\xe3\x0b\xfe\x87&gt;}\x87\x1d\xd2\xe5\xf6\\\xe0o\x0b(u\xeb\xd1\xfb\xc9\x93:\xa9\xd3i?O\x17\xc7q#f\xe5\xe9\xf4\x9fk\xae\x89\xeez\xf0\xe3\xc6\x9d\x94\xba\xd3\xce\x1b\x00\x00P\xcf\xb2&lt;_\xff:=\x88\xa5\x03\x0b\xcf\xbaD\xa9\xfb\x15,0Y\x92CY\xdd3\xcbEA\x90^Im\xd6\x01\xff\x97\xc5\x0b\xd4X\xb2\xc5\xa1,.\x07a6x\xbc\x99\x9e\x02\xdfu\xd4g\x17\x00\x00e\xac\x19\xe9\x9e\xb1\xa2\xae3\xfa&gt;G\x94\xfa\xec~\x82\x8d\x0b\x1b]\xba\xd1\'\xe73\xee\x99\xb1\x14\xe5\x19p\xc4/\xf8\x0b\xb1MC:\xa6\x05V.\xee\x95\xdcr\x05(\xa4\xb5\x83\x902\x85\xbag^\x8d\xfbUs\xe8\xeb|\xdd-\xef\x169\xbbs\xd8\xfbK\x00\x00\xfbe\xa7\x11\xbf\x9aNk\x98?\xcf\xcbY\x87X\xab\xb6\xe03;\xb9\xb1\xb5\x07\xf0\x8c\xfe\x96\xe3\xbb\x17\xbf\xda\xca\x8c\xfe)\xefuE?\xb79\x15\xdf^\xb0GD\xe4\xf1{q~\x00\x00\x88p\xbc`\x9d\x99\xea\xe5~\xa5LZ\xdd\xf1\xba\xe8&amp;\xa2\xdf\xcd[=\xfb\xef\xa2\xe8e\xfa{Z\xb7\xa7\x1f\xd5\xb3\xe0\x86\xcf\x9d\xfc}\xcb\xae6\x00\xc9\xefZ\x88\xbcy\xc3G\x1c\x00\xa0\x89\xf3r\xfb\x8a\xdd\xa4]-z\xaaW\xdc\xcc\x9c4\x91\xa7\x04\xbb\xc7\xba\'\xd3\xf9\xf1\xc2\xba\x8c88_\x81\x02-7l6E\xa2G\xcb3\x8d+{\x1e\x02\x00\x00\x13r\xc8?,\xdfN\xf11X\xcbY\xaf\xf9\xf4`|o\xdf\xc4\x01=\x1e\x17\x7f\xf8\xf3\xe1.\xb1\xdbk\xdc%l\xf6\xd7dE\xe4\xf3\xf6?\xa1:\xc5\x16s9\xb8\x99K\x03\x00\xc0\xc1\xc9NU\xbb\x1c&lt;\x1fi\x9d\xa8\xcc\xe3\xd3\xeb\xeb\xe7\x87\n\x8c\xd9\x00\x04\xe5\xdc\xb0\xb3\xcf\x8e\xb8\xfd64\xe9\x14\xa5\xba\xa5n15"\xd34\x7f\xc2\x08\xf1\x03d\x06\x14\xf5w\xe</t>
        </is>
      </c>
      <c r="E353" t="inlineStr">
        <is>
          <t>&lt;class 'numpy.ndarray'&gt;</t>
        </is>
      </c>
    </row>
    <row r="354">
      <c r="A354" s="1" t="n">
        <v>352</v>
      </c>
      <c r="B354" t="inlineStr">
        <is>
          <t>steps_per_sec</t>
        </is>
      </c>
      <c r="C354" t="n">
        <v>4000</v>
      </c>
      <c r="D354" t="inlineStr">
        <is>
          <t>2.618068</t>
        </is>
      </c>
      <c r="E354" t="inlineStr">
        <is>
          <t>&lt;class 'numpy.ndarray'&gt;</t>
        </is>
      </c>
    </row>
    <row r="355">
      <c r="A355" s="1" t="n">
        <v>353</v>
      </c>
      <c r="B355" t="inlineStr">
        <is>
          <t>Loss/RPNLoss/localization_loss</t>
        </is>
      </c>
      <c r="C355" t="n">
        <v>4000</v>
      </c>
      <c r="D355" t="inlineStr">
        <is>
          <t>0.13563535</t>
        </is>
      </c>
      <c r="E355" t="inlineStr">
        <is>
          <t>&lt;class 'numpy.ndarray'&gt;</t>
        </is>
      </c>
    </row>
    <row r="356">
      <c r="A356" s="1" t="n">
        <v>354</v>
      </c>
      <c r="B356" t="inlineStr">
        <is>
          <t>Loss/RPNLoss/objectness_loss</t>
        </is>
      </c>
      <c r="C356" t="n">
        <v>4000</v>
      </c>
      <c r="D356" t="inlineStr">
        <is>
          <t>0.017184354</t>
        </is>
      </c>
      <c r="E356" t="inlineStr">
        <is>
          <t>&lt;class 'numpy.ndarray'&gt;</t>
        </is>
      </c>
    </row>
    <row r="357">
      <c r="A357" s="1" t="n">
        <v>355</v>
      </c>
      <c r="B357" t="inlineStr">
        <is>
          <t>Loss/BoxClassifierLoss/localization_loss</t>
        </is>
      </c>
      <c r="C357" t="n">
        <v>4000</v>
      </c>
      <c r="D357" t="inlineStr">
        <is>
          <t>0.28386435</t>
        </is>
      </c>
      <c r="E357" t="inlineStr">
        <is>
          <t>&lt;class 'numpy.ndarray'&gt;</t>
        </is>
      </c>
    </row>
    <row r="358">
      <c r="A358" s="1" t="n">
        <v>356</v>
      </c>
      <c r="B358" t="inlineStr">
        <is>
          <t>Loss/BoxClassifierLoss/classification_loss</t>
        </is>
      </c>
      <c r="C358" t="n">
        <v>4000</v>
      </c>
      <c r="D358" t="inlineStr">
        <is>
          <t>0.12019821</t>
        </is>
      </c>
      <c r="E358" t="inlineStr">
        <is>
          <t>&lt;class 'numpy.ndarray'&gt;</t>
        </is>
      </c>
    </row>
    <row r="359">
      <c r="A359" s="1" t="n">
        <v>357</v>
      </c>
      <c r="B359" t="inlineStr">
        <is>
          <t>Loss/regularization_loss</t>
        </is>
      </c>
      <c r="C359" t="n">
        <v>4000</v>
      </c>
      <c r="D359" t="inlineStr">
        <is>
          <t>0.0</t>
        </is>
      </c>
      <c r="E359" t="inlineStr">
        <is>
          <t>&lt;class 'numpy.ndarray'&gt;</t>
        </is>
      </c>
    </row>
    <row r="360">
      <c r="A360" s="1" t="n">
        <v>358</v>
      </c>
      <c r="B360" t="inlineStr">
        <is>
          <t>Loss/total_loss</t>
        </is>
      </c>
      <c r="C360" t="n">
        <v>4000</v>
      </c>
      <c r="D360" t="inlineStr">
        <is>
          <t>0.55688226</t>
        </is>
      </c>
      <c r="E360" t="inlineStr">
        <is>
          <t>&lt;class 'numpy.ndarray'&gt;</t>
        </is>
      </c>
    </row>
    <row r="361">
      <c r="A361" s="1" t="n">
        <v>359</v>
      </c>
      <c r="B361" t="inlineStr">
        <is>
          <t>learning_rate</t>
        </is>
      </c>
      <c r="C361" t="n">
        <v>4000</v>
      </c>
      <c r="D361" t="inlineStr">
        <is>
          <t>0.039958905</t>
        </is>
      </c>
      <c r="E361" t="inlineStr">
        <is>
          <t>&lt;class 'numpy.ndarray'&gt;</t>
        </is>
      </c>
    </row>
    <row r="362">
      <c r="A362" s="1" t="n">
        <v>360</v>
      </c>
      <c r="B362" t="inlineStr">
        <is>
          <t>train_input_images</t>
        </is>
      </c>
      <c r="C362" t="n">
        <v>4000</v>
      </c>
      <c r="D362" t="inlineStr">
        <is>
          <t>[b'1024' b'1024'
 b'\x89PNG\r\n\x1a\n\x00\x00\x00\rIHDR\x00\x00\x04\x00\x00\x00\x04\x00\x08\x02\x00\x00\x00\xf0\x7f\xbc\xd4\x00\x00 \x00IDATx\x9c\xec\xbdy\xfc\x7f\xdfT/\xbe\xce7\\\x9a\xf9\x11!\xb9\x92\x92\x0c\x89\xa24\xa0\x89"JE\x03E*)\x1an\x83R\xa4\xd0p5H\xd7\x90[\x88R\t\xf7\xa64"\xd1\xc4\xad4\x1b\xa3\xd2D4\x08\x85\xd6\xef\x8f\xd79\xfb\xac\xbd\xf7Zk\xaf=\x9c\xd7\xeb\xbc\xde\x9f\xf5|\xf0\xf9\xbe^\xe7\xac\xbd\xd6s\xad=\xac\xb5\xf79\xef\xf7\x1b\xc0\xe1p8\x1c\x05 s\t\x11\x90\xb9~\x89aX\x04\x10\xd1\xae\r+#\x8f\x88i\x93\x93\xf5\x1dZ=M\x19\xe6_E%\xc5\xc1\xf9 D&amp;&amp;\x9c\x1e\xa3\x98.\xa0(\xa7^\xb0z\xda\x94g\xb82r\x188\x80\x81\x84+6\xb1O\x8c\xa17&lt;\x86\x0e\x87\xc3\xe1p\x9c\x14\xfb\xcd\xdc\x8e\xfe\xa2\xf0d\x9d[\xaa\xba\xa4[Q+KE\xfeu\xba\xcc|\xb7\x18\x07\xbe\x90\x1dQ\xd76\x17\xa0\xed\x9b\x8d\xb44\x1f?\xc7\xefxV{\x00\xc8\x83\x99\xee\x8bJ.Tz7&lt;\x14{\x8e\xad\xc3\xe1p8\xce\r[\x9c\x0e\x9e\x14Q\xed\xc8\xba\xb6q\x992Xy\xca\xb6\xb2\xcc:iM\x86O\xac\x7f|\xc1~\xd6\x1b\x99c\xce\x8a\xfdd0\xa4o\x00\xfa"y\xa4^`\x8b\xf2!\x13&lt;w_\xb6u\x0e\xe0\xb6F\xa7X.\x1c\x0e\x87\xc3\xe18\x05v\x92\xde\xb6\xa0!\x95#[\xba\xdcT\x00Y\x8f\xa8\xa9\x89H\xf8j\x8a\xd1}\xf4\xaf\x8e\xd6"\x1b\x11\xf1\x03\x87\xbc\xda\x81\x08\xcaf\xf83\xa4Z\xd7Z\xf5\xe6\xb5\xe6F\x90\xab\xff\xa1\xa6\x97\x11+\x98\xfb\xab*\xbe#\x89\x99q\xd54&gt;\x11\xab\xe8\x8b\xfa\x14\xeb\xff;\x87\xf9\xb5\x0b|b\x08\xd41#\xe6\xbd\xe3p8\x1c\xfb\xc6\xb1\xea\x00\x04@\xd8\xe9\x8f4\\\xd7|\x80Z~\xcaA\x05Fp\xab@fqK\x02\xdf\xd4\xae\x9c\xd6\xfdz\x00\x8dPM\x15\xba\x89\xe16\xee\xfd\x1f\xb6\xc6\xed\x19\x18H6l\x95\xa1`t5\xd3\xe8\x84\xc4\xf6\x1e]\xaf\xfa\xb0mw\xb8\xda\x1c\x1f\xe5\xb9\x16\xc4\x1c\x0e\x87\xc3\xe1\xd8\x06\xdb\xfc\xacg\xd1\xea\x08%w\x02xdPh\xad\xb7\x8eXf5\x17\xaf\x03\tX8\xe8\xa1\xcb\xab\xe7\xf5+"[\xfa\xaaA\xae\r\x08\xfey}\x97\x89\xe5x\xfc\xa6{\x90\x95\x94\x0c\xb0\xb8/\x84g W\x8a\xae\x92\xf8T\x0eZ\xe50\xfb8\x1b\x80\xbdE\xd8\x04D\x84\xeb\x87h7\xeb0\xc6\xdc\xe1p8\x1c\x8eF4\xe6\x95[-\x05\xe2X6\x04T\xf3\x0e\xeb\xad\x19\xa7\xaa\x05I\x19\xfao\r\x9dh\xac\xe9\x85\xc2\xb7\xd1\xdfr\xa0\x0c\x914l\x000\xc852I|\x14\xcd\xed\x068?\xf1\xe3z\xc7\xbeoQz\xf6V\xfb\xf2w$6\xda\xc9\xb7\xcf\x14\xa1\x9b\x8a\xaa.j\x079\x1c\x8eK\x06\xa7*\xa7\x8eo\xf4\x92\x02\x9b\xd5j\xc2^\xf7\xd6\xd0Q\xc0\xbdR\x7f\xac\x81\xb4\xda\xed8D\xaf\x12\x16\xea\xc8\x8a\x17~t\xa3FJ\x12\x1fJ\xc9V\xef\x16LXl6(?\tP\xff\xf1\x8fE*\xbd\xf0\xf1\xebKP\xdbqk\xc3\xfe\xe3\xdfG\xaf\xae\xed!\x1a\x97u\xd8s8\x1c\x8e\xd3c\x9a\xa6K\xc4\xe81q\xe2d9\xc0z\xa1\x83\x10\xb1(\xa3+\xa8o21\x9f\xe7\x81t\xc4\x97\x91Z\x1b\x1a\xc7\xfc4M\xac\xe42\xa2\xeab.\x1b\x1d\x121FI2\xf2K\x85\xe3\xcd\x10q\x9a\xf6\xbc \x90\xa7\x1cF\\\x01\x0f\xee,])\xb9\x96\r\xdd\x17\xce\x92\xfb\x8c\xc6\xa6\xac\xfa\x17\xcc&gt;z-m/\xd7a\xcf\xe1p8v\x0fD8A6B\xc4\xbde\xc1\xbaz\xd7B\x1e\x117\xf0\x11\x01\x0e\xf5\x14C\xb8\xcf\xdc\x9b\x01\xae\xdc\xc3,F#\x13\xc1\x85\xa3\r\x95\xca\x10\xb6\x95\xed\x00\xd34q%Q\xc5 ,\x11=\x8c\x90\x12\xcae\xd9\xe7\xe8"*\x8d\xd9ED\x98`Yg\xd4Jp\x9b)\x93\x1a\x89\x82&lt;\x7f\xab1\xfa\x9f\xa1\xb2\xb7\xb4\x9ae\x0e\x1b\xa1#\x8e\xe4:da\xef\xdc\xffg\xfa\x07\xea\xaaF\xf5\x1c\x9d\xf7w\xdb\xb0q8\x1c\x8e}\x00\xb1:\xff\r\xb0\x89\xb0,\xb2\xf42Gcp\x1e*Q2\xdaB@C\x828\xcd\xe6J\xc7\x91\xe2y\x8eh\xa8&gt;\x85\x91\\\xd7\x9c\x82\x108FO\xe9\xe7\xb2\x93p0n\x9f&amp;T\xfd4M\xc6s\xe0\xad\x8f\xa2\xbb\xf5\xcfnL\xd3a\x8a_\x1b\xe0\xf5\x96\x06\xe1\xfc\xbf\xcfz?n\x00\xf0\x8a\x92\xcc\x98\xe1\xc7D\xfb\xc8\xab\xe2\xe1Qf\x93E\x7f\x05\xc8\xe1p\x9c!\xec\xcf[\x0f\x8f\xb0O\xf1\x02hb\x90\xb7\x8f\xc7{\x0b\x1c\xc8\xab\xbd%9[\x16?}\xa6\xcf\xb1CJ{\x01S%\x18\xc6\xde\x14\xfe\xc9P;\xa7b\xfb\'\xee)\xed\xdd\x962\xd27\x83\x0eO&lt;\xf6\xf0\x8eyO\xf5\xff\x98y}\x98\xbf.\xcf7\xfe\xc6\xd8\x1c\xe7\xf5,\xfd\x89\x88\xec\x03\xdbt ^n\x18\xd8\xc3\x86_&gt;\x14d\xd9O\x1c\xfe\xb2\xdf\xe5R\x83{\x18\x83\x0e\x87\xc3\xb1\x19\x10\x11\xe0\xf1cU\x0e\xd5\x06\x00\xd6\xdf\xfcx\x9c\xb2a\xceRW\xb8(\xe9\xe1\xd4\xbfU\xf3\\\xa0\xbf\x90Rl\xcb\x8f\xe1\x9a\x1f\xc5\x8e\x7f\x04\xb6\xfaG\x81;!\xfe4."\xc0\xb3$\x01J\x8f\r`&amp;\xafZb\xf4\x17\xf1\xec1\xfe\xb7\xe0\n\xc1\x97\x86Y\xc6\xf9X\xffC\x08\x03p,s\x15}\xfa\xf6O\xe1\xc7\xc0\x13\xb7\xe2\xe6p8\x1c\x17\x11\xc2\x82[\xb1\x1co\x8d\xb4\x92\x18\xa2\xb1^!.\xff\xab3\xd4\x1d\xc3\xff\xd7\xd7\\\xc4R\x978\x12\x0c\x8f\tS\r\x03,\xbf;\xd2\xda\x05Zmm\xc4\xe7\xb1\xbf\x0c\xaa\x95@R\x81\x95\n\xf4\xf4\n\x92_\x8f\x93\\\xb7\xa36\x02\x16\x0f\xd3\xc0\xfe\xd6xCg\x85\xe3\xf8\xbet\xa81\xd4\xe9D\xc0%M8\x1c\x0e\x87\xa3\x1f\xef\xb5\x97\xb3a\xf3\xcane[\xaa\x9f\x9a\xbcF\xfc\x97\x99gZ\xfat\xd4\xd9-\r7*\x8fv\x8f\xb1\xfe\xea\xda*l\xc5\x95Jz\xd1\xd8MC\xca\xdf\xbcI\xa6\xe7\xd1\x95\x14\x96\xb1m\xa8\xd1Y\xc2ipd=\xb2\xf2a\xfd\xceF\xb59\xda\xa7\x80\xb4\xac\x1d\x8d|\xe3\xca\xd9\x1adR\xfa\x7f\xb4=[\x8d\x8f\x86\xbf.\xe9p8\x1cG\x04\xf3#bh\xfe\x95Ax\xd1\x17m\xdb\x0f\x1f\x9f\x0eX\xf7\xb3\xd4\x8c\x02\xb5\x07w\xd4\xbf\x8b\xa7@\x7f\xcdK\xb8\xfbr\x80\x0f-\x04A\xab\x8b\x86\xfe\x14\xac6}$\x12\xcb/\xec\xe15\x96\x7fE\xca\xa2\xf7\x10\x9f\xda\x12p\xec\x0f\x01#\xf7S\xbf\x81\xd2 [\x87}\xceav\x1em\x88"\xc0\x07\x03\xbc\xaa\xb5\xed\xb6&lt;i\xa7\x1f\'&amp;\xdd\x8bO\n\xff!`\x87\xc3qQq\xb2\xd3\xaf\xe8\x94\x91\\\xc1\xc6_\x10\x11\xf4\xec\xa5:4\xe3\xb6\x95\xf2S\x16\x9f\x07s\xd5\xd5\xc9zV\xf8\x1d\xf73\x08U\xe9\x15\xb5\x82\xfa&amp;R\x1bB\xfa\xe1\xc6\x0f)\xb4R\xab\xffV.\x92\xbe\xd6\x8a\x88\xe9\xcb\xf97\xfa\x974\x1e\xa8&lt;\xff\xf0\xf9\xd4\xa7\xec\xd3\xc7p\x17\xa7\xa9\xe6\xaf\x13\x14]\x98\xb8\xb9yhju\xff}\xe93\x13\x13\xa6\xd6\xea\xff\xa8/\t\x1eiG\xc4\xbat\xea\xb1\xe7p8\x1c\'\x85\xf0\n\xe6)\x13s(\xf7\x11\x9f)\xbc4\x9c48&amp;\xbb\xc5b\xcb\x0f\xf9\x1d\x1b\x7fk\xa1\xf7\xd5\'/\xc2\x16\xec\x84\xc6\x00\xb0#6{\x8f\xa5\xd0Vx\x01\xa6\'Juo\\\xa84V\x99\xd6\x1f\xad\xa9}\xf7gq\xbf\x14\xc0J&amp;\xa7Dmwl\xc7\xe4\xc8\x181\x98\x1b\x0c\xae\xc9.\xf9\xeap8\x1c\x97\x1c\x84r$\xb9x\x9aUR\xe0\xd6(\x964j\xa3\x94\x18mJ\xc9\xc3^4\xef\xb6u\x109xq\xef\xa1v\x07`\xf7\xe5\x0e\x02\x00\xfc\x15O\x92\x1d\x1el\x01-7\x15*\xe0\xae\x9f-\xa9l+\x95\xe0A\xcf\x03{w#\xb5 \x8e\x0c\x19\x1e\xc7\x1cc\x98\xad\xabE\xf9\x0b\x8bl$\x1f\xd9\xd9t\x1a\xd6\xcc\xac\x8b\xdc/\x0e\x87\xe3\x12\x02WU\xec\xe8`\xdb\x92/K\x15\x15\xd3b\xc3\r@\xe1\x95\x9bPB\xa9\xdc\xa2b\xab\x03/\xb44\xaf\x8d\xde\xd1\xb07VV&gt;\xeb\xd8\xb8\x19\xbf\x01\x80W\x8b\xaa\xccEp={\xc4\xffh\xfa\x19\xe2\xcc:\xab\xc4\xae\xf9?!~\xacW\x85Z\xfe:\x8e9\xf2\x11\xc7&gt;\xbb8g\xe4q8vXR\x02\\\xbf(\x0f\x9c\xbd\x13\x1d\x0e\xc7\xb9#\xa4\xd5\xec\x97\xf7%r\xbb_\xf2\x1e\x06w4\xae\xe0\xf7+\xea\xb2\x95\x1aMEIr\x80*\xe8%\x1cv\x1e\xf6\xf3\xc5\x86\x81\x95\nV\xcb\x80\xd9\xb8\x08\xaek+\x13\xe0\x9f\x19\x16\xb9\x11\r\xbfg\xf1t\xa8\xef&lt;\x9f\xd2\xddcZ,&lt;\x17\x1a\xcb\xe4\xa4\xa8\x1e\x87\xe4\xdbed\x10n;\x8b\x95{\xdb\xd9u8\x1c\x8ec`M\xabL\xc5\xaf|\xdd#\xce"AR\x92\xc5\x82fD\xc5\xb3U?nQ\x1b\xa9\xb8\xd5\x89\x06a\xe3\xabel\xadl\xa8b?\x7f\xab\n\xf8W\xdb\x8e\x9f\r4\x96\xd7r,\xf4h\xf3\xa2\xa7#\xdd\x97\xf9(s\x84\xbb\xdbe\xed,\x16R\x01[0\xd7ub\xf6a\xf9N\xc7\xc3\x96?\x18&amp;\xeb?\xeb\xaet8\x1c\x0e\x00h\xab2\xb7-\xb5\x19\xe5\x16\x86\x1b\xd4\x07\x07m/\xddr\xadW5\xf7n\x0f\xfa\x0f\xc90\xff\xbc\xd8\xa5\xb7\xae\xd3a\xe2"\x81\xab\xf5I\xac\x9el\xa8b7\xad\x80\xdb\x9a\x0b4\x98\xb2\xach(s\x01k7\x02\r\xfcu\xbf\xf2\x8bO\r\x17G\x9b\xdbo\xd5x\xb5\x13\x10+\xf5\xe6K\xe6\xff\xbe\x139a:\xbfx\xed\xb5d\xd8\xc1 \x92&lt;\x87\xf3&amp;\x87\xc3\xe1\x10!\xa7U\xcb\xea6j\x05\x1cck@}\xf0\xbb\xfc\xde\xa3E\xf3\xc6\xbf_\xc2R\x15\x91["\x13\xd9\xaf?\xe7\xde\nCx5S\xfc\x8d-\xcb\xcc\xd8\xc9o\xf0\x10\xeb\x03!\xf8\xd63\xf2r\x05&lt;\xb0 n\xda\x93@M\xd7g\x03u\rN\xd1\xe5\xc69h\xe0\x83\x88\xf0m\xd2#\x9aFs/\xce\xe6\xfe&lt;ev1\\%\xfc\xc71\x8d\xe5kHr;[?\x1f\x12\x1e4A&lt;\x05d=\xecx\xd3(ISl\xec\xc0s8\x1c\x8e\xd3\x03\x11\x01\xdeS\xba\xb5\xb7U\xaf\x903l\xf5n\xb3\xe9\x1dF\x03K{\x0c\x0b\xedT \xfa\xf1\x83\x08\xf7]\xaf\xe4Iq\xc3\xa7\xf0\x97\x1a\xccE0\x16g\x04\xab~,%cQ\x9b\x97V\x87\xaf\x9f\xbf\\)z\xbd\xc1\x04\xfcW\x96Uxn\xd6aq\xe7\xb5\xfe\x89a\xe8P:\xb0\xc3g\xac\x1d\xf3A\x98X4\x1d$\xe5\x8f\xf2X\xc9\xdd\xfd\xd9\x11\x87\xc3\xe1\xb0\x01\x11\xa3\xbfT\xbas\x1cV\xe1#\xfe\x1d\xcd\xc88\x00\xd4\x06\n\xb9\xbf0\n\x80\x1b\x05&lt;7\x87\x88\xd3\xf42\x80\x9b\xd9[\xd1T\'\x93\x9f\xa5N\xd4\x17g\x89\xd2\xe8]&amp;#\x16*\x94\xf8\x8f\xec\xd6\x8d\xa5\x9e\x19$\xd6@\xc6\x05di\xbfZ\xc7\xf8\x8f\xfa\x19\xca\xed\xe1\xe3m\x0e\x08\xf0\x7f\xb78\x9bP\xf6E@_Z\x0fw\x8f;w\x10a7K}\xe8\xea\xca \xe0\xe2D\xb5\x17\xf1\xb2\x06\xa3\xe2\xe0\x7f\t\xd8\xe1p\x9c)\x0e\x7f\xc8s\x17)\xc1r03\xc5\x7fEv\x9bCA\x168\xff!\xcfN-\xf3\x89\xe9\xf1^\x98\x99\xa6I\xaf\xfe!\xcb\xc14\xc6\xcfexNQ2-=\x7f\xb0\x12\xbd\x84 \xbd\xac5\xff[\xa8\xfe\xa7\xa4\xfaye\xd5\x89~2\x83\x8c\xd0\'\x1a\x1a\xc7\xf34\xa5\xd6\x93\xcdj-\xad^\x90Cz!&amp;\xe9\xc6\xf8\xa9\xd6c\xfd\xd0\x9bl\x83\xe5\xee\xd1\xd6.\x84\x9d=\x89;\x84\xb5~$N\xdc\x1f\x99\xb6x\x86\x000}@\xad9\x87\xc3\xe1\xb8\x84 -\xa6\xcf\xdfY\x06\x01\x00\x80\xd7l\xf4b@\x82&gt;\x13\x7f\xb76\xef{\x99\xa1\x8dC#s\x9d\xe7\x96oe\\`,\x11C\x84\xef\xa0/\xaa\xe5\xaf\xba0X\x84\x9f\x93\xab=\x02s\x9d\xe5+\xc8\x8e\xb0\xd1\x80\xd5\xfd\xa1xY\xc5\x00\xc6\x9a\x1fxXi\xf3sd\x19\x06\xc7\x00\xbez\x8f\x93t\xd8\xd2\xb1\xe1\xf0p8\x1c\x8eK\n$\xcf\x1d\xb5\xe2\xdc;Z\xd3U\\%#\xf2\x05AYM\x9b\xf5\x9e\x86=\x19\xfa\x0f\xc5\xd2\xe7\x92\x86\xa5\xd0\x97+\xe0=\xa0\x86^\xb9\xc6]K\xe4\x82\xefG\xad\xf0\x90\xcc\xd3\xc65\x90\x84\x05\x01&gt;f0\xc1J*;\\\x93\xd91\x13\x07\xed\x19\xcf\x13\x07Ot\xfd\xcf\xa2V\xbb\xf3\xd4\xe1p8\xce\x06$\xe36*\x18\xc9\xe6\xa8\xd8\x86y\x9a\xea\xf6S\xcc\xb5\xc0X\x8c\xee\xacl=9\xe6_i\xd2\x8c1\x1c\xc6\xfd\xce.\x8ea4\xc8\x8b\xbf;\xe5\xe8\xee[\xf0:J\xadY\x8b\x9d\xfc\xf6\xde\xfdw\x00\x04\xf8\x86-M\xb4\x81\x19\x8ds4\xde\r\xab\xbb`\xfd\xc5\x0fH\xae\xe4\xbfG\xc8\xe1p8\x1c2\xb2\\\xde\xa2\xe3\xb8\xc7u;\xc7\x85:\x972\xd7d\x17\xcak;\x84\xc8 "\xc2\xd7T\xbc\xf03\x07y@\xf9\xf2\x95\x9b\xed9\xd9J=9&gt;\xe7\x9f}U\x84\x80_\x8e\xb6\x1b]7\xb5\ro\to3\x90_\xf1\x03\xbb&lt;\x9e\x0f\xe0\xe2\xd0\xcf\x16\xffS\x88p\x1c.{d\xa8\xb6_\x0cWH\x17\x8c\xc0\x15\xf6\xdbM\x0e\x87\xc3\xe1\xb8\xa4\xb0QUW\xb6j\xce\xcd\x15\xefL_\x1c\x98\xfc\xb5\xd6\xc1\x1d,\x96&gt;B|\xddQ\xaa\xcc+J.Xj\xfcZ\xf77\xf1\xc8\xae\xb0p\xa8\xff\xe5\xb5;\xb7\xbd\xce\x91wro\xe9t\xeaT\xfbw\xccc\xe7d\xf8\xb5\xeat8\x1c\x8eK\x03\xdc\x8a\\x\x7fWm[6X)/\xeaAr\xacX\xa9\\~F\xfc\xf3\xfbO\x1b\xdf\xd4\x9f\x8cMxs\xff\xe3\xa0K\x03\x88\xdc\xae\xcc\xf4\x87\x1a\xd8\xba\xb9\x8f\xcbi\xc2&gt;\xe9\x05}\xa1\xdc?\xedP9\x85\xf5\xad\xbc\xae\xd0\x19\x82\x7f\x9c1#u\xb7:\x00\xe6\xad\xac\xdd\x82\xa4\xeaT\xf3\xc2\xe1p8\xf6\x8a\xfcHf\xf9*\xad\x98\xe4\xfa\x9bO\xfb\xaae\xc8^#\x16\xf7\xf5%\x8dnU\x17\x03\'/\xcb\xce\x06\x98O\xa2\xca\x86C\x0bb\xeb\xee}\x03\x88E\xff\xbc\x1dz\xbc\xee,\xc2+P\xfe\x01\xd0\x93\xa1oM\x10\xda.!\xea\xd0\xdc\x8f\xe4\xdcd[2\xd2\xc0^\xaew&gt;\x87)\xc6sw\xe3\xca\xe1p8N\x88Wq\xb5K\xa1\n\t\xc2\x83*\xef\xfd\xe3\xce\x00P\x99?\xd4\x8ap\xdc\xaf\xad\xb0\xc5\xffu\xe9\x85\xdb \xc0\xeb\x8b\x9a/\x8d\xce\x1d\x80\xe6\r\xc0\x82\x0f\xa5\xa5s\x0f\x93G\xef\xa2\xd7\x90\xfe&lt;@\xc6Gv\x93\xfb\x9d?;p\xa7\x07ZU\xda\xbd\xd3\x1b\x8e1\xafB\xf1\r\x84\xe1M.\xd6F\xe3\xabb\xc5Z\xce\xa2\x06kL8\x1c\x0e\xc7E\x06\xfb\x8c\xd5W\xc9^HU\xcez\x1d\x11\xdeTxE\xa4\xd9t[C\xd2\xfcx/\x06\x9c7F&gt;\x83\x1a\x80\x12\x93\xaf;\x1e\x15\x00\xc3\xa1,\xd3$W1\x90\xd0\xf1\xa1\xf2\xdf\xfci\xcc~\x9e\xe3I\x05z\xf7c\x10R\xfd\x1b\xf4\xe8\xc3\xe9Zg&gt;\xd8\x1c\x0e\x87\xa3\x16\xb7&lt;5\x81\x16\xb0K\xf9\xf5\xcf`\x05_O\xbc6*nR\xb5uu\x80\xf1 \xcd\xb1b\xf0\x06`\xc7\xf1?\xfe\xd88\xf7\r\x00\x00\xc8\x11\xbby*7\xd4\xd9\x9as\xf1\xb4i\xa5\xfc\xab\x8dd\xaal\xa9\xd3\xea\xdf\r2\r\xb8\x00\x83\xcd\xe1p8\x8c\xd8\xcd\xe1\xa5c;\xe4iR)\x0b|&lt;8X\xec\xe7A\xc7\x89\xd0\xe4\xfb\x8f+\x0f\x88\xb2\x8b\x83\xc3\x8b\x00\x08/\xd8\xc7\x8f\x19\xd4\xba\xf6wB\xdc\x84W\x89J\xf8\xc4Jy\x87\xc3\xe1p,\xb8\xb4s\x7f5\x8et\xba\xdf\xa3G(J\xbc\xa3/\x16F&gt;\x9a\xb8\xe4\xf7\x00:\xf4\x1fr\xcdvP]\xc1\xdc\xba\x17\x06tt\xe7\xeb=\x02\x81\xff\x11\xeeWk\xfbu\x1f\xba\x0e\x87\xc3\x11\xb0\xfc\xb2\x8eS\xf3\xb8`\xd8\xdb\x8b4V2\xa3*\xbc\xeeW{\x1d\'B\xa1\xd7\xbcO\xdb\x91M.1\x98\xf9\xaf\xe1\xcfUm:\xbf\x06\xee\xf4\x16U\x7f?D[\x0f\x8d\xd3\x12p8\x1c\x8e\xbd\xe1\xa1a\xad\xb7\xff(\xd5\xd9b/[\x9d\x13\xd0\xb0YL\x12?\x19\x12\xf5\xe7m\xe7\x043\xdb\xb40z\xac\xd7\xc4\x0e\x03\xb8\'\x00\x92\xa8A,^\xa89a\xe17\x10\x00\\#\xb7\xc6Yxb\x91\xa7\t\x1b=5\xfa\x8b\xf0[\n\x1a4\xfb\x84u8\x1c\x8e\x18{z\xbe\x8f\xd9\xd7\x9d\x10\x1b\x83\xfd\xee\xb5\xb2\x1f\x15\xd8\xcd\x90\xd8\t\xa2^[\xe2s\x87\xcd\xcc}\xfbf\x9a\x1d,\x1a~^\xd6\xdad\x19-\xf6g,a\xf6U\x95\xd1\x98\xe9Y\xd55Q\xea\xc3\x16\xfa}Qr8\x1c\x8eV\xfc\xcf\xfc\x12\x9bc\xbc\xfe\xdb\x12\'\x8e-\xdb\xdd\x7fNN\x16}\x03\x90\x00\xb3\r\xd2\xc9;\xf1\x0cq\xca\x88\xe9C\xda6\xe0\xbb\xdek\xd7w\xfe\xdc\x88Be&amp;r\x17ez\x9c\xf0i\x0e#\x9a\xccU\xadEjW\xfa\x9cu8\x1c\x97.\x8c\xb9\xe4\xf8\xf8\xef\xc2\xea\xbc\x07n\x17\nb\xf1\xca\x0e\x83]\x8c\x8dS\xe2\xdf6z\x99\xc1q\\\x14\xce\xbco\xbf\xed\x8e\xce\xb2\x010\x17\xfa\xb5\xe7\xf7\x8c$\x12\xc8z\x0ew\xafi\xb3\xc21&lt;\xc5\xac\xd9\xe9#V\x87\xc3\xe18!\x92\x1c\x13\xe7\x80\x16m\xcaC^\xee\xc4\xb4\xa0\xaf\x81\xc3\x9e\xe05\xe2\xc5\xc4\x19T\xff;\xa7\xb7/H\x07\xe7\x1b\xc5\xd0Rg\x97\x1b\xb3w\xe2+\x9fw\xb8\x0c\xb6\x03\x9d\x03\x9f\xc2\xfa\x7f\xc5j\xdaAUOf\xe9Cc\xa8\xed\x98\xb6S\xedp8\x1c\xdb \xac\x89\xf3\nFW\xe7i\xd2\x96\xb5\x83\xa4.\xa3\xc8\xdb\r\x8d\x05"\x1e\xd1\x1cv\xa7\x86~\r\x95\xf6\x96~9f\xa78\xc6\xe3\xd0\x8f\xe3;\xf1\xd8\x03rg@\xc405\xd65,\x9f,\xd2\xf2\x98\x94\xbf\xb6Yvh\x92\xae\x9c\\\xdbC\xef\xc4}\x84\x08\x13\x10\xda%c\xe5\x15\x00\x01+\x86\xd6q\x97\\\x89\x02\xc0Ly\x13&amp;\x97m\xa1\xd4\xe1p8\xb6\x05\x02\xc0/\xe5\x97\x85e\xd2\xf2Sk\x96\x83\x96\xd3T\xffG\x07\xe7\x9a\xe5wz8\xce\x1a{\xe8\xc1i\xda\xa0\xfa_&amp;\xee?\xb59\xf8\x9c\x91LN\x81C\xc7\xdey&gt;)oP\xf0\xdb\xf4K\xbc\xf4=O\xb6z\xb0{\x87\xa5U\xdevUy\x90\x8f\x16\xe1iRt\'\x96l^M0\xfd\xe8\xb2\xd4\x97\x17\xfc\x1d\xac\xf0S\xf6\xc1\xe1p8\x1c\x95?\xcb\x98&lt;\xcf\xa5\x92\xfa\x13^\xf6\xd6\x19\xbcJ1\x1a\x86\x87\xd1\'\x8cI\xf1\xb7|\x1e\x8d\xdb\x19\x8f\x8a\xb3\x1b\xd2\xb5\x84\x9b\x1c\xdc\xfc5\x8c# rA\x7f[\x12\x11\x11\xbf\x90\x7f\xf5&lt;\xbb8~\x19\xac\xd7\x86\x11\xcc\x1a\xeen\xd8\xeen\xf9\xfe\xbdM3\xf2\x1dQg\xa9\xaf\xb9\xc3\xe1p\x9c9\x94\r\x80\xda\xe4\xa3/\xbdZ\x7f\x9f\xce\xca\xaclo\xe8\x96\x04\x86{\xdd\xacp\x9f\xf1w\\0\x08\xc3L\xdf\x1ep\xe2#I5 \xdd\x00\x8c\xd1i+\xbbO\xed{\x19\xfbg\xe8p8\x1c6DK\xfc\x0f\xd6\xad\xf8\x8bp\xb2\x01\xf0%2\xe0\xc8\xa1\x18`.?\xf9\xdb\xeby\xed\x0e)\x9d\x1d.~\x0c\xc9`&gt;\x95\xb37a*\xe9\xc7\xe03\xca\xe5\xf5\x15\x8e\xcb9&gt;\xd0y\x00n{`\xefp8\x1c\x8e\xd3"KB{[\xf1\xf1\xaf\x11\x01\xfe\xfc\xf4\x07c\x97\x0c\xa2Pw\x1d\x04n\xd8e\xfb\x1c\x0fg\xf4t\xab\xfe\x1d\x8f]C\x0c\xfb\xa3\xd7\x17u\xdewG]\x83\xb0n\xad\xc3\xe7= \xda,\xed\x86\x95\xc3\xe1p8Fc\xaf%\xcb\x9c\x87\x10\xc3\xbf\x92\xe0\x0e\xc9_$\xec\xea\x14\x10\x85\xcf\xf5\x8aF\x0f\xfb0P\x8f7\x9b\xba\x7fy\xee\x88\xf7\xa17\xc5\xdb\x8ed\xa7?\x08a7U\xf5\xa2\x0b\xe2\xfa\xd2\xff\x1e;\x02\x01\xaeqj\x0e)Z\xa6\x98*\xff\x10\xf57V;\x1c\x0e\xc7\x85\x05]O\xf7\xb0\x19\xd8\xfd\x13\x89\x0b\x85\xa4\xf7O\xc8\x03\xfe\xdd`\x9dcx\xf2\x11{\xc0\xe0w\xa6K\xb6\x8a?\x84Mdv\x11\x9f\xdd\xa3#JK\x1do\x1d\x00\xab\xd8\xa1w\xee\xd0nZSN/\xb4\r\x83=\x8e\x9c\xee\x07\x92q\xb9?x\xce^{\x9c*\x87\xc3\xe1\xd8\x18\xf1\xf2g\\\r7,tJ\x9a\xf7\x98\x93N\x8e\xe6\xee(o\x00vUA\x8an\xee\x83\xe1\xb1\xb6"\xb6\x92\xee\x137\x9d\xa7g\x8b\xf1\x01\xf9\x94\xaa\xea\x1f@\xde\x98-\x15\xeaw\xf6\x90d\xd56\xcc\xe2\x0b8x\xb0\xba\xa7\xea\xb4\xef\xf21\x8e\xc3\xe1p\x0c\xc2F\x0b(\xd1y\x15]n\xac\xdd\x1d\xa1\xa3\xd4\xee&lt;\xe8\xbdH\x9b\xae$\x14_\xb4i\xca\xcf\x8cw\xdc\xad\xc2\xebmb\x17\xb0\x86;)\x94`""\xc2\xcf\xd8\xa3-=\xc3a\x8a\xc8\xf2\xec~\xd2\x06\xa5\xa7y3\x93\xfc\xafr\xae\x19G\xf2\x00`\x8c\xa3\xd9u8\x1c\x8e\x8b\x00r\xf48~\x01=\xd9\xa2\x8c\x08\xf0\xc6\xd3\x98\x8eX\xe8iI\xbb\xdb\x19\xba\x8b\x94\x0em\xd9\xbd\xca\xdf1\xe5B\xdf{\x0b\xcd6\xabJ\xd2\x0b\x83\xd3\xfbb\x1b\x84\xe5\xb7\xefL\xe3\xb9\xe2%\x9f-"\xb3\xea&lt;\x93\xf2\xfa7/\xf2A\x92\xc3\xe1p\x0cC\xfeR&gt;\xe2=\r\xbf$~\xf7i\x80\xf9\xc9\x07\xbd\x04\xdf\x96\r"\xc0\xef5\xb7\xee\xac\x14OQ31\xf1?\xbeu\x83\xc0\x08n\x7f\xdc\xe8csdH)frd\xf7\xb3\xb5\n\xa7~o\xed\x9b\xea^\x07\x8a\x85\xd97\xf8\xc5\xe6T\x8e\xbf5\x10\x88/ew\x1a\xc4t\xe7\xd3\xc8#\xc0\xbc\xe0\xec?\x859\x1c\x0e\xc7\x96\xa8\\\x04\x7f\xec\xb0\xbc^\xb1\xb2\xaa\x93\x84}\t\xd6#\xb0\xde\xed\x08\x94\x90\xb3/r\xe4\xf79\xae0y\x8d\xb8|\x9ez\x17\xa9\xdeJ\xceb\x8bE\xcf&gt;\x032\x04[\xba\xf6\xd9\x92\xcdJ=\xcf=\xb4\xaa\xd9\x0c\x17\xf6\t\xad\x85xa\x90d\xbb\xcaB\x93\xdd\xe1O\xecOK\xe0\xcc\\s8\x1c\x8eq\xe0\x0b\x8bR\x93y\x85\xad\xdd\x00\xb0\xf2;\xafKNN\xef@\xa0\xf3\xd4\xed\x1c\x1e\xd7\x9c\x10\xc7\x8bL^\xb2\x17{V\x90\t\xbf_\xd2\xfc\x98\xe5\xed\xc5y}\xae\xe8\x18\xdb\xc5i5&lt;,\x8d\x13\x99\xdd\x00X\xc6O\xae\xc7bh\xff\xc7\xfc\x0e\x87\xc3\xe1\x18\x0c[\xb1X\x9f\x1b&lt;\xa9t =9n\xd3p\n \xc1I\x08\x0c\xc4\x10\x17\xc2\x8e\xce\x18\x93\xa5\xeb\x0b\x0fp\x8a\xfb\xf6\\\xe0\xfb\xc9\xa0:\xa7\xb9\xc9\xfed\xedx#\xc7\nH\xda\x0b\xf6v\xa1O7\xe2\xb9\xcb9{\xf5-\xb6d\x0e\x87\xc3qA\xc1\xe5\tq\xd5+\xd7%K)_\x99\x1e\x88\xfc\x0e\xf3\xcan &gt;\'\xe9:\xe6L\xd4\x1e;\xfe\x9b\x96Sr\x89&lt;\xcc\xc0j\xa8\xdbJ\xcb\x06\x00\xfe(\xbf\x98\x9f\x07\xebJ8\x81\xe8\x01B\x91\xc9Np\x1c\xaa\xc4\xca\xc6\xe6\xc2\xd4~z\xc3Y&gt;+\x1f\xcf\xf4\xe6AK6\x18\xb6\x98\xd3\xe5}\xcb\xc9\x9e\x98S\xc5\x8bOx\xceh\xe4;\x1c\x0eG\x1d\xd8#Xy\xd5+\xd7%U\xa7\xb9b9{\x9a\x9fI\xfd\xed\xa3\x1b\xdd\x1d.\xe4\xf3\xfdqO\x18\x8eT\x10\xd4\x10\xe6_\xfcHvt\x9ds\xf6\x86^\x06\t8\xc6x\x18|\x90\xff\xc7\x11\xe7\xa4\xeb\xc5\xb9\x7f\x83\x99C\xbf\xbf=\x93\xb1nc\x1c\xe2\xa6\xcbk\xcb\xbeo\x00\x1c\x0e\xc7\xc5F\xe5\xc1\xd2\xa85Q]\xcd\x11\x11\xeev\xcaJ\xf4\xd2\\\xfa\xbbk\xe5S\x06\r\xd1\x98\xf2-z\xf2\x07#\x9d\xd8.2\x18\\\x166\x00\xa5\xf6\xeb\xae\x8f\xdf\x90_\x9asa\x7f(\x1cW[\xb5 ^E&gt;\xe2)\xb4\xec\x1e\t=\xc3I\x1d\xdb\x87\xc4t\xd3\xbcI\xf6U\xd9\xf0\xe4S\xc0G\xbe\xc3\xe1p\xcc`\x0f\x17Q\xdf\x18H\'\xfd\xc7\xaa-\x0e&amp;\x1e^\xd9\xc8\x97\xfez\x9c8hu\xef\xcf\xac\xcd\xf6\xde\xd7\n=\xcb\x13\x80\x92v\xb5Ugp6\x8b\xed\xafm\xa3\xf6h\x18\xb3\xf4\x85\xe5w\xee\xbe\xc1\xd1\x0e;Cj\xae\x13\xd7\x06x\xaf\x06"\xeaM\xc9\xf7\xf4\n9#h\x00""|\xd7\xce\xd7\n\x87\xc3\xe1\xd8\x06\xf9\x81J[\xcd\x01\xda\xaa=\xe3\x0b\xe7\xdc\xf3_F2\x83\x10\x1d\xa6ni\xa8\x16c^b\x19\xa7\xead(vG\xf3\xc6r\x1f\x1d\x1dA?\xf5\x94\xe6\xa3\xa4\x0b\xde\xacm\xc5{\xdc\x97\xda\x1ei\x87\xbf\xbf\x8eK\xc0\xf6\x94\xb1\xa5E\xf9F{\x80\xfe\x81\x91h\xd3\xef\xb7i\xfdy\x89d\x05m$\xff\x13$\xc6\xc5\xc1\xe1p8v\x80\xc2\xa2i\xca=\xf7X\xd7\xdf\x8a\x05\x97\xa4+\xb1t(\x95&amp;?a6w\x14l\x99\x1e\xb0\xb2_$5}mw\x01\xa5\xc0E\xf2C\xb4\xb5Zg\xcd\xbf\x83\xf4\xca&gt;0\xae\xfc\xda\xe4Y\x9c\xd6\xdc\xb6,\xf4\xbe\xb5U\x89c\xf7\xac\x10\xe1\xc14\xc6\x16\xeb\x89\xd2\xda\xb5]\xba5\x86\xd5hl\x12:\x87\xc3\xe1\xd83\xd8%\xaf\xef\x18\xc9\xd0\xf0\x97\x93\xca\x9eo\xf2\x83\xa5\x1dB\'\xce.K\x05\x8c&lt;\x90\xdb\xe4L\xae`\xb6[\xf2\xef\xc7\x99H\xda\xe5o\x0c\x0f\xc4\xce\xc7\x95\x91\x9e\xf4\x9aP\xc7@\xbap?w\x9e`\xcc\xd9|)J[\x96\xb0\xa7\xeb\x9dm\xa7d\xac\xda7\x00\x0e\x87\xe3\xd2\x81\xb8\x01\x807J\xe9JY%\xeb\x93\xdc\xd6\x0b\xae\xac\xffRX\xee\x8b\xc5\xfd^#`&gt;q&lt;\xdd\xf8i\xd0u\xb2!w$\xa3\x17\x7fB\xb5\x03\xa1{\x03`\t\xef\x1d\x06v\xc1\xe9we\xe9\xa9&lt;?\x83N\xcf\xd3\xe1p8\xce\x10\r9\x1b\x11\xe1J\xdaK;\xdd\xa4T\xd3\x16\x99\xf0\x93^\xca\xcb\xd0\x03_\xab8\x83\xf4S\xc3\xf0\xd8e\x1c\x02\xdc\x93;\xe7+\xbf7r^\x15\xe7\xc8\xd9Q\xfdV\xc6\xd68\x02\x99g\xc0&amp;+\xcc\x91\xa6F?sSs\xfdt\xa6\xc6\xd6\xa9\xdf\x8a\xd9\xc2\xfa(m\xfb\x99w\x0e\x87\xc3\xb1\x0f\x0cx\xcc]\xd4?B\xa6\x0b\x1f\x9d\x96\xaa%\x8bgT\xa7\x9e,\xd9\xa7\xdf\x97W\xbf\xa4\xd0\x1d\xaf:\x19i\x05\x01\x9e=F\x11\xffJ\x89\x95\'\x86\x1d\xb2M\xdaH\xc8h\xbd\x07\'-IaPU\x8a\x00x\xb9\xa3{Q\xf3T-\xb8\xb9\xdf\x87\x84U\xb85\x12\x8f\xd6Q\xd4\xe4\x1a"\xfc\xd8\xae\xf6\xde\x0e\x87\xc3qb\x84%u\xc3W\xf6I\xf6=\xd9\xfa\x9b\xa6\x7f\xd3\x9e\'/\x1a\xf6\x98?F\x1d*\x87\xf2\xdd.\x9f\xc7g\xbe\xa2\x9eh\x9e\xcf\xce\xaa\x13\xcc\x06i\xeb\'\x00/\xae~\x97\xefH\x1b\x00\x8b\xd0\x16\x96W\x02\xd7\xd4^,l\xda\x0b\xcdM\x10\x11\xe0\xcf\x9b)\x1aLX\x9e\x0f\x8cY\xc6w:7\xe3\x9d\x00\xbd\x11\xee\x1f\x9f\x94\xc3\xe1p\x9c;\xb6~j\xfc\xa4#\xd4=g\x82\xe3\xbf\xa5c\x16M+\tS\x93\x861Sn\x15Fc\xdf\x9b\x1b\xcdm\x87\x80\xdb:\xfe\x02\xdcm\xfb\xcd\xcf\xfb\xb6u\xfa\x86Mt}\xcb`\xdb(2\xa4@\x94_,l^\xfd\xc8\xb9\xc6p\xfe\x98}\x18\xaa]\x08\x88\xee\xc5\x99\xec\xde\xf7\xcf\xd0\xe1p8N\x81|\x05\xdfx\x03\xb0\xc3W\x9f\x13\xec\x96X\x0f6\x0fx[\x8dn\x1efC\xc7\xe4#w\xd2\xc5\xed\x9d\xb2q\xe1eW\xbe\xcc\xe5\xf1|\xb6~\x0b\xd1\xf8T\xea=\x89\xe4\xfd\x129Nm\xc0\xaf\xb0\xba\xabx\x1e\r]\xef\xd2t\x1b\xdfmX\x1c\x0e\x87\xe3La-\xad\x98K\x95\xc5V$_\xda?\xec\xfe\xdch\xcf\xdcr\xec\x85\xad\xf9\xe5\x84\x08O\xa8~G\xe5\xdc1\xc6\x05\xe3\x0c:\xcaD\x0b\xef\xbd\x98\x84\xad\x92\xeb\x1bhG\xee\xf4W\xc6#\x99\xeem2&amp;o=\xd9\xab\x8c}\xab\xe8\xa6?\x15P\xb7!\x8c\x1d\xb9r\xb5\xb1\xbd\x1f\'9\x1c\x0e\xc7\x96@\xc4/\x91^\xbfn\xd5\xd8\xf0\xfe7.\xef\xce\x96\x9e!\xecz\x03\xb0\xfb\xfd\x89\x11\x85\x07\xfa\xddn\xd6\xb5\xddIH\xf3Z\xe1\x98\xd5\xc3\x98b\xe5r\xc5\xf9\x15\x99\xec\xb25\x1a\xf5\xa3\xee\x14?\xc0z,\x8b\x95\xbb\xa6t\xdc\xaa\xc3\xa9\xfc\xc7\x197s\x13\x0f6\xea\x1b\xde\xf3\x9b\xda\xdf!&lt;\xc9^\xd1\xe1p8v\tu\x957\xbdu]_\xb4\xc5\xf2\xa7\xf9\x15\x19\xcc\xe5\x8a\xc4PH\xab\'\x87\x85\x95\xd8w\xf3\xf5\xcfYn=m\x9f&gt;*xrg\xfb\xd3\xedC\x8cs\xcaz\xae\xbf\xfd6u\xabw\xcdw\xb2\x15\\\x80\x00\xcf=\x95\xe9\x9e\r\x80\xae\xe1\x10\xe7wW\xef\x9ay\x9e\r\xfa\x9d\xba\xa8\x91q8\x1c\x97 \xf8\xb2\x83l\x0c\xf8\xa4R_a\xec\xeb7\xcd\xc5\xcc\xab\xdfe\xda\xf2x\xac`^\xbb\x87\x08\xcf\xb1\x9e^\x7fU\xfd\xc6O\xde&gt;\x19\xe0\x89S\x85m6Yw\x9e\x1b\x94)\xb9\xb6\xef\x1b\xaa\x1f\xcc[ \xa6\xa1\xa2Q\x170\xea?\xc9\x86\x7f\xb0Q\xc4o[\x02\xbb\xe3\xf3\x8b\xa3\xa1\xd1}\xdf\x008\x1c\x8eK\x16\x8d\xe7\xdf\x87VO\x8dV\xcfb\xda\x1e\x0e\xa1\xe8O\xcc\x95\xacw\xe7\x80\xad6\x0fy\xbf\xec$W\xb5G\xec\xd1\x03+\x95}mA#4\xcd\xa9\x0b\x85\xf8\xe5\xc0\xba\x86\xdaM\x1c\xd4\xef;~\x9cb\xfea\x0fD\x84\x87\xec{\x8c\xbd\xffpz\xa6\'\xa2\xa3\x8d:\x1c\x0e\xc7~\xd0\xf8\xdbW\x9e?\x96\x03\xcd\xee\xad\xa7}\x9b\xc3\xc0\n\x01^\xda\xaa\xfe\xbe\x03\xbd\xce\xaa\xc65\xb6?7\xe6\xecs\x0c:\xfc\xddW\xd5\xbe\xcf\x11\xdb\x8d\xd3{t\x18\xc9\x03\xb6\xd6\x99ZD\x04\xf8\xc0\xceQ$\x13\xab\xdd\xb9}Q\x0f\r\x1e\x81\xd8?kLN\xf9\xdc\xd2\xe1p8\x1c\xa7\x02"\xc2/V\x9f\xd9oY\x194?\xeeO\xd5\x0c\xe2s&lt;\x8c\x0b,_|\x90\x83\xd4\xdd\x04\xe7U\xcdL\x9e\x9d^htj\xa3\x1d\x97c \x10\x1e\xd5\x1e[v\xc0\x8f\xea\xaf\xd2l\xb2Y\x192\x1fe%\x06g\x97\xbf_v\xaa\x95a?+\x92\xc3\xe1p\\"8Q9\xa8f\x9a\x11E*\xd7\xfcR\xca1\xc5\x1f\t8\xbfh&lt;\x18&gt;U\xad\xb4\xe61\xf3\xb8\xe31:5\xb6\x9c\xbcg7&lt;x\xc8;\xde\xcd\x1c\x8c\xcahK\x07\x1d!\xd4\xa6\xd7]\x96@\x9d\xa4\xeb\xb7\x1b\xc6\xe1\x81\xe7\x7f\x02\x00|\xdc\x05\x19\xd8\x0e\x87\xc3\xd1\x8b&lt;;nTR\xbc\x98d\x97\x9b\x9d\xe8\x10\xda\x9e\xde\xae\xd0L\xaf\xfc\xe6\xf1N\xb0\x1f&amp;#\x8ec\xf9:\x0f\x0f\xb7F\xbcCr\x12\x14Nm\xcf\xd3\xa9\xe3\xe1\xb4\x8f\xbc\x10\xc3\xa6\xd4,\x7fB\x84@]\xa8\x11\x85t\x14lo\xcb\xe1p8\xce\x07b\xd9dk\xfc-u\xab\xea\x7fQ\xbb\x91E\xf5\xb7\xce5\xad\xdd\xcc;\xb5\xa1\xd0\xfc\xb9\xa2\xce\r\x8e\x0c\xb92\xf7g\x9au\xcd\x1a\xcf![\xcb\xe7\xaf\xcb\x9ep\x98\x17C\xde\xc6\xde\x0b\x8a\xb4\xbb\xcb\x9aw\x995\x9c_\xf4\x00\xc6&lt;K\xec\xb1\r\xf7\xb2\xef\x01\xd4\xbf\x1av\x14\x9cp\xb3tb \x02\xdc\x9e\x84\xbd*\x02\x97^\xb8\x1c\x0e\xc7\xc5@\xcfrO\x12\x06\xd2\x8b\xc6\xc6\xecK\xea\x92\x89\xa2ZA \xb9x5\x13\xb73\xc0!z\x9fy\xcc\xe3\xba\xe1\x95\xc1\x88\x82\xa3\xd4\xf6\x1ag\x9d\x9e\xb7.D\xcer_T\x85=\x94\xb3t\x90\xdb\x06\xfcq^\n\xfa\xf9\xd4\x10"\xfcM\x91\xde\x1e\xc8o\x08\xf6D\xecf\xcb\x81\xcb\xb9{\xe7p8\x1c:\x10\x9ekZ\xe6\xe6\xb5\xf2k\x97\x15\x93y\x88l)\xca3\x85\xc2\xf5=\xe4\xf2&gt;(\xe7\xd36\xe1\x07\x9f2\x02\x88\x08\xf0\xd3\xa3UZ{6\x919\xff\xc1\xe0\xd8\n\xf1\x12\xb4\xb1!\xb8N\xfcU\x91D\xd8\xf6\xc76\xea\x91\x9d\xdd(\xf4\xecg16\xcb\xe6Y\x7f\xeap\x15crd&gt;\x0e\x87\xc3\xb1\x13`\x8e\x9ag\xa9Q\x06\xba\xd5.\xce\xc6\xb6\xb3%+L^\x88*\xfe\xca\x0eMO-m\xebfo\x8b\x03\xb0\xb0u,\xcby\xae\xd5p\xa4\xc8\xec\xa1 \xdb\x13j\x1e~"~Na\x18\xbf\x1d\xe0\x8a\x8f:\xf68\xff\xea\xe8\x9b&lt;\xc7\xc7\x9f\xc2X\xb7\xfd#7\x1eMHMg\xf9\xce\xe1p8.I\xf4m\x00j\x0fQv\xb2\xe0\x1e\x97C\xcd\xcf\x11n\x13\x1fE\xed\xf1J\xcf}t\xbd\x83\xa2\xee\x11\xdfE\xc3\x8d\xeb\xc6\xe4\xc7\xeb[h\xfa\x83=\xab\xda\x17\xa4\x02\x97":\xaa\xed\xfbl\xf5\xe2\xa2o\x00\x1c\x0e\xc7%\x8by\xe1{g\xb2\x1aV-\x88\xf5k\xe8\xf1\x17\xdceK\x93\xefjv\xb7\xfa\xf7\'\xa4\xba\xe6\'\xcc\x7f\xc7{\xc7\x03\x01\xbexDQ{\xc2\xa1\xa2\xbf\x9a\xd2\xa1wg\xe3\x7f\x04\xea&lt;B\xbd\xa6\xafV\x05\xcb\xaa\x82\xd1\xc5\x8f\xeb(7\xcf\xaa\x8fF\x8f\xa8o&amp;\xab\xf7\x94\x99j\xb4\xe5\x1b\x00\x87\xc3\xe1HQ\xbd\x01\x00\x80r\x93\xfc\xee\x89_\x85?\xe1\xea_2=\x90\x8fQU(V\xea\x1eS\x9cQ\xe2\xece\xbb\xed\xef82R\xe8\xe1p6=u\xde\x886\x00@&gt;#"\xbe|\x9d5\xaf\xd1\xb5lKre5@\x0f\xabz\x84\xe6H!\xbb\xe0\xf4L\xeaX\xa7\xcf\x0e\x87\xc3q\x11\xd1\xb4DV79\xbf\x95\xd4\xc4\xf6\xc3G\xd8\xe1s\xe4\x01\xaf&lt;B\r]4\xf1\xfb\xe9k\xd0\xa1d\xe1\xfb\xf4=h\xee|\x94bX\xbe~\x9aM\x17\xc0\xc74\xb7/J4jnEU\xf5\x83\x88\xf0\xf7\xe737w\x0c5\xec\xcc\xad\xec\xac\xa1\xd0\x0b\xb3\xea\xad\xe1\xfa\x00\x00 \x00IDAT\xd8\xb6\xcb\xc2\xb0\xdd\xfb=x=\xdb\xbe\xb1C\xaf\x03 \xc0\xf7(M\xc5H\xb2\x9b\x8aAaq8\x1c\x8e\x0b\x0c1\xcf\r6cSH\xf3\xeb\x86+x\x93\xe6q|P\xd3\xf6\xaf\x8a\x95\xa4\xec\xc8$\xb3\xb4\xca\xa6\xdb\xe2\xdd\x8d\xc6@P\xdeY\x15\x8d\xed\x88\\\xfb \xe5U(\xc4$\xb8\\\xea\x97\x8d\xc8\x8fV{y\x04\xc4\x0f=\xddA\x83&gt;\xc2k\xe7K"u\xe8\xcd#\xacc\xc6y\xba\x08\xa8\x9co\xba0\'\x97\xb7\xe8\x9d\xc3\xf4gh\x9b\xcci\xfd\x95/}\x9dT\x1d\x0e\x87\xe3Lq3(\x95J\xc2*Y[\xfcY+{\x93\x90)\xcb*L\xcee\xd1\xef\xcdOR|\xa4R\x9e\x11F\xbc^(P\xec\xad\xc6\xa0M\xed1\xfaw\x97u\x03\xfe4y\x11E\x15\xdcU\x7f\x15t\x9e\xa8J\xeb\x19E|\xf1Jk\xfdQN\xd9\x8b\xfb\xb29D\x80{\x89^/\xe4\xd3\xc1s\xd4\x97\xe5\x0c\x87\x02\xb2\xa7\xd2\nf\xe4\xe7p8\x1c\x17\x01\x95\xab^v\xea\xb3\xe0=\xadz\xf4u\xf6I\xd5\xc4\xd6\xb4\xc7\x14\xa6\x8d\xf8\xaf\xfde\x82\xbf\x1bS"\xb0W\xeb\x83&amp;\x1d\x84[\xbb\xec8\xa7\xe6\'L\xea\xc3\x86\xe2\xc6OW6\xc0\x96&lt;\xcf)\x0e"\xd6\x0e\x1d\xbam\xb6\xaaz\x0b\xc23Z\xcd!\xc2:\xad\x98\'\x1e\x8dj\x01\xe12{4~\xd5\x181)UI\xc2\x17`h9\x1c\x0e\xc7\x16\xc0\xb7\xb3\xa7&gt;\xdb\xd9C\xd3\xaf\xae\xdfx\xd5\x1et\x84l\xcd.\\x\xb3\xb0W%\xb6\xfd\x01\x01\xee\x7f\x9c\xd3\xdcPfmj\x85\xda\x9b?|l\xd1\xbb\nJ\xa4.\xeas\xe48q\xd8\xd2\xcaqK\xb4\xcd\xdf\xc3\x19\xd6\xb3D\xad-\xfe\x8d\xe6\xc29\x0bK\xb8\xcf\x0b\x84\xff]\x8e\xc6\x86\x9b\xe1\x97\x9c\xf5\xa2\xeap8\x1cf\xd4\xae\xa1\xc7: \xa1\xab\xf0(\x8b\x18\xd4U\xb7\x1c\xe1\xb5t`V\xab\x83~\xbd\x00\xb9J\x8c\xedo\x0e\xf3\xee\xa8\xd5\x7flw\xf8dIu6\xcd\xdf\x1d\x9fq\xee\x99\x9b\x11\xc4\x05u\xe0\xd5\xd7\xfd\xa6\xd3n\x9bN\x04\x00\xb8\x82\xf8b\x8c\xdc\x1c\x8b\x02&amp;\xd3e\x0c\x8c\x9b\xc3\xe1p8\x12|\x9c\xf5\'\x08\x8f\x0c\xdb\xe2~o\x93\xaeg\xa6\x19\x0b\xb9\xa3\xf4BF\xe9\x89CzfojS#p\xbe\xdb\x00\x99\xf6\xaf\xe2\x9e^\xf3\x18H\xa3_U\xe7\xdex\xe7\x95S\xe4]u\xb8\x8e\xee\x17\x1bIc\x85\xaa\xc8p\xd7\xcb\xbd\x861J\xb4U\xd3\xe2\xd1\xbe\xd8\xf0h \x0e\x0e\x9d\x98\xbe\xa9p8\x1c\x8e\xdd`\xdcZ\xfc;\xa6L\xbc\xf9\xea\xff%\xf3n\xa4$W\xf1\xc6\xeaR\'\xd9\x99o\xef\xa6M?\xa9B\xfe:\xb9\xde\xcfP*bN\x88#\x95\x17\xab\x95\xdc\x16\x1e\x04\x84[\xc6\xc1\xb9_ \xe2\x15\x86\x06Y\xef2\xf9.\xfeE\xdfz"\xb4-\x9c\xac\xdb7\x00r\x1d/\xce\x9aU\xe7\xa9G\x88\xec\xe0\xd5\xf5\r\x95\xbc&amp;\xe0G\x1f-\x058\x1c\x0e\x87c?\xd8\xe6H)5\x01\xb4\xe4\x1d\xf1\x94&lt;\xcb\xf7;I]\x88\x88\xf0\xc9=\xcf:\xd2\xb3\xcfF\x12\xb8\xab\xc7\x08\x03`*P\x8a2B\r4r\xfc\x9c\xf4\xc9\xe1\x90\x1e\x0fSU\x9aY\xd2\xbc\xab\xa9\xc2\x05&lt;\xb2\xa5/\x1a\xec\x92\x85\xe8\x11\'/\xeb+P\xea\x14\xf6\xfan\x96G\x87\xc3\xe1\x18\n\xeb\xa2\x7f\xa4zH\xb1\xb2\xa9u\x9a\xfcnQ\xe3\xe9\x98\xf4`\xb3x`\xf8o\xfd\xe6\x88E\xfas\xd2\xe3\xbb\xb8V\xe1\xc0"\xac9s\xf7\x16a\xdb\xa3\xd6;\xd9\x9d\xb4\x00Ut\xee/ m\xbf{\xea\xb1}\xe6\xa4\'$)~B\x0eW\xb8\x1e\x874\xa9\xc3\x1b\x87nK9\xdeatn\xb5\xaf\x81!\x82\x9b8\x08o\xa2\xee\x9f\x87#\x0e\x87\xc31\x00C\xd7&gt;\xe6@\xab[\xe7\xe6\xe8\x89\xc0\x95\x079h\t\xd4\xd6\xf1\xdcB?\x8d\xaaQ\x7f=\r\xd3\xf6\xb5B\x1d\xad\x87N5\x80KA\xa8\xed)6\xaa\xd9\x98\x7f\x7f-\x98-\xc3c\xdbM\xfb1\xcb\xb55V\xb6\x85\xc22\x8c\xa9LZ\xfe\xb7\x0c\xbc\xf6\x80X\x8df2}\x84\x13\xb5\xc7\xe9Mf\x16\x90\xc9~\x06\t\xcb\xe1p8\xc6`\xc0\xf2M\x94m\xa6yo0\x1d\xd8W\xa8k\x7fGv`x7\xc8\x7f\xa4\x86\xae\xda\x00\xd4\x8c\x9c\xa2\x98\xf5\xd4\x96#\xb0\xdd\xe85*7z\x17\xbe\xf1\xf2\xdf&amp;l\x00\xe2\x8b[8k\n\xe3^V\x89\xba\x1e\xef\xdd\xa1\xcdE\'\xf9\xb9\x8b\xa8U\xf3C\x80\x16|ay\xc6q\xb3\xb2a\x03\x80\x18\xef\xab\x99\x89fS\xb5\x931\xe3p8\x1cg\x8a\x91ez\xaeGS{\xf3\x83\xc4\x00\xbb\xd5\x18fT\r\x1d\x8e+\xf2x\xd3\xbf~\xca\xfdU\x9b\xdd\xba\r\x00\xf5\xaeT\x91s\xd7+\x8f\xf0\x91\xbc\xbd\xbd\x9b\xbdk\xf9P\x96|\xe49\x7f\x8fp\x1d\xd7\x1fu\xf8\xa3&gt;\x92:\xf6\x10\xc6"\xaa{\xbcZ\xf8(\xafP\xb6\xb74&lt;\xaf\xe0\xf4Wo\xd7\x93\r6\xd7VP\x85\xd9\x1f3\x11Fu\xf7\xe4\xcd=\xdd\xd5\x9a\xe0p8\x1cc0pQkPu\x82\xf5t\xec\x9eG\xca\xeb[g\x0bm\xe3\xc1\x1c\xb0\r6&gt;@\x85\xe1\x8ds\x13sE\xa6\xf2\x19\xc2.7\x00v0[\xa6r\x04\n\xdb\xaa\x93ccb\xcb\x93\xb79t5\xc7\xd8y\xfd\xaai\x88\xdf\x85\x0bWm\x0cw\xdb;\x00\xf5\xcbi6\xbf\x1a\xbd\x8b\x8c\x86al\x9f\xbc\x9a\x18\xde`\x8b7\x9d\x1c\x0e\x87\xe3\xcc\xa1\xac\x80C\xd6\xc7\xceC8\xf1L(\xfa\xc2-\xe5\xfd9\xe9\xb8\xd8\x05\xc9\xe6\x1e\x1f\x94MK\xafa\xc8&amp;~F(\xad.D\xb2\'\xb5iaH\xcf2\xb2\xb3g\xf3#\x9e\xad\xc0\xca\x1e\xff\xf8\xbc\xb1\xae]z\x12h\xb1X3\x0e\x19\x17b\xd7\xb6\xe8\xca\xb6\xc9b\x94_h\xb3x\xfa\xeaWL\xc0\xc4D\xa9\xfeG&lt;\xe8p8\x1c\x8esD9\x9f5\xde5X\xe6\xebr\x93\xb9\xb0@\xdfO\xdb\x15\xa8\xebx\xd5\xfa\x1eK\x9e&amp;1\x9c&gt;\x1b\xa5\x19\xfa\x89\x9b\xbcDq\xe8\xb2\xef\xaf\x7f\xbe$\xe7x\xb1\xc9\x99\'\xfb\xbc\xdcD\xe8x\xea\x15\x95\x8f\xf5\x8d\xcfb\xf3\xd0\xee`\xa5\x1d\xe1\xe2\x88\xe7`\x87\xd9t\x15\xfc\xc5\xd8\x91\xac\xfb\x9a}\x0c\xcd\xff\x84#\xb8\xd1d)\xaa\x1dO@\xcaA\xf2 \xd9\xfb#\x1a\x87\xc3\xe10c\xcb\x12\x7f;\xd8\x88\xcd\xeb\xf8\x8f\xca\xe7\x9dU\x0e.)\xe1"\xfd\xda\xf8\x1e/\xb6,\xa4\xe4\x08\xcf\xb9Y~!x\xf9\xf67\x16\x1b\xba\xc2#\xa2|6\xcc\xc80\xf5P\xd7\x06\x80*\xad\xef\xd9M\xf7Q\x17c\xba-`;h\xbe\xf2\xf9UzX\xd5\xd5\xa6eA\x88\xdf\x943V\xc0\x83F\x02\xa7A\xe0\xff\x05\xd1\\\xf8\xca.\xab\x9c\x89(\x02\x17d\xf1w8\x1c\x974\xf6P\xfal\x0b.\x0f\xadKyS\x96\xdag\xb8\x9a\x8el;M\x8e\x1b94\xbf^V\xda\x94\xf2\xe5\xc5\xda\xa1\xe63TR.\xb7\x12?&amp;\x18\x92\xd7J\x8a\xf5\x97\xd5\xbc\x18]ck\x97!*R\xba\xc2&gt;i\x8f\xe8 M\xfd \xeb\x98\xc06\xb3\x10\xe0y\xac~\xbb\xbf\x05\x8b/\x107\xffs\xab\x8e\xc0\xc6\xfe\xae\x97\x01\x10\xe0\xe5{]\xfc\x1d\x0e\x87\xa3\x1a\xf1J\xb7\xc7d9\x18\xd9\xfa~A\\n\xa8\'\xf6T\x1bEEF\x89\xd8-\x95ZD(n\xd2\xc3\xbc\xbcI\x0b\xeb#\xa2\xa6d\xdc\xa6\xb8\xec+\xaa\x06\x12\xd9\xc6\xf4\x11\x19\xf2%\xa6\x88\xdb\x99_\n\xb2(\x0cS\xcc,&lt;\x7f\x92$R\x02\x8fP\xf6\t\xe9\x13\x0fV\x92\t\xce\xcb\x1a\xf6*\x8d\x90\x94\xbc:\xdd\x0f8\x1c\x0e\xc7Y!_\xda\xf0\xa2?\x01\xa0\x10\x92\xc4\xa5\xe0&gt;\xe7\xe3\xdd\x84\xae?\xf2xX\xba\xe3\xc9\xe6\xccm\xdb\x00(\x1b\xbc\xa2\xa1\x1d\x0e\x89\xc5\xaf\xd2\x84%c{\x0f\x1b\x9b\x015Y\xa7y\x9b\xd4\xf1\xe8U\xd6\xa9\x88\x88\xf01\xc3\xde\xba\xd9\xae;\xcc~\x95*uD\xb8f5\xbdX\xa7\xa1y*F&gt;\xbf;\x02\xe2\xefd/hQ[\xbb\\"\x1c\x0e\x87\xa3\x80\xf4\x17G^:k\x19\xb7\x01\x18\x9e\x0b\x0f\xf1\xbc\xb1p\x0bN\x12m!\xd7n\xe1\xbbdz\\\xc1]|\x11\x19\x11\xe0\x95\x8d\xcaw\r[\x7f-2\x87\xc8\xff\xe5\xb1+\xefC\xd7\xfc\x03\xe5\x80]\xa7\x0c\x9d\xcd\x0b\xca7\x13\x96\xb5\xd8\neD\x84_\x15kP\xb6\x85\x9d\xc1\xa0x\xf2\xf3\xbd8\xd9\xb9u\xb8\x1f\xd7&amp;\n\xefj$\x10\xae\xbc(\x8d\x89\xc8\x8a,h\x17faq8\x1c\x8e\xd1P\x16wD\x84\xcf:\xc9\x02\xba\xd5\x01XP\xaf\x17j\x87[E\x81A\\Np\x96\x1f\xf2"\x9a^6h9\xea\x83M{\xf0\xa2\xa0\xe24t\x13\xbb\xeb\xe7\x9e\xce\xdaj\xb6\xa6\xf3twO\x00J^\'\xcd\xc3\xd7\xb0_\xaa\xf7hY\x9al\x0c\xd3[\x92pr=-\xff\xc7\rQ\x8d0\xb1\x95\xd8\xad\x19`\x18\x1f\x9f\xf9\x12\xe4p8.IX\x16M~m\xfd\x1cS\xfe\x1b\x85\xfdU\x8a\xfcK)\x86v\r\x8e,\x9b\x8dS\x04a\xbb\xeasD\xdd\x80p\xc4AX`b\x17\xad\xad\x99N\xd4\xef!\xb0\xcd3\xdd\\\x86n\x01\xb1\x90]\xc8|r\xbd\xca\xe8\x05\x12\xd5/\xbds\xd7_\xcb\x13w\xee\xe3s\xa2\xc9\x85\x12A\x1e\x1c\xbd*\xa4\xc3\xd5`\xa2\x07B\xf4\xfaV\x8c\xa5\xed\xc9\xd7\n\x87\xc3\xe186\x1a\x17\xeb\xdaV\xa1hP\xa5\xbe\xb6\xb6f\xb2\x0b\xb7\xe2H\x89\xa19_\x9e\xa2\x8a\xaaFV\xd30"\x00w\x86\xfb\x8f\xca\xc4\x9f\x88\x88\x00\xcf\x1c\xa1j $\xd76-\x9b\x12\x02]\xcaW\x86\x1dT\x97\x86\xc7\xde\xbbJl\xe3\xc8\x8f\x89\x8f\x1c\x99\x0f\xb6\xb5-\xbe\xa6\x92\xb6\xa2"l\xab\x9f,qk\xe8\xcd\xce\x91Pij\x1b+\x88\xf0\x07{_?\x1d\x0e\x87\xa3\x1d\xda\xa2\xff\xd0\xf5\x08D\x10\x13V\xde\xaa\x15\xf9\xf4ow\xb4\xb8`\xa8\\+-\n\xd7;\xd2\xdb\xd5\x9aZ\xf1\xd8\xbe\x06-\xdb\xceo\x9c\xe9\xf9\\\xe6\x0b\xef\x08fh\xb2\xf6\xe7\xf0U\x85@\x8d\xe8\xdc~\x9e\xb3\x9ef\xf3Mm\xf3\xc2\xda~l\xdfi(\xba[\xac\xec\t\x13;\x99\xa1\x13D\t\x82\xba\x83\xaa4R\x1dpI~H\xaf\x91\xcf\xef\xe8\xd6\xe6p8\x1c\xbb\xc1\xb2t\xbeH\xbaM\xbflJc\x07\x95\\\x13\x81\xd6\x1c\xc3&amp;-aS\x81\x00/k\xb3\xc2[\xd5\xdf\xf1M_\x99\xcd\xc9\xf0\x9a\x1b\xc8T7\xa1\x8dO\xb8!\x19\x0f{\xf1gS\x17\t/o\x8f\x14\xe5{\x839\xacS\xde\xd2\xb0 4\xbf\x01/\xf8\x8e\x88\x00\xbf;j\x8ci\x91\xa9|Qg\x07Ke\x04e\xadh`\xdb\xb6\x01\xa82A\x9b\x16U\xb7jv8\x1c\x8e\x9dc/%Ts\xfd1\x8c\xfc\x913\xab\xe0\xef5$\xf1\xa1\x96\x95\xe7\x0f\xc9\x9f\x94\xda, \xe3\x8a\xaaE\xdb\t~\xe6\x81\t\xd1\x06\x1cl}\xf1\x8c\xbc\xc9=+\xc8 \xc0?\xb5\xd1\xb3\xa9\xdf\xbc\n\xecCg\x05\xa97/l\xe1\x10\x11\xe0\xba\x053T\xc3\xe7\x1d+,\xd1\x1eR\x91\xe2\xc6gS\x0f6\xad&lt;{\xc8_\x0e\x87\xc3q\x89\x02\xff\xef\xa0z\x0e\xbe\xa0MO\x7f\xc1\xba\xdb?\x8cP\xfe\x1d\xf0\xc3,\xede7X\x85\xb5F\xd9\xc7)\xe9\x18\xbbc:b\'\xbd\xd9U\x08F\x97\x13\x81\x9ah\xdf\xb0\x8a\x80\x11\x06\xbf\x82\x17\xe2\x19\xf9\xe2Ha\x17\x11\xef\xcc\xcb\xd4"\x03\x8d#\x01\xd7\xc7G\x8b\x17p\xc3\x9c*\xdf\x17\xc4\xae\xd5\xfa\x1d\x8clWse\xcd\xf2@:\xedB\xe1p8\x1c\'\x81v\x06\x0c!\xd9\x809\xc3\x9d\xbcp\xc41U\xf2\xb6^tD)*}\x86\x90\xc9M4\xf7\xe3\xdaj\xee\x85\x1f\x18\xc9\xcb\xe1\xc8\x1e\xb6\xccc\xf5D\xcb\x8e}\x9a\x10\xda\xea\x06\xe0\xa3KS\xaf\xf0b\x9eh]kR\xd0\xb3nNBsi\x83\xbd^\x97\xde\x1a\xed[\xfa\x12\xfe1\x87r\x86\x82\xafH\x9b7\x04\xd3\xe1p8.\x02\xd8\x85o\xf8\x82x\xea\xe5\xb5l\xfd6I\xde\xba\xa9\x90\xbd8\xe5m\x84\x1aZ\x01\xc0\x1b\xe3\x04\\i\xd1$_\x99</t>
        </is>
      </c>
      <c r="E362" t="inlineStr">
        <is>
          <t>&lt;class 'numpy.ndarray'&gt;</t>
        </is>
      </c>
    </row>
    <row r="363">
      <c r="A363" s="1" t="n">
        <v>361</v>
      </c>
      <c r="B363" t="inlineStr">
        <is>
          <t>steps_per_sec</t>
        </is>
      </c>
      <c r="C363" t="n">
        <v>4100</v>
      </c>
      <c r="D363" t="inlineStr">
        <is>
          <t>2.5477703</t>
        </is>
      </c>
      <c r="E363" t="inlineStr">
        <is>
          <t>&lt;class 'numpy.ndarray'&gt;</t>
        </is>
      </c>
    </row>
    <row r="364">
      <c r="A364" s="1" t="n">
        <v>362</v>
      </c>
      <c r="B364" t="inlineStr">
        <is>
          <t>Loss/RPNLoss/localization_loss</t>
        </is>
      </c>
      <c r="C364" t="n">
        <v>4100</v>
      </c>
      <c r="D364" t="inlineStr">
        <is>
          <t>0.30526263</t>
        </is>
      </c>
      <c r="E364" t="inlineStr">
        <is>
          <t>&lt;class 'numpy.ndarray'&gt;</t>
        </is>
      </c>
    </row>
    <row r="365">
      <c r="A365" s="1" t="n">
        <v>363</v>
      </c>
      <c r="B365" t="inlineStr">
        <is>
          <t>Loss/RPNLoss/objectness_loss</t>
        </is>
      </c>
      <c r="C365" t="n">
        <v>4100</v>
      </c>
      <c r="D365" t="inlineStr">
        <is>
          <t>0.041627426</t>
        </is>
      </c>
      <c r="E365" t="inlineStr">
        <is>
          <t>&lt;class 'numpy.ndarray'&gt;</t>
        </is>
      </c>
    </row>
    <row r="366">
      <c r="A366" s="1" t="n">
        <v>364</v>
      </c>
      <c r="B366" t="inlineStr">
        <is>
          <t>Loss/BoxClassifierLoss/localization_loss</t>
        </is>
      </c>
      <c r="C366" t="n">
        <v>4100</v>
      </c>
      <c r="D366" t="inlineStr">
        <is>
          <t>0.12675326</t>
        </is>
      </c>
      <c r="E366" t="inlineStr">
        <is>
          <t>&lt;class 'numpy.ndarray'&gt;</t>
        </is>
      </c>
    </row>
    <row r="367">
      <c r="A367" s="1" t="n">
        <v>365</v>
      </c>
      <c r="B367" t="inlineStr">
        <is>
          <t>Loss/BoxClassifierLoss/classification_loss</t>
        </is>
      </c>
      <c r="C367" t="n">
        <v>4100</v>
      </c>
      <c r="D367" t="inlineStr">
        <is>
          <t>0.123950645</t>
        </is>
      </c>
      <c r="E367" t="inlineStr">
        <is>
          <t>&lt;class 'numpy.ndarray'&gt;</t>
        </is>
      </c>
    </row>
    <row r="368">
      <c r="A368" s="1" t="n">
        <v>366</v>
      </c>
      <c r="B368" t="inlineStr">
        <is>
          <t>Loss/regularization_loss</t>
        </is>
      </c>
      <c r="C368" t="n">
        <v>4100</v>
      </c>
      <c r="D368" t="inlineStr">
        <is>
          <t>0.0</t>
        </is>
      </c>
      <c r="E368" t="inlineStr">
        <is>
          <t>&lt;class 'numpy.ndarray'&gt;</t>
        </is>
      </c>
    </row>
    <row r="369">
      <c r="A369" s="1" t="n">
        <v>367</v>
      </c>
      <c r="B369" t="inlineStr">
        <is>
          <t>Loss/total_loss</t>
        </is>
      </c>
      <c r="C369" t="n">
        <v>4100</v>
      </c>
      <c r="D369" t="inlineStr">
        <is>
          <t>0.59759396</t>
        </is>
      </c>
      <c r="E369" t="inlineStr">
        <is>
          <t>&lt;class 'numpy.ndarray'&gt;</t>
        </is>
      </c>
    </row>
    <row r="370">
      <c r="A370" s="1" t="n">
        <v>368</v>
      </c>
      <c r="B370" t="inlineStr">
        <is>
          <t>learning_rate</t>
        </is>
      </c>
      <c r="C370" t="n">
        <v>4100</v>
      </c>
      <c r="D370" t="inlineStr">
        <is>
          <t>0.039954696</t>
        </is>
      </c>
      <c r="E370" t="inlineStr">
        <is>
          <t>&lt;class 'numpy.ndarray'&gt;</t>
        </is>
      </c>
    </row>
    <row r="371">
      <c r="A371" s="1" t="n">
        <v>369</v>
      </c>
      <c r="B371" t="inlineStr">
        <is>
          <t>train_input_images</t>
        </is>
      </c>
      <c r="C371" t="n">
        <v>4100</v>
      </c>
      <c r="D371" t="inlineStr">
        <is>
          <t>[b'1024' b'1024'
 b'\x89PNG\r\n\x1a\n\x00\x00\x00\rIHDR\x00\x00\x04\x00\x00\x00\x04\x00\x08\x02\x00\x00\x00\xf0\x7f\xbc\xd4\x00\x00 \x00IDATx\x9c\xec\xbdy\xfc}\xdfT?\xbe\x8ey\x0e\x11\x92)\xbe\x85~\x08Q\xc6J\xe6\xa1\x89PhP)\xd27\xa9\x0c%e*%\xf3\xdc\xd7P\x86\xd2\xc07"DB\xf4UH)\xb3\n\x19&gt;\xa2"S\x94\xd6\xef\x8fs\xce&gt;k\xafi\xaf\xb5\xcf\xb9\xaf\xe1\xd3Y\x0f\xde\x9f{\xf7^\xc3s\xad\xbd\xf6\xda\xc3}\xdds\x01v\xda\xe9\xccKX\xd3JM\xdd\x00VY]\xc0\x07\xf5\xa0|\x91\xd4\x00\x16\xe6@&lt;\xd7\x04y-IHN\xf0\xb3\xe3\x82\x88p=6\x1c\x89\xd42\xe3\xdf\x92\xd5\x03\x9e\x1c\xd0\x98\xfa\xa8#\x0b3y\xb1\x1a\xc9\x91\xd2\xbaj\xe0\xa9\xed\xd5\xbc\xe4\xd5F#{\xa4\xb4\xb2\xca\xc1\x7f*\xe2\x07\x1a\xa3\x93K\'\xb8\xb4\x02Ag A8\x9bQ\n&gt;\x1bBN\xf4\xff8m\xed\xc5\xdb0$\x8cNo#\x08s3\xd4]\x83\xa8\xb6\xf2\xf6\xd2\xc9:&lt;\xd2\xe7\xc4\xaaD\x8a\xf3\xa9\xac*;\xedT\x91\x98\x9f\x89\xca\xe2\xb3\xf8"V]\x8e\xd7\x82\xbav\xf0\xaez\xd7^^\x7f\xd6\x91\xea\xa0\xb3\x86\x95X\xe6DYI\x93,[M\xa3\x8e\xa6\xd8\xc1lU\xe8\x98\xfe\x1a\xb9\xee\x88\xaa\xe6\xad"O\xa8\x1e\x1f\xc0\x869\xe0\xeb\xf7L\xc8\x91\x0b\n\x9eL\xfa;&gt;\x16\x9bh\xed\x9e\x17@\x04OR0\xbd|\xa8\xdf\xad;\x00\x00\x963\xed\x01\xdcG\xf8\xd0\x89\xd8R7\'{S\xbe\xcf\xe8\xfa\x90\xb6f\xba_\xcf\xd7\xac\x8f=\x11k\xd5\xd5\xaeh\xfc\xd8\x04\xef&amp;\xf1`\xc6\x96\x86\x1aO\x02\x9b\xa86xa\xb1*\xbdd\x9e\\_&lt;AUe\xa7\x9d\xba\xe8\xa0{ \xbb\xc5\xab}\xad\x19^\x9d\xec5=U\xa3\xaam\x13\xaf7\xdb\xa8\xc5\xf5\x04n&gt;\xd8\x82\xb1\xb4\xfc\x88\xb5`O\x95\xdd^0\x8e\x86\x9e\xc1\x07\xb4\xb1{+\x0c\xfa\x19rv\xc4\xf7z%\xe9{S;3\x1b\x9cnV\x9f::}\xe0\x97\xac;\x9d\x91\'\tCJ\xdf\x94H\xbf\xc3Z\xd6d\xd7\x89INg\x8e\x1f\xd8j,\x02\x0e\'\xabr\xa6d\xbd\xb4\x01\xfc\xec\xfc"jz\xd1\xd0?d\xcd\x8a\xd4\xa99?|n\xd0\x0eFu0\xd1\xaa\xfc;\xed\xb4\x13\x80\xb80\xf0\xcb\x07\xeb29\x11\xdfi|b@l\xdd\x99\x15\xbe\xc3\xed\xa5\x94\n\x9b\x14\x03\x00\x80\xcf\x85\x94 "\xe2we\x0e\x00Mx\xe8R\xb3.\xaf\x89\xaa!+1,\x8d\x0e\x9f\xef\x9a\xecZW\xbb\xdb\x89\x8a\x88/\'g*SO\x05\xf2F\x12\xfc\n\x90\r\x84\xbeL\x93\xa3\x17\xce&amp;\xe2\x07\xa1:a\xfej\x93\xe0\x1f=\x95\xdc&gt;K]\xfa\xd8T\xf2\xe6\xce}B\xd3?R\x1f\x8e\x90\x04\x92-\x87\xaf\xe3\x8a\xaab3B\xdd\x9c\xe3\x8d\xfa\x16\xb7.0\xdf\xa4)kB9\xfey\x81\xb8\xb6\x80\xf7ZU\xe6\xce\xb1Gc\xa7\x9d\x8e\x83B\xe5 &lt;Id\x9d\xca\x15\x1a\xca\xac\x97\xaa\xbe\x89z\xcb\x1a\x9e\x7f\xd3\x1c\xc6jS\x84\xbf4:\xac\xaal\x16M\xca\x13\xb5\xdf*\xd3\x8e \x8a3\x9b\xc3i[\xa7][\\\xf3O\xff\xfe\'\xc0\xd5(*\xd5\xeab\xf1\xfc\x8dH\xe2\xfcQ2\xe3\xb9\xd5f\xc8\x99\x0b\x01&gt;\x1e\xd2\xc7\xa8\x0c\xeb\xc0\xdc|\x9dx\x98z\x8f\xe5\xaa\x83\xab\xbdN\xe0\xa0\x88r\x00J\xda&lt;J\xcf\xd2\xe64_\xda\x8fp\x8f\xd53U\xc5\x85\xd1\xac\xc1\x1b\xc4&lt;$\xb37\xa3F\xe2\xf9\x8e8H%2\x97\xeb\xf1\x8e\x88\xf4Ef\x83\xa8\xae\xa7\x9eT\xd9\xd44\x9f&gt;\xc7\x1d\x90\x9dvZK}\x13\xdb_H\x0e\x03 \xc1\x16/\xdfM\xeb\xfeJ\x99\xad\x02\xb2\x88\xfc\x88\x15\xc3\xebj\x15gVr\xf6\xa6\xd1`\xb5R\x0b[\xfe~\xab\x96-\xe6\xa4\x9e7kV\x14\xa3\xa8\x1f\x00r{Y\x9f%\xa8\x05\xb4c\x89u \xa4\xafU\xb6\x93L\x15`-\x80\x91\xc48\xbdT%\x9b\x96\x8dG\x00\x80\x81\xa1\xef6\xb2`\xceq\xb5\x0b\xc9\x148\x04)\xd5\xe3}9[R\x83\xee\x82&amp;e*\xbd\xb2\xef\xf2\xaa*\xe4\x0c\x81\xa1@\xa4\xe2\x99z\x1a\x9edR\xd2l\x1f\x8b\x9dN5uoS\xb4\x82\x8bw\xc8k\x8b\x94\xc2p\xc5l\xa8\x01\xb6\x96/j\xe5z\xdf&gt;\x15\xe4!\x9d\xd3Y\xa8\x1c\x13\x8c9b\x1a\xe7\x8dx\xe1\x9c\x9d\xf2\x16$5\x1aAl\xc2\xd6\x02C\x95\x85\xbf\xaf\x06B\x1a\xa9\xf0O\x9a\x1f&amp;C\xe1 \xf4\xf1\xfb&gt;.l\xf2(b|\xecp\xba\xb6\xfbM\x92!\x8a\x04\xadf\xdff\x814\xec\x864\x07\xc7\xda\xe7L:\xbe%\xc5g%D\xd8\x0c\x1ek\xfa\xb3\xe9\x16Gm\x19\xb7\x8c"\xe2x\xb7\x9d1\x87\x88\x08\x1fB\x95\xa2F[\x06\xe2\xde\xe9\xf0\xeazH\x11\xc0\xc7:\x97\xdd#\xac3\xcf&lt;*C\x1b\xd0\xaa\xc8\xc4f\x99\x9fi;\xed\xf4?\x8ar\x95w\xbd\xb5\xe5\xdf\xb0\x8c\xd38\xa1\xd5\xa6\xb1\x8d\x9c\xf2w\xcc\xff\\\xf9P\x98\x7f\x05\x01\xe0\xa3mYzen\xfbba\n\x9f\xc7,b\x9bfKa&lt;\x02\x13\xe0\x97\x18\xe6T\xba\x92w\x00p\r)\x9c.\xd4"\xbb*\xe1g%oZ\xa3d\x132|i\'\x86`\x8e\xf0\x87\x92\x8dm\xa4\xc2\xf9\x9f\xbb1\x8d$\x7f\x86n\n\xf0\x94M\xb2\x82\xce\x02\x0b$aK[\xb4\xe6Tc\x8a\xd9\xda,\x13\x11\xd3\x15[x\x94+q\xb7\xe0\xd4\x86&lt;\xa8\x86\xe3\x8dh\xdcW\x81Q\x8b \xc2\xcf\xf5oUE\x833Fks/\xcaw\x1c\xfb`\xac/\xb9:\x12\x95\xaa\x8ah 9\xb3\xd6\xe2N;\x9diH\x9d\x03oq\xabOb\xe6Xez\xec\xf3M\x14Yu\x99q\xa6\xfd\x81&amp;v\xc4\xb4\xcf\x0fs\xd5K\x99S;5\x9e1\\\xdf\xdc\xe1E*\xbcT\x0f}\x1b\xf7(\x18\xc0\x08\xa9\xaa\xe2\xcaU\xce\xf5\xa8\xfah\x93\x98 *_NH\xa9\xc59K\xef\x83\xe8@\x9a\xdb\xd3\xb7n\xa8l\xf2\xd6\x07|\x9bt\xa2\xea~\x1f\x11\x11\xafflI5/\xda:M\x84\x81`\xaa2\xf3\xeb\xef\x01\x91?\xf1Y\xb6\xf0h\xcc\xed\x81^\xaclp\x80\xa1\x1d\x15\xdf\xbfh\x89\xe4\xaa\xcd")h\x00\xae\xd0#\x1b\xd0\xae\x18\xeb\x1az\xbb\x1dcs!x\x1aw\xe8\xa6Z\xe3\xdf,\x06\xea\tRM|\xad&amp;$a \xdc\xa2:T\xbf"\x13\xc3\x15^\xef\xb4\xd3\xb1\xd2\x98\xbbgte\xb0%\x92/@\t\x9b\x96E\x17\xbf^\x14\x8c\xba\xa1\xb0Iu\x7f\xddSe*\xba\xfb,\x1e_\x814\x9c!\x0cLD\xf6w\xdfd81\x8c\xc4Vj\x01\x9f\xd3\xb5\x9f\x02\xed\xabcm@\xd2\xc0\xb1\xa5u\xe5\xe2\xb9!u\x8c\xa6\xa3\xaa\x9b\x01I\x92\x83\t\xa9|\xffe\xec\xb56\xf4\xa1\x8c\xda\xce\xe5\x8d\x07\xaeD@\xed\xca\xc0&gt;\x08\xb6\xc8(\xcb\x98\x9f_\x1b\x85\xd6\xe8tn\xee\xa3$\x0e\x0f*\x982\xc4\x91\x99\xb2"\xa9\x8ej\xfa\xbb\x93\xa2)\xe7|\x9e\xa0\xf6z\xaa\xd2.[\x98\xf9\xc4W\x80\xd5_U\xea\x88@\xcd_t2\xaf\xafW\xeb\xdc\xb7\xfb;\x9d\x89\xe8\x07\x92%c$k\xaa#\xe2\x7f\x1c\xed\xa6g\x9e\x9c\xdf\xeb\xf4\xfa\xab\x94U;\xe6\xb7\x1fr\x04\x01\xee\xd9\x8d\x9b)T\xc1\xc7\xd1\xfa\x86Lf\xae-7v\x8b\xe0| )\x86\xc2P\x1d\xe7\xa2\x9b\x92\x14\xda\xd6I\xb2:\x00\x04\x02\x92\x00\x10\xa6\xb5:\xbb\x07\xf4\x10\xd4\x1c&amp;/\x03\xeb\xf9\x18TH\xd9\xa4x\x8b&gt;v\x80\x01\xed$\x89$\x95\xf0BN\xa6w\x9f\x92\xfa}\xa0Q*b\xfcI$I\xc4\xb3\x89\xe9\xc5\x89\x19\xdf\xcd\xa8\xf8\x98_\x7f\xd5\x80\xc4\x8b0\x13J\x99\x86y#\xd1\xaaT\xeaq.t\xec\xa4-\xe1D\xad\xf43\x9e\x93S\x1cv\xdai\x1b\xda0\xa7[39\xad/\xa6\xcd\xbcyu\xaaX)=\xc9JG\xf8W\xc5-\xb6\xb3\xac/\x1e:\x8ar\xfd\x1aI#\xd6\xde\xf7\xf8\xc2\xc4\xad\xb08\xfa\xd1\xa5\xa6\xfd\x97\xe4/{\xe2\xce\xc6\xd9hJ\xc8QS%r\xa6\xb1|Y0:\xbff7]\xe6\xdeq\xdf\x90\xeaA\xe9\x05\xd3\xda\xc1\xa4\x06\xfd\xd8c2\x91\x86\xa4\x07\x9e\x9a\xf9+\x03.\xf4\x86U\xb1\t\x02\x88x\xf5#9\x00d\xa7\xff\x11\xd2\x06x\x16\xbf\xf2\x07\x80: \xbd`n\xab\x05\xf6"\xed\x1a^\xff/@/V8\xd5\xc1u\x86&gt;\x98\x0c\x13\xc3\x89K\x98\x9dv:\x89\xb4am\x95\xab\x0b\x02\xbcw\xec\n\x8a\x96\xb7\xfe\xed\x82\xbd6\x90\xb7\xd7\xc6\xf2\xd7\xb1}\xfe\xa8\x86\x83\xa8X\xd3\x96\xf5h\xf5\xa2hG\x8f\xf3x]\xf5X\x17z\xd42\xfak)\x82S\x8a\xa8\xaf56=\x8b\xb4\xc1\xca\x06\x9ckV\x04W\x84h\xcd\xd03=k\x00\xac\xcc\xea\x929Z\xe3\x0c\xefL\xb1\x8a\x7f1?^&lt;y\xea\xb9V\xf3~mV\xed{\x923\x94\xe5\xdb\xefv\x8cK\xd75s\xc7\xf4?B\xdah\x02\xceg\xdd\x9c\xd8\xda\x80,?\xc7\xce\xf4\xd8iV\xb1\x94\xdd\x7f\x0cF\xa9\x155\xf3\x8f\xaa\x8e\x98\xe3\xeef\xc2\xd4\xde*MH|\xdfi\xa7\xffI\xf4|sJ\xf4\x90:\x0fe\xd5\xceU\xf0\xde{2z}\xab\x18\xaa\x00\xac\x9a\xfc\x9e#\xdcY\xeb\x16\xf3%k\x00lE\x81q1\xd7\x809\xe0\xef\x82\xba\xe0\x16\xc7Gzwc4\xdb\xb9A5\x07\xdd\xe28m\xdb\x12\x045\xab\x02\x8da\xd0\xf6.\xf6mwP\xe7&amp;\x1b\x0e\x89as\x9d)\xeb\xc9\x08T\xd2\x1b\xa3\xd9\x84\xb6\x8e\'\xadZ\xc9p\xcd\x9c\xfd\x11f\xaa\xf8&gt;\xac-\xb3\xce\xee}\xb1\xa2\xadc\xbb&gt;,\xdb\xd1-\x05\x18%z\xcb\x10\xac\x9b8\x92r\x07\x80\xcatl\\x1\xdc\x9a\x9f\xa0\xf2r\xa6\xea\xfa\xad\x133\xfa;\xed\xb4\x9e\x9aS\xc5\x9f\xd5}6}[\x92\x0e\xb4\x89\x89(\xef\xa8)\x8e\xa2\x88\t\x0b\xd2fHzH\xae\xe2\xff\xda\xa3E\xdf\x10(W5Hne45\xf1P\xb47\x1c\x00|itt\xd6]\x88\xc8\xff\xc2\x01.\x98\x82gZaxJ\xac\x9a\nKH\xfba|}5\x04p\xf2\xee\xd4\x8fc\n\x1c\x8e\xcc)\xbf\xd5m1"\x02\x9c\xfb@\xfa\x1d\xa3\xf50\xfd\x895j2\xd5\xd7\x18\xed\x93M\xd98\xac\x89U$\'\xbbUo\x9d\xac[a\xd8.\x14\x8buD\x80[%\xb5\x86\xc2\xdeQ\xf1\x10\x11\xe0\x1a\xda\x9a\xa2\xafJ\'{\xf4w\xdais\x9a\xe7\xc3V\xa5\x99n,$\x8fJ\x11\xfd\xa1Z\xf6{\x95BW\xb9r\xd1\xbb\xc1\xe4\x17J\xb8~D@|\xe2\xda]\xef\x96$\n\xa2\x86\xa1\x1f\x92w\xc3m:\x1b\x8dC\x1b\x1534\xf3;R\xb9u\xa8\xc9\xeckX\xa3-\x9f0\xca\xb1\x01\x0f\xb3\xf5\x0f\x8e\x1dj\x1f\xe3\x1cb\n`\xb0\x80\xf4*w\xd0\xce\xbd\x87:\x00\x1c\x0b)Yd\xc5\xe1\xb5\xd5h\xae\x9f5G#ubir\xe7\xaf\x9c\x83\x961\xcd\xb7\xb1l&amp;\xb3\x9b\xe7m\xe5\xcd\x07U\x03\x00\\\x96y\x147\'\xe3Q\xa1\xf5]\xdbi\xa73=}\x1e\xb1\xf5\x0736M\x93\xe7\xba\xcb,\xaa\xc5\xad[\xc6\xe8|\x0bN\xce\x89\xedg\xe8\x15\x88\xc9IEJ\x89\\S+\xdf\xcc\x8a\x8b\xd8\xde\x11\xcd\xfan`\x93z\x1d\x177\xb0)\xbb\xa5\r\x8bc&lt;\xda\xc2\xa2\xbe\xea\x04\xcd\xc2v.\xac\'\x16\xed\xee\x11\xcf\x08\xf2\x98\xd3\x7f\xfb\xc8\x1f;Y\x01$\x03\x9d)\x12\xeaFD3|+\xb5\xa3\x9e\xf7Q\x03M\x04}\x86\xa2\x82\xeb\x8aF\x07\xe1|\x9d\xd1\x9c\xc5&lt;\xf8\xd3\xdb\xd7P\xae\xa0\xc5\xdaV\xfc\x0eX\xae;\'\x9f\x9aw\xed\rq\xa5\xb0\xac^V\x9cbe\xcceSWt\x14\xea\x11\'\xb9d!\xb1\xd4\xa2J\x84\xe1\xa5!&lt;;\xedt\xa6\xa7\xfc\x92\xe9\x97$y$\xd0M\xeae\x8b\x00\x8a \xa1\x12j=\xf2KX\xcc\x8afX).\x8bGG\xfb@\xd5\xf4\x01\xc0\xd7\xa3\xf1\x1c\xf5n\xa3\x01\xb5\xe1\xc2\xaa\x91\x8d\x90\xbd\xae\x80\x9f\xfc\x8f\xb5\x135h9\x05p\xc3\x81\xab=\xad^4\x92*\xf6\xb9\xcd&amp;\x14Hr.\x10a\x826Hq\xb9\xf8\x9f\xe9\xe0\x07a\xd7\x05\'G\x91\xf8\xa8\x9ai}3\xec\xfe\xa4Z\x12\xd7\xccD"\x1bUBD\xce8%[\x7f\x80\xc6\x9d\xcb\xa1k\x85\x89gBu\xe35\xabg.\x01\x10\x11\xee\xce\x8e\x8e\xa4\x8b\xeb\xf9\xec\xe3\x83\x13\xc1\x9e2w\\\x91\x9f;\xedtf\xa0\xec\x8a\xa2M\xfeE\xc3\x8fe\xd60\xb1`p\xc6\xac\x1e\x8b\xc7\x11l\xa2\x8d\xbb\xd0\xa7\n\x8cE\xf7\xb8H\x1d\x88\xf5&gt;\x06\xe96\xabC\x1a\x91\xea\xd0\\D\xdcq\x8ff,\xc0\x87c\x16\xab+\xbdD\x9el=R\xc5\xd3\xf1\xc5\x1d\xe6\xfb\xe0\xefv\x87\tS\x98\x03W\x8f\xdb\x92\x85\xad\x0f\xc3\x86\x05\xa1i\xa2o|]l\x02&lt;\xdb~\xb9\x9b\xb9\xf9Gid\x0c6\x08B\\\xcf\xc8\xf98\xdb\xb4h&lt;\x11\xdf\x879\xb2\x84gf\x01\x1e\xa0v\xfcDk\xf8\xe2\x80\xad)f\xd0\xd5\x98\x89\x1a\xad\x85"\x04\xe3a:\x1b\x02 \\\xef\xf8s`\xa7\x9d\x8e\x85\xfe#[}\x9c%$\xa9@[-b`\x90\xecE\x80\xc8Z\xb6\x1c\x041\xcc!7d?\x98\x15\xb0\x121\xc0\'`\xf8,k\x94\xb4\xdc&lt;\x08\x1d\xdaV\x97\xe6%\xe5fli\x90!\xbf\x9c\x0f\xc7\xbc+X\x05\xedV\xe4LO\xdf\x1d\xb5\xcb\xe7_l}\xe1\xf0\x99\xe6~l\x98\x1c\xdc\x17VR\x87\xca^[\xed5\xd7Y\x94\xf3\\\x8crD\x7f+t\xf9\x9b\x8e\x9bHm\x17\xeb\x05\xa0\xf8\x05\xff;;\xd0\x87\xa0\xf8\xbc\xde\xc0\xd2l\xc8_t&lt;&lt;\x1f\x18#\xf6_\xf1\xab\xf7\x0e\x98\xa3\xe0#\x00\xac]Av\x92\xe6\xfeF`\xa7\x9dN.m\x95\xb2V\xc5\xefcFD\xf8\xd1\xdc\xc7\x08\x16\xfdcdS\x8b\xa5n\x9a\xeb\x8d\n5\xeer\xca\x11\xda~\x8f\x96\t\xda5\xbf\x0e\x1d{"\x8d\x12\xa0W\xeb\x8daU\xc7\xc5G\xe8\xc0\xe8\x15&lt;\t\x84\x80\x08w\xa6;\xfeu\xa75\xe5\xe0\x87\n_,%\xd6\xe7p\x80\xcc4\x90o\xa5\x90\xaa\xcb2\xd3D\x92\x03\xee\xeb\xf2`\xe4\x9e&lt;\xcb\xe3sD\xe3\xc2\x11\xac\x93\xb6F91\xfd\xb7MH\x01\xe6\x15\x11\xfd\x0eZ\xab\xd1\xd0\xe9\x19\xda\xdc\xcd\xad\xb4\x8d\x1a\x9d\xbe0\xdb6\x8b#|cG\xda\xb0yT\x06T_\x9e\xc2X\x84S\t\r;\xedtbH\x16\xe8\xbc\x8e\xdf\x84\xaaV\xb6+cs\xaa\xb4\x18\xf8\x0c\x97\xebN\xd0\x10\xb3\xe8\x94{\xa5K\xb1\xb8\xa2\x04|\x83e\xfd\xe5\xd1\xf2\xf4I\x02&amp;\xb1\xb6\xe5\xe3S9\xcb\xb0\x11\xb6K\xd8\x99p\xc0B\xb9b\x08\\\xa5\xa9v\x83\xd7\xcb1\x9b\xae!\xc7(\xa3\x04\x8d\xd7\n\xb6\x0c\xaa5\xf4\x91f\x1cD\x97\x9a\xa8\x9e\xf8\xa8a\x8b\x81k\xd0CLG\xe8\xfcJT?\xcav\xb4\xe3\x82\xf0\x95\xab\xcc\xa1Fl\x98\x0e_\x018}\x13\xc7\x93\xf8 \x022\xa9b\xa5\xc1\x83}\r\xf4\x18\xbf\x926\xbd\xfe\xff\x8cr\xc5`\x16\x10\xf1\xa2\xc8m\x92\xc0\xb6\x12\xed\xa6I\xad\x15HV\xabB\x1f\x9e_&lt;\xc6&lt;\xb9\xe1l\xc5\xcb\x9c#\x9f\xaa;\xed\xb4%\xd1\x1a\xc4\xf3\xf8\x97\x13\x852\xb4{\xb68s\xcaQ):\x88\xf8\xe2\xfc$\x1c\xe1\x9d[\x99\xc3\xd5\x82\xa1J1\xef\xe6\x17\x9b\xd5\x02\xb7\xa8\x99\xcc\x91b4\xf1$\xf7"\x88xQ\xe2\xa3\xb05ow\xec-Q\xe1\x97~\xad\x0f\xda\x17\xba\x0b\xf1y\xd3\'\xd2\x05\x7f\xf2~7\x8d\xcdP\x15d\x8c\xaa\xdbt\xf7\x10\xb1x8s\xfeD\xd8n\x14\xa86g\xeb\xd3c\xee*\xe1\xe9yr\x08\x05\xad;\xbb&amp;,\xc7Q\xa9\xe7\x94\xad\xf1\xa4\x88$\xc9Z$G1\xa1\x12\x00\x0e\x1d^cX\xb50\xce\xd9\xa8\x0c\xbe\x19\xf6ki\xccG\x9b\xd8;\xedt\xd4ti\xa4\xfb\xb3)\xad\xef\x9c\xd5\xc2\xa6\xe5\x9a\xdat\xe8bmOljN_\xe0\x9bEd5\xa2Y\xff\x1bR\x17Q\xd4\xa3\x1b7-\xa5\xd00C\xaa\x84\xaaC=\x00\xac\x19S\x15\x18"B^s0\x08\x96\xfd4\xf4\x13F\x01G\xca\xec\x08\x8e\xf86\xa8z\xe5\xe8\xd0\xa0\xda\xe7\x88\xa5L\xa9\xfb{\xa1\xaa\xe7V\xe2\x9a\xf5\xbd\xa3\xcf\x9c\xd5\x7f\x08\xb2\n\x05\xe3\xe8\xd3\x0cp?\xa9\x0b\x02\xa3&amp;P\xa1\xa4\x0eH[\x11Eu\x80y\x94\xbe\xd7p85~\xb1U\xa8\xd9\xd6G\xd8\x15\x7f&amp;\xd5O\x87X\x82\\j\x972\xfe\xed\xef\xf0h9\xf3\x83\x92\xbb\xdb\xcd\x9dv:vR\x96\xb1\xbe\x92Dg\xc2\x16\xb3\x82M\xbc\xdfZ\xad\xd0\xd4?\x17\x82\xf1\xdf\xdf,\x95\x85\x15\x08\xa3"\xf4\x18\x96\xa5GW\x9e\xb0\xc2\xb7\xd7\xdd\xf0\x16\x85\xab\xab[\x8dDA\x98:A\x8dJ\xfe@\x8dT\x9f\xd7\x88\x00\xafHe;sG\xc0[p\xc6u:\x96\x0e|=\xdf\x18\x82\x8d\x12)\r\xa9\xc7\\\x0b\xea\x86\x8e\xd8J\xd6\x9a\xa8S\xab\xa9\xc7\x84\xd1\r\xa0\x83\xfc$\xe9O\xa1\x98Z8kc\xb8i&lt;y\x958\xbe\xad\x9bUC\xd6+n\x15mY\xbe|\x0c\xdf\x13\xdf%\x17U\xeb\xc3\xdbJ\x18\xac\x1993\xc1S\xfd\xf1\xaa\x0f\xdbq\xad\xe6\xb7\xc0\xec\xb4\xd3\xe9\xa5f=\xaa\xf7\xf7(\xde\xca\x16\xdf^/\xd0\x86x\xcb.eT\n\x813\xd59\xff\x96\xdb\x14\xbd\xd6\\\xc4&gt;*\x84\\:\xa6\x15\xae\xb2\xeb\x94R\x12\xf6\xa0\xde\xa6Jx\x1c\xaf\xe6\xdb.\xf32\xb0H\xee\x17K\xdb\x86\xb6\xf2r\xbf3I\xfd\xfd\xda\x04xLq\xf6\xc8\x12\xa9;u[8\x8fwF\x04)\x0f\x92O\x9f\xf7\x13\xf1\xa7\x1d\xd2\xd9\x82\xd3\x03\xccgz\x8f\tK\xf0\xbd\x81m.\x93\xe5\xb5\xe2\x90W\xef\x9b%\xdb\xea+\x98Z\x03q\xbf\xbc\xb8\x93\xbe\xc5\xf7\xd5N\x01\xd4#\xe9\xf9\x1e\x89|x\x80\xf0\xacj\x9cgq:\xd6\x16\xad9\x00\xe8\xd6w\xda\xe9t\x91\x9a\xdc*Wy\xed\x8b\xbb\xda"\xb6\x9a\xe4\xd6\x97\x98/|b\xd7\xfb\xcb\xe6\xcd\xc7*\xf8&gt;\x14\xc3D\xd3zS\x83\x05A*\xe9\xf1\xa4F\x01\x00\xef\xab\xc3;\xb7\xd7\xa5\xb9\xd3\\ b\xb5\xb9ng\x9c\xb7c\x9bL\xe9\x80T\x02\xc0\xb6\xf9v\xc2\xa9\xf6\x97\x1f\xb4\xd6\xab^\xa5\xe1\xe4\x91\xf0\xe8\xaf\xc6f\xf2\xef!\xe8\x9b#9YO\xcc\xce\x03@\xc7\x0e\xb8\xccz\x07\xcf\x012\xa1rs\x0b+\xeb5\xfc\xbe\x14o\xd4\xcc\x03S\xd0h\x1e\xdb\xad\x8b\xc8\xdbI\xe9\xd0\xf44\xdc\x97\xf1i\xc5\xea\xccVRv\xfa\x9fC\xec\x94\xec\xf3zl\xea\x1c\xf3\x15\x1d\xd7\xccA\xe3&gt;\x80b;\xca\xcah\xd7\x1ae\xafi\xc1\x9b\xde\n/\xba\xe1\xa4.\xe6\xa9-+\x9e\xa6\x1b\x11s\xde&gt;\xc0r\x96\xc3\x88\xba#\xf4\xb2\xe6\xac\x1e0\x0f\x00\xed\xfb-JW\xaa\xa7X\x07\x8cSA,\x97\xe8\xbf\x07\x9d\x92n\x12\x8e\xa6\xaf\xbdF\xf9F\xe0\xb5\x9d\xbdv\x8b\xe9g\x88`@\xf8\xa7\xf8\x94\x8f\x0e\x87\xc5\xb3\xa2:\x05\xc0\x8d\x9a\xed\x0f%d\xb860\xc7\x9d\rW\xb6\x96\xeeC\xcc\xf4\\\xed=\x8c\xe9M\xd8$\x7f\xed\x11f\xf50\xad\xe5\xc5\xe5X\x944\x9dC\x97\x8d\x9dv:.\xaarx\x00\x80\xc1\xceaD\x9c\xfa\x87Ql\xb0\x99\x8b^\xc6\x83\x88c\x8b\xc5p\x94\xa4\x16\x85A\xd4\xc20\xc2I\x9f\xca_\x1cO\xe1\xb1Ti\x0c\x88XF\xb0\x1e\xd6|\x84\x9d\xe1\xab\xdb\x11\x10`\x18X\xbbd;\'\xc2\xe7\rUkp\xfaD\xb3\xb4\x99\xb1\x96\x86c\xccOX`\xc3\x9cZ@V\x19\xd4V\x1c\xb5\xf1\xb4\x13"NAXj\xd4\xfcf~\xedy\x8d\x88Jq\xab\xa5\xfc\x8a\xd4\x97?\x9a\x06(\x03\xf4\x19\xc4\xf3n\x93]c|\xa8\xaak!\xfee\x9d-\x0b\xeb\xc0\x02(\xa6\xa2*\xb8)-&amp;\xb7\x9a_r\xaa"b\xde\x91\xa9\xa0\x05M\x02\x98\xccU\x95\x1e\xa7\xe5\xb1V\x12N\xca\xa07\xe1ek\xcbx(\x92\xfb\no\xa1\x94\x00\xe3q\xabWF(\x8b\xf9\xb6\xc9\xc6F\x96\xbav\x96\xf5\xdaw\xda\xe9h\xa8\x9c`\x87\x99\x1a\x85o\xdaH-\x13\xa0\xefT=\x9e\xceG\x83\xe3\xfb\x0e%\x87#Y\xa9\xdbn\x8eA\xc1\xf2N\xb9\x1e\xdb\xbc\xfa\x0fK\x04\x97\xa1\x9c/=\x16\xb6\x8f\xc55\x96\x0f\xcd\x89\xfc\xe4\x85\xb8D\xc1\xe9#\x14\xfd\xe2h\xc9\xa8\xb9\xe1\xf3\xc2\xfd\x9a\xc1\xa1\xf3go\xa7\xdc\xf1ze\x8a\xbfo\xd4zo\x9b\xa4\x1a\x1c&amp;\x0c%\x9e\x03Q\xaeb[\x95f7\xa6Wh\x9e\x17M\x86\xedi\xda\xae\x0f\x03\xc0\xed\xa7+\xbe%\x12\r\xaf\xd5\xe2\x86\x9b\x8d\x94O\xe3\xcc,\xbb\xff\xf1\x1d"\xe2y\xb62\xa08\xf1F\x00P\x92\xa1|\x9c2\xed\xcb,:\xe0V\x95\x16\x92\xd5U\xd1\xfb\xeb\xc1q\xbe$\x15\xb6\x16\xc1\x85\xae\xe5_\x9b\x17\xd7\x86\xa1\xbc9h\xb2%\x95\xd7\xe57\xe6t&amp;\x98\x8fZ*\x84@\x96\xd03\xdc&amp;a\xb3J\xa7\xf9\xf8\xb0u2\x9f\xac\xed\xcaN;\xa5I\xdd\xd2\xc5e\x19\xf9l\xc1\xf6\x95\xd4\xabp9\xc9(\x1e\x99;!\xcd\x96\x12\x16\x04\xf8\xe3\x1c\x1aE\x83\xc9i\t\x02\x0fr\xf43}\x87\xca\x87\xe6j\xa0\x94\xd0\x1d\x13U\x80\xc7(}y\x05\xd2\x92\xea\xb02o \xa5\xda\r\xa2\xf1 #\x07\x0e\x12dc(-[\x1d\xde9"\x17\x88\xe9\xb1R\xcebn\xa5\xfdY\xa4\x06K\xa7\xa5-\x10\x075\x92\xb8I\x86H3\x04m1\xe4`\xe6y\xb5\xd1q\xee\x93~\xb7\x9d]y\xeb\x95\x9ers\xc1\xa3\x1aH\x86\xb4Y2\xf1\xe3\x9a\xb3\xfciT\xb8bY?\x00\xb1\x81\xee\xabc4\xabcN=\xd6\x8a\xc0\xaa\xe0\xab\x85\xc2\xc8\xe4\x9dv:\xd94\xa5\xece:\xb36\x98\xfal\xceX]\xebi\xf5\x0c\xec\x9c\xcc\x8cy\x8b\xa2\x10\xd7`\x1e\x00|J\xd8\xae7[\xe5"\x93\xf4\xa2\x14\xcd\xbb\xbc\r!\xe2\xa3ul\n\xa7\xc5\x80\x99m\x10\x8d\x8fjB\rHc8\xbe\x8c\x1f\xb4@I\xef\x8d\x0f\xedu;u\xea\xcd-\xe64\x80g\xe9\x0bsN\tAhrN\x9aM\x1e%\x1a\x86_\xa6\xb32h\xae\x11=\x8c\x96\x0bIBD\xfc\xed\xa2\xd3Q\x8b\x88\x88\xbf\xb0\xce\xee\x0c\xfb\xc1Y\x11\x99\x87\x88\x08\xf0\xa4\x02\x1b\x11\xe1\x1a\xe6\xa1\x8e\xb9FZdi\xaa\x99\xa4\xd4\xba?\xca\xef\x18&gt;Kd\xb3\x1c\xe0Q\xf5\xce\x81GC\x14\xcfGX\x05K\x8e\x02"\xc2#\x12g\xad\x14\xceNU&lt;\xe0;\xedtj\xe8\xc2\xab5\x04\x16\x9b\x9au\xa3\x1b&amp;E!+%\xd9\xd9(\x16\xa4U\xc8"L\x0e[\x02\xcc\xec5\x1a4\xf3=&amp;\xacS\xd7 V\x945\'\xae\x9ePG\x98\xe3q\xdbl\xac[\xa4\xea\xb7\x87\xa9\xde"\xd4\xed\xf7Y\x01U\x98\xe3\x8eO\xed\xc6-\x9d\xcc\x84\x8e\xe8m\x15\xf0Q\xc9\x1d\xb6\xbb8\x17\x0b\xbch\xf9?&lt;\xf9\x19\x98\x88S\x7f\xbbhX\x86`\xd3\xf4\x93i\xd5\xae0\xebm\xc1\xf7\xa9J\x8c\x043q\xce/t`\xa6_\x92Yumi\x9c\xda\x07\\\x19\xf9@\x90m\t\xc5\xbb\xfe\rk\x13\x03g8h\xc5\xab\xd6#9\xd45(= d\x98\x98\xee,r\x9f\x7f\xc9\xbd\x06\x87\xbdoq\xbc\xd8i\xa7\x9d\x16\nN\x12\xad\xb8\x9b;\x12[\xe1\x01f\xa3\xb1\x93\xcb\x8a\x14A4W\xbb\xa0\x8fI0\x99]o\x89\xfcR\xfe*\xd9\x9ezWD\x0e_4S&gt;\x1e\x11\xc9\xc4V\x83\xa0\xe6&lt;\xd3c\xc1&amp;\x82\xa8\xecb\x01\x11\xf1\xdb\xdc\x95L\xcbX\x0e\xf2\x16\xbd\xc3\xd79\xe2\x1a\xaaf\x94VPn\x8eda\x948\x07eS\xfa\xc9 N\x13\xad\xb9q\x89#\xb7txH\x94\x16\xea\xce\x8c\xf6\t\xed\xb2\x10O95\x93\xb7\xf0\x17\xd8\xadMV\xa7\xc7\xbf\xc5\xd9\xdeg\xa1o\xbbm\x05\x91X\xe40\x1f\x08\x8c\xedl\xc8z\x00\xe4a\xbd\xd8i\xa7\x13B\x8f_\x99\xdf\x91Y4\xbe\x16\x12\xe2~\xaeUV8\xff\x06\x94\x9e\xde\x0c\tC\x8b\xf3\x12\xa5\xc7\xe4\x99\x88\xda\xf5\t\xe7\x14\x8d~%\x9a\xba\x82\x8e,\xc3\xc1\xa0z\xf5.6\xc4\xe6r\x8e\xe4\xb0\x01\x81#\xcd\x1ar\x02u$\xe4\x85\xb1)\xe8h\x04\x96\x06h~JV\xe4\x1a`\xec\xddX\x12y\x07\xe9\x86\xba\x00\x84D\xd8t\xfbp`s\x90\xc1\x10\xdd\xf7\xcc]\x7f\xbe&gt;\xce\x87\x1c\xa6\x9ecj@\xa1\x94ML\x16\xc9\x19\tx\x04\x9b\xa6\xe1\x16Y\xf9\x15\x00&amp;%\x1cP\xdb5\xac&amp;~\xc7M\x16\xa3\xbfk\x9d*\x91\x13\x88\xca\x83\xad\xa5d%5\xe7\x97\x80\xd7`$&lt;/\xb6\x98\xb6\x00\xbe\xd3NGN(\xe6\'\xed\x92T:\xb2V\x84\x88Y\x02\x02\xa5\xad\xf46\xb6\x95Al\xdb^\x8d8\xce\xf6\xa9RGA\xbeMx\xb1z9\xb4\x90V\x9e\x92\xfbH*\xa2\x8e\x94\xe2N\xfb\x80\xd7\xef\x81\xd7G\xcf?\x1b\x98\xd2\x86\xbe\xd7\x11\x19\x16\x95\x8b\xce\x8b2\x04\xce\x95X\xc7)\xf7\xc0\xe4Lg\x9c\x83\x90\xd8\x11\x8e\xf4\xc9\x90\x8f[\xef\xb9\xef\xa1L\xde\xa0\xaa\x95\x83\xd2-.\xa0\x1e[z\xc8\xd2\xe1\xe4\x7f)A\xace\rx\x19\n`xbj\xba\x01\xa802\x19\xe5\xf5\x06\x83\x83\xac\xb0\x1b\x9a\xc2n\x92\xcf\xc1\xb4\t\xae!\\;\x8eLa:\x80\x06?k\xd9\x1f\x03\xba\xd3\xa9\xa1\x92\xb84\xffC\xb3b\xc8?\\M&lt;\xf3\xb1\xa8\x97\x0f #\x0fP\xb3\xec\x94\xc7_\xc6\xb7DF\xc7\x1c\x01uV\xf7T\x1cD\xed\x01\x97\x83\xfa\xd4\xcbH\xe9\x99$\xc97\xee\x86Ic\xf5\xb4M\xf9\xcc;\x0f\xff?\x04\x1c1A\xaa\x8f\xef,\x0fD&amp;OF\x9e!E\x9e\xf8\xb98\xf2\xf2\xa5\xa9\x000\x1d\x99\x97\x87\xf2\xbe\xe1L\xadY\xd3\x07\x00p\x07kmJ\x92L\xaa&amp;\x00U\r\xc03\x97=};m\xaaL`\xb9m\xf1\x9f\xa8g\x94\x17R3m~\xa6g\xeeW5\x86\xe1\xdf\xbf\xa4\xfcx\x85k\xd3\xd7j\x88#\xe9\xaa\x07\xfd\x89\n2\xd7\xc4f\xd4=\xa8\xb5`\t\xe41\x9c\x01\x94\x85\xc3c\x06\x98\xa2\x8bD&lt;hJW&lt;?\x1f\x9b\xac8\x00/$\xabCl\x8dp\nN6\xaa\xe3\xa2\x90\x142L\x0f\xc3\xef\x05\x7f\x9df\x84i\xbb1v\x05a\r\xe5\xd9\xc6\xcc\x13R#\xd9\x8d\t}\xc5g\x99G\xc1\xf0"\xf2\xa9\xbd@\x19T-[\x1dHv\xda\xe9\xe8\x89_!/\xd3\xaejYj\\\xbd\xcd\x82\xcd\xaf4\x82]*\x9bJ\x8c\xc5\xd4\xf2j\xcase\xa9\xd92\x1dr\xb2U&amp;R\x15D\x1b\x85\x1e\xbbM\xef\xe2 \xb1\xda&amp;\xe7t:C?\xbdy\x995\xac\xd2\x8fFXR\xe3\xc5fGP\xd0\xd2f\'gN\x83T\xd8\x81\xc0g&lt;\xfa\x1d\x1e\x1b\xd0\xe9\xbfO[\x03c\xf1\xa2r\x9c\\"\xae\x19S]\x9c$!c\xf8fD\xb8t3\x01\x8c\xc8\xab\x97\xa3G\xbe\xe7Pa\x1fK\xb6\x8c\x86\xd7\x08\xdbZ;\xb2b\x9bkiG\x1c\xb1\xfa\x13\xbe\x92c\xa4\xdf\xb4\xde\x9c\xf5\xf1\x11\xacU\xdd;"\xd2M\xb5\xadj\xef\xa1R\xb7\x89\xe9\xcd\xed,\x85\n\x06\x9f\xb6\xf0~\xa7\x9d\x8e\x84d\xa2o\x91\xc1\xcao\xb2l3K[l\xb5\x0b\xdf\x92\x9a\x9f*\x8f+x\xcbT\xc4\xb0Qg\x0fQ8:\x9e2dF\xec/4Og\x06\xca\x8cu\x97b\xd7D\x1bB\xca\xc3\x18\x1fbb=:j\xccBX\xc4V\x11\x86ji\xa0oa\xfeW\x15p\x02\xe5\x1b\x8a\xa3\xda\x88\xcc\x0cL\x05\x7f\xe2\xf9x\xf9\xbb *\xf2\xf70o\xa4\xa8\xe6u\x90\xe9\xce/0\xbe3\xe7\xf8\xa6}R\xf5\xe0\xad\x03\xdfK\xb5_\xf7\xd0\xdd&lt;*$\xdd\x82e\xee\xa8]\x00\x97[\x8dn[Z\x11\xe4\xd8\x94\xcf\xa89\xa2\xf3\x1e\xb3\xf8Z\xe1\x857\xd1V\xd8\x03\x00\x80O\xab@\xe4\x14\x07\xf8\x15\x00\x80KG\'\xf5N;\x9d,\xc2\xf9^\xbf\\c\x1c\xfd\xc5\x92O\xa4\xe8\xd4s\xef\x8f\xa2\x9b\xcb\xd5\x95\xa2q\xb3\x12\x9f\xf3M\x18\x1b\x14\xb2\x986Q\xca\x16TV\xbb\xb1\xe7\xd0\x86f\xa2\x8f6\xe1\x19\n-\xce\xf6\x15W,\x80&gt;3\x16.&amp;\x13\xd0\xdc\xb2\xa7\x07\x963\x83\x1e\x9c\xba\x85*\xf9\'\xf98\xedx4N\x16q\xd8\x1f\x8d\x8el\x9c\xe7\xablN?\xd3$3\xb8\x83\xbb2g\xfe40\x7f}\r\x18\xa8\xe7Y\x90\x84\xfff\x06\x8c\x83\xe7\xde\xa4\xff\xfa\xfd7J\xdb\x0e\xd6V\xa4b@Dx\xf8\xbcL\x1f\x0e$"\xc0?\xeaA8X\xa0\xbc\xb96\xcfD\xcb\xeefH\x10\x01\xfe\xd3t\xed\xfaZ\x9eh\xcb\x96\xe7\xcbN;\x9dLrs\xfa\xb0\x96\xe3\x9c\xf3\xb4\xbc[_\x19\x9a\xbc;@\xf1\xea(\x88\xbe\xc8\x91\xadCd\xd0\xaf16({\xc7\x05\xaaw\x13\tb\x1b\x04\xcb\x97M\x03\x18Dc\xbf;\x02\xa7\xa1\xcd\x1b8\xd2\xb8\xd1@(+HO\xe68zA\xe4U@\xff\t\\\xab\xac\xc8\xc7\xc2U3\xb0l\xa4\x8dK\xcbce\xce\xe0\xdf\xf6\x0c\xcay\xb6\x1e\xdc\x065M\x041\xac\xc4i\xfa\xbb\xbc=\\\x1c:\xd5\xda3Q\xe6\xc9I\xa2C&amp;\x95\x9f\xban\xacV\xa1\n\xc8~\xc8\x9bP\xab\xf7\xdcD-""&lt;\x84j;\x8bu\xfd\x0f\x97\x92wC\x08\xf0\xe45Hv\xda\xe98\xc8\xa8\x80\x07\xb2S\xbf\x8e\x9a\xfb"\x99\xa2^9\xe8\x02\xa3\xbe\x8d`+u\xa1\xc3\xbe-\xb5\xb6\x9e\xba\xca\x05\x8c-)}\xc4Z9\x889m\xc8W,D\xe3\x17%\xcd\x0b\xf8\x86]\x83_\xc9\xd8\xac\xd7\xd6|\xa1\xc3]x6\x99 qh\x9b)"UH"\x0f\xbb\x83\xf5k\x1e\x07f\xe5\x10Q:\x84\xc2\x05*+S\xe2\xea\x9d\xf3\xc74o\x82M\xd5sTy\x18$\xa4\xff""&lt;y\xc9\x87\x85\xa9r\'\x0f\xbeuL\xad\x19\x8e\xf4\xda\xd8\x18,\x94d\xcb\x95p]\x10\x1eUef\xc7@\xd7\xc1\xd7\x014\xb3k]\x82\xe9\xf1\'\xc0\xca\xff\xa6\xc6\x1f\xa8\xcaxo\x92\xec\xb4\xd3I\xa2\xf5\x13\xa9R\xe47\xd6udi,\xff2\xe9Jd\x83\xcb\x86\xbb\x97\xd7\xe5_\xbf\xc4x\x1a\x11\xdf\x9e\x83\xe4V\xfcun\xae\x8f\x92T\x985\xeeV\xc3\xcb\x1e\x12F\xd3\xba\xe0\xd6\x92\xcd\xce\xc3\x85\xa7X\xc1\x9a*\x1e\xe4\xd41(\xb5\xf2\xf6~\x0e\xe6}\xe1V\xd39\x02oCm\x00\xf8\xd8\x98\xb3\x01e\xfa\x91\xa9\x0e\xe9\x8b\xba@\x1e5E\xb2\xa8\xf4V\xd9h\x04\xb3\xa4\xca\xca\x11\xb4\xf3\xff\x80\xd4\x99\x1e1\x84b\xd6R\xa9\xf7\x05e\x9b,Q\xcc\xdb\x91\xed\x94\xc2#sL\r\x0bW\xd8\xf0\xcb\xcc[\xa8\xb3\xd1\x1b\xdfO!\x17\xden\xb1cjI\x88\x9ef\xb1P\x9c\x8f\xadDv\xda\xe9TQ_a\x92sU\xd5\xc3\x1a\x9d2$\x1b\x91\\\xd7e\xe1Q5z+"\xbc\x16\xe1\xdb\x1c\xfd=\xe5\xd2\xc3a\xfb\xde\xec\xcd\x92\x15\xbay\xd4\xf09\xeeq+\xb3\xca\xbe^Y\x0f6\xba\x17I\x04\xa4\xcd\xb3Ax\xe9\x88\xab\xda\xec \x1c\xf6\x00Pd\xb2V\xd6\xd0&amp;\x89\xaa\xe8\xfcU\xa4\xef;4X\xc0\xda\xc1\x8c\xa5G\xd6\xf1d\xe2\x99y\xe5H\x10`\xd5\x9d\xa54-\x1a\xf5\xd2\xd7\xb4\xcb\xf5\x1f*\xf7\xaaI\xd4Wa\x82\xc1G\x8d\xf2\x80\x1b\xea\xb7S\x98\xb1\x1a\x8d\x9b\xbe0\x95C\xb5C\xbe\xf58H;!\x8f,t\x08\x88pu\\\xde*\xa6\xd1}\xbb\xd3NgfJ\xd4G\xc9f\x0bV3-S\xb6\x02@\xd5O!\xc8\xf5C\x87\xdel\x15p\xcae\xb3\x922f\xbaB\x9bvm\xc7KT)C\xa3\xa0_1q3\xd4t\x81j\xf0{\xd3C\xd3\xb2y\x975\n[\x1b\x9d5\x98\x89\xe0\x7fC2%VP\xf5\x08\xd7\x1ey\x11\x93\xb5\x98\xeb\x8c\xedSA\xfe\r[\x8d\xa6\xf1\x0b\xb2\x0ef\x87\xb2L\xcf\xb8\t\xa6\x00\xdc\xe9\xdcR\xcekB\x18\xf0\x96\xa4\x82\xef\x9b\x14a~5\x07\x8eho\'lm|\x87\xb2\xdd\x00Y?Q\xaf\xaf\xe9\xb1\x18\x1e,\xe0\xcd\x8f&amp;\xca1\xd8X\x07;\xa2\xb7\xff\x10\xd8Ngf\x8a]\xc8.\xd3\x86\xfd\xc8\x88\xf5\x83P\xee\xe6\xaa\xf0\xeb\xdbPSl\xfc\x01\x17\x80\xe1\xdaE\x16\x17\x8d\xc3\x80\xfa/v\xb5h\x12\xe1\xbf\xf3\x95S\xc2\xf5\x95_\xf2\x9aHuMs\xd6\xb0;\xd0\xa0-\xaa\xe8\xcf\xd90\x0c\x000\x9c\xdb\x18\xa0\xebDwc\xe1`\xd23\x8c\xec\x9a2\'\xa2-S\x9d\x87g\xaf\xf9\xf9\x1c\xf1\x9b5&gt;\x8c\xf8\xcaQ\xb1\xfd\xe4@\xc7&amp;\x10\x81i\xe1\xecX\xe3\x11\xa7\xe4\x18Me\xc5A\xfc\x8e\x0f\xa23\xac\xdc\xb8\xd5*s5\x0b\x8a\xfck\xd3\xe3*\x00\xea/\xf4i^|\xe7\x98\x96\x1b\xee\xa8TU\xa8\xfcv\x9buA\xcb\x88;"\x7f\x8f\xb0\xfe\x918\xb6\xf1\x9a&amp;]\xc4\xfa"\x90\xf9\xa5\xad\xc0\xbc\x90\'\x16\xc1\xb1\xfd\xc9D_\x95\x8e\xe6\x0c ~Bk\x9b\xdf\xe4\xa3?\x13\xa9\x85\xe2\x1b;TF\xa0M\x91G\xe5\xb7)\x05\xd7\xc46\xe3\xecs\\\xde\x88\xcdi\xed\x9d+\xa6\xda5\x96\xc1Q\xa8\xcb\xfaN;\xfd\x8f\xa1\xe6\x99\xb8\xe3\xd0\x0cU\xb1\xbe\x82z\xf8\xb6\xa7q\x1a\x02*\x1c\x88\x00\x00 \x00IDATv)\nKuH^)\xb1\x86nT\xbe\x15\x19I\xf9\xd6\x12\xff\xce:\x86/\xb5?vP\x8d\xb7\x98QR\xc69\x0f\x83\xd5\x82\xad\x0bx\xe8\xbf3n`\x0c1\x19!j\xa5\x07\x8fa6\x9e\xeb\x86\xa0\x7f\xec\xd6\xd1q\xd9\xad\x10\xc8\x8d&amp;V\xd5\xa6)\x9e\xb0e\xf9k&amp;\xc96\xf1\x89\x9e?\xbdI\x17\x93e\xd4dv\xb09\nS\xd9\xbejj\x8cRo;\x86\xa9\x91cN\xb8\xb6\xd5\xa4\x13Ccd\x8eg+\x90-q&lt;\x9f\x9d\xd2\t\xbf\xc4\xbe\xc8\xf75\xd0\xa3\xa9\x91~\xfb\xd9`\xa7\x9d\x00@\xdb\x86.o\x7fz\xed\xac\xde\xa8(\x98j\x99~\xbdL\xd8\x00\xd6\x97\x83\xa0k\xa2\xfadw\x87\x88\xd8\xf8V\xa8\xe9\x88S\xd0\xc9\xc1I\xad\x8f\x9aN=\xf2\xb4\xaf\xed\x89!N\x8cf/\xfc\xb2\x14\x02\xe9\xb7\xd8r\xb3kOUB\x1a\x97\x8f\xf0\x9f\x10\n\xf8\xa8\x1fM\xb7\xf2\xb4[Ojt\xa8\x88f.\xe0\xce\x91\x0c\xab\x02\xe3\xb7B\xf1QjA`\xf7\xef{\xed\xea\xfc\xbe\xe6\x049\xf4DX\xa1\xff\xd6\xeb\xb0)\xf72\x00?Y\xde&gt;h\x0e\x94\x1a\xdev\x95\x88-+rxLC\xcaM\xd9|\xdd\x16H\x83\x0c\x15s\xbd\x07\x005\xe7*\xf1\xd3T]w\xdai[\xf2\xb2\xbfL\xb0\xc8\x94\xab\xdbqlJ\x99\xeb#oJW\x8dw\x01\xbbV\n\xd9\xd7v\x940\xb7\x9a\xe0r\xe5lU\xa2\xc0E\xb8\xc4\x9cBH\xe9\x0e\x06\x80\xeammO\x05\xa0G\xde\xc0kya\xf9\xd2\xd2\xb9\x9a\xee\xd0\x84\xddG\xc6\x18\x1b\xb9\xe7k\x89\x9833g\x93ex]\xa6\xa9\xc7Ni!\xa8\xab\x1fFKsvB\x85Sw[\xcc\xe9\xa2$\x10\xfe[(\xe7eq\xf0\xfa\x9d$\xa7o+m\x9c\x13K\xb8\x94\x8b\x86\x8d&gt;9q\xe8\x0b+J\x01\xc2?W&gt;\x02|\xe7\xf2\xc6\x8e!\x00\x00&lt;\\\xb1\xdb\x8a\xb6\xda\xd5\x85\\U\xdf\xf8\xc9\xea\x860\xe2\xc56\x1b)\x1e\x19-\xd3\x1a\x8bN8Qw\xda\xe9\x7f\x06\x85\xe7\x00V\xbf\xdb\xe9\xde\xcd\x14=\xbdS+\xcb\x7f\x19fN\xb1kcf\x9cL\xb6\xd3\x05[jQ(\x0eT\x05\xa4\x13\xdeCQ\x8d\x8a\xb6\xa6U\xb4\xc3\xa5\xf0\xf8\xb24\xe5\xf2\xe9\x14\xa5\x90\xe6\x98\x83\x9a\x04\x9e\xc7\xfd\x10\xa3k\xa6(Vh\xac\x18C\xb7\xf2\x91n\xd3\xf0\xbd\x91\xb4\xcd\xdcp\xc0K\x9e\x03\xa5A\xaf\xfe\x8dQ\tU\xd7G\xadF\xa5\xcc)"]JL\xbd\x1ay\xd6];\x8e\x0bq\xb4\x11zs\x87\xc2\xcf-[|\x87\x8b\xcdG+2\xd5YH\x01\xf3DG\xb1\xd5\x91\xf4\xc7B\x9d^\x86\x8a\xe0\x15;1\xac\x1c\xdc\xeb\x99z\x8b;\xda\xca\x8bz\xe4\xf7#\xc1NgB\xa2\x05BV\xa5xE\xf3xt\xede\x06\xb6L\x04mY\xf0\xc6wF\xbb\x07x\xa4\x8b\x928t\xd7SK\x90\xf9\xa5\x85\x88\x1f\x12\x8e\x8fn\x94\xf4\x9d\xc7\xd9\x16\xd7w3\x96\xcb29\xc3\xb9\xb1y\x00\xab\xf4\xb6\x1c\xd1\xc5\x1a\xc3\x9a\xcf4\xb1\xc1zJi\xd1o\xd6\xd7F#5\x8fdw\xe4\x8a\x0e\x00\xe1\xa5\x8d\xfb\x85\xbe)\x19!9\x19K{3z\x1b\xa2\xa2\xd6\x99Z\x0baP\xad\xcc\x19CIL9z\xc4#\x16C\xeb@j\xca\xad\xcb\xf0\x9f\x0b\xf2-\x86\x027\x1d\xd5\x1b1p\xb1\xa1\xa4~Mk\xa8\xca\xaf\xaaJ\xe7\xc9\xd7\x08H\xc9%\xd8\xc7c\xd3O\xac\x9eAR\xfcJ\xa4\xcb\x0e\xce1\xaf\xb3;\xedt8R/\x1b\xc8\xebH\r\x9a{/V\xde%\xccK+mC\xab\xce\x00b1HV\xc0Z_\x97\xe0$l!,N-\xaf\xbf\x1b)\xf8\xac\xe3AD\x9bj\x0b\xd2_\xf8\x18jg\xcd\x03\x83\x08H(c\x9b\xf9&amp;\xe5\x9c\x9d\xc4#\xdc\x95\x95\'\xb9B\xd7i\xc2f\xfa\xed\x9ef\xc4L\xad[\xa7A{\x97\x10ry\x83\xb0$I\x89\x1e\x1bC\xfeK\xcc=6\x8a_\x1b\xc1\x0e\xa4YZ\x91\xd6\xfd\x81\x88r\x1e/\x1f[\x10pW\xa87\x08H\x98~q\x1d\xc2:\x97\x02CI\x18Z\x0eJ=\x88\x88\x1f\xe8\x08\xcb\x823\xb7\xd6\xf7\\\xd3\x14\xd7\xb6\x1f&gt;\x1e\x8d\xb6;\xfba`\xa73\x11U3\xd0\xad\xd4^\xde[\xd3\x18\x03\xa50\xb46pC\xea\x01\xe0\x1b|C\x9bo\x9d7\xd4c\x95EkD6\xf7b+m\xa3\xca\x8d\xf4\x00\xc4\xe1\xb1L\x0b\x88\xb4\xd4~\xa1\x05F\xd9 RNcC\xe3\x1bUz\xbb\xc6e\xbd\xfbp\xb8\x03\xe1d7\xe3\xd7Fa\xd9\x80\xe4\x04\xecF\xb2\xf5\xbc\xd3\xe1\xad\xc6\xa6+\t\xeb\xaf\xf1\xac\xbd\x86\x0f\x913\xef\x10\xf1\xb7\xb7\x0cx\xf4P* \xf97\x1dz\xbb&gt;\x1c\x0eC{\xf8\xdc\xc5\x9d\x80a\x9a7J]\x8a\xd9\xc3y\x88\x99\x12\xa3;I@\xc7tS\xb6\xd3N[\x13\x9bT\xb4L;\xa5?e\xa1\xc9qIT(\xa6;-\xe5\x95\xd1.\xa2\x11\xdbD\xa1c"\x15\xa5@4P\xb9\xd1\xcci8(\x11T\xb6\xb3\xea\x80FS\xc2\x1c\xbb\xee}\xb3r\x90\x9e\xee\xbd\xc2\xb1Me\xb2\x8f\xd0\xd5\x13H$\x11\xd8\x04\xb9\x82\xa1\xd1\xd1$\x00\x1e\xc3\x9az\xb0\t\xe5I\x1fc\xd9\x15\xd6R[G\x80o\xd3nj\x1b\xcah\xee\x81\xf2\x91\x82\x9a\xe7\xc0Etx\xae\xddd\x9di1\xaf\xa6\x1f\xd6\r=\xb1\xca\xf7\xd500\xe7T\xc8\xe2/\xeb\xda\x90#WTa\x8d\x07\xe7\x04\xb0\xe1\xf1.D|\x97{\xf0\x98\xf8\x0b\xcf\x16K\x9e\xa2_\x03\xb6\xe5\xc0\xad"\x11\x84\x9dv:\xe5\xa4\xcc\xf9R\xb2\xbbu\x16\xd9\xb0\x12s\xfe;t\x85y6\xc6E\x0eQG\x0e_\x9b\xa6\xa2\x9f*\x85^\x9dRK\xbb\xb6\x87\xeeF\xfc\xf0j\x17\xd2\xa7\xe7Q\xcd$4\xc0\xc7\x90\x8fR\xff,\x83Y\x05\xc1\x11\x97\xb6\x8a*#\xbca\n\x04\xad\xa8\xbd\x08"\xc0\x8d\xeb\xceW75D\xe0\x1d0\xb1\x8b\xe6\xdb&amp;J\x8d\xc0cbN\x01Y\xca],W\x17\x18\x99s\xa3\xec\x95\xe1\x15#\x12\r\x0b\xa9\xd8\xedA\x0f\xee\xf5\xfd\xd1\xf7G\x81\xd2\xab\xbbg\x81A\xae\xaav\xd7v)\xfd\xac\x03N\x10F\x14\xf9u\xa49u\x11\xd7\x87{F[u\xa9\x91\xc1\x16m\xeb\x97\xa5|\x13\xa3\xb3\xec\xc3\xc6w\x1dK\xd2\xf6\xbe\xef\xb4\xd3\t\xa6U3\rIe1o,\xb4I\xae\xed\xe6\xf1\xbb\xdd\xebR\xe7z\xf8\xc8\xe8\xc8`X\xf1d\\\xf4\xc0\xa0*9t9\x13\xfa\xadsf\xa7r\xc3J\xe9\x8dj6\xdd\x9fW\xd0\x80\xf4b\xce\xf2\xf4pkF\xb7rkh$\xc3A\x91C&amp;\x19"\x90\xb2\x80\x0b\xf3\xf3Z\x01\x91\xd3\x86u&gt;\xb85\xd74\xcd&lt;\x93\xf9&gt;5\xecK\xf7HY\xf0H\xfb\xfbT\x19\x80\xb7\xa6\xf4o\x92K\xbe\xaa\x86\x95\x18\x8c8\xce\xad\x9cr\xf4\xd3w\xc6kO\x9cc#\x03M\xbb\xb4\xa8b\x93\xba|\xd2A\xba\xca\x11\xec\xaf5w\x9bp\xd8\'[\x94G\x17\xa7\xdb\x95\xfdH\xb0\xd3NfM\xd4\xef\x9c\xa4\x94\x14\x0f\xd4\x1a:\x03\x83\xf30\xc5\x1cPw\x80\xca\x18\xa6?06\x16\x08\xf71\xf0\x14\x9c\x07\xab\\4\x14\xd6\x98:\x81\n\x96\xd4\x8db~9U\xf7\x9cW\xbcq\xd9\xf7/\xa6\x9f\x167v\x88\x0c\xe9PH\xe2\xf6/\xe0\x8e\xd1\xa1\xf3\x99\x98h\x18\xe2\x90\xee\xe0\xecY;\x90\x97]Q\xfbD\x14T\x1e\x15\x11\xbd\x8f\xcc\xbb01?(?X\xc2J\x89ay\xc7z\xcb&gt;\xb2L\x04\x07\x92\x88@\xeexF\x83@4t\xa6\xa5\x1fR\x92\x87\x8d\x13\xe6\xe2\xf8\xe1f\x87\x055\x9d\xd8\\\x1e\x00\xcf\xa8\x95\xd8)J\xda\xefH\xba~\x96^y\xac"5I"j\x9d\xc4\x0b\x9b\xf8\xd5(\xab\n\xaf\x0b\xf6N;\x9d@\xda.q\xbbf\xc2\xcaYT\xa4\x0c\xd9Z\xe7\xa1v\xbdq\xe4#\xe7z\x0cf\xd0x&lt;\xdbk\xde*\x10v\xbb\xbc\xe0\xac\x10\xae7}\xc8\xca+\xd4\x92M\x7f\xd6\xf4\xc2v\x80MC\xf7\x94\xf1\xf3\x848\xd8\x0f8\x8e\xad\x19L-\xe0\xde%B\x1cy|@\x19[\xc3\xbbP\xb6\xe8h\xc3\xd95\t\x16\xfa\xc4\xea\x04\xa3vM\x0c\x95G\x8f\xf6\x14E\x1d\xf1\x14\xc0\xec#-)\x1d\n\x9b\xb6\xe2\x90\x8c\xec\xb2\xe0=*?(V\xf6v\x06\xb3\x92\xe7\x83\xb2v\xa4`r\xf9\xc2k`M\xae%\xb7\xf5qNF\xd6\xf5A\x84,\x91\x0e\xbfw\xda\xe9\x84\xd01\xa5\xef\x06\x93\xa7\x14\x0e\xe5\xb3BY\xec\xbam\xac@\xc8U\x05+\x97\xbfw\xf7\xaa\x0fk\xb7w\x1ei\xf4\x9a\x11\x19U\x9c\x87\x03\xe0\x1eN}\xdc\x04\xc0\x1a\rqS0\xef\xf9\x92E\x1f\xff\xcd\x08Q\xc8\xe8\xc6{\x1de1s\x06Q\x95\xda\x0e\x8cb\xc3\x8f\x92\x07`\xe9B\x018}\x0c\x00\xf8?V]\xa2q\x88E\x83\xa85\xa6\x80\x04\xe9\x8bpY=\'C\xd8\x8c\x99\xcb\xb0\xb9\xd6[\xf0\xe2C\xe0\x98`\xb6T\xbb+\x0cm\x93\xdb\xf5\x10|H\xb6\xaf\xd4\xbe\xc9\xdd\x81\xc8\x93\xb5\x17pP\x0f\xf4\xaa\x11\x8f[\x0f\xa7\xba\x98\x1c\xea\xb4R\xb9Lb\x823\x80\xa9\xfd,Q\x1fv\xda\xe9\x04\xd1\x10\xe6\xdct\x130\x0c-\xdb\xcd[\x9fa\xfeg\x18_\xba\x85,\xeef-6p\xc1\x1b\xf6\xd4JTU9V\x13\xaaIA\xe7^J=-\xec\x91\x95\xc0qd\x18\x06\xc4\xd1\xc8\x13-f\\vQ\xe6\xae\xae\t\x80\xa9}\xbfv\xd4\xf1\x95\xc4hP\xc7B\r\x00V;\x15\xb8\xe0\xe4{h(\xeb\xa5tV\xd5\x88Ct\x8b\xd6\xbb\x7f\xa8\xa2\xdc\xb7E\x08\x92\xaf[\x0e\xf7"H\xb8f\xc6A\xea\xfc\xce\xe8\xfd\xe2\x0f\xe1dQ\xc70*oL\xe4ik^\t\xdb\xdcU\xd7\xc2\xe8Z\x18]\x95j\x83c\x84\xa8\x18`N9\x90\x9d\xe1PUu\x105\xb1^[\xcbN\xbf~m\xc5\xb9\xe4JL\xdcD}\xb4\xed\xd6#\xdc\xacT\xad\r\xf1\xac\x8c\xdd\xc2E\xc5\xc3C@4N\xcbH\xd4\x84f\xe8\xda\xbd\xe7\xd31s\xe6\xb0\x1d.?w\xdai{j\xd7\x91\x95\x8b\xfd\xcaR\xa5\xa8B\xfa\xb7\xd7S\x0f\xb4p\x92\xa2\xa9\xfe\xc1\xf7\n&lt;\xa1\x07\xe1\xe5\x14\xe7\x10\x187\x13\xce:a\xdcd(l\x19\xd8\x9c&gt;\x11\x1b\xfa\x05\x89q\xd5*_\')\xb2\x81Nh\xb3\x02&gt;\xd1\x87\x97\xed{\xc7\xc1C\x1bRDDxB\xe7\x01`\xa4\x8f\xb5\x92$\x13\xdb\x9eC\xef\xc7\xe8\xd1\xd48\xef\xa5\xc0(l\x9a\xa0\x95Z\xbe\xee\xea\xce\xbe\x97\xf4q\xb4\xf9\xac\x8e\xe6\xed\xa6mm\x9b\xdb\xe2\xf5J\xa01\x1d\xd6\x988\xe0Y4G\xff\xcb\x0b\xfe&amp;#b\xeb\xef\xb9\xf2\xd03f\xdd\xf5?b=w6\xa8\xde\t\xbb\xb2\xf3\xf6\xf5\xec\xe0\x9f\x8a\x1b\xaa\x9a\xd4\xbe\x96\xda\xce\xc7\x9dv:\x14\x95i`\xdf||-\xc0[\xd6\xe4\xf3h\xa2}\xc5\x9fQUf\xdfPO\xfa\xad\xef\x87\xd0\xc7\x1c\x88^\xde$\xa2\xab\x8dC\x92\x85l\xbc\x96lhC\xc4\xc3^\xa7Y4]\xaa\x92\xb7\x03u\x82\xde2\x03\xc2\x0crz]\x88#GL}N\xb2\x82\xaax\x0f\x9f\x01&lt;o\x05F\x19\x8e\xf9\xee2\xaf\x9e\xd3&amp;\xe3\xc5S\x82X\xec\xd3\x1f\x9b\x05\x13\xd7\xf0\xe3\x80\x8f_Z\xadO\x84\x1a\n\x11a.\x02-\xcc\xb3\xdd\xce\xfa\x83\x88\xd9\xb0L3\xd4\x19I\xcbk\xd6\x1e\tE\xe1\xf9\x13\x80o\t\x18:.BDm\x08\xea\xd9\xb4\xc5\x1aqb\xa9g\xb1\x98&gt;\xc5\xd5\xcbK\t\x97\x8cm\xd8\x96\x92\xa4\xdd9S\x1bE\x82}\x06\t\xb0}\x95\xa6\xe5\x0b\x00\xc8\xde\xa0\x90\xc8\xaby-\x11\x1f\x83\xcc\xcb\xc8\xd0(\xc4K\x94\xd8r\xb6\xd3N\xa7\x8a\xac\xd3p\xe9\xde\xe4~\x85\x99\xe8\xbf\t@\xf3\x8f\xb0=/\xc2\x18\x95&amp;_\xe7\x13\xfb\xedb_lc\x9fr\xac\x0b\x85m\xba\x07\xb3w\rVnSH;V|\x88\x7f\xa1\x0f\xb4\xa2\xf6\x00w\x81\xa3\xda/\x81e\xbc&amp;C\x05\xb9\xea\x9d\x91\x9c\xfc\xde}|\xc5r\xaf\x12\xb9\x0b\xb1\x95\xc3\xcc\xdb|\x99\x9f\xde8g\x90\xfc+\xb1\xf8Y\x1a\xf2\xd7\xd5\xa0\x1a:g\x08\xf8J\xa2\x16\xbdLP$]e\x08\x00\x97\xd2dKj\xc5\xac\xac\xf2mk\x850\xe5\xea\xe5\xa6\x92~\x00\xfdi417\xa7\x80\xbf}\x1e\xe8\xc3\xe1\x11a\xa1\xe3k\xae\xda\xd9\x1cX\x916\xd5\xa7\x10\x88xI\xae\xe1\xd2\x1a\xe7\x96d\xcf\xb3\xe2\xd1\xc7\xa5\xc4S\xc2\x9f1j\n\x912\x1d\xce\xb5\x9dv:,5K\xde\xe6\xcb\x89\xa30ke\xc3\x05o\xd4\xf0\x1am?\x17\xc4\xd0c\xaf\x07s\xa2l\xa9]y\x8bLgz\x8cTM\x80\x08\xf0\xcd\xf5n\xefJr\x8bL\xc4\x8d\xfa\xab3+@\xc2\</t>
        </is>
      </c>
      <c r="E371" t="inlineStr">
        <is>
          <t>&lt;class 'numpy.ndarray'&gt;</t>
        </is>
      </c>
    </row>
    <row r="372">
      <c r="A372" s="1" t="n">
        <v>370</v>
      </c>
      <c r="B372" t="inlineStr">
        <is>
          <t>steps_per_sec</t>
        </is>
      </c>
      <c r="C372" t="n">
        <v>4200</v>
      </c>
      <c r="D372" t="inlineStr">
        <is>
          <t>2.5899804</t>
        </is>
      </c>
      <c r="E372" t="inlineStr">
        <is>
          <t>&lt;class 'numpy.ndarray'&gt;</t>
        </is>
      </c>
    </row>
    <row r="373">
      <c r="A373" s="1" t="n">
        <v>371</v>
      </c>
      <c r="B373" t="inlineStr">
        <is>
          <t>Loss/RPNLoss/localization_loss</t>
        </is>
      </c>
      <c r="C373" t="n">
        <v>4200</v>
      </c>
      <c r="D373" t="inlineStr">
        <is>
          <t>0.26784176</t>
        </is>
      </c>
      <c r="E373" t="inlineStr">
        <is>
          <t>&lt;class 'numpy.ndarray'&gt;</t>
        </is>
      </c>
    </row>
    <row r="374">
      <c r="A374" s="1" t="n">
        <v>372</v>
      </c>
      <c r="B374" t="inlineStr">
        <is>
          <t>Loss/RPNLoss/objectness_loss</t>
        </is>
      </c>
      <c r="C374" t="n">
        <v>4200</v>
      </c>
      <c r="D374" t="inlineStr">
        <is>
          <t>0.10231186</t>
        </is>
      </c>
      <c r="E374" t="inlineStr">
        <is>
          <t>&lt;class 'numpy.ndarray'&gt;</t>
        </is>
      </c>
    </row>
    <row r="375">
      <c r="A375" s="1" t="n">
        <v>373</v>
      </c>
      <c r="B375" t="inlineStr">
        <is>
          <t>Loss/BoxClassifierLoss/localization_loss</t>
        </is>
      </c>
      <c r="C375" t="n">
        <v>4200</v>
      </c>
      <c r="D375" t="inlineStr">
        <is>
          <t>0.1689113</t>
        </is>
      </c>
      <c r="E375" t="inlineStr">
        <is>
          <t>&lt;class 'numpy.ndarray'&gt;</t>
        </is>
      </c>
    </row>
    <row r="376">
      <c r="A376" s="1" t="n">
        <v>374</v>
      </c>
      <c r="B376" t="inlineStr">
        <is>
          <t>Loss/BoxClassifierLoss/classification_loss</t>
        </is>
      </c>
      <c r="C376" t="n">
        <v>4200</v>
      </c>
      <c r="D376" t="inlineStr">
        <is>
          <t>0.19152558</t>
        </is>
      </c>
      <c r="E376" t="inlineStr">
        <is>
          <t>&lt;class 'numpy.ndarray'&gt;</t>
        </is>
      </c>
    </row>
    <row r="377">
      <c r="A377" s="1" t="n">
        <v>375</v>
      </c>
      <c r="B377" t="inlineStr">
        <is>
          <t>Loss/regularization_loss</t>
        </is>
      </c>
      <c r="C377" t="n">
        <v>4200</v>
      </c>
      <c r="D377" t="inlineStr">
        <is>
          <t>0.0</t>
        </is>
      </c>
      <c r="E377" t="inlineStr">
        <is>
          <t>&lt;class 'numpy.ndarray'&gt;</t>
        </is>
      </c>
    </row>
    <row r="378">
      <c r="A378" s="1" t="n">
        <v>376</v>
      </c>
      <c r="B378" t="inlineStr">
        <is>
          <t>Loss/total_loss</t>
        </is>
      </c>
      <c r="C378" t="n">
        <v>4200</v>
      </c>
      <c r="D378" t="inlineStr">
        <is>
          <t>0.73059046</t>
        </is>
      </c>
      <c r="E378" t="inlineStr">
        <is>
          <t>&lt;class 'numpy.ndarray'&gt;</t>
        </is>
      </c>
    </row>
    <row r="379">
      <c r="A379" s="1" t="n">
        <v>377</v>
      </c>
      <c r="B379" t="inlineStr">
        <is>
          <t>learning_rate</t>
        </is>
      </c>
      <c r="C379" t="n">
        <v>4200</v>
      </c>
      <c r="D379" t="inlineStr">
        <is>
          <t>0.03995028</t>
        </is>
      </c>
      <c r="E379" t="inlineStr">
        <is>
          <t>&lt;class 'numpy.ndarray'&gt;</t>
        </is>
      </c>
    </row>
    <row r="380">
      <c r="A380" s="1" t="n">
        <v>378</v>
      </c>
      <c r="B380" t="inlineStr">
        <is>
          <t>train_input_images</t>
        </is>
      </c>
      <c r="C380" t="n">
        <v>4200</v>
      </c>
      <c r="D380" t="inlineStr">
        <is>
          <t>[b'1024' b'1024'
 b'\x89PNG\r\n\x1a\n\x00\x00\x00\rIHDR\x00\x00\x04\x00\x00\x00\x04\x00\x08\x02\x00\x00\x00\xf0\x7f\xbc\xd4\x00\x00 \x00IDATx\x9c\xec\xbdw\xfc}OQ\xdf\xbf\xe7\x0b6\xacQ\x94\x88\r\xbb`\x8b\xa2\xa2\xd8E\xb1w\xb1\xc6\x8eh\xb0D\xb1D\xc5\xd8\x8dQ1*\x1a\x8c\xb1a\x8f\xbdaT\x0c\xa8\x80\r5\x8a\x054\nv\xfd\x89\x18\x83\rQq~\x7f\xdcS\xb6\xcc\xee\xce\xee\xce\x9e\xb3\xe7\xde\xd7\xf3\x01\x9f\xef\xfb}\xce\xee\xcc\xec\xec\xee\xec\xec\x9es\xef\xdb\x18\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xac\x7f\x87\x86\xe8\x04F\xd6ADf\xac\xd6QrH\xd4\x99JY*\x8d\x9d\xc7\x06\xd9*\xb2\x06\x8bT\xff(\x7fKh\xb9\xfa\x88M\x08\xb4,I\xcdh\xd7Zv\xd4-r\xbe:\xd2:_\x91\xa3\xfd\x9fm\x9f\xbc9\xb97S\xdep\x9d\x19\xf5yx\x8b\x1bG\x992\x17!\xc2N\x0c\r1\x8e\x19DD\xaf\xe3\xd4\xf5\x8d\x9c\x85G\xe5\x93\xd9\xb4\x93S\x87\xb6!-\xb3\xcdW[^\xab\x02\xf2|Y)\xa5Y\x02\x00\x00\x08A\x94\xb9\xe0\xafUG\xd9\x91\xe3\x8a\x17\x86\xa1\x96\xbd~f\xb0\xa9Z\xc5\xaa\xef\x17N\x08\xf4r\xbeD\xad\x96\x96$\xca0i_$\xc1]\xeb\x980\x9b\xcc\x99\xb7Y\xe2n\x84\xa2\xc5\x1c\xf9\xe9\xc6\xa5\xbc\x1d^\xfbr\xdf\xed\xb1*Q\x95kv\x1e+\xb8\xda\xcc\x18\x1a\xd1\x12/\x901,a\xaa\xb7\x8bX{\xea[\x1c\x81\xacm"]dyRh[P=]\xd12i\xd9i\x94N\x7f\x89\xf3KE\x99g\x0c\x12\t\x01\x00\x07p\xe7]\xb4L\xbbh\x19\x9f\xb3\xf8a\x9a\xcebi1EM\xa3\xce]\xd6O\xf8d\xa7\x17\x931f\x9a\x88\xe8r\xb5\xc4\x05S,M\xf1n\xa4s\x91i\xf2\xf2j\xb9c\xadVL&amp;R\x8b.\xf2/I\xdcRx\x9aM"\x136w\xb3\xd6\xb95]nX\xd7\xb2v\xcen\x98\xa6Y\xe8b$\xeb\x8dP\x94_r\xe9\x9a\xcb\xc5?\xde\xae\xff\x08S\xe5\xe3\xdd\x86\x11Q\xd1\xe0\xce\x14&amp;3}\xcc,v)o\x8c\x99\xbc\x8e\x8e\xc9X\x87\xdc,\xcbL\x17\xcb\xe3\x9d\x18\xf0p[\x91\xe3(v\xac\x111~\'\xae\xf7\x19k/f\xd5F\xbdh\xc5yHL\xf3 \xa4\xcb\x10\x9b\xad\xbcl:\x84J\x1f\xa4zfqQJD\xe6\xae\x8aR\x01\x00\xa0\x0b\x05\xe1\xaf\xfa\\\xa4/cZ\x05\xc6`9\x1aT\x96\xe9\xcf\x85\xdf\xafy\xbd!\x14k\x1f\x0c\xaf\xafadO%+\x8e-\x05G\x9e\x0f\xb7\x8fo\x93\xe5\x85G\xd1d\x9e;U \x14~\xe9\xbb\xac\x01\xac\xc0\xf9\xa2H\x97\x7f\xce\xcd\x96\t\xca\xf32\xd9\xa3}v\x04F\x9c\xe9\xdf\xf5.\xdb\xb7\xe5\xc7\xf0\x8c(\xbf:\xefj\xa6u\x9bj\xe7AMp\x97\xb7Ei2^T&lt;\xdc\xdd\xbd8&lt;N\xaa\xe8\x03\xb8v\xafu\xdfK\xc3Z\x00\xc0mq\x86\x93^\xe11Nuyp[\x14\x1d?7\x0e$[BJ\x1a\x15\x1e\xdf\x8e\xc4\xda."\x8a\x9d\x86n\xb9J\xc1\x19\xb0s\xfc&lt;\x9f\xb1O\xc6;v^\x95\xcee\xedc`\xdb\x18"\xb2O\xd7\xc3\x02\xa1^\xd6T\xd7$\xff\x8a\x97\xbfN\xd6\xffg\x99w\x18CS($\x86W\xd2\x96\xcf\x18`50%y\x8b\x90\x8e\xbd\xee\xe3\x8bi-\xcc\xfa\x93=i\t=FDw7\xe6\xcf\x04c;\xe2\x13\xd7\x18N\xb5\xed\x19\xbe\xd5\xec\xde\x85\xd1\xe5\x14\x97\xccG\xa2\xfc3\r\xa7w\xfcGa\x15\x8f\x1d\xfc\xa9$\xb7\x16\x00\x00l\xee8\xda\x00\x01\xf6#y\xc9A)B!H!\x1e\x1e\n\x87\x80S\xe4\xe7\xa0\xdc\xb0\x83\xd6~=\x9a\xc8\x98\xf7\t\n\xac\xffy?\xaf\x15\xeb\x81\xabw\x10\xcf\x9d\x19\xa7X\xa4N\x86\xe9\x93iQ:M\xd3\xfc\x7f\xb7\x96c\xa9\x9fN~v\xda\x8c\xf4K2\xeb\xfb-\xab\xba\xe0}\x9e\xcb\xbbI\xf6a3E\xdf\xaa2\xde\x03\x81Kb\xb7\xdd|C6\xfb_\x7f\xb6\x9c\x94\xc1\xea\x92iz\xb2\xb9\xf8l\x9a\xa6e\xa3\xe2\x84X\xfeu\x9bH\x07\xb2\x17\xf9\xec\xff\xbe\xbc\x13\x82\x890\xb1\xafN-/\xed0~\xe0\x84\x9ai\xe3\xb5r\xe5K\xa7\xbdx7\xeb\xfa\xe7bM\xa1.#\x0f)\x00\x00pU\x10\xd1\xfb\x9c\xf8]\x9a\xf3Z\x0en\x1a\xf6u\x0b\xef&gt;\xfb\xb2P\xf8z\xc6\xf6\x1a\x86Xi\xee\xa5\x9d\xb2F\xc8^X\xf2\x0f\x1a\x9c\xa3\x87\xe0M\x8c\x10\xa6\x15\xc1K;\x89&amp;[\x05\xee\xe1\xd9\xbcY\x18\xfap\xd9\x93$\x1c\x15\xf1\xbfc\xb0I\xf7\xda\xd2\x9ct\xc3c\xea\xfd\x1f\x1c\x1b\xa4\xef\x0bqu\xd5h\x1ei\x11\x81E\x8e\x12\x9b\xa7k*\x00\xe0v\xd8\xe7C\xc0j\x8c{P\x9a\x83\xb6\x97\n\xcaj\x9d\xb7\xc9\xe7E\xe2\xf6\x9b\xea\x1a\xa6\xa5\xf6\x8bv\xdf-\xaa\xb5\xbd\\R\xf2\x16P\xc6\x8c\x92\xda\x91\xf7Ix\xc8\x98iy\xbb\xe92y\xe5/\x84\xf1\xef\xa1\x18?\xeb]S7\xd6!Kc\x7f\x7f\xda\x9eix\x0fX\x8c\xf1&gt;E\xba&lt;\x85\xf0\xde\xd4\xd9\xe4\xf3\x83\xf6\x9b\xec\x1a\xfe\t|h\xdb\xfa\xcc\xe5\xdeD\xbf\xc4\xbf\xd9\xc23\xfb\x91.\xcfF\\\xfe\x8b\xfb\x06S)\x9a31x\xcdL\x00\x119#\xdc\x1d\xf9\xeb\xaf\xebS\x9d\x86\x91\x1c\x15\xceX\x145\t\x00\x00\xc0NT\x1e\xfcX\xc7\x9f}\xec:\x0c\xee\x18RZ\xd3\xfeE\xc9\x1cO\xc3\xb5y[Bu\xab\xe5\xe33r\xfc,\xaa\x98\xb8\x19\x0c\t\xe9\xe3\x85d\xdeJVA"\xa2\x97\r\xcf\xc2\x8d1\x7f\xc3\x9d\x82s\xe7\xfdi&lt;\xd3\xb2\xf6_\xca\xfd\x9a\xe8E\x1c\xfe\xa1MJ\xae\xfbvS\xda\n\xbb^f\x1fP=\xe5\x8f\'kv\xac7K\xf5\xa4\x1e\xce\x94\x88I\x0c0\x00\x00\x10\x81\xc0\xa1C[ \xd6\x8f\xe0\xa7]\x12\xca\xcc&gt;I3\xa59\xab\xec\xa05)!\xfe\xcd\'\xd5\xbe*\x19\xd8\xce,hLM\x98\xfcF\x9c\xf1\xc8\xcb\x10\x97\xca_.\x04\x97\xd7\xbbD\x91\x97d\x96\xed\n\xc5RF\xb1O\xa4~\x8b\x0c\x9bu\x97\xe2\xa7\x9b\xf7\x11\xfb\xd0\xb36]&gt;=\xf6\xb8\x8b\x8f\x18i\xc3 |\xc0\xd14\x9e-\t\xe1\xdbb\xc5qo\xae8\x90\x0f\x01\x00\xe0f\x08\xd7u\xf9\xca\xda\x95\x11l\xd8\x8b\xd4I\xe7\x8ef$)O\xb6\x1a\xf4\x0c\xd0j\xda^%o\xb0\'\xcc\xad\xb3\x9fUp\xaa\x17+p$/y\xd5\xe3y\xd5\xb4\xe4\xfa\xcfJN|O\xe6\xfc\xf3/q\xf9\xba\xffk\xc9\x06`\xf9\x08\x81\xf7r\xbfyS\xf2\x8a\x86\rOO\x93\xc5x\xb2\xabg\x8a\xf1\x16\x16\\\xefO\xa0W\xfcL\xa6I\xab?H\xe4\x83\x99\x97\x84\xd4\x1f\x00\x00\x86\xc0^\xe6\x07\xb0\xe4@\x1b\xe4\x8bS\xe1\xdb\x0b\x85V\xe8\xc8\xd1@2$\xaaR\x01e\t\xaa\xa4\x92\x1b\x89\xa9A^^\x94\xf7\xe4\xcaP\x940\xff\xe6\x12\xb5\x97J\xdeun\x05\xc5t\x87=ERI2\xe6\xc1\x91\x1a\xdb\x96&amp;-\xd6\xaa\xe17\x84\x15\xcb]O\x8d\x81\xb8\xf6\x8e\x1c\xa8\x97\x88\xcc\xd7\xb7k\'s\xd7e \x8d5\xe5\x01\x00\xa0\x90\x8e\t\xeb\x9e\xc1\x11G2\x0b\xe25\x89\xcf\x99\x8aT\x95\x14&gt;\x8a\x82d\xb7E\xcbh\xde\x886\xc7\xc9\xe6\xdd\n\xeeE7c\xfe\x92\x02\x17I\x0e\xb6\xdf}9\xec\xff6\'5\xa7\xe0\\&lt;\x1d\xa0\x84V\xb9{\x8c\x02kE\xccb\x1f\xc5\xe8\x8a\x1c\xf3g\xcc\x0e:b}\x0e\x90\xd8\x00\x94\x9a\xcc=\xfa0\x03\x8e\xe4\xde\x14\xce}2\xe6\xc1Dd\xcc\x83\x87:\xe6\x00\x00\x80\x81\xc0\xe9\xc8\xc0\x90yi\x854\xe2jh\xde\x00\x0cG\xba9\xe1\x89\xb5\xc6.HdW2\xbf,7C\xfc\x02Ic\x03\xe5\x07%\xe4\x12\xdbi\x17\t\\Kf%\xcb\x08\xabo\x1b0\xe51P%\xad\xd6\x8c\xf2*\xc5\x03\xe3\xaa\xa2\x04\x00\xa0\x13g\xf8C`=\xb9\xfc\r\xd1\xa3\xad\xb8\x02\xfa\xf8\xf0\x8f\xbbH=%D\xb5\x7f9\xa8\x0b*\x19XQsV\x85\xfd\x9d\xe0\xfe\xf1)\xbf\xa5\xd3\x14\xfc\t\xaa\x9c&lt;\xff\x0f\xd9\n\xea\xbc\xb5T\xb8\'\x9a$]\x13\x16`\xda2\xc5oE\xe0\xbf\xae\xb4\x96i\xf9\xdbd\xab\xb5[\xbf\x94+\x88nH\xe6\xab\x85{\x95\xba\xf1\xbf&lt;qa\x1fk\xc4\xe5\xdb\xfe\xfcf\x89\xdeQ\xa2\x04\x00\x00\x80\xab\x07\x9b\xa8[c\x87\x1eg\x8e\xff{\xea\xad8}\xd77\xa6\xe1x\xfb\x0eZ\x12LO\xe4\xfa\xbf\xf5.\x11\x99_\x94\xb7\xb7\xd8\x1e\x8a\xbfYT\x8c\xd2a\xff\x9czG^+Z\xfc \x1c`U\x0fj\xdc\x83\xfc\xb4\x04\xef\xd6Z\xf1\xc7\xae\xeb\x19 \x00\x00\x00M\n\x9f\x17\x9f\x86\xabl\x14\x18\x07\xc1\xc4\x89}\xfc\xe0p\x88\x88\xcc[\xf9\x1b\x00\xe2\xb0+\xc9\x04\x0f\xd2\xc6v\x88\x88\xcc\xbf\xe3\x9b#\x0e\x9b\xd5{\xd1P~\xd93\x07\x04@\x00\x008\x05GE\xeayq\xba\xbe\xa5\xa2d\xfd\xbb\xb6\xb6;\x14\x9eR+\x8f\x84}\xc7U\xdfa\x1c\xf9\xf0\xab\xb0\xf2X\xc3\xccI\xf1\x9d\xd7\xf1\x1b\xe5V\xcb\xc9\x1er\xef\x1c\xa3$\xf6\xa4M:*\x0bw\xf7oO\xdaY;\x00\x00\x80S\xa0\xf4\xe4}\x14\xae\xa9-\xc6\xec\x9e\xf7\x08\x0f5\xc7\x1c3o\xd09\xdf\xcaf{\x9d\xf4vb\xf6\x15\xe9\xff\xf9\xa7\xea\xec\x7f\xdd\x90\x90\xffF\xd0/W\x1d\xa27\x12h\xe4\x9e\x96\xd8w?\x86\xc8\x98\x8f3\x86&gt;\xdfn\xceq\x1b\x80g\r\xf4\xd0\t\x00\x00\xc0`\x1c\xb2D\x01\t\xde\x01m\x9d\x88\xa2\xd22\x91\xc3\x0e\x98c\xf2\xadEsB\xef\x9f\x8d\x9d\x87\xd1\'\xef\x98)F\x86\xb4\x9d.Wl\xe4\xfe\xdd\x0e\x1b0O\x85g\xa4\xd7.oK\xd3\xa8\xab\xb4\xeeQ{\x0f\x00\x00\x00f\xec%\x7f\xe3t\'\x97@N\x98\xb2\xe4\x8aW\xbes&lt;\x08\x18\xcc\x95\xfc\xe5\x96y\xf7\x10\xef\xe6\xca\xbd&gt;\x0c\x1d1\xfe\x98!\x914IT\xb7\xb6\x16\xb5\xa8\x06\x00\x00  \x97N\xedd\x06\x002\xb2i\x81\x9d\xa5\x8d\x99@\x88\xed\x07\x03\xd1;\x1f\xcd\xa5\xbcg\x1d\x15e~S\xdee5?~\x04\x00\\\x11\xb7\xfew\x00|2_\xa0\x8c\xefW&gt;\x077\x955\xa6\xbfv}\x9a\x9es\xf9aT\x97\xd0\xe1\x7f\xdb\xa0v\xb4t9\xf6V\x11\xa3!$\xc3\x94\x1exm\xdb\x83\xb5n\\\xc1\xd1\x83\xa6\x15\xefE\xa3\x08\x97\xbf\x85p?rk\xd4\xaa\x1c4\x02\x00\x00\xc0y\x10\xaem\xa3\xa6\xa1\x1fy\xf5\x87@\xa3z\xfe(\xac\x97\xb0\x87\xf3L\xc6\x9e\x9d^\x04/|\xc5\xa2\x83U\xdf{M\xb3\x92\x88^j\xf6\xe7\xaf\xd6UWy\xc20\xe0k3\xb3I_"|\xd4\xbc\xd9\xdf\xd8\x10\xdb\xa5\x03\xba\x05\x00p\x93\x9c-\x12\t\xa3\xe7\xd8A\xf6!G\x1b\x00vg\xd0\r\xc0\xbd\x8e6\xc0\xfbp\xe7!&lt;$\x99\xfd\x8f\xd6e\xc6\xf4\x88o\xe9/\xe4\x91Y\xc4\\R52+M\xf2J\x1eS`\xdf7s\xc6^\x9b\x00\x00\xb7\x83R$\xda3\xa2\x89t\xbd8\x82\xec~\xdc\xc0\xbb\xad:o\x00\x8f=&amp;\x8f\xb2\xad\xf8\t\xc0\x9e\x88\xc7\xf6\xae\xc6wu\x97\xd2\xd3\xaa\x03:\xb4E\xa3\xb8\xee\xfd\xeb\xc4[z\xc6\x1d\xed\x00\x00P\x0c\xc2\xd9ms\xed\xbd\xdf\x96X&lt;\xba\xe7\x17\xc2T\xf2=#\x19\xb37\xe2\xfdjY\xa2\xb6\xe36\x98\xb1\xea\x95\xf4d+f\xa8;\x0f\xb3\xcfvt\x17lcz\xdbi\x7f\x98\x18\x1b\x00\x00\x00\xd0\x05!\x15t\xa1e\xb5\x1e\xf2\xcd\x1f\xbd\xfc\xe3\x8cy\x0c\x11=\x7f\x0f\xb3\xf7pE\xa7\xef\xe5t$(f\xff\x07f\xba\xee\xabe\xc7\x7f\xd6e5\n\x1b\x00\x00\x00\xd0\xe6Oz\x9c\xc0!L\x8b8\xd1zV\x9a\x91\xb7\xae\xd6\xe7\xf1L\x80\xe8\x95k\x8d\xae\xdf\xfb\r\xec\x13\rW\x8b.O\x18\x84)r\xb5\xe4\xe3\\=\xe2\xde\x9b\x88\x8c\xf9\x91\xd1\xac\x02\x00\x00\x00\xaa\xb8\xf7\x992\xaaRS\x9b\x9b\xd6+\xc1\xea\x8a${\xd3\xc9\xf0\x88\xden\xbf\xc1s\xea7\xb0\xbb\xd8\xbcx\xe3-z\x087\xe6\x93\xfb\x88=+g\x1e~\x00\x00\x10\xb0WD\xcbeQ\xcd\x89Z[\xf5\x11\xb8\x82&amp;\\\x1b\xf6{\x08:\xd3\xa4\xf0\xebYj\x95\xec\x94\xa9\x94\xec\x8e(\xf1\xb5E\x92\xe3^\xf7\xb5\x90k\xe3\x8c\xfbLm\xf4\x9f\x00\xab\x0e\x95k\x1e~\x00\x80\xdb\x04\x0b\x0f\x18\x96\x83G\xe6\x9c\x96\xa9\xa6\x11\x85\xda\xabt\x9c-M\x11X{\xd6\xf4Kh\xf3Q\xed\x1a\xf0M\x1b\r\xc8p\x9e\xcf;Y0\x0e[\xcc\x02\x00\x00\x10c\xcf\xf0\x8aP\x0er\x1c\x9c\x1ba\x88\xcel\xd9\xff\xd9\xb2\xd5\xf5\t\xd2\xd1\x860\x9ctO%\'h\x9a\xf4\xfb\xa3:\xd8\x02\x00\xb8\x1e\xee8\xda\x80ka^\x1d\xbfsw\xc5\xd3\xee\x1a\xc1\xb98&lt;\x11\xc0\x10\r\x98:\xfbD;!\x9e\xa6\x8b\xc5\'\xea\xcaA\xb7+\x1ap\xbd@d\xfe\x81\xdc\xdf\xcd\xf5z\x00\x00\x00\xc6\xa0\xe5x\xec\x8a\x0f\xae\xc0 \x1c:\xc60\xbcW\x86\xfesc\'\x86u\xe9\x00\x8fY\x8a\xfa\xba\xa40\x85\x7f98\xa8\x8e1\x06\x00\xc8p\xe7\xa3\r\xb8\x02\xc8\x183\xd5\x1e\xe9UW\x04W\x0bQ\xf7\x13\xe2\xdd c\xcc\x155\xa7\x89\xc9Lg:B?\x0b\x89?Lp\xb8\xb7K\xc3;\x11\x85U\x88h2\xcbS#"3]\x1a\xe6\x14\x0bj\x1d\xdet\x00\xc0\xe8\xe0\x15\xa0V\x8e&gt;f\x02W\x87\xf6\xda}\xe4&amp;s\x9a\x90\xfd\x1f\xca\xa9\xc2\xd3\x07VX\xdbt\xfe\xd2\x15\xd6\xaa\x87\xe7N\xfa\xfd\xbb\x97_WQ\x93\xf3\x1f\x00\x00\x00\xc7\xc0}\xa4\xaf\xeb#\xfeS-\xe7\xbb\xf1\xf3\x9d\xfe:)\x00`p\x1eq\xb4\x01e\xc4^\xf5\xb9\xee\xef\x87\x05\x00\x80\xab"\x16\xaf\xfbEp\xac\rY\xb0\x82F\x80O\x00\x18\x9c\x82\xcf\x92\x9d\xf7\x1b\xa5\x00\x00\x83\x80W\x80\xf4\xe9\xf7&lt;z\xcc\'\xdd\xfb O\xebo\xd9K\t\xaeh_t5\r\x01\xb7H\xfc\x90\xe2\xf2eK\xf9\xf0eW/\x99\x0c\x988\x00\x80\rl\x00\x9a\x98&amp;\xa4\x9b\xfb\xf0\x02\xa9\x9bo\xb2-l\xe8\x8e\x90K\xbeqJ\xc7\xf0\x07\xa2gl\t\x18\x8fQ\xff\xb2A\x9aK\xf6\x7f\xf9p\xcd2\xa9\x85\xad\xc0\xc4\x01\x00\x80v\xc2#\x9c\xfb\x9e\xfd\xe5\x93S\x1a\xdf\xf6\xce\xcf)\x9b\\\x86\xe8\xc5\xe2\xb3\x0f]\x00\x8a\x19a\xcc\x97\xbe\xf7o\x95\xa7\xf5\x82\xf9?\xc77\x04\x00p\x8b\x8c\x10F\xc7\x00Y\x14\x18\x91\xec\x8b\xc5\x83~p\xa2\xc0\xa4\xf1\x8c\xdf\x99\xc7\xd5\xfd)\x92\x97\xedb\x0c\x90\x11d\xf3\xd2\xf2\x97*\xa5\xd5\x01\x00@\x99CR\x07\x99R\x84\xc5\xdbb\xc4,\xf6$\x8c\xe6\xba\xc2=\tr\xa0\x8a\x0f\x83~\x1a&gt;?z,5_\xfbC\x0c\xdd\x0c\x04\x00\x80,\xbb\xc7 I\xd4\xdb\xf3h\xa4$\x10\x0f\x1e\xaf\x9b\x9dv\xd0\x82\xf4\x98\xb2\xc3\xb0\xc1{\xa1\x1f\xe7hx\xe1\xd7\x9b\x9c\xa3QCq\xa3\xb9\xe3`M.]\xa4\xb8\xfc\x7f\xac\x16\x01\x00\xce\rbJ)\xd7\x13\x88\xcf\xd1\x10\xde\xc2\x06\xcb\xc7o\xb2\n\xa7\xe8\\\xb0\x07:!KA\xc8\xbe\x03\xf2\xec\xe3?\xcc\xfe\x11\xf4\x00\x00U\xf0\xdf\x02\xa4\xf5\x85!\xc1\xda\xf0\xf9:r\xc7c\x9a\xa6+\xf9\xfe\x9934"\xb6\xe4\xd5v\x01\x9d\xa3\xd9\xcd\x10\xddF;\xc1\x8e4\xc7\xbdK\xf5l2\xaa\x94\xad\x9e=J\x87\xe6\xd7\xb7\xe8\xe4\xae\x00\x00\x80q\xc0\xf1\xea\x98H\x0e;\x87\xea\xbb\xb6\x83=N\x1c&gt;/\xa8\xc0\x95y\xef\x9a\xdar[\xbc&amp;\xa63\x00\xa0\x19\xe6\x0c\x80\x88\xa6\x89\xbf\x05\xd2tv\xdd%\xd6\xa3_\n\xb0\xd3\xfa\x13=\xa2!"Ek\xbd\xbd\xcd\x89\xfc\x00\xc0\x15\xa3;\xcd\x01\x00\xa0\x08\xe6\x15\xa0\x83\xb2\x7f\xc5\x93\x8c\xc3\x0eE\x84\x7f\xc7\xb1\x82\xe5\x08\x1b\xabE\x01k\xe2\x9b~Ak\xc0\xcfo\xe8\xa6\x05\xb6\xb0\x81\xf3\x8d\xb1\xba\x00\x80F\xfe&amp;\x19U\x96\x98C\xd6\x85\xe1\x02\x11\x00\xe0\x8aa?\x030\x1d\xb1\x18\xeb)\xbd\xf2\x10zp\xf3N\xb7D\xe1\x8cm\xdd7\xf6\xdb\xa06Bt+\x1f\xc3\xd8\x91\xbd\xde\xaa\x07\x0e\xdb\x9b9\xc9\xbf^\xbe\xb2\xfc-\xdf\xa57J\x03,\xb6\r\x00\x80:\xf8\x0f\x01\x1f\xc4\xa4\x13\xc8\xce\x9d\xf0\xf1\x1e\x98\xa65?\xea\xd8\xba\xec\xab\xe7\xa7ZiJM=Q\xd3\x8a\x19\xfcC\xea#\xdbvZ\xb2.\xbd5\x9f\xef\xf3\xc6\xfc\xb4n\xb3\xd3\xa3:6%\xcb\xa6BM@&amp;c\xfe\xba\xbc\x16\x00\x00\x808\xed_\xcc\xdc#\xc3\x96\xca\x14}\xaa\xecLY\xb2\xdc\x99\xa7\xda\xd8\xdc \xe8\x9dR\xe0\xb1\x90+\xfc\xc8l\xd5\x8asmN\x00\x00\x80\xae\xe4\xbf\x95E\xf0\x97Y\xc8\xfd9Rl\xffdt\xd3\xf8\x0f\xb9\xa2_P"\xf5\xc0\x95F\xf5[t\xc0\x1e\xc4\xfb\x0b]Y\xc8:\xf5\xd4\xdf\x0fIK\x0b\xd4]\xfd{\xed\xfb5-\xe2F|\x17\x10\x00\xa0\x92=\x9f\x02_\xf7k\xbe[|\x16\xbc\xcf@\xe6\xf2\xa5\xec\\\xc9\xf9\xd3\xbe\xca/E\xec\xee|\xa2\xc3\xde\xc5Z\xba\x02/\x96D\x18\xf1\xeb\xa4\xf0\xe5c\xeal\x1f\x827Z/FR,je\x0ch\xd1~`$\xc9\xd3+\xaer\xab\x00\x19:\xfb\x0b\xae\x00\x000g\xc0\xd7stQz\xd0\xb5\x94\xff\xe9\xf8\xad{\xa6%\xfc\x1b\x99\xc6Y\xda5\x1f\xc2\xf9\x08\x9b|\xd5\x07\x939n\xb9\xed\xb7\x85&lt;\xc6v\x18\x12\xcd\x91\xe7\x06\xc3\xd7\x85\xe6\'\'7\xe71\x00\xc0Y\xa0\x91_\xd2\xa8\xd8\x99T\xc4\xebXy\xa1(\xb9\xc6\xf6O&amp;tE\xdd\xb0\x91\x1b{"n3\xf1\xbaE^s\xdc\x8e\x1e&lt;vu\xa3\xb1\xd5O\xd3\xb4\x05\x00\x00\x149E@/=\xd1\xd7S*=\xb1+\xdf\x00H\xcawZn\x0f\x7fY\x16\x1b\x832\xae\xe9\x01\x1d8)\xe7\x9b\xb3\xf5\xd6^\xb6a\xeb\x1f\x078U\xab\x01\x00\xe0zP8\xfe\xac\xa9\xdee\xb5#\xb2\xf6\x00\x9d\x19\xfa\xc4nL\xab\x06\xa5\xb0\x13\x1f)\x90\x06\xff\x83\x90+\x1b\x15u\xcd\xc1\xec\x00\x00\x9c\n\xbd&lt;\xefu\x95\xe4\xe8\xa1\x9f\xc2\x1e\x1b\xdfc\x0f\x01\xd4\x93\xf5\xa3\xb3\xff\x82g\x1d\xa0\x98\xc8\xeeN\xd0\xe9\x83\xee\t\xc1\xb1\x1c\x1d.\x86\x00N\x00\x00\x9c\x1f"2\x9fy\xeb\xb1\xcc\x8f\xe6\xc7~\x1b\xe6l\x02\xff\x10`\xe0\xd3\xfaJ\xae\xafEC1\xbb\x17\x1e\x06\x1a\xec9[\x0f=\x17\xc8\xaa\xc6\x84\x02\x00\x9c\x9c\x1bN\xbfTZ\xad\xffqX\xf7\xe7\xf7\xd3\x95\x1fW{\xd8Z{u#p\xac\xb6\xdc\xea\x872A\x1fv\x1cH\x87\x05%\x9d70\xc9\x98\xef\xcf\x15\x00\x00\x00m\x9a\xd7\xfbl\xf5A\x82\xd7 f4\xb2\xad4-\x1d\xe7\xd6\xad\xf8\x86\xd3b\x85\xe5U\xc0\x01$\xfb\x17\x9d8,\xe3vM25\x7f=E=z\xa2\xc4*]~\xb6(0\xce\x85\x9fp\xf9|pb\xd2E^\xef\x04\x00\x80\xe38W`\xba\x8e\xa3\xcd\x0e\xad\xd8\xd3-\xa7\xf7\xff\xd5\x83\x87\x00\'d\xdc\xce\xca\x8d\xa5\xcb\xfbf\x0fUQ\xd4.\xa4No\xec\rLI-.\xbfo]R1\x85\x01\x00\xfdy\xe1K\x94\xf9\x88\xa3\xed\x901j@\x9c\x83\xf5a\xe6\x9d\xeb\x9d\xef\xac\xa9w\xdb\xc3\x8a\xeb\xc5NM\xf0\xed%\'\xe1?\xcd\xffU\x99\xc8\n\xb9\xe32r\xf2\xa2(\xf3\xc5b%_\x85\\l\xa6*\x851\xdc\xcb\xf8[u\xbb\x86\x10\x11\xfd\xdd\xd1\x0e\x01\x00\x0c\xca\xe1\xe1\xf2X\x0eM\xb8}FX\xbdt\x91?\x1ajo\xf8\xa7\x9f\xe7\x19\xd4`D\x9d\xf6\xfa\xeb\x80\xd4\xd9\x9a\xa2w\xf6B#\x8c4\x86\xa3\xe0D&lt;#\xca=\xae\xf6\x0b\xcb\xc3\xc8\xe1!\xf4@\x1b\x0eo;\x00\xe0D\x10\x11\xbdA\xdd\xf7\xfd]\tnK\x0fm\xb5&lt;]&gt;\x0b\xd2g\x1a\x03,\xdb \xc9\xb5\x8d\xcc,\x18\x90-P\x80\xb0V|\x8c\xc9F\xe0\x08\x91\xe4p\x03\x00\x00@\xc0m-\xea!\xc7\xaf\x16\x16#\x1c_\xe9"kQm\xab\xaf\xcbW`0v\x1e]W5\x98\xd7\x9d\xff\xb3\x89\x8c\xf9|5\x81\xb2\xb2\xed\xea\x00\x00\xe0j\x98\x8e6\x00\xe4\xb9\xacp\xd3\x84\xce\x02\x00\x80\x995\xf5\x97\xc4F"\x9a\x8c1\x88\xa2\x00\x00`\x8c1\xe6\x8e\xa3\r\x00y\x8eJ\xfd\xaf\xec\xb1\x03\xd0\xe5G*\x87\xc7@\x9f\xae\x01\xe5\x9c\xb8\xfb\xcej7\x00\x00\x00\xd0\x83X\xa2\x8f\r\x00`\xb9\xbc\xc5A\xcew\x14\x96\xd5=u\x1e\xb9\x0b\x83:g\xa4\x98P6\xf6\xae\xef\x93TE\xdcr\xdb\x01\x00\xe0\xfax\xe5\x9e\xc2\xb1Z\x00\x9e5\xf57\xeb\x0f\xe52\xf0\x07\x8c2\xc03\xaa\\\xdf\'\xa9\xe4\x14}\xe4\x1a\x00\x00\xf2 \xa0\x00p\xb3(M\x7f\xc4\x10\x86\xbbWn\x8d\xc8\x90\xe4\xcb\xf5O\xcby\xdb\xf5\x1eG~U\xae\xbd\xd3\xc6N\x00\x00\xd0\x08"\x08P\x81\x1bH#\xfd\x11\x863\x12\xfd\x8aU\xac\xfd\xe7\xa0\xe5\xbc\x96\xfd\x82]t\xfa\xc1\x10\x91\xf9\xba\x86\xef&lt;\xfd\xab\x86\x1et\x8f\xff\xf1\xd8\r\x00pa\xfdt)\xcd\xff\xe0K\x12\xc0\x8e&lt;\x9b\xe8y\xd8!G\x84\xa1X\x0b\x11\x19\xf6\x0bO\x8a\xbe5\x05\x1c\x82\x9d\xf7\xa3\x9b\xae\x86\xc8\xd4#\xef\x8b\xf8\x96/|3\xdc\x17\xf4\xcd\x85\xcbg\xf1\\c)OD\x18Z\x00\x80\xed[\x80&amp;c\xa6S\xa7\\D\xf4h\x9cn\x9e\r&gt;\xfb7a\xf2\x8a\x9e\x953\xe1\xeb\x0e\xaf\x80\xa3\xfb\x0f3N\x93iz?\xe6*\xe7\xe3i\x9a"\x9d\x1f\xdd\xcf\xe7\x95;\xe5\'d\xff\x00\x00#[e\xfcS\x8aQ\x99\xa3\xdb\xc1V\xdc\x087wB?!%\x12s\x96\x881"#&lt;\xa5\xc1\x1f\x1e\xe9\x00-!s\xb2\xaf%\xa3(;\x8f\xfc\xb4_\xd0M[\x95\xc8\xb3\x05\x00\xc0-"\xf9;\x00g\x89\x17\xb1\x83\x93\x15$pz\xdcXr@\xf4/\xeb\x8fG\xda!\xe2p\x0b\x99\xb1Q\xf7MA\xb7\xf7\x89\x85\xe3\xb3\x7f\x0b\xc7\xf9\xf8\xf0h\x1b\xcf`\x8e\xf6\xa7\xe8\xc7\x9a\x97\xbf\x98\xac\xe0\xf0\x98\x86v\xc9\x00\x80S\xa3\xb9\xcc\x10\xd1\x18\xeb\x16`\xc1\xb9l=\x1d\xc66\xe1#7\x80c\xc4y:\xc2s\x89\x9b"\xf9Q\x10g_\x90\xed\x11V\x14\x11\xe1i\x00\x007\x8e\xfa_\x02\xc6\xb9\xc2\xa0\x9c\xe1\xf0n\\\x13\xa7\xe9\xaf\xd4E^s\xf6\x7f\x86\xd16"\x03\xfbmrsM|\x93L#\xd1\xaf\xea\xca\xb3\xf5\x82$\x84&lt;u)iu\xdfO\xc7?i\x00\x00\x00\xe5\xe0\x01\xf1\xed\xf1\xfd\xaa\xd2\xc6\x1f?\xa7x\x0b\xe2X\x0b\xe7\xef\x1a?\xd4\x86\xb3\x02\xbf\xdd\x0e\xe9\xbe&amp;\x0b\xf6&gt;\xbe\xd4\x1f\x00\x00\x00\xd8\x89\xebXnwh\xc2\xc3\xf07\xc2v\x85u\xd43\xf6\xb6\xc2\x18t\x99\x1e\x85\x7f\x0b\xe2\xfcq\t\x00\x00@#\xaf\xd0T\xfb\xe0\x85\x04\xcbX#\xf9\xa4\xa1\xe1\xdd\x03p\x16h\xcb \xd1\xd7\x00\x00\x00\x86\x04K\xd4(\x1c~\xbc}\xb8\x01\xfd\xd8\xe7\xe9A\\\xcb\x93\xac\x9f\xff\xb6\xab\t\xd8\xc5\rB\xff\xbf\xf9\xcaH\x16\x8cs\x0c\x0f\x00\x00\x18\x9c\x8e\xf9\xca\xb6,]\xc7k\x15\x00\xa4\xd9a\x9c\xc7_\x1a\xc6\x1e\xfb\xea\xd9\xbb\x7f\xa3\xbb\x8b\xee\xbb\x0e\x00\x00\x00\x9d\x91\xc7\xf1\xd7\x8c\xa7\x17|\xd2s\xb2\x15\xe2D\xa6\x8e\xc0\xb9:\xb7\x8c\x91\x93\x9b\xc8\x06\x80\xde^\xddfl\':\xa03\xb4\xaa\xfe\xdeB\x9b\xde\x9f6\xe6\x01\xde\xa5?%\xfa*\x0c\x92\x14\xe3\x86\x11\x00\x00(x\x1f\x83?t\x14\x9fz\xe2!\xc0uq\xd5]9\xf0@M~m\xc8Vf7{@\x01\x82\xbe\x93H\xa9\x9a}[\x15k\x085Y"\x94\x80\xd1\x08\x00\x00G\xb1\xfe\x1d\x00&amp;\x10\xcb\xbf\xa6\x9c\xfb[$\xc5\xdf1\xfc\x03X\x0c\xae\x84\xca\xaf\x97&gt;\xc7&gt;p\xe0/\xef\x1f\xcf\xb4Azs\x103R(\x99X\xf7\xe5\xee\\\x956\x83\xf05\xf3\x00\x00p\x0e:%^\xc2#II1\xbb\x86\x8am\xe0\xfa8\xc1\xfe\xa13Dd^\xa9\xc0\tu\x1e\x13|\xbd\x8c\xcay\xb6\x06\x83\x98!`\x84o\xecYO\xeeG~\xd5\xed\x9a(\\\xfb\x00\x00\xe0$\xfcZ\x97\r\x00\x00\x80\xa3|\x12-\xe5\xcb\xf6\x0c\xb2\tK\x9f\x81\x19]B\xb7\x00\x88^\x18\x97\xcb&lt;\xfa\x9d\xe0s;\xed\xbd\x86\xf5\x14\x00p8\x92c\xad\xe2,\x04\x1c\xca\xdd\x8f6\x00\x1c\x08v\xec]\xe8\xf7\x18\xd6\x18c\xcc\x8f\xf4\x10\x0e4\xb1\x1e\xbf4\x0e\x06\xccP\x00\xc0\x15A$\xf9#G\xa0\x14\xb8\xf4\x16P\xcc\x06\xb4&gt;\'\xda\x99\x91mc\x89u\x90n&amp;\xf7\xadJr\x806v\x17\xb7M.&lt;T\x07\x00\x8cNa\x84"|uZ\x0fni\x91\xb8\xdd\xf1\xa3\xd7\xcb\xe4\xa4\x17O\x16\x88\x1d\xe0\xd5\xf6\xf3\xd2s\xafE\xab\x86\x0e\xc2\xc1Q\xb83\x14\x00\x00\x06\xe4\x0c\xe7\x88\xa7\xe3\xeb\xca\xab|\x92\xbe\x15\x05\xa0\xf7{\xa3\xe6a7\xb1\xb8\x91\x99\xbbO\x1b\xdfuwg\xf6N\x13oal\x0c\t\xb2\x7f\x00\xc0\x19\xa8\x8aP\xd83\x1c\x86\xc2\xe7\xd2\xb0,\x19c\xce:\x80\xdf\xe0v\xf2\xfe\xfd8\xe4\xbc\xd6Q\x8a)\xd9\x85\xc3\xbc\x8a0\x0b\x00\x00`,\x90m\x80\xf18\xfe\x9b7w\xdf\x00dwq\xc3M\xd2\xab\x0f\x1d\x95\x0f\xc3\x91\xeb\x03\x00j\xb9\xf3\xd1\x06\x00-\xe6\x85\x80\xfb\xa3l\xa30\xb2m\xe0&amp;\xa1\x11\xfe^\xd54]\x0c\t,!2\x93\xe9caJ&amp;\xd1\x80\x7fTn\x84\x8e\xeaMq\x0b\x91\xfb\x03\x00\xaa\xb9#_D\x03\xbc\xeb\xdf\x9bS\x1c\x03\xe1\xb0j&lt;~MCH\xee\x18r\xdc~?8\xa9\\\xfc6\xb1\x19\xf7eG\xaf\xad0?\x0b\x07\xdc\xa8\x0fh\x92.\xfd\xdb\xf7\xac\xde\n\x00\x00\x80\x01o%\xf6\xe6\x0c\x1f\xfcz\xa3\xb1\xcdS\x81k\xe0\xb5\xb7:?\xf0\xae\xdd\x03\xd5$\\\xa7~hR\xf5\xd2\xff(\x1d7|p;\x06\xa9[\xf0}\x1b\x00\x00\x11z\xa1\x16!{/\xc6\xcf\xfe\xcd\xcd~\xe1\xe0\r\xb4z\xc0\xdcb4{x\x12cCw\xd8X\x07\x04\xe7\xf0\x0cP\xe6\x9e7\x1a~\x01\x00E\x84a\xa22p \xe2\xec\x06\\\xcd\x01\x9f\xdc,t\x8a]q\xb5yeg\xf9\xc3\xfb\x01p\x14m\xd8\xd0\xbf\x00\x80nD\x96\x10\xc4\x1d0&amp;8\xec\xdc\x8fA\xbf\xa4e@\x93\x94\xc8\xedm\x86\xec\x0eP\x82\xb5\xc7\xcbt\xe5\xf8\x1b]\x00\xc0\x15\x92\x8e;\x83\xa6\x05\xe0\x16\xc0\xa2\xb8#\x82\x99\x8e\xbe\xb8p\'-A\x9d\x877\xfak\x04D\x87n%\x1b\x80\x9d\xbe\xf6\x03\x00p\x0b\xdc;q\xaf\xcf\x12\x85\x95\t\xc8\xc0\x06\xe0\x10\xd8w\xcdu\xfab\xef\x0e\xed\xf9\xd2\xfc\xb8\x83s\x97\x13e\x8a\xfc\x0c\x8a\xc1G;\x00\x00c\xd1g\x15\xc1\xb1.\x00\xa3S\x94\x91\xc8\x0b\x13\x911\x7f\xd9`W\x19\xfd\xf2\xe0\xc1\xdf\xd9\xd8\xc9\xb6\xbd\xd2\xd6\x91]\r\x00\x007\xc1\xe0\xcb\xde)\xe0\xb2%\xb8\x14\x0cE\xe14\xdf-&amp;\xc4\x14\x1d\x10\x94\xf0n\xe4n\xdf\\\x8cE\x07\x00\x00\x18\xba\xbe\x11\xf8o{\n\xbfQ\xa6\xe0/\x83bu\x03cQ\xfawd\x9d\xd2\xdbh\xfe\xc3\xbd\xce\x0b\xc8\xd5\xbb\x0b\xfc_\xfe\xbaA\xfa\xbba\xba\xd6?"\x86\xefu\x05\x00\x0c\x8b\x1f\x9b\x10\xad\xfa\x00\x97\xde4\xb2\x8f\xda\xef&lt;HD\xdf^\x92\x11\x91\xda\x00(\x7fG\xfe\x9b\xdc\xfa6\xfa\x80\xe6w}\xc3\xaa\x87\xd86\x8a\x1a+\x9a;\xf8\xdb\x0e\x00\x80\xc3A\xf4\xd9\x03\xbc@\x05X\x86\x1c\x18\xf2\xb7;\x92\xdfe\x19\x97\xae\xf6\xe4kI\xa1D\x06\x13\x99Wm\xd5;f\x7f\xed\xad\xaf\xaf\x13\x06r/Y\x14\xd5\x90\x17\xae7\x0e\x00\x00\xc0\xf0|\x94f\xd2\x03@_\xdaO%S\x99\r\x11\x19\xf3\xe46\xf9\xb6(#\xcc\xbaTN[\xf7z\xf7\xbd\x88\xc7\xed\xa9\xec\xa6\xce\xadK6\x00d\n\n\x03\x00\xc0X I\xed\xc6\xb9\x1d{j\xe3\x81\x10\xfb\x9d\x04\x85\xf7\x7f\xaa\xd3\xa0\xe2\x8a\x05\xeaj\xdb5\xf4\xfc\xdd\xd5\xb6\x1bKpEs\xe1\x95Hk\xee\xdc\x8ec\x01\x00\x03\x81\xa3\x0b\x00N\x837[\xf3o\xc2$g\xb7s\xd2Y\x13\x04\x9e?a[!\xc5uo\xf9\xd8\xf5\x96\xdb&gt;\x18\n]\xb0\xcc\xbe\xed\xb9\x16\xb6\x04\x00\x00\x16\xddo\x01\xba\xce/[\x00\x00\x18c\xcc\xf4\xda\x92\xefS\x99\xa6\xba\xefv\xf9;WH\xcb\x97\xb7\x94\xd5\xbd\xf1\xdc\xf7\xe2\xa9k\xfd\xaa\x9cS!\xeb\x82\xe4nm\x9a&amp;3\xcd\x1b\xf0\xf5_~\x83w\xdb\xc3\x1e\x00\xa0\x1b\xf4I"\x90\x88\xb0\xd8t\x81J\xbf\x7f\x11\xc4\x10\x8d\xe4\xf3\xe35\x93\x8c\x99.\x89B|\x86\xd6xf\xe4)\xef%F\xe5v^\xc7P\xb9\x8eV\xdc\x04\xf3\x0c5\x92m\xb63\xba\xbd\xb1MD\xe1\x97J\x03\x00n\x87;k\t""\x04\x93\x83\x195\xc7:!7\xe2\xc9)\xfc5\x9d\x13\x10\x99\xcb\x1b\x05\xb2\xfc\x83W3 \xd3%\x05\xae1t\xfc\xc6I\xb8\x8eV\xe4\xc9\xedo\xcf\x83\xa8\t\x97\x86&amp;\xde\xe9\xc3\xa2\x01\x00\x00\x00\x0c\xc4\xb0O\xe7\xab_\xf1\x1f\x9f\xabl\x14p\xb8\xde\xd1\x9b\x82}\x05\x08\x1f\xfc\x00\x00(s\xda\x8f\x94\x9d\xcd\xe0\xabZ\xc9\xf0I5\x9b\x93z\xe3\x8cf\x7f\xb6\xfb\xeb\xe9\xec\x07f\x80^[F\xben@\xd6\x94v\xb8\x8b\x00\x00\xb7\x81\xd2\x06`\xf7\xbf]z*\xce\xb9\xcb\x8a\xa1\xf0\xc5\x91`&lt;\xd0\xa1\x80\xc1\xfa\xbe\xcbf\xde\xea\x9a\xc2\xe0\x85\xa59\xd7\xd6.\x00\xc0mp]\xe9i\x19\xdd\x9f2/_\xd7h~`2\xcf\x92J\x00\x00 \x00IDATt\x0f\xdf\xec\x188%?AF\xe5\t\x1e:\xbd?\xfd\x1f\xb4v\xdc\x93\xb7}]\xac/L\xc1 F\xaa-\x96\x8c\xf9\xf9.Z2\xaa\xad\xef\xd5-k&amp;&amp; \x00@\x1b;d\'\x97\x1f\xea\xbf&gt;\xdd2\xf67=\xef\xae{\xf9\xcb\xa9\xf2\xc2O\xc108\x07\xd5\x1b\x80=\xfb\xf7\xc3Cu7\x18j:4\xd9\x91\xd6uk\xa1\xf9\x04`\xe51\x1d\xbd\xb1\'k\xcfR\x04au\x00\x00\xd0\xc4\x0e.\xb1@S\x14\xad\xc0\t)=\x1a\xc408\t\xcb\xd7\x86\x17\xf7\xd7\xf9\xfb\xf7\x86\x87h\xf51s-O\xea\xa1+.\xf0l=KD\xe6N\x95\x1b\x00,\xbb\x00\x80\xcep\xe7\x13\xd6\xcd\xeb\xdb\x00\xb0\xab\x0b\xd5\xa4J\xb7\xc7\x15\r\x83\x9b\xa0\xad\xb3\n\xea\xee\x97q\x8ah\xb7\xe43N\x97k\x86I\xe6\xd1\xf6\xe8r\xcaF\xd1\xf6\x98\xdd{\xd6\x9am\xcb\x07_i?\x02\x00\xc6!\xb9\x01X\x8a\\U$\xea\xde\x90kq\x14\xc7\xf5\x0c\x03\xa0\x88|\x03\xf0\x0ecm\x15\x18N\x1b\xeel\xc7\x9e\xce\xf8\x1c\xefL\xc6\xdc=r\xaf\xebg\'\x9a\xaa\x13\x911\xaf\xa2c\x0b\x00\x00\xf4\xc0\xcd\xfe\xa3\xef\x02\xedi\xcf\x15\xaea\xf54\xbbB\xa7\xef\xe6\xbd\xa2\x86(p\x085}\x97\x9d\x8c\xe5\xc1a\xf0!\x14\r\x83\xa7\xe1f&amp;)\x11\xbdO\xc7\xc6~_S\xedSn#\x01\x00\xb7G\xe2\xdck\xff\xf3\xb0s\x9e\xc0\xf5\xa3\xd5\x15\x1a\xce$\xf3\xed5\'\xa3\xe8\xc7\x91\xa8\xde\x00\xa4\x84\x94\xa6\xcb\xc7\xa5\xd7\'O\xebe$\xceq\xae\x8c]ZZ\xbf\x12\xddH/\x00\x00\xceJ&gt;H\x9d\xf5\x81\xf8\x8dBD\xe6\x05\xc9\xbf$\\\x8a\x04\xdfJa\xcb\xc1\n\'\xe6\x9f\x8f6@\x85\xbbh\x84\x02\xb2^\x8cv\xae\xb7\x89\x95\xaa\xbe\x81PvM\x7fU0E]o\xee\xf8\x8a\x97\xf6g\xa3\x1fu\x13\xdd\n\x00\xd8\r?\x87#\x17\xf3\xe9\x08:g\xc2[\xdb\xcaV\xbb\xb2\x84\xfe\x16r)-\xe0\xa8\rn\xd8\xac{\xd4jG\x89*\x12\x911\xef\x85q{%T\xf5\xe3\x8e\x1b\x80\n\xc6\xb4\n\x00p\xa5\x0c\xf2\xda\x8f\xad\xfa\xf2_D\xc3F\x8a\x97\xba\x92?\x0b ,\x19\xd7N\xee\xcf\xe8\xeb&amp;FJhj_4\xda\xbb\t\xe3x\x0c\x0c\xc7\x01\x13*\x1f\xab\xef9\xf0\xd6\x05\x00pF\x86\x0b(d\xcc\x80V\xf5B=\xa0\xaf;\xa8\xf2\xd5"Z\x98\x91Cd\xccw\x08l\x11n\x12^ [\xec$\x1c\xbbm&gt;\x84wh\x17\xb1\xbf\xfdH\xa4\x1c\xce\xed\r\xfd\x10z\xc4\xfb\x8d\x02u\xef&gt;\xf2\xe3\x0b\x00\x008%W\xf8\xe2,\x11\x99\xcfU\xf8\xf8/\xfb$A\xb2@\x8a\xd7\xaak\xf3\xfc\x91\\\xdd0\x0e\xa0a^?;\xc8\x86\xbf\xd4\xd7KD\xc6|\xa2\xba\xd8\xc3`\x86\xc7\xe3KE\xe8X\xa2\x0c\x11\x91\xf9\x891m\x03\x00\x9c\x19\x9c.\xa8sr\x7f\xba\x1f\x08qo\x08+gK\x8d\xba\xd6\x9e\x94ktf\xf6C\xc3\x92Y\xd6\xe1o\xd6\xea\xcc\xee\xcb4\xa9}\xa3]\xc1\x00cj=\xf3\x93J\xdak\x916\xbf\xa2u}\xbf\\\xa8\xf6.\x16h\x00\x00hB5\x15\xb8\xde\x88\x1c\xcb\xfe\x8b\xaa\xa7\xfds\xc4\xa3vp,\x07v\xb7\xa6\xea\xa7\x13\x99\xb7\x1dl\xe8~\xfe\x15&gt;\xc9L\x90\x08M?\xb3\xd7\x9f\xc1\x06\x00\x00p\x1a\xf0\xa0C\x88\xca\x06\x80\x88\xfe$\x91\xe5kv\x04\xfaT\x11ug\xce\x02%\xdbB\x1d}W0\xc7\x0f\xf8l\xf4\xaa\x99\xcc3Gw\xa0\xd6\xcb\xfaDd\xcc\xc3]\x99\x00\x00\x00N\x850v\xdf`\x94\xafj\xb2$\xfbO}t\xd8\xda?\xf4\xf6\xf6\xcdu\xa8\x1e\xec\x0b6\xbd\x9cy\xe9\xa6\x1d&amp;\xe0e\xd4\x9d|T\xd0!\x7fP\xf6T\xe1Qf\xe7c\xe8\x99\xf1o$\x1b\xaf\xb1d\xcc\x9f\x1cm\x03\x00\x00\x9c\na\xb6\xda\xbe\xc2\x9dj\x8d\xbc\xd0\xc5\xda\x84\x13Z\x9e\x1e\xc4$\xa6_\x90USt3\x1c5\x8cwy\x0e\xd0\xb8\xf9\xbc\xb6\x91vq\xb8zw\xef\xf3&lt;\'\xa1^V\xea\\\xaf\x1a\x9e\xc8T\x00\xc0\xe98Y\xf2\xaa\x8e\xcaSce\x99\xd7\x88br\xa0\xb8\x84g\xbf\xc0\xf4V8x\x03\xb0\x8b\xaa\xdd+\x8eL\x0f\xb7\x1f{\x14r\x95\xdd\x04\x00\x00\xe0L\x1c\xf8\xc5\x11\x00\x0c\x82\xf8\x8bYn\xf3\x0c"\xd8\xf9\x9c\xedpz8\xbam&amp;\xd5\x1f\x1c\x01\x00@G\xae9\xfa\x14F\xf9\xebr\xc5\xb1\xcf\xd9\x07\x02N\xd0F3\x01\x1d\xa2w\x86}7\xef\x84\xef\r\x8e\x8f\xf6{\x86\xb6\xd0\xf2\xa9\x11\xb7\xe47=;1\x18\x00\x00@JQ\xb8\xbc\xba\xd8\xda\xf1C\x99\xe7\xf1\xd5av^\xf11\xed\xc0M\xab\xb2\xca\xf9\xe8\xf9X\x0ch\xd2US\xefmrF\x11+\'\xfa\x91\xe2\x94=D\xc6\xbc\xa8\xa7\xa2\xdaH\x00\x00\xb8\x19\n\xfe\xec\xcba\x81\xf5t\x01]o\x11\xba\xe6/v\x1c\xb3[\x07\xce\xdd\x15x\xf7\n\x9f\x0f\xd9M\xbb\xe0&gt;!&lt;of9\x96\xd9\xd1\r@\xbb{56\x00C\xf9\n\x00pZ\x86Z0\xe2\x91Q\xba\x07\x18\xaa9\x03s\xa6S(|\xd6\xd0\xe3,\x1dW\x05\xfd\xcfkn]GF\x9d&amp;\'\xea\xcd_\xda~\xec\xf6r\x91\xe6\x13\x00\xcc\x14\x00\xc0\xd5\xd0\x1a\x19?@Z\xfd\xe5\x94C\xe7\xf9\x02\xf1\x896\x00\xf5&lt;j\xaf\x06\x8e\xf7\xcd6O\xd4\xfc\xf4\xc8\xe3\x95\xe4\x089|X\x1en\xc0\x15q\x96 3\xcf\x17z@\x9f\x8f]\xf9\xd9\xff\x9f\x9d\xe3\xe9+\x00\xe0f\xf9\x8a\x9d\xf5\xb5\xa6\xa4\x05\xd5iQx\xcdoS$\xf1\xbf\x93\xc4\x7f\xf9\xd5:\xa9\xa2\xb3~\x16\xf9\x8c6\x8b\xc8\xcf\x94[\xd8\xe05\xa0\xe1\x1c\xb8\xf7@\xba|\xabi\xf2\xed\x7f%\xe94GWu\x15\x00\x00pb\x1aW\xe5\x8a\xea\xa7Mm\xb5 c\xcc3\xc2\xe7\xd3k\xde\x7f)\xa4\xfb\xe4zo\x1e|\xb4\x01=\x90t\xc4\x19;\xeb\xc6\xf9\xcd\xa3\r8\x0b\xdc\xd8n{\xb1^\x10\xdc\x9a\xe5\xb7\x9d\xa7\xdc\xf0q\x15\x00\xe0\xea\xe9\x1b\x82\x81G\xc1k\xa9N\xb1\x9f\xaa\xea\x85\xf7#c^\xae\xd2\xd2\xdd9\xe7V\xc7\xe2\nr\x05\xb5\r\xe7\x19\\\xf1\xc2z\x16~\xde\x95\x1fj\xc4\xf2\xe0T~\xfc\x9eZ\x03\xe9M\xdb\x85\xd4\xe7\xf1W0\xa9\x01\x00\xe7\xc1\x0b7\'=\x03\xde\x11\xd6?G;\x8d\xcd\xef\xe5\xd9?[K\xdb\xc6\x81\xb8\xfa\x06v\xa6\xeaA\\\xe4Fs\xfa\xde\xf1\xbd\x8eQ\xb9\xfa\x96\xf6\xfa\x8a\x9e\xfe\xe8\x06\xcf\xf1\xdb\x0b\x00\xe8\xc8\x1d\xed"\x12!\x89\xe8\xf2\xffOX.L\xd34\xb5k\xbcbx?\x1e\xe84""\x9a\x8c\xf1:\xce\xeb\xf1\x8an=\xc3r\x0b\x0e\xe0\xf2\x9a\x83\x8e\xaci2fJ\x0e\xb4?\xcf\xe8\xdan\xdeN\xe0\xea\xd8\xd2\x11\xb6R1\x13\xce\xb06M\xd3\x94_\r\xa4N\xfe\xbf*&amp;\x01\x00\xae\x86\xd8j\xf9\xe2\xc9\x80\xf2\xe4\xa63\xb6\x86\xba=\xe4\x80\x95\xc4\xd6\x8e;\xfe\x17\xe5\xf45\xcf\rNE\xef\xa6\xf5\x90&lt;PG\xbc\xd9~\xa3b\xa0V\xdf\x08\x07\xce\xfa\xba\'\x96\x1c\xf7V\xb3\xa9\x0f^\xeb\xae4\xcc\x02\x00\xd4\xe1?`4\xfc[\xa1\x83\x9bwJR+%\xbb\x94\n\xd7\xd7\xeb\xde\x00to\xda\xeft\x92\xfc\x7f\xfa\x88\x1d\x88k\x1dr\xa0\x88\xb6\xa7\x10g\x18B\x05\x7f\xfb\x12\x00\x00x(\xf8aP4\x82\xf2\x1b)\xd8q]|U\xdc\xab\xa9$\xfe\x99\xf9\xed\xe2\x15n\x00\x96\xacbiW\xaf\xa6ur\xdaU\xf5E\x04Z\xbe\xac\xfdhC\xc0\xe0$C\x13\xd1?\xee:Y\xa8\xfc\x83(\xa7Y\xb8\x01\x00G\x12\x8ft}\xf3\x18P\xcd\xd1\xb9\x1a\x85\\\xae/\xa3%\x9ff\xb9u\xafj\x8c\x11\xd1g\xf5\xec\xa0.\x1e\xbb\x92\xcd\xd8k\x1dm\x00\xb8\x06\x96\xb8\xf4M\xfc\xed\xbf\xddu\xb28\xa1\xb2\xf8h?]\xfe:f=\x00\xa0\x16\xc9\xdb\x1a\xbb\x19\x03\x06\x87\xc9\xfd\x99\x9d\x801\xc6|hrc\x19\xd4\xc2\x18\xf3\x88&gt;!\xf9\x0c\xccG\x9e"\xb7`\xc8\x81\x04\xec\xd4S|\x0f\xb6@N,\xc0\xb6\xab\xc0\xe2\x0e\x00\xc8\x80\xfc\xec\xe6\x9b\xbf!\xdf\x00\x94\xd6\xde\xa9\x01\'a\x18\xb7\x1cn@\'\xda\xbf\x1e\x14\xdc\x1a\xf7W\x92S6\xaf\xfd8Y\xb2\x07H+\x1a#\xc2\x00\x00\x0e#\xff5\xa0g\xf8r\xb4\x15\xe5p&amp;\xdb\xfc&lt;\x00\x99D\x0c{\x81I\xac5\xa7\x1ac\xddY\x9d6\x80WV\x0b\xea?4\xa9c\x08P\x05O\xde\xcay\xb4\x92\x9c\xfah7\x99\x92\xefh\xa5T\x00A\xea\x0f\x008&gt;\xc5\x90A2S\x85\xc5\x14\xd9_\xe3\xa1\xe4\xd6\x8d\xc9D\xf2\xd6l\xc5i\xba\x14\xc1f\xc0\xda\x00\x8c\xe3\x8a\xeb\x1b\xe7\xd7\xd7\xa2\x1e\xc0K\x12zzi\t\x07\xba\xd1`\t\xb6\x06\xfd\x0b\xc0\xcd\xb2\xc3\xe4\xef\xbe\x84 q\xdc\x13\xc9\xd1Q\xd8\x17\xd9Z\xd34-\xe7\x91\xe8G"\x1ay&lt;\x93\xfbd`X;\xf3\x10\xd1\xc0~\x1e\x90\xd1\xba\xfbx{\x88\x08i4\x00\xe0\x8c(\xfc%\xe04\xfd\x9f4\xe2Q\xe6p\x84\xe9\xbe,\xcb\x9a\xb0\x8e\x1acF\xff\x83\xd9d\xd6IGt\xeew\t\xa6\x17\x14\x16&lt;q\x1bUa\x86\xe5\xa1\xaf\x12\t\xa7IG\xf3\xa6)\x16\xb5\x06\xf9\x18\x0f\x00\x00\xf0t\xdf\x00&lt;\xaa\xb7\x02+\xf8"\xda\xf6Fv\x90\xcf\xae\x87\x03g\xb4\xc0%\xd3\xcb\xd3t\x15\xf3\x8c\x8c1\xe6o\x13\xc3r\xfb\xd8\xe5/\xf6ho\xe1\'A;X\xa0F\xf2K\xf35\x92\xe0V!\xa2\xe0\xa3\x9a\xaf\xdb\x9f}\x1a\xaa\xef\x862\x06\x00p\xdd\x8c\x15\xfeVp6SE\xf2;|\x88\xc8\xbcr\xd4\xab\xa9\xef\x00j\xec\x0bt\xe5A\x14\xf4\xddw\x9d\xed#\xa7#\xfe\xd5\xb0\xd2\xef\x819\x8a\xd5u:\xa7\xe0\xe5B\xea:.\xfa\xcd\xc5u\xc3@\'\xb8\xcd\x06\xe8\x83\x15\x10\x00\xd0\x9ba\xa3\xcc\xb0\x86\x8d\x8d$q\x0f\xae\xe7\xb2\x7f\xf4\xc5\xa1\xec\xf0\xa2\x9e\xe6\xf</t>
        </is>
      </c>
      <c r="E380" t="inlineStr">
        <is>
          <t>&lt;class 'numpy.ndarray'&gt;</t>
        </is>
      </c>
    </row>
    <row r="381">
      <c r="A381" s="1" t="n">
        <v>379</v>
      </c>
      <c r="B381" t="inlineStr">
        <is>
          <t>steps_per_sec</t>
        </is>
      </c>
      <c r="C381" t="n">
        <v>4300</v>
      </c>
      <c r="D381" t="inlineStr">
        <is>
          <t>2.648114</t>
        </is>
      </c>
      <c r="E381" t="inlineStr">
        <is>
          <t>&lt;class 'numpy.ndarray'&gt;</t>
        </is>
      </c>
    </row>
    <row r="382">
      <c r="A382" s="1" t="n">
        <v>380</v>
      </c>
      <c r="B382" t="inlineStr">
        <is>
          <t>Loss/RPNLoss/localization_loss</t>
        </is>
      </c>
      <c r="C382" t="n">
        <v>4300</v>
      </c>
      <c r="D382" t="inlineStr">
        <is>
          <t>0.34155914</t>
        </is>
      </c>
      <c r="E382" t="inlineStr">
        <is>
          <t>&lt;class 'numpy.ndarray'&gt;</t>
        </is>
      </c>
    </row>
    <row r="383">
      <c r="A383" s="1" t="n">
        <v>381</v>
      </c>
      <c r="B383" t="inlineStr">
        <is>
          <t>Loss/RPNLoss/objectness_loss</t>
        </is>
      </c>
      <c r="C383" t="n">
        <v>4300</v>
      </c>
      <c r="D383" t="inlineStr">
        <is>
          <t>0.040936917</t>
        </is>
      </c>
      <c r="E383" t="inlineStr">
        <is>
          <t>&lt;class 'numpy.ndarray'&gt;</t>
        </is>
      </c>
    </row>
    <row r="384">
      <c r="A384" s="1" t="n">
        <v>382</v>
      </c>
      <c r="B384" t="inlineStr">
        <is>
          <t>Loss/BoxClassifierLoss/localization_loss</t>
        </is>
      </c>
      <c r="C384" t="n">
        <v>4300</v>
      </c>
      <c r="D384" t="inlineStr">
        <is>
          <t>0.2037713</t>
        </is>
      </c>
      <c r="E384" t="inlineStr">
        <is>
          <t>&lt;class 'numpy.ndarray'&gt;</t>
        </is>
      </c>
    </row>
    <row r="385">
      <c r="A385" s="1" t="n">
        <v>383</v>
      </c>
      <c r="B385" t="inlineStr">
        <is>
          <t>Loss/BoxClassifierLoss/classification_loss</t>
        </is>
      </c>
      <c r="C385" t="n">
        <v>4300</v>
      </c>
      <c r="D385" t="inlineStr">
        <is>
          <t>0.11810859</t>
        </is>
      </c>
      <c r="E385" t="inlineStr">
        <is>
          <t>&lt;class 'numpy.ndarray'&gt;</t>
        </is>
      </c>
    </row>
    <row r="386">
      <c r="A386" s="1" t="n">
        <v>384</v>
      </c>
      <c r="B386" t="inlineStr">
        <is>
          <t>Loss/regularization_loss</t>
        </is>
      </c>
      <c r="C386" t="n">
        <v>4300</v>
      </c>
      <c r="D386" t="inlineStr">
        <is>
          <t>0.0</t>
        </is>
      </c>
      <c r="E386" t="inlineStr">
        <is>
          <t>&lt;class 'numpy.ndarray'&gt;</t>
        </is>
      </c>
    </row>
    <row r="387">
      <c r="A387" s="1" t="n">
        <v>385</v>
      </c>
      <c r="B387" t="inlineStr">
        <is>
          <t>Loss/total_loss</t>
        </is>
      </c>
      <c r="C387" t="n">
        <v>4300</v>
      </c>
      <c r="D387" t="inlineStr">
        <is>
          <t>0.704376</t>
        </is>
      </c>
      <c r="E387" t="inlineStr">
        <is>
          <t>&lt;class 'numpy.ndarray'&gt;</t>
        </is>
      </c>
    </row>
    <row r="388">
      <c r="A388" s="1" t="n">
        <v>386</v>
      </c>
      <c r="B388" t="inlineStr">
        <is>
          <t>learning_rate</t>
        </is>
      </c>
      <c r="C388" t="n">
        <v>4300</v>
      </c>
      <c r="D388" t="inlineStr">
        <is>
          <t>0.039945662</t>
        </is>
      </c>
      <c r="E388" t="inlineStr">
        <is>
          <t>&lt;class 'numpy.ndarray'&gt;</t>
        </is>
      </c>
    </row>
    <row r="389">
      <c r="A389" s="1" t="n">
        <v>387</v>
      </c>
      <c r="B389" t="inlineStr">
        <is>
          <t>train_input_images</t>
        </is>
      </c>
      <c r="C389" t="n">
        <v>4300</v>
      </c>
      <c r="D389" t="inlineStr">
        <is>
          <t>[b'1024' b'1024'
 b'\x89PNG\r\n\x1a\n\x00\x00\x00\rIHDR\x00\x00\x04\x00\x00\x00\x04\x00\x08\x02\x00\x00\x00\xf0\x7f\xbc\xd4\x00\x00 \x00IDATx\x9c\xec\xfdw\xdc?\xcfU\xd7\x8d\x9f\xf9\x12\x12\x84$ E\xe9\xa1\x04\xc8\r\x84\x10j\x00\xe9M@z\x93\xa2@\x00o\xaaR\x14\x04\x14\xf0\xa7"\xbdJ\x11Pz/\xd2\x04i\xd2\xa5\x06Bo\xd2K\xa2\x90\x1b$\x04\x0c\x08\xe7\xf7\xc7\xb6\xd9\xdd\x99\xd9\xe9sf\xf6\xf5|$\xdf\xcfu\xbd\xaf\xdd\x993g\xce9s\xa6\xec\xbe\x89\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xa1af\xfdg\xfd\xd7L\xc5g/3\x19\xde \xba\x94\x8d\xe9Z~\xbd\xc0\x95O2}h\xbd\xfd\xea\x9aSM\xe1Z\ri5Y\x1ae\xb8,\xbcFO\x01\x0cE\x85\xde56\x9bn\xc3L:\xb8\n\xceP\xfe\xab1\xfb\xb8Rf\xce\xf2\xafb\x9c?\x01\x00\x00\x00\x82\x88\x18\x16UD\x1dJ\xc5\xdcxU*\x11\xd1T\xf2\xf4\x8bZ~\xcfS\xf4\x822\x949]p\xfc\\\xbfQ\xbf\xcb\xf6y\xa2`\xb45W\xd9.pW\xea\x93\x98Z\x05^n\xf6i\x91Er/U\x9c\xbac\xbb\xf1\x1f2\x7f\xd1^TSE\x87Zv\x97\x18m\xc6\xad\x96+\xc9Y\xff\xab\x7f\xd73\xf3^\x98k9\xa51\xbb\xe1\xb5\x9cV\x05\xbb\x9b\xf93\xcc\x8f\x8e\xb5\xb7\xb9\xfc\xb0.0\x944u\xfe\xfa\xa1\xbd@\xf64o\x870\xfe\x17\x7f7\xd1\xeb\xe5\x8f\xb1\xe0\xc8\xda))a\x1c\x18\xf1\x8e\x1e7\xe1\x15\x88~\xa2\xb5\x0c`d\xe2\xa2\xd9\x03\xa1\xd5\x94qi\xb5\x14\xab\xe6_\x94J\xce\x90l\xcb\xc6\xda$)y\xdd-e1\xd8\xa4I\xa5\x8d\xfa\xac\x7fz\xa8\xd5R\xa0\xb3\xba/#\xa5\x14\xd9[;\xab\xdd\x05kW\x9e%\xf2Z\xce?W\xbb\xfe\xb4f\xffJ\xcd\xca\t56\xa3\x04W\x85\x04\xfc\xf5\xabw\x95]\xb4\x97w\x12\xedTVb\x997\xf7\xba;\x9f~\xb0a7\x1b\xa7j_\xe6\xda\xde\xa6\xfac\xac}\xb5H\xddC\xcf%\xf1u7:D\x08 \xc8\x92_\x97\x08\xd9\x7f\x05\xd4g\x91\xea`&amp;\xde%\x19\x06\xf0\xdepn\x0e#\xfb\x075\x08\xf59\xedz\xe6Q\\\xd6\x95\x96O9\xf04\x1e\xdbW\x16\x8fC\xbe\xbeN\xec\xb1\xa5\x10#\xeb\xa1\x1c\xed\xf3\xa9\xea\xfd\x12r\xe0&amp;\xc0n\x9d\x9b\x99\x962\xa7?.\x1f^5\xe4aLO5\x0b\xe9\x96\xca!\xdez\xcb~q\x9d\xfc\xb5\xfd4\xe6g\xbe\x94\xc1n\x11\xc1s\x0c\xbfM\x00K\xb7nwG\x99\xcd\x07\x10}j\xa2`\x87\xcbM\x1b ^\x96\xe6!E\xc0\xbe\x90o\x89\x1a\x97\xcb\xff\xc7\x8bM\x05\x1d&lt;\xddR&amp;\xaf\x11#\x19^J\xdc\xaa36\x10K\xa7\x00t\x063\xc3sA#\xe2\x0e\xcel;\x00\xecN\x9c{\xc2\xda~\xcfee\xe3\x88\xbc/\xc4\xf0s\x1cj\xc1q\xc9Q\x00gi\xceB\xe6\x1f\x99\xe7\x03\xff[K}R\xc6?1\x1e\xe0\t\xc0y\xc4"\x8e]\xf6\xef\xa88\xb6|g\xdd\xbb\x15\xf7os&gt;T\xc0!OX\xd8\xf8\x14OE\xf9\xd7\xc4\xcb\x1a\xf8\xeet\xfdB\xf8`v\x98\x1f\x06\xdem,\xf1$\x82\xc7V\xd5\xdeI\xff\xc9Y\xb4\xb9\x9c\xea\xe3\xb5Zj\xde\x9a\x80\x8c\x01\x80\x11\xf0\xdc\xd2\x04\xa0\x18\x89Cn\xe5\t@Hu\x87\xe3\r\xffj:a\xe1\xc8\xaa\xf4\xeb\x97\x84\xd7P\xaa\x99hU\xe4:\x89\x11R\xcet\xd93{\x1df:\xb6\xf1\xb2\xfc\x93f\xf6U\x18\xd2F\xef\xe2\xd6\xa2\x1c\xca?\xfd\xc9)\x9bG\xe5K.~q\xbd\xe5\x82?\xb0\x98\xca\xe1\x07""\xfa.&gt;\x95\x17&amp;j\x90b\x0fu\x04]lC\xbf\xf6\xb2\xb4\xa9\xd7\x02\x9b\xe9E\\\x81\xae[N\x86$\xe0\xe9\xdb\x9c\x1aK\x94\xa3\xb5\x08\x00\x80\x8eA\x0c\xa9N\xe4\x98\xab8\xe9\xa1\xde\xe7!zR\xd4\x8dD\xeb\x9eE\xc2S\x80+\x81M`\xdb\t\x13\xad\xc0\x18\x85\xe8\xa5\xa5=\xe8\xc9\xfa!\x01\xffJ\xdd\xf5\x9e\x1b\x1bqh\xc7t\x97v\x94\xe8\x8a\x9d\x8a\x96^s\xea\xede\x99\x7f\xea|\x8b\xa9\xb4Hm\xaf\x85\x9c\xcf#\x9d\xed\xcaa\x8a\x87\x13\x1d\xc7\x86\xec\xef\xbc4\x0fk9\x1e\xb7\x9c%g\xe6\xb3~&lt;\xdcJ\xad\xd7]?q\xab\x88\xc8\xe7\xb9\xed\x08\xb6R\x03\xdc\xcaClp&amp;mD\x00\x00\xdc\x1d\xe3p\x03\xca\x11\x9d\x08=@\xf1;\xf5\xcc\xfc\xfbqwN\xb7\'\xdc;\xa3\xbdd%\xa4b\xde\xe5|g}E\xdb\xee\xee\xc6$\xfb\xbf\xce\xcbm\x13\xbe\xbcSo\xa3*N\x95*\xff\xd6\xee\xcbS\xbb\x7f\xa6\xbf\x1ek|\xe2\xbejsi\t\xd1\x86-?\x1b\xaa\xa3e\x9b\xd7u\n\xeb\x8b,e\x1d\x9e\xf1\xb8\x12k\xbd&lt;\xa1Cy\xf9/k\xbf\xeaU\x18,_\xa9g=\x08\xe0x\xca\x97\x88\xe8\x7f\xf2\x12\xee\xfd\x0e\xd8\xc5\xa0\xcdd\xc8;`aG&gt;\x8a\xb5+\x01\x00 \x02\x04\xde\xa6\x04\xa4\x0c\xcb;7c\x17\xbc\xa3\xd7\x8a\x96z}ow\xacn\xc6VmX\xd9M7\xdc\xf3rrt9Ak\xf9:J\x1111\xd13\x13\xfd\xb9\xfe\xf2\x19\xaf\xd5Y\xbez\xe4\x91\xe9\xb4\x06\x1f\xd2\xd8\x97f\xfe\xd9S\xed\xcfD\xfc\xe7\x8e,\xfe\xb8\xcb\xa1\xcd\xfc\x0c\x0f\xb3nK\xbf&gt;\x1b)\xbb\xb2\x97+\xb5%\xe7\xe5\x93\xf5\x12\xb3L\xc6\r\x04\xd2z\xf0\xb0\x03\xe0\xbd\xb7\xe3i\xed\xa65\x00\xde\x9e\xf7\xd6%\xb7\xdc\x9a\xb2\xebu\xb0\xd5,^\xa0\x17r2\x00\xd2\x9a\xc3&gt;\xfa\x89\xa8\x1a\x0b\xe1\x00\x00P\x07\xec=FcO\x90.\x08~\r\xe8\xa9\x9a\xc447\xa0.\xadUi\xab\xebJ\xbd\xfaE\xf9I\x85S\xd2\x82\xb4V\x8e\xad\x94K\xad\xfd\xb3YC\x7fF\xa4O\x07\r\r\xfc\xb5\x88\xf5e\x9f=\x01+\xa6\xec\xffu\x89\xfe\x8f[e\xc7\'\xa5\xcf\xd5\xf1\xf1G}w\xc4)\x9e\xf98\x93R\xafJS?\xbe\xc9\xbc\xd1\xb2&amp;\xba\xabL\xa7\xa2\xf8 \x1b\xcf\xffa\xfdS\xe5\xed\x9fK\x93}.&gt;L\x8f\x89\x88&gt;q\xad\xfe \xb9\xb1\x9e\xb4]/&gt;\xcd@\xe6}\x92&lt;\x87A\xff\xe5\xa9F}\xb2\x91\xef\xc8\xe9\xdc\xcd8\xc0\n\x00\x005\t\xd8\xdc\x05\x07\xba\xdcr\x11\xf2\xd0[c\xa2\x12\x0ev\xe2,\xf0|\xb1\xe1\x9aPa\x02Z\xe1\xaa\xd7\xeb\xfeC]\xe7\xd2,:\xf1\x90i\xbe\xf2\xb1\xdb_\x1e\xe7,\xe4\xa4v\x1fleD\xe8\xc2(\x88\xf1\xd3\x94\xc2\x03k_\xea\xfa\xba\xf9\x93\x07\x12j?+\xd6~\x8d\xab\x18\xcf\x81\xe5c\xb4G\x991\r\x00\x00\xe4\xe1\xef"\x98\\\x83\xa8\x9b\x82+Q\xc9X\x8b\xf8\x02;\xe3\x986\x85\xdc\xa5\xf7\xf7\xf6\xf3\x97\xf9\x14u\x950e\xc3\x9c\xb1\xf9T\x11\xa7\x99\xedNg\xdaM\xb4/\xdct\xb1G!\xbb\xab\xce7\\O\xb7\\\x7fe\xfaT\xef\xb6[\nqJ\x9e\x13S+\xdcz\x0b({-*\xd62S\xee\x05\xf5\xa8`\xa8\x00T\xa6Z\x10\x06\xf7\xe62WI(\x8f\x88\xdf\x9e%\xbc,o4&amp;\xf5&gt;&gt;\\\xb1\xc5\xc2J\xdeT)\xc3\xeaod\xbd\xd3\xbd&amp;\xa3=%\xea\xbe\xd8\xc5\xf4\xb9\xfe\xd5M9\xf1\xe1\xfa\xdd-\xaf\x1f\xd0\xb9n!kPP\x80\xa9\xd8\x1c;\t\x19\x85\x02\xd9\x896\x1et.\xc8@\x99\r\xc0\xe6\x91\x19\xdc\x86\xcci\xc09;\x81\x11K\xa1P@\x19~(\xbdJ\xf2]\x84\x96vy=\x11\x7f\xeb\xd1\xc5R\xdb\xd5\xb4\xfbJTmUfp\x11\xa5\xc6\xe0\xef+V2\xf0\x82\xef\xb98\xf5\xa3\xf7kr\x19\xdcA[f\xc9\x00X\xc8gi0\xdf\x8a\x84\x9f\xbc\xa7\x1f&lt;~":O\xaa\x8f!\x1b6g\xea\xaf?o\x17\xb89\x17n\xba\x86\x9d9\xab\xbbL\x8a\xcew\xf7\x02\x04\xdf\xbd\xdceV\xd7\xf36\x9cWL\x8dJ\xb3\xc9G\x176\xec\x81\\\x06\x80\xdbQn\xe0s\x86z\x00\xa4\x03\xf3\xb5\x91[\'iJN\xeb&amp;\xdew\xb4\xd7\x01}\xaf\x8c\xb0\xe9\x82\xb4\xb19\xa6|\xddv\xab9\xb9_/ b\xa2\xf7\xb3$\xf4\xd6\x9c\xd5T\xec\xcaG\xad\x1f&gt;6v\x0e\x10z\x17\xed\x14uP\xc8I\xd4\x82q\xc0X\x85\xafAz\x96\x9e^N/b$E\x03f\xa2g\xce,P\x7f\xb4\xb7\x96\xfb\x90\xcb\xcd\xa5\xe11\xd6\x00\xd0\x8c\x80w\xf0w\xf9\xa6\xa1\x820_\xbc/\x7f\xbb\xceSuiz\x9e\x87\xfb\xa8\xdb\xa7\x83\x8f\xf3/!\xaf\xa8?^\xc9\xcc\xff\x83\xe8\xc5\xf6/\xbfoe9z\x02t~I\xff\xe1s\xc7\xbd\xf3\x95\xb4\x7f\xf5\'\xf3\xf2\xeb\xeeZ\xed2\xb6\xf9\x97]\x86}Q\xb5\xf4\xa6\xf5\xe6T\xbdYW\x85\xa5\xe2 \x0b\xec\x93\xe7f~\x12U\xf8\x86\x81\xbf\x9e\xbeF$F\x93\x8b1\x10^\xc8\r\xaa1\x98\xd5\xad\x11\xd58\x06\x01 \x04\xaf\xef\x01\xc8\xf5\x8e|\x13\xfd\xce\x89\x834\xe2n&amp;/%\x86\xe9y\xbf\xa8\x10\xdbI\x1c3s0\x8a:\x15\xf4\xc8C*\'#\xe8\xad"\xe9\x02\xb9\xdf\x8d\x7f\xfe\xc8\xf2\xebN\x19LD\xf4yW\xc5\x1fe[\xd7k\xd7\xaf\x19VO\xf6\xbc;\x03\xfawN\xe8\xcf\'\x1b\xae|\xb5\x82Rh?\xf7\x1b\x16\xdc,\x9dZ\xba}9\xbe\xd1$\xbd\x08\xa9\x8cj]\x1d3\xaa\xb5\xad\x03\x83\x94\x81\x10\x00\r\tFi](\x15\x8e\xf7\xd2\xfeE\x03\xd9\xe3\x0b\xf0\x8c\xf9k\x96\x9d\x99\xb9\x10\xca\xf0\xede\xd2V;\x1c\x8b\xfd\xec\xfc\xa2ec\t\xfe\x1b#&gt;\x17;\x17\xd7\xf5?UU\xe3a\x1d\xce\xb0\r\x12\xb5\xa2\xeco]\xc3o6\xd6Y\xe9\xd4\xec0\xb8\xa2\xe1\xbb`$\x06[8\x1f\x14&amp;\xce\xf1\xe5\xa0\x00\xe4&amp;\xe9\x9b\x803\xd1\xa5c,C\xac\xcfb\xd2E\x03\x95RD\x1f\x16X\xaf\x83g\x88X\xe2\xf2\xbc\xe1x$\xdc\xef8\x8d@\\_\xb4|\xb8l\xfa\xc1\xbb\xd8\xab\x8d\x98y\xd3F)\xf5U\xfa\x8d;\xedM\xdft;m\xf0\x84ve\xd2\xea\xa6\xda\xff{h\x8cy\xcf\xe7?;j\\w\x97\xbc\x05\x10\xb3eT\x88E\xa5\xd5\x0ew\x05\xdf2\xb4\xfaG\xe3\xe0\xb0@$^c\r8 \xe1\x91-\xe0f\xc0G[\xbe\xd3\xef\xe19c\x06\\\x0e\xcb\x83D\xc9\x02&lt;\xc6\xff\xf9$\xebKr\xce\xb2&amp;\x89\x94\x8bK9C\x8a\xcad\xe4\x11\x92\x88P\xa6M\xecM\xb7\xee\xbf\xd2O\x94\x97\x11lX\xc2\x05\x00\x008\x10\x1410\x01X\x11\x1a\xc9\x0b&amp;\xc1\x15skS\xcd&gt;\xea~\xcb\xd2\x13\x80\xcbT;]\x80\x90\x1e\xb4\xa4\xff\xa9\x1a(e\xd9\xb9\xe5\xcc)\x90Dg\x8e\xc2\xad\xde\xf1\xda\xdb\x11"l\x1e\x00\x00@\x1a\xe5"y\x86\xe3\xe3sA\xd96\xb9\x98\xe8\xb9\x99\x9fL^G\x1bw/-\xc9%\xc0\xf2~\x97\xc6\xdbv\x87^7\x8a\xc4\xde\xaf\x18r\xd7\x12t\xc0\xfd@\xf4\xb3\xc7\xf3\xedT\xe4|\xe4YZ\x01\x87K\xa6\xa7Az}\xe8\xc5\xc4N\xcd\'\rs\xc2\x9b\xa9\x00\x00\x00\x00P\x8a\xa4g\x00\xf6\xe3z\x9e9\n3M\xd9?]\x9f%\xe12\xef%\xafzH\xd7-G\x96k.K\xf0,\xe4\xfb\x13k\xb2JP\xa8\xdc}%"rP\xa5\xfdw\x0c\xf6my\'v\xfd\x15\x00\x00\x00\x002\x10\xf2\xe2\x17m!\x9f\x99\xfc^\x89\xa3\xbd2\x05yF5\xb6\x0e?\xe9\x9f=\xbf\x18\xe1PP\xb9\xd4\xdc\x7fs\xa3\x0b\xc46G\xebJ\x823\x02\x00\x00\x00\xf2I}\x0b\xd0\xf9\xad\x94\x11L\x0b\xf9\xebq\x01\xef\x1c\xa2\xc4\xf9\x9f\xfb\x10\xd7Y\xe7\xb7\x1a\xcf?,oE\xe2\xf9X\xff\xd5\x91w\xf5S\xda\xcde(\xf9\xfd\x15\xfe\xbc&lt;1\x13\xbdOr9r\xcfs/\xef&gt;\x12\xb1o\x06\x00\xb8\x07\x9f/9*\x02p\x1b^(\xe9\x01\xc7\xed^\xbf)\x84\x94\xc7:C\x11\'s^a^t\xdf}\xfc\xdb\xbeO\x88\x96\x10F\x12\x19\x9e\x82\xc5s\xb4\x00tL\x97\x03\x96dx[cj-\n\x00\xbd\x92u\xc5N\xf3\xc5\xf0o\xb4\r\xba\xb1\xcb\x87\x0b\x83\x0e\xbd\x14:!S\xfd\x18\x89\xad\xa7\x9e\x81\xf9\xffN?\x15z\x08x,z&lt;\xe7\xd6\xa3\xcc\r`\x8f\xef\x01\x04\xbd\xb3\x04^BG\xe7\x84\x99{K\x03\x00\x90C\xd6/\x02\xcbq\x1c\xc8\xb3\xa6\xdf)Yz;\x9e2\xfd\xa3k/\xaf&amp;\xabGJ\xdb7c\xfd\xd5\xfa\x13\x16p&lt;\x88\xf9^\xe1\x86,\xfby\xb2\xa4\x12KWz\xc2\x9ak\x0cK\x0cD\xaa\x9a\x15\xa4\xfe\x00\x88A\x7f-\xb8q\x90\xb0|\xee8&gt;4\xd6`\xe3\xd8\xb2\xd4\xff\xc4|\xa9\xc9\x01\x08;\xf7u/&gt;8\xf4\xcc\x8f(\x1d\x0eo\xbafb\xdb\xdb\x97\xa2\xee\xd8\xb3\x00\x000\x1e\xf9&amp;\xd0\xa61\xe1\xbc\xf4\xcb\xcc\x86#\x1f\xf6\x8d&lt;N~\xcf}9\xf2\xee\xdd\xef\x0e\xe7\xec\x95y\xa1\x81\xe5k\x0b\xc0P\xf4\xdc\xad\x85\x0e\xb0\tGr\xb0\xca\xc8\x1c\xa9\x08\xeb\xaf\x00\x00\xd01\xf9\xcf\x97\xefJ\x0f\x18!:;1\\ \xc59\xbe\xd4\xc8\xfb\xbc~g\xaa\x037\x80\x83\xde\t;\n"&lt;\xb1\xca&lt;DDK\xc1\xcd\xa9\xfeH\x1b\x00CQ\xf0\x15\xec#/\x11\x05\xad\xd0\xd7E\xde\xd3f\xc8\x15\x00\xd09{D\xf8|\xc9\xf1\xf8c\xcf{G\x00\x84\x80W\x81\x03\x10O\xd6\x87\x805\x94R\x18\x84\x1a"\xe9\x8c.\xcc\x00\x80\x8d,\x8fG\xbb\xeeG\xe0\x05w\x01\xdf=\x02@&lt;\xa5&amp;\x00\x83s\x1cb%\xa5\xdb\x8a\x08Aq\x87\xa0\xde\xb9\r\x11\xcf\x89\xde\xb9\x9bDm"\x02\x00\x00\x18\x1fL\x002Pz\xb9\xdd\xfc~$+\n\xdb/\'FM.\x7f\xb4\xb5\x00f\xa2&lt;\xe2&amp;\x16\xfb\x85\x96\xcf\xc3\x9a/\xe3[\xae\xef\x84\xa4MU\x00\x00\x00-\xa9\xf7\xa6N\xbcwo\x04&gt;=\xcb&lt;D\xb3\x04\xd1V!Y\xb6\x86\xdc\xf3\x05\xa9C\x80.\x03\x82@\x0c\x01\xc5\xe9\xce\xc8\xac\xdf\'P\xac\xae\xf2\xc3yg]\x00\xec&lt;2\xb5\x80\x9d\xbd!\x8f\xec\x0fL\x00\x00\xb0s\'\xbfH\xc8U\x10F@\x16\xbc\xbea\xb4\xa3\xbd\xe6\x9a/ \xd7\xddO\xd2[wF\x7f\x05\xd3\x8d\xd1\xcc{\xfd\x0c\xbd\xdc\x13\xf7\xfc\x86\x04\x00\xc0\x81\x94P\x800\x02\xb20\xda3\x005\xfda_\x97\x18?d\xa6;-\xa4\xdc{!D\x8c\xd5\x01pGn\x1by@K\x90\xf7;\xf9\xea\xd6\x02\x0c\xc4\xf7\xdc7\xbb\xba\xa4\xd63\x00\x81\x08\x14\xa9\x1c5\x0f}\t\xe0&gt;-\x1d\x13\x99\x11\x03D\x83\xae\x04\xf1\xdc\xc2xX\xec\xcb*\x80\xce\x1dl1\'\xdfR\xed!\xe0p\x04\x8aT\nff\xfe\xde\xfb\xb4\x17t\xce&gt;b`F\x07\x00\x18\x96;-\xcfu\xca\x0f\xc9Md\x83\xa8\xdf\x841\xf4\x06\xd0\x89\xc2\xb8Kw\x94\xdf\xbf\xba\x85\x1a\x01\x00\x00D\xf0\xfd\xb5\xdefS\x98F\xad`f\xfbF^\xcf\xfa\xbc\x137;G\x14F\x93\xc8\xd0w,\xf2\xa6\xb4\xe1u\x1f\xd5\x01\x00\x00\x94\x04\x13\x80\x12,\xc2H\x91\x07X\xf9\\Y\x96#\x88AV\x07DSP\xb1\xe8\xbb\xc2@\xb1 ;0*P\x89\xb1\x9e%_\xc79\x11\xcf\xc8\xb3&amp;\x8e\x04y\x80\x15=CBg\xe9\xa4h\x86{{\x89\xf0\x90d\xec\x05t\xe8\x01f\x16\xf5\x02h\x00\x00\xf0g\xac\xd7\x80*5\xffO\x04B\xc4\x00\xa1\xf4\xb2\x00SC\xcehgZg\x0eX~\xb6S\xe3\xd4\x99R\xea\xa3\xf2\x15%%\xb8\x02\x00\x00H\x03\xe1\x1c\x80c\x92\x1a\x99\xe60W\x9d|2\x93\xe0\xd5Gl\xaaX\xe0\xa5\xcbf\ra\t\x19\x00\x90\x06\xcb\x8e!L,\xe4\\\x06\xd81\xd6\x0e\xc0=\xc0\xa1\xde\xe2D\xa8\xb7~\x97(%9\xe8W\xf8&amp;\xee\xd2\x15\x94`\xb3\x92w;}\x02\x00\x001\xc8\x1d\x08\x88\x88\xb9\xcf`}\x03D\xdbM9:?\xcc\xca\xcbZs\x84\xfc\x98\x8b\x9b\xc9\xb0\tPy\x07@&lt;\xabJ\xcb8\xda\xe4\x05\xfd*|\xdb\n\xb8m\x1c\x06\x00\x00\xd0\x8a\x9b\x0e&lt;\x85S\x13\xb1\xac\xa7\x0en\xd5jOvS\x00\x1c\xcc\xe8\x01\xa4\xce\x00\x00\x00@\x0c\xb7&lt;\x02t\xdbM\xf7\xed\xcc18\xa3\xd47l\xbf\xdc\xd6F\xbab\x0cS~\x95\xd6\x02\x00\x00\x00\x00\xb7\xe0\xce\xaf6o\xddd\xd1:\xffa\xbc\xf6\x1eT\x06\x96\x06\x00\x00\x00\xe4\xc5:\xb2"\xc9k\x87l\x9dc\x02\x00\xea\xc2\xccDo\xd4Z\n\x00@\x1c\xc5\x06\x8b\xcf\xc30\x04\xea1\x9e\xb5\xb9\x9a\x83$\x0fX\x80U\x80\x9a0\xd1o\xb4\x96\x01\x00\x10C\xd1D\x82\x99\x1f\x85,\x05\xec)eoc%\xc4\xcc\xcc\xee\x03\'\xccL\xf4\xe2\xd5\x04\x02\x00\x80\x13\xbf\xdaZ\x00\x00@\n\x05\x13\'\xe6\x1a_\x17\x08:"\xa3I\x8c\xf1\x14\x9d\x89e6\xe3x\xe3M\xe7/\x03\x05\x00\x00\x00\xc0\xb0 K\x01\xe5\x18\xf7-@\xea\xc1\xde\x97bz\r\x00\x00\x00\x00\x89\x8cu:\x03\x80\x1a\xf8\xf8\x0c\xfc\n\x00\x00\x00\x00\x02\xc1K)@)\xc6\xdd\x01 \xf2;\xe0\x84\x9d5\x00\x00\x00\xe0n\x08\xca\xaa\xedY\xbeR\x1f;_ J`0\x00H\x7f\x01\x00\x00\x00\x1f\xf0e\xea\xe3\xc0\xcc\x82\xfa\x91\x99\xec_?\xbf\xce\r\xf0\x15\xf5 #c\xef\x00\x00\x00\x00\x00\xb9@\xee5\x0e\x82\xb2\x7f\x9aR\xfbkyp\x14\x08d\x04\x13\x00\x00\x00\xa8\x0f6\xf4\xef\x08\x0es\x83\x08\x94\xc2\xd4\x13\xdc\x94\x87\xb6\x16\x00\x00\x10\xce\x07"\xd7q\x81\xef\x9c\xbe!\xe8q\x90\xc0\xc5W\x1b\x010\x1a\x97\xdf\xe7\x05\x00\x00\xdd\xc1\x1a\xade\x01I\x84\x0cR\xe8kp\xc9g\xb4\x16\x00\xdc\x82^\xb6\x95\xb8\x1fQ\x01\x00\xb7#\xe6\xfbz\xb4\xc4_\xd6qd\x10\xcc\xfc\xb5\x93\x8d\xa5\x00#\xc0\xcc\x08\x08\xa0\x06\xbd&lt;\x03\x00g\x18\x1b\xac\x8a\x81\xfb\x811~\x1c\xbc\x9e\xe0\x04\xc0\x03\x18\x12\x00\xe0.0Ny\r\x0c3\xd3\xb7\x8e\xdf\xb9\t\'y\xc6W\x0e\x00\x00\x0cC\x9bC\x9b\xc8\x91\x00\x00}q\x9b3\xeewh#\x98\xc1\xb72\x01\x90\x83.\x9d\xa8\xc9\x88V\xa2\xd2^\x8e\x00\x01it\xe9\xb7\x00\x14\x03\x1b\xf7\xf7\x81\t\xebq\xa0,\xdd\xbc\x1e\xe0\xf7\x12\xe4d\xa6\x1es\x89&amp;Oh\xe0\xb1\x10\x9d\xfe\x8cf$z\x89M\x00\x08\x03^3\x02\xfd\x07\xc0\xae\x85\x1f\x9f\xae\xde\x0f\x96"g\x17\r\x1c\x96~w\x000\x19:S\xcd\x97\xe0\xb4\x00D\xf0\xcf\xfb\x18\xd0\x81\x07\x9d/\xc8U\x11\x1e\xe6~\x0bT\x82/t\xedD\xe9\xc0A@&amp;\xea\x1dK\xediq\x02\x00A\xc0qn\xc6\xad\xfb\xfa\xe7`\xeaI@{C\x83\xb1\x00t\n\xf2\x18\x00\xe2\x10\xf3\xfc\xa8\x04\x19\x00\x00\x00\xf8\x91;\xe9\xba\xf9\xfe\x0bH\x01\xdf\xce\x06@0\x87\x99s\xab\x93$1\xdf\\\xd6\x0f\xcc\xac\x14\x85\x07(&amp;\xc6\xf73\x80\xb6``\x05\x95xPk\x01@\xbf H\x01\x10\x86i\xdf\x0c\xe3}~\xe2&amp;6s\xe70\xab\xa9W0\x13\x00\x95\x99\x03\x04\xc3\xf6@\x05\xfa}\x08\x18\x00\x00\x06\xe0/\x9a\xd4\x9a\xf2\xe0\xde\xf0,\x13\x01\x9c\x92\x02u\x81S\xde\x8c\xb6\'B\xb1\x03\x00\x00\x00mh\x9c\x84\xdf \xdb\x08:\x0b\xa4\x94:\xa4\xfd\xccX\x8b\x1d\x1bf&amp;E\x82|\x01\xf6v+&gt;\x8b\xa8\xe1\x0e\xf0\xae\xe2\xfd\xa9PlL\x03\x00@f\xf4\x04\x13\x83}QVUG\xe8Y\xbb\x970\x14\x8eJ\x8a\x85\x00\xd0;\x8e#@\x9f\x8c\x97\xf8\x02\x00\x8a#\xe5\xad8\x95P\n\xa7oz\x02\xc3\xe0\xc6\xc8\xba\x18\xb8i\x00\x98\xc18\x04\x00h\xce=\xf7\x1b\xef\xd9\xeajl{-);\x00q\xb7\x0fI\xec\x9b\xa3D\xdb\xf9\xd8\xaf\xc3\x02\xc0\x01\x1e\x02\x06\x004\xe7\x9e\xa3\xef=[]\x8dY\xbdq\xb9\x1d2\xc2\\0OI\xf6\x07\xb5\x16\xc4L\xc8\x8e\x1cv\t\x00\x00\x00\x00\x00d\xf3#\xa9GV\xa6\xaf;\xfc\xfc&lt;\xd2\xdc\x95\xe5\x8b\xe3S\xfb"\x8f4I"\x14\x95\x813)\n\x00\xd07\xbf\xe0\x8aw\x9d\x05\x08&gt;\t\xdc\x97\xfc\x00\x00\x00"Y\x92Z\x84}\x17\xbc\xa7\xb58\xe0\x16`\x97S"\x17\xaf&amp;X\xde[\x16Td\xa3\xbe6\x1e\xc3\x15}$\x14\x00\x00\xf6LQ\xac\xf7\xa8\x85\xc0\x1bM\r\xd5\t\xf9\x8epp\x1f\xf0\x0c\x80l\x8c+\x01J\x85\x06\xa3V\x0b\n\xdfi\xae\x17q\r\x10\xd1\xed\xde\xff\x03z\xe5\x83\xd6\x83\xec]\xa3\xe0n\x11\x84\xac\xc8\'\xa9\x17\t?\xa8\x0c,.\x14f\xae15\x9f_M@\x99\xa2B\xcc\xa6A\x1e\xf0\xa2e\x00@\xe7\xcca\x0c\xdf\t\xd0\x8c\xa4!,~\xfd&gt;`\xfcb\xe6lCv\xd2\x0b\xac\x00\xf0\x04;\x00aLnYa)h~3A.\xe7\x0f\xdf4\xc8\x85ZhR;\x00\x00h\xc4\x85\xee9|u\xbf\x07\xd0+o\xc6\t\xca\xaf\xb3{\xc3\xda\x7f\x93\xc1p\x99\x01&lt;yr\xc9\x83Z\x0b\xd0/\x15\x0e\x05\xca\x89\x02c\x1c\x81\x05 \x1ef\xce\xb6#\x07\x9a\xd1u\xf7\xdd.\x0e\xef\xbf\x8d!\xb5\xb0\xa2\xaaSj\xd9\xa5\x90\xcb\xfd\x1e\x02yN\xa2?\xa4;6\xdc\x0fL\x00\xa2\xb9\x95=\xdd\xaa\xb1\x00\x98\xc10r[\x94R\x19W\x91c\xbf|\xaa\xbbC\xfc\x89\x1eshl\xa2\xf3\xc5~\x1d\xc4\x9c\xd7_\xb6%\xe7&gt;\xf7T-HA\xeb\x0f\x84m3\x97G\x80^\xb0\x86\x14\xfd\x80\xa3,\x00\x000\x12\x9e/^\xccr\x92\xd1\xa3.\xf7_{\x1a\x80\x98)e\xc6\x92+\x03V*m\xf7@)"U\xfd)\xf0l\'g5\xb1{2\x9e\xbc\xf4\xff\x04\x7f3\xa08\x00\x80\x10\xda\x85#\xbc\x9f{P\xaa\xbdy}\xf7\xa2\xf7);\xdeU\xfd\xa1\xb6\xeb\x0b\tS\xa2\xd8|\xf0Y]\xcd\xa5i+C$\xccD\xaf\xd5Z\x88\xd6t\xdaw\x00\x00\x00&amp;\xf0\\\x17\xe8\x97\x8b\t\xc0!G)\x97\xfe\xf6\xf0\x85S;]\xfd\xb2\x049%\xc8\x00@N\xf0\x0c@\rbO|\x02\x00v\xc49\xd1\xe5\xf3\xbb\xf0P\xe0G\xfcc\xb8\xc7l{z\xa5\xa8nr;\xf3\xdb]\x9d\xf9\xe1\x13\xa5\xd4\xe4\x14\xaf\x9f\xb1\xd0\x10B\xde\x98)\xe6\xd5\xab\x12d\x00\xe2`\xe6~\x07\x8e^\xe5\xee\x8b\xcc/\xf5\x07\x00d\x05\xdfV\x01&lt;X\xbf\r \xd8H\xcek\xed\xee\xbc\xd6\xb86?\x8cq^\xba\xdb\xa1\xf9\xc34\x1c\x8cH\xc7\xef\x86\xe8\xfd{\x00Dob\xaeL\xe1\xab\x03A\x01\xb8#pM\xe0\xc3:\xccg0\x98\xf9\xa1\xd2y\xfc\xeac \xcb\x05\x12z#\xb7\xb2\x81^\xf08)\'\xd6\x98\xaf\xcd\xe9A]O_\x96\xd7\xa2\xc9o\x82R\n\xbe\r\x8080\xe8\x82p\xb2\r7L\x94\xf3\xf5\xa2\xfd\xe0\x9e\x03L\x7f=\x1f\xcc[&gt;!\xf1#~\x0c\x98\x17\x81|0\xf3\xf5\x89\x93\x07\x96\x97[\xbdg\x15\x99\xf2\xa3\xda}\xc7m \xbd\xc8\t\xc0\x1dQ\x7f\x0b\x030\xb8\xa0\xc4w\x9a\xd7\xce\xfe?T\xfa\xe3\xbf+\xb6\x17a\xf6 ;\x18\x87&gt;\x87\x05\xbfP%\xffm\x00\x9d\x03\xc5\x02 \x17\x04@P\x01\xb6@\xf4\xc5F\x0b4]\x99Y\x18z\x89.m\x9e\xf7\xef\x01\xcb\xff\x8a$\x00\xf2#\xf4\xe5u\xf3[\x80\xba\x9c\xe1\xcc\x08?\xff\xa3\xba~H\x1c\x80\xa1\x99\x9f\xce\x97\x18\x9b\xc1\xe8L/\xe3iTo&amp;|\xce\x19d\xe5,\xbc\xf0\x0c@&amp;x\xef\x99N\xf9\x97@\x08\xd5\xf3\x03\xb3\\\xdd\xdaA\xf5\xef\xe7\x0bfz\xe3Zk)\x00\x00G\xe0\x97\xa0\x15\xeb\x88\xab\x1eFd:\xe9\xbe\xbbX\xea\xf8\xccx\x8a\x06\x80ny\xa0\xc8\xa9\xc6\x06\x14\x8fA\x9f=\xef\xc3FT\xa4\x9aL\xff8^`\x00\xee\xc0\xe6\x1a\x03D@\x10I\xab\xfcu\x1ev\x15\xfd\xe9\xc5\x10,\xf99\xb7\xe6\xe9\x83\xed9\x81\x10\xbe\xf5\x86ce\xf3\x8e\x13\xc8\r\x15\xd2}\x8bs\xec\xddxm!j\x15Q\x8c\xdeL\xeb$E\xbf\x19\x00\xaf6\x07`\x0f3\xef\x9c\x0e\xfb\xe0\xa0\xce\x11\x12\xd3\xa2\xfee\xa5L\xec\x1e p\xf8%\x0b\xf1_\xef\x00\x80\x18b\xa2A\xef\xdf\x030S\xc1q\xb5\xe0\x90\xf3\x1dp\xe5\xf6O\xd5\xfcM\x93\xff\xaaP\xf9\x00\xf4\xc5\xcb3\xd1~\x95O=#\xa9\x8fl$\r\x90B\x8d\xb4\xef\x9c\\~\xfeu\xe4W\xee\xef\xae\x9e\x8e\xbf\xe2\x04N2\xc3\xe7\xfd\x93\x85|Gc)n\x83\x8fK\x16\xd8q\x8a1\xe3\x01L\x7fz\xddi\\C\x02\xbf\xd7}Y?\x8c\xaa\xcbj\x16\xf8\x86`\x00\xea\x80%\x7f\xd0\x16}\x14H\x89\xfc\xbbr`\xcfi\x8c\x1d\x16\xf0\x1a\x92\x9a\xcc\xb6D\x17{wB6\x9d\x06\xd8\x01\x88\xd7\xe1\xf2\x021\xefyX\xdaYL\xfd\xd4\xdd\xe3u1\xa2K\x04\x1d\x83no@\x8e\x13\xc3\x00\xc4\xb3\x9a\x9fzv"\x15\xbf\x10\x08+\xce\x07\x9f~\x18\x8aV/\x9b\xba\'\xb3\x83_\xf8\xa7\x14\xef\x95"G\x13\xda\x9f\x92_$@R\x02\x00\x00\xf7#p\x17\xfap3\xf3\xa8_\x8b[\x13\xbfU[\x00Fc\x00s\x8f\x7f\x10\n\xbb\xa8\x00\x00\x00\xc0\x9d\x19\xfb\x08\x10\x006\xba&gt;\x02\xf4hfN\xd9\xda\xd2\xdd\x1d\x8fR\x01\x00\x00\x00\x00\x80;\xd0\xf1\x947\xcb\x01\x1el\x02\x00 \x9br\xef:\xc4[\x14\x01\xc8\t\x9e7\x05\xa0#\xba\xde\x01\xc8\xc0=\x1e\t\xc4\xe6\x06\xe8\x9aL\x06\xac=p\x89\xd7\'\x02P\x06\xf8\x15\x00}p\xf7\t\x00\xd1\xf2f\x90\x91\'\x02\x037\r\x0cO\xb6\xafAe"z\xe7\xe9\xa7\xed\xbd\x1f\x19\xe7\x01\xdb\xf7\x89bn\x01n\x89\xe4/-\x06\x00\xec`\xee\xdbW\xf1\x0e\x04\x00Fa\xfaB\x0f*\xe9\xce\xf3\x99\x1f\xfd\xf4`\xae\x18\xe2\x98H\xa8\xe7$z\nb\x14\x00\x00\x00\x11lo\xbe\x02` p\xb0\xbb_\xea\xf5]\xbe\xf7~\xf8n!L\xd3\x0c\xbco\x04\x00\x00@S\x96o"k-\x07\xb8!I\xaf\xbe\xbe,\xbc\xfcB2\x00+\x19\xce\x10\xc1\\\x01\x00\xa0O\xfa[s\\\x07-&lt;\x03\x00\xeaS\xd2[\x98\x88\x02\xbf\xe0\x19\x80x2&lt;&gt;\xc4|\x9cF0\x1eR\xbe)\xd1\xbfE\xf5\x00\x00 \x00IDAT\xe8t\x00\xfa\xa2\xb3\xec_\x07\x13\x00\xd0\x84b&gt;\xb3\x14\x8c9\x00\xe8\r\x98\xeb\xed\xb92\x01\xa5\xbd\xc9\n\x00\x00R\xc0\x04\x00\x0c\xc6\xb3\xae?1\x13\xbd\x11\x06KP\x96\\K\xf5\xcc\x84\xd7\x07\xdd\x9d\xab\xdd$\xc6kv\x00\x00\x99@(\x01\xa3qH\xc8\xf0\xc0%(\x87\x7f\xf6\xbf\xd8\xe1\xc5\x1d\xab\xb9\xe2;\x95\x00\x00\xbd\x838&amp;\x8d\xed%x\xff\xba\xad @\x16\x83\x1c;\xe6=\xad\xc5\x01C\xc2G;sr&lt;\xb6qq1\x00\x00\xf4\xcf\xbb#\xa0\tC\x1fhz\xff\x1e\x00\x90\x11\xfd\xe5\xe8m%IG\x0f:x\xc5\n\xc8N\xd0\xa8\xf6kD\x8f&lt;\xfa\x14\x93\xfd\xbc\xcf\x00\x0e\x08\x00\x00D\xd4\xe3Kr\x06\xe60r\xe1\x19\x80\xbb\xf1O=\xae\xe9~\xca\xbeK\xa1\xbaoM\xbf\x8c\xfa\xc0\xa2\xff\xb1\x1fRJ\x1d\xb2\xff\x0f\xe0\x8b/\x03\xc0\x9a\x99\x05\xa8\x05\x80\xb6D\xf8 \xb2\x7f9\xecOG\xbf*\xfa\xe6F,_\xfd\xe0^\x11_\xde\xa2?\x04X{\x00\xd9\t\xfa\xe6/:[\xe0\x8f0\xbf\xf2\xd1\r\x8feb\xdb\xea\x0c\x0e\x13\x03\x00@\x02\xa7\x81\xa6\x91\x1c\xa0\x01#\x1d\xf2\x01\xa0\x01!\x8b\xf3J)b&amp;S*o\xc8eO%Ks\xd2\xf6\xf9\xf7Pk\x13\x00\x80\xbe\x18c=q7\xd2\xe0\x08\xd0\x8dP\xea\xc7[\x8b\x00@\xc7\xf8d\xff\xd3\xb1\x9f9W\xd6_\xda\xa8=\xe0\xbb\xbe\x11H\xbb\xedT\x97\xb0\x83@\xeds\xef\xf6\x12\x80\xca\xc8r\x01p[\x06z;\x83\xb2\xfe\x02F\x81\x89\xad\xe3%3\xe3\x80\x01\x18\x93\x92\x8b\xc4&gt;#\x80"G\x9e\xca\xccS\xea\xcf\xda\xc6\xc02\x13`C\xb2\x03?\x05\x00\x80\xe6\\&lt;\xb6\xd5\x11\xfba\x0c;\x00C\xa2\x1ci\x90\xc2W\xc9\x80A)\xb7F\x93c\xfdg\xde\x16\xd0\xdfPEDD\xaf\xc0\xa6\xec\x7f\xb9r\x90u\xa7\x18^}\x9ce7\x00@\xbf(WJ\xd5\x11\x88\xa7\x00\x80Q)\x16\xdfB^\xfa\x7f\xf1\xee\xa3\xf5\x1d\xcc\xd3\xff&amp;&gt;\x97\x99\x99\x7f\xe5P\xce\xbd\xc35\xbe\x15\x01\x00\x00\xf2q\x1e\xaa\x00\x00\x008\x08J\xff\xfd\x02\xab\xf9\xae\xfd\xaf\xff\xf2\xf6\x01\x1aC\x14\x00\x00\xe4\x02\x13\x00P\x99\xc5\xd4\xde\r\xd6\x06\xba$&lt;\xffw\x9b\xfa\xd7\x19Vb,\xf3\x81[\x1f\x01\x02\x00\x00\x90\x19L\x00\xfa\xe4\x95{L\x080\xdd\x04\x9d\x13\x9c\xfd\xff\x8c\xd9\xd47/0L\x18L\xe5\xac\x93g\x00\xba\x05\x06\x0c\x80(\xd6!\x06\x0f\x01w\x033\xffH\x8f\x0fq\x0c\xf1\xec\x0c\x00\xfe\xf0\xa3\xc9\xf4-\xc8\xfaK?\rN\xd1\xe3;z1?\x01\x97\xa8\xe7\xa5\xfe\xd6\xad\x00\x90H\xe6%`$g\xdd\xb0\x0e\xb4W\xef\xa2\xe2\xe5m\x83\x00\x80\x0cD\xe4\xb8\xfb\xb7|\xee\x8aY\xde\x05t,S\xd9C\xbb\xf3\xed\xa2-\xe1a\xde\x8e\x07\x00\xe8\x9e]\x8c\x1d\x0f\xef$\xd0\xb7\x1c\xec\x00t\xc3\xf4\xe5B\xa3Z6\x00\xc3a\xfd"\x8e\xd0\x82x\xfd\x0f\x00\x00\x003j\xfb\x12F\x1dY\xbb\x94\xc1\xbb\xa6\x86\xeb3\xb5\x08\x13\x80.X\xf7}|\xb2\x7f\x93\x03\x00\xe4O\xa0&amp;\x06\x17\xdc&gt;2\x0e\x00\x17\x06*\xd2~\xcd\xc3m6D\xb6\x19\x00\xd0\x17\xea5=.\xaa\x14m"\xd7\x7f\x88H\xdb\x06\xce%+&amp;\x00\x1d\xf0\x9e\r^\x08&gt;\xd8\xd0\xcb\xcfu\xf3\xefT\x02\t\x84f\xb8O\x8a\xb9\xe9\xea\x86\xdb\xcd\xea\xf9\x0b\xe1\xaf\x00\x80\x0c|\xff\xd5\x05\xec\xff\xad\x8b\xd5\x9fz\xd2\x17Y\xd4\xee\x9f\x84\x12\xb3\x94\x03B`\x16&gt;\x8a\x1f,{\x98\x9d\x84\\\'\xe7\xc0=\t\x8d\xf8\xeax\xfa\xff\xba4\xa5\x94\xbb\x1a\x98\xee\x1d\x11?d\x00 \x84\xb4Q&gt;\xe8\xe1\x01N\xc9\x9c\x13\x9f\x9bb\xe6\x8cc\x01v\x00\xc0\xc6\xf9\xe8\\\x0b)\x00\xe8\x18\xa5\x88\xe8\xa1\xcbo\xe6\\\xff\x10\xc0\xe7\xa7\x82]e"\x0b\xbc\x1d\xf3IaY\xc7\x97\x01\x90H\xaeUy\xbfr\x92\xa2q\xe2\xb1\xc9\xbcc\x01&amp;\x00\x15\x91=\x8a33\xa9\xc9:\xdf\xa0\xb5,\xa0(C\xa6\x14\x91\x8d\xe2\xfc\xdf\xad\xa1\x88\x9e\xb6\x96\xbd\xbe\xd1\xffX\xe7t\xe9\xfcX\xbf92(\xf7V\x02\x18\x9ay\xa4\x97=j\x000\x00\xf2f\xd9\x95\x04\xc2\x04\x00l,n\xf0\x9d\xcb,s\x90\xb1\xe7\t\xad\x05\x00\x85y\xf6\xa8\x80\xe9\xbb\xc6\x1a\x97\x83\xe9\xc5\xce\xf5h\xdf\xebuL\xfd\x7f\xd7Z\xa9\xb8\xb1\t\x10e\x7f!\xb7\x11\xec\xfc\x00\x10\xca\xcf\x05\xa7\xf3\x02C,\x1c\x1f4@\xa0\'\xe4\xa1\xc0B/\x10E`\xe7\x1e\xbes\xf7\x1b\xaf\xde\xc1\xe3\x8d.\x89\xf1k}M\xbb\xcc\xc6r\xb6\xbf\xd1\xff\x81\xe9\x02\x00\x80\x19[\xf0\x0c\xbd\xb7\x90xb\xc1&lt;\x03\x00pG\xf4p\xefs\xd6&amp;hx\xd0\xd6nY{\xbc\x8c\xff\x9c\xe9o\x9c\x96u\x8d%\xefW\x7f\x93\x1e;\x03\x00\x80\xa1\xd9\xf6r\x83\xf7\xcd\x96\xf8{\xc3\r\xb7\xdb5\x18\xdc\x14\xe6\xd37\xb3\x82[\xb3\x9f\x00x\x18F\xe0\x02\xd1\x94\xf1\xeb\x1f\xf8\x17{\xc3\xa1\x08\x00\x00@M\xf0\x0c\x00\xe8\x98\x80\x9d;%\xf0A\x1f \x86\xc7\xf8\x98PhZ\xce\xf4c\xc4\xf6/\xf1\xb0\xd9.\xb2\x7f\x00\x00\x00\xa5\xc1H\x03:fM\x9f\x14\xe1u\x19 \x94]\xf6\xed\x9dv\xc7\x9f\x14\xd5\x0f\x1a\xd9J\xc1\x8b\x7f\xc0\r\xe0\xe5\x1b\x0e`\xea@\x07g\x1d\xab\x82\x1d\x00\xd01[\xd2\x86\xa0q7\xd26t~i\xfa6\x96\x98[\xe7\xf78G}\xd9\x0c-\x87\x82\x90\xfd\x83\xfb2\xf9.\xb6d\xc1\x89\x8c\xd1\xef\xa6\xcf\xf5\x06\x81\t\x00\xf0ev\xa7\x8fdQ\xae\xb5|\xad\x06\xd2\xa6\x9b\x91\xd6\xe1\x8f:\xbf\xe7\xf6\xc3\x8f\xef\xf0\xb9\xa8^\xc5|\xa3\xcb\xf2\xcd\x00\xf6b\x01\x18\x9d\xf9\x0b.`\xec\xa0\x182\xd2\x13\xe9\xc0\x05\x81/\x1e\xef*\x01\xa0;\xd6\xb7\xf4\xa4\xbeD"\x05$D\x00\x00\x90\x0f\x8e\x8c\xe7w\x02\xaa\x01\x01\x9cS\x9d\x8e\x0e-\x04\xbf\xf5\x05\xdc\x0e&amp;\x8eK\xc4y\xba5\x02\x98"\xc8\xc2\x14\xdf`N\xa0O\n\x9d\xfe\xc7C\x05.p\x04\x08\x04\xa0v\xd0\x97PG_\xae\xb5\x13T\xc8\xf9% \x0c\x15\xbb\x0c?\x9f\x08\n\xbb\xe7\xd1H\xd7\x00\x00\x80\x8a\xa5\xe9\xe3\x06\xd8\x1c9\xcc\xb8\xda\xc9\n\x16W\x06\xe0\x90\xf4\xa37A\t.\xe7\x96\x1dm\x9a\x81\xbe`f\x845\x00\xeeA\x86\xcd\r\xec\x00\x04q\x83e\xe3q\x97\xc6\xd7\'\xcf0B\x82r8\x1e\rV\xafAx`\x1d\x94\xe3\xf6\xd9\xff\xb0\x83\x17\x00\'n\xee\xecu\tyC\xc8\r\x91\xa0\x19\t2\x00\x00\x00\xa8M\xc0\x97B\x02\x00\x88\x08;\x00\xfe`\xe9\xce\n\xf3\xf4r\xc3\xd6\xbb\x07!\xbd\xf3\xf5\x18*\xba&amp;\xac\xef\x90\x19\x80{\x00#\xc7\xf3]\xc0\x17\x98\n2Z\x1f\xa6\xaf-\x84\xael\xc4}\xa3jK&amp;\x89\xff\x82\xe8!=H\x0b\x12\xc13&lt;\xe0\x0e\xdc\xd9\xce\xf1\x927\x10\xc4j0w\xb6\x16\xec\x00\xf80\xd9\xc7\xdd\'\x8bvv\xfe\xd3tV\xed\xbb\xd0;\xb9\xfc\x83\xcb\n\x03\xc0\xad\xc06\x8b\x10\xd0\x0b\x00xq\xe3\xe4\x1f\x80\x9c01\xffQ\xeb\x83\x98\xccL\xdf\x8c\xf1\x0f\x1cAnZ\x1a\x9c\xb3\x92\xc0\x9d\xbb\x00\x8f\x01\x80$\x1e_\xff9O\x98+\x18\x8f&lt;Q\x18\xbeQ\x8ae\x98\x84zAN\xe0\xb0\xa0-\x98\x00\x80hZ\x18Ocs\xc5\xfe\x07(D\xeaKj\xcb\x1f\xd1\xbb\xef\xa3\x1d8\xfe\x08\x00\x00\x00l0S\x83/i\xc1w\x15\x03p\x825Z\xcb2$\xf7\xd9\x01\xe0?\x86\t\x81x`&lt;\x00\x80p0\xee\x00\x10\r\xb2\x7f\x90\x0e\xac\x08\xa4\xf030\x1e\x00\xc0\x19D\x060\x16\xd2\x0c\xfa&gt;\xab\xd4\xa0 \x98\x00\x80X0{\x04`|b\xd6\x89\xfa\x8f\x0c8{\x04\x16\x16\xf3\xc7\xb9\xf0\x86\xdc\xf9M\xde\xde\xd8\x0eM\xce\x16\x0c\xed\x81|\xe0\x84.\x00w\xa0\xdf\xe1#&gt;F\xe1{\x00\xc0B\x7fv\x9f\x91\'\xb7\x16`\x07\x16\x1d\x9d\x98\r\x15:\x03\x05\xb8sT\x04\xa0\x1a\xcd\xc3w\xbf\x9e\xde\xaf\xe4\x19yxs\x03\x02\xfd\xc2r\xf2\xc7[\x9eY\xcf\xd0^&lt;2\x0e\x00\x00]\xf2Y\xedC7\xde\x8e\xdd1\xc2\xc7~d\'\x008\xc93\x07@\xf8\x06\x00\\\x81(!\x90*\x9d\xc2L\xef`\xab\xe8i\xc8\xd0@\t\x1e\x82\t\x00(\x80\x8f9\xdd\xcb\xe4\xe0b\x00\x007X)\xb8-H\xc3t\xf0\x0c@\x1d\x9e\xdeZ\x000\x1e\xbf\xeawY\xc3\x03\x82\x8f\xaa\x1fj;|\x84\x0b\x00P\x02k\xf0QJ\xe1\xe4\xf4-A\xea\x0f\x1a\x81\x13f +\xd2m\t\xbb^\x85\x80J\x01\xf0\x00n\x02\x8e\\\x0cI\x08\xad\x83!*\xe7F&gt;\x04\xf2\xd1\xd0\xb0}\xeb\xadg\xf0\x7f\xc9\xf4\xc2\xb7\xf0,L\xab\x00\x00\x00\xa4\xa3\xee\xf1\xdeq)\xefr^\x87\xed\xd1\x15\xde!\xcc\xb3\x95H\xef\x1a\xcd\x98\x99\'\x89kK -h\xdc\xe9+,\x10C\x00\xc8\xc4\x1c6\x1aK\x01@#\xe6g\x00F_O\x92\xe2\xe1\xeb\x98=\xba\xc2\xbb\xe3\xa1S\x7fT\xeb\x95\xd8E\\f\</t>
        </is>
      </c>
      <c r="E389" t="inlineStr">
        <is>
          <t>&lt;class 'numpy.ndarray'&gt;</t>
        </is>
      </c>
    </row>
    <row r="390">
      <c r="A390" s="1" t="n">
        <v>388</v>
      </c>
      <c r="B390" t="inlineStr">
        <is>
          <t>steps_per_sec</t>
        </is>
      </c>
      <c r="C390" t="n">
        <v>4400</v>
      </c>
      <c r="D390" t="inlineStr">
        <is>
          <t>2.5836916</t>
        </is>
      </c>
      <c r="E390" t="inlineStr">
        <is>
          <t>&lt;class 'numpy.ndarray'&gt;</t>
        </is>
      </c>
    </row>
    <row r="391">
      <c r="A391" s="1" t="n">
        <v>389</v>
      </c>
      <c r="B391" t="inlineStr">
        <is>
          <t>Loss/RPNLoss/localization_loss</t>
        </is>
      </c>
      <c r="C391" t="n">
        <v>4400</v>
      </c>
      <c r="D391" t="inlineStr">
        <is>
          <t>0.2909618</t>
        </is>
      </c>
      <c r="E391" t="inlineStr">
        <is>
          <t>&lt;class 'numpy.ndarray'&gt;</t>
        </is>
      </c>
    </row>
    <row r="392">
      <c r="A392" s="1" t="n">
        <v>390</v>
      </c>
      <c r="B392" t="inlineStr">
        <is>
          <t>Loss/RPNLoss/objectness_loss</t>
        </is>
      </c>
      <c r="C392" t="n">
        <v>4400</v>
      </c>
      <c r="D392" t="inlineStr">
        <is>
          <t>0.027026027</t>
        </is>
      </c>
      <c r="E392" t="inlineStr">
        <is>
          <t>&lt;class 'numpy.ndarray'&gt;</t>
        </is>
      </c>
    </row>
    <row r="393">
      <c r="A393" s="1" t="n">
        <v>391</v>
      </c>
      <c r="B393" t="inlineStr">
        <is>
          <t>Loss/BoxClassifierLoss/localization_loss</t>
        </is>
      </c>
      <c r="C393" t="n">
        <v>4400</v>
      </c>
      <c r="D393" t="inlineStr">
        <is>
          <t>0.19174996</t>
        </is>
      </c>
      <c r="E393" t="inlineStr">
        <is>
          <t>&lt;class 'numpy.ndarray'&gt;</t>
        </is>
      </c>
    </row>
    <row r="394">
      <c r="A394" s="1" t="n">
        <v>392</v>
      </c>
      <c r="B394" t="inlineStr">
        <is>
          <t>Loss/BoxClassifierLoss/classification_loss</t>
        </is>
      </c>
      <c r="C394" t="n">
        <v>4400</v>
      </c>
      <c r="D394" t="inlineStr">
        <is>
          <t>0.12424363</t>
        </is>
      </c>
      <c r="E394" t="inlineStr">
        <is>
          <t>&lt;class 'numpy.ndarray'&gt;</t>
        </is>
      </c>
    </row>
    <row r="395">
      <c r="A395" s="1" t="n">
        <v>393</v>
      </c>
      <c r="B395" t="inlineStr">
        <is>
          <t>Loss/regularization_loss</t>
        </is>
      </c>
      <c r="C395" t="n">
        <v>4400</v>
      </c>
      <c r="D395" t="inlineStr">
        <is>
          <t>0.0</t>
        </is>
      </c>
      <c r="E395" t="inlineStr">
        <is>
          <t>&lt;class 'numpy.ndarray'&gt;</t>
        </is>
      </c>
    </row>
    <row r="396">
      <c r="A396" s="1" t="n">
        <v>394</v>
      </c>
      <c r="B396" t="inlineStr">
        <is>
          <t>Loss/total_loss</t>
        </is>
      </c>
      <c r="C396" t="n">
        <v>4400</v>
      </c>
      <c r="D396" t="inlineStr">
        <is>
          <t>0.63398147</t>
        </is>
      </c>
      <c r="E396" t="inlineStr">
        <is>
          <t>&lt;class 'numpy.ndarray'&gt;</t>
        </is>
      </c>
    </row>
    <row r="397">
      <c r="A397" s="1" t="n">
        <v>395</v>
      </c>
      <c r="B397" t="inlineStr">
        <is>
          <t>learning_rate</t>
        </is>
      </c>
      <c r="C397" t="n">
        <v>4400</v>
      </c>
      <c r="D397" t="inlineStr">
        <is>
          <t>0.039940834</t>
        </is>
      </c>
      <c r="E397" t="inlineStr">
        <is>
          <t>&lt;class 'numpy.ndarray'&gt;</t>
        </is>
      </c>
    </row>
    <row r="398">
      <c r="A398" s="1" t="n">
        <v>396</v>
      </c>
      <c r="B398" t="inlineStr">
        <is>
          <t>train_input_images</t>
        </is>
      </c>
      <c r="C398" t="n">
        <v>4400</v>
      </c>
      <c r="D398" t="inlineStr">
        <is>
          <t>[b'1024' b'1024'
 b'\x89PNG\r\n\x1a\n\x00\x00\x00\rIHDR\x00\x00\x04\x00\x00\x00\x04\x00\x08\x02\x00\x00\x00\xf0\x7f\xbc\xd4\x00\x00 \x00IDATx\x9c\xec\xfdw\xfc&gt;MU\xdf\x8f\x9f\xbdU\x14\x0b\x88\xa8\x1414\x11\xa4#F\x8d\x88\xd8;\x10\xc0\x82\x12,\x01{A\xfd\xd9\x10\x15\xc5\x12;j\xd4|5b\x8b=\xf6\xdeQ,\x11\x11\x89\n\n\x88\x80\xc1\x82\x08"\xd1\xa0"z~\x7fl\x9b\x99\x9d\x99\x9dr\xa6\xec\xee\xeb\xf9\xd0\x9b\xf7\xe7\xbav\xcf\x9c9m\xca\x96\x8b\x08\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dd\xc2\xccDD\xf4\xc1D\xbc\xf9\x9c\x89xd\xfc\xdb#da&gt;\x8c\xf5\x0f\xfd*\xec\x1eci(\xf0\x94\xe0s\x99\x88\xbf\xda\xa9\xff\x03\xbd\x9a\xdb5\xd1$\xac-\x06*o\xba#\xa1\xcb\xab(M\x81\x80\xe3\xdb\xe26\xa9~\x94\x93\x9d3\x7f1\xb4\x83v\xe1_\x99b\x1fE\xb7\x9a\xe6\xf5\x18ik\xb4\xd6~\xbf\x10?\xdaZ\x81\x93r\xeb\xe4"\t\x00H\xe2G\x98\x99\x1f\x83\xbc;"\xdbiS\xfc\x14!|\x86\xe1;\xd5\xa3\xe34#\x0c\x17\x1b\xa0#\xb9\xfbk\xed\xd1&lt;\x87\xb6\xaba\x9d^\xefYcgA\xe5\x92\x14\xd3KW\xbb\xfe\xd9\xde\x17i\xff\xfa\x15\xff\xe2\x81\x03\xe7\xeb\xeb\xf1\xbe\x83\xbfd\xd5\xf3\xae;2\xd3l\x1b\xbe\xe0\xf4\xca\xdf?)P\x94O\xe0~_\xd2\xbb\xb0\xa7\x8fx5\x0f\x168\xe7Z\x195\xf2y\x08\xd17\xe4\x9c\x1f\x16H \x85k\x1a\xd6\x91)\xbfxAS\x1c\x8d\x13x\x07\xd5\xec\xc8l\xc6{\xef\xb4\xc0\xe1\xe3\x90\xf9\xc4\xa6\xa1o\xa4\xf7\r\x9cmh\xc7l\x85?(i2\xe7\xfa\xc6}\xbc\xa2\xa7\xbd\x8f&amp;o\xb8c\x93\x1d\x95=\xfa\x87ts\x99\xe8\xdb:\x12\xc3g\xceg1\xff\xf7\xe9\xf4\x9fr\xb4\xb8\xcft\xe4\'\xef\xaf$C.Y\xb8m+P\x8c\xe2\x85[\x8ft\x89\xd9\x979\x7f\xf5\xb5%z\xe1\xd5\xa4\xabR\xde\x952#Lt\xcf\xf4\x935k\xa7\xb5.E\x87\xb6\xcd%\xc3\xb0G\xc5\xdb\xe5k\x99\xe2h\x1c\xdf;\xb9\xd5\x0c\xb4d`\xe6a\x18\xd6\x0f\x147\x0eD4\x0c\x86_\xb5\x83\x15\\\xee\x1f\x86I\xd2\xf6\x80\x81\xe8\x81D?17\xe4V\x92\x99\xb5c,\xa2|\xa7{N\xb1h=8ZY:\xe2\x90g\xf4\xc0\xa9j\xb8\xce*^e\xa6\xaf\x87a\xd0\xdc7\x0cS}a\xad\xcc\x98\xe7\x865=\x9d\xc4\xcb_.\xc5\xfc\x92\xb5\xc3\xc7\x83\x17\xf9\x86\xa5\x94\x16wd\x1a\x1d\xa4\xfd\x88\n\xe1\xf1\xcc_`\xfd\xc2\xd3\xc7\xe4"hu\xcad\x99\xdc\x8e\xd0\x1b3\xff\x8d\xd9\x9c=\xf8E\x9a\xbb\x04\xcc\x19\x016\xda=\xe3\xf4\xfd\xa4\x08\xd7\xe4|\xee&gt;e\xa7|H\x15\n\x00\xa21\xa7\x1c\xe0H\xdc`\xf8\xcc2\xcdT\xbew\xbb\x97\xdd_\r\x8a0\xf3\x9b\x9f\x1c\x86ap\xc9]n\xb61\x15\x13\x8a3\xfe\xb3\xd4%\xeb\xf7\xb8O46s\x0b\xa5\xc4x\x8b\x04\xd1\xdf\xeaKo6-9\xdeL\x11%xY\xcd\x7f,\xcf\xb7\xf7\x8c\x92\x88h\xa0\x8d\xb7\xcc\xf8\xd9\x99\x01\x9b\x07\xb3&amp;_\x15K4\x84(ooPb/\xe2\x0b\xb7\x1f\r\x9f\xb43\xef\xda~k=|\x18\xb6\x9f\x17,\x9d/U\x9c4\x0c\x8b\xcbz+\xd7\xbd]y\xf0\x92e;g\xc9\x0b\xe3\xe7\xe5\xcc\xd4W\x04\x804\x86a\xf0%\xf3\x85\xb6f\xa5jHM\x8b\x1d\xaa\xeem8\xb0\xea\x059\xcc\xf5\x10\xfb\xa6#\x99{\xa8\xd6=\'\xb3\x8f\xc6\x1e\xb9g\x9fx&gt;~3]\xf5n\xb1\x1b\xa78Tua\xd1\xd6\xb2\x8b\xaf\x882\xf7\xb6\xd7\xaf\\\xdb\xff\xc3\xdc\x0b\xa2\xcdL\xd7q\xbcy\xf0\xda\xa9\xb8\x89\xf5V\x1f\xb7\xaa\xe46\xd7\xe6\xf0\xf5\xb8\xe0m\xef\xe13\x89\xbeR\r\x03\xd2\xad\x11\xd4\x15\xf5jF\xda\x8e{\xec\x85\x8e]\xe1\x81W\x15\xd4\xb34/31\xd1-\x89\xfez0\x83\xdc\xdd\xc1\xcc\xadbS1k\x17"\xf3\xa8\x14\xf3.&amp;aV\xba\x8by\xd9\x16\x007\xd7\x89\x16\xb9+!\x92\x857\x8c\x9b\x12\xbd\xa2bsb\xe8\xe3]\xf30\xeb\xe2\xea_\xafW\xe4\x98\xa6K\xd7\x0f z\xca\xf8\xd1\r\xce\x83\x87\xbb\xa9\xff }\xe6m\xbd\xe3k;_\x9a\xf9b\x8b\xf8\xadu\x98\x02\xd6\x93\xc6\xec\xca\xf8\xcb\xc3\xe6\x06\x1dkS\x9em\x94\xf5\xcf\xd74O\xd2f-\x96\xed\xbda\x03\xd10\xdap\xde\xcb\xdf4\xa2?\x04\xecTkU\xc0\xf1\x8d\xd5\xcc\xce\xc3m\x9f\x0cC\xd4\xbc\x90\xbfb\xbe\x0e\xf2\x00\x9e\xef\xe4\xdf\xdc\x82$\xc3:s\xb5t3{\x05&gt;\x0c\x0f\xda4\xb6/t\xd1\xe4C\x94\xcf\xc6\xff\x0c\xc3\xf0\xd7\x9a\xa2K08\x85\t\x96\xb3\xc1\xe1\xc7Q\x85\xc1j\xc4\x8a$\xb5}\xec\xcd3\x00*\xd0\xdfD\xa4\x7f\xd4\xbd\xbc:\x1cr\xf6\x0f\xac(\x97\xd9{a\x99m\x12\x11\xf3\xaf\x11\x11\xd1\'\xb9\x8e\xf3]\xbf`/J;\xec?\xcb%x\xb7!\xe3\x80\xf0,\xd5\x84\xfc\x93\xf92\x9f\xcf\xb3u\xd9l\xfa[\xd8\xfaM\xa0\x02&gt;}&amp;!V\xb1\x9am=6\xd1?\xf1Y2B\xb1\xc8\x8e\xd8\xd5\xb3-\x167*m\x8f\xf7\xeb\xb0\x15\x1e\xd7\xcd\xdd.\xb9z6\x87\xf7wy\xce\xdft9\xf05\xac\xab5\xd2\x95\xbf\x0e\xb6\xd0\xca\xf2{T\xd3y\xe7gI8\xc8\xf5e\x00\x0e\x0c\xeap\x00;\x03=\xe8\x83yR\xb1\xcc\x8b\x98&gt;\xdd\xee,\xdf\xe4iw\xaagL\xe9&lt;\xe7mRk\xfe\xfc\x9b\xf4\x9d\xef9\xb0\xcc\xb3\x9cr|&amp;P[\x0f\t\\\x8b\xda\x8a\x1d\xcdsw\x8c\xb0#\xdc\xa2\xa4\xed\x00\xbbV\xbe\xb7\xfdD\xa84q\xe3\xe0#\xc3B\x82\xbe\xd8&amp;\xc7\xaeR\xb8C\xdftk\x99;\xea\xd6\x0b\x93\x93\xd2)]y\xa7\x98\xf5\xff\x98\xbf\xd5\xaf\xcf\xb6\t\x8a\xfd\xf5\x86kb\xd9J\xa80l{\xfd\x1e*C@\x0f\x00@\x1e\xee\xf1\x02\x19\xba\xcff\xd8\x02\x07\x87\x99?Mb\x010GC\xe0\xfb\xfb\xe7\x0fo\x14\x98\x87\xfaTi\x9fw\xd1\x8f\x0f&lt;\xd72\xb76\x17\x00\xee\xf7\x93\xda\xbai\xeb\xc0x\x98m\r`\xed\xa3\xab\xa1\x10\x02\x0cE\x8aq\x82\x0f]\xbb\xc0om\xb4\xf8\xde\xfe)r:\xdb\xa6MO\xddA\xe0\xe2\x8c\xb5\x15=\x00v\xa4(+\x81\x88\xf6\x96/\xd2\xba\x00\n\x03\xbf\x00p\x06"\x07G\xa0\xb1\x19\xb6`\xc6\x1c\xfa\xb6\x9ekb\xb4\x89\x00c\xc6\xc3\xd6s\xad\xc2\xb7m\xba\xae\xc4mff\xdaw\xdbS\xb6S+G\xce\xab2\xe7\x03\xded\xab\xb6)\xc1m\x10\x17\x9b#m7\x02\xd9\x84\xb8\x9a\xda\xc1i=\x8dg\x8e\x1f~U\xc2\x02\x80\x1e\xb7U\xafhLo:\xe8\xb7[\xa2\xd8I\xd4&amp;\xc66M8\xd6\xb4[#8D\xd9\x1b\x02\xe5I\x0e\x95\xd8v\xaa\xb4\x02\x00\x11\x11\xa1\x9e\x04\x91&gt;R\x80\xcd}\n\x9d[r3\x10\xb7p\xbd2s0\xe6\x0f\xb5\r8\xfc(\xf3C"\x9eW03\xc5x\x97\xce\xde\x8bD\x98\x99\x86a`\xe67!z\xa9\xedE7\xb6\xa7V\xd9x\xf7\xbcU\xa7\xed\x0b\x82\xb6o\x19\x1aU\x9d^\x90\xcfvU\xd5\x1ez\xdek\xe4\xd1\xc4\xc0\xfa\xe6""\xfau\xa2\xfbo\x0fv\xf8\xdf\xd4$\xee\xe5\x9e\x93d\xd5\x8c\x86\xaa\x8a\x92\xb3\x95(\xe8\xa9P\xab\xb9\xf4\x0f\xcb&gt;\r\xa3\xb5\xf5b\xa2[\x1aO\x1c\'\xb6\xbeu\xa5#2\xb5\x17\x1c\xb9\xdew\xb4}\xa7\xd3&amp;\xb4h7\xba@)\x989\xf5%H\x1c\xf5\x8a\x153`\x0e\xca~%\x04IL\xe3\xa3\xa48"\xc2s\xc0\xa0$\xee\xb9Dw\xc4\x95\xebrJ\xe8\x1f4T\xe9\x86\xff\x18w\xbc\xfe.\x9d\xf1\xd5!\xc3\xf2\xaa\x98\xdd\xd7\xc5L\xef&lt;\x19\x86a\x9e\xfdkW\t\\\'\xf9\xc7\x9b\xed\xabT\x967yz\x94\xdf\x1d\xc2\x06\xf3\xa0}\'m\x1d\xe9\x9a\xfd\x93m\xf6O\xfb\xab\xbf\xa7\x8e\xb3\xff7\xd9Uez7\xce\xda&gt;O\xcb]\xc7\x15\x95U\xb7\xc1\xf8\xdf\x04\xf4\xf7\x1d\x95e\x18^{\xfd\xc7\xad\x861\xc4\x86\xb9\xfb\x19b}\xfft|j,\xdf\x94o-%\xd2\x08\xad\x14U\x8f\xb0\xe3r\x04F?~S\xc2\x99\xd3\xb5\xcd\xb8\x86\xaa\xf1#Eb\x839\xa6\xcb`\x07\xf3\x82\xe5-\x85l\xeb\xf6\x11|\x07$i?\xa5\x0e\xa6\x03M{+\x9d\x91wJL\x85\xea\xcb\xcc\xfbI\xd2\xca\xca\xcd\xe7\x13#\xef\xd9\xd8\xbdp\xe3\x9c\xe6\xee7\xc1\xb9\x0f_\xban\xe4\xb0\xdeX\x12\xc8zy(\xee\x94\x88\xc6\x89\xf9\x11!7\xac\xbb;\x95b4\xe6\xfff5\xb8&amp;3@\xacxZ9-\x99&amp;\xa3\xd0T\xac\x94d\x10H\x11\x17\xa4\x08t\xde\xf4(\xa2Q\x05\xb1Wd[\xb1\xe5\x0c[\xba\xf8\x00`\x82H\xdbc;\xefz^k\xa3\xc5\xd5\x88\xf1\xe0\xd7\xb5\xdd\xfb\x9e\xdc\xb4Y\x04\x1d\x07/\xa7\xd0\xde\x91\xe9\xf3Q\t\xec}\xb1\xf45\x0e\xe2\x88\xd9\xffwm\xecc\x11\xe8XT\xc4\xcew\xf3O\\;\xb8\xa3m!\xb6M\xdcOo:\x91\xb7\x92\x10\xe2!J2W\xca\x88Lg\x1dn\x08y\x8c\xb8D\xc9h/\x958\x87s\x93\x8b\x96\xb7\xc8\x8b\x14\x99 \xe1\xad\'\x19\x00\x00\xda\xcey\xda\x17\xd2\xf8\x1a\xa1\x16\xac\xa4\x126w{;\xc9c&amp;\xa2/p+\x13f8\xa9\xaa\xeao\xc8)\xdc\xee`Gg=\xe7zx3\xdb\x87\xc4L\xefg4\xcd\xc4L\xbffq\x96n\x1f\xd7\xe7\x11\x86J&gt;\xcb\xd2\xee\xbf\xd9{]([lM$\x9b\xc2.\xbe\xfd\x00,\xd6\x1d*\x97zr6?6\xc2\x01s\xcb\xab\xdb\xd3C\xe9\xda\x12\xa2A\x01\x81\x8f\xa0\x9d\x05\x00B\xe2\x82\xc0\xe9\xedq\xa7d+~(~\xcc^+\xa6\xf1B\xf4\x8f\t?\xffK\xec3\xbc\xf5\x00G\xbc\xda\xeb\xb5^\xc7?Mj\xba\xe3\xf5\x93{\xcc0;e\xce)\xbd\xba\xd9\xec\xb2\\\xf4\xd0dZ\rh\x1c\xf3\xd3\xf3\x16\x17;E[\x9bK\xb2V\xec\xf1v\xfd\xddjVX\x00\xb0\x12\xd8\xdd\xa4\xa8\x00k\xef\x8av*/\x84J;\xba-\x11\xc6\xafg\x81\xfe/\xd4\x94m(\xbb\xe8\xf5\x85\x9aA\x9e\xae\x9d5\xc5\x00\xe8\x1d_\xb5y\x87\xda\xca\x10\r\xc4\xe3\x8b)x\xfa\xe7\x96Y\xd9\xe5Q\x8fE{\xe3\xad/\xfa\x8bM\xfch\xef\xb1Y\x9bW\xdeE\xe3\xd2gn\xcb\xf2\x06!E\xabi\xa8-\xffx\xca\x1f\x12\xddc\xf3\xa1\xe9\xdfa\xd6i\xed\xb2\xdbV\xdb\xe0\xd0z\xc1\xfa;\x916GO\xce4\xe5/\x17\x01\x1c\xfd\xf0\xb4\x18\xca\x0b\x88n\x1fyJ\xdc\xb0\x1b\x13`\xab\xf0\x80\xb345\x0e\xf4HS8z\x82\x14\xeb`X\x84\xfbO\x8e?\xf1\x18X\x0bWk8\xd1\xd4\x9bA\xa1\x18\xa9\x1a\x06\xcb_B\xb63\xd7\xa4\xa0\x0e\xcdJ\xbf\xc8\xb4!\x9f\xe3mT\x00\x80,nX\xaa\x84\xad\xce\x1a\xaf{pN\xd6\xc6\xb7\xbd\x0cL4=\x1e\xb0;\xad\x1b\xf4\x97\xa0l\xdf\x18\xb3\xe8c\xde\xbe\xb2\xab\x0c1\xd1\x97\xceo%*\x82\xbaIy\x8f\x88\xad\x14\xad\x8bN\xddv^\x9dc\xbc@\xc6\xfa\xa6\x1d\xdb{\x93\xa6\xd9U\x98\xa6\xd1\xfba\xcc\xff\x99o\x17w\n\x11\xd9^\x1c\xe5\xd5P}\x11\xeaN\x98-=`\xa6=\x1f)^9\xe9\xb0X\xbf_\xa7\xd8Q\x95$\xe6\x9dX2\xb6+\xb8\xd1\xeb\xdc\x7f(\xd6R1\xf9\xc3\xf07\xc3Y\x12_y\xf7\x9aw\xac9GoK\x81\xcb#\xe02\xecTp\xf3\xee\x08\xedS-O\xe6c&gt;)l\xd4y\xd7\xd0k\xaf\xecBo\xc5\xf5y\x11\xd8{5\xdf\xa6jZ#Q\xa7\xfb\xba\xff\xba\xab\xa8\x1f\xb6\xdc\x8c\xb4\xdc\xf7B\xfcGIjgtSQ\x9d\xf9\x8d\x95;\xa6\xf4\xfbI\x1cw|9\xfak\xf6. *\x98\xf9\xcfN?i\r3E\x8e\xfc\x9c\xb0\xaf\x96\xbf\xbd#c\x84\x00c~dzCpV\xef\xbc\xc2H\xc3\xbe=\xf5\x9fzQ/s,;\x19\x0fD\x8e\xb7\xa1\xb1\xd9y{7\xb6:\xe5\xb5&amp;I\xd4x`\x15\xeb?r\xcb\xf6\xc0\xc0\xd6\xc7\xe3c\x0e\x8e\x10\xbb\xa7g\x9c(\xfa\x92L=\x9dNT\x8fq\x9d\x14\xdeH\xde\x96/\xff8\xf3ko\xe2\xe7F\x0e5\xf6\xcc\xab~\xb5|\xfb\xfa;\x1a\x9c\xeb\xa6\xffF\xecF\xda\xbe\x04a\x8d\x8e\x8a\xd0\x02 `\x7f\'\xb1-$K\xef\x14^\xed\x8b\xd2O\xf9\xcd\x1b\xb2O\xc5f\x0c\x05i\x1c\xcc\x80\xb6)\xec\xdb[\xb6`E\xdaH\xd1&amp;ob\x9d/!P\xb8\xa3\x95\xca\xd1\x10`4W\x92\xdf\xa2\x97\xa2\xbc\xc1\xe8\x91e)\x18_\xbc\xba\xed\xec\x91H\xb2&lt;(@H\x89\xeb\xc8S\x9f\xd0Z\x01\xd0\x96\x1e\x82\x10h\x14\x9a#\x81\xde1\xa7\x8c\x8e-\xd8\xbc\xa4\r\x9d\x82\xbb\xe7\xff)\xad\xe7KH\xd0\xd6s\xb8\xf2G\xa9L\xd3\xef\xb6\xb2\xb5\xf2\xc0\xe3\xe5\xf9\xc6\xc2\x8e{\x84:\x1dW\xbaUL\x04\xa6\xf7&lt;\xd2\xee\xe3I\t)q\xbd\xe4\xc8\xe1\xea\x0f\x00\x00\xc4p\x9c\x12\xe7\x9f]-G\xb5\xd2g3\xb1N\xb9\xf5\xa8\xd0\x02\xc0\xb6\xe3\x1e\xd2J\x85\xed\xe7\x8c\xbb2\x94\x87\x04\x84\x95J\xe7\xf6^W\xbeO1\xff\x8ap\x81\xab\r\xdd\\\xd3\xbf0\xbb\t\xdbI\x8e\xdc\xbc\x0f5\x00\x00\xa0\x00\xef\xdf\xcbVK8\xcb\xf8-\xabt\xe2\xd6\xa01\xa5V\xa6w\xca\xe7\xec{r\xd4"\xa8\x90K\x8a\n\x8f\xd4\x82\xe8\'\xd5\xcfR\xc5\xcc\xe6\xfd\x82\x8e"xo-\xd7\x91\xaa\x00\xf4J\'i\xd2\x89\x1a\xe1\x1cNa\x00@\x16\xc9\xbb\x8a\xf3\x897\x17W)\x93\xfa\xaf\x03\x9b\x0c\x98\xf0\x8e\xce\xf1\xcc\xcd\x89;\x1e1\x8fW\x0e\xb7\xfd\xfe\xc0iX\xfb\xb9}\x0f43\x87uY\xb3m\x97Vb\xdb\x8f\x1e\x00\x00&amp;\x1ce\x13$\xa1\x0f\x1fx\x9f&amp;\x00\xd7!\xaf\x96r\x87\xb3\x94\x1b\xaa\xb54\xef\x88\x1b?\xf5e9\xd0\xf5\xd5\xe6\xb7\x02\xa6\x8f\xe7oC\xac\x8b+\xcdD\xc1\xc3\x96\xba\x84\xe8u\x021X\x7f\xf4\x00\xd4\x05Y\x15\x02\xactx\xd8\xf17\x00\x00x\xe9q\x96b.\x00&gt;@\xbb\xa7\xe2K\xe4\x1ab\x9a\'\x94\xf34\xdee\x8e\xe8\xf9\xdc\xf2\xd3\'\xeb\xef\xa08~c\xd7\xa8\xd9\xa7\xae\xe0\xc30\xd0p#\x1a\x9eI6{\x06Yx4\xa3\xcfY\x1d\xdc\xe9\xa4\xd3\xc5\xcdW14\xbb\t\xdb}\xebT\xa24\x119\xa7&amp;u\x00\xb8\x84m\x8f\xd1\xc7\xd1\x85\xca\xf8r\x0c\xb5\xad\x1c\xaaN\x02\xd0\x1e\xcf\xe4\xf2\xc0X\xef\xa7\x17\x9c\x1clZ\xa9\x86Z\xe0x\xd3\xb9fs\xaf\x8e\x89\x1b\x12z3\xe3\xf1&lt;\xfb\xba\xfc\x7f\x98\x89\xfeS\x9e\x94\xac\x87j\xf2\x9a\xce\xd2!\xae\x81cyV\x90\xdc.\xdb\x8c\xd6\x9b\x19\x99\x89^\xab\xb5\x12\x11L\xa1\xd8\x9b\x19\x01\x00\xd59\xf0\xc0\xb4\x0c\xab_\xc6\x96)\xb2\xff\xcc\xe8!\xff\x96Ml\xf4\xe7\xea\xec_{\xaa\x15\xfb\x1f\x06\xf7\x8d\x9ecue\xc6\xe3-\x00$H\xee\xef|\xe2C\xa5\x14\x11\x92\xe3\x90\xbex\xf6J\xce-Eg6|nOe$\x0c\x8c \x00\x00\xa2s,\x00\xe83\x99\xa2\xae\x00\x1cf\x0e\xad\xcc\xfe\x7f\xab\x7fm\xe5\x89r\xd3\xa1WGX\x00\xa4\t\x10\xf1\xf5\x071\xd3W\x164\xfb5\x9d{\x15\x0eUp\x10\x87\x00\x80\x99\x83W\x03C\xfb\xf0\xea\xc6\xcc\xef\xb79\xb1\x9b:&gt;\xbfoT\xdb8\xecD\xb7\xca\xc4v|&lt;\xfe\xfbK\xa9S\x92c\xa7b"9\x9b\xe2\ty\xc1D\x8f\xb5|Z\xc1\xf2}U\x18 \xc8\x91|\x8a\x05\x00\x00`\x01\xa3\x12i\xb7\xd6&lt;\xae\x03[,s\x85\xab\xcf\xfe/\x06n\x11qa\x9b\xb2D\xcfc|S\x1fL\x89@2\x07\x8b\x1c,\x00f0\xb0\x82\xabs\x97\xbd\x1f\\\xaf\xa4G]\xdeB\xff\xa7z\x81\xbe\x8b\x0e\xa3@_\x10\x8e^\x00\xf0\x1d\xaf\x11\'\xd6m\xcb\xd8y\x0c\xf6&gt;A\x11\xbe\xa7\x97Q\x03\xc4\x10\xbf\xdb\x82\xd2\x01.\xc7ac\xfe\xa4\x93\x83:\x1av\xb4\x16\x92\xa6\xdb~\xdd/&gt;\x02\x97\x0bD\'\xc7\xbe&gt;\x8f\xec\xfbqr\xfc$\xc0\xda\xe0D\xd4\x0ff\xe4\x0e\x00i\xc4\x0f\xf6G\x98K\xf1\xd7\xd7\xd2\xb0\x93\xc1[Z\x87\x9e\xa7\x80\t\xd7\xa0x\x9e\x04\xf7\xd9#1XA\xe9lB\xc7\xfb\xcf\xf1\x13\xb1\xde\xc1\x08\xc0\xd1\xa9\x1f\xc9H\x1c\x00\x9c\xb8\x7f\xe0I=\xe8l\xbf}\xc0\x15\x7f\x95m1d3\x1br\xd6\xefWkB\xde\x88\xe8\xe5s\x97\xfa\x8c\x8a\xf8\xce\xde@\xf4\xafsD\xf4\xd8#)\x96\x9c\xd6;\x9a\xfc\xab\xe6\xc9\xe7\x82(\x98yt\x19\xac]\x0ef\xee\xb4\xa0\xf5F\xf6hRs\xf0\x05\x00\xf80\x7f\txd\x9d\xb4\x0e\xb1\xe3\xce!\x16\xdc5\x0b\xd0@4\x8c\xbf\x83\\\xb1Q]\x03\xb9\xee\xfem\xf7\x0e\x8e\xff\xad\xbe\x7f\x9b\xfe\xb7\xf3\x8e\t"\x10\x0f\x18\xc2\xab\xb1\xfe\x1c7\x00"p\xf6e\xa5\x8c+\xc0\x88d\x00z\xc1\xbe\x00\x18\x06\x9a\xe7QCx\xc6\xceU\xe5"3\xa9\x98\x02:\x0c\xdcr\r\x90\xff\xfb\xd5\xe7\xf6\xe9\x10\x13\xe6\xe7`\x88Jm\x87\x04\x0f\x9f\x9a!\x19h\xd8\x93\xf7\xe3\xcf\x9d\x92\xb5\xb9R\xf6\xb3\xf6?@\x8c\x9f\xbe\xcc\xe4\x07\x80\r\xca\x1d\xc6\x96\xd7\x84\x9f\x8c\x94\xa7!\x7f\xf2\xb0\xd5\x81M0|\x1c\rN\x89\xd8\xbc\x16k5tE:~\x0e\x07\xf4NN)8\xd2k\x00\xaa+\x89\x91\x11\\\x97#\x95\x86\xe9\xd9\xc7\x8ctM\x9f\n\x1f\xc2&gt;\x06jgOP\xe3\x8e\xae\x7f\n\xfa\xe2\xed\xb3J\xb7v\x85\xe7\xaa\x1br\x9cJ\x0b:\xe4O\xf3&amp;\xc7\x87\x08\xbc&amp;O\xcf\xa3\xe8\x81\x93\xe3\x9b\x02\x1efX\x92\xd03\xffNJ\xc2\x8f\x15\xf4\xc5SO&lt;m]\x17\x00\x8f/\x7f%\xe7mq\x99\xa8&lt;(\x1d\x92\xc0\x98\'\xa3\xc9\x02\x00\x80\xab\xc07\x0b\xca\xae&gt;3Ph\x82\x92[_\x0et\xcd\xa4\tL\xf4\tU\xdb;\xb5;~\x86\x99&gt;\x81\x8d;\xba\x8a\xb4$\xb16\x06\x00\xd4\xe6D9{\xe2J\x0e@\x0f\xec\x8e\xf1=O\x02z\xd8\xa1\x9c\'a\x02Vj\xde\x17a\x9a\xdcQVv_\xbc\x1f&gt;\xb0\xc6\x02\xe0\x12\x96\x04\xe0$`\xd1\x0e\x00\x90\xe4\x8f1\t\xf0 \xba\x11[\xf3\xe1\xce\xf2mi\x9b\xd4\t\xcd!\xe4v(\xbd\xb8\x12]``-ap\xe6\xebT\xa7 \xed\xd9\xb0\x96&gt;=\xf5\x8a\xfd\x94\x9d\x02\xa0{\xeep\xea{*2\xd1g\xb9\x07\xb1\xd2\xb3j\xa8\xfa\xa5\x19\x96)c\xcf\x93\xed\x8d\x95\x7f\x98[\xd0\x0b\xc7J\x90\n\xe0\x0e+ \xceig\xff\x00X\xc0\x98R\rX\xd9\x8e\xb1\x00x\xfd\xf4p\xacg\xe1Z\x1bE\xc9\x0b\x80\xf7.\xb6\xa6:G\x18\xab\xc6)\xdc#A\x17`v\xa2\x83\x05\x00\xe8\x80\xfe\xb3\xb2\x7f\rA\x03\x0e\xb6\xeb\xda\t0\x99,\xbc!YHL\x99\xcb\xf3`\xf7\x99Sl\x01 N\xbd\xc1i\r\x92\xecx\x03@\x02\xc4^,\xff\xbd\xc2\xb6K\xdc\xd1\xbd\xd7\x10T9`\x07#`\nY&amp;\xc3\x1e\x9e\x8d\xfc5@\xe4\x02@b\xe3\xb0\xef\xdd\xc7\xc2\x13\xdcO\x16\xdb;\xafh\xc6\xb3/\x00N\xd3\x91\xeb\x00\x97\xf5\xc7y\n\x02\x11\xd1o\x9e\xad\xca\x01Q0#\x8d\xfd\x05\xf41\x97\x86!\xfa\xc4\xe5\x8d\\\xf6\x9f\xb5\xbf0\xdb\xf2\x14m"f\x86au\x16\xab\x960\xcb\x9c\x05\xd9\x92\x99)!\x952\xda#\x1aF\xf5\x87\xb9\xf2\x9d%l\xa6\xde4\xd6\x02\x00\xd0\x15\xb5k,\x00G\xe25\xa3\x8e\x1e\x86a\x9eFDq\x945xB\xd7r\x19\x86a\xb3\x06\x88T\xe3,\x938AJ\x9bDFzm\xbf\rS\xab\x03O\xff8HZ\x86\xf1\xbfZ+\x00\xc0Ai0\xf0U\x02c#\x00\xad\xe9\xe0\x96\x83\x9e/\xf7d\xdf\x05\x04\xea\xd2q,E\x10u\xe7\x18\x00 \x8a\x83d\xd6t#\xe2m[\xeb\x01\xc0!8H^wE\xe4}\xea\xe5\x14\xe8\x13,\x00\x0e\xc7\xf1}4F\x1a\x82\r\x80K\xa3\x8e\xcb\xd3cB(\x0b\x00\xd8`\xa2\xdb\xb7\xd6\x01$\xd1\xf3\xc4z\xb3\x00\xe8WU@D\xa7\xb8\x08\x80\x05\x00\x00\x07\xa6\xc0n\x91\xf6\x92\x00\xa2[\x8b\n\x07\x00\xf4\x05\xee\x90\xeb\x05\xe5\xb9\xd5\xe9\x7f\xdb\xe9\x02va\xe2\xc3\xdf`\xca\xcc)\x0f\xf4\x0b\xb5}t\xeb\x01\xd0\x94i\xc4(\xf7\x9e\x83B\xc2\xc1qa\xe6\x0b\x86\x84\xd8k?\xfa\xe3\x86\xd6\n\x80\x89a\x86h\xc0\xec\xbfo\x98y\xdc\xff?\xf4\xf6yK\xe5\x99\xe8\x89\xb8\xf8\x00@:\x03\x15\xdb\x82X\xe6:=_6\x07\xd5a\xe5\xbfG\'\xb4\x17H\x01\x00\x80\xc1\tn\x01j\xfbv.\xdc\xea\x06.K\xcfa\x7f\x93\xe9\x7fq?*\x00g\xff\xc9\xb0s\xef4\xe3\xed\xe0\x00t\xcby_&gt;\x08\x80\x8fCD\xfe:\xe79\xe5\xcd\x0f\x00\xec\xa2\xce\xfbO\x99\x05\xb8\x05\x08\x00\xd0\x84\x13\xd6\xd3\x02\xf8v\x9e\xce\xba/\x05j\xe2x\x19\xc0\xa0\x1eQQ\x1d@\xb8\xea\xd2\x1b\xa7\x9c\xfd\xd3\xd9\x17\x00\xb8\x99\x1e\x00p\x0e\x1c\x97\xa119;\x1a\xcc=\xad\xdc\x98\xc91\xdf\\\xc6N\xc6R\xb36\x98\xb7\x14\xe3\x1f\xc3"\xf9\xbc\xb7\xfd\xa8\x9c{\x01\x00N\xc9\xf9\xd3\xb20\xb8\xaf\xf7@,\x8fc\x8e\xff\xd5\x1c7\x0c\x03\xa6\n \x8b\x81\xc8\xb5\xc1i|v\x81\xf9\x108;\xf7\xe7\xd7\tZ\xcd"\xd6\x01\xe8\x13\xcc_3X\x7f\xff\xeb\x97Z\xab\x02"\xc8~\x16\xed\xf1W\xd8\xd0:\x08\x87\xa9`\xf8\x85Jp2B"y\rx\xc4&lt;\x00\x87\x82o\x81\xa4\xf5\x80\x97{\x1c\x96\xbcI\x18\x9c\x0e\x12\xc0\x02\x00\x9c\x8b\x8f\x0b(\x83\xefp\x95\x80\xc7\xf5cp6N\xfc\xb3\x1d"\x9c\xfe\xcd\x06W"\xe2\x07\xe9\x90\x17 \x91\xb9d x\xc0)\xd8\x7f\r\x97Q-\xcf\xfa\x0bhx\x06\x00\x9c\x8d\xf9\xf7\xd4\xaeB\xecF\x85j\x9a+lr\xf4A\x11;\x8f?H\x17\xee\xc4+\xa5\x85\n.}\x04\xe1\xdc\xf5\\\n*\xca\x058\x03\xe1up\r\xf8S\x8e\x95X\x00\x80\x0eyfk\x05\x0e\xc3X\x95\xe2j\xd3U\xa7\x81-q\xbej%\x95\xf7Z7\xa8\x1e\x18v\xc6\xfc+\xe3\x17\xe4\xb2\x1d\x17d\x18\x06\xac\xa2\xc0U0\x16\xbc(\x1f\'\x04\xb76v\x0c\x9c\x12\x84\x12\xc3\x11\x16\xfbM&lt;\xe4tx\xe08 \x0cF\xc3#\x00\x07U\xc2H\x07\xa4F\x0fHV\xa8\xb4\xc9\x13(\x0f\xe7_\xb5\xbf\xc8\xea.\xa3\x9b\x08\xfb\x83\x02\xafE\x01s\x01+\xc7\x0b\x8c6#\xdaI\x86Q\xa6\xa7\xb8z\xe1\xf9\\\xf9\x8a\xf9\xad\xcf`\x87C#\x1e\x8b\x98\xfd\xf7\x08\x16\x00\xe1\\\xa1\x8f`\xe6*Q-\x05\x0c\x95\xc61\xec\x96s\r\xf3\x90\x1b\x7f-r\xff\x1c\x05\xc73\x1f8A\xef\x929\xd83\x00l\xfco&gt;\xd7\xbd/\xb6g\x06\xa2\xdc\xdb\xa6/\xf3\x1c\xf0\xb5\x9ex&gt;&gt;y\xcbZ)-\x1aRo\xb8\xe5S\xd8\xab6\xf3\xbd\x81\xfd\xdb\xee\x1d)=#x\xf9\xcf\x91\x18\x1a\x8ckC\x8bF\xc5q\xf4 \xe4\xc5h\x87\x8b\x92\xf3r\x99m]@\xf4z";4\x08\x15\xa2\xb3\xec\xe2\x9c\x82K_\xd7\xaa\xa2\xbc\xfa|\xcbQ\r\xd5\x90\x03\xc5X\x8e\x9e\xccL\xf4\xcd\xb2\xfa\x14\xe7w\x0f\xe0\x94n\xd9FKX\xf0\x9c\xd9\xe6\x02\x0b;\x9e^\x98*#-\xa0)\xa2\x0b\xed\xef\x02 @\xc5$\x15a\xff=\xcd\xddS\xa8\x0b\xcc\x1cR\xfd\x02\x0f\xab\xcf\xf4B\xf9\xb2m\xcc\xe3D\x97\x16\xe8\x1dX\xef\xf4\xcc\xc3A\xd4\xdb0O\x19\x0cg\xedW(\x02\xb7\x00\xd5{A\xf0\x8b\xcb7\x01\xc0y9\xc2\xa6\xde\xc8)\x8ar\x11s\x07\x8d\xdas\xcb\x1d\xfa\xbb\xde-\x97\x98\xbe\xa61\xfe\x8c\nf\xffep\xa4d\xffW\xab\x8e3x\xc4\x80 ?\x14\x07\xba:\t@W\xb0B\xd3j~\xee\xfc5z\xd7\xaa\xa7\xdd\xcf\'J\xd3\xff\x8c\n\x80\x85\xce\xc3\xf5\xd3\xcf]\xb4\xfd\x9c\xb9\xe3\xc7[\x00\xc5_\xbd\x02[\x96\x98\x86\x19/\x82\xa5\x807\xb9#\xe8\xec7\x18L\xfd\x8b\xed\xdd\xd1\xee\xd1:\x04W\xbf\xbe\x1f\x05\x06V\x00\xae\xc6\xc1\xde\x02D\xd3\x05J\x14\xa9&lt;\xfa\xden\x00\xe2X\xb7o\x9a\xec\xe9\x0c\xc3\x03\x1a\xb4Z\x8f\xf1\xf6\x89\xc4\x93\xc7\xb7\xaf\xb4\xbeDS\x81s\xf7.\x80gvZ\x82/\xbc\xd1\xdb9\xe2~\x197\xf5_&amp;-\x16\x1c\t\xcc\xa4\x018?\xd6q}\xa0\x867J\x9f~w\x96\x89#\xcc\xbbuPS\xef\x9c\x80\x1aO\x1b\xa7\xc3\xcc\x9d]\xf0\xc15\xa8Kq\xf6+\xb1 \x88\xe3]\x01\x00\x00\xc4b/\xf2-+\xff\xc9G\x1d\x1e\xdfA\x1f\xbc\x9f\xba\x1d\x86\xb1\x13\x9bM\xc716\x0c4_\xf0i\xad\xca\xc4|i\xbdc\xa3\xed\xd3\xf0\x91\x9b\x831\xba\xf9\xdc\xb3\x7ff&amp;\xfa\xfa\xd6Z\x00a\x92.\x9e\xde\xe9x)zI\xea\xfdH\xd0\x05n\xb40`\x83\xd6\xfa\x9c\x97\x1c#\xf7\xf2\xac6(\x0b\xd2P\x1cn\xf2(-&lt;\xd8+B\xc9uf\xff\x1et\xfd\x97py\xb7\xef+\xc2\x97\xa7\xfe\x15\xc9k^\x03Uk\xe2\xa5:^\x93L#\xc3G\x13\xcc\xd3\xa5\xab\xfen\x98\xc9`\x1a\x89\xba\xa9?\'\xba\x19o~\x00\xbf\xb5\x1e\x87\xe0D~w\xb1\x14\x90\x0c\x11DtbC\x1d\xf4\x16\xa0\x84+\x95G\xbf\xb8yjZl\xa2\x8c\x17\xbc\x1f_\xbf\xe1\xa6,O\xd0c\x94\x04\x9d\xc3\xfa\x1f\xd1E\xa2\xd3-\xf6\xde\x12\xaf7}2\xc8y\x00?\x92\xc3_\xa0\xbbsk\x05*\x10\x14\x0c~\'\x9e|\xdex\xe6\xbe\x81\xa3 \xb7\xe5y\xf2\xf5:8\x04\xb9\x9b\xbbJ&gt;\xb4\xde\x1e\xee\x85\x84\x97T\xae^\xa0\x9c\xf5n\xfb\x92R\xfa\x05\x9d\xdd\\\x8b8\x16\x17\xd8A\xbf\x04\x97\xf6c\xd4\x15\x80N\xdf\\\x16J\xe7\xbf\xb5\x01ra\xb8\x17\xf4\xc08\x91J\x9fN\xcd\'\x9ek&gt;\x96\x95\x9c\xc3@\xc3\xf3"O\x91hX\xdf\xe7=y}is\x0f\xfdQ9Ur^\x18\xf8Qa\xbefj\xa9\x02\x9e\xaf&lt;\xf2\xda]&amp;3\xaf\xffvy9\x18\x10\x19?R\xeb&gt;\xc6\x1fKI\xf1\t@\xe7\x9c \x9e\xa5\x123Z\xc2X\x13n\xbe\xd4\x8d\xc4!\xa0\xad\x0b\x8a\x0f[2\xef\x06\xc0\xd8\n\xc0\xd10\xae\x00L9\xccl\xc9\xe7a~sY8\xdclO\x96\xd5\x9a?\xfeq\xae\xed\xb4\xf3\x102\xe4\x8c\xc7\xb0\xf7\xe0a\x08^\xcb_m\xa9\x80\xb1\xf9\xa8\xf0\xfc\xa6\xc8\xe3{P\xa0\x07\xd1\x15||\xb5\xe5\xcb\x96\xd2\x9f\xf8\x1b\x92\xcdF\x8e\xb1P\x05\xe8&lt;\x17\xb4\x7f\x10\xb0r\xe2\xab\xab\xf2\x1b.K\xf7\n\x02P\x1dc\x01\xb0V\x1ak\xba$\xfe\no\xed\xe2\xe0\xaaF\xf8\t\xe1\xde\xb1;(4~\xc6\'\xc0\x02F\xcb(\xa9\xc7f\x99;^\xa2\xb7ge^\xff\x1e\x94\x81:\xd2&gt;\xe1\xddqmtW\x9f\x04\xd9;r\xfc\x1f\xa2\xd7\xa3\x04mmU7RH\xda\xc4\xe0\xbat\x93\r`\xc6\xba\xcfr\xfa\xdbF\xccg\x00d\xb3x\x94\xf6/\x92"#\xda\x05\xe7@&lt;\xff\x86\xe1\xd5t\x85[\xff\x96\xdau\xf8\xdf\xf79\x03\xf1\x03\x89v\xfc\xa1\x87\xa1yvx\xac&gt;\x8cS\x82\xe5"L&lt;\xff\x90sSM\xf8Y\xaf^N\xb8/\x11\xd1\'$46\x0c\xda\xe6^W\xbfP&amp;D\xcd\x02\xb8{\xe73\xaaq\x97l\xe6\xff\xae/NN/\xaf\xb8J\xbcU\xa3\x03\xcdA\x04;\xb7\x9fj\xf7\xa7\xf6\x10\x96\xb5\xc9\xe8\xf5{_\xd0\\\x9d\x92\x16\xbd\x027gK\xf0;\x17\xcc\xbb\xec;\xe3\xd7so]\xd4\xef\xea\x91\xb9n*\x13o\xd7\n\x1e\xd5\x1d\xff\xdf\x05\x13\xe7T\xc0}\ry\xf5\x9cH\x1f\x047\x9c\x99\x88\x05\xc0\xf5\x12\xb2\x87\xf9\x1f\x90 1z{\x08\x80\xe6\n\xd4\xe6\xdb8\xbf\xec,\x16\x19\x0ep\x00\x00 \x00IDAT\xa7\xbfG\xe6\x0fB\x87\x1d+\xb49"\xbd\x00\xe8 z\xabc\x04\x0f\x00\x9d\x82KQ\xa0\x1bl\xcf\xbb\x19\x05\xf4\x82w\x9a.\x16\xb8`\xdfO\x0f3\x07\xbc\xa5\x9e\xe7_8m\x17\x00&lt;\xfe\x16\xef1"\x90\xa7\x17\xe7S\xf2\x00\'Rv\x94\xccM\xd1D\xd5!V\x023\';K\xb0\xe0\x8c\xe1\xcd\xb9?\xc5p\\x\x1e\xd3.\xd8w\x11\x18\xa6+\xcaA\x7f\t\x18\x9c\x11\xef\x081\x0c\x87\x99\x7f\x00\x10N\xc0\x0ea\x07a?\xdd \x1e\xb2\x9dy\xf8\xcbt\xe6\xec?U\x8eR\xae\x92\xde=4\xf2\xc8Q\xa5\xe4\xa6S\xdaM?YA[H\\\xb4tG\xbf8\x11\x00\x00@g\xb4\xbc\x98\x8bK\xc9\xa7\xe5h\x9e\xcdRU\xbf/\xe2\x1b\xa5tr\xb5\x96~\xa6\x0e\xd1\xcd3t\x90y/g\x81 )\x1fu\xb8\x07\x86(\xeb\t\xae\x10\xe1\x00\x00\x00\xca\xf2\xb0\xb4[\x81w\xef\xcd\xbd\xe6c\xcd \x01&amp;\xfa\xbd\xd6:d\xa1\xce\xaa\x9f\xd8m\xd8\x1b\xb3\xff\xf6z\xa6U\x9e\x85\xbftt\xa1\xca\x85\x1a\xceT\x1e\xf8\xb8\xfc\xe2\n\x00\x00*\x91\xfe$\xdf\xce\xd7\x18#\x81\x0f5N\x9e\xd4Z\x99L\xf8]\x9b\x06\xfc\xee\xa3\x99\xda\xec\xff#\xfa\xc8\xca\xccy^\xdbi"\x8a[)pu\x05\x00\x00z\x86\x99\xe8c\xec_}\x9dq\xa7\x01\x00vz\xda\x90\x16\xa1Y/\xfc\xe9\xc6\x1b*\xab\xe7@J\rG\x8f\xca\xce\xd1;\xb1aiJts\xc7/\xdd\xc4\xe7\x81\tKs&gt;\xeb\xfdl\xd7|4\x07\x80\xe6\x98\xc5\x04\x8f8\x03\x17K\xac\\\xf5m*\xb18_\x1e\xb2Z\xd2\xf1\xa3\xe3\xc6\x08\xaf\xfe8\x16\xe7\xbdY(\x03\xc1w\xa1XD\xf1\xf4\xd2$\xc4UG\xec\x04j\xc7\x1c+\x9c8\xe6=l\xd4\xac\x02\x94\x02o\x01\x02\xa0\x01\xa7\xdbJ\xd8\x05w\x02\xa4\xb3\x0eO\x07\x19Vm&lt;\xb6\xe2\xddnN+\r\xc6o\xdeZ\xbe&amp;\xc5\xd8\xebaMcW\xf0w\x94-\x1d\xbf\xeeKz\xc0\xe5\t\xdbR9@z\xdc\xe4zS\n\x00D(t\xf5\xd6\xfbu\x8fw\x1a\x94\x04\xb7\x02\xe7q\xfc8)\xfe\xc4KQ\xfbXn\xc1\xaa\xed\x8e\x9a\xcd\x1d:\xd2\x9a\x90\xf2\x8a\x08\xef\x972\x99\xd2\xf0y\x9b\x83\xf0z\x81\xc7u~\x07f\x9a\xa3_\xb3\x84*M\xc1/G\x80XJ\x04L\x84\xccKl\xbf]\xa2\x93\x05\xa9\x7fI=\xec\xe2x8\xc32&gt;1\xd30\xe4\x15\xea\xe9\xa7\xd1h#\xa4p\xfd_d\x8f\xab\x8d\x8c\xdf\xdb\xcah\xfb\xd8mqU\xa3\xf5\xcc\xb0\xacY-\x06\x81\x8dj\x10Q.:w\xc8\xb0\xfc\'\x863\xde\x02\x84%/\xe8\x1d\xf3N\xe36Z\x00`\xe5vL\x05\x82r\xd0o\xb0\xc9a,\xf1\xb6\xa7hJ\xa5\xd2|\xe3\xd0\xb0(\x00\x12\x98\xd7M\xe7\xb3_J\xec-V(g\x90\xa2Iqp\xce\x15\x84\x1d\xadO\x1aL\xc1\x99\xe8\x9ek\xf3\'\xac/\xe0\x04&lt;\x8c\xe85\xe8\x82\xf7\xff\x00\x11\xb0\xb5\xb1\xd2&lt;wD^\xca\xc4\xf4\xbf.V\x01P\xf4\x14\x02F\x01\x18\xca\x03\xeaa\x8f&lt;\xc3r\xbbdIl\xf7\x95",@W,\x19\xc1\xdb\x97\r\xee\x9e\x8bJwFb\xa7A\x88\x01\x83\xad\x01\x1f\xd6F\x914\xfe}\xf1\x87"\xfa\x04\xb3\xff\x85k\x06\x80\x18\x08\xa4&gt;\xa9\xbc\xb5\x89\x1d\x05\x90A\x8d\xc8\xd1\x0b\xbd2\xf0\x07\xc5-\xeb[\xbf\x18-N\x82\xbdjU*e\xe95\xb3\xf2\xfe\xcey\xb9\xc2\x02\x80\t\xa1\xe2\xe7\xf0\xde\x7f+f&amp;\xfa\xe8\xf9\x9f\x87\xee\x0b\x90\xe16u\x8b\xda\x03Pb@"5"g;\xd2c\n\x05\x0c\x96x\xa8\xb7"Mk+\xe6\xe2\x15\xf0qn3"N*\x13bjx\x04\x80\xeb\xc2\xcc\xf4\x13H\xfe\xda\xa0\xec\x82\x00\xea\x85G\xe45(\xfb\xb9\x88\xe7T\x96\xb7!\x9d\xc9\x8cf/\xce\xd5\xbb\x03\x10`pd.\x00\x17\x06\xc9\x0f\xc0\xf1\xf88\xe9\x0b\xaa\x19\x93x,\x00\xb2\xd9.\x00\xceiI\x04IM\x02\xac\xcd\xa7\x0f9\x00\xea\x91\xb6\x85\x06\x00\x00\x110\xd3M\xc4\xebL\xc6$&gt;\xf5\xea\x01P\xb9\xc4l\xec\xf4ArH\xf7\x1dN\xe1&lt;\x86\x8b\xf5\x17T\x04\xb1\x05\x00(J\xa1"s\xc4\xb9\xcbyP\x16\x00\xcfn\xad\x0bH\x04\x978\x00\xb0\x82\xd1\x05\x1c\x97r\xd1\x8b\xbc8\r\xf0c\'\x1c2\xa7p\'\x15\x00~\x98\xf9kzM\x10d\xae\x8f\xab\x96\xb6\x0bv\xf9L\xdc\x87\x88\x89&gt;#\xf9\x11I;\x9f\xb3NP\x94\x8b\xfew\x91\x11\x9e\x08\x02\x15\x9c\x84\xc3\x8e5\xb8\x8d\n\x80]\xf2sD&gt;\xd1\x0e[s\xeaq\xf6\xbb\x1b\xad &amp;\x8e\xcc\xb71\x7f63\x11?t\xdd\x9c\xfb\xaf\x992\x7fN\xd9\xe7c\x1d\t\x95\x01\xb8:\x81w\xd2\xe3\xb9\x05p\x04\x10\xa2\xd2H\'&gt;F\xf00.\xb3\x00x\xeb\xf97\x9e0\xc0\x1c\x8fe\xb3_{&amp;o\xf9?\t\xe9\xb3Xs\x01\xf0\x01\x88\x16\x00\x04\x08\xdbl\xaa\x9fnHp\x00z 3\x13\xd7\xe9\xbe\xbe\x85w\xe8\x04\xe7\xa1\xb5\x06\xe7`\x8a\x8da2\'\xacz \xb4e\xfc\xa0\xfc\xbfl\x0bcl\x18\xcb\xc3\x81\xd6\xa0\x01\x00\xe4\xc1\xfd\xd5\xde1\xe1{\xd3\n\x00\x90\x88:c\x18\x8e&lt;|3\xf3\r\xadu\xa8\xc9\xbcbc\xa6\xa7\x8eK\xb7GH7 +\x0fT`]\xb4\r\xf3\xffK\xb70\x0c\x93\xd8A\xf9\x8c\x86a\xc0\xec\x1f\x009:\xcc\xa6\x02\xf5\x04\x80\xd0K^@\x9eCO\xfaU\x86\xe1Z\xb5i\xbb\xd7\xfboD\xaf!.\xfa4\xf1\x01\x00\xb8\x0c\x1dn\x9f\x03\x00\x1c0+\x17\xab\x91\xbcm\xa9f\x7f\xe1\x86Nz\x05\xc0\xbb8V\xf6yef\xff\xa4\xfb\x04\x8f\x86\x80\xbe\xb8\xe3|\xc3\xe2^d\xe2\xd9\xa6\x8b2?\xa3\xee?\xa4\x966\x00\x80=\xd4\x8b\xd5{\xc9{qN1\xa8\x8d#xk-\x0e\xc2\xb2\x000V\x02\x05\xaf\x9am^\xf0\x02_\x81.\x08\x7f\xef\x10\xa2\xf7\x92L\x8f\xbf\xef.\x00\x8e?\x88\x02\x00\xac\x8c\xa9\xfdV\xa7\xbc\x8f\xf99\xf6\xcd/[O\xbb\xed&gt;\xcao\xe7\x98ox\x81\xb7@\x0f\xc4\xadK\xb1\x008=\x0f\xb1}\x18\xf2\xfa2\x84\x04\x00gd\x9a\x1f3\x11\xd3\x03.\x92\xe6Ro\xf9\xab\xc6\x99\xa7\x94g\xe8\x18\x16\x00\xa0Kbc\x12\xa1{b\xf0\x9ebp\t0\x04\xc7\xc0D\xaf\xd3Z\x87\xca\x1c/6\x9e(\x17\xcf\xcb\x1e_\x0f\x0f\x8e\xacyz\xf4\xc7g\x8d\x8a3\x88\xbfP\x12\xf4\x0b3\xf7\xecq&lt;%\x06\x08o\xa5\x04\x17a\x1c\x8b\x8f&gt;\xa3\x00@\x9ce\x9a:\x0cC\xfb\x87\x80\xcf\xb4J\x1f~I\xfb\xe7a\xbbvT\xbd\x15\xea\xeft\x8eCM\xb7\xe3M\xb7\x8au\xc8\xe6\xd2\xf0a3y\xc3\xb1\xdeJ\x89\xeb\x15g\xe2\xff\xd5l\xec2\xefX\xfe\xef\xfb\x87\xe0\x96N\xd0\x14\xcf\xed\x07\x7fy\xb2\x07gq\x17P\x07,\xc6\xffsY\xa1\x82\xd2\xba\xe7R\x9d5\xd0\x0b\x11\x12\x19\x80\xb6\x04\xbc\xc1\xec\xd4d\xf7\xfd\xd2\xd6\x03\x06uG4\xef\x84xz\x01\xc5;\x9ch\x94=\xd3z\xe6\xa8\x940\xfeY\xe2\xf3X03=\xa8\xa5\xe5/\xb6\x92o\xd4YTK\x00\xec 5\xea\x03\x83\xcbq\xc9\x1dq\xc6\x90\x06@&gt;\xcd\xebFs\x05j\xf3\xea&amp;\x9d\xed\xcb\xc2\xd2\x1e\xef\xabw\xe08\\m\xe2\xd4\x01W2\xb8\xec3\x00\xf6`\xd5\x1f\xc4\xb9\x88e\x87G\x13}\xe3E\xfa\np\xb3r1\x86\xe1\xbd\xdb\xde\xcb;\xd0En&amp;\x9ey\xcd\xe5\xb7Ek\xd2\xa1\x89\x05-\xd0a\xef:\xe4\xbf\xb6V\xa0;\xe4F\x95GJ\t:=\xbc\xfc\xef)\xc7\xf4\xa27\xa7\xf8V\xab\x7f|\xca\xb5\xac\xa7;cg\x7f\xb1\x9e.\xa0\x11z`\x9f#\xc2q\xfdj\xe1\x8avhZ\xa8\xdb\xc7\xde\xe9\xc6)pL\xbe\xf34\xb3\xa6N\xba\xb0\xafF\xfb;VJ\xb6;\xf6\xeb\x9d\x8b6\x91\xf1\xed\xa9\xc0c\x00\x17a.\x16\xb7\x1b\xff\xd1X\x1b\x19\xce1\xea$\xa2T\xff\x0b\xa6\xf0\xc3\xa9\xfd\x02\x00\x00@4f\xe2\xa1K\xb1\xf4#\x91?T\xd8 \xed\x17\x00\xc5\xc8\xee\xd7{\x9et8\xbcq\xb9~\x9d\xd1\\\x87\xa1R\xb8\x9e\xb2X\x1c{\xd4\xc9C\x19\xb1\xde\xfcz)\xfc\x8c\xd6\n\x00\x00N\xc22\xe9|\x86\xc0Er^$\xa6\x9f\xbe{\xd0y\x17\x00\xf3\xbe\xde\xd3\xb3DH\xe9R\x1eV\xa6\x80\xfe5\xe8I\x176W\xa7\xa6O\xfb\x8c\x9f\x9cB\xd6g\x8f\xaap\xce\xea\x0f\x00\x00u\xe1\xe5\x85(r\x15\xb5tq~\xae\x80|\xf7\xc8{\xc8\x91\xe5%D\xbf\xddZ\x87\x18X\x83\xe6\xff\xb6V\x0b\x80\x8a\xa4\xeed\x9ct\xff\x03\x04r\x06\xd7W)\xf8g0\x14\x00\xe5\xc8\xb9\xf9\xc75\x0c\x1dd.\xd7\x9b\x92\xa9\xca\x1c\xf3\x82\x88\xbe\x00@\xa5\x06\x15\xe8/\xd2\x98\x99\x1e\x92\xb8\x00\xe89\xe5\x91\xd4\xa5P\xfd~\xe3\x03[\xb8\xf3\x00\x06\xe0\x120\x13=/\xf1L\xcf\x02\xe0\xef\x91\xda\x11d\x15\xc3\xc0\xd9@o\x057\xf8^\xae\x12:wd\x07P\x0ffz\x8fC\xb8~g\xf6\xdc\xf9\x02\xa0s\xf5\x8e\xcd\x89\x0c\x9b\x1d$/\x15S\x05\x9c\x99\xc0\x99\xc6\x81i\xb4\x91zZ{\xd6$38\xc3\x82\xfb+\x8f\xba\xd7\xfe\xb8\x03\xea\x0c@\x06L\xcc\xf4\xe2\xa0\x05@\x9fCZ\xcf\xba\x81\x9e\xc8\x0b\x12\xed\xb1E\x04\x1bp\xe2\xb8\xd7\xc0\xff\xd8auRr\x81\xa9\xfb\xe1\xa0)\xb3Y:\xb6L\x8e\xef8\xec6b\xf5\xb0~\r1\xc3\x9b\x7f\x16\xd3\xb9\xef\xc8\x00\x85\xf1\xba\xfes[\x05\xc6T\xb0&lt;e\x8bu*\xeb\x17BI\xc5z\xeco&gt;=\xf8\xf1\xbft\xa0\x03(\xc9\x89\xfd\xbb7OX\x9fv]&gt;\xf0\xcc\x88\xea\x1b*\xba\x98\xafS\xdb\xee\x87\x03\x1f\x05\x15\x8e5K\x1b\xd3\xa5:n9\xcd}\xa6\xfc\x8c\xff\xf6\xa64\xf1&amp;\xd2l\x91\xa4\xc3\x81\x16E\xa0\x04\x1e\xbfW\xae\xa4\xfa\xbe\x14\xb3w&lt;xY\xff\x0b\x80r\x9c\xb7\xcb\xe</t>
        </is>
      </c>
      <c r="E398" t="inlineStr">
        <is>
          <t>&lt;class 'numpy.ndarray'&gt;</t>
        </is>
      </c>
    </row>
    <row r="399">
      <c r="A399" s="1" t="n">
        <v>397</v>
      </c>
      <c r="B399" t="inlineStr">
        <is>
          <t>steps_per_sec</t>
        </is>
      </c>
      <c r="C399" t="n">
        <v>4500</v>
      </c>
      <c r="D399" t="inlineStr">
        <is>
          <t>2.6013365</t>
        </is>
      </c>
      <c r="E399" t="inlineStr">
        <is>
          <t>&lt;class 'numpy.ndarray'&gt;</t>
        </is>
      </c>
    </row>
    <row r="400">
      <c r="A400" s="1" t="n">
        <v>398</v>
      </c>
      <c r="B400" t="inlineStr">
        <is>
          <t>Loss/RPNLoss/localization_loss</t>
        </is>
      </c>
      <c r="C400" t="n">
        <v>4500</v>
      </c>
      <c r="D400" t="inlineStr">
        <is>
          <t>0.20424181</t>
        </is>
      </c>
      <c r="E400" t="inlineStr">
        <is>
          <t>&lt;class 'numpy.ndarray'&gt;</t>
        </is>
      </c>
    </row>
    <row r="401">
      <c r="A401" s="1" t="n">
        <v>399</v>
      </c>
      <c r="B401" t="inlineStr">
        <is>
          <t>Loss/RPNLoss/objectness_loss</t>
        </is>
      </c>
      <c r="C401" t="n">
        <v>4500</v>
      </c>
      <c r="D401" t="inlineStr">
        <is>
          <t>0.04877437</t>
        </is>
      </c>
      <c r="E401" t="inlineStr">
        <is>
          <t>&lt;class 'numpy.ndarray'&gt;</t>
        </is>
      </c>
    </row>
    <row r="402">
      <c r="A402" s="1" t="n">
        <v>400</v>
      </c>
      <c r="B402" t="inlineStr">
        <is>
          <t>Loss/BoxClassifierLoss/localization_loss</t>
        </is>
      </c>
      <c r="C402" t="n">
        <v>4500</v>
      </c>
      <c r="D402" t="inlineStr">
        <is>
          <t>0.087784775</t>
        </is>
      </c>
      <c r="E402" t="inlineStr">
        <is>
          <t>&lt;class 'numpy.ndarray'&gt;</t>
        </is>
      </c>
    </row>
    <row r="403">
      <c r="A403" s="1" t="n">
        <v>401</v>
      </c>
      <c r="B403" t="inlineStr">
        <is>
          <t>Loss/BoxClassifierLoss/classification_loss</t>
        </is>
      </c>
      <c r="C403" t="n">
        <v>4500</v>
      </c>
      <c r="D403" t="inlineStr">
        <is>
          <t>0.10916045</t>
        </is>
      </c>
      <c r="E403" t="inlineStr">
        <is>
          <t>&lt;class 'numpy.ndarray'&gt;</t>
        </is>
      </c>
    </row>
    <row r="404">
      <c r="A404" s="1" t="n">
        <v>402</v>
      </c>
      <c r="B404" t="inlineStr">
        <is>
          <t>Loss/regularization_loss</t>
        </is>
      </c>
      <c r="C404" t="n">
        <v>4500</v>
      </c>
      <c r="D404" t="inlineStr">
        <is>
          <t>0.0</t>
        </is>
      </c>
      <c r="E404" t="inlineStr">
        <is>
          <t>&lt;class 'numpy.ndarray'&gt;</t>
        </is>
      </c>
    </row>
    <row r="405">
      <c r="A405" s="1" t="n">
        <v>403</v>
      </c>
      <c r="B405" t="inlineStr">
        <is>
          <t>Loss/total_loss</t>
        </is>
      </c>
      <c r="C405" t="n">
        <v>4500</v>
      </c>
      <c r="D405" t="inlineStr">
        <is>
          <t>0.4499614</t>
        </is>
      </c>
      <c r="E405" t="inlineStr">
        <is>
          <t>&lt;class 'numpy.ndarray'&gt;</t>
        </is>
      </c>
    </row>
    <row r="406">
      <c r="A406" s="1" t="n">
        <v>404</v>
      </c>
      <c r="B406" t="inlineStr">
        <is>
          <t>learning_rate</t>
        </is>
      </c>
      <c r="C406" t="n">
        <v>4500</v>
      </c>
      <c r="D406" t="inlineStr">
        <is>
          <t>0.039935805</t>
        </is>
      </c>
      <c r="E406" t="inlineStr">
        <is>
          <t>&lt;class 'numpy.ndarray'&gt;</t>
        </is>
      </c>
    </row>
    <row r="407">
      <c r="A407" s="1" t="n">
        <v>405</v>
      </c>
      <c r="B407" t="inlineStr">
        <is>
          <t>train_input_images</t>
        </is>
      </c>
      <c r="C407" t="n">
        <v>4500</v>
      </c>
      <c r="D407" t="inlineStr">
        <is>
          <t>[b'1024' b'1024'
 b'\x89PNG\r\n\x1a\n\x00\x00\x00\rIHDR\x00\x00\x04\x00\x00\x00\x04\x00\x08\x02\x00\x00\x00\xf0\x7f\xbc\xd4\x00\x00 \x00IDATx\x9c\xed\xddi\xd0=M\x7f\xd0\xf5\x9e\'7\x81\x10D \x82D(\x10\t\x06#\x02\x96\x0b%\x9bhY\x85\x16\x90@\xccb\x80`\xca\x10\x8dVP\x10\xaa\\(@Q@\xa4 \x01\r;$\x15Y"\x11dwc\x89\x08\x1a\xa2\x82\x02\x02\xa5,F\x96\xa0\x98\x00\x81\x04I\x08\xed\x8b9gN\x9f\x99\xee\x9e\xde\xfb\xd7\xdd\xdfO%\xf7s\xfd\xafkNOO\xef\xdd\xd33G)\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d5l\xbd#\x00t\xa1\xd3\n\xbf\xd6\xda\xfc\xe7\xb6\xc9\xaaAZ\xeb\xd8(\xedW\xe4\xf9\xd4\xe9\x80\xdb\xe3O\x1f\xb4\x1e\xac\xb5\xde\x94R\xef\xbf\xcfL\xdb\xbb\x88=\x82\xb7\x1e`\xfd\xec\xf5\x97\xaf\xdfh\xadc\x12\xcdsX\xed"\xe4?\x85\'\x8fn?\x12\xf2)3\xa3s.\xd6\x8cgB\x9c\x01\xf4\x90\xd8\xcf\xa2\x8d\x0f\xf5\x8e\x00\xd0E\x99V\xe94f\xf5\x1f\xb9+r^\x97\xb4A\xf3\xf5\x97\xcf\xa8f\xc5v{\xb2\x9f\xdar\xfc\xdbg\x13N\xa7\xdc9R$\xe1\x8fS\xdc\x06\xe6\x99\x87\x9c\xa3\x12\x1f\xb3\xf0\x82t;\xe6N\x1eC\xfbr\xf6\x14\xb7\x12\xc3t\xb3,\xbd\x82\xfbiuk\x13\x80&lt;\x8c\xfe}\x1a\x0c\t\x00\x14\xa3\r\xe1C\xb7\xb7O\x89W3\xb6\x7f\xb2t\x80o\xfc\x11\xf6\\Q\x91\x8b=\x85\xb0\xff\xd3\x1b\xec\x7f\x97v\xd2\x90\x0b\t8\xfb\xdbGb\xa7\xb2\xc1\x91\x05\xe03qm\x9a\xf8\xd2J\xa0!\x05F\x933hk?xJ;c\xd4\x1as\x91\xa1\xb35\x9c\xb2)\xe6\xbd\xa7\x91x\x163z\xd6\x10N\xf1\xbfN\x12&lt;C\xf9\x90\x93\xda?\xf8\xbc\xd2\xb0\x8b\x8aNd\xfa-\x00~\xac\x14\xf8\x91&gt;\xc0\x18Nc\xb8\x9cz[\xa3\xce\xdf\xae|\x17?c\x11\xfa\xdd\xf5\x8eJ\xf4\x04\xa0\xdc\x95Zg#\xd6\xc3B&amp;\x00\xd6c\xac\x97\x9c\x16\xb7\x86\x81&lt;\xe7\x15R\x0b\x150\x9dA\xeb\x9a\xbdU\x07\x80E\xd5\x99\xf7\x0f\xd9\xc8\x9a\x83c\xd7\xf2|\xd1\xb4J\x0cj\x8f\x9b+\xe3\xfck\xfc\xef\x07\xf8\x1e\xab\x08\xbc\xd2K4&gt;?\xe4S\xce3F&amp;\xaf\xd8\xc9$\x00iX\xe4\x060\x80\xbd\x9d\xfa\xd2\xfe\r\xd6d\xcd\xe5\xcd\xe5\x0c\xdbC\xec\xd1\xfe\xf0\xe3\x1f\xea9\x8d\xd1\xfa\xfc\xe2\x0bs\x02\xe0\xbe\xd8\xd0{\x1deSl\xcc\xc4\x07\xb2\x0c\xdb\xec\x8cg\xc4t\x1e1\xceixF\x1bx9j~\xaf7\x0c\xea\xe0\x97l\xa2#{9y\xfe\xf6\xf4\x86SO\x9e\xa6\x957]\xff\xe5\xa1\xf9\xb4\xedM\xaf@YZ\xeb\xd3\xab\xa1\x02?\xa5hf\xd1\x91\xd6\x12\xdaF^\x03\n\xbc&lt;\xde3\x18Y1\xaf\xebI\xc9K\x08\x0b\xf7I\xa1\x1b`j\xc7#\xdc\xf9{\x03\x8c?\xd8\x0e\xb3\xc4\xfc\xf4\xed\ni\xe7\xad--\xcd\xb7m\x93\xd0\xc3an\xdb\xb6\xb1\x8e\x89\xf1\xd06\x02\xb3\xe2\x16s_5\x12\xff\xf4,o\xc8\xf3\x001\x01W/-\xc9\xa7\x90Q\x98\x7f\x7f^\x1c\xba\xc7\x1f"\x18O\xe3\x00\x00\x80\xb6j\x0f(kO\x00\xfc\x07\xa6\x85\x1d\xff\xa9\xc8\x13\xf4\x1f\xc4w\xb3\xf2\xb5\x03\x00\x80\xc2$/\xdc\xd6\xd3%J\x9e\x93j]}\x11\xbd\xc1)Z\xba^\xc8LWw5\xf1\xa5\x01@\x1a\x9e\x01\x00\x12%\x8d*R\x86Y)\'\xaa9\xe2\xc9\xdb\x83\xae\xd5\xa7\xa4\xed)w\x04\x17\xf3D,\x03\xc1\xdd\xb6m\xa7\x12\xb2m\xdf\xb3Wd\x1aX\xf8\xd1\x1a\x00\x00PZ\xdah&gt;\xf6S\xda\xf7\x15\xb6P1\x893\xf3:7\x00\x00\x00*\xca\xdb2Q\xe5&amp;\x00C\xdb+\xd2\x04\x00\x80+\xb6\x00\x01\xe9R\xc7\x97\xd1\x1b\x12\xb6m\x0b\x99rH\x18\xef\xfa\xbf\xeb\xaaiT\xaeo\xea\x9cz\xa7;@\xf1\x06\x00\xa0\xae\xf6\xa3\xc9\xa1\xc7\xaf\x8f\xc8\xf7\x8e\xff\xb8\tX\x0fi\x02`\x114w\x07\xee\x00\x00\x88\x93\xfe\xcdP\xaa\xff\x17\xa0\xf0&lt;(\x00,\x8b.\x00\x00\x12\r}#\x02\x00\x00p\x07\x00Kk=\x90e\xe8\x0c\x00\x00zc\x02\x80\xd55\x1d\x91Oq\xf3\x91[\xa8\x93\x19bR:D$\x01\x00\x80\\\x1d\x07\x13w\xa7n\x14\xb1\xcc\x14`4\xd6\x12\xa9\xadH\x04T\xc3K\x96\x01`\x15\xdf\x8b\xad8"\xc9\xc9\x1491\xc1\x8e\x1cA%aE\x8b\xe2\x07\x00\x83c$\x91\x8f4Dc\x149\x00\x00\x90N\xd4Kl\xbaDF\xce\xe5\x03\x00\x00\x00\x18\x12\x93\n\xc9\xc8\x1d\xa5\x94\xfa\x81$\x02\x00\x00@I\x8b\x8e\xaeD\xddPr\xb9\x8d\xa1\xfcK\x00\x00\x14\xc4k@\x01\x14\xc1\xbbA\xe5\nys+s\x00\x00\x00\x80\xe50\x04L3\xc4M\x00\x00\x00\x0e\xdc\x01\x00\xf0\xc2@6\x01\xdf\x8c\x06\x00\x00\x80!i\xad\x97\xdd\xca\x0f\x00\x00\x00da[\x08\x00\x00\x00\xb0\x14\xad\x98\x00\x00\x00\xd0\x03kp\x00\x9a\xfah\xd6\xfe\x01`p4\xe3\xa3#\x07\x01\x94\x11\xde\x9a\xd0\xee\x00(\x8e\x86\xa51\x12|T\x8f\x8c#\xfb|x\x0b\x10\x10!\xb0?\xe0\xb50\x000:Z\xf2A=\xfbi\xb2\x0f\x00\x00\x00\x00\x00$\x88}\xbd\x0f7\x91\x81R&gt;\x86\x07l\x00\x00@3\xe6\xb0#v\x02\xc0\x90\x05\x08Ee\x01\x00\x00B\xe8\xa7\xde\x11\x01\xaa\xa0l\x0f\x82l\x02P\x00\x0f\x01\x03q\x18\'aJ&lt;\xef8\x04\x9a\x9f\x06h\xe4\xb1\x02Z| \xd4\xd1+0T\x02\x00\x00\xe3\xe2\x0e\x00\x10\x87\xd1?\x00\x00\x00\x00\x00\x15\xad\xf6\x04\xcej\xd7+\x04i\x0e\x00\xc8\xf1\xd6\x8bh\xad\x7f\x14\xfd\n\x90Ak\xbd\xe6\xf3\xaf\x0cI\x01\x00\xe8#\xb6\x0f~\xac\xde\xa5\xbe9\x14\xc0\nB\x9a\x05\x9a\x0e\x17n\x92\x00\x00*J\xebf\xe8\x99\x00\xf8\x05O\x00\xe46&amp;4t\x00\x80i\xd1\xc9\x01@\x82\x81\x1aOn)\x00\x00PZ\xa7\x9e\x95\x1e\x1d@\x08\xbe\xed\x11\x00\x80\xc2z\xf5\xact\xe7\xc0:\xa8\xef\x00\x80\xd6\xa6\xef{\xa6\xbf@@\xaa\xc9\xab^P\xdbrwL\xa9U\x06\x1a:HC\x99\x04\xd0\x93\xf0\xe7\x11\x01\x0cG\xe0\xae\x1bi\xf1\xc1\xf2\xaa\xd4\x11\xbe\t\x18@\xa8m\xdb\x94\xe2\x8b\x90\x81\xba\x18\x80\xf6\xc5\xd7\xbdC\x98\xedw\xd6\x08\xb4B\x98\x00\x00\xd1NC\xccM)\xc5\xa0\x076Zk\x06\xc4\xc0|\xb8\x03\x00\xa0\x18V.\x87p\xcd&amp;\xdd$\xef(\x1e#*5\xfa\xb7n\xf5\x11\xb8\xff\x07X\x04\x13\x00\x00\xc5\xb0R\x08\x0f\x8a\xc7\xca\xb6m\xbb\x16\x00\x8aD/\xcb\xcc\xbb\x98a:Q\xf7\x80\x0e\xf6&amp;\x89\xce\x0f]\xb8zD\n$\x00,\x82;\x00XQ\xf7%\x01\xebb\x18\x00@\th\xa2\x93\x88\x8e\xf3\x98I\x8a\x8a\x98\x00\x00\x00\x00A\xc6\\\x1f\x191\xceX\x17\x13\x00\xach\xcc\xdee\x0c\xcf\xef\n\xc8\xf9\xc6\x00V\xaa:\xa0R,h\xf4U\xe1\xd1\xe3\xdf\x12\x15\x1c\'L\x00\x00\x94\xb4m\x9bR?I\xa9M\xeb\xe4\xee\x99\x8e\xaa\xae\xeb\xfe3\x06\x07\xf3\t\xac}C\x8f\xa1)\xb7\xb5\xd8K\xc5\xc0E\x05\x00p\xa3\xe8\x80\x80\x0e\x03@-C\xcf^\x80\xbe\xb8\x03\x00\xe0\xac\\\xb7\xca\xfa\x1c\x80Z\xb8\x01\x00\x00\x80\x0f_\xb8\x03\x00\x80Dt\xd0\x00*\xa2}As\xf4j\x00\xbac\t\xec\x8a-@\xc02c\x14\xee\x97\x03\x00\x00\x00j\x9d\t\x00\x00\x00\x00w\x00\x00\x15\xfd\xa4*\xb3\x85\xb50?\xec\xceu\xfb\x9e\xac\x01\x00\x00u\xe9\xa7\xde\x11ASd\xba\x04d\x01\x80q\x0c\xd0^q\x07\x00\xabK\x1aX\x0cP\xb7\xa7\xc4(pY|\xe5\x13\x80Q\xf8{*:2@\x84\xf0\xf5]\xee\x00\x00\x00\x804\xa2v3~\xd0\xfe\x94\xc0|\xf6\xda\xcb"%\x00\x00\xb0r\r\x12\x18&lt;\x00\xd2i\xad\xad\xfb\x7f\xb89\x00\x00\x00F\x19\t0\xe7\x00\n8*&lt;\xf3x\x00Ji\xbaW\xa0\x0bn\xc8\x03\x00\x00\x00\x00\x00\xac\x84\xadY\xd3#\x7f\x01\x00\x00\x80\x85T\x9d\x00\xc8\x9f]\x98S\\\xa6\xbb\xe8j\xf5\xb27V\xedc\x8f\x14\x00`h\xebn\xb87\x07\x1c\xdbs\xfcul~\xd6z\xffy\xd1\xc4AQ3\xd4\xb2\xfa\x8f\x07\x8c\x94J|\x11\x18\x00`h\xc3\xf4\xb8\x05]\x17\xfb\xb5\xf1\xd3\xfe\xba\xb2mSZ\x0f\xb6*\x89J2\x8b\xc14\x85\xa8\xea\xc3\xc1c\xa5\x12\x13\x00\x00\x83\xe97\xa0\xd1\x835\xf0X\xcfq\x1f@\xab\xc7\x1c\xc0\xb8!@\xe9\x9dT@\xcen\xdb\x96S\x00\xe6x\xa9N\xed\xab\x08\t_N5\x9c!G\x01\xa0\x91\xe7\xa6\nD\xd1Z\xcf1\x80\x10"v\x0cA\xe2\xcf\xee~\xe7\t/\xc7\xc4\tw\x00\x00 \x18\xdd\'\xc6Ai]\xc6\xfd\xea\xfe6\xda\xe8\x7f\xbf\xa2\xe2\xeb\xe5\x7f\xb1\xed\x02\xbc\x9c\xf5\xfe\xab\x91J\x03\xd0\x00\xcb$@Y\xd4\xa9\xb2\x02\x87\x14\x9bz\xcc\x00\xb8\xfd\x02\xe0\xea\x83\xde\x11\x00\x00\x81Fz\x99\x83p\x99\x9b\x8f\x11\xee:\xd0?\x96Q\x99\x03\x000\xb1\x05\x08\xb0`\xbc\xb2&lt;FK%1\xfal\xc0Ld\xfdd\xfc\x9d6-\xcb\x18\x9d\x02_\x04\x81`L\x00\x807\x8cT\x86E\xb7\x0781,\x8c\xa1m3\xa8cx-8)7z0\x84b\x0b\x10pF\x0b:\xa6\x16\xb9\xf6\xdc\xce\xde\xe8t@\x1b\xec\x11R\xea\xbc\xc8\xbf\xedoT\xd5z\x7f\xb5\xea\xb1\x93M\xfc\x9b\xc0DG\x0erPP\x80 \x8bw\x90&lt;\xc7\t\x08a\xdd\xe3q\xda\xffc\xfd \xf5\xd7\xeb\x91l\xaeT:\xa5*\x89\x89\x00"\x9e%s\x8d^\xb8\x03\x00\xe0\x1e\xbd\x1d0\n\xebS\xd7#\xd6\xe06\xcb.GZ\xf9\xcf\xb5\x89\xde\xfa\x03\x99D\xd4:W\xc1\xe6\x19\x00 \x08#\xe0!X\xb6\xed\xa2\x07r\xa1\x9e\xeb6\xefk\xeb\xb4m\xbf\xe1\xfa\xb9zQ\xaa\xe8\xef\xac[\x90"\n\xea\xf6p|\xb4N\x8cj\x18(\xaahg\xcc\x16\x01\x00\x80\xb5\xdd-]\xbf\rno\x970\x04\xeer\xd4Z\xd7~\xde\xc6L\xa3\xe3\x9b\x13l\xd1\xb0\xef\xb0\x92\x96b@8\xb6\x00\x01X\x9a\xc0qO*\x11\xfbM\xd1\xcc]\xb9}mZ\t)\xe1\x02kA\xed(\x9d\x97\xff\x9f[\xa7b\xceK\xa5\xc3\xa8\x98\x00\x00\xc0\x1c\x18\x88\xe0\x8d\xc01\xbd|\xdb\xf6\x91\x97\xdf\x98\xcb\x04os\x06\xf1o\x04\x02\x9c(\xb9\x00\x00`-\x81\xefJ:\x86\xfe\xbc[\t\x93\xe1!`\x00\xc3X\xe1\xd1\xd2A\xafq\xd0h\x03\'\x13\xbf\xee\x93J\n\x13\x13\x00\x00\xc3\x98\xa93v\x19\xf4\x1a\xc7\x8c5\x10\x84\xa13\xe6\xc3\x04\x00@1\xbc\x85sa\xcc\x000\xa7\x91\xdb\xb4i\xeff \x1f\x0f\x01\x03(\x86\x0e\x06\xc0\xd0NM\x98\x7f\xf4/\xbe\xc1\x93\x1e?t\xc4\x1d\x00\xa0\x83\x91\x97\x94\x80+)\xe5\x99\x9a\x85\x1c\xdb\xb6\x9d\x06\xf5\xe6\x97\x7f\xbd\x7f\x11\xd8\xe3w\xad\xa2\x06\x14\xc6\x04\x00()f\xfc1\xedHe\xa9A\x18\xbb\x9e\x94Rr\x86A\xdc\x83ZGf\xbd\xb3}}\xb2\xb3\xf0\x9c\xa6\x01\xb7\xc7gx\\\x94~\xaap\n@)9\xad6\x80\x99L\xf4\xedZ\xab \xcb\xb0\x9e\xb8/K6?\x96VY\x02?8\xf1\x9b\x88 \x07w\x00\x00\x94G\x8fUP\xb3U\xc0\xfc\x13\xb1`\x89\xa1$\x0e\xe2sN\xa9\xb5\xbe\xbd\xfd{\xfd.\x82\x9c3\xba\xa3\x81\x14\x13$\xdd~\tL\x00\x80\x87\tj5\xa6\xd4f6e\xdb\xdf\x9c\x10H\xca\xa7\xd8\xea\x80^\xcc\x12\x1bR\x08\xf7c\xb6\xed\xff\xcd&lt;\xed\xfd\x11\xdb\xb6\xfd\xb4\xf3y!\x81\xbc\xe5\xad\xbf\x91\xf0\x19\xad\xb5\xb4\xcb\x00\xba\xd0\xe1KA\xec\x94@\x17\xb3\x17\xbc\x88:\x08\x94\x15\xb8\xe5\xe68,\xbd&amp;j\x1d;K6\xe36u\x0b\x80\x10e\xda\xc9\xbd7\xe1\x0e\x00\xd6\xe2XG\x89\xa8Q4\xc1\xe8b\xf6\x827\xf7\xd5A\xb4S\xdd\xba\xee\xd21oR\xa5\xd6D\xad\xe3G\xff\xd7h$\x9d\xda\xed\x0fpca,\xb6\xf2\x93T*\xb8\x03\x00\x00\x00\xa0n\x07\xd8\xdb\xa6Rg\xaa\x8f\x90#\'\x0fZ\xe9\xf3\xe3\x02e\x17\x02\xb4\xd6\x19\x17\x85\xb1\x91\xeb\x00\x00@\xbev\xfb\xc4J\xbd\x87g_g=\xc2\n\x0bg?|\xb3Ed\xfa;\x81h\x87-@\x00\x8a\xe3\xb62\x80\xc2Z&gt;\x07\xbb\xbdK\x0bd\x1f\xbc\x1b\xa3\xff\xb0\xcfh\xa5\xf51\xf0?\x7f\xe6;\xf240\na*\t`i\xb3?\\;\x00\xb2\x00S\xba\xee(\xda\xcb\xf9\xf3UB\x962\x7f\xbe\xf3`[M\xa1\xb2\xa0\x08\xee\x00\x00\x89B^\xe7\x0c\xf9\xe8M\xbb#\x03\xb0\x08\xad\xf5\xe7?\x87\xf8!o\xbf\xed\xd5\xc1\xf0\xd6\xd1\x15\xd0\xf0\x02\x00\x00\x94w;\x92\xbe.@$|\x04H\xc0\x1d\x00\x00ha\xe8E\xb5\xa1#\x0ftA\xad\x81dL\x00\x00\xa0\x85\xa1\xd7\xed\x86\x8e&lt;0\x90\x12_\xc9=&lt;\xe6N\r0\x01\x000$z\x08\xa0\x0ejVw\xab\xcf\x00\x98\x035\xc0\x04\x00\x18\x0c\x03\xdf\x1d=D&gt;\xca\x12l\xa8Y\xfde\xbe\x81\x14\xb8\xc5\x04\x00\x18\x0c\x1d\x02Jax\x01t\x14R\xff\xa8\xa4\xa8\x84\t\x000\x1a\xfa\x03\x00\xf2-\x7f\x7f\xc9?v\xdf6\x95\xb0\x9e\xc3|`Y\xc5o\xd82\x01\x00\x00\x00\'\xd9\xa3\r\x86\xaa7~\xe0\xfe\x95\xbf\xbd\xa3\x811\x14\x9f\xfbQ?\x01\x00\xc0\x1b\xcf\xb7\xd5"\x9cg\xd5v\xdb\x94\xd6A)\xfc\xc8\x0b\xc5\x9c\n\x89\xac\xdf\xb6\xce\x1d\x00\x00\x00\x06v\xff\x85\xb2,3w\xe2\x1a\xb1o\xdb\x168\xfa\xdfo\xc5l\xdb\xc6\xe8\x1f\xc9\xac%\x8d\t\x00\x00\x00\x03\xbb\x1b\x192\xfa\xef\xc8\xfe&amp;\x1f\xeb\x8a\xacU\xf0&lt;\x01\xab\xc9\xad\xd7L\x00\x00\xf9\xe8\xbfQ\tEk\x0e\xbe\x01b\xda\xea\x7f\xea;()Q\x169#xF\xff\xb0K\xaajZ\xeb\xe3~ \x05\x0b\x00\x96\x13\xbe\x00Y\xe4\\\x8aqLGZk\xd2\xff\xa9e\xc9\xbf\x9e\xfa\xfa\xcbm\xdb\xde+\xc8\xdbQ\xe4\xdaR\xa2\ng~I\xa6l\x01\xc0r:\x0e\x83\x80\xaet\xc7\x91\x8fY\xef\xfc\x0ffP=\xe1\xc7\x04\x00\x00\x00`L\xb6y\x00\xa3\x7f\x00X\x8b\xb9?\x0f\x00\xb0\x02Z~\x00\x18\x00-5\x80\x951`\xb5!A\x90\xa2WU\xe2-@@\n:?\x00\xc0\x81&gt;\x01i\xd8\xf1\x05\x0c\xe3\xb9\xfa\xc5\x1a\x18\x00\x00\x18\x0fw\x00\x80h\xfb|\x9d\xc1?\x00\x00\x90\xef\xba^\xc9\x04\x00H\xc1=;\x00\x00\x90\xa3\xcd&gt;\x02v+\x00\x00\x00\x00"0\x01\x00\x00\x00\x00\xf0\xc0\xeb\xb6\x00\x00\x10a\x9a\xfex\x9a\x0b\x01\xde0h~\xe7J\r\x9e\x01\x00\x00 \xca\x0c\xc3\x8bmc\x0e\x80\tQ\xa6\xdfi\xf5\x98\x03\x900\x00\x00\x00\x98\x143[\x00\x00\x00\x00C\xaa7\x99a\x0b\x10\xd6R\xb6.i\xad\xf9:\x00\x00\x00PV\xed\'\x80\x99\x00\x00Y4w\x1b\x01\x00@\x05\xf5\xbet\x88\t\x00\x96\xc3x\x1dX\x1d\x8d@\x06\x9aP\xa0\x81m\xab\xfb\x8d\xa3L\x00\x80t{\xdd\xe4[\x81\x81\xc1Pg\x01\x0c\x80\x96\n\x00\x00\x00\x98[\xab;l\x1f\xb49\r\x00\x00\x00\\\xb4\xd6\xdb\xa6X\xf4]\xd6\xb1\xb9\x8e\x12\x00,\x81\r\xb5\x00\x00\xfa\x02\x00XE\xed\xf7|\x01\x00\x00\x9c\x06\x1b&lt;\x04\x0c\xf4T\xf9)\x7fQ\x98\xe7\x00\x00\xd0\x8d\xd6\x9a\xbe\x18\xd8Q\x13Z\xd2|u\x1a\x00\x00\xbd\xb0\xe9\x00@\x07E\x9a\x1e\xda/\x00\x13\xa3\x89C\x03l\x01\x02P\xc9\xe7\x9c\xfe\xad\xb5^h\xc7\x13\x80N\x86~\xb6j\x8f\xf9\xb8\xf1\x07\x00,\xed\xda\x81\r\xdd+O&amp;&amp;#t\xce\x88\x84\x1cG\x0f\x0375\xfa\xc9\x7f@\xcb(A\x08\xf2\x1d\xc0\xa8h\xbf\xc6C\x96\x01u\xb8\x86\xf2w\xed$\x13\x80f\x1ek\x1fB\x12\\NL\x00\x00]\x14\xed\x03\x16\xe8Q\xe85!\x10\xe3\xb9!\xc8\xcf#\xf91\x04\x00\x88FG\x82r\xfa\x97%\xca3\x00 \xda\xed^LtF\xd6\x00R\xad\xd6r\xaev\xbd\x18\x1do\x01\x02\xech\xcd\xe5[6\x87\xea\x15Nf\xbc\x03\x11\x9eS\xab\xbd\xf2k\xb5\xeb\x854\xc2\x1b\x04`$}\xef\x00P\x99o-\x9bD|\x9b#\x00\x04\xa3\xc1\x04\x10\x89]@\x1e|\xadoG\x94I\x00\x08\xf1\xef\xd0\x89\x03H\xc0\x04\x00\xd2&lt;\xca$%\x13\xc0Ph\xb2\x00\x00E,\xda\x9d\x8c\xd0\x8f\xca\x8f!\x80\xa6Fh\xb8\x00\x00\x90JB?*!\x0e@\x88\x89\xca\xea4\x17\x02\x003\xbal\x1c\xa2\xd5\x06\x80&gt;\xa4M\x00x\x80\nMP\xc6\x80\xdex\x90`nd.\x80@t\x07\x00 \x1a\x8b4UM\xd0\x0b\x8e\x1e\x7f`\x05r\xea\xe9\xfe\x02_9\xf1\x01\x00\x9ciC\xef\xb8\xcc)-m\xa5e\x87\xb4\xf8\x8c.3=\xc9\x0e\xd8|&amp;\x05\x03\xc5P\x96\x80\xe9\xf1uK\x80\x81\xba\x80Q\xb1\x94\x03\x00\x00\x10\x8d\xf1\xd3\xd4V\xc8\xdc\x15\xae\x11-Q\xa2\x00 \x15+s\x00\x004\xf6\xa1\xde\x11\x000\x10\xd1{\xa2\xd6zl\xe3\xcb\x84\\\xa3\x90h\x00\xf2QY\x00\x00x(6^_e\xe8\xff\xb0\xce\x95\x023X\xa9u\x9a\xca\xac=\x0bw\x00\x80\x99\x8d\xd0lm\xdb\xb6\x15\x0cn\x84K.@\xceU\xce\xda;\x167GBi\xad\x95\xfa\x8c\xde\xb1\x18R\xd9\x86\x0emLPg]&gt;\xe8\x1d\x01\x00(c\xdb\xb6\x89\x1b\xeb\x13\x06\x13\xc3\x11X&gt;\xf7\xf8D\x95%\n\x1e0\x07\xee\x00\x003[\xad\xb3\xde\xb6\xc2\xf7\x13\x10H\xda\xd0V&amp;\n\'0\x16\xea,\x00\xa0\x9dq\xbe\x85\xba\xf0\x83\xd7\x92\'\x12\xc5\xe3&amp;\xf9bgE\x9acJ\x14l\x00\x98\xc10\xady\xe9\xd7.\rs\xe1K\x9a\xe31\x06`:)\xb5\x92[\x1b\x00\xb0\xae\x84]\xe0\xd7 \x96\xdbj\xb6\xaac\xf4\xbfm\x8a\xf1\x03 \x83N\xab\x8c&lt;\x03\x00\x00\xc8\xc0\xe8\x7f1\xdb\xb61\xfa\x97\x8f{5\xcbH\xac\x8cL\x00\x00,n\xe9n\xb2\xc8#n\xec\x0c\x19\x0e\xf9\xb5\x02r\x19\x00\x00\'\xbaI\x00\xf3\xa1e\x03\x00`N\xf4\xf1\x00\x80Xl\x01\x02 \n\xc3\xd9xZ\x7f6\xd3\x00\x00n\xac\x14\x00\xc0(h\xaf\xa7T![\x93\xba\xf6\xb2\xef\xef\x07\x805Hi33[o\xee\x00\x00B10\x9bT\x85\xd7\xa7\xc8x\x0f\x8f\xd6\xfa\xa3\xc4\x97\xda\xa1\'&lt;CG\x1e\xdd5/?\x13\x16WQk&amp;|K1\x00 \xc5:_\xe2\x0b\x80\x1a\n\x00/\xec\x82\x00\x00L\x8f\x9e\x0e\x00L\xec\x84^\ry\r\x00\x00\xb0\xbc^\x13\x80\xef\xc4\xc4\x03\x00\x00\x00\xe8\xa2\xcb\x1c\x80;\x0f\x08DQ\x01\xc6\'\xaa\x16\x7fQ\xef\x08\x00\x00\x007v\xa9\x01(h\xe5&amp;e\xe5k7}\xd0;\x02\x00\x80\xc2\xb4\xd6\xdb\xb6)\xa5\xab\xbcut\x04G\x07\xcf\x9b\xf20\x9a\x16\xd5v\xd9z\xc1\xd0\xff\xc0\xf7\x00\x00\xc0\x84\xb4^w\xf4\xaf\x94\xda\xb6m\xdb\xd6\x1d\xe5\xa0\x92&amp;\xc3G\n-\x00\x003b\x15\n\x90CN}\x94\x13\x93\x89\xb1\x05\x08\xc0\xc8h\xbfP\x0e="VF\xe1\x07\x00\x8c\x82\x1ek\x15\t\xa3\xf3\xfdx\x865@\x08j\xcar\xc8q\x9e\x01\x00\x865\xf9&gt;\xd1!\xba\xe4\x06\x0b\xe7\x19\xe1\xeb\xe2;\xe0\x87\xc8\x14 V`M\xd1O\xe6\xef*E\xa97=\xf7\x10y\xe6k\x0b\xc6\x04\x00\x80DC&lt;\xbe\xd9 \x92\xfb)bO\xb4m[\x8d)\xe2\x10\x99\xf24I\x17\xcf\xa4K\x02w.l\x01\xc7\x08\x12\x18I\xadg\xa9?nC\xe4\x17\x00\x00\x88P\xafwo9n\xe0\xd9\x0c\x94e-N\xab\x961\x11W\xbdj\xe2\x03\x00P\xc5x\xdd*C\x01 \\\xc1\xe9\xf1\x9aU\x8f-@\x00\x80\xf9\x0c\xb4[I)\x9e\xdb\x1e\x04\x19$J\xa9=\x89\x89\x9b\x1b)\x0c\x000\x07zw4\xe0*fl\xf8\x99\x03\x99\xb8\x02m\x18\xf1~\xa3\x1an\x8d\x04(B\xeb\xf2/H\x01P\xdar_fL\xd3\x14NpZ-WnW\xb0\x977\xff\xecn\xdb\x1ew\x05\xa4\x96\xcc7\x03D\x11\xa8B\xebb\xb7\x0f\xb1&amp;\x8a\x10\x00\x94\x96?\xb5+&lt;9\x8c\xbf\xa7\xc3\x04\x00\x00\x00\x00\x90\xce\x9c6x\xc6\xfc\xdb~\x8bg\xdb\xb4\xd6\x9b{\xf7\x8f\xfc9\x00\x0f\x01\x03\x00\x80\xe5\x9c\x1f\xba\xe0\x19\x8c\xc5\x9c\xb2\xfbv\xc8\xbem\xdb\xb6m\xfb\xff&lt;\x8e\xdf&gt;s\xdb\xecK\xe9&lt;\xd2\x03\xa0\x81\xef\xd3;\x02\x00\xee1 \x00$\xf1=\x8e\xff\xf6\x98\xaf\xf3I_\xed\xfa\x88\xfc\t\x80\xf4;\x14@%{\xcd\x94\x7f\x93\x0e@\xa0\xfd\x8e\xfc4\x0ff\xd0F]uy\xf0W\xf0\xd3\xc6H\xe7\xcaV\xd7\xa8\xfd\xb6\x0c$\x7f\xd0\x15Z\xedR\xc7\x16 \xac\xe8\xa8\xa8\xc2\'\xe8\xe8k\x9d\xe21\xc7\x95n\xdb6\xc3e\xc0a\x8eR\n!\xca\x8e\xfe\x95\xfaG\xdd\x7f\xfa\xe5\xc1\x91\x8a:c.&amp;\xb5X\x91Y\xc9Y\xda\x81\x1d/\xf9\xa9a\xfcT5V\xe6j\xbc\xed\xf1\x15\xe6\xd1L\ti\xa3\xfa.\x84KK\x8d!p\xef"\x96{\x02\xa0\x9c\x95\xfd\xadM\xb3\x07 3\x17&gt;\xe8\x1d\x01\x00\x10Ib\x8b=\xb6\xc7\x9e\x96\xc8\x8f\xc8\xec;\x95Ru\x8a\xc8+\xcc\xc7kF\xe4^~S\xa4\x03\x94R\xcf=\xf7U\nC\xc2-\xa6\xc7G\xb4&gt;\x8a\xe7\xb6)\xa5\xdf\x1e\x17\x10[t\xd9\x02\x84\x15\x19u5\xadfr\'\xba\x0c\xd9\xf7\xf4\xfb\xb6\xda\x92S&amp;\xd1\xf6|{F\xccG*\xc5%\x9d\xd8\xee\xbc\xb6e/\xbc\x1d\xa3=,\xd26\x8e\x9ee\xfa=A^\x8f\xe3\xd69\x9b\xf7\xaf?\xfb\xe6\xc3\x8f\x87\x847\xa5\xde\xba\x0e\xc9\x19 9n@E&lt;`\x07\xc9\xc6]\xfa\x1d7\xe6\x18\x1a\x05o2\xd7\x0c\r\xdf\x06\xe6\xfa\xac\xe7\x83w_\xf1\x1b\xfa\xc1\xedy\x0b@\xbf\xfdF"\xee\x00\x00\xc0X\xfe\xee\xde\x11\xf0\xa9\xd9\xdbMxW\xc4O\xf6-2Y\xc4\x0e\xb3\x90\xc4R\xf2\xb7\xa7\x1a\x81\x07|$\xfcS\xaf\xaf\x06\x90\\*\x99\x00`Q\x85\xda\x11\xa0\no\xe1\xfc?\x9bEC\x18*,0\xbf}\xabON\xfflm?\xb7\xed\x17\x1e?F\x87\xf8\'\xf6\xadG\xf6i\x89\xf1\xf3\xf9\xafL\xe1\x01I\xc4\x7f=GA\xc6\x95\x0ew\xc92#\xfc\xed{G\x00\x00|\x06\xef\xe0\xaat\xd0\xb7_\xcb\xe5\xfa&amp;\xaf\xcb\x17{\xfd\xbes\xdfd\xfd\xda\xaf\x11\xbe\x08\x0cX\xceR\xd5\xd2xlj\x95K\x86\x81L\xc7\xc0\xd6i\xa8\x0b\x1a\xbf\x83\xbb\x8b|\xad\xab\x0b\x9c\x00\\;\xd3\xdf\xf6\xfeW\xa5\x94\xfa\xddZ\xcb_j\xe4\x8e*V\xa4\xdd_\x01\xc8\xbe \xf8u,$\x94\xcf\x19\x8c\xffM\x08\xb5Q\xce\xb3L]\xc0t\xcd\xb7w\x04\x8e\xd7\xbdg?}7H\x8d\xaf\n)\x86g\x00\xb0\xa2\xe4W\x01\x00\x0cMRLZ\xad\x12\x9a\x0bM#\xd3\xd0zI=\xf3\xe8_\r\xf0\xf0\x9e\x117\xe97\x00\x04OM\x00\x00s\xc8\\\xd3\x15\xbb$\x9c\x16\xb1\xc6\x97\x93\x1c\xc9\xeb/e\xe6B\x0eQEK?\xbeOj3\x7fs\xfc\x1c\x12OQ\x973\xa2\x901\xfb4)\xcc\x1d\x00\x00@]\xd3t\x99\'i\xd7%&lt;5\x8eM\xe4\xdf\xe3\xb2F(}I\xd3\xc6\x1fgQy\xb1m\x9bgYv\xfc\xcd\xfd\x90EP\xd1\x07z\xf0o\xd1\xab\xf8\xad\xe3\xc0\xe2X\xad\x94\xe9\x18e&gt;W\xa3\xdf\x86\x9d\xa7%j\xf9\x86.f\xdc\x87\xc9&lt;8!&amp;\xb7\xc7\x0cT\x05\xfci\xc5\x1d\x00\xac\xc9\xf2\xda.\x9b\xedx\xf5\xaf\xe6E:@Q\xf3\x8dc\xae\xc6[\xb2}\x8b\xf0f\xfc\xd7\xf6\xf7\x11\x0c]\xcc\x86\x8e|\xb8\xa8\xcb\xac\x9a&amp;a\xfb\xac\xd4\x1c\x83\x01&amp;\x00XQx\x1fv\xdc\x93\xf5\xdf\x9cmo\xbc\x81\x05 I\x9b\x1a4\xdc\x00\xceL\x94\xf0$\x8a\xda\x9dB\xdb\x15e\xb8"4\xba\x90\xf4\xde_\xf2\xe9\x18I\xfc\xd3\xea\x93\xa5\x94p\x7f\xe1\xa1`aE\xb1OVe\x9e\xab\xc6\x1dC\xe36=\xb5\x18\x88S\xf5e\x82C;\x8d\xce\xf7$\xb2\xfe\xf2\xf4\xa9\xf0VN\xde\x9e\x9c\x9e\xefj\x0cO\x8d\xc0B\xeb:l?Qr\xe2\xcb\xcb\xb5\x8a\xe2\xdf\x07\xbao\x138~#\xfa\xed\x9f\x07\xee\x00`E\x9b\xa1\xc1\xb9j\xb4\x05\xcd\xe2\x0f\xcc\x87\x8a\x13\xe89\x9a|\xfd\xc6\x9ati\xad\\\xf7[\x01a\x1bA\xeb\n/\x8aQ\r\xfe\xf9\xc2,\x17\xf9#\x02\x83:\xce\x1eu\xfc\xd0"\x93\xd9\xbc\x190\xd2s\x83c\xc4\x12\xa8\x81U@\xe0D\xfe:_~\x0c\x1b^\xe3\x18\x0b\x81\'\xd7\x11\xf1\xber\xfc\xfcY\x95\xbb\xa8\xce\xe9\xa3\xb5\xde\xf7w\x9e~\xa9\xc6\xee\x17\xb4\xb1\x14m\xfcj\xa8\xa7W\xbbK\x9b\x17^\x8b\x93d\xc3D\x14(n\xfc\x86\x1e\x88Sv\xec+\x7f\xb6\x80\x04\x9e\xa1\xcf\n\xd9=\xe5\xee\xca)/\xaa\xb6\x849\xc0X\xc9\xcb\x16 @\xa2\xee7\xc71\xa5\xb2\xfd\xd3\xb6m\xe3\xbd\x14\x06w\\\x85\xa4\xf7\xe0\x86\x92\x96\xaew\xde\r)\xf2\xddD\xe3%\xf2`\xd1\x05\n\xd3r\xbf8\x9d\x1b\x14\x18\xcb47\x04\xa6\xb9\x90\x99\xd0\x1e\xe6\x13\x92\x86\xc3\xd5\xaf\xfb\xf7\x85\x0fu9\x87!#\r\x94\xe2h\x10\xe5\xec\xdc\x95\x13\x13\x00@\x8a\x06\xdf]\x15\xf6\x02{\xdb\x91\x82W\xc1D\xb9\xbc\x0bk\xff\xe5\xa8\xa3\x7f\x00\x91\xef\x80\x90\xf4u`\xf3m\x13\x9a\xef\x8a\x90\xaeFa\xf8\x04\n\x18d\xc9n\xf4"\xba$\xeb;\x8f\x82#P\xb8\xee\xf4\x7f\x01S\x9aG\xb4\x07\x8c9\x80Lr\xda\xacQ\x1bP\xb7\xf9\xae\xa8\xbb\xd1\xd2\xf3\x15\xdb\xe21\xa7tA\x9e\xfc2\x19\xf5q\xcb\xc1]\xeb\xc5W^\x7fU*2T\xf6\x13\x1a@`\x12\xaf\xf7\x0fOg\xca\x8b\xeae\xacBR5\xb6\xcf\xc0\x87I\x8d\x11\x99oD\x7f\xfd&amp;?L,\x80\xeaY\xdb\xa9*\xf1\x16 \xc0\x87\xbe\xa7\xbd\x15\xb6T\xee\xe5\xaaR\xe9\x1a\xb7\xd0n[\xdd\xdd\xc8\x95\xbe\x95O\xb2\xf6\x85\xe1t\xbe\x15\xaasK\xe3\xd6\xee\xb0Gi\xdb\x97\x96Q\xd33\xc1\xa922\x01\x00|\xe8\xbd:\x99\xbcQ\xde\x8bU\xa5\xd2e\x06;\xd8\xd7EkUi\x040\xee\xb0i,\x83\x95\xb7\x00RJN\x89\x1b)R\xaeE\x96\xa9\x8ak\x94u\xaf\x1c\x18\x1f\xef\x08\xc2T*\xbe\xa6\x90W\x9d\xacD\xc8\xfb.KI\xbb\x9c\xd3\xa7\xcc\xd1\xff4)\x83\x1c\x1f\xf4\x8e\x00\x80d4\xe2N\x93\x8d\x00p\xeb\xe6M\x8b\x94\x84\xc5\x90\xdf\'F\xed\xa8}\x1f\x80\x95)\x00\x88\xc4]\xda\x82\xa4\xa5\xa4.\xfdp\xe4X\xaa^/\x15\x07&amp;\xc9\x85\xa1Y\xdcR+E\xee[\x89$\'&gt;\x00\x00\x9dy\xbaIzP`V\xe5k\xf7\x8f\xb3\x07H3\xd2[\xc57=\xe4\x13\x1b1\x00XW\xcf\xb9\x01\xbd\x02P\xcd"\xb7\xaar\xaeq\xba7\\\x9f_\x8c\x0b\x00\xc0\xad\xc7\x1a\xd2\xfe\x86\xec\x82_\x91\xe3\nj\xa2~\x97\xc9\x0c\x1a\x0b\xa8\xa1\x0b\x94\xc9o\x9e7\x82\x8f\xfa\xbe\x8e\xb9\xa6\n\xad\xf1\x1aP\x00\rM\xd2X7\xdb\xc5\xfb:\x97\xd6\x15\x9ei\xbed\xc7\xe8\x8fM\x9b\xa3\x819\x8aZ]#\xd4\xc7qFx\x01ug\xf0\xfa\x15\xe2\xeb\xb2\xaf\xf1W+\x15\xfe\x18\xb1\xb5\xc9\x1a\xa7\xcc\x00\x00\x06\xd2v\xd9\xa9\xf8\xb9^\xcbfy!\xd3\xcb\x02\x02y\xee\xef\xc5\xd7\xd9\x99\xeb8-\x18\x00\xa0\xac\xb8~%\xfc\x96w\x11\xfe-@t\x8a@YT+\x99\xc8\x14\x00\x03\xb8k\xaah\xc8D\x13\xf5\xce\x1f\x7fd\xe8\x14GD\xaea\x02S\xb4?\xdd\x1eb\x1e?\xe9\x00`:Z\xeb/\x1e\xa4u\xa6\x17\x01P\x89\xbfy\xc9\x1f:G~\xbcJ[G\x13\n\xac\xab\xf2\x02@\xd3\xed"H@\x07\x00\x081\xc5\xa2r)\xa4Cy\x05J\x17\xe5\x13\xe8\x8e\xae\x02\x00D\x11\xdb&amp;\x1bo\xaco\x1aC\xb1\t\xb2\xa8a\xb3\x83\xd7\x80\x02\x00\x00\xe1RVg\x1a\xac\xe9l\xdb\x16\xfe\xce\xcarg\x1c\xcf\xb4\xf3\x961\xb3\x03\xc0\x1b\xee\x00\x94\xbd\xfc\xc5\x13\x13@wS\xb4B\xa3]\x82\xed\xbb\xc0\xa4u\xaf2"\xd33\x0e\xdc\x01\x00^\xb6\xed\xd7\x0f\xba\xb8"\x13\x899\x8d\x84o\x0e\x96\xd1\xbfbu\x1d[\xa1b\xb5\xa3VM\x8a\x19\x91\xc7Dx?4!\xe5\x93\x1a\x8d\xa4yE\xdb/rq\xc7\x90.\x12\xe8\xaa\xfd&amp;N\x94"\x7f\x94)m\xdd+\xcd\xdd\xf7\x06\x0c\x7f\x81@q\r*~N\xf3\x12\xf5A\xe3\x81\x87bGZ?\xba\xffP&lt;V\xd6\x0f\xc6~*\x8d\xd8.\x80;\x00\x80R\x03?\xc6\x035\xc8\xe8S_\xfe\x9b\x11V\x9f\xf2j9\xe9\xb6m\xdb\xb6\x8d\x91\x03\xc0\x08\x12\xc6\x8b\r\x1a\x84\xf0\xe5\xfc\x8c[.\xcf\x0f\x06_\xcd\xf6\x94z\xc6\x16\xa4\xc5P\xec\x84\x04\xe8\x83\xfa0\xac\x012n/]\x035\xbb\xd7xf\xac\xea\x01\x88\xf1\xa8h\x9fQ&lt;T\xa5\xfe&gt;\xb3\n\xc7\xd6\xe8\x06-@\xdaZ~\xea\x89\xd6l\xcdh\xc9\x01\xa0\x9dGk;D\xb3\xeb\xed\x1e\x06\x88?\xe0&amp;\xa5\x00\x9f\x06\xe29\x1f\x0f9\\]\xe6\xf0\xa9S\xfa\x8a\t\x18\xb9\x9fP\xa7^\xc2\xe3\xc3\t\x9f\x9a\x80\x99bl\x01\x02Zc\xfe\xbd\x1eA\xf7\x7f\xf3Ls!\xe2\xd0&amp;4\x91U\x80\x0b\xe6\xd1\xb6mGG\x90\xb0?$\xf4#\xc6\x08\xf9\xb4\r%uOJ\xad\x16 ~\xd7\xd3\xe3\x87\xb4\xdd59{r.Q\xb5\xc4\\lu\x96\xb6\x1f\t\x18\x95\xd8J^\xd6"\x9791rp\x1ad\xe54\x12v\xe0D\x1e\xac\xb5\xd6\x1f\xe6&gt;K\xe2RT\xd8s\xc0\xf1\xa1VL\x8d\x82\x02\xe3y{\x0c\xeb\x80\xc0\xd8\x16\xdeG\x98\x8e\x86\xaf=\xf6\xf4O\x83,+e\xb8\x94,;&gt;\xce\xde?S8\xf5\x86j\x8e\xbeH\xa9\xc07\x87\xfct\xd7\x1f~\xff0\x17\x0b\x00\x98\xc8P\xdd-0\x80\xb1*TN\x0bP\xa3\xf5\xa0E\x02 \x0bM\x12\xe0G\xcf=\x9c\xf9\xf2\xeb\xb6\x10F&gt;`\x9a\x15\x93\xda\xa7(Bj&lt;e\xc6\n\xc0\x84\x18\xbb\x00\xb9\xd8\x0b\x07\x01(\x81\x93Y(C\xbb4\xa1\xbc\x05\x08Kc\xf0\x8f\xc9t\x99\xd0n\xdb\xc6\x0b\x82\x16\'`%\xe5O\xf6\x8e@\x163\x01g\xbf\xab\x16xu-\x9a\x94\x88g!\xaa\x7f\x07\x82RJ\xa9\xdf3q\xbe\x03\x00\x80\xb9\xe4\x0cX\xa7\x1e\xec\x86:\x12\xe11\x1e-\x94&amp;E^YSV\xf8\xf4\xa6A\xc4F\x7f\x1d\xc2\xb81\x07P\xcb\xd0\x8d\x1a.\xee\xdf\xe9\xd1&amp;\x1e\xc9\xe4\xc7\x10\x90\xa2\\e\t\x9cK\x8cX=\x0b\xc6y\xc4\xcb\x7f\x187\xe6\x00\xea)\xb8\x8c\x04X1\xcfDG\x92\xcb\xde\xf7\x15\x1c\xb7\xa1\x1d\xdb\xe5\xa5\xbd\xc8\x08\x00\x00\x94DW\xed1C\xe2|\x97\xd8o\x81=For\xaf\xbd\xf9c\x9dr\x93\xa2\xa0=\xdf\xcd\xff\xe6\x04\x953\x7f\xc8\xf8`\xc9\xb9GlP34\x17\x00P\xdb\x04m\xe5\x04\x97\x00?s\x1c3hv\x0f\x1amQ\xe4\xcf\x88\x8a(\xb8r\xdf\xf8&amp;@\x8d\x87\r2\x03\xe4-@\x00`\xb7m\xbc\xd9\x06\xd2m\xdbv\x14\xd4AK\xec\xf6Y\xbdc0\xbe\xa3\x08\xb8\x0e`G\xe8I\xd3\xcaR\'\xe5\xb7-\xfaMI\xec}\x02\x80\xba\x844\xb2\xf4\xfaX\x07\x83\x9b\x04\x1d7\xd2\x080t\xe4\x01\x94\x97\xfb\x80\x11\xf0\x97)&lt;\x98\x17m\xe34\xacY\xb9@\xfe\x1e[rf\xbd\xd2Y\xaf\x0b(M\xeb\xf7\xe6 \xaci\x98\xba\xf9@\xb0K\x19h\xfe\xfc\x1f\xbczWRZ\t\x8cEB\x89m\x10\x87g\x0f\xde\xffbO\xda\xa4?\xcf\x00\x00gZk\xf5\xda\x1dh\xaf\x87\x0c\xfd\xb1s\x97;\xe0b\x9e\x00\x00 \x00IDAT\x83!wc\xcf\xa9\xf7\xce\xf8A\xb7\xe6\xa3\x92"/\xb1\xa9*\xbb\xc4\xbe\x96\xd22\xc3\xc9\xfbx\xa0\xa8\x8bm\x11\xa56-\x06\x13\x00\xc0\xcf^\x0f\x8d\xa7\xee\x1a\xc6\x05\x83`\xc0\x87"$\x8f\x11\x91\xc0\\9\x9a\xb8\x95(Ul\xb5\x16W\x05\x84E\xc7\xe7\x94t2\xefu\x00r\x14\xa9\x1e\xad\xbfV\xbd\xe5\xe9\xcc\x13\x8f\xd4\x16\xd65v:\x88\xbd\x0f\x0ei\xa3\x1f$k\xf5\xaa\xd6\x9fc=icE\xee\x907\xd8\xa3?z\xfd\xf2\xc4\xff\x9at\xd7\x83\xa7\x9d\x80\x02\xa8\xc4lG\x04/bi\xda\xb7\x13ko\xb1m[\xbd\x0c\xd5Z\x0b.!\x90e/\x87\xdb\xa6\xa8\xb9\x01\xf6\x9d\xaa\x97\x84z\xdb\xbfZ\xe6Di\xd9\x91_\xf7\xe5u4\x8e4\xef\xe8&amp;\xbbo\xf2\x8e-@X\xd7\xec/\x01\xa8NVS\xf8\x8e\\U\xeaQ\xc4\x8f\x92~\xfd\xfb\xb6}\x91b\x1b\xdb\x13MA_\xcf/4\xa08\xfa&lt;\xeb\xf2fo~o*sB\tO\xcc\x8e\xfc\xde\xc1\xfc\x82\x8b\xfcw\x95\xe6\x7fDb\xf3\xe0Md\x89\x11\x06\x84`\x02\x80\xf9\xe8}\xdb\xac\x8d\xeb\xf8\xf3a\xc3\xd4\x88\x8f/\x1b\x9c\xbf)h\xd3P\xd0\x1c\xa11\xe1{lD\xd5\x88\x81\x06\x0c\xcf\xa8~\x8e\xe7\x80\x96\xf1\x01\xd0\x08u{A\xd6A\xff\xaf\x0f{\x95m\xe0lA\x96\xb6\xf1\x1c#M\xe2\x97x\x07\xb9.T\x11R\xd9\xf3JH\x99\'\x012\x03)\x12\x93\x99\xec\xa9\xfaA\xefh\x00\x1d\xe8%\xb6&amp;/\xb7\t&gt;![\'(\t\xfb%X\xfb\xc8\x90K\xdb\xb6qV\xfcO2\xa2\x9e\x90\xef\x83\x94\x93\xe4H\x16h.\xda\xd7&amp;\xff\x19\'\xa8\xdd\r\x94J\xa1\xa3\tzO\xf3\xbc\xd0Gm\x9b\xc6\xc03\x00X\xd1\x1a\xbd\xc2\n\xd7x\xf6\xa7\x06\xef0\x12\xd6\xba\xb2\x0b\xf3f\xee\xb5\xcd\x89I{\xdb\xb6\xa5-\xec\xad\xd1\x02\xdc\xd3\xaf\xef=\xbc\xfc2^\xfb\xd1\xff\xfe\xbf\xae\x03\xc6\xcc\xe5\xa6\xf5.\xe4\xa1\x8b\xa8d,\x9c\xe6\x9b\xbduJ\x0b\xabD \xd2\x05V\xder\xa9\n\x0c\xa6\xdc\x1b\x0f\x85o\x96\x90\x1c7D\xf9Gn\xb6\xa7\x17\xd9\xc33\xe2F\xa0!")\xd9\xb8\t8J\x11\xadJN\n\x90\x1d\xc5\xc5&amp;i\xec\xf1\xcc\x00\xb0\x1c\xfdx\xd9\\\x81\xc2_0\xa8\xc5hq\xefS\x1bY\xf2\xfe\x9f\xdb\xa0\xc8#@\xb4\xec\xf7~\xb2Q\xaa\x9f\xf2\xdbt\xa3r\x93-@X\x91u\xc3C\xda\xee\x0b\x9a\xce$\x9b\xb2\xbfg\x8d\x05\xa42\x8a\x8c\xfe\xfb\xd2#\xbd\x8f\x08\xe8\xa4\xc4\xdb6\x8bD$\x8a\xa8\xa6\xa6\r\xdb%\x97O\xf9\xa8\xdcd\x02\x80\xe5\xd8jH\x9b\xefh\xc4\x1b\xe6NE\x14,\xb4\xa2rd\xdb\xb6q\xbf\xa1\x80\xed\x10\x91Jm\xcb$\xcd\xc7Pj\r\xae6G\x94\xd2\xdf=P\xf0\x1a\xf3\x83b\x02\x00\xa8\xf7\x89\xb8\xb86hJ\xd6\xb1\xa6\xa8\x01\xe8\xd0Jm\xe2\x17\xd8%\x0fa\xd9{\x83\xa9\x05&amp;\xff\xfb\xbf\x1e\xe5\xfd\xb7\x8ePb\x9fus\x80\xa86\xd3\xab\xca\xb8J\xac\xbd\xfd\xfc\xc2\xfd7\xdex^&gt;xl\x15\xde\xb6\x1f\xb5m\xc5\xa6\x01\x05\xbej-?\x12\xc0L\xd8\xd6\x8f\x0c\x1d^\xbd\xea\xeaK\xf67\xe4\x1c\x7f\xf4\xbf-q?\xa0\xe0\xb3\x04@c\xcfb\xac\x84?_t\xaan\x92\xa3\xaa\x16xB\xc0\x7f\x81\t\x97\x7f\xca\xd6k\x08\xe1a\xd6N|\xee\x00\x00@\x19\xc2\x16\x1f-\xe3\xf9\xf7_i\xf37\xeeE\xa9\xeaW\xd5\xec\xee?o7\x92\xa9\xe8\x82\xa8\xac\x85\xe4+s\xa9\xbb}Tc\x93z\xea\xc1\xbfRw\xaf\x12.\xb0\xca~\t!&lt;\xcc\xda\x89\xcf\x04\x00x3\xf7j\xc7UB\xd7\xbb\x7f\xa4\xf2\x00\xe5\x13j\x06\x9e\xea\xee\xa9eQ\x85\xc7X\xfb\x7f\xfd2\xe9;z\x04]T\xa6\xfd\xf2Ee\x13\xe6\x90P\xa8\x06)\x87CD2S\xc9kL\xde\xcbd[\x9b\xa8\x9b\xf8+d-\x00\x97G\x83\x13\xd5`y\xeeK\xce}\xbf\xd8vu\xfd\xbfn9d&amp;v\xbb\xff\xc7\xfbY\xe5\xbf\xc6\xc0L\x9f\xbbl\xa0\xb8\x06\x05\x862\x89i$\x14f\xee\x00\x00+K\xe9\xfcn[\x99Yw/\xd8v\xc9\x8f1z\xc8\xd9\xf7r\xfb\xb9\xc0^\'\xbcs\xe2\xf9H\xa8a\x16\xc8k\x9a\xb4!\xcd!\xa4s\x91\xbf\x93\xd0\x1a\xbd\xd3/\x99\x00\x00(f\xca-\x16\x9fg\xec\x92\x1f\xf4\xd2\xc6z)\xcd\xb6\xe5\xbf\x13\x06\xb8\'\xbcR\xd4\x18`\xca\x1f\xb9\xfaxc\xde\xf8\xd2\x84\x15\x9eo8\xfd;\xe4={\xa2.\x00\x10j\x88\xd75\xa4\x99\xf8\xd2\xca\xd1\xe67\x97IK\xab\xb0-@\xca\xd5\xdag\xee \xf2\xeb7e\xea\xbf5\x0b\xb2h\xad\xee6\xb3\xad\xe1\xf4"\xcb\xe1j\x8a=\xc2G;&amp;\xad}\xceT\xb5\t\xe5\x0e\x00pc\xe0\xf5\x92\x00c\xad\rw\xf2zeG\xe3\xb4\xca\\\xd3:";u\x11\xb6\xa2H\xe3\xdd\xb6)e\x7f\xd1\xedb\xb6\xe7K\x1c\xf6\xffI\x0f\xa8\xd3\xcd\x04{\xd5\xde\x9e\x1a\xc7\xa6\xb5\x1fE\x01\x06\x1a\x1a\xe8\xd5\x81\x98O\xc8\x86xm\xf3\xfc\xe37U\xea\'\xde~Vim\x0fe\xff\x93&lt;\xd4\xc7\xddz\xe9\x10Q -\x89\x13\x9e\\\xe2\x136\'\xebK\xf5h\xeb\x15\xbfA9\xbe+\xa6q,\x80\x81\x98\xad\xdb\xfcK\x0b\x18\x96\xb5\x1bN(\xb1\xa5\xc2\x01\x90\xa0\xd3&amp;\xc3\xb7M527:v\x15\xbaKJl\xd2\xb9\xf6\x11\xb1\x05\x08\xb8\'\xb0J\x03a"\x96\xe8\x02\xdf\xe6\x99\x11\x19\x00\xd2\xbc?\x18\xba\xc0&gt;\x1a\x07G\xcb\xf6\xfe\xebk\x03(\xf66\xe9\xc1\xf9-\xef\xed\xa3\x02@\x18\xad\xf5\x00\x93\x1c\xad\xf5\xfe\x8e\xa1\xde\x11\x11\xc7\xb1r\xaf\xdc-\xbcsM\xeb\x14\xd4\xf5{\x0f\x86(*\xb0\x1a\xe25VCD\xb2\xa6\xe1\x9e\xca\xc5\x00\x1e\xbd\xa7z\xeb@\xb9\x03\x00`\x8c5\x9fmSj\xfby\xbdc!\x91#\xfb&lt;y\xea\x99\x18\x98\xc1^\xa7\x16\xd1Ee\x8c;\x06\x1f7B$\xb3\rR\xcd\x07\x88dM\x8b_\xbe\x85\xff\x89\x85.-\xcc\x18\xcd\x9aa\xdb\xfe\x90\xda\xb6S\xe1\xa2\xa8\x01\xc0&lt;2\x1e\\y\xeb\xd4\xf6\xcf\xae\xb1\x1c\xcb\x9a\xeb\x0cf+\xabZ/r\xb7\xf36\xe3f}\xc5g/G\x82\x93\x9a\x000\x8f\xf7\t\x80\ni\xe4\x8d\xfeu\xff7\xfb\xac\x06\xd3q\xec+\xf6\xc1GT2\xdbDk(e\x12\xff9\xb7d\x0b\x10 \xcep\xb7\x17!S@9z\xdd[\xffR\xa5\x94\xda\x94\xda.\xa3\x7f\xd1\xa5\x91\xca\xd2\xd3 \xa3\x7f\nIi\xc3\xbf\x1a\xbbx\xe4\xdb\xa4F\x99\xba\xf6\x0cDz\xbd\x05\x1a\xd3Z\x0b\xbf9\xd6}\xc9\xad{\x04\n*\xbb\x9a%dm,\xad+r\xc5\\\xc8E\xb9\x08\x8f\xde\xf4fj\r\xda\xd2\xc7\x17\x93\x89O=\xe7\x97\xef\xee\xaf\x97\x11\x1f\x7f\xb9\xfa\xa6\x1ew\x00\x80\xb3\xfc\x99|\x93\xc5\x80\x81W_\xe4\x98\xb2\xeb\xda^\xbc\x87\xbd\x8e\xf4\xa5\x83\xc0\x14\xba}\xce!vyr\xc4\xe5L!\x11&gt;\x9e\x15\xe9\x1d\x91\xe1&lt;\xd6\x99\x8a4A\x95\xd3\xdf\xf9\xe5\xbbJd\xfb0\x90f\x1d\x90\xb5\x89c\x02\x80E]\xbe0\xf5\xf1\xdb\xe7\xb8\xc9\xf2\xae\xdf\xc0F\xb6v_\xf8\x1c\xd7ukw\xa7\x1c4\x17!/e\xbc\x11z\xfd\xd1\x1f\xed\x9e\x17\xe5\xfen\xb2\xb0\xedM\x91\xd3\x80\x88\x98\xf5\xd6\xfd\x1e\xa0I^\xc9\x97O\xabr\xab8]\xd3\x9f\xac\x070&gt;\xd7\x88A\x1b\xfe\xdb\xbbQ\x82}j\x01t\xa6/?\xf4"qm^k]?e\xba\xa7|i_\xae\x9b\xa4[u\xbdZ\xec\xd9\xbb\t\xdf\xd5\xcd~\xed\x00\x86b\x0e\xf4]\xbf\x0fh\xb6&amp;\x9f\x00\xcc}u\xd3\x10\x9bG\xd3o\xce1\x8c\x1b\xf3 \x83\xe7\xce\x9bi.\xa4\xa5\xbb\x02\xe0\\P;\xfd\x17]\xb0\x05\x08\x88\x13p\xbfs\xf2[\xa2\xe2w\xfd\xce3(\xc9!mWF\xf1L\x91\x9f\xcb\xe2#\x98i\x88\x07X\x83\xc8/KWBf_\xde\x02\xe0{\x0e\xe9\xf9\x08\xc1\x0c\xe5\x07\xc0$\x844\xac\xf5\xe4_]\x8d$*\x18\xe0\xdc\xd9\'\xc8w\xd3.\xd6\xa7hN?\xd4\xd6\xbd\x18t\x8f@U\xd6F\xa0\xd2%\xd7NIam\xbe\x88\x87\xcd\x8ahYH\x10\x8b\xb9\x17p\xf5h\xa0\xa6]\x9c(\xf1\x1d\x93\xba\xca\x0b\xec\xf8N\xd6a\x84\xf4\xe2\xef\xc5\xe3\x91\xb9\xba\xc9\x9b\xef\x8e\xe8\xf5\xad\xc5E/v\xe5\xdaQ\xf7\xda\xb5\xd6\xbc\xd1\x06-5h\x06oO\xc1\x16 \xe0\xaaR\xb5\x14\xb3\xecQ\xa2\xdd\xb9\x7f\xcd\xe4\xbb\xb0U\x1f:\xe0\xb1\xedo\x14=\xca\xc5\xfbc3\xa1\x99[j\x81p/\xa2\x13-7\xae\\;\xa2\xf3\xd1&lt;&gt;d\x81_X)\xb1&lt;\x84f\xfe\xd3\xfe\x99y\x8a\xfa\xfc\x02_e\x96}\n\x1f&amp;\x00X\x9d\xb5\xd1L\xdb\xe6N\xfb\xeb\'3}\x84\xdd\xfd\x1f\x82=\xc5\xb6m{\x0eR\xcf]\x8f\x99\xc8\x1d_}-4\xa3\x7f\x80\xc8X\ts-6\xe1\xb9y[\xe2\xb6m\xfb\xb9\tq\xaa\xe8-\xc6\xa7\xd5\x16W\r\x9a\xf6\x96u\x80\xc6U\xbb\xd0\xe9\xd6\xcd/@\x00\xc7~\xe5\xd4\x90\x18J:\x89M\x1c\xb1\x11\x93Fk}z\x1f\x96\xa5\xe2&lt;~\xff#.\xaf\xce*[;B\xbf\x04\xa0{\xe6\x86\x9c\xbd{$\x07\xe5_\x14\x97\x9c\xa4\xcf\xb8\xc9\x8d!\xfcd\x96.\x99\xb1\x02\xc4\xd2Zk\xf5\xa9Y\xd5\xa6\xce\x10\x07\x8d4\xcc\xb2Q\xcb\x86w(\xaf\xaf\xc7:\x06\xff\xc5jG`8\xee3&amp;F#+\xfe\xbf\xd3\xf9Y\x1a\x8d,\xaf\xb7I\x9e\x8bb\xe9\xf3\x04\xcd\xe5\xca\x9e\x14\xa5T\xca\x1aQ9.*2\xc0\x12\x98\x00\x14A\xea\xc9d\x19\xc4\x7f\xb59\xfa\xb7\xad\xbc\xea\xc74\xc08\xec\x15R\x9bh\xbf"##4\xefg)\xf6\xe9t\xab\xd7\xc9\xbbJ\xaf\xf9\xcb\xe1Z\xb0\xf0*9\xdc\xa5\xb5\x11\x94,\x91\xdf|R72\x06\x9e\x01\x00\xca\xd8\xb6\x9f\xd5;\nXS\xeb\x8eY\x7f\xeb\xe3G\xfb\x1eV\xad\xd4\xb6m\xfa\xd5!m\xef\x07\xb7\x8b\xb0\x9c]\xd1\xfe\xd7\xa5\xb7\x8bG5\xbd\x06\x88\xdd_\'\x1f\xb2;\xbf\xacSRg\xa6|`\x8c\xe5T\xa5\x9d\x90\x15\xb7\x90di\x16\xc5\xd8&lt;\x92\x95\xa3@m\xba\xe6\xbb\xb7t\x957c\x02&gt;\r\x8a\xf4\xd5&gt;\xe8\n\xfc\xac\x19=\xeb/\x01\x84;\xaa|\xd5\xba/\x1c-I&gt;\xee\x00\x00%\xd1\x18a\x1e_\xe1Y\xba\xda\x94\xdaom\x9b\xc7\xfc\x93oG&lt;\xeb\xc2\xed\xc6\x89\x04\xddW\xfe\x00t\xe4o^*\xa3\xf1\x01\x06tlM\x0eo5\x02o5J\xb8\x1d\x89\x95|\x9f\xfa\xa7\xb0&lt;\xc5\xfb^\xce\x9f\x13\x00w\xc9?\xed\x90.\xf2\xb4\x8c&gt;?c\x80I\x1a\x9f9\xae\xa2&amp;\xfd\xcc\xeb\xf1\x12\xea\xff.\xddE\x9eZ\x12\nO0\x12\nx1\xeb\xc3yt"d\xafa\xacA;\t\x04k\x91\xb9\xee\t\x80kJ`\x0f\xc1\x15Z~\xc4\x92C\x08&lt;K\xd5\xf0K\x19%\x9e\xf7\xa6\xb9\x90j\xd2J~\xf7\x12\x12\x15\xed\x1f\x14|\xa4-\xcc\xa5\x</t>
        </is>
      </c>
      <c r="E407" t="inlineStr">
        <is>
          <t>&lt;class 'numpy.ndarray'&gt;</t>
        </is>
      </c>
    </row>
    <row r="408">
      <c r="A408" s="1" t="n">
        <v>406</v>
      </c>
      <c r="B408" t="inlineStr">
        <is>
          <t>steps_per_sec</t>
        </is>
      </c>
      <c r="C408" t="n">
        <v>4600</v>
      </c>
      <c r="D408" t="inlineStr">
        <is>
          <t>2.6072812</t>
        </is>
      </c>
      <c r="E408" t="inlineStr">
        <is>
          <t>&lt;class 'numpy.ndarray'&gt;</t>
        </is>
      </c>
    </row>
    <row r="409">
      <c r="A409" s="1" t="n">
        <v>407</v>
      </c>
      <c r="B409" t="inlineStr">
        <is>
          <t>Loss/RPNLoss/localization_loss</t>
        </is>
      </c>
      <c r="C409" t="n">
        <v>4600</v>
      </c>
      <c r="D409" t="inlineStr">
        <is>
          <t>0.17333204</t>
        </is>
      </c>
      <c r="E409" t="inlineStr">
        <is>
          <t>&lt;class 'numpy.ndarray'&gt;</t>
        </is>
      </c>
    </row>
    <row r="410">
      <c r="A410" s="1" t="n">
        <v>408</v>
      </c>
      <c r="B410" t="inlineStr">
        <is>
          <t>Loss/RPNLoss/objectness_loss</t>
        </is>
      </c>
      <c r="C410" t="n">
        <v>4600</v>
      </c>
      <c r="D410" t="inlineStr">
        <is>
          <t>0.016428433</t>
        </is>
      </c>
      <c r="E410" t="inlineStr">
        <is>
          <t>&lt;class 'numpy.ndarray'&gt;</t>
        </is>
      </c>
    </row>
    <row r="411">
      <c r="A411" s="1" t="n">
        <v>409</v>
      </c>
      <c r="B411" t="inlineStr">
        <is>
          <t>Loss/BoxClassifierLoss/localization_loss</t>
        </is>
      </c>
      <c r="C411" t="n">
        <v>4600</v>
      </c>
      <c r="D411" t="inlineStr">
        <is>
          <t>0.21395618</t>
        </is>
      </c>
      <c r="E411" t="inlineStr">
        <is>
          <t>&lt;class 'numpy.ndarray'&gt;</t>
        </is>
      </c>
    </row>
    <row r="412">
      <c r="A412" s="1" t="n">
        <v>410</v>
      </c>
      <c r="B412" t="inlineStr">
        <is>
          <t>Loss/BoxClassifierLoss/classification_loss</t>
        </is>
      </c>
      <c r="C412" t="n">
        <v>4600</v>
      </c>
      <c r="D412" t="inlineStr">
        <is>
          <t>0.24748462</t>
        </is>
      </c>
      <c r="E412" t="inlineStr">
        <is>
          <t>&lt;class 'numpy.ndarray'&gt;</t>
        </is>
      </c>
    </row>
    <row r="413">
      <c r="A413" s="1" t="n">
        <v>411</v>
      </c>
      <c r="B413" t="inlineStr">
        <is>
          <t>Loss/regularization_loss</t>
        </is>
      </c>
      <c r="C413" t="n">
        <v>4600</v>
      </c>
      <c r="D413" t="inlineStr">
        <is>
          <t>0.0</t>
        </is>
      </c>
      <c r="E413" t="inlineStr">
        <is>
          <t>&lt;class 'numpy.ndarray'&gt;</t>
        </is>
      </c>
    </row>
    <row r="414">
      <c r="A414" s="1" t="n">
        <v>412</v>
      </c>
      <c r="B414" t="inlineStr">
        <is>
          <t>Loss/total_loss</t>
        </is>
      </c>
      <c r="C414" t="n">
        <v>4600</v>
      </c>
      <c r="D414" t="inlineStr">
        <is>
          <t>0.65120125</t>
        </is>
      </c>
      <c r="E414" t="inlineStr">
        <is>
          <t>&lt;class 'numpy.ndarray'&gt;</t>
        </is>
      </c>
    </row>
    <row r="415">
      <c r="A415" s="1" t="n">
        <v>413</v>
      </c>
      <c r="B415" t="inlineStr">
        <is>
          <t>learning_rate</t>
        </is>
      </c>
      <c r="C415" t="n">
        <v>4600</v>
      </c>
      <c r="D415" t="inlineStr">
        <is>
          <t>0.03993057</t>
        </is>
      </c>
      <c r="E415" t="inlineStr">
        <is>
          <t>&lt;class 'numpy.ndarray'&gt;</t>
        </is>
      </c>
    </row>
    <row r="416">
      <c r="A416" s="1" t="n">
        <v>414</v>
      </c>
      <c r="B416" t="inlineStr">
        <is>
          <t>train_input_images</t>
        </is>
      </c>
      <c r="C416" t="n">
        <v>4600</v>
      </c>
      <c r="D416" t="inlineStr">
        <is>
          <t>[b'1024' b'1024'
 b'\x89PNG\r\n\x1a\n\x00\x00\x00\rIHDR\x00\x00\x04\x00\x00\x00\x04\x00\x08\x02\x00\x00\x00\xf0\x7f\xbc\xd4\x00\x00 \x00IDATx\x9c\xec\xbdy\xfc\xfd_5/\xbe^\x99n\xe1RQ2f\x0e\xbfR\xa6\x90H\x14\x929\x8a\xc8\x90.\x89He\xd6 \xa1t\x8dE\xa4\x10*e\xca\xac\x0c\xd7\x18\xae\xe1\x1a.\x92!\xd35\x97\x99\xa2\xd6\xef\x8f\xf3z\xed\xd7\xdak\xdak\xed\xd7&gt;\xef\xf7\xfb\xf3\xfd\xee\xf5\xe0\xdb9\xfb\xb5\x86\xe7\x1a\xf6\xda\xc39\x9f\xf3\x06\x984i\xd2y\x087:"~\x10\xc0\x11\xf1s\xd2Q\xd7\xa4B\xf7\x11\xc2\x88x^\x08\x9d@")\x9f}\xe4\xc200@\xe3\rt\xe5\xe2Je0\x0b\xa6\xdd\r0\x92bt\xdf\x0e\xa1\x02\xd2T\x8e\x88P\x15\xa7\xa6\xa2\x15\x1c\xac)\x87\xf1\x8d;+a\x9bJm\x84\xae_h1X"\x18J\xeewE\x14\x16\xc5\x19\xe6\x8c\xde1\xb3\xac\xa5A1\x81\xee\xd3\xd3\xf0%M\x7f\xd2\x84\xcb\xec\xd83\xfb\x83W\xa5)M\x9a4\xc9\xa2D_\x0b\xb7\xec\x90\xae^\xb9C\xe7\x87\xd5\xdf+\xb3a\xaa\xe9\x82\xb6\xb3\x87c\xb8\xaa\x19\x83\xa6\xcfvn\x93t5\xd3=\x90\xae\x88\x83\xe9\xa2:e\xf0]\xea\xaeB\x95\x0c\xaa\xd5\xe3\xd4\x9c\x9bl\x13\xcc\xcf$\x99\x8a\xa5\x9c\xed\x03\xc3\xa9\x9b\x1d\n\xd4\xe7 "\xde\x94j\xd8_\x7f\x9e\x8a\x8c\xe5\x8b\xd8E\x80[\x87\x8c"\xdeC\xa2\xddU!\x00\xbc\xd2\xea]\xc8/\x01l\x95\x85\x8f\x1fPB#*P\xcff\xd1\xdc\x06i\xd5C\x91:\xecc\r\xe0\xe7"\xfcu\xe1\x91\xb7\x97?g\'M\xba~\x93\xd1S\x8c\xf9\xd9\x9c\xb1o\x80\xfft\xd9\xb3\xba\xbb\x11okC\xe2\x9a\xaa\x9b\xba\xf5\x7fA\xbd\xf5I\xd9\x8c\xee\x02\x0f\xed\xa8\xea\xb5\x8a+\tmY&amp;Mr\x88\xed&amp;\x0f\xedk];A0qN\xb1\x192Y\xe2\x8a"\xa6\x99\x90\xfa\xdc\xf7\x82\xb8Y}\x14 \xb6\xd4\x91\x83\xf7w\x041k A\xe0\xdc\rez\x0b=\x8d\x9c\xaf\x84\x06P\x12\x9bw\x84\xf8o"Y\xccL\xd8D\xa5\x96\r*zu\xbbs!\x984\xe9\n\x90:\xf3\xc76\xc4Ko\xaf\x11\x00+\x8f\xf8\x1c\xff\x9b\x9b\x1fy\xf7\xb8\xd6\xb9\xbdf[\x9f\x9cd\xfa\xc3w8\xd0\xa3O\x1a\xee\xc9t\xda\xeb\xc1\x95\xa3\xae\x8a\xfd\x93\xf18\xae\x00]\xb1\x94U0\xd4\x1dR\xab\xda\xc7m\xf8\xba\xb6\xe0\x8ei\xb7\x9f\xf0\x9dwvF\x9b\xfc\xe9\xe4\xfe\xd0\xaeP\x8b\xbcm+\x1ds\xcd\x90\xae$\xd8\x8a\xbf\x85`{\xc8\xc9\xf1L0/\x9c~\xb8]0\xf6\xdb\x95\xde\xa3Q3\x87\xdd\xc7\xfa5\xfb\xc8\x02\xbf\xe4\nu\x8fI\x93&amp;\xf5\x13\x02\xfcf\x87\xd8;\\b{\x1d\xb1\xe9\xdcV\x17e\xabq\x1c_\x18Bc%h&gt;=\xd1\x97 :W&gt;d\x9d\xc0G\x1d\xfb"\x16[\t\xda\x1b\x91\xbc\x9d\xaeOl\xe4]T\xfd\x1e\x11\x1e\xd7\x05R\xdb\x12]\x07ht\xd6v\xfa\xe6c\x1f4m\xef\xf4KhO\xfe\xc2sT\x15\x7f\x97u9\x89\x82^X\xcc\xbf\x81\xfb\xf4\x19\x16\x90\xd1\xa5B\xdbQyo\xf1v+g\xfd\xea\x08\x9d\xa1\xcb\x99\x96d4\x0c\xbb\xe7\xe8\xbd\x06&amp;\xad\xc25\xbb\x08\xf0\x9cs"\x994i\x92 \xd4v\xb1W\x86\xf0\x1d\xcc&amp;u\xf9\x98Iks\x91\x84\x16\x12\xca\x13]x\xfc%\xcai\xee\xca\xa3\xf6A\xa2\x7f#kmq\x06\xae\xb2R\xaf\xff\xb40\xd4\x18\xce\xb0.\xfe\xc4\xa5V\xa9\xe2\xc8\xb3c\xae5y\x1evu\xee\xf0V\x8f\xecj\xbf\x8ag0Lo\xb5Q+]Fq=\x96\xf6\xf2\xee*\x06m\'\x84\x96\xe3\xdd\xb3X\xea$\xad\xfe/{\x95\x8dk)\xb6-\xcb\xbc\x85LK\xf1@\x9c\xd4q\x94\xe3\x92o\x90\xddI\x93&amp;\xa5\xe8\x1f\xaf\xe4\xdck\xf5wC\xec\xfd\xb2F\xf2\xc8\xa2\xba3\xdf.\x88_]\xaf\xbb\xd5\xc8\x87\xe0\xee\xd2\x18^\x9c\x8e\x85H,\x00t\xfc\x1c\xe4\xbbS-HO\xd9\x97\xf6\xed\x19\x0f\xc8\x15\xdf\t\x85\xb2\xc3\x96\xdb\xa6\xc85\xb4\x18_\x7f\xb6\x0e\xac8\xd7\x17\x8f\xa2_Yi\xf7\x01g2\xd6a&lt;\xf2\x19\xda\xc5\x10\x89\xc6\xe0\x0fc5U\x07NDG\xea\xf3`y;U\xe1\x9a;\x9aPR\xa8X\x86jHN\xcb\x9d4i\xd2$\x00\xc8o\x1f\x0b\xbf\xd9S.\xa4\xd1\xb0Mv\\*\xcc\xd3V\xdb4\xadv\xdek\xbf\x1d\xfb\xc8\x03~!;\\]\xe5hT?\xea\xe2l\x01/\x16\xd5\x05\x92y;p\x05\xb36r_Ug&lt;4gW\x9e\xa7^\xe4i\\1\x15\xec\xc0\xc1\xde\x85\xdb\xe7?C]\xb8\x98h\x88]\xb2\xf6\xfd\xc3#\r9\xbf\x9b\xdfl\x1d\xbe\xf4\x11\x98=\xd7\xae\xf1\x15g\xd2\xa4\xeb(\xf9\x1d$5\x81/~\x86\x0f\xb6\x98\xd1\x16\x08\xcb\x80\xdd\xc0\xf6\xdf\x0f\xb1\x00\xf8\x98Ult\x93Q\xa1}\xcc\xc8\xf5\xd5\tK|=\x90&lt;\xf9\x05\xcf\x84\x90b?j\xb1\x9b\xbe\xb3\xbaK\xab|\xbf\xfb\xf5yA\xed\xf2\x9dW\xfe\xeb\x8f\xda\x08V\xa9\xc9W\x0b-\xb02\xafO\xf4V\xf5\x87WR\x94\xba\xb05\x841\xb3/\x89\x1f\xe9\xfb\x98\x90\xecB\x07\x10\\\xdd\xfde\x9d \xedw\x8d\xba3\x92\x97\x1a\x13\xf6\x10`\xbey\xb8\xb2\t\x9a4i\x92F\xc8\xe7p\x83s\x9c\xe5\xa7\x8fS\x15\xa3\xbeV\xf5\t\x9e\xd7\xc7\x03r\xa6\xd5\x9a\xa9M\xea\xbfq\xd0H\xd0\xbaE\xf7\xd6x\xb6-N\x9a:b\x98\xaa\x84\xe1i\xba\xa2\x84\x08\xf0\\\x00\x00\xf8\xa6KF\xe2\x92\xa81k/\xf2\x7f\x07\x9ak2\xe5\xb5\xb1\x1bV\xfd\x92\xb5|\x8a\x85\xd5\x87E\x96\xe2\xf1\x1b\xb2UaQ\xeb\xb6D\nr\xc0\x94\xa1\x8e|\xd9\x15\x9a\x83\x88\x08\xf0\x93\xea\x13\x8d\xf7|\xc8\xcfr\x87\x92\x01|U22i\xd2\xa4,\xf54\x8b\x11\xbd,z\x87t\xd8\x10\xd1\x15\xde\x9b\xb6\xe8\xd3\xc7`\x028[\xf7\xc4=\xb3d=h:\xbe\xed\xbf\x1bU\xe1\xc6\xf0\xc2\xae\x82\xe4\x16\n\x06\xdf;^\x02\xfd\xcbe\x03(\xf4\xff\xae\xcef\x8b\xd1\xb8\x89\x9c3\xeb=\xfc?\x89\xc2s\x903\r(\x08\x1c\xc7\xff-{\x00\xf0~=L\x01\x9cP\xfe\xe3\xc9\xd44\xbaM\r\xe4\x8a\x94\xe5\x17\x06\xf9\xceW\xab\xf7\x18\xd2\xeb\n\xb0\xc3_\x1c\x9a4i\xd2\xf5\x81\xce\xdb\x85\xcf\xa4\xfc\x92\xf6\r\x1e]\x1d$P_7\xba+A3\x86\xa1\xcf\x8e\xe9;\xf60\x82\x16\xf6/P\xf1kQ\x14\xfa\xc5\xf6Ea\x9bD\xe9\xb9W88|O|\x1ez\\\xfe\xdb\x17\x99/\xc7\xef\x9bZ\xfb\x91v\x02h\xb8\xfc\xad\xe1\xb0\xf4\xc4\x10\x11\xbd\xbf?\xd5E\x01mf\xafp\xb5\xea\x9f\xa8$\xd1\x8d!D|d&amp;\xc8\xc1\xf0\x9er\xf7QG\x9d\x9a\xfdp\xd2\xa4k\x90\xae\xf1\xe9j\x80\xff\xe3\xc6\x02C\xfaT\xd2\xfd\xb2\xda]\xa1\xb8]\x04\x92\xeff\xfe\xba\xdf\x1f\xf0\xae\x18)_t\xb5\x88,\xc3\xbf\xe8&gt;\xd5M\xe3\xfee\xe8\xed$\xe0~+\x89J\xcb3C\x98\xaeN\xe5\\\x12]\xa1\xb9\xd3\xff\x85\xb1K%\xb9\x9b\xafn\xb8\x1d~hl\r\xc9\xbf\x10\xf8\xaf\xe8\xbd&gt;\x9d\xcbn&lt;\x91IY\x0c\xd2B\x13\xc9pR\xec\xbee\xb9/\xb8\xea\xc4\xebcO\xbd\xce;\xd6n\x9f\x14\x13\xbc\xac\xbcO\x9at=\xa2\x0b\x9bc\x95\xa1\x9f\xeak\xeb\xea.\x10\xc9\xeb\x14\x98\nC\\\xfcz\xd8\x98\x10\xf1]\xe5\x15{\xf2\x03z\xb6\x05\x19\x12Fl\xecf\x1aHJ\x19\xf4n\xca\xbf=+x\xcd\x16O3\xdda\xa7\xaam\xe8\xd8P\x04\x15^+\xf1\xf76\xeb\xac\x86\x1b\x8a(\xf3Oz\xccTaP\xb9r\x1a\xf94v\xdd\xae\x7f\xbc\x16\x99\x08q\xce3\x10\xaby\xda.\xae:!"\xdc\x8a\xe7\xa5B^\x7f\'\xea20\xee\xa4f\xf9\x9am\x95\x93&amp;M:\x0b)\xed\x00q_]\xa2\xfdb\xe3$\xfc\xef\x12E\xe0\x1a\xd2\xc6\xdf\xc8^A/\xa2\xbb\r\xe9\xa1\x83\xbas\xf4\xca&lt;\xc8\xa3\xdd\x83\x12\xf9\xfa\xeb=*\x8c\xee5f\x97M\x8a_\xd3K\x9a\x03\x1e\x11\x9f\x99\x08f\xf7\x87\'\xa6u\x92\xcdD\xe5\x04\x95S\x9d\x17\x90AD\xe5\xcbf\x92k\xfbo~\x83\xde\xb4\xceB\x1a\xfb\x98N\xd3\xcfF\xd6\x17w\xca\xcc\xbe\x81u"U\xcb!\xb76\xb8#W\x9cx\xe2\x93\x97\\g.u\xf54\xc21\x9c\x13\xc0\xa4I\x93\xceG\xf4r\xfd\xe3\xce\xf4\xe1ib\xc3\xc1V\xf1.0\xadM\x86\xd0\xd9Z\xbf\x0f\xd3v\x93z2\xf4\x0f\xf9\xfdh \x0e\xca\xfa\x11\x14\xa4\xfc\xcdmD\xd9y\xd4\x9f\xea\x98k\x83\xa4\xef\x13{\x17\x1f\'\xf3\xa8\xe5\x0e\x07\x90I"\x9e\xc4\xb4G/\xbf\xb6\xbe\x82\xa2\x05\n\x11\x11\xbe\xe2\xf8Y\xc8/*\xaf\x18\xa0\xfc_\xd8\xfa\x85\xecr\xf2\xd4\xbbi\xcb\xa8L~h\x904fkp\x1e]\x02\xc98dBti\xd7:J\xd0\x0c\xc0\xc4\x97{\xa5\x9aL\xbe\xbf\x9d\x83\xae\xd8\xc4\x9c4\xe9\xfaM\xd1~\x8dd\x1fF\xafc\x87\x00\x18\xb2:v\x89\xff\x9b/\xb5\x8d\xa7\xfb\xec\x91\xe0p\xd9\xc3\x07\x00\xa5\xf5\xbfPF\xfb\x01\xf9\x15\xe2\x95\xa8\x11\x0b\x0e\xd4x\xd0\xd8\xd2\xf1\x1a /\xe4SKI\x8b\xac\xc8t)2\x05\xff.&gt;\xad\xae\x0c\xe9\xc7i\x19\xae\xd3\xff\x80Q\'7L\x1c\x00\xfc\xf9N\xc7/b\xf6%+\xdf\xd7c\xe2:\xcb\x06\xa8j\xc8\xd13@Xw\xc5_M@\x00\x00\xf8\xa5\xcd\xae|t\x06\x8ah\xe6\xddf{;\xae!\xf7\xa0J\x9bp\xa6\xc6\x01\x8b\xfdkk\xaf\xc5\xa3\xa6\'M\x9a\x94\xa5\xd8dK\xde\xae\xedR\xfdd\xdeg\x1cl1\x8d}\xa1v-D\x05\xbb-zH~X\xdd?\x85\xd60\xf7\xadj\xcdS\xab2\xc8\xc1\xd3\xc8\xbb\xb4&gt;\xdf8\x94\xac\x07(\xae\xa1F\xf0\x10fe{{\xa0`j\xc1\xdd\x9dL\xc0\xa5*\x04xT@\xeaQ\xe7\xfbL\xe0\x1c[\xae\xdaA&gt;(\x1f\x11$A0c\xef\x11*\x0c\x1b\x8c\xb8\xe6\xef\x18\x85\x04q?\xf1\xd2h\x1cT\x8e\xad^\xdd\xe5u\xad\xdfSk\x0e*3\xf7lD\x1c\xf4\xdcd}\xc3x\xdd6\x96\xc6w\x80\xb4\xb8\xfd\x7f\x8c\xe1x\t\xd5Jr\x87\xc0\x08W\xcd\xdc\xb8M\x984i\xd2\xd5\xa4\xd4D-K\x9d\xcd\xc1\x9b\xc2gk\x8f\x9av\x04\x9b\xb8\xe9qT\x95\x05rT3\xb2\xf6@\xe2\x11\xd2\x07\x16\xfe\x0e\xf3\xd4V\x9f;\xea\xd2\xdeBu(zL\x90\xee\x93|Gh\t\x1d\xf1W\xca\x8a\x91\x90\xe6j\xc7\x13\x00S\xea\xe1\x0c\x0b\xe1\xaeP\r\xef\x01\xad\x15\xd4\xca\xe5\xfd\x1fS\xa2W\xe11+\xdd\x10\xadd5u\xca\x99;*/\x95\x92\x88B\x8e\xe4]U\x9d\n&lt;Yx\xef\xa1\x06\xe4\xd5C\x182\xbe\xd7\x95\xd0E]\xb7\xf2\xac\x87;l}\xa7\xa0\xcb\xa3v$\x1d\xa7~&gt;\x94\x05\x16\xb4D\xeeB\x89\xdexh\xa3S\xcc\xcf3\xc0\xa4IW\x9c\xb2\xad\x01\x11\xe1w\xdb\r\xe2(,\xc3:\x00\xfcj\xb8\xb9\x04\xb7k\x00\x00\xdf\xed+$;\xa1\xa6\xc5\xea\xdf\x99\x8d\xb9\x14\xfck.\xdb8\x80\x05\xc7/\xbaA\x93K\xa3\xe6\nQ?\xca\xedW`\xff&amp;\x92w\x9d\x99\xd2\x99Z\xd26\xd3\x1b\x8c\xa8\xc5\xa3w~G\xc4\x19\x80\xdd\xdf\xc6\t\xaaS\x7fN\xac\xa4rT\xee\x06\xedN6%\x89\x16Z3k\x87a\x05\x18\xe1q\x90GzT\x87\xe3x\xfc\xd3\x9b&gt;q\xda9\xbd\xe6\x1cDpe\xce\t\x91h \xfc\x86\x9a\xcd\x83\x89\x08\xa1k\x07j\xc7\xf08(\xbdNr\xcc\x03\xc0\xa4I\x97D\x88\x88\xf0\xc7\xcd\x198r\x96\x9eu\xcecM\xe7\xd0\xec&lt;\x8c,\x1e&gt;\xe7\x11\xcc)Y\x87\x99?\xba\xa4\x06}\x8e$R\xe5{\xd6n\xa2\xef\xa54\x91\x86\xce\xb2\xfd\x8a,\x90\xbd\xae\x9d! \x1a\x92H\xf0\xadbFD\xb8Q\x17\xce\x03I?!\xf9\xd9\x96\xb8\xa5\x7fO\xdf\x9f\xb3;\xd1!G&amp;D\xc4\xdf\xafOJ\x02\x86\xb3\xb9\x8f\x1c/\xf7.D\xd88\xfe@x)C\xe7v&lt;i\xb1\xe6\xec\xce\xfe\xa0^\x91/\xbf#m\xca\xeb\xc3\xd1\t(\n\xc9Y\xaa&gt;\xe3p\x94^#\x1e\xea\x8dM\xcd\xceY;\xfc\xa4I\x93\x02\xd4\x7f\xef8\xac\xdb\x0e\xec\x02\xd52\xd9\xbc&gt;\xe9R_^}\x8b\xdb\xdd|l\x88\xf8\xc5\xdd.?K\x8f\xd8\xbeYy\xde\xa1\x90\xd6\xee\\\xe7\xbb\xf3\x0b\xb4AcS\xeb\x12-\xbcH\xf0\xb7|\x9d\xfb\xa2\x8e\xd1\x13-V!\x1a\xa8\xea3,\xde\x07J\xb7\xda\xfb\xeaJ\xfe\x03\x11\xf1\x83c\x1f\x7f\x91\xd6t\xd4M\xb5)\xd1}v8\xda\x0e\x98\xcaw\xf6B\xf9\x0c\xc1V\x01\x80\x00\xaf\x81\x88\x9f&lt;\xe2\xf3"\xc5n\xfc\xf6\xc1\xe0\xb2\xcc\\\xcam\xc5\xc0\xf5\x8b\xe9}\xd5@\xca\xd2J\x07\xd4s\\\xdc9\xd3\x86\nr\xd2\xa4Ig\xa4\xf0\xf4\x1br\x00\xf8\x06\xc5\xfc\xe8\x16`o\x8e\xcd\x91M\xe4{\xba\xac$\xfa\xa9ly}\xbe\xabM\x9cnV\x9c\xb5\xd0\xde\xd3\x8c[A\xb7kH\xe8\xfdJ\xc6\x99\xa8D\xfb\xf4\xe2&gt;\xe7\xaa\xbd\xe7zL\xff\x17)\xb3\x9d\x8e\x9c\xe5~\xc9\xb3f\xa7\xc7\xb5s\xe1\xa9\x03\x9e\x10\t@:\x9a\xc1\x0c*o^#\xd2\xe9/\xcf\x1b\xb1\x1be(\xf3\x97\xab\x8f!Tq!\x0c\xaey\xc5\x90s:\x8ah\x18\tg\x04uTlD%\xf1\xf4,.\'\x00_\x99\xa5a\xd2\xa4\xeb\x1d\r\xed,\x9f\xd3\xb4e\x02p/\x84v\xc1\xb35\x0b\xb6 9=\x97\x0c\xee+\xe5\x86\xad\xfb\xda\x12\x00\xe0\xa5\x87\xbd\xabVVG\x9b\xea\x1d\xbf/\x0c\x99\xf3\\&amp;Vnq\x9e{\xe2&amp;\x87\x807v)\xb5\xccF\x0eQte\x1f\xbe\x13\x1aCv\xa0\xa2\xe3ev\x8f\xde\xc4t\xd3\xd5A\xc2\xe8x\x19T\xe54\xc4G\x99\xbe\xb4\xce\xfa\xc3\x87q\x95\x80\x81\xd7\x8e\xc8A\x8b\x17DhG\xbe\xbc=\x1a\xcc\x1e\xd9\xff\xa7\x9d\x0f\x99\xd6\x10\xaa+9\x13\'M\xba\xfe\xd0\xa5\xcf\xc0\xe6\x1e\x88\\i_\x18T\xd7\x16\xff\xdc\xa0\x7fu\xe4\x7fPIY\xc9\xf0\xa2&gt;\xd4\xce\xc7\xb6d\xadq\x06\xd8\x94\x0f\xf6\xa2\x19\x19\xba\x1f\x12#}t\xa7\xd5\xe2\xe1\xa4\x0c\xdd\x0c\x8d\xa4:\xaa\x1a0\x1b\xb3\x1c$\xf1o\x95JKU\x96&gt;\xc3\xc4y\xc11?t\xa9\xbf=$\x19\xb1\xfb\x92\xdd\x8e\xe2\x18P\xe3\xe7\x11\xcbD\xaf&gt;\x00\xb8\xbb\xc68Q\x1f\xbf$\xf9\x11G\xd6Ny}@v&lt;\x95\xbe\xba\x06v\xd4y\xa0e\x16\x00\x00\xfe\xdb\x00EG\xd6\xcdI\x93&amp;]"\xb1\xa63D[\xab\x0b\x9c\xa9G \xc0\xc3-Hm\xe1\x9e\xcb\xb6\x87Q\x13\xf6\x8a\x85\xcd[\x96\xc3\xf4\xda\x95\xbd3\x19b\x0b\xd5H\xc5U\xf4T\x13l\xb0\x15s\xd3\x14\xdb\x81\r\xa8\xffN$g\'\x91#}O\x1fNe\x90\x93o.-\x18\xa9\x12Rq\xc6\xf1k\x18\xa2\xbe\x1c\xd88*0\xaa&gt;\x13\x89\x00/\xad\xf6\x05J\xab\x1a\x1bU\x11&amp;\xd5Dz6!!\xcd\xc4@\xea\xd56\xba\xddI\x03\x00\x00\xb7\xa7qh\x16\x89\xd2\x1e\xa3\x0e\x0e[\xee\xab\xe5 \xd9L&amp;M\x9at\x05\xe8b\xf6.u\x838\x8b\xadS\xaf|\x17\xd9\x16s\x16\x0fb{gC\xab\xba\x13\x02x\xea\x88\x8eY\xc5\xf6\xd3\xe80\xc0\xfbT\x18Fu\xe7:\x8f\xc7\xfa&gt;\xdf\xd0[u\xa2\xae1Y\xbb\x12j\xd1\xf9\x01\xbd.\xf4\xb8O&gt;4p\xd4\x02\xbcB\x1f$\xc703A1\x1c^\xbf\x91n\n\xadmA\xdc\xdcq\x06\x8b\x13\x11\x1f\xd5\x98\x0e#&amp;\xa6\r\x83T\xf8\xab\x1e\xd0\xa3#\xf4\x9f\xae\xf4\xed\x01\x9e\x00\ni7[E\xd6|\xbfL\xe2`\xceR\x0c\x9aY}\xfa\xa8\xbc \x82\x0f\xf0\x87!\x1b\x83&gt;\xb7\x01r\x94\xedK\xfd\xa4I\x93\x06Q\xb2\xe7:o#\n\x92\xfc\xd6]]\xf4\xea1hB\xbd\xe3&lt;n"\xde\xda. \x92D\x90\xc8\xee\x08oa\x01\x1b\xda\xa0\xcb\x8fcBY\x1d\xfb\x94\x17\x910\xc2C\xf8\xd5"&lt;\x1e\x19\xc4\xfe[\xcf/\x1b\x97\x97\xa6\x1e9\xf1\xa9\xc8\xc0\xf2p\xb6\x05\xe45\x1d\xbf\xa3\x81\xd6\xc6\xa3\xa3-\'\xed\x87\xab\x80R\x0e\x04\x99;\xa8\xe8\xef\xb1\xf2\xf2\xb6/[\xe8\x1a\'\x9c\x94u\x96D)\x1e\x9e\xc2\x8c\xdeu\xe4\xdd\xc40\xda\'\xc5\xa5`S\xa7\xcf\xb1\x9a&lt;\xd7\x81\xd6\x9a\xe9\x93&amp;M\xba\xeat1\x93\xb6\xd9\x1d\x8e\xc1\xb06\xa0\x89\xf5\xde\x07f\xe0W\xd6\xbf\xa0\xc5n&lt;\xa0\x073\x14\xde#\x087\xd9\xf7\x02\xa9\x8a\xdc\x06\xf5)g\x18\x0f(\t\x99PG\xcff\xd4C\x03\x9f\xbe\x97\xee\x18\x0c\xd6}!\x7f\x01\xc5\xee\xf0\xfd\xcd\xc0mAK\xf0\xbd\xa5\xc0Z\x87\xeeQ\'b\xf7\xac%\xd1\xab\x1c\xc9\xff5\xf4\x07\\\xce~:\xdaT~\x01S8E\xd8l\x8c\x00\xf0U\xcd(\r\x06\x15\x8fO\x01\x8f\x1b\x92\xb3\x04\xb6\xfa\xf0\x13\x99\xd1\x06B6\xdd\xaf\xdeAn\xd2\xa4\xeb2\x1d\x9co\x17\xd7\xaf\x1b\x86\x0e\xef \xc3\x8e\xe8[@\x80\xe7\xa8\x1a\xac\xad\x8c\xbe\xd4=\xb3\xda\x94\x8b\x17\xf2\x91\xee\xc5\xa0\x8c\xbc\xd41\x8a\xe9\x1d\xd2\xf6T.\xffJL\x0e\x9d\xe5\x0e\x92\x93G\xc5\xc4y\xeb\xff%Q\xc6\xb3|\x05bs\xed~\x08p\xe7\xd3\x88\xc6\x90\xb3\xdbL1-\x8f\xa1\xf5\xec\x81\x12/DHS\x18l\x07\xad\x86\x10\xd4\xfb\xabq~\xf3,\xd7\xd6P\xc3s\xf8_\x14\x05\xa3\xe9\x96\x9a\xcf\x9fh\x8b4\xbbV\x9aD\xd6\x86\xc2\x0e\x9d\xcd$\x86\xcf42u\xac\x9d\xb6\xa9\n\xd1\x1b\x93\xd7\xb7L\x18\xed\x9d\x0e\x93&amp;M\xba\x0c*\x9b\xa1\x83\x93\x16\xc9\xe6\xaf\xc9y\x96\xee\xf0\x81\xb9k~\x15\xc66x3\x0b\xa1\xd6\xddb\x9b\x00\xf5Q\xe0\x82\xdfg`/"T\xab\xe5\xeb7\xf3%\xb6\xea(\x07\x9b\xb2\xbc\xc5\x81\x8d \xee\x9a\x9d\xe2j\xa4u_&gt;\x98\xae\xc0\xea\xa8_\xd9\xeeO\x11\x1f\xd9\x06\xd9\xb8\x84\xdet\xae\x0c\xf9\xbf?5\xa2Q\x1c\xd8\x91\xf8\x82(\xe8(T\x17Id*\xedHNa\xdf.Sb\x08\xb7Sq\xf2Z\xfa2\xa6\xb9C?&amp;\xdc\xac#\xa0\x1c\x00.t\xee\x9f\xcc\xde\x98\xe0\tV\x8e\xcb6\x02\xad,\xe8|a_\xcct\x984i\xd2%\x90\xd6\xeb\xd7\xcb\xe0\xd2\x83\x023\xff\x92\xbbCi\xbb\xd2\x9d\xads=\xb9,\x9fA\x85\x97\xd2\xf5\x8a\xc5\xbe\x1e]\xde\xf9\x07\x80&gt;\xa7.k\x19@\xb1\xe9\xf1a "\xbc\xb2\xbe\x03\xb07\x07! \xfc\xed\x17\xdaw\xd2\x97M{\x94\xf6p5\x10\xfez\xd9e\xbe\xacy\x008\x04\x8c\xbd\xe8\xd2\xd1S\x8a\xed\xe2\xa9\x18\xce\x9b\xcd ~Y\xf6\xbf\x17\x9b\x05\xc0\xbab\x0c\xd2\x1f\x85\x953\x8c1N\x91\xf4\xef q6\x95p\xfd~\x8e\xea\xf1\xea\x00\x1c\x04\x99%\x99\xa3\x01sd\x1c\xdanl\x98;mN\x9a4\xe9Z\xa3\xbd\xd7\xd8\x9f\x9c\x86f\xfe\xb3/\xb9;4\xfaT\xd7\xaa\x16\xe4\x1f\xdb\x19\x11\xf1\x0b\x84\xdd\xd2\x8b\xd5\x85\xc1o\xf1\xfd\xed\xdb8H8\xc8W\x863,\x15\xc2Ak\xed/\xb0\x05C\xff2f}\xe6\xf0/Lu^\xf3\xae@\x1b;\xbe\xd5\xde\xca&amp;#\xe5\xf3w\xa0\xc2=#\x88\x88\xf0\xdc\x82\xaa\xd7\xc1\xde&lt;\x06\x8c\x0e\xb9&lt;n\xde\xecf\nf\x9fS\xeb\x0bk\xa6W\xfc\xbc%\xbe{y\x18\xb2w\xb0\x9e-\x8d\xeae\x93\x88F\xc1\x0f\xdf`I\xfd\x9do\xac\xbc*\x83G}\xe0\x00\x98\xc1:)\x17\xb1W\xfe\xd7vY\xfeP\x99h\xef\xb82\x7f\xb6_\xff\xf4\x91tk\x1e\x00&amp;M\xbaNP\x99\xcf\x88\xf8\xc1#&amp;\xb6\xb3\xb2\xca\xc6q\xac\x9b\x046\xa0q]h\xee\t\x82\xda\x0e4\xc7\xbe\x8d\x94\x87al\xa7\x96\xaa\x9c,\x17\x81!\xa6-0\x88\x08_\x15\xbd7\xb54$A*.\xcb\xb2\xb9\x82\x0b\xe4X&lt;$t=u\xfb%\x88\x00\xff\x08w\x8dW\xe9\xe9\xe9?]\x85\xa8\x0e\xc4 \xe6i\xa8\xbdT\xd7\xe4_\xd7\x08 \x8aC\xc2\xa6!\x9a\xbb\x81\xcd\x84\xa9\xba\xbd\xe9\xf2n\x88\x99\xee\x99\xb0\xd5\xa7L\xe7\xba\x8c`o+\xd8\xe7,Z,G\xc1\xe1\xf4v\x15x\xc5\xaf\xab\xf4!\xe7\xa4I\x93:\x89\xb6W&gt;\xab\xd3\x9d\xa5\xea\x17A\xe3I\x13\x95p\x04L\\\x9b\r\xfb\xad"0\xb6\x17\xbd\xd7\xa2\x87\x97X\x00\xf8\xef\xdb\xaa3d\xcdv(\xaf\xf9&lt;\x97\x88\xed\xfbr\xefDwx1S\x83\xfc\x9e\xbd\xdaV\x95\x87\xc45\x8d\xbe\x83%\x92\xc1\x9a9\x12\xbd\x93\xc8\xa3\xabO\xb1\x02\xd8\x12_A\xcc\x13"\xc0\xef\xab\xa6\x83\x83\xbdf\xcd\x02f\x8c\x00\x7f\x04\xac\xec\xc9\xa7(\x0e$\xb4)\x052 \xd5\xa3P\x93\n\xa2e#\xf7\x0c\xd9\xbe\xc3\xd9\x0f\x00\x12\xffp\x8b\xcc\xba\x1a\xc3\x11=\xa4\xc2\xbf\xbb\xe3\xe5n\xd2\xa4IW\x98\x86tpG\xf9\xf9\xfa\x9dT\xeev\xd8\xf1\x1f)\xc4\x81u\xd33\xc7\xac\x19\xc3\xae\xa2[\xb2\xeb\x1aP\'\xa2\xb1\xdb\xa6"m\xeb|\x1d-"H\xb5Z\xb2\xe6\xf1Rl/\xfe\xbf\x8e(\x9do\x8d\xaf\xd7\xd7\xb2\xee\x1e\xd1\xe6j\x10\xe1\x08\xd8\xca\xf23\xd9OM\x88D\xf5\xa7\xc0K)\xd4\xda\x8be%\x82\xe7 H*\xc1\x8aA\xcb\x97\xa1\xf0\xa9\xcc\x1cs\xb6]WG\x12m\xa9\xdc\xec6v\xff\xf0\x15\xa1\x8a\xb5\xefM|\xb4\xf6\x17\x87r\xd4\x13\x93T\x01\xd89\xfa\xd4=\x8f\xe3\xa9\xae.Zf\xc3*a\xd2\xa4IW\x80B\xcd\xfdv\xf8\x05\xd5\xbd\x9d\xa2\xe4\x9c\xb7\x02R\xf9e\xb5\xa1j\xf70\xdc\xe5\xc3N\x89\x03\x80\xab\xd0^\xe0[{\x8b\x83([\xca\x8d\x8d\xce\xfa\xc8?\x00DLS\xba\xd3\xb1\xedu\xa7\xacM\xaf\xae\xed\xf9\x8e\x7fL\xa1B\xb5\x82\xac\xea\t\xea\x1cJ1\xc73`(\x9b\xea\xb8\x1f\xaeC\xd7\xab-\x9c\xf2)K\xbd\x00\x9c(\x8c\xceZ\xbac\xcf\xf1\xb8\xd8S\x1f\xb3\x83\rE\x18\x98S\xa2b\xbb\x0e\xf0i\x91A\x94\xc2\xecT\xcb\xe9\xd1\x9b\x0cn\xd1\xe2\xea\x01\x10\xe0k\x84\xd9y\x00\x984\xe9\x1a&amp;eQ\x89I]\x16]D\xd3\t\x98\xc0\x8f\xe4K\xf8C\xcf\x8b)H\xee\xde\xce\x16\x12Ki\xfdt&lt;\xce0&lt;\x07\x9b\x058k7\xa7g_\x0e/\x9a\x8e\xaf\xb8\x18\x02\xffC\xb5\x95_\x8f\xe8\xcd\xc2H\xf1g\x95s\xfd\xdfa\x96\x96#xzm\xc5\xfc`\r\xfc\xaf\xf0\x94\xcch\xed8\x00\x9c\x9b\x1a\x97\x0e\xcaA(\x8d\n\xf1\xe0a\xec\xd2\xe8w\xecD(\'"\xa7\x14\xc7v$\xdb\xd6\x9f\xf74\xccI\x93&amp;]Mb\xbd#8\xa5c\xd3&gt;\xd9\x92\x98\xce\x15\x15\xbd\xdc\x1a\xd9k\x10\xf1\x97\xdc\x1dg\xea\xbe\x9c\xc4\xed\x08\xc8\x11\x0e\x8a\x1dLyme\xcd\xf6\xe5\xe2\xc8Y\xc3\x08$\x04\xe1\xd1q\xc0a=\xe7\x8eO\xf47\xe0\xd5\xd7\xc6W)\x86\xd09\\\xde\xb4\x89[\xed\x01\xaac\xa1h\xa6\x1b\xbc\x03\x80R\x905\x80\x98y\xfb\x9e\xfb\x82gb\xb1\x85\xfd\x9b\xe9\xdc"\xb2\xc6\xf0&amp;\xe7\xac\xae\xfa\xa3\xaa\xa1&amp;\x8e\xd3^]u\x04\x10\xe0\x01\n\xdajA&lt;\x0f\xa0\xc0*\x10\xe1\xb9\xb2\xb4\\6\x80I\x93.\x9dN3v\x9d\x0b\xa7\t\xbc,\xb9\xa9\x81\x88\xcb\xb2\x00"$\x053\x16\xaa\xf7)\x84+&lt;\x00\x00\xb4f}\x9f\xe3R\x03\x83\xa7\x0e\xc6U-\xcbrz\x97\x00fga\xf3\x11\xfc\xd6\'\x9b\xf8\x91\xb0\xf4\x12n~H\xd3;@\x06,\xe8`\x02\x81\xed;\x8b\x92\xcf\xd6\x11@\xe2\x0bd\xddYe\x89|\x9e\x10\xd1\xd4\xa0\xc6\xb9.\xdan\x9b;-\xcb\x82\x88\x81l\x9a\x93\x1a\xd2\xf1\xf7T\x9df\x96\xe5\xe6\xa9\xc9\x90V\xb3j\x0b\x038\xed\xff@UNM\xb4\x9d\x18A\xc7\xfba\x9f\xaa\x01U\xe4\xc3\x00(I\xecZ\xe6~\x05\xe0\x1d\xc7\x02\x93V\xe8\xdbc\xb3x\x18\x0c\xb0k2\xc2v5\xe9\x06\x97\r`\xd2\xa4K\xa7\xa5\xacRn[|\xac\xa7bY`\xf0]\x04S\xb6\xed\x83\xba\x9a\x0b\xd9\xfd;&lt;\x03:\xd7r"\xbb-&gt;\x15\xb7\x9bB_\xcf\x06\t\xb6=ADj\x13~\xe7\xfd2\xa66\xb7\xa6\t\x0b\xbc1\xd7\xab\xc1\xeb\xbd\xa4\xe2eY\x1ef=\xa2\xe6\x99\xcc\xb2,\x81\xedr\xffe\x95L\xc4fTgOif\x17i\xdb\xdew\xc9^\xc1\xae\x90\x0e\xd7\xb3eUsxD-\xd5o\xbf\x04\xab=\xb1%t\xe2\xb2\x1e\'\'\xb5\xcb\xccTU\xc8\xd6\xfeYs\x9c6oNy0\xe6\x9ds\xab\x81\'\x87\xc1\x9d\x89\x06\xa45\x1c\x01\x80C&gt;zP\xdf\x9d\x1c\xad\xa0\xb7\xdb/\x0b\x00\xbc\x03\xb7\xda}\xe7\x1d\xbc\xc2\xf7q\xde\xb4%^\xb5\x94\x04Tf\xd6\n\xd75\xb4\xdd\x9f4i\x92G\xce\xae\xa8w\xc3\x14i:!\xb5\x8eu\xf6\xc8\xfa,Rm\x82\xd9\xb6x\x92\xc9\xf1\x97MJ\r\x8c l|m\xc0\xf2\x08\xb4\xb0\xa0F\xea#\x1f\xb0\xc9\xa0E\xdbQ\xd5dS\xf1l#\xda\xaf\xf8\xbd\x13[\xd2R\xe9\x88F "\xde\xd4\x902d&amp;n\xf7\xf4 \xfd\xf5\x93\xb48+\x8c\x0f\x0c\xccY\xf9\xcd\x90\xce\x90j\xda\x83A.\x0c\xfdg\xb9~lp3\x94\xc3\x11\xd9\xd3Km\x10\xb4\x02\xfb\x1b\xc6?\xf8\xa6\xc5E{1\x86\xa4\xdd\xe1\xa6\xd7"9\x87G\x7f\xd4\xa7\xd3l_\xa2\x00\xbc\x85O\x04\xaa\xa9\xcdUulF\x9c#q\x93&amp;M\xba\xc6I\xebS\xa5\xb55[X{q\x8dnI\xd1}*\xe8\x85\xfa\xa2\x1b\xe8t\xaa\xb3|\xbch\xf0\x01g\x89\xef *\xe5O\xac\x06?\xe8B\xb7M\xfa`\xf3T\xa0E\xfb\xc8bsp\xad\xaa\xc5\xa3\'\x9f\xb7M\x9e\x01:\x80Q-\xfe\xe3C\xcaW\x0b\x89\x08\x1c\xd1oD\x03%\xd7:\xcb\x9eP\xcd\xd3\xa6\x15u\xd8\xe3\'\'y\x15p\xd8\'\xbe\xe3W\xf5\xf08\x0f)\x8f\xcd\xae\xed)\xb3u\xae,_\x18=\x89\x86\xbd\xb9\t\x86*5]\x06\x0f\x85\xab@}\xa1;\xc5B\x95\xc0K\xee\xdbU\xae7\xf6\xe6Z\x02\xb0\x83v\xd2\xa4I\xd7\x17\xaa\xfb\x88\xd2Y\xd8"W3\xaaK\xb8\xdeY\xd4\x86\xd5\xec\xf2\x10\xec\x9e\x1aZ\x80\xd0b\xef\x88[\xfa%\xcf\xc1\xc5\xbe\xee\xcbms\xe7!i(h\x1d\x19\xf5}\xf2\xc0t\xee\x82d\xadRJ\xd1\xa3\xbf\xc9\xda\xcdC=\x9at\xe7i\xb7\xe6\x94\xa1\x83\xfb\x80\x17\xb0\xd4\x9b\xf6OOy\x03\tVxG\x1e\xd5\x03@\xd8\xa2\xc6Cn\xa6\xd7\xa7\xef\xcd\x19n\xbd]\x1fp\x7f\x0f\x90\x9cP\x16\xda\x0bj\x14\xab_\x8fc\x08\x06\xeao\xba\xc3\x18\x0eD{\xbb\xd8\x92w[\t\x8f\x10nc\xa2\x8d\xa6F\xce\x91#\xda|\xe1\x0b+\x95I\x93&amp;]\xe2d\x8b,uQ\xfe\xbf\xa8\x1f5\xfb\x88Xz\x15\x9e\'\x9d\xa3\x135\x8e4\x96\x08\xe1\xfcK\x93\xcfZ\x8c\x03\xcb\x8f\xd3y/\xa3/\x1bg\x98\xd3\xff=\r7\x9e\x00\x9e;\xa3\xa4\xa3\xe0J\x9c\xb5\x03\xea\x0e\xf5\x0cta)\xe8\xdd\xb2hzz1\xa704\x0b\xb8\xf9\x19\x11\x97m\x94\xca\xfe4\x9f\x14\xac\'\xf5\xfe\xfaX}\xae\xda|%\xc4\xca\x05\xe4\x17\x8d\xd7A\xdd\x15N\x1f\xf3\xe6\xb2\xe2\xfe\xf8Y\x93\xb9\x889\xdas\x1e\xdc\xb8\xd0q\xc3\xe2\x15\x95\xde\x15\xfdIdS\xb6\xaejN\xd4\xc1L\x9a4\xe9\xcc4f%0\xe9%fo\x82\xfc\xfe\xc0\xebMI=\xb1Vu\xd6N\x14\xeattQ\xf7a\xabO\xc3\x91i\xaf\x13\r\x90C6\xd6\x01\x9e\xde\xbd\x0b\t\xe0\xd9v\xe7\xd7\xe0\x1af\xd6\xd2(\xfdMUN\xe1%l\x1c\x88\xb9H\\\xa83\xecu\x18\xbf\xb0\xaf7\xe8\x95\xc5\xd6\xec\xce{\x11\xc0\x93\xb4\xa0E\xe6}["\xbdTg$\xe2W\x91\x13\x97&amp;\x08\xf0\x96A\xab\xfd\x80w\x1d\xe7\x9d\xfeu\x91\x98\r\xad*\x06q"\x12\x05_=\xeaC\x15\x97\xbd\x81`\xb6\xf0L\x9a4\xe9\x9a\xa6\xc0\xd7%c]\xc3\xea\x0e\xf9\x9eu%\x1a\x8d\n\x1b]\n\xaau\xfd\xb2T5\x96\x04\x14KHy\xfd\xdaI\x84\xaa\xe9\xe8\xcd\xd3\xb6srtua\x18@\x1d\xc9R\xc5\xeb\xadLN&lt;e\xf1&gt;\xfd)KR\xfe\xf4\xa8\xbb\xf3\xbf\xcd"I\xdc;\xfev\xab\x1d\xb5T\x80\xdd\x8bT\x85UU\xc8\x17\xe3\xbaP\xb0\xfc.q\x8e$\t\xb7\xda@\xb8\xb1\xe5W\xbf/X\x9d\xc7\x10\xe0WN\'\x1c1\x07\xaf\xf4\x96T\x9b&gt;HK\x01x\x8d\x11\xaf\xb9\xe0\xefw\xd5$n@\xa4`\x19\xd9\xfek\x1c\xe7d\xf7\xbb\x86h\xfe\x0c\xe8\xa4\xeb\x0fe\x97O\xef\xe7\xbd\xb6\xdf\x19\x8c,\xbd\xe5\xa7\xf1Z\xbf\x17\x96X\xde.\xf3\xa7\xc7\xe4\x0f\x9f\xf9\x11\x08b\xdd~\xa3\xd3\xdaL\xefo\xe8\x13\xc0\xeaW\xf6N]\xbaV+\xad\xacK\xc8\xdfp\x13\xfc*\xce\xa7\xf5n\xb4\x01\xb7\xc2\xd1\xfa\xcd\xb8\xcbYB\x96\x8d:\xc5\xb7\x17es\x08\x99\xad\xed&amp;\x9b`~\xbd\xbcH\x90\x1e\xcdr\xd7\x8cI\xf0\xc7\xdd\xdf\x01@\x8b\x89\xfb\x9b\xad\xf5\xfe\x1b\x00\xdf\xc6A\x11H\x1fe@pv\x87\'s\\\xe7\xf6\x12\xc5\xaf\xcd\x8eJDe\xf1=\x94}\xf3\xe1\x9f\\\xbc\xb0\xf9\xb5\xfe*4"\xc0\x8b\xad\xc9\x15\xf1\xc5:4\xc2)\x18[\x16\xdea\xfd\xb5\\2\x07O\x7f\x96\x06QW\x92\xa1\xe6\x02w@u\xf9\xcfj\xc9\xc7\xba\xec?4\xcd\xe3\xf9\xe6\xdb\xfb\xaf\xcd\x9a\x07\xe5\x0f\xa7\x94\xd3\x07\xee\xff%\xfd\xdb\xc8\xdc\xfc=\xd0I\x93\xae0Y\x8d\xcc\xda\xc4G\x1a\xdf\xc1\xe6\x98\x12\x97\xd7\x0fM\xee\xd8F\xd6\xe6\xfc\xc6\xfa\xc6\xc5\r\xa0J!\xa8B\x99\xa3_&gt;\xda\x17\xbd\x9a\xc1\x11q\xd0f\xf0S\xb6o\x11.t\xdcE\xf5\x7f\x90\x9d\xa2\xcdD\xec\xf6:\xa4\xaf\xc4\x01Y\x08\x83\x1a\xfaL\x8e\xdf\xd2\x1d\x0e\xbe\xf0\xba\nN*\xc2V\x89\x1e\x87\xe7+\\\xc7o\xca\xc3k\x8b\x0c\xaf\xd8\x91.S\x95\x9fT\x15\xea\x80t\xc7\xcdgm\xd9\xbe7n\xb2X\xb1\xb5\x02\x18jq]8\xf3t\x0f\xd9=\xa2K\xd8\xd6u\x9fv\x1c\x85\x88\xdb)w\xf7\xd9\xdf\n\xd6k\xf1\xfa\x7f\xd2\xa4\xeb\x16\xf9m\xa8\xb5\x11\x1c\x88#\xc1z\xb6/K\xc4\xfdB\xed\x9b\x0c*&lt;M\xa1\xb2iv\x14\x9e\x878H\xfe)\x81+\xebS\x17\x9c+\xbd\x188\xae\x1d\x99\x08t\xcd\xee\x8d!Yq\xc5?6U\xed\x15\xb6&gt;\xcc\xe7 \t\xa6\xbb\xa8\x86\x15$\xa5\xff\xd1Vh=\x1d\x03 FV9\x8dS\xbc\xeb\x1f\x007f\xb5CD\x93\xda\x8f\xd9\xba\x952\xde6: \xa4\xa3\xab\xa2\xbb\xe6G\xc1x\x8a0JK\xc5\xbf4\x19U\xa5\x17D\xf33\x8bI\xd75\xc2\xed\xf3\xeb&amp;\x0f\xa3a\x7f\xd2\x0f1\xf6\xc5\x80\xd3\xc7\x8a\xcf\x00\xb8\x97\xa1\x06\xc5G\x93)\x14\xbb\x8f\x07\\C\n\x80\xc5\x16O\x7f\xf8\xb3\xfe\xea\x8e\xff\x05\xa1\x8b\xfd\xbb\x89\xab\xe5\x12FD$\x7f\x14Y\xfd\x83\xc5\n\x99\x98\x11AM\x90S\x00\xd1\xda\x08\x95\xf1p:jt\xf5\x8eGu\xb8\x17\xa7\xc2C\x80\x85\xfc\x8d`\xcfJ8\xec\xc7\x81\x81\xf2\x8d\x82\xf5\xc9\x869\x81\x84\x85\xb2L7G\x82~\'K\xef\x1e\x88\xb0\xbc\t\xe2\x1f\xad:5\x85\x86#\x86B\x0b\xca\x81r\xb2f\xe6\x91\x96\xa8*_\xb6=\xdd\xf9\xe7Z&lt;z\xa7c\xadZ0\x9e\x92Kh\x1a[(\x07\xae\x9e2\xf1M\xe5\xa4\xb1\x0f\x83\xb0U\x9a\x02\x88\x16!\x8d\xf9\xfa\x1a\x9a\x93\xf4\xaa\xd0\xfc7\x00\x93\xae\xa3\xe4\x1e\xc4\x17\x8d\x86\x996U}\xb1\x86\xce\xdc\xfd\xc3z\x95\x8c\x00_\x94\x07\xd1\xd8\xd8\x86o)*_\xea@\xa1|\xa4\x86\xb1\x0c.\x8b\xf2\x91B\x0c\x86J\x8d\x0f|\x88\xee\xff*\xfc\xdb\r\xd9BP\xf7\xda\xb7\xf6"\xcb\xc2\xb1\xbd\xe2j\xfa7\xe3\xba\x7f\xad\x17\x15!?\xbc\xe5\xbepc;|qu\xfa\xe6\xf3\xf6\xaf2\x96\xedK\xbbG\xd5\xea\xb6\xaa\xaf\xa17\x99\x01\xe0\x02\xeez\x97\xf5\x9f\x98\xc8\xc8\xaf_\\\xb6\xa3\x11\xc3\x96\x0b\xa6\xf5]\xe5\x05\xe0\x8f]\x8e\r\x13\x07\xd5\x95\xca\xbb\xd3\x0fv\xa2d\x05JV\xf4\xf3\x1b\x17\xf9\xadN\x18\xc7\xb4\xb7er%|\xb7\xb8\x82\xd0\xad\xd06\x1d\xd7\x7fE\xb0\xf0\xa7\x00\xf0\x00\x07\xdb\xaf\x00\xc0\xf3.\xf0\x06:v\x9b\xc1\xde\x96\x86\xf3$csM\xe9e\x11\x14\xfd\x17\\\xea\x07,\xab\xd6U\xf7\xf6\xbd\xff\xf2O\x0f\xc4\x05\xc7(4\x93&amp;M\x1aDW\xf6\xc3\xb8\x15\x95\xf6\x01.\xed\x95\xeag\xa0\x11\x8fv);\x02\xc9OW+Q\xaa#-&lt;\xf2K\x05\xde\xc7\xf7"z\xf4\xad\x82\x01\xf7o\x91v~g\xc3\xd9\x85\x14\xe5\x19g\xbf\x0b\x8e}?\xa1\x05\xfen,\x1aC\xe6\xcb\x15\x9bq\x83\x0e6g\xa7F\xe4\xfdT\xf6%n\x93\xba\x93cnW\xdb\xd2oa\xa8\xc7;{N\x85Gk Z|\xd8\xb8\xd2l\xf3s|e\xa3j\xfb\n^\x83D[\xc4n\x05\xe0{%\x00\x13\x9c\x16"\xca\xe1\xce\x05\x04\xb8g\xdc\x85\x1e*\xf0\xdev\xbb\x8b\xb9\x93Y3{(ZS\xa3Y\x9c\xaa\xdc\x1emE\xfc\xc6\xad\xb4\x96\xa7\xdf\xcf\n\xac\xaf\x1e&amp;M\x9a4\x9c.v*\xf6p\xca\x12\xa8\x00\x00 \x00IDAT\xce\xfc\xb5\x83\xfcph\x1d\xb2\x18\xba\x97\xd5\xac\x94\xdf\xe9\xe4\xa0o\xe2\x84\xe1nQ\x18\xd5\xbak\xae\xdcd\x91\xa6\xeb\x87\xb5\x1b`\x8b.\xb3EMT\xab\xc5_*WG\x8d\x90\xa6\x03\x8e\x88\x08\xff\xd4\xbf\xc9P\xfd-\xcf\xd5\xbdT\x87\xa1\x8b!D\xbc\x0fz\xb5\xe7\x08v\xcfM\xa6\x89\x0f\xdc~@\xc4\xcc2N\x8b\xeb\x05\xe9\x0b\xda\xe3~\xf1X\x18\x94\x87\xb6\xd1\\\x12WY\xf7\x00P\xf4s/\x04BK0\xeciu\xad\xe0\x088\x9a,?\xe8\x90\x8f\xc4\xc0\x06jl\x11\x11\xde\xec2\'\xf8\n\xef]\xb3\x18\x02g\x9eN,\xba\xec6\xfed\xdf:SU\xde\\\x0b7\x0e\x93&amp;]\xaf\xa9\xbbq\x9c\x81\xf2\xeb\x90\xaa \xd9w\x1a\xe6\x9a\n\xb9`W\xe3K\xba|G\xb6:J\xd9\xff\xe5z$\xf8\xe5\xcfN\x0bn\xf2\x14\xeb\r\x84e\xa2\x9c@bN\xf9\xf4\x7fN:\xff\xf9\xc0\x19@\x0e~\x8e\x1e\xf6\x8b\x98\x11}&amp;\xba\xa7\xc6n\x14\x11\x9e\xd8\xef\x1d/\x0f\x82\xaa[gQ\xb3\xfd_\x08\x86\x9aPm\xb6\xd2\t\xe2\xecr\x0c\x99h\xc0\x11Z\x9d\xc40\xda\x11\xba\xc6mq\xa1O\'x\x0cw&gt;\x85D\xa6\x0f\xff&gt;p\x7f[6\xecc#Y6\x12\xb2\xef|\x8c\x9b\xb8u\xf0ucx\xceB4\xe6\xdaz\xd1\xbd\xf0E\xb9\x99 \xeaW\x03\xebx\xa6&gt;\xbf\xaf\x92\xbdvh~Wi\xd2u\x840\xf9\xcf\x80N\x13\x95\x8a\xd0\xa9\x9b\xfc\xe22\xca\xa9$\xf5\xfbH\x88iHN\xcc\xdd\xba\x15\x84\x0eg\xa3\xf8k\xf4\r~d\xffjv\x15\xceD\x1b\xe9?\xcc\x92\xb1r`\x17\xa4\xa7\x7f\xa4Ec\xb5?\xa2\xff\x96kYlmJ\xc6\xa9\xa2e\xfdg\x00\xda7x\x07\xfdC\xc6nb\xce\x96a\x0b\xd2\x16\x04(\xff\x90Z\xc8\xe6\x8c7d\x1f\x84\xf8\x15\xfc\x9f?2\x0ci\x93\x1b]\xf0?\xaa\x1eHrc\xb1\x90\xff\xa7\x8c4M+\xe7\xc2\xe7\x88\x1e\x07a\xa3\xfd\xcf\x19O\x9bl\xc3\x90e\xa1\xcc\xac\xcaVoE\x81\xf1\xe3\xf1e\x9a\xabVh\x19\xaf\xafa\xff\xb7"\xed*\xa5\x08\x8e\xfdZC\x92\xca&lt;\xa5 y8\x15\xf0\x88x\xe1\xf5/Z\xcd\xda\xffh\xd6\xd6\xd0\x9d\xe0A\xa3\xdeD\xe9\xe2\xfaS\x00td5\xd1\x06\xd6\x995\xbc\xa0_\x14\x984iR\x83\xd6\x16\x13\xbe\xbfi&lt;\xden\x05rW\x0b\xb6\xba\x00\xdbw\x89{\x08\xf3\x1e\xc8B\xf5\xbb.l\xfb\xaa\xa3\xe2\xd2\x84\xf4\xfb$:By^3|\xdd\x05\xb6\xf2\xb6p\tN\xec\xb6\x8c\xeb\xcf\xe4\xd7J\x84cwwJ\xe4\xb4\xcfe\x87\xb9\xbbD-\x18b\xb0\xfa\xfb\xaf\xe5\xba\xb4UK\r\xab$z"\xbc\x04\xd8\x9f\x8a\x1b;U\xeb\x7f\xe1\xfa\x87 |\xab\xea\xa3A3]7+Qt\xc6Mh\xe6\xb5T\xd4R\xfd\xdc\xd6\xff\x01\xf8^\xb8\xa57eN\xa9\xe9\x9b\x921\xa9\xbd\x00TJ\x19-:\xc1R\x87\xb8\xff\x1d\x93\xf5\xed\xc7;\xb0\x9e\x1co_W\x92\xfc0\xd6\x8f.\xc8\x05\x02I\x9f\x80\x07\x0b\x80K\x85??\x81\xd6?-hY\x14k\xcaI\xe7U\xad\x8dI\x93\xae\x8f\x84\xa1=\xc4\xdb\x02\x00\xc0\xe7\x16F\x00\x80WJ\xcdd\xb3\xe76;\x82\ni\x87\xba\xbe\xf8}0\xfb\xbbl\xa0\xd6\xaeNq\xbf\xb6b\xea\xf5a\xd7]^vF)\xde\xdd\xf77\xfe\xa0\xc8\x0bu\xfd\xdd\xebM\x90\xe4"AS\x907m\xfdi\x1b\x19\x8at&lt;\x85&gt;!\xce\x06\xcb\xdb\xde=\xa2,`\xc6\x96:\xfan"\xf0\xc9\x89\xb5\x9f\xe3\x91\xc5\x1c\xd7\xa3\x82q\x9ewk\xa6&amp;$\xc5,\x9e8\xdfh8\xbcp\xd0T\xec\xd2\x97gtc\x90ay\xc0\xfe\xbaqh\xd7|\xd1D\xde\x04\x0bc\x04R\xa5$Y\xa5I\xf24\xe3v\x86?X\xe1Y\xba]\xc4\\",\xec\x9f)W37\x13\xdb\xdeD\x08+$\xcbs\xf7?i\xd2\xa5\x13\xb2\xa6\xb0\xbfV;\x11\x1a\x9bc\xa9\xc1\xb2\x12\x84\x05\xf0\x8a\x04H\xa0_\x94\xa5\xcb\xde\xa6G\xae\xd2\x9b\x0c`\x9fC\xe0\xadBn\x1a&amp;No\x1fR\xde*{\xe2\xe4]xj\xf5\xb2\xf8\xb3zR\x14\x89\xf6XCr\xf8\xa0N\xd5\x0e\xc9\x14B5k\x12+_]\xf9\x89(5K\x85\xe9\xd9\r\xb95/\xa7ahb\xc60\x1c$38\xc8)\xab\xd8\x18|n\x1ec\xa6\xda9f\xe1\xc6\xfe\xe8\xcb:\x90H\x1b\x9fI\xf6\xf4\x80\xd1O{\nO]Bz\x0f\t\xa2\xd9\xc4\xef\xac\x96\\\xc4\xa9\x0c\xbf\xa9\x05\xce\xfa\x91\xd7E\xd0U\xdbd#\xc0\xdd\xbbr:i\xd2\xa4\xf3\x90\xd5\xe0\xd4\xf1f7\xec\x92\xca\xfe\x13\xa2J3 &gt;RY\x14\xbd\x03\x80\xbbHP%.\xa4C\xab\x02n\x1a\xa4\x92/\xac\x17\x9e\xef\x04@\x80O\xf17g\x06@\xbez\xf1\x10q6}\xb5\x93"A\xfb\xde\xa3\xbb\xd2\xfd\xb1\x82J\xd0-@\xb9\xc2O\x02\xb2\x8em\x9f\xd7\xad\x93fP\xb9]cU\x14\x8c\xa4\xea&amp;KS/`\xd3""\x02\xdc/\xa5\xb9\xab*\x12\xca\x7fb\x10\x18\x12\xcf\x0e\xb4\x9f\xa8\xe6"\xaf\x87JG\xe2&amp;\x1a\x91q\x0c8\x80$b\xdc4\xb4\x8dT\xad\xc3\xe4\xff;e\x9aX6\xe9\r\xceq\x07\x7f\xec\xa8\x86\xab\xb4[\x15\xe7v\xb3\x1f\xbe\xe6p\xd8G\xdao\xb9\xf8\xa8Kz\xd2\xa4I\x97N\xd6\xc6Hm\xfazG&amp;\x8b\x81\xd1\xb2\x1b\x9b\xe9\xaeF/\x97\x9cm\xa5|\x86\xd5b\xac\xc1\xfd\xf6+\x86\xa4\xb18\xf9J\x08Z;\xf2\x98\x85d\x1a\x13vM\xb4gh\xcdQ\xf0\xcdxZ\x1b\x11\xc9\x99\x03X\xbe\xa9\x7f\xd8q\x19F\x01\xf8\xe0\x9e\xe6\x8c\xbb\xed\xad\xe4\xfa7\xbb\xc7\xf7jG\xe8\xc0\xeed&lt;i\xe5\x94\xc6\xa6\x16&lt;\xefx\x0f5/2\xb2\xe6\x0c\xe3\xac\xc1V\x8feo\x89\xcdS\xb3\x0bq\xc1\x83\xado\xd3r4\x1ac`\x0c\xa6-V\x0c\xd8}\xc0\xa8\x9cc\xf4CI\x9d\xd5\x92Z=\x10-q\x10\xc2I\x93&amp;\r#kKd\xb5\x00\x04\xf8\x00\xf14\xd3\x83\xba\x9a\x82\xb3F\xf6\xed\x06\x82=n\xb7k\xdf\xd4\xda\x81j4\xe8\xd1\xbd{\x0c\xf5C\xfa\xad\xbe\x1aP\x8d\x8e\xbf:\n\xefZR\xf4\xd1\xd5\x01\xe0/\xd6\xd9t\x152k\x95\xa51\xdf\xa3Zm\xcd\xd2:\xb2\xa1^\xa3\xa3\xc8\xdcC\xfb\x1e\x99O\x8d\xa6d\xff\xeb\x14_\xcd%v\x89\xed\xb3Y\x81d{\xfb\xf3\x0c,\tfW\xe8\x84\xd4g\x9c\xcb\xc7\xc4\x94\xbf\xd4i\x1b\x9d\x98\xa8\xd10\x04[\x19d1\xbc\xcf\xe0\xbe:i\xd2\xa4\x0b"\xbd\x95\\\xc0d&gt;\xd222\xbdO\xbf\xef\x0c6\\\xb0CA0\xf4yqi\xed\xd2\x89[8#|{7\xa4`\xeaR\xa4\n_8Ps\x00\xeaf\xfd\xed\xca\x96w`\xb2\\U\x83&gt;\x05\xea\x07p\x9c\xf6\x08_\x03\x1b\x82\xee.\xb4U\xc5gk\x83i]\x1d\x00.\x84xp\xc4\x0cz\xdf\x8b\xc7T\x937\xa3\x8fm\x91\xa5\xec\xd04\x91R\t\xee\xbc\x81w\xc8\x83\xf6\xf76\x1bW\x8b\x82\xe0\xb7\xb9\x06\xa2\xe4\xca\x16\xf6\xa4I\x93\x00\xa0\xbf\xa7\xc8\x8b\xa2\xe6\xcd\xee\x18\xea\x03\xdc\xdd\xcaU+F\xbf\xcb\xd0*\xf5O\xfd]\x92\xd9\x950n\x7f$\xfe\xcf\xd9\xb4\xd2[m\xd1\xfd=t\xbc$\x82R\xb2\x9c\x06\x14R\x0c6"\xfe\x1c\xe3&lt;\x92\xe2\x8b\xa5\xee\n\xb7\xb4a\xd7\'lHv\x15\x071\x1c\xa6\xce\x0b\x82\x90\xea\xca\xbb\xaf\xcdX\xbc\x86\xc9\x9d\x0b\x17\xee\xbb;\xa3K\xbf"cw:=\x89+\xae\x99G\x1e\xed\xf8l\rl\x9aiS\x8a\x9aw\x01\xecO\x9f\x1aW\x8b\x88\x08\xbf\xba\x07\xe75Q=\x00tv\x8fI\x93&amp;\x1d%1\xed\x07\xec\x06\xaa\xf7\xb7\xa8:\x8b\xd5\x85#;\'\xd18\x14\x9d\x9a\x9e\xc3{\xb2\xc3\x1b;g\xedi\xd2SE\xbb\xa4:\xe3\xd6\xbb\xb7/}T\x96\x1f\xb1:\xaa\x18\xd4\x03!"\xe2-\xec\xb5\xe1HT\x1d\xb2\xca\xccg\x0bJM2\xe8\x8aF\xacNe\x12$\xeeSu\xfd/-\x8f\x1b\r\xa8\x93K\xad\xb4\x0b\xad\xf3-n\x9d\x1f#\xf8\x13Sy\xfa\xb0\xa8kC\xa6\xfc\xbb7\x94\xf4\x1c\xad\x13\x90\xce\xd8\xb5\x94\xdd\x85\xe8\x93\x17\xba0M\x9a4\xe9\x8c\xc4Z\x89\xdfv\x9d\xb7+=\x92oye\xc3\xadF\xce\xd0\xcbv\xfd\t\xb55\x86\x10\xaa\xf6O.b\xd9IkqP\xf9\x91l;"\x91\x19\x18:5_R\x7f\xf1\xcbz\xa4\xc2\x1e\x82\xd3\xd2L\x83\xe6\x8aV\x11\x86\'E\x83\xdcDuD\xbc\xcf\xe6\x85[L\x11\xc2O\xd0\xc0^q\xb4+\x91&lt;V\xfb\x1e\xb9\r\xda\xe7u-\xae\x8e\x0b\x86\xcb\xa3\x8b\xb3\x1e\xed]N\xbbp\xc4\xedi\xdbr\x90t\x80\xf2\xbe!\x92\x03pA\xe4W\xdap[\xcd\xe2\x9f4i\xd2U%w\xd2V\xbd\xac\xb5\x80mOs\xbf\xfbI{\xa5l\xfaG:\xa9\xb3xd\xd4\xca\x16g\x8b+\x0c\xef`\xed\x06\x88\x86F\xf7L\x00Hx\x9a\xbb\x89\x97\xa6UN\xc7\xa8\xff\xc8\xf7\xc5\xc2\xbf\t"\xbc\xb0\xb1Kp"\x86\xdb\x89E\xf5%\x0fL\xc1\x19eu-\x8e\x00s&gt;J\xdfP\xea\xce\x9e\xdf\xc7\xdd\xe8W\'&gt;\x10\xd8\xe7&amp;\xf9\x04\xa0&lt;\xfdi\xee\x14\xbf+\r\xce\xd9At\xb0a\x9a\xb3\xbbK\x9b\xfe((\xeet\x98\xa68\xc0\xeff\x8dJC\xa7\x97)\xc1s\xde\xc1G\x8d_\xe0.\x1cU\xba(\xeb\x93&amp;M"\xd41\xfd\x86\xcc\xdb]\xf6oZW\xe3\x010!q\x9f\xd3]&lt;2-Rop\xd2\xb4\xc5\x10\xb0\x15\xe8\x9e\xf9&amp;{\xe3\xdaY\xac.\xc2Mq\x19\x1f5\x8c\xc0V\xe2H\xe5 \xc2\x1dW\x18mfG\x0b\xb9\x9f+H\xd4-\x17\xc0m\x00\x00\x9e\xber\xbeF\xbb\xae.\xf9\n\x96\xc6Y-\xb0\x8b\x05tF"\xc5\xf3r\x1a\xf6\xc3\xe5\xd1\xb6K\x01\xc8\xf1\x03\x8a\xf5\x89\xa9\x8eG\xe6\xef\x00\x1c\xc9\x8d\xa0h0"D\x1c\xb3\xe7\x85\xeb`\x04\xd5\x9b+\x16\x8d \xab\xd6\xd5\xae5\xe9&lt;\xe4U\xce\xa4I\x93.\x88\xb2M\x7f\x13\x92\xf36}\x8a\x88\xd88\xb0\xba\xd3\x1b\xdf]a\xaa\xcbw\xb5\xa7h_\xb3:\xe0\xc9\xeb?\x8a\t\x02\xac\x7f\xa7\xd3\xf9\xdc \xb5\x04\xaa\x04\xf4\xee\xfc9\xcd\x0b6e{]]j\xd6\xb7\x86\xbb\xd7\x06*\x1fp\xc4\'`\xe5d\x1c\xc6\\UW\x9d\x0e\xe0\xef\xff\xd3{\x95\x92\xbe\xe3\x10"\xfcm\xe8~\xf7\xf74\x84\x88\x08\xdft\x91\x89\xbbap6A;#\xdb\xfc\x95\xa3\xc2\xc4\xe9\xed\x03r9zy\x13\x923\xdf[\xe4\xf5\x8a\xa6-_3\xc0\xbfh\x83\r\xbam\xa5Y\x9c\x9dbNUo\xae\xf1\x860\x82\xba?\x19\xd0\x97\xa4\x8a\xa3\xa7\xea&amp;M\x9at\x05\xa8\xb5l\x0c\x99\xccK\xc7g\xa9rh}\x80\x08\xff\xa94\x1a\xa3\xef\xd0\xedi\xae=iai\xdc\x9d\xef\x9c\xaf\x8e\x00\xf0\xc9\xae\x94\xe6\x9d&gt;(a\xf8^\xa89\xad\x93\xdbh\xd6&gt;lK\x95\xb0R\xd1\xe7Z\x98%\xffw\xebJ\xee\x118c8NE\xe8\xa0\xf8AR\xc3\x1e\x87\xb4\x89\x7f\x9b\xcf\xd5T\xb2\xe9\xd9\xc0x\x00\xd861\x8csd\x90{w6{C \xbdE\xf2\xf5\x16\x95:#\xb2\xdaTf=\x80\xbf\x1c\x9a\x86\xd2\x82\x817\xd4\xeb\xd4\xe0\xa3\xf9\xe9\x1c4\x92\xc5\xd5\x8a\xdb\x87\xce\xb2Q\x0e0c?n\x8a\x84:&gt;A\x86\x10\x92%\xaf\xbf\xad\xed\xb2\xbf\xeb\xb3P\xeeN\xc4\x93&amp;M\xbaB\xd4\xdae\xc6t\xb4\xb7\x0eR\xa4\xf4\x91\xf7T\x165{\xf9\x19\xdcz\xd6u"\xd6C\x05\xb6\xc0N\x9d\t\xcaG\x00w\x06\xbeb\x85V\x9a\x08=\xd2\xf6\xa8\x8am`\xb1\xd4|\xef\'\x19\x90\x92\x882\xa0\xc9\xddD\x86\x11\x11\x01\xde\xff\x08\x98\x14\x05\xea\xa4!.j&amp;\xfd\x0b\x80k\xfcU\x18;\xbc\xf6\xec3\x13z\xf8\x13\x86#!b\x9a6\xaf5\x8f\x92\xfb-D|\xa0q\x89\x90B+\x98\xab\x98WQ\xf5\x95\xec\xdbhE\x9d#\xfa\xc6\xbd\xe1\xd5\xb1\xb5&gt;j0\xd5}t\x07\x86A\x85\xd1\xb4\x91\x0e\x91\xca\xfc\x</t>
        </is>
      </c>
      <c r="E416" t="inlineStr">
        <is>
          <t>&lt;class 'numpy.ndarray'&gt;</t>
        </is>
      </c>
    </row>
    <row r="417">
      <c r="A417" s="1" t="n">
        <v>415</v>
      </c>
      <c r="B417" t="inlineStr">
        <is>
          <t>steps_per_sec</t>
        </is>
      </c>
      <c r="C417" t="n">
        <v>4700</v>
      </c>
      <c r="D417" t="inlineStr">
        <is>
          <t>2.6190865</t>
        </is>
      </c>
      <c r="E417" t="inlineStr">
        <is>
          <t>&lt;class 'numpy.ndarray'&gt;</t>
        </is>
      </c>
    </row>
    <row r="418">
      <c r="A418" s="1" t="n">
        <v>416</v>
      </c>
      <c r="B418" t="inlineStr">
        <is>
          <t>Loss/RPNLoss/localization_loss</t>
        </is>
      </c>
      <c r="C418" t="n">
        <v>4700</v>
      </c>
      <c r="D418" t="inlineStr">
        <is>
          <t>0.15756184</t>
        </is>
      </c>
      <c r="E418" t="inlineStr">
        <is>
          <t>&lt;class 'numpy.ndarray'&gt;</t>
        </is>
      </c>
    </row>
    <row r="419">
      <c r="A419" s="1" t="n">
        <v>417</v>
      </c>
      <c r="B419" t="inlineStr">
        <is>
          <t>Loss/RPNLoss/objectness_loss</t>
        </is>
      </c>
      <c r="C419" t="n">
        <v>4700</v>
      </c>
      <c r="D419" t="inlineStr">
        <is>
          <t>0.014363639</t>
        </is>
      </c>
      <c r="E419" t="inlineStr">
        <is>
          <t>&lt;class 'numpy.ndarray'&gt;</t>
        </is>
      </c>
    </row>
    <row r="420">
      <c r="A420" s="1" t="n">
        <v>418</v>
      </c>
      <c r="B420" t="inlineStr">
        <is>
          <t>Loss/BoxClassifierLoss/localization_loss</t>
        </is>
      </c>
      <c r="C420" t="n">
        <v>4700</v>
      </c>
      <c r="D420" t="inlineStr">
        <is>
          <t>0.16011834</t>
        </is>
      </c>
      <c r="E420" t="inlineStr">
        <is>
          <t>&lt;class 'numpy.ndarray'&gt;</t>
        </is>
      </c>
    </row>
    <row r="421">
      <c r="A421" s="1" t="n">
        <v>419</v>
      </c>
      <c r="B421" t="inlineStr">
        <is>
          <t>Loss/BoxClassifierLoss/classification_loss</t>
        </is>
      </c>
      <c r="C421" t="n">
        <v>4700</v>
      </c>
      <c r="D421" t="inlineStr">
        <is>
          <t>0.05471129</t>
        </is>
      </c>
      <c r="E421" t="inlineStr">
        <is>
          <t>&lt;class 'numpy.ndarray'&gt;</t>
        </is>
      </c>
    </row>
    <row r="422">
      <c r="A422" s="1" t="n">
        <v>420</v>
      </c>
      <c r="B422" t="inlineStr">
        <is>
          <t>Loss/regularization_loss</t>
        </is>
      </c>
      <c r="C422" t="n">
        <v>4700</v>
      </c>
      <c r="D422" t="inlineStr">
        <is>
          <t>0.0</t>
        </is>
      </c>
      <c r="E422" t="inlineStr">
        <is>
          <t>&lt;class 'numpy.ndarray'&gt;</t>
        </is>
      </c>
    </row>
    <row r="423">
      <c r="A423" s="1" t="n">
        <v>421</v>
      </c>
      <c r="B423" t="inlineStr">
        <is>
          <t>Loss/total_loss</t>
        </is>
      </c>
      <c r="C423" t="n">
        <v>4700</v>
      </c>
      <c r="D423" t="inlineStr">
        <is>
          <t>0.3867551</t>
        </is>
      </c>
      <c r="E423" t="inlineStr">
        <is>
          <t>&lt;class 'numpy.ndarray'&gt;</t>
        </is>
      </c>
    </row>
    <row r="424">
      <c r="A424" s="1" t="n">
        <v>422</v>
      </c>
      <c r="B424" t="inlineStr">
        <is>
          <t>learning_rate</t>
        </is>
      </c>
      <c r="C424" t="n">
        <v>4700</v>
      </c>
      <c r="D424" t="inlineStr">
        <is>
          <t>0.039925132</t>
        </is>
      </c>
      <c r="E424" t="inlineStr">
        <is>
          <t>&lt;class 'numpy.ndarray'&gt;</t>
        </is>
      </c>
    </row>
    <row r="425">
      <c r="A425" s="1" t="n">
        <v>423</v>
      </c>
      <c r="B425" t="inlineStr">
        <is>
          <t>train_input_images</t>
        </is>
      </c>
      <c r="C425" t="n">
        <v>4700</v>
      </c>
      <c r="D425" t="inlineStr">
        <is>
          <t>[b'1024' b'1024'
 b'\x89PNG\r\n\x1a\n\x00\x00\x00\rIHDR\x00\x00\x04\x00\x00\x00\x04\x00\x08\x02\x00\x00\x00\xf0\x7f\xbc\xd4\x00\x00 \x00IDATx\x9c\xec}w\xbc6E\x91\xf5iE\x0c\xa8\x981\xa1bXL\x98\xd7\xac\x0bfT\xcc\xe8\x1a\x17\x153f1\xac\xb0\x9f9\xa2\x88\x01#\xe6\x8c9\x81Y\x0ck\xc6\x80\xb8((*\x060cV\xd0\xfa\xfe\x98\xd4\xa1\xaa\xbb:\xcc&lt;\xcf}y\xce\xef\xf2r\xefLw\xd5\xa9\xea\xea\xdc3\x03l03\xc8\xc5x\x19 !\x89\nI\xb5\xac\xd4,\x8d\xd7Jkq\xa4\xdd\x8dQ\xa7\x94P\x8f\xa8\xafR\x96Bkic\xce\xe8U\x97iwL\xf8D3\xcf\xa7\x9c\xd5\xcbO\x08\xc1)+p\xb8\x9a^\x87\xa7\xda^R\x99\xcdX\xb1\x92\xc8q\x91\xc5y.\xc2d2\xb4g\x11\xce\xa3A\x9a\xe8\x1a\x85?\xa1\xc0-)\xc2\xdf\xca\xe0\xecd\xac\xb5]\xa5\x10\x0fp\xba\x9e&lt;\x8a\x1d\xab\x7f2\xb9\x02\xe6b\xcd*\xaet\x18\x7f\xda\xe0\xf2}\x0b\x0c\xca"bZW|\xc6R\xcc\xda\xb0\x10\xde\xe0\xb9\xf1\xae\x93\x87\x85\x91\x03\xc9n\xcf+D\xc6\xae5hE\xd5\xc6\xd6\xc8_\x95\x99\xb1`^\t\xa13\x14\xec`2\x06@\xe7s\x02u\xbf\x1a?\x91\x0e\xc6\xc4\xcb\x8e\x978\xe4R\xe93\xe8\x19\' \x0b\xb3\xec\x9d\x17\x955Vki[X\xa4O\x04.=4\x0f\x19N\xb3$\xd8%[\xed\xf6\xb4;S\xe17\x89\xea\xfe\t\xe5\xcd\x15\x1b;\x11N)\x96\xdc\xd3\xcc\x8a\xa6\xc5\x82&lt;\x06u\x05X\x84-)J\\\xcbX\x1di\x96v j\xa3\xa8Z\xe1\x9c\x04mc\xfd\xa7\x82S\x85\xfd\xc0\x13l\xbf\x1b\xf0\x0e\xad|V\xd3\xd4\xda\xa9x:]\x18\xf8\xa6\xd2\xf3\x8b\xe5\xc9\xd7\x12\xdd\xd7K&lt;\xd8uc\xa2\xa3\xdc\x8b\x93\x18\x03\xe0\xf5\xa0}&lt;\x814C\xf4\xe6\xf5\x1e\xe6\x18\xe0*hH\x83U\xefU\x96\xeeZ[}\x8e\n"\x1a\nV\xae\x1d&lt;\x81\x82\xcew-\xdaL\x17\xc28\xad\xb1\xf0\xfc\xd6\xac\xa5\xf6\x10gZ\x92\xc7\x06"\x1aG\xc53\xef\xca\x8e\xfes\xc5|\xb7\x9eI\xf18,oM.\xc6\xc0(H\xac\xa0Z:\x95r\x17g?\x08\xaeE\xb2+\x8c1\x06\xc6\xd8\xcd\x8a1\xc6T\xc7\x931\xd1\x86*\xcb[\xc4\x8d\x05g\xc4)5\xe6wy\xcdys\xf2\x0c\xe5u\xcbU.e\xc5\x0b\xccM:+\x91^\x85\xf9\xcf&gt;2G\x9f\xfa}\xaa\x96p\xc1\xda\x88;r\x9aV4\xbb\x05\xceC"\xf2\xd4\xaaL\xf0\xa7\x01\xcc#2G\xff\x81B]\xce\xb7\'\xee\x7f\xca^\xdf\xe5\xd74\xb3\x96#\xbb\xe6\xa0/D\xa1\xd8\x8c\x91L\tF\xff\x8f\x1e\x7f\xfd\xac\x95}T5\xfci\x0c\xeekF\x0c\x02g\x88\xde\xdc\xd9\xfeU\xea\x1bX\x95*\xe1\xf7J\x08\xd5ih@\xa2\xb5M\xcaz\xfe|\x16\xd99\xe6\x86\xb9Yx\xed\xd7\x8dd\xdf\xaf\x91\x9cB\xac\xd7L\xeb\x8c\x06y_\xc9k\x835\x1bh\xb6\xa8X?\xa6\xc8R\xa9"\xad\xee\xb8\x92Uy\xfa\x1f\x9b\x80\x96\x83\xd2\x04)\xcd5\xf2yV#\xea\xf9_\x10\x7fRb\x1d\x1b\xce\x04"ES\x83\x9f\xb5a\'"Z&lt;\xa1-D\xcf\xca6\xad\x89\x1f\xb2i7U\xd7\x04\x1fM\x9f\xd0+\x86\xa2\xe0\x80o\xf5GA\xfc!\xac(\xd4;\xc8TQ+]2\xfb\xfa\xa7/d\x02i\x91\x8c\x02\xde\xfc\xa6\x08d*Js\xc5\xcdZ*F2J\xf9\x87S\xe2[\xd7P\x10\xce\xc9\xd4"\xa9\xa5\xc2\x03J/\x8e\xa2\xd6\x13DD8\xca]5\xb8d\r[\x02\xe8\x83\x99Q4\x07\xa4\x82\xd8\xcc\rf\xc7\x18\xee\x9a\xfdev\xeb\x9c\xc5~\xc0\xcb\xc454\xa6\x8aq[\xb7\x89\x9a\xa8\xde\x08\xe3\xe5\xe4\xef\xa3\xe9\xe5x\x1b\xc1~F\x85\xea+\x03\xdf\xc9\xe1\xd6\x16:\xcf\x0b\xa9\x8c9\x1c\xb8\xeb,\xbc\xe6\x00gE\xc5\x99\xab\xfeL\x91\x9c\xbd\xcdvyV/e\xdcv=\xf7x^\xcb}\xe1G\x10\x1d2\xfduv\xe0o\xd6\xc1\x92\x95l@g\x82k\xbb\nw\xe4\xd3eh\xccC\x81\x97\xe7K\x9eTtb\x8a\xb3\xfb\xc7r\xc8\x0b$VxD)ye\x9dt\xc1\xcc!a\xf3\xe9\xff?\xa7\xba\x12hjz\xc1\xd9\xb0L\xc7\xbaG\x82gA\xb2\x97L\xf6J\x11n\x19\xed\xe5&lt;\xe7\x7f\xa8\xc5\xd9\xd7^\x94_\rQ\xd8[\x85NY\xdd\xd9\'\xbe\x806G\x80\xd6\n\xfci\x95n;\xf4\xa1\xee\xc5\x97f\xcb\x0eE7n\xfc\x83\x9d\xd1\x06\xa3\x7f6\x1d\x11\xceOAG\xd9\xfd\xb6?tg`V8\xfa\x17a\x9d\xe71\x90\xd7\n\x88\xf6\xdeJ[\x01\xc3\x1e\xbe1\xf8Qw\x01\x85\xed\xe9\xfb\x88\xfa\xe7\x00\xe1\xedU\xdb\xc7&lt;\xba+\x8f\xac#\x9d\x19\xbbY\x89\x99\xd4\xedJ\xf3\xc5\xd3i\rc\xcc\xdf\xba\xb3\x14\xd39\x8a\xf5\x07\xc7\xf2\xc2E\x92\xd2\xa3\x7fX\xa3\xff\xb2\';\x9b\x9e\x06!\xe0\xff)\x95\n\x02\xdc\xc5w\x959\xf3-\xc7&gt;\xcck\xd2\x9799\x93\x05\x95\xedf\xfcG\x96\x93\xf2\xe2\xafS\xba\x0c\x1a\x1c\xdd\x8c\xe3(\xee\xa2?\xd0-\x85*\xaf\x81\xb2w\xceG\xb7.T\x1e\xcb~\xcd\teW\xca\x8c\\[\x04\xebV\xf5\xce0\xc8\xdf\xf9\xa2\x07\r\xe9_\xe5\xf4IY\xfbh\xca\x94\xd2\xd6P\xdev\xd50\xf6\xa2\xbe\xd7y\x1e\x01\xcfT\xe6M2\x89\x1c\xe3\xc9T\xb1&gt;\xe0\xcc\x0c\xcd\x89\x15Nr\xbcb\xbfbh\x1eG\x11\xe1&gt;\x8b\x16\x81\x18\x18y\x9e)\xd3\x16\xc3\xb7\x1cV\xec\xc9\xd1\xb1 \x84\xd2\xdcB3\xba\x99!\xf8\'\x17\xd7L\x96\x9a\xa4t\xc61\xb1\x03\x8eR\x95\xd5\xbe\xb4\xa7$]0)j\xffJ\xab\x88\xb7\xd7\x05$\xd6\xc7\xac`8\x88w\xa9\xa3\x88\xea\x8e\x8a\x95f\x0c\xe4$\xca\xda\x8a\x07\xf7\xf9\x19\x05\xff\x06\x9e\xacC\xb3\x00\x16\xea\xc8-\xea\xe5\x943\x0c\x83\xaaP\x06\xd9a\xbf\x99\x16\xcc\x0e\xbb\xd8\x14\x1b@\x0f\x04^i\xfd)\xee\xd0\xa5\x97Q\x89(\x9d,v\xe8(g\xa5\x96\xdc\r8\xca\x9eq\n\xd1\x1d\xdf\xa6\xdc"\x8b\x9a!|k\x05W\xa7\xab\xbc\x9bqr{\x98s\xa67\x1b,\xb9\xa7\xe9T%\x8c\x86\x07\xce\x1cc\x10\xfa\x00\x8e\xe9\x1bl&lt;\x00xF\xa8\xd0&gt;\xaf\x15\x86\xab\xfeP\x1f\x00\xf3\x1d`7,\xe6\xcf\xf5\x04\x1b\xf4\x05\xef\x02\x8a\xd4\x9d\xb0\xbay\xa9uM\x1f{\x14G\xdb\xf4\xf1fzK\xb2y\x95\xab~\x84\xd0\xf6}hD\x04\x03\xe0&gt;\xc0\x9bPsP*z\xe4\xaf\x12yq\xa2\x94\xa18\xb6\xaa\xba\xe5\x0e\x1eV\xd3,\xe4q`\xdb\xc6\xad\x08..\xb2\x8b\xc0\xe9Az\x19^\n\xbd\x7f\x88\xc8\x98\x8b\x00\'\xe7q\x88bs\x04h\xad@D\xaf$\xf1e\xc7S\xf8}\x13\x8a\x86\xc9\x00\xe9\xdd\xab\xe4+r\x94]\x8a\xfd\xa2\x86\x92\xcd\xb2\xb5\\ Z\x0eB1\xa5\x9b\x86)\xe3+\xbb\xb9\xbd\x18=D\xac\x8ar\x18c\x8c\xf9\xe9\xfc\xed\xbb7\x7f\x06\xfc\x8e\x99\xaf\t\xe3z{\xb9f\xbf\xd5~Fp\xdd\xea\xe1\x9cw\x95\xf4\x14(g\xf4\x0f\x80\xae\x0c\x10\xf0\xc9\xeab\xaa_p\x9a\x05]d&gt;\xb5\xa5\xc0\xfc;@\xba\xf1Txm\\\xd3\xf4\xf6\'\x95\x8d\x19\x93\xe6\xc3\xf0+Sf\x9dmp\xce\xabi\xb8\x0c\'\xff\xdeTy\xea\xc3\xe8\xd7\xa1\xf2\xf71b\x1e\xd3\n\n$\xdc\x82)\xb8\x88\tj\xebV\x00\x8a\xfe\x19\xc0\x18c&gt;\xd1\x9d?\x9c\xeb\xb4\xcf2h2\xdd\x1a\x85\x0c\xfb.n\x7f\xb4s\x96\x7f\x8c1mG\xff\x1b,\x01\xf5\x06\x10\xbb\xebTY\xe7\t\x17KJ`\xf7\xbbl\xed\x84_\xdb\r\xeb}\xa3{m\xe3\x00\xf4\x97Y&lt;E\x0e\xd1\x8319*\xd6\n:K\xc5\xb4a1\xa5?v6\xa4\xbcq\x9c\xd8\x9a\r\x19\xef\xc3\x95u\xc8\x90qH\xda\xb1*\xf0\x0eQE\xa0\xa2D\xfc\x02\xd2\x88M\x11\x0e\n}]0Q\xfa`\x8c\x95\x1c\xbaL\xda&lt;)D\x97V\xd72\\0\xe5\xba\xa1\xc8B!\x8aJ\xc4\x97&gt;W|\xb9%(X\xae\xc6\x9a\xb5\x00\x19p=Y\x92\x91\xf3F:w$\x7f\x99!,5F\xef\x12%\xe5\x99\xb3\xd7\xfc\x1ak0\xe37\xdav-*M\xb9\x8am\xe1\x8a\xb6A\x06\xd4m\xebL-H\x16AV5\x17\xbb\xbf\xb4\x83\xf8\x9fc\xca\xa2\xd1y\xac\x01\xdd\x89\x97\xb3\xc5+O\xc2\xe1\xea\x0cv\x89\xa4\xd3d\x10\xd3\xa5\xe7\xfa\xa4D\xb9g\x8c\x8dn\xe8\x1e\x89NJ\xb6\x92\x11\xac\x97\xafIcG\x9d\xd8\x98F\x95\x19aY\x10\x13\xf0#\xed\xba\xb3\x9e\xcf\xe3\x8a~-\xa0\x0fH\xd1iU\n\x8b\x94:\xe9_\x0c\x90\xff\xf2\x05r\x06\x1cc\xc6\xdd\xd25\xe8\x8d\x92\xc69\x0c\xcf\xc2\x1ao\xc7\xf6\x0c//t\n\x93\t\xbb.8\x01\x08\xbd\xd7\xd8\x93\x1d\r\x7f%~\xa07\x7fa\xad\x7f`\x04\x8b&gt;\xaa\x82\xd3\x0b\xaf\xf0s\xa2\xaem\xe9a\xcc\x06\x1a\xf8E~\xa2\xb8v^\xd8\x005&amp;\x18\xd6\xf6x\x0cO\xe9\x7f\xe3^y\xb5\x96|B\xec\\v\xaf\x10\x92\xb1E\xb2\x9c\xdf\x89\xf0\xc4\xb0),)\x88\x94R\xa6YT\x14Y\xc9\x1cXk\x08\x93F\xcc\xd2\xc2\xf3\t\xa8C\xda#\xf9\xbc\x8a^\xa1UP\xa9te\xf5\x8b)\'\x88)UE\xaf\xd1X\x14xa\x8a0oDJ\xee\x94#\x9c\x16,\xbf\x03\xc0\xd9\xb8\x1eH\xb8\xa5|\xa0V\xe7\n{\xe3n\xea4g\x1d\xdb\x8d\xf4&gt;\xb5\xb6\x85\xb5\x18:\xcf\xe7\x14\x1c\rY\x16\xa3\xb7\xb6um\xcb\x9e\xd0\xda:`\xcb\xd8\x98\xfb\x03\xafu\xaf=\x98\x88y#\xf5\x12\x8f\xfep\x14\xbdO\x91\x97\x05\xaa\xee\x19\xa0\x98p\xd5\xc7\x13\xa0\xd1\xb2NH;\xbc\xa5\x0e!\x84\xc8S\xf7C\xa2]\x12|\x82\x17$;i\xfe5\xbeT\xa0,h5A\x96~\xa8]\xe3C\xde\xff\xadCH\xb0g\x17\xe0GK=\xd18\xd3Cx\x9e\x1a\x8d\x16u\x16\xdeke\x86\x8c\xb2&gt;\x04\xec\x95\xff\x16s\'\xd8\x86$\x11&amp;BS/&gt;\xfa\xa9iT[}M%\x0b+}v\xd3}#\xbe\xe5\xf6 \xb6]\x86O &lt;\xa7\xf8\xe8\xb6\xe8\xb4\xf8\xcb\xef\xdd\xf6f1\x8f9lu\r\x97\xddK\xf6\xd9WT\xca\xba&amp;Z/\x8e\x08\xc0\xc9\xc1\xbb\x82\x95\xf5\xceM5\x877\x12\xf5q\xb5\xcfIo\x1e\x02^\x11\xe8\xb0\xe0\xd2+\xbc\x885\x8d\x07%\xc3\x19\x83\x10\x81\x1a3\xfe#\xa5\xd0\xe2m\xa9\x04\x9fO-\x94$F\xff\xe3\xa6\xebV\xdaM\xf3\n\xdaz\xf7\x7fC\x1d\xc3\xdb\xf7\xe5a\x96\xdb2\xed\xe2\xa7\xf1\x1fH$\xe6\x91V;M\xdf\x98\x98;\xe6\x93U#U\xc6\xaa\xbep\xa1@\x11\xb8\xfchN\x95\xc1c\xa0Kt-\x9a\n\x18\xf0\x10&amp;\xa5\xedF\xff\x18\x1e\xcc6&amp;&gt;\xfa\xe7\x85w_Ppd}\xb5\xfb\xed\\\x05L\x04v\x8d$yr/\x03\x03|y\x16\xd9s\xa3od\xa6%\xdd\xe9\x86\x93\xee\x0ba\xd6\xe7\xd4\x04{\xa4,\xb8\x88\x1c\xc8\r\x8d\xe8\xb2O\xbb\x06\xa7\x81\x92\x19\xbc\xa3IV\xbe\xe5W\xc1\xc7\xb6\x82\x84\xcd\x93\x12|8\x83\x8cG\xcd\xfe\x99c\x14\x91\n\x8c\xc5Ja\x83\x95@\xde\xfaaK]\x1e\xa6\x97\xea\x0f)\x00\x7f\x8e$\x96n\xe5B7\xd0J\t\xc9\xc9\xbe\xa5*\x92\xf8\xba\x9ee\xb4s\x1e\x1bK-du\xd3\x9c\x00\xaee5\xe2\xdb%!\x91\xade\x10{\x96j\xc96\xaef\x9dI \x80\x9e\xbah\x94\xea+`\xa9\xf4X\x9dM\xb4!Y\x82\x1fVk\x85\xb2E\xad\x8f1\xc9\x1b\xff]\x92\x8d\x88\x88\x8e/a\xe2\x8c\xab\xca\xb0xCj\x8d\xf3\x93\xdcfiyD\xcd\x8c\xd8\x15\xbbK\xf2\x89&gt;\xf9\x92\xcc\xe5Bd\xc8\x94\xcb\xd7\x8f\x04\xa2\xfe\xa8\xe7S\xa8\x14?\xdcZ\xa3\x97\r\xd4\x90\xc3k\xa6\xf2&amp;\x10\xe1\x1dc\xb7\xf7g\xbe\xc9(\xd1\xae\xaf;\x9d\x8a+W\x8a\xd4\xadmxJ7\xd0!\xd6\x95r\xd8i\x99\xe8\xbd\x13w\xd2\xb7\xf5W\x8a\xee\xcc\x86kCH^\xdaFZyE\xddo6\x86\x06\xae\xd1\x84\xa9.\x84\xf4\xcc)\xfc\x89\xf8!\xa0\xc1\xc6\xc6\xe1\xd5+\x1a\xc9\x92Q\x01\xb8J\xa6\xdeb&lt;\xcerK\xc2\x80\x99\xeb\x8eZ\xe3\x99+\x89U\x98s\xc9\x88st&amp;-\xeaRy\xf0\xd3\x90\t\x11~\xed,cy\xb7\xbd\x8a\x9f\xf4I\xdc\xa5\xa5P\xa8;l\x1b\xe9\x1d6p \x87\xd7&lt;\x85\xed\xc8\xa7\x08\x05&lt;\xdc\xeb\xc0j\xac)\xb5\xaeV\xc8R^\xdd\x06Q2\xbc\xc8\x8c\x96b\x10\xcd\xba=\xc2\x07[{\xf1\xb7\x9eqF\xba\xf3l\x92\x15P\xb5\x00m\xe46g\x99\x19W\xfcb\xb3%\x8a\x99\x00\xf8\xb9\x18\x02\xe9E\xca\x92\xf8W\x94\x8b\x06\xd9zK\x11*\x8d\xb2\x9a\x99\x98N\xe3#*=v\xdb!K*\x0c|&lt;;\xdb3\xe9\x92\x9e\xb9\xacu\x04\xe6\xe0\x10\xb1TCj\x16J\xde\xbe\x87e\xf8f\xd0\xb2\xedB\x8a\xb0\xf3\xceT\xf7\x98\xf0\xda[\x15\xf2\xca\xaa\xa8\x12\xa26\xad\x9aO\x89\t\x1b\x00\xab_\x8d^]y\t\xc16\x8b\xf8\xd6\x062\xcc\xffg\x05\x1b_\xa9V\xa0\x94R\xc3\xea\x1c\xe5\x96\xb7&lt;\xd1\xa7O\x8b\x12\x84{Y\x16\x1c\xf4\x94\xa1\x98\xc1^\xbdu\xc7\x14P\x06\xbe\x9f\xb4!"\xa8\x98sH\x05\xd8N\xc5\xd8!\xa6\'0d\xe9r\xbd\xb3\xa4\x9bs\xf5F$\x10@\xd81\xe2\xcf\x95M\x00R\x1d\x90\xeb\xa5\x16:5\xbbL\x16\xbdBc\xe3)\xd6b|byuK\xbd;ek"\x12\x13\xf3&lt;\x00N \xe0{\xc0\xe5-\xc9\xea\x88.x\xa1GV^\x1f\xaf#\xdaG`\x02\xe8^\xe9\xe0\xd0\xd9\xc2\xdf\x1e_\x1a\x9d\xd7V\xf0\xe6\n\xd3\xbf\xde\xc3\xfes\xc9"\xe3\xe3\xb7\xdd#\x99n@\xc23\xaeT\xcbu\x89\xbe\x18\xbb\xbf\xb0\x1b\x93-\x8a\xba\xfe2\x92\x07Sj\xccI\x10\xd4\x14\xb7\xa6\xd5\x0c\xe4\x10G;\x0c\x89\xb6%\xe5\xbf\x9e\xab\x12\xf5o\xf1RK\xe83Yo\xfd)"FT\x170\xdaN\xa4M\xdfG4F\ti\xb2\x0bZk\xde\x105C\x10\xa6T\xbaHD\xc8\x9d\x89\xdee\'\x86\xda\xd2X\xad5\xc6\x00w"zwRJ\xb1o\x8d\xb9\x18\xf0s)\xcd\x1a\x0cN\x1c\xffl\xde\x02\xb4R\x10R3\xf8\x0cA\x03\x0c\x0cpy\xf7~\xd3\xa8ckn\xe1{l\xee+\xa8\x90\xd4l\xd0\x10\x8f\xc1\x109M\x820\x86\xabY\xb2\xfd\xd3\r4\xfe\x8f\xc6}R\xe0\xdc\xf3\x91\xb1a\x0c\xcc\xfe3\xc6\x1a\x01\xef\xf2_4\x91\x8fW&amp;F\xffH\x8d\x9c\x9a#\xe91\x1a\xff\xc9\x96lP\xfbR\xacB7{2\n\xf2\x0cM\xba\x07\xe3&amp;\xf2\xf0\xbe\xa0Jd\xe26\xd9\x8e\xbe\xa5\xec\xdft\xc1\xfe\x81.\x99\\B\xd6\xaf8\xf5\xafj\xea\xab~!\xea\xea\xaf\xa7\x97\x08\xc0\xab\xd3\xe9t\xb2\x19\x17\x19\xfc\xce\xbdA|\xd8L"\x1a\xc1\x8cX\xac{\r\xdeK6\xbe\xf5.\nw\x88N\x04`w\xad\xc2\xc8M\xa2p\xf4\xdfE_\x90P\xa7m\xc0\xd9\xa6\xf4\xd2\xe8\x1fk0\xfa\xdf`q\xf8{^w$\x80\xf0\x0f\xff@\xd8\x13\x98\x88S\xc6 {\x9a\xf05\xc1\x95\xd3u\'w\xb5J+\xf7\xcb\x04ID\xf9\x87t3\xf2\x96X\xba\x00VBf\x18\x93^r\t\x9f\xc4B\x8e\x08\xd8\x8d;\x80;;\x97\x8f\xces\xd63\x89&lt;?\xa7\xe5\x8dbo\xeb\xe5\x9c3\xb4\x14|z\xf7\xce]\xa0\xd9\xcc4-\x8c\xda\xe7~&amp;^8C\xe0r\xe1\x8d2{\xdf\xaa\xe4\xea(b\x8eC$\xa3%\xf1V\xae\x98g" \xe0\xde"\xc3\x80\xb0$D\x91&amp;\x96\xd7\xd7\xce\xf1\x97=\x99\xa5:Q"\xca\xf4\x17\xcc=m\xbb\xc5\xa0\xf7OL\x88\xbe5\xd6\x04\x00\x87\xafv=if\xaeU\xc2\xb5}\x83\x99!\x84/\x13\x88\x9fq\xd7E\xd5%\xd4\xa7\xbckp 5Tj\x1d\xff\xe2j\x82\xd3\x9ci\xaa\\\x93\x06H\xac\x93\x05\xf9\xa3\x19Y{#\xf8\xbd\x9eC\x1d\xea\x8f\x05\xe7\xe7e\xbc^\xd0\xa3h\xb3\xc8\xba\xa6U\xb0\xdf2ifAY\x98\xe5\x8bO\xc3&gt;\x8e\xc9\n\xc9\x116\xca\x89\xdcZ\xc2&gt;\x8c;9\xc3/\xd5\x1c\xf4\xd9\xd3]\xbeR\x8e\x9f\x8b+\x0b\xfc+h`w%\xe0\xd3\nyt\xb1rn)\xd1\n8\x8a\xfa+\x85\x8a\x80\xb7LI\xbe\xed\xddRI\x95\xdb"d\x0c\xafK\xbc\xa7\xf3\x0f\x97~/"\xbc3\xec1s\xb1\xbd-V3u\x9c\x18\xf6\x89_\xaf1\x13\xf8\x9d\xfbg\xdbvo\x96\x86ZW"\x05\x92$O\xa2\xf7\xcc\x07\x9d^I\x0efe\xcc\xac#d\xa36h\r\xaeb\x8b\xbdT\xdf\xa0\xf8\x81\x95\xd4\xc0F\xa1j\xd6\xe1\x13\xb8\x89\xcf\xad\x8d\x17\xe2\xf8We]\xb23^_\x93,\xd0\xe57\xe2\xc1\xdd\xb9\xf1\xa0\xd2\x8c\xe1\xf2\x03\xeb\xc3oz\xb9\x1c\x0f\x10\xe1\xd5\xe5\x93.]\x9c\x04\x1aCC\xae\x9c+\xb3\x103\xcb\xe7\xc3L\x02?p\xc9\x93a{L\xbc\xde\xc6\xb8\xed\x04\xf9\x17\x0f\x86A\xc7\x13\x8e\xef\xaf\xecX\xb566iy8\x11p7M\xca\n\'$[\xe0\x12\xaf\xa6\xca\x8dU\xa4\xc2\x9f\x95\xa2K\\\xa1\xb2"\x9e*\xa9(E\x92\xd4\x1f\xe8\xc8n\xab\x8b\\\x14\x19\xf4\x17F\xb8\xa34\xf0\xa7L\xef\x92\xd5&amp;\xd6\xf6n\xbe\xb49\x17\x1a\x9a\xb8\x97wB\xac\xde\x89\xc98gn%t\x9c7g\x92f\x07\x11\x05\x0f\x94\xe4=\xb3\x95:0\xe7\xc7\x9e\x95\x9e&lt;\xbd\x05Q\xba\xc8\xc3\x85\x11\x13\xb2\xb3\xcb\x84c\xe6{\n\xc3\x94\x99~p?h?\x17\x02\xbf\xb9\xcd\xa41o\x05\xee\xd9%r\x1f\xac\x9c2\x1a\x00\xe6\x94\xe0K\xeayz\x07u\xc2\xe7]\xa7l\x91\x94\x84\xc0\xedL\xc5i\xe1\xcf\x91}\xec\x99B\xb0\xc5\xd7e\xcc\xab\x8fq\x0c6~\x88\xe86\xcc\xdd\xf7\x03\xb7\xd7\xb6\x15\xdd\x933\xacz\xce\x93\x90\r\xf1\xdb\x8dd{%\xd4\x8eo\x00WO\t\x8f\x83\xb1\xc6\x98\xa7\x00OU&amp;\xb6r\x15\x96\x1a\x1b\xab}\x80\x98\x8f\x00L\xa9\xe51\x9b\x14!?\xbc\x0b\x07\x1e]\xcb\x90\x9f\x8f-\x0e\x9fs\x98(\xf6\xa1\xdd\xaeu2R\x93\x8b\xb8O$\xfb5O\x91%}\x97\x8c\x19\x90\xad\xe5\xd7\xc0\x05\xe2\x02\x19\t\xc9F\x8fc\xa9}FN\x1d\x1d\xea\x87\xee\xd2\x12\x9b\x0e\x18z\xff\xb8\x0fL\xe7\tW\x942"\x84\xed\xeccJ\xa1\x8d\xddZ\xc3i"\xda&lt;\x04\xbc\x0cH\xfcC\x87\xf3\x95*\xf6"\xf2f\xa5r\xe6\x86\xb1\x1f\xc4\xc9\xef\x03c\x7f:jR4\xac\x9f\x84\x968!\x9a\xbe\x12_\xb60@\x00\xe1|\x84oI\xeb+;\xe1\x15L+\x14,\x1f\xddc\xda\xd3p\xf8X\x8d\x95A\xe6\xe8?w\x95mt\x9d\xf5\x08\x9a\x16\x0f\x0cD\x11\xf0\'\xbdz\x16\x9d\xfe\x18\t\xc3\x16\xdf9u\xaf7\xfc}\x06\x93?\x8eD\xbe\x14\xde=\x11\xc0\x1d\x0c\xac\xc7\xf6\x12\x8e3\xca~\x9c\xb0]\xdf\xb7\xb2w\x07?\xd3\xf4\xa7B$\x07o\xf4\x7f\xf1!\x90\xd5K\x8f\\\x12\xa2\xa7\x08\xa9\xf9\xc82\x15\xa3\x7fYQ\x17\xc6\xe1\xe8\xffV\xa3L\xbb\xc9\x88\xab\x1f\x1e\x8b\xcc\x1f@\x94\x8d\xfe\x81\xa2\xd1?:\xc3m9\xfa\xb7\xfdD\xc90\xf7\x15\x0f\x99\xc7\x96])\xb3P[\x8c\xdd\xb2G\xff\xec\xeas_A\x9c\x15\x9a\x00\xe6T\x95\x02\x1d\x8f\x8c\x11\xbb\xa6\xca\xb6\\\n\xefC\xccn,jv\x03d-\xf2=\xeb1\xf5\xa1\xcd\x94VX\xb6\x16\xb2:\xe2\rJ\xe1\x0e\xdd\xec\xad\xc3\xe4\xde\xd4\xb8\xb5\x94\n\xf7\'\xaa\x13\xef\xacU\xdaa\xbb\xc2\xda|L\xd1\xde"\r\xbdf^\xc6L\x8f\xb9\x1f\xe3\x107.\xd9\x82(\xa1\x93e\x8b\xac\xbc\x10\xf2F\xea\xfd\x8a\xca\x08\x00\xf0{AW\xf4\xc8\x99BW\xe2\xf0[\x7f\xf1\x03\xf5\xad\xff[H\xbd\xf3Kc\x84\x10\x11\xd1\x03\x15\x05\x9aQ:N\xbf\x96\xf4\xa7(\xfdP\x91\x15;\xd4\x9e\x1a\x9f8\xfd\xb0D\xa2\xb6\xe4\xf9E\x17~Ju\x14\xc9\x13\x11\x8e\xa0\x82\x94\xd8\xe5\tt\xdbv\x96\x96w)G\x85\xab/\x07\x18\xfe-VWCLN\xfbF\xc9\x0c\xb1/\xb8\x8c\xda\xe4\x14M+\x08s\xf3\xd6#I\x9e\'\xa6\xb7\xcb\xf6d\xd4\xc3\xbfm\xc5y\x1e\xd7U\xa9\xd09Y\x83\x83\xc6\xd1B \xa1\xc6\xe4%\xea\xe3\x06\xab\x03\x11\xb6\x1b\xa2\xc4\xa9u\x04\x10n\x93\xaeN\xbfS\x85{m\x87Z]=l\xdc\x14\xe5\xd9ImK\x9f\x9e\xa3\xadW\xa4c\xa2\xb5\xe5\xe5\\G\x92\xef\x84\xbcRJ\x94 G\xa6\xb2\xd9\x8a\xa8\x13\xd3\xfcRY.1\xbf]\xca\xeb\xb0\x8bG3\xb2\n\x9fF\xd4\xc6\xdc\xac\x81\xa8`,\xd8\xe1\x96\tEc\xf1\xed\x9ee\xf5\x80\x1f\xf0#\xd4\x80IV\x1c\xe6\xbaE\x19~\xb2:\xf2R\xf0&amp;\xe4\xca-"\x19\x99)\xa53V\x8c\x00tFt4\xaeQ\xac\xa5\t\xb7h\x9b#\xd3\xfe\xbb6}82#"\xe0\xf1\x12;0\xadG\x93\x07\xd63\x90*2&gt;U\xa2\xd1\xe3=\xc3\xc9)\xb2\xf1\x03q\xd2\xb3x/\xe2\x9c\xc2\xec\xf9BzQ^\x98\xbd\xb2z\xb6S\xcad\x83\xad\x04\xb6mr\xc6\x97\xa9\x1a\xd5\x8e\x8a\x1a\xb5\xf3\xdar\t\xb6s^\x93L&lt;\xab\xbb\xd4\x98\xde\xf4~\xe3\x06&gt;\xd4\x97R\xb2\x10o\xec\x8e\x87\xa6P\xac[\x0b\x94\xd4\xc5\xee\xb7\\}d\x95ff\xd6o\x02d\x9a\x90U@~\x1ek\x81`&gt;x\x1c\x88\xbd\x07\x10.\x90m\x88N\xe7h\xe3\x87s\xd9\xf6\xd9/\xeaO\x00T\x1cd\x81\x85F)\xa4\xa9Y\xe5\xe2\xe11\xa5_\xcbZ\xb9\x98\td7\x8cr\xdd\x89\xb8N\x9b\xc5J\xa91\\\x92?k\x91\xb1\xac\x921\x93\x13N^J\xea\xde\xee\x10W5\xa4\xd4\x1a\x91\x86V\x94\x1a\x0eO^&gt;[\x9a"\xef\xfcz\xf1J8\xb9n\xdej?m&amp;\x8fm\xb0V\x10\xdet6\xf6\x82\x89\xea4\xfb|Z\xa1\xf4\x84\x02E\xc5\x0c\x9dN=\xa7b\xcf\xe0.%\xac\xd3DD\x8fhC&amp;vD\x01\x8fS\x96#\xea\xc6\xb21z\x82:Q#\xb5l\xe9z\x817\xac\x98\x00\x08|\xc6R\x0b\xc9\xb7\x19\x11N\x02\xdf\xcaL\x00,u\xbb\xe6\x9b\x96 &amp;is\x83\xc11\x96!6\xc4\xf9\xf4K\x8eg\x86\xf4w\xf8Y\x85K\x19\xc2\xeaHP\x15\x8d\xba\xe66\x14\x95\tq\x02\x80o\xaf\xdb\x90":\xa7-\xf4^\xa5\x93\xf9w\x91\r\xd2\xda\xc3e\x1b\xb9\x95w\x97I4&amp;v\x96\x12\xa2^&amp;\xc2o\xec\x19\x94\xd2\x8e\xac\xf2*\xc6\x93:\xc9\xcc\xb7\x92\x18\xed\xf3\x801m\xf4\xf0\x06\x1b$\x90\xa83\xb1\xea4E\xd8\xce\\\x1bz\x9a\xd5\xb62\xab\x0b \xc2k\xf9[\\\xbd\x9d&amp;$^\xac\x7fd\xae\xba\xcd"\xabeY\xaa\tH\xc0\xf1\x9e\x82v\xb6|&gt;*\x92\xf1\x13M\xa4{\x8d4O\x03\xc1\xbe\xd6d\xe9=\xe2|V\x0f\xa9h.\xec\xb9\xd7\x9b\x8bfk\x88\x16Mt\x9d/HP\t[\xa6\xf4\xe6\xf5Dn+\xc8_\x02\x00x\xd5x\x8f]\xdalG\xde\xb6\xa0A,\xe5\x94K\xa5\xb0\xd1o\xb3@\xd6\xb8\x95P\xe1\xc0\xb6\x1e&amp;\x9c4c\x91E\x8d:\xe8\xe8D\xd9E\xc32\xee=y\x15\x89\xe3\x934\xbf\xac\xa4j`\xcbO\xd0XlD\xceQ\xda`\x03\x0e\x97UT?.\x8e\x99\x19\xa7{\x8b@\xf4\x12)ca\xfd$\x9c,\x8aZ\xaav\xc9na\xf8{\t\xbe\xb6\x08\xc3\x188\xda\xcdd\x87s\xb3X\x14\xa5\xd6~2\xdbk6\xbb\x18\xa8\x82\xc6\xd76pC\x1b\xbc#\xbc$\x14YY\xc7\x96\xda\xd9\xd3\xf4gm\x10\xe5Q\xae\xcb\x9f\x01\x0er\xd8E\x84\xf6f\x00\x9fl"\' \xdfJ\xd8 s\xb6f\xb3]Q\xae\x16\n\x1f\xbe14j\xef.o\x8b0s\xce)\xcd\xe3\xc0\xa3E\xd3\x9c\xc3Kw\xc8\x97\x9c\xf6^\xda\xbd#\x87\x0bz\x94\x18uc\xb726q\xd5\x95]\xeaJ|\x0b5&amp;W\xd0\xc8\xa2L\xafZnIt\x83\xad\x8c\xda:\t\x00t!\xfb\x96nN_T=B\x0eS7\xbfT\xb8_8\x93\xff\xc2\xf4$\x1ch\x93\xc9\xf1y\rB]\xbe\xba\xa83s\xb8i%D\x14\xae\x7fsI\xd4r\xc4\x16s\xc5\xcdl-3\xba+\xc6!S\x97\xdf(\xc9\xb4\t\xbf\x9f\xa3&gt;r\x8a\xaa\xc5T\xf1l\xe6\xdb\x96\xca\xa3\x99\x0e\xc7U\t\xef^\xaf\x9a\xa8\xf3\xa2\xc7\xf9\x8bm\xb5;+k\xd6\xcd\x96:x\xa3\xec\t\xc08\xb6\xae\x17\x1c\xf7d\xf7\xb3=+\xb2\xd2\xd6\x1c\x08\xf4\x98\x18~a"\x0f\x1f$\x1b\xc4\xb0y\x0f\xe8\x12(\x0eJ\xeb\x13\x15m\x02{G\xe0\x0f\xf1\x97\xbf\xbaz\x06\x02\xc3\x9b\xc0\x17{q\xacl\xeeZ\xbe\xbc\x96\xc6\x7fpO\xd0[\xfc\xdbsr~\r\xd1\xfd-E\x08\xbf]%\xb92\xf7\xd3f\xac\x9c,\x8dh\xe0\x8a&gt;\x10\xeb\x84,\x86\xa8+\x00\x98ot\xafg\x91\xd2U\xb8\x8b\x06\x06\xaa\xd4\xe9/\x08\x0c\x14\xcf\x07\xfc\xce\xfa\xd4\xa0\x10\x15\xf3\x15\x90\xafQ\xfd\r#FHQ\xde(\x1b\x01\xbdC\x88\xa8\xf5\x97\x92B\xfdQ\xa3\x9c\xf4\x8b\xb4\xa5N\x7f"&amp;\xd2\xba\xf1\xe9\xc0\xffTS\x9a\xb4\x02\x80\xc17\tW\xf5:;c\xddoQ^\xa1\x81\xfeW\xcen\x05\x1c\x01r\x8aN\xa5\xb4`dP\x17\xf6\xd4(z\x13\xc4\x93\x1f\x8f+\xc8\xb8\x81\x87\xcd\x87\xc0\xd6\x1b\xadg\xb3\x7fHU\r\xe6sD\x00`\x84\xafc\xcd\x86\xe8\xc7\x1f\x17c\xa1\x00\xe1\xf1\xfd\x82E\xbf\xa8\x12\x8e\xfe\xe7%\xb0\xef\xf4\x95(\xc5\xb7\x84\x8c\x81\xf9\xf8\xc8*I\xad_S9\x8dH\xf4:s]l\x80\x1b\xb4\xcc\xfd\xda\xd0\xc7\xaa\x05\xad\t\xae&gt;\x9a\xd4\x1e\x84\xd7(G\xff&amp;Y6\x13E\xf7\x9d\xe1L\xb6\x99\xfb_\xffkr\x8f(\x13\xd2b\xf4\xafl\x8bF%3\x14\xb33\xda1\x93a&lt;\xbc@\x9bs\xb9t\xdc\x1d\x9a\x0e\xd7D\xe2\\]\x0e\xfb7\xa2\xd7i\x05\x80\x7f\xefF\xff\xe3\xdf]K\xde\xbaRz\xa3\xd2&gt;\xf6\x86\xd2"\x02\x1d1N\xd9[\xea\x1d\xf1\x07\xfb\x0f\xd5\xd7\xab9\xf4\x9b\x07\xc5\x9bfDD_\xeb\xcf/\x94r(\xaf\xb5o\x06\xe8\xe5c8\xbew}\x06\x12+?\xbc\xb0\xc1\xac\xd0\xef\xcc\x89\xfbY\x15"&amp;Qy\xe7\x7fh\xc6\xee!\x89\x1a+\x16\xc3\xcd\x94\xe5\xb2j\x9e\x85\xae\xfbom\\Etz)_^o\xcbb\x8fy5A\xc2u\t\xc7\xd6X\xaa+&lt;f\xa4\x93&gt;\xd6\x15\xd7S\xc1y\xcb!\xd7\xbd\xcf\x9e\xab\xf9\xd2D\x8b\x18f\xcdH@x,D\xa3+\xed\xcaZ\xaa\x89\xc0\x96\xc8\xb7,2^\xa6\x15*\xfd\xad\xa7\x0b\xfc#"3PE]+\x87\x86\xb6zJ\x96I2\xc13\xdb:&amp;\xe5s\xb2\\0\'\xceP\xcd\xe6\x19\x0eY\x91o\x05\xa8\x13\xcd\xe5\xe7\xfe\x87p\xcf\x9b\x00\xacz\xa4%8\xe4vk2\x07\xa0\xdbgx~\x8b\x80\xe8\x06D\xd8u&lt;=\xc2\xf8?\'\xae\x08\x07\xda\xbdZ\x1b\x8aME\xcd\x0eu\x8c\xcc\x106I\xf9~\xf1\xf1i\x00\xc2\xf9lVg\x89\xa8Y\x8f\xba\xb9\x18\xe6/\xc4F\x98\x99d\xda\x0f\nE\xc9\xbcU&lt;%\x02\t\xa5\xb3\x94`Df?\t\xf9\r7I\x90\xc8\xd8\xfeQ\xf8\xb0\xc0\xa2\xdc\x12\x11\n\xfd\xae\x89"V\xcb\x8f\x11\x03\xee\xa1L\xf9\xe8\xb5\xa9\x9e\x1bl\xeb\xd0\x84{\xba\x0e\x9c\xdeb3A\xc6[#\xaa\xb1\xa2\x8d\xaa\xf0\xeb\x8c\xb7[\x9cC\x88,\xb7+\x9dv\xf8\xb8\x846/w\x11\x1eg\xc9\x96b\x03\x1b0l\xaak[\x9f\x00d\x8c\xa8\x08\xdf\x8c\xa6\xfcg\xb4\xac\xdfJoX.\x0cZ9\xa7\x96Fr\xb5{=xv\xd0GB{\xe1\x93\x96\x947*\xb3\xcf\xc4\x7f\xc1\xf6m/\xb4\xd1;\xf4#\x96\xb4\xc7\xd5y/\xcf3C\x82]\x824|\xf6:\xe7\xef\xe4g\xd1[pF[\xb0\xf0\xb1yZb1\xc8\x91\t`8\xd6\x16\xa6a\x0e\xaa\xde\x8a\xe8\x88l\xf5\xba\'\x99&amp;\x92\xfc\x01Y"\xb4|\x82mka,\x1b\x93,M\x1b\xa9g\x92&lt;A+\xf4m\xda\xa8\xf199;\xe5B\x0f]\r:\x9b&gt;C9b/\xe0\x03\xd6\x03\xc6\xed\xe4\xbf\x90\xe8\xd1%\xf9.\x06\xfc\xbc\xda\xb1\xf1\x12\xb5\xea\xb86\x9eW\xfe\x80\x9dMt\x9eH\xd0\x12\xe9\xfeI\xbam\xe5\x1e\x03\xd2\xc5k\x00\\\x1a\xf8a\xfe\xf1j]\xe0\x98\xa1\x99K6\x86\x8a^2\xfb\x81\xefT\x16}\xbb\xb7\x00\xec^\xa6\xa1\xcc\x06O_y^\x92}\x92\x1aE\x80\x86q\x84a\xf2p\xa8\xf6\xff\xc1\x80\xdd\n\x93\xfbZ\x935\xa8\xa1+\xc2\x19\xd7\xf2U\x80\xa4\x0e\xa3\x0bB\xa9\np\x8d\xe6\x83\x80Wh\xba\x9fA\x02\xd4e=\xbe\x03\x81\xaf\xdb\xde{\n\x8a@\xe3?\x98\xf4\xacm(\xde\x07x\x83\xed\xea~\xc4$\xa4\x0e|\xa3z\xb3J\x8b\xe7\x11\xeb!\xc6\xe7\x88\xf0\xb5T\xa5\r(\xd3\x07\xa43L4\xe6\xf0\x15\xdd\x81\xf0\xde9\xba\x84\x8c\xd9\xe2\x84F4\xe8O\x84\x1dbZ\x86p\xd65&amp;\xed&lt;\x1fog\xe4l\xae/W\xd1\x7f\x0f\x91\x9fZ&lt;\xac\xaa\xd4D\x83{~\n\xec\\(\xc4\x13\xa7@\x937\x83\x05\x02\xbb\xa4@\x86O\xf8\x80,\x9d\x00$r%\xcd8\x83\x0f\x13\'La\x99\x18\xfa\x8f\xd0\xbbN\xbdZ\x91\x03\x91p\xe4\xc5\x86_\x06\xae\x93\xadhkb\xf3\x16\xa0%a0\xbc\xb0%\xbc\x93\x89W\xf6\xd2TZ\xb3\x14L\xaf&amp;\x88\x88\xcb\x04M?Dd\xbf3\x87\xdb\xf4X)(\xf8y\x83\xd7\x15Ev\r\x87\xf7\xf0\xd8?1]\xd6\t\x8c5\x80v&gt;y\xa1.\xe9!\x15\xfd"\rs\xc0\xa2\xb1qa\xae\x14\xcc\xfb\xcc&lt;\x9d&lt;[\xe55\xd9Z\xe8&gt;\xa7\xca\xa8\xaei\xfaa&lt;e\xbbi\x17u-\xc0\xf8_1vk\x1f\x08\xdcq\xa6\xe9\xb4\xc0\x14z\xf3\x8d\xfe\xc7s\x0c\x04\x10]\xdc~\x03z)TL2{\n\x00F\xfa\xecb\xf7R2\xab=\xec\xa1\xdf7\x85a\xba7\xca\x0e\x18\x1a\x8e\x0e%\x17\x987P\xc0x#\x18\xeb,\x8dp\xfa&amp;k\xab\xdc\x18c\xce\xcc\xdf\xa5^V^\x85\xefS\x7f\x80\xd1\x06\x03\x987L)\'C\xae\x9d\xa5b\x83\r\n@\x00m7=\x1f\xf9\x91\x8acp\xb1\x87\x83\x9b&gt;\x7fY\n\x99\xde`\xe0\xfa\xc0\xf3\x1b\x89g\x07\xad1\xc1\xf0\x9ck\x99*e)\xd7@\'&lt;ULD\xf4Z"\x1c?\xfdy\xae\xc2\xb2++\xfd\xf9\xc2f\xf4\x8f\xbe\x14\x9eZ\xaaJ\x85B\xe1\xb2Vw\x06&gt;\xc5p$\xbd\xc3\xe7\xad-\xbdM&gt;\x87\xccN]eB-=\x8b\x95\xae\xcc\x9a\x95`(\xaa\x89\x8d\x1a\xce\x85\xd5\x19\xa0\x87\xa5\xe5\x94\xb5\x93\xc2\xa3q:9\x19%\xf2\xec\xca\x02\x8d$#"\xc2k\xd7\xaa\x9bk\x83tH\xa9\\\x97\xad \xb3\xd1\xc8\x0e\x95*\xce\x1bl\x90\x8f\xbb\xdc%V\x7f4\xe1H\xc0\xbb\x00\x007\x0eF\xb1+E\xbauX5C\x07\x96\xeb\xfe\x83\x00\xc2\xbd\x9a\xb4A\xbdp\x80\x80\x17\xb9\xaa&lt;?\x0c3\nk\xc46\xfdISwh\xa5a,p\xafw\x89/\xad3=\x0fE\xc5W\x9c\xddU\xbd\xc3,\x03#wl\xc1\x8c\x9b\x85\x94yJ#\xd3\xcb\x066\xf9\xb8WY\xb6(\xa5]+\xe451y\x0c\x9e\x97\xe7\xcc\xdc\xb4,\xc7\xfaX\x862\xb5v\x05\xb7D\xb52-F\xf8\x12\r\x02\x8f\xf0$\x02n&amp;\xde-\x1d\xb4\xf1\x1eV\x10\xceL\x1f/\xd0Xv\xae\xe8\x99\xda\x9d$\xbc(\xaa\xf9\xc4\xfc\xa5\xf3[\xb1\n\\\xc9\x13+\xf4\x86\xa5\x9a\xd6lX\xb2\xc1\xb6\x8e\xd6\xb5\xa8\xba&gt;4\x82h\xd1\x9a\xccO|\x90\xf3\x13!\x9f\xd7\x991\x03wN\xe6\x89\x85\xa3\xf0O\xf3\xab\x95.\x874\xcf\x12\xd5\x85%x\xef\xa2\\\xce\xb7\t\x9a\x04\x8fhW\x86\x07\xcep\x18m\x7f\x06\r\xf3\xd2\x8b(\xfc0\x8f\x0f\x1b\x05\xa4/U\x9a\x9e\xe9B"\x9fC[i\x99J\xd6\xaf\x1d\xde/&gt;I&amp;"\xfc,s\x02P\xb4\x12\xac\xcb\x1e$\x96\x84tr\xeen\xff\xb9*\x8cvU\x8b\x90\x91\x1bW\xacOT\x92[\xc4p\r\xf3\x16X\xb7:\xb8A\x1b\xe8\xca\xb5iEZ\x1f\xc8\xe6\x0c\xa7h\xd6k\x08eO\x9c(\xb2-\x9c5\x01\x98r\t\xa3\xff\xf8-%\xea\xd7\x0eK\x94.\x17\x99\x8e\x7f\x1a\x85M\xb9\xb7]\'\x1c\xd8\x82\xcc\x16Aa$\xc8\xdek=\nYf\xc9&lt;\xb4\xa2J\xf5\x1e\x1e\xff)\xda\x9b\xb6\x90\xac\x96g\x96J{\xfe\xec\xd5?\xe2\xf0\xcc\xfc\xf5*KX\nqb\xff\t\\`E\xfd\xfb\\\xcb\xf3\x96\xc7J: \xff\xea\x1dY\xb1^\xb2\xd23\x99\x8c\xfeN\xc5\xc9-\x04n\xb0\x81\xfa\x0cO\xaa.mE\x1c\'\xb7\x0b\xebf\xdd\x99FF\xcfw\xa7(\xd5\xad\x9b{\x8c\'\xb2\xa65\xdc}f"\x16\xb4(\xd88\x9a_E\x19\x08\xb7\xf4\x0fH\xd4\xab~}#?\xd3Z\x04\xf0B\xc8\x0c\x06\x8d\xeb*\xbc7oq\xe8K?\xbb\xa2\x85?\xae4r\xdb\x8d*+X\x93\xaae\xd2\xcdGQ3\xb6\x03\x92\xc3\xc3o\xe5&amp;\xc2O\xcf\x90\xd5\xf8\xf8\xb8\xc7\xb4\x7f(\xdb\x1e\x00\x00 \x00IDAT\x91"\x04\xcf\xda-\x84\xa90\x9a\xf0\xe8\x88i\xf9\x02\xd9;\xf0e\xda\xc2\xfb\xbb\xe7nw\xe2h\xeb.\xb9n\xb0^P\xc7\x93\xa2\x99\xd8z\x885y\xc1\xc5\xf5b\x8a\xd7\xb8\xdb\x14b\xa1\x9cK#\x1d\xf8\xb9\xf5\xe7\xd3xi\xce\xdaF"\x1e\x92(\xedQ\x16PQ\x06\x7f\x9c\xf4\xfd9\xcf\xb0z7\x8fH\xba\xe2\x0c\x03EH\xa8\xe6\xcf\xd5\xae#\xbc\xa4\x95L)\xbd\xce\x00"\xe0\x1az]\x92\xdf\xbc_\xc6?3m\xe1\xb5\x01\x17\xb6\xaf\xb5\xa8\xb9\x9c\x15\xdf`Wg\xabp\xdad\x82/\xf6\xc1\xe9\xa2\xb7\xafgo\x1ad\x15\x04\x9f-\x85Al\xae\xd3\xd6a\xce`\x9b &lt;\xbe\x92\xc903\x0b\xdf\xceT\xb9\xa5\x89\x90\r6\x18\x91\xd1\x00%\x1b\x8b-\x07\xd1\x10\xfe\xe2\xf2\xfc\x12K\xf2&gt;+M\x1a\x9d\xde[GJyZ\xd8(@\x83U\xc3c\xd5\x8aV\x82v\x1c\xde\x17\xb1.\xaeX\x95~\xcdQ\x1a\'\xaa\xe8\xd0\xa28P\xdb\xc9\x8c\x16\xa2\xd6\n5\xae\x9f\xe9\x9f\xaa\xd0\x12\xe48M\x04\xbb\xff\x90+\x9e\xf5I\xf7\xb3\x7f\x05\x7fGMHL.\x8b\x87\x87)\x94\x9e\x8cZ\x94\x91S\x1d9\x05\xe5[\x99\xbd\r:\x02\xefu\xdc\x12X\xd7f*\xfeN&gt;e\xd4\xc9\xa3(m\xf1\x05F\x9c\x11\xe6\x00\x9b\xf7\xdf\xce\x8e1\xf2To\x86\x8e\xc6\xe9V\xfb\x1c\x89h\x8c\x11\xbezf\xcc\xef\x80\xf3\xcd\xca\xc9\xc2\x0f\x80K\x8f\r\x8e\xe4v\xdf\xe7w$zO\x90\xc6\xfaO\x01\xea\xfe\xd1h\x0c=h\x7f\x8a+\xcc\xaa#\x90D\xba\xb5\x94&gt;\xf1\x08*\xf9\xba\x93/d\xd0 %\xb0\xe9\xd5}\x9a\x8a\xb74\xf9\x91Kss\xe0\x13S!n\xb5\x8a9\xa2+\xaf\xec/+\x15\xf7\x8c\xc6XNC\xcd\x0b\xd8#m\xcb\x0c_\x16KY\x9c\xa5t\xea\x11L\xf7gT2J\xbdDD\xd6\xd7\xcav\x06~j}\x94k\xac\xa6\x91&amp;:\x1d\xd2\xba@\xa8\xaf\x1d\x9d\x1e\xde\x15D\\q\x01\x80\xd9\x0et\xba\xc7\xa4\xb2\xffM}\xd7\xc5n\x97tcsE\xe4\xec\x01|\xca\xf9\x96\x82\x1f\xb1\xabiy\xd8B\xe1kS_\x1e\xe5\x9f\xc5\x08B\xe8\'\xa0\x9dU\xee\rJ\xc1\x18\xe0\x02\xc0\xafU\xfd\xcbZ|\xc6{Nl&gt;\x04\xb6f\xe8\xbe\xb3\x01\xbc\x8e\xbf\xfd\xb6e\xd9,\x8f\xf3.\xa5\x88@\x97&amp;\xeb{d2\xdc&amp;\xe0\xbd\xac\xac\xa6\xb0\xbe\x84b\xac\xaf\xe1\x18\xc0\x98\xfd-&gt;Y\x1f\x1d\xcb\x82\xa2\xd9\xe3S\xb4\xf9\x92V\xb7\xb2\x13\x9b\x94\x8d&gt;\xa9U\xe7\xb4\xf0\x06\xb8\\b\xbc\xd2\x7f\xac\x06\x9f0\xc3\xb7\x8a\xc6\xaf\x1d\xad\r2\xb6\x80\xca&gt;Q\x96\xd1-\x9a\xc9I\x83\xa3\xc6\xdfk\xbe\x92\xdbh\xf4\xcf\xc9\x06\xe3:\xdb\x02Fi\x9e\n\xc7\x1bQ\xca\xc6T\x84\xb89\xa1\xcb\xde\xe1\xa7\x06\xc0\xf7\xbb;\xd3\xca\xbf\x1c#$\xde\xb6\xce]\xa4(\xfc\xb1\xd5\xd7\xecF\xc5\xa1N\xf9\xdb\x8b\xde\xe8\x1f\x00p\x89\xb8\xa2\xe4"\xbf\x82\xa6M\xed\x17\xd5\xe6\x13\xe8SDxQ\xcc\xd9\xabY\xa8\xeek\x83k\xa1goW\x9b\x86\xc6\xa8\x11\xcf\x8f\x10\xe9F\xff,\x88@\xbf\x8a\x06/\x89\x7f\xc4\x84n\xc9\x13\xda\x1b,\x81\xe2S\x19\xe1\xbb#\xb7\x18\xa2{s\xe2\x9e\xdd\xaa\x88E\xb6\x11\x1d\x1c\xa6N\x19\xa8u~\xb2\x94.\x8d\xa8[\x12]\x7f\x9d\t\x19\xae \xe0o\xe5\x8a\xb6E|0\x12K\x8d\xa3KS}\xe6\xc1cZV\x9cR\xe6\x8a\xa5\x83L"\xad\x05\xca\x9at\xc0\x13|2\xca\x8c}vU\x89\xe8L\xfeb\x8ed\xd5\xe9J\x16\x9fP\x19\xf5z\x12\x0e\xa5\x00\xce\x81\x13\xf2\xae\x14QbR2B~\xb4\x0e]F\x0f\xce\xc6\xd4\'h\xea\xe4\xc7\xcbK\xba\xae\x91\xaf\x9f\x00\x10\xd1f=}\x83\xe6\xb8/\x9eh\x87\xec\x1a\xd5s\r\xf8\xbag\x9dq?&lt;\xab\x9a\xd5\xe27\x89S\x83\xc3\xb9U\x85\xb7\xfbI\xdd\xf8Vz|Ja\x05\xffJ\xa4\x88\x7fV\x89\nz\xbbV\x98\x10\xaa\x93q\xf9\xb1\xa46\xe8\xa1\x0b\xb0y\xb5-\x15\xc0}\xe9\x9f\xd8\xc7\xc0\x15\xcb\xa5\xack\x1d\x9c\t\x9a \xe1\x9c\x10K\xc9\xe5\xd5\xcd\xa3\xb4\x01\xc9j\xc9\xb3/\xa9B\x8f\xa8\x9c[\xf9\xcb\xc8\tQt\xa1\xee\x17_\xac\x93\xec\x1e\xc3]IH\xca\xba\x86\x88\x97\xda\xbc\xdc2\n\xc9q\xa9\x8e\xcc\x9d\x0b\x99/^\x04\x1b\x9c! Uu\xfbgQ&gt;\xb8\\\x96^\x96\x7f\x0b\x1a\xcadDxil\xb9\xbd\xba\x9d\n\x9b\x1bQ\xc8^\n\x0e\x8d\xfc\xd3\x04\x01\xb1\x0c\x17\x15G&amp;\xe7\x90\x9dF\xed|\xda"E\xdb&amp;V\x14`t\xc2\xd6\\\xa1\xc0Z\x0c\xa7\x96\x86\xae\x1db&lt; \xa7\xb4~\xcf\xf6\x9e&gt;\xf1\xcd\xe0\xeb\xcd00I\xec:J\xbfDUgQb=9\xe6\xf8\xb0p\xf7\xdf\x12\x19\'\x9d\xae\xc9\xe5\xe4Y[dgj\xb85 \xa0\xf3g\x95\xe8\xb6\xb47\xd8 \x0b\x9f\x8cn`\x11\x88\xde\xd9\xff~\xbb\xf9\xc9\x04/\xdb\xd2-\xf0pu\xf2\xb5\r\xc8h\xd2\xe8\xdb\x89\xf2\x85\xe4\xd0\xba\xbcnI\x9f}EP\xce\xf7z\xfe\xb7\x98&amp;\xa8\xbf*U\xa8/\xa3\xb5u\xda\x1c\xf0mg\xd3\xace\x80\x11\x1e\xd2k\x7f\xbaO`\r\xca\x8e\xf7\xd2\xb6\x8c\x8a\x86(\x92r\x81\xa2$\x80^!\xb6\x06&lt;U\x87U&lt;\x97\xc6/u\x11\xa2\x92\x1c9\xb8\x12\x88\x01\xe8\xb3\x8e7&amp;{c\xb9\xbeUQR\x96j\xa5\x99\xf3\x04F\xbctJ\xd6\xf2B\x91\xedY/\x8a\xf9\x9c\xbf\xc1\x12\x88\x85\xf8\xfc\x15,\xcd\x04x\x13\x9b\xd8ksg`\x9b\x1e\x8f*\x9d7t\t\xe5\x94\x02\xeb.\xa5L\x19d\\\x12DDW#\x02\xce\x99\x9b\x91;J\xce\x16q\x8dE\xf4x\xad\x97\xe8\x08"\xe0"\x15\xba\xb6\x04\x1c\xc7\xba~f\x92\xadG\x8c\x89\x94\xecU\xc95\xe8\x9fN]\x03/-\x8aD\x94\x10\xe1\xc8\x98\x13\xdcr\\\xd0]D\xdc\xf7\xbf2%\xc4\xca\xf7\xa8\xa4gz\xc3\xdf\xdf\xae\xbfP\xaa\xec\x1d\xee\x88\xb1%\x0ev]*T\xc4*\xaf\xe7\x9f3\x01\x98\x0ftl0e*\x93\x93r\xf8\xd6B?\x1b\xdc\xe2Vl\x10o\x0e\x16j\x82\x85o`\xf1\x81eW\x9e\xbf\xb16T\x13\x8em&gt;\x8e?\x1a\xb4s\x1d\x05\xfb\xad\x0c\x9e\x90 \xb3\x1c\\\xbdW\xb7\xee\x1c\xa7\xcf\xca\x8bs\xc2\xa3\x89Q\xf1x\x13\xb3\x94n\xe9$$\xafh\xc0\xaa\r\xe0E\xa2\xbd\x9a\xb6\xb5*9\x17\xab\x9c\x98\x99\xcdK\xb3&gt;\xa0RA8\x12%\xf3\x86J\x8d\xfc\xb6\xadJTM\xc43\xf5\x04\x1c?\xab\x94\x86\xe9\xbbL\xfd\xff\x1f\xc4\xdee\'\x00\xd3\x8d\xe2\xc8\x14\xc5\n\xe9\xca\xb4,\x88\xf8\xc7\x04\xb68~\xb2MXq\x06\xc6\xca\xdf\x15#\x0e\xa6\xd9\x16\xe4\x10\xb6\xfe4f.\xb5\xc2\x161\xb9J\xc7\xf9\xcf\x8cu!\x13\x14\x87\xbb\x82\x12\x9fX\x06\xbd\xe09"N^\xfe\x19\x156\x02\x9b\xcao-S\xa7\x98)\x1d\x8e\xc9z\x04X\x8c\x8aM&amp;#H\xb2b)3\x06\x92\xc1\xef\xdc\xca\xe6\xa0\xce\x92\x96\x99:\x1c\x92O\xae\x85\xb42\x8d\xf5|\xe7\x99\x0f\x88n9`\xe6\xc5l\x10=\x9e\x08DW\xc8+\x97[\xf2~\x88\xe5\xaa(\xe5\x0b\x8d\x9e\x9f\x19=\xf9y}\xbe|EX\x1c\xabZ\xb4\xda\xa0\x19\xc2\xb8\\\xaaD\x13\xd5\xc3\xd9^\x8c\xf1lY\xa9\x08D\xf8\x8a8\x01\xe8\xf4\xbe*\xca\xfc\xa4\xb59\x0e1\x10\xbe\x8fRB\xa3\xfa\x1c\xf5Nva\xc9\xd9\x17\xf53\xcb?:\\\xdeZ\xa0\xee\xbcS:\x19\xe7\x84\xc5\x11\x0b*\xf2\x92\xe8\x05\x15hV\x04a\x9c\xa7\'*\xbbR\xe8\xd2+\x91pi\xa5\x9c\x19\x08\x03\xd2xV\xa5(\xc6\xd3*\x91\x96\x9ce\xb6\xbb5\xd4R\xc0\xa2@\x08\x1e\xcb\xe7z(\x11p\xadJ\x8a\xb3\xc1\xb5\xfa\xba\x04|\xaf\xb9\nM\'\xd8Z\xe9\xdaa\x9d\xbe_\xb3\xcd\x82\x88r?\x16\xcb\x08\xc1\\\x9f\x1d\x1d\xbf\xde\x1a\x8a}6\xd1\x13\xe3\x99\xcd\xf0\x8d\x16\xb6\xae\x04T?\x07\xdc(\xc6\x84\xe1\xa0O\xf9\xfb{\xd0\x8eoq\xbeMH \xdc\x14\xf8\x84\xc8ga\xf0MJ\x06+"b\xd2\x8fB%!\xc4|\xa1E\xd7\xb8)\xb9I\xe2\x16\xfd\x92"G\xc2\xfb\xe6\xf46\xffe\xc7\x1e\x96+V\x16\xf3r\x88\r\x94\xa6\x14\x11\x92\x9e\x18M\t\x86\x9a\x93\xb9X\xb2CK\xe2\xdcT\x7f\x9a\xd7\xb6\xae\xa9\xff\x05\xc7\xe6i\x89\x94\x0e\x1a|`O\xa5\xa9S\x17\xd3\xa5j\xa6\x9c\xbek\xfa\xb6u\xb9\tbk\x86\xb6\x9e\xc9&amp;\xd24\x90\xc2Nam\x10\x14\x80;|*\xfb~\xb9(&lt;\x82U\x0f\x18f\xc7\xe6\xcb\x05\xb3\xa3\x0b7\xea\x7f)\x9eS\xce\xf3\xd9\xd1n\r\x05\xd2\xc2\xd6\x93\x92\x9a\xfa\x137\xe2}O\x80=\xfa\xf7VnN\xe8V\xf6?Y&gt;\xed&gt;\xcf[\xcd\x1f\xddog\x1a\x18\xf3I\xefC\xa4\xab\x84\xdfhu\xdfI\xcd`\xc5}&gt;u8\xf4\xd4\xb5l\xe4\xdf\xec\x97\xc9\xe6]\x066\xe6\xfd\xc1\x95\xcc\xee\xca\x8c\xebyE\xd05\xebg\x84E\x1d`\xf8\xa0\xb8Qv`\xa5\x9f)\x8c\xaf\xbc\nj\x87\xcbNQ\xbc(c:\x9a\x8d[h$\xebD\xad\xc5x@\xf0Bql\x1b\xb3\xfb\x18-\x85_h\xee\x97K\x1bW.\xa5A\xbdb\xab\'R{\x82p\x05f\'9\xa2hY\x04%\xd1\xb2\xf9bKy-\x9a\xc7\x90\xc4\x95\x01\xe0(\x00\xc0U\xf6\xecK\xb9\x88\xea\xa7rO\x9e\xf1\x97\xd7\xc4Q\xf5Xyc\xb6\xed#X\xc1\xc2\xda\xb8=\\`@\xb8T,\xad\xee\'\x11\xb5\xd4Z\x1e\x1bRi\x96\x03\'V\x00p\x0e\xe0\xafE\xd4\x92\x92g,\xa0\xd1\xf2V\x91\x10\x0b0\xf7\x9e\xb5\x8e\xa2\xde\x01@\xd6\xb0k\xdc\xec\xca\xb6\xeb\x9aD_\xeb4\x16\xb8EZ\x13\x05`\xfcF|\x86\n\xd8p-m\xf6\xf0cT\x8e\x01\x89\xec\xb2\x06\xf00\xe0P\xd1\xa5\xe1\xda\xf9\x98R\xbf\xacNDy\xa5V\xd4\xe421\xd4e&lt;\'\xd1\x1f\x1d\x9ez&amp;\x05K\x95\xca\x00\xa8\xdeK\x1c$\xb4X\xd5\xf6vr\xfa_\xc3\xbb6\xace{Q{\xd6\x94\xc6\xb8\x83\xb2\x84+\xbc\x86Q\x08KF\xcb\xe2\xdd\xb7\x10\xcc\xf34\x14\xc7\x13.\x97/\xf6p\xc2]Z\xee\x8dp;x\xf0\n\xa8l3\xa4`\x92,(Z\xe3\xfd\x93\x1clv\x00\x16G\xd5&gt;\xc0\xf20\xf6j\xa2v\x9d,\xb5\xb0mW\xc3\xde\x1f%.\xf9KA\x9e(\xc8ZJ\x9f\x0b\xc6\x9c\xc9\xbct\xc6\xc6\xc3\xf7-\xdc?\xc7\xd9\x87\x8e\x01y\x12\x130\x85+\x88\xc0\xd7\x1c\x95Y\x90\xf9q\xbd\xf5\xe1m+\xe0\xb4\xc1rl\x0bq\x06\xf8\xf2\xb2\xed\x03\xb9\xbfe\xab~Y\xbf\x07\xc5\x1e\x99\xed7\xde\xfam9\xa7M\xf0\xf6\xea"1\x93\xbdw\xf7C\xf7O]\xfc\x8a\xf2\xffh\xfd~)=\x89NfN]\x186\xeb\xa0(\x05Al\xce\x80\xb9\xaf\xa9\xd5\xe36\xa7\xc1!\xe0p\xcf\x04_\xfe\xb4\xcf\xd0vK\xd6\xed\x9e\xe2\x85\x1e\xec\x93\x02\x1f\xa6sm\x85S\xdf\x9do\xfb8\xb9@k\xba\x97\x1b\xea\xb3&gt;\x92\x88\xe8. \xe0\x16\xed|\x17\xee\x93{\xd7\nc\xf6\xb9Z\x86\n\xf1\xdb\xc2\xe8\x7f\x83%\xc0&lt;Y\xc2?L6\xd3\xbe\x92$\xf6\xecE\x8f\xbc\x84\x99\x18\xa4\x84|\x86\xcbB\x99G\x11f\xf1\x95SF\xb3#u\x88B-\x87s&amp;w\xdds\xaf\xaa0\x89\x88&gt;1\xbf7\\\xfe\xcfU\xe7\xbbv:\x0e\x0fr/\xee\xd0\xb4\xa2\xf9&gt;\xdfj`\x9c\xa64\xe4\xfa1\x9f\x0b\xca\x96\xd9=\xcf\'\xc6\xe7\x0b\xaf\xdea\xce\x82\xce.\x82\xf2\xb2k\x08\xd6\xd9\xbe\xc3\x8b\x18\x8a\x92\x19]C\x0f\xc2^\xe4\xa2.C\xb8k\x94+mR4\x1f\x18\xa3,&gt;s\xa9\xb3\xd7d\x94\xe4ZS\x18\x1dn\xe1\x07\xe5\x8a\xb2JyN\x0fopF\x82\xb2A\x11#^\x90\x9a\xa5\x9ck\xa1X2\xf5\x06i\xe4H~\xa8\xc1\x93\xac\xa6\xf9\x0e\xa5B,&gt;\xb3\xd7\xfc\x88.\xb2\xfa\x95\x92B\x19\x04\xa6\xcb%]\x96\xcd\n(\xc7\x00\xbd\xf3\x13\x9c\x07\xeca{F?\xc3T\xa5\xcc#\xbc("&amp;h&gt;8\x9a\x10\x9e\x19\'_\xef\x12\xdcev_}\xb7\xdc(\xce\x10G\x08\x11p\xa1\xd9\x98/4Aj\tM\xedk-Y\x08\xb9\xc4\xdb\x9f\xcb\x15hi4D4\x0c\x18\xdb\x9b\xab&amp;\xe0\xd7\xaa\xe4\xfb\x0eL\xe6\x99\x00\x0466\xf8\x82A\xac\x10\x89\xbc@rT\xe3\x1a5fmpFDQS\x92\x1eC\xe7*\xf7\xb3\xf0z\xb56I\xa3\x07\xdd\x00\x8b\xcd\x15U\x97\x90\x19\x08|XY\x1bAx\xea\xb8?33b\xce\xcf\r\x06F\\\xb8\x1e&amp;\x94\xef\xe9\\1\xf2\x98yh\xe2\xeaz\x8eN\x9dD546\xdb\x8a\x99\xec]\xc6\x99#\xae\x</t>
        </is>
      </c>
      <c r="E425" t="inlineStr">
        <is>
          <t>&lt;class 'numpy.ndarray'&gt;</t>
        </is>
      </c>
    </row>
    <row r="426">
      <c r="A426" s="1" t="n">
        <v>424</v>
      </c>
      <c r="B426" t="inlineStr">
        <is>
          <t>steps_per_sec</t>
        </is>
      </c>
      <c r="C426" t="n">
        <v>4800</v>
      </c>
      <c r="D426" t="inlineStr">
        <is>
          <t>2.5963914</t>
        </is>
      </c>
      <c r="E426" t="inlineStr">
        <is>
          <t>&lt;class 'numpy.ndarray'&gt;</t>
        </is>
      </c>
    </row>
    <row r="427">
      <c r="A427" s="1" t="n">
        <v>425</v>
      </c>
      <c r="B427" t="inlineStr">
        <is>
          <t>Loss/RPNLoss/localization_loss</t>
        </is>
      </c>
      <c r="C427" t="n">
        <v>4800</v>
      </c>
      <c r="D427" t="inlineStr">
        <is>
          <t>0.10346121</t>
        </is>
      </c>
      <c r="E427" t="inlineStr">
        <is>
          <t>&lt;class 'numpy.ndarray'&gt;</t>
        </is>
      </c>
    </row>
    <row r="428">
      <c r="A428" s="1" t="n">
        <v>426</v>
      </c>
      <c r="B428" t="inlineStr">
        <is>
          <t>Loss/RPNLoss/objectness_loss</t>
        </is>
      </c>
      <c r="C428" t="n">
        <v>4800</v>
      </c>
      <c r="D428" t="inlineStr">
        <is>
          <t>0.02369574</t>
        </is>
      </c>
      <c r="E428" t="inlineStr">
        <is>
          <t>&lt;class 'numpy.ndarray'&gt;</t>
        </is>
      </c>
    </row>
    <row r="429">
      <c r="A429" s="1" t="n">
        <v>427</v>
      </c>
      <c r="B429" t="inlineStr">
        <is>
          <t>Loss/BoxClassifierLoss/localization_loss</t>
        </is>
      </c>
      <c r="C429" t="n">
        <v>4800</v>
      </c>
      <c r="D429" t="inlineStr">
        <is>
          <t>0.23310246</t>
        </is>
      </c>
      <c r="E429" t="inlineStr">
        <is>
          <t>&lt;class 'numpy.ndarray'&gt;</t>
        </is>
      </c>
    </row>
    <row r="430">
      <c r="A430" s="1" t="n">
        <v>428</v>
      </c>
      <c r="B430" t="inlineStr">
        <is>
          <t>Loss/BoxClassifierLoss/classification_loss</t>
        </is>
      </c>
      <c r="C430" t="n">
        <v>4800</v>
      </c>
      <c r="D430" t="inlineStr">
        <is>
          <t>0.11841352</t>
        </is>
      </c>
      <c r="E430" t="inlineStr">
        <is>
          <t>&lt;class 'numpy.ndarray'&gt;</t>
        </is>
      </c>
    </row>
    <row r="431">
      <c r="A431" s="1" t="n">
        <v>429</v>
      </c>
      <c r="B431" t="inlineStr">
        <is>
          <t>Loss/regularization_loss</t>
        </is>
      </c>
      <c r="C431" t="n">
        <v>4800</v>
      </c>
      <c r="D431" t="inlineStr">
        <is>
          <t>0.0</t>
        </is>
      </c>
      <c r="E431" t="inlineStr">
        <is>
          <t>&lt;class 'numpy.ndarray'&gt;</t>
        </is>
      </c>
    </row>
    <row r="432">
      <c r="A432" s="1" t="n">
        <v>430</v>
      </c>
      <c r="B432" t="inlineStr">
        <is>
          <t>Loss/total_loss</t>
        </is>
      </c>
      <c r="C432" t="n">
        <v>4800</v>
      </c>
      <c r="D432" t="inlineStr">
        <is>
          <t>0.47867292</t>
        </is>
      </c>
      <c r="E432" t="inlineStr">
        <is>
          <t>&lt;class 'numpy.ndarray'&gt;</t>
        </is>
      </c>
    </row>
    <row r="433">
      <c r="A433" s="1" t="n">
        <v>431</v>
      </c>
      <c r="B433" t="inlineStr">
        <is>
          <t>learning_rate</t>
        </is>
      </c>
      <c r="C433" t="n">
        <v>4800</v>
      </c>
      <c r="D433" t="inlineStr">
        <is>
          <t>0.039919484</t>
        </is>
      </c>
      <c r="E433" t="inlineStr">
        <is>
          <t>&lt;class 'numpy.ndarray'&gt;</t>
        </is>
      </c>
    </row>
    <row r="434">
      <c r="A434" s="1" t="n">
        <v>432</v>
      </c>
      <c r="B434" t="inlineStr">
        <is>
          <t>train_input_images</t>
        </is>
      </c>
      <c r="C434" t="n">
        <v>4800</v>
      </c>
      <c r="D434" t="inlineStr">
        <is>
          <t>[b'1024' b'1024'
 b'\x89PNG\r\n\x1a\n\x00\x00\x00\rIHDR\x00\x00\x04\x00\x00\x00\x04\x00\x08\x02\x00\x00\x00\xf0\x7f\xbc\xd4\x00\x00 \x00IDATx\x9c\xec\xfd{\xfc~\xcf;\xd0\x8b\xcf\xfa\xf4M\xa4o\'9Tl\x8a~":\xd8%\x9d\x14"_\x14\x95P:9E\xce\x95\xea\xd7Y\xd4/$\x15{\xe7l\x17*\xa1\xa3\x0eH:\xef\xa8\x08\x95S)JI\xa4_\xce_6\xb3\xff\xb8\xef\xb5\xeeYs\xbc\xe6\xb8f\xad\xfb\xf9||\xbf\xef\xcf\xebu\xdf3\xd7u\xcd53\xd7\\3k\xee\xfb\xa5\x1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0X\xf4\x8a\xf3\xab\xb6\xdeRJ\xfdh\xe7\x15o\x15W\x87Y\xf2\xad\xdd\x02\x8e\xb4\xd0\x9bYM\x8bkQ&gt;-z\x8f\xbfb@`\xbc\xa2[\xf8f@\xb2p\\\x88\x97"G5\xf3m\x0fJ\x1b5\x1dZk\xa5\xde\xf8h+\xe0H$!\x02\x00\x00\xa0#n\xc2\x1a\xd8\x0c\xd8\x15\xbcB$\xe9\xaf\xb7@\xc4\x86\xac\x96d\x16\x0fn3\x84y\xbc\xbf\x8e/U5_\x0f\xa4\xec\xbb\xc2\xb9J\xd5\x1bJ\xfd\x7fZ.\xd9\xa8\xe3\xb9\xe8h\x99\x1a|\x1e\xe72\xbb}\x00\x80\x19x\xc1{\xe0mQ\xb62-\xcb\xb2\xff5]\xc5R\xb4\x97 \xb4a_lY\\\xb1\xa6:\xbd\x1d\xb7\xaf?/AC\x97\xed\xad\x02\x87,\xcb\xa2\x94-\xf9&amp;O\xdb&amp;/\xcb\xf2\xf1J\xe6\xb1\x90\xae\x1b\xea\x9f/\xe1\xe6\\\x83k\xb7\xee0\xae&gt;l\xa6\x85\x047\x06[$\x00\x80\xee\xb8G\xfe*\xf8\x04@~\xc0\xfc\x0e\xa6|s\xb5\xdb\x1dT\x1bI\xb9[ nj\xe8]\xd3Z\xafR\xb3\xd8\xeb\x85/\xf9\xe4\x9e\xa6\'\xcb\x9f\xf1\xd8\xef\x8c6\xc35\xb8\xec\xd8;\xc1c\xbaN\xb6\t[\xady\x02\x00\x000\x02k\x03\x10xW\xbb\x85\xe52Cb\xbde\xe2\x99tr\x03\xb0\x9a\xea^\xf1\x7f\x88\x8d,0\xda\xd9\x8a\x84\xd4\x05\r\x98zi\x07\x80#\xc9=YxBp\x0e\x00@C^\x88\xbc\xb7]\x03p\xef\x03\xdcn\x98x\x03\xb2u\x9a\xee-\xb0J\x10~\xb4\xf7\x91\x97\x87n&amp;\x84.,\xac\xba\x94R\xcb]\x95]t\xbd-\x13\xb8\xa5c\x89\xda,\x97\xb0kZ\xe1\xf5!\xd2\x02\x80\x0cN:Y\xb8s\x95\x04\x17\x01\x004\xe4\x85\xdc\x87\xaa\xe6\xfaj\xee\x10$\xd1\xd9\xbaC\xef\xae\xd4\x86\x90\xbb\x9eeQ\xdb\xe9\xb9Y\xddI\x8b\xe3\xda\xb7\xfc^\x95=D^\xf6\x9f%\xb8}d@P\xeb\xae\xcet\xce\xb2\xfc}_\xd9\x90\xb4E\xe8\xdb3\xf2u\xe7\xcc\xd5\x9e\x90\x13e\xd5\xe7\x9f,]]\xddR\xb86&gt;:\xd5\x99\xd3\x0c?\x00\x80\xb3\x90\xbdXj\xads\x97\xd8\xe4\na\n\xb4\n\xdf\x8e\xe6\xcd\xb7\xcc\\&lt;i\xc9\xbd\x98r\x0f\xfeK(h\xbb\xd2Z\x19M\x88JN\x17sx\xa9R?,\xb3\xca\x99(qx_\xf4\xd9?v|si\x96c\x85s\r\xea9\x97\xab\xcd\x87\xa2\xbd\x15\x9d\xc5\'\x00\x00g!v\x05\xc8\x8b8\x10{\x92\xfee\xb9\xdf\x9f\x91\xc8p\x8b\xad\xdf\x99\xa3o\xeb\xc1\xb2,\xc9\x0f\x90\xc9\xac\xd5\xc6\xbfw\r\xea\xe7y\xed\xcf]\x84nBD\xb5\x8a\xce\xd1"\xd9\xff\x8f)\x10\xb72\xcby\xdb|\xab\xfel\xf6\xe4\xb1\xee3\'t,(%~\x94:\x05\x7f\xed\xb6W\xf9\x8e\x01\x06\x9f\xc5%\x00\x00g#\xfca\xdf\n\x91\xd2\xcf\xfb\x1aoy\xbft\xc8\xfe.\xfc]\x95\x16\x9f\x9c\xd3\x96\xa2\xd4g\x18\x92\xd2f\xb8/Qc\x83\xa0.\x9fi\x1e\xcaQ#j\xbd\xaag\ri\xba\x1en0\x12\x00\x00\xce\xca\x0b\xea\xf6\x19\xdb\x9e\x8f\x9e\xbdb}/\x1a\x9f(\xf8\x88mm\xb1\xfe\x98\xc0\xeec\x00J\xfc&lt;!i\xde-\xd5Q\xc6\x9a\x96\xbc^\x14\x91vz~ili\xff]\xa7\xbf\x08S\xce!\xb9\xf8\xb1\x83\xca9\x96~\xd6\xbe\x07\x1bFB63\x1c\x0f\x01\x00\xdc\xe9ph\xbd\x9d\xa0\'\xc4\xe6\xe9\xed\xfam\xfa\x9f\x14\xfc\xa2O\xad\xb5R/c\xa9\xbbp\x1c\x97\xb5\xee\xb2\xcdO\xf1\xb4\r\x07\x80*\xae\xbdp\x00\xc0\xb9\xe8r\x84\xd3\xe3\xc3a\xeb3\n5\xfe\xd8\xc9m\xce\xb9&gt;\xab\x97\x0b\x1f\xb9\x03\x00\xe8\xc0\x13?&lt;\x05\x80\xc9\x88}\x08x\xaa\xe3\x8a\xf5\x1e\xc2\x01\xd1\xd3\xfcrR\xe7\x95\x0br\xed\xd6\x01@-\xfd\xd7\x85\xdf8\xd3\xea\xd3\x0eB+\x00L\x83qQ\xc7\xf3\xc9\xce\xd3\x85\xe0~\x06\x9f\xce\x15\x00\x00= \x18\x02\x00\\\x80\xd8\xddw\xfb\x1br\x0e\xe3p\x03\xe0\x82\\"\x8f\xb9\xe4A)\xc0\x05\xd1Z\xab\x7f\xc0l\x05\x80\xe9\x11~\x90wn\xda\x1b\x7f.\x9f\x9c\xcb\xda\xc1\\\'u\xbeLC`2\xae3G&amp;\x00g\x02\xc0\x898A\xc0\x1a\x1cU\xa7\xfah\xc44\xe0\x13\x80\x0b\xc2\xbcn\x08\xc71\x00\x00\xa7\xe6\xda\x11\xfc\xda\xad\xbb \xa4h\x00\x00\x00\x00\xb0O\n\xa3\t"\xe9#\x00\x00\x00\x00\xb4\xe2\x9a\x99\xe5)2\xe6\x9c{J\'h\x0e\x00\x00\x00\x00\xb4"\xf6w\x00\xaai\xf9\x9d\xc7\xf2\xb4\xfbV\xb2_\x9a~\xb9\xaf\xc9\xbfXs\xae\xca\x99\xf6i\xa7\xd8$\x03\x00\x00&lt;-]7\x00-\x11\xa7\xdd\xf7\xef-]\x96\x8f\xeeh\r\xc0hf\xd9\xa7\xf1!x\x00\x00\x00Pj\xae\x9c`\x123\x0eFk\xcf\x9fu{^pECfq\xe6$f\x00\x00\x00&lt;1\xd2\r\xc0,\xd9\xc3\xe5\xb9\xfby\x9a\x8d\x19@S\x18\xd8\x97\xe1\n\x7fp\x06\x00\xe0d4\xbb\x02$\xbc\xa2s\x8a\x18\x7f\x89\xa4\xb9\xee\xc6\xc8D\x8ft\x00|\\\xed\xa38O\xca\xe3\xaf\xcd\xeb\xedw\x82\x0f\x00@w\x0e\xf8\x0c\xc0)\x82{\xdc\xc8S4\xe1F\xe1G\x96sk\xcd\xee\x90\xc9\xcd\x03x\n\xb4\x81r\x02\xa9\x99\xf8\x9f(\xc6\x02\x00\x9c\x91\xa3&gt;\x04&lt; \xb8\x97\xabX\x96%\x997\x9fb}\xaay\xb0\x9e\xb7s\x98\xfd8vr\xf3\xae\xca\t\xe6\xc83\xf2\xad\x07\xdd\xb7q\xd2}\xeb\xfd\xd9\xa3\x08\x00\xc0\x85\x18\x1dq\xb7\xa0\x1f\xcf/\xb5\xd63\x7f\xdb\xe6\xad\x15\xf9\x16\xea\x032Q\xadYW\xe1\x8a\x1c1\x9b\xa0\x02+\xe3\xf7\xc6Oc\x81x\xec\x17f^\x0b\x00\x00N\xca\x01\x81u\xcd\x9e\x8f\xd1\x0e\x00\x00\x03\xf1&lt;.M\xe5\xf4Z\xa9\xc5\xac\xc6z\x01\x00\xd0\x96PH\xedz\xbav\x0f\xec\x9c\xeb\x8c\x80\'\x00\x00p\x04\xce\x91\xbf\xcaZV$O\x0c\x00\x00\xa0\x8c\xd0g\x00\xba\x86\xda\xaf_\x16\xa2\xf9(\xf03\xe4P\xf6\xe1\x96S|$\x06\xc6\xe2\xa6\xefy\xb1\xc8Z#\x18c\x00\x00S\xb0~\x93\x83\x1d\x94\t\xd3\x00O\xc7\xfb\xf0=\xee\xa7\xa7\xf1\xf7o~\xc0\xee\x0b\x7f\xea\x8cj"\n\x00\x00\x1e\x94\x1f\x0f{?\xce{\xbf\xdf\xaf8x\x06x.&amp;\xff\xe0&gt;$\xd1Z7\xb9j\xdf\xf0\xee\xbe\xef\x9b\x82\x18c\x00\x00\r\xe8\xf25\xa0\x9c\xd2\x00\\\x1e79\xe3\x80\xf6\xcc\xdc\xfa\xaee\xf6_/\xd0M\xf7\x19c\x00\x00Mh\xbc\x01\xb8\xc5k\x0ei`\x06\xb83\xb0\xd1\xc3\x0f\xd64\xbf\xfd\x8a\xc3g\xc7\xd7A\xb7\x89R\x1f\xb7\xe9}\x00\x80\xb3P\xbe\x01Xs\xfd\xdf\xe4}\x1d\xe6\xe0\xa9\xd7c\xc9\x1ft{\x12\xc6\xf8\x01g\x9f\x80@\'u\x1a!%[\x02\xad\xd5\xf7\x98\x97\x88\x18U\x00\x00\xedyQMeB\xf3\xe4h\xad\x94\xe2f\xf6\r\xfen\xd4\x00\x18k\xa7d\xeb\xb6\x9a\x0fr|m\x83\xe3\xffu\xbf\xf0\xb2ja\xc2\x02\x00\x00\x84\xf0~\x11\x93\xc1O\xe2\xa1&lt;t\x85\x01v\x15j\xfb\xd1\xfe\xbe\x1e\xcfW\xf7\xb8?\xc4$\x85\xc4&gt;\xf9\x83M\x00\x80&amp;\xc8\x8eX\xf8cR\x0e\x93|\xe7\xc9$f\x00&lt;\x0fL:/\x91\xad\xe0\xb2}\xc4x\xfd\xa0H\xcc\x81\xab\xa0\xc8\xa7J\xf0?\x00@%\xb2\xcf\x00\x10m\x1d\x96\xc5\xffq\xba\xe1f\xd051\xf8\x1c\xf0\x00\x06xX\xa6bPG\x9fy\xd2\x1d3\x17\xec/\x06\x8a:\xd0\xfc6"&amp;/\x00@\'\xba|\r\xe8s\xb0\xb0/\x9a\x9f\xe5L\xe9\x1a\xb9N\x10Y\'\x9e\xa5\xa3\x0f\xe4`\x17%\x13\xfaG\x81E1#\x00\x00\xfa\xc1\x06\xe0\x9aprv\'\x988N\xe8\x9f\xb3\xe6\xaf\xe7\xd9b\xe52\xe1 \xb90\xbb\x87uZ\xcf\xf0\x84\x15\x00\xe0\xb2\xb0\x01\xb8,Mo\xbf\xccp\x91&amp;j@v\xbep\xd5\x9cu0\x87\x8f\x8a\xae0H\xda\xe3|2x\x03o\x03\x00\x8c\x83\r\xc0\xe5i\x92\xa2\xcdp\xc6\x9b\xb87\xac\xb9\xf1?\x1c\xady\xd6\x94\x02\xff8,\x8bz\x1f\xff\xeb3\xfe\xe1\x0eF8\x00\x00\x9c\x86{*\xfcM\x97Z\xba\xb4\xd6\x7f+\xb1\x18k\xcd\xd5\x81\x00\xec\x8e\xa0+\x91\xaf\x01\xbd}w\xa7\xe4\x1b&lt;\xd7\xf9\xab\xe3\x02\x874\x08\x00\xe0\xcaLw\xdcrj\xa6\xfb~\xc0k}\x7f\xab\xd6\xfa\xf6\xd7\xa7\xe3e\xd4\xc4\xb7\xd2\x0f\x1c!\x93{\x06\xceN&lt;/_gn\xec\xcf{m\x12\xd6Q\x1a\x14\xc90\x06\x00\xa8\x84+@-\x99nY\x9a\xcd\x9ez\xae\xd7\xa2=\xfdN7;\xdc\xaf\xe0 \x16\xc4\xdc\xc7^d\x04\xea]\xc1Da\x00\x00\xa8\x82\x08\x0b0\x11\xd3=D\n\xe3\x9c\xd7\xc2S\x13\xfbC`\xd2\x11b?\x1f\xe0\xaf\x80\x01\x00tb\xf7\x04`\xbd^\xf9\x01GY\x03\xd0\x84\xf3\xde\x12\x1e\x9d\xdcT8\x8a4\x0cZ`\x8e\xc0%\xf9X\x89Q\x07\x00\xd0\x04;\x9a\x9e\xe8\x00\x12 \xc4\xe5\xef\xbbK\xe6iM\x99\xac8@\xd0\xb8\x04\xe6_\xe0-\x15\x11\xd8OV\x0c\x0f[\xe4\xd9G\x1a\x93\x05\x00&amp;\xc1\xfe\x0c\x00\xb1if\xce{\xb0=\x98k_vo6\x0c\xda\r\xa7\x13\x8f\xcc\xf3Z\xde\x98\xa5\xfeFh\xf3\xe5\xc3\xc9\xfe\xe5\x15\xd3\xdf8t\x08\xac\xb0\x000\t|\x08\xf8t\xcc\xb8\xaa\x1dK\xff\xecs\xc4\x9a-l\xc5\xfap\xa3\x85\xcaeY\x96\xa5\xfe\x9au\xc6\xa7\x8b\'\xcc\xb6\xd7/\x9c9\xd8\x0c\xd8\xe3~\xdd\xe7\xb2\xe4nQH\xb5\x01\x00\x82\x10"\xc7\x10\xfb\xf2;\xa8d\xa6\xa7\xeaZ\xeb\xae\x87|\xf7\xa4\xa8\xa9\n\x06\'\xb4C\xeb\xc7x2\xb6\x97\xcb\xa2r\x86\xd9\xd5n\xfe\x00\x00\xcc\x06O\x00\xc6\x90Z\xbd&lt;\'\xa3\xfc\xbd\x1b)\xe1\xe4`\xbc\x03\xdb\xa5)?\xe0\x19\x00\x1d\xb2\x7fE\xf6\x0f-\xb9=\x0f\xba\xfd\xcf\x18\xab\x19\xc1\x8c\xc8\x07\x00\xd0\x1f6\x00s\xe0\xa4t,\x81\xd5|\xe3!&gt;l\x96\x9d\xff\x906b\xfa\xf1Ti\xda\x05\x1b\xfb\xbf\xbc-j\x9f}\x1b{\x80\xc4\x9f\xf2\r\xbd\xd7\xf5\x91Z7\xc9\x00\x00\x00\x99\xac\xeb \x8bS\x15\x9f0&gt;i\x1b\xa8\xf1-\xc3\x89\x144\xe7y\\\xdd\xaf\xa5\xda\x87\xf9\xb2U\xa4\x93\x19\x96QC\xb4\x00\x00\x00H \xb7;)Z\xab\x0f\x1d\xd7q\xdb a\xb4\xb4\xe7\xb7\xe2\xd2\xf6D\xf6\x00\xe4\xe2\x00\x00\xf0\xec\x0c&lt;\x00\x83\xc3h\xd8\xc5g\x1c-\x93\xe7|\xcc\xc1\xde\xe0a\x00\x00\x80\x1bZq\xff\'\x97\xef\xc7QRH\xb92\xc0Q\x00\x00\x00\xd0\x9d\x1fBrv$\x12\xe7\x9f=\x81&gt;|cyj\xefE\xf0\xb6\xeb\xaa\x8d\x05\x00\x80\x0b\xc0\xb7\x00M\xc3\x0f\xc8\xff\x9c\x12\xb4gY\xd43&lt;u96)e\x84\x03\x00\x00\x00\x00\x8c\xe3\xecO0\xda\x81\x13\x00\x00\x00\x00\xe0) \xf1\x059\xf3\x8e\x16\xb6\xb2\x00\x00\x95p\x05\xa87\x7fXZPk\xa5\xd4\xdf\xd3Z\x1d}Q\x1b\xae\x0b7p@\xc4\xe4\t6\xe3\x18\x00\x00&amp;\xe3\xb7W\xa5\xefc\xff\x08\x0e\x00\x80\x87\x99\xa3\xd0\xb4\x86\x01\x00\\\x83\xb2 \xcb\xe95\x00&lt;\x01\xa4\xa1\x90\x01\xa3\x05\x00.\xce\xbc\xe7F\xcfC\xe8\xf4n\xe6S\xbd\x99\xf0\xba\xe8_\x8d\xb6\x02\x00|L\x19\xc4n&amp;}\xce\xc1V\x00\x00\x1c\x08\x7f\xc7\xeap\x82\x89&gt;\x1b\x00\x00\x00\x00\x00h\x0e\xb7\xd8\x01\xa03D\x98KAo\x02\x00\x0c\xa6\xfd\xb7\x00\xf1\xb7~\x00\xa03\xfc\xd5\xbcg\xc1{\x9c\xc4\x19\x13\x00\x00\xc0\x95`Q\x07\x80\x07\xa1\x8f3\x8d\xb7\x04\x00\x00\x00\xe0(H}\x8e\x81\xa4\xf3p\xa6\xfct\x19_\xb7\x00\x00\x00bX\x1e\x00`\x06\x0e\xcfV\x0f7\xa09\xd7k\x11\x00\\\x0f\xfe\x12\xf01p\x81\xd9\x84\xc5\x12\xe0iY\x96k~\xa2\x83\xb0\x06\x00g\x82\xa3\x8b\xd3\x93\xec&gt;\xfa\x17\xe0"\xbc\xe7|Wb\x80\xaf\xc2\x03\x80\x13\xc0\x13\x80\xcb\x91:K\xeb\xba(\xb1\xe6U\x83\x03A\xce\x7fQ\xea\xc4g\xe7W\xcd\x92o\x0f4.\xf9X\x03\x00\x00\xceJ\xd7E\xf7\x92\xcb9\\\x91\xa3\x07\xea\x19\xfe`b\xef\x04].\xfft\x81\xe5t\x06\x03\xc0\xb3\xd1\xfb\t\x00A\xf0\xb9(=\xf4b\x9c\xc0`R\x0f\xca\xea\x12\xb8t\xf5eQs_\xc7\x9b*\x85=\xddi\xfa\xe9\x0c\x06\x80g\xa3\xe3\x06\xe0\xa2OwO\xc1\xe9\xfc&gt;\xe7by:7\x82\x8c\x8f\x12\xc5\xa6\xde\xf1kY\xa6N\x13\x07\xdccY&gt;6-\xff\xec\xab\xc8\xd9\xed\x07\x00\xc8\xe6\xaa\xf7;\x87\xd0\xf7\xb1{?\xe1W\x02G]\x15Ih"|M\xc2\xa9{\x81Q\x04\x00O\n\xb1/@\xd4-E\xdf \x91S\x9eN\x81gf\x9d_\xd1)s\xba\xd4\xed\\\xd6\x868\x9d\xdb\x01\x00\x00\xda\xc0W\xc8\x01\xf4&amp;5\xbf^t\xc2\t\xa8\x95\xd3\xae\x16\xadH\xec\x94\xdarB\xb7\x03\x00&lt;1\xa1\xa8M4/\x80\r\x00\x00\x94\xd1a\x03\x00\x00\x00\x17\xa4\xd9\x87\x80\xbd+\xcd\xcc\x1fq\x9b\x95Oj\xe83\x96\xff\xf3\xf23\xd8\x04\x8e\xe1ZN\xb6B.\xf1w$LX\x008\x11,\x103r[H\x16\xe3\xff\xa7\xe3\xde\x04v\x80U\xe8H\xef\xb3\xe5\xae\x87Q\n\r\xd1Z3\x96\x00\xe0,\xbc\xa8\xabt#\x91%,f`\xac"\'=RJ|\xbcR\x9d&lt;\xeb\x1a\xb5\xd2\xdb*$\xdf]\xa3\x1e\xb3\xed\xc4\x1e.#\xb7_\x96eQ\x7f\xf7\xa4S\x0c\xa6\xe3\xd41\r\x00\x9e\x8d\xbe\x01k\xcbW\x88\x8cOE2\xc5?\xfb\x1e\xe0\x90\xa3\xbe\xb2\x0b\x06\xe7u2\xc0!p\x90\x0f\x00\xcf@\xdb?\x04f\'(\xcbJS-05\xc2S\xeaS3xH\xd7|(\xfc\x02\xde\x86\xb9h=\xa2\xb6!z\x99\xb1z\x99\x86\x00\xc0\x85y\xa1i\xa8\xca\xbb\xaf\x0c\x1b\x97\xf1\xcfe\x1a2\x0f\xf5.\xa5S\xb2\xc0]\tZ\xef~\xb7\xed\xf4$GE9fh\xe3\xdf\xfd\x1bZ\x9f\xf6\x02\'\x00&lt;\x05/\xa8\xa6\x0b\x1ek\'l\x84\x06\xc35\x1e\n\x8d\x19\xeaYZ\x96E\x85\\\xcb\xc4|Z\xe8\xfa\x9e,\xca\xf7D\xe4&gt;\x0b?x\xb89\x00\x00b\xee\xc9\x82\xd6z9\xed\x17\xce\xc0L\xec\xf2\x8d\xf8\xc7\x00.\xb0\r\xe8\x8b,w\xdb\x8eO\x93\x95qx\x16-\x86h\xec{\x9cZ\xd0[&gt;\x00\x00\\\x93\xfbg\x00\x96e\x11.$\x15\xd7\x91\xa7;\x88\xe2l\xac\x03\xa4#\xcd\x90\x8e\xce\xc5{+\xe3\n\x8fY\x8e\xa5\x85\x03{w\x01]\x0c\x00\x00%\xb4\xfd\x10p\x9c\xe9\xd6\xaai2$}\xb1\xbfF$\xa1\xa7\xf3\xaf\xe1\xcc`+\xd6\xab&gt;i\x07:%\xae\xe1\x99\x19\xc0\x93\x00\x00pb\xb27\x00\xd7\xb8\xc0}\x04\xbb\x8ca\xff\x11\xb1\x85\xbf\x93\x00\x05\xdcF\x8d\xb1ytv\x92\xcbn\x0f\xf0|\xdb\xcc*\xa2O\x08\x99\xb0\x00\x00pbF&gt;\x01\xb8\xd1\xeb+\xe4\xa6\xc7sI\xe3\x00+\xfa\xb3\xdf\xcb\x1c\xd2;Wplh\\/\xdb?J9\xfb\xf1\xe5\xfe\xa1\xc4\xfb=\xbd\x1f\xa6\xd4r\x96\xe9\x01p\x19\xce\xb3*\x01\xc0\xf32~\x03\xd0\xeb+\xe4`\x1an\x7f\xfayY\xfcY,K\xa3\x84\xb0\x97&lt;\xe3}\xbf\xe5\xd2\xdb\x0f\xdf\xeb\x91Kj\x12\xc6r\xceyB\x0b}:\tt\x04\x00\x9c\x86\xf1\x1b\x80aL\x1d\x8b\xaf\xbdo\xb9\xb7nYw\x01+J\xf3\xa5%"RY\xfaw\x85\xea9\xa3~\xeaY0=\xa7\x18\xab?\x86=\xdd\x1c&lt;f\xdf\xb5\xc3;\x00\\\x83\x0bo\x00zR\xf1\x97Y\xa7bH+\xb6\xbf\x07\xcdG\x1d\x84\xc4:Ek\xa5\xf5\x0f\xf7}\xa4\xc4_x\xf9C--\xbb6\xe7\x1c\x9e\xff\x93ts\x0e\x96sl\x18\x01\x00\x94R\x07\x1cqi\xad+\x0fH\xb4N-\xd4\xb7c\xe6\xd7U\xea+\xcb\xb5&lt;\xb4\xb5\xff\xbaz\xad\xf5\xed\x96L[\xb1\x85\x96L`\x06\x98\x08we\xb7n\xbb\x15\xbdu\xa2[\xd1\xf9\x94\xf0\xa30\x00\x00\x00&lt;-\x83\x9f\x0048pNI\xd8\xb2\xa0\x06\xd9\xbfRjY~~\\M\x91\xccY\xce\xc2\xc9\x05\xeb\xe8\xf1\xfcD*\xf3\xf65R\xa9o\xe5Z\xe8d\x80\x91\xacw\x1d\x01\x00\xa6f\xf0\x06`I\xe5+"\x11\x91w\xd7\xc0\x9b\x11\x7fS\xa9\xfc?+\xadX\xaf\x1a\xe6e\xfdP\xc3\xf6\x95;\x07p;\xdfW\xeb\xbf\xd6\xd4\xd8~\xb5\xacc\xd4\x15\x80\xd3\xce\xca\xc7\xb8\x1d\xd7q\xc2\xde$3V\x00\x00FS\x90\x90\x95-\x06M\xd2\xbeUH\x9e\x9cM\xb5i\x00\t\xcaP\x1e\x1fl\xd6J}\xae\xd1\x83\xfa\xf6n#\xd9i\xdc\x0f\x03\x18#\xe1^\xc0\xa9\xf255\xe6=!\xc7n\xf3\xce\x8e\xd6Z\xa9\xd7&lt;R\xbd\xb6\xe7H\x91\x0cQ-\x86\n\x00\xc0a\x84r\xa3))1\xd2\xbb\x01x\xce?\'|\x08\x8f\x01\xf6\x81\xbeo9\xad\x1e~Y\x1b\x80X\xaaq\x7f\xeb\xf5\x95]\x9eq\x92\r)\xdd\x19\xf1\xf6Z\xa2+\x03U\xe4\x03\xc0W\x98\xc1\x03\x00\xd0\x1f\xad\xf5\xe7My\x0c\xd3\xd0\x9e\xd9\x9a\xf6&lt;\x08O\xf8j\x86_i\xf6\xaf\x83w\x1b\x84\x1b\x86\xa7F\xe4\x19\xbcw.J6\x00\x019t=\x00\\\x0c&gt;\x1e8)\x9a\xef\xe7\x99\x8f-\t\x90uM\xe1\x1f=xu\xad\xbf^VR\xf6%?\xbb\xd4\x85AU\xc3\xcd\x95\xf8\xf0\xd9\xd8\xf7;\x7f\xcc\x04\x00\xae\x00\x81\x0c@J\xee\xae\xacx\x17\'&lt;n\\\x16\xb5O\xee\xef\xff\r\x89"s\xad$s\x07\x08`\xc3\xc9\x0e\x00L\x02\x7f\x08\x0c@H\xe1\x87\xc5\x9b\xdbqcK"~\xe0\xa1K\xa9O\xdf\x95yO\xee-\xd4a}d\xe2\xf1\'\xed\x00\x00\x00\x9e\n\xaeB\x1e\x8e\xe6{\xa6\x8f\xc0\xbaC/\xbb\x16\\zuX\xfe\x19\x80[\x86\xba\xbb\xe2\x7f\x7fqW\xec\x973`\x00\x8e\x87\x05\x14\x00&amp;!\xfb(Kk\xbdh\xa5^\xb8\xee\x19X\xfa/\r\x1f\x0c\x17\x91\x0f\xc1\xb8\xfe\xf1\xd8\x7f\xc5{\xe1\x95\xb5\xfeo\x82bI\x8d\xf50Z\xba\xa2\xb5^\x16\xc5\x8dJp\xb1\xee\xfcp\x05\x08\x00&amp;\xe1E\xb9\x15\xae\x1f\xbc\xa6o\xe0b]\xfd\x86\xc1\xdcw\x88\xa1^\xd0Z\xabeY\xe69\xea\xbb\xfe\x9c\x9d\x80\xdas\x83\xe9\xcf\x1d\xce\xc4\xc4\xced2\x02\xc0$L\xfb\x19\x80Y\x92\xa72z\'\x7f\xe7\xf6\xce\t\xd9:\xf4G\xdd_X\x94\n\xed\x15\x97y\xb2\xff\xc1\x17\xd6C\xad\x9e\xc4\x1b\xfdh\xe0g\xf2\xc2\x86&lt;\x9c\xd9o\xe0Io\xf7\x91\xf1\x03\xc0\x9cL\xbb\x01\xb0?~7\rS\x98\xc4\xa2r\x14\xdf\xbe,\xeb\x08\x08\x8e\x84\x1e\xf9\xee\xa2\xd4\xb2\xcc\x9e%\x86\x86%\xc3\xb5\x8e\x8e\x7ft\xe2\xea\xf4\x1bx\xcb\xb2,o\x8f\xdb\x01\x00`ObIf\xc1&gt;\x1d\xbb\xcf\xd4J\x0bJ\xca\xa7\xf5:\xaf\xbds\xfa\xc3\xc1s\xecT\xfb\xc1\x0c2\x99\xcf\x1bZ\xa9_{\xb4\re\xcc\xe6I\x00\x008\x9a\xa6\x99\x1c\xcb\xcc\xc9\x90g\xf3v.\xfeC\xd3\'\xb8\xf9\xe3!\x92\xfa\xff\x8dLQ\x00pg\xbe\xad\x14\x00\x008t\x0e\xd6\xb6\xf0\xca\xd3\\\x96\x96s#&gt;\xd1\xcf&gt;\xfew\x8a=\xc3\x11\xfe\x85\xa0\xa7\x0e\x86\xd0\n\x00\x00\xcd`Q\x01\x1bYZ\x9f\x97\xfd\xdf\xf8\xcbVa\xc6\xde\x13A\xa8\xe9A\x7f\xaf\xd2k\x00\x00\x03\x19\xb6X\x9enU&gt;\x9d\xc1\x07\xf1+\x04eb\x1f\xf0Me\xf6\x8f\x02Y=R\xf9|\xe9\x19\xb9\x8a\xbb\xe8\xf7\x1e\xf4\x9eP\xf4\x1a\x00\x00\xc0\xa5\x88\xdd\xc0Y3\xfb\xddN\xe0\x13\xcdT\xa3&lt;\xed \xa5\x00\xa8\xa6\xc1$\x92\xcc\xc4t\x19\xb7\x00\x13\x1c\x00\xce\x0c!\x0c.\x8e\xf0\xecPk\xad\xb46\x8f\xfcO\xc8I\xcd&gt;\x90\xf3\xf6\xf5S\xe0\xef\x9d\x0e]V0\xeb\x199\x00\x00\x00\x87!\xbf\xc3\x03\xe0\x83\xb1q:\x98\xd1\x00\x00;\xe6\xfdC`E|ZO\xe1\xbf\x8b%\xe4\x1aD\xffn\xeb7\xd3\xc9\r\xb9\xe8\x94\xe1\xef\x9a\x9d\x8eE]v4\x02\x00\xb4\xe4\x8c\x81R\xaf\xff\xeb \x9a\x95c\x1e:\x7f\xb0/\xfb\x0b|\xea\xd4\r\xd0r\x14\xc2\xd6]\xdb\t\xd7\xe3\xd1_\xa7\xfa\xb2Z\xad\xf5\x1b\xe5\x8f\xb4\xfd\x07\xfa=_\x0c\xdd\xc68\x00\x00(\xa6g,\xd6#\xbf\x97\x9d\xfb\'\xc7\x12\xf7\xff\xb3uMM{\xc5u\x9f\xcb\xa5\xd0\x8au\xaaj\xc9\xa1\x00q\x15\x00\x00\xb2\x19\xber\xb0P\x01&lt;3D\x80,\xc4\x1b\x80\xe3\xf7\x00\x87\x1b\x00\x00P\x8e\xfbWK\x01\x00\x00,X\x1d\x00\x00.\xccT{\x80\xa9\x8c)\xe0\xec\xf6?\xb8LCZp\x9dnm\x85\xf4\x82\x10G\x0c`2\xec\xf39\x0c&lt;\x00\x80\xf3\xf0n\x84\xecy\x18\xdd\x17\xd3.\xd8\xe7H&amp;\xc6Zx\x02\x87&lt;+Gu\xcdd\x9f\x1ag|\x02\x00&lt;\x05\x97\t\xf7\x97iH6\xd3\xe6\x94\xe7\xd8\x00\x8c\x05\x87L\x0c]\x03\x00\x00\x00P\r\xf9\xaeE\xb1C\xd8M=9\xe3\xbe\x93\xedT\xdfs\n\x00\x00WF\x90\xfa\xb0b\xc1Q\x8c\xfb\xaa\xdc1\x8a\xe09\x19\xf9\xc7@\x00\x00\x0e\xe1b\x7f\t\xf8\xfa\x84\xff\x84\xed\xa3\xc8\x08;\x00\x1c\n\xfe\xceR\x0f3\xe0\xc2\x8cL\xca\x05\xc1\x16\x00\x00N\xc89\x0fx\xceh3\x00\xc0\x08\xdc\x0bB\x9c\xe5\x03\x00\\\x8ana\x9d\xa5\xa2)Z\xbf\xf1%V\xdf\xb67\x8f\xb5\xd6\xea\xe5\xae\xe0\x96+\xf1\xb4\x7f\xba\xf8:\xf9q\x93E\xa1\x917\xae\xe3U\x00\x80\xb9\x98\xe3\\g\x06\x1bf\xe62\xc7o=\x1ar\r\xcf\\\x97/\xf6\xbez\xb5^\xe3\xbe\xfb\x9e\xfa\x0f\x00\xe0L\x00\x00xv\xae\x94[\xf4i\xc8\'t\x90\t G\xd7\xa7\xbcW\xc2\xf0\x06\x0e\x01\x00\xb8\x04\xacp\x87@n\x11\xe1\x9fj\xcd\x1f\t.\x83A\xd5\x8a\xab{\xb2\xb4u\xec\x01\x00\x00`N:\xac\xdc\xed\x17&lt;6\x00\xf0|\\o\xc0\x7f\xf3\xd1\x06H \xd4\x00\x00@\t?\xeeh\x03r\x19\xb3\x01`M\x05\x10\xb1&amp;\xa0\xc1)C\x86\xda\t.2\x01\x00\x004\x845\xb5\x0e\xbc\xf7L0Y\x8e\xe2$\xd9\xff\xfc\x16\x02\x00\x00(\xa5N\xb3\xb2N\n\xde\x03X9x"\x1c;\x13\t\x05\x000\x0f\xfc%`\x80\x00\xed\x96j\xfe\xa4(\\\x97\x9cirt\xf6\xcb&lt;\x04\x00x\x12\x8e^p\xae\x02\x07W0\x1b\x9c\xa7&gt;9Z\xeb\xe1\x7f\r\xa6V\x17#\x16\x00\x00lX\x1b\x00\xe4\xf4\xdd\x00\xfc,&amp;\xe3\xec\xac_\xd5\xff\xfb\xbcovR\xd9E,\x00\xc0i90,^\xe7\x14\xf02\r\x01\xe8\x8cV\xcc\x17\x08\xd3dl\xf0\xb7\xc0\x00\x00\xbc\\\'\xf3\xee\x8f\xc8Q\xf8\x13\x9e\x19\xc6?L\xc4\xf6\xa5\xa2l\x03\x00\xe0\x8a\xf0\x99\xa81\xdc\xd6\x8fN\xde\xd6\xf4#\xc0\xe9\xd0Z\xf3\xe9\xf0\x991w\xa4\x8bR\x8a\xce\x02\x80\x0b\xc1\xb7\x005\xe3\xb8\x8f$\xb2,\x01\x9c\x8f\xe5\xcd\x8e\xb6\x00\xa2,\xe6\xfe\x8c\xec\x1f\x00\x00\xbc8\x17F\xb5\xf5\xf6Xs\x0028\xf5u\xe7\xeb~\x1d\xd0%\x1b\x05\x00\x00\xc7\xc3\x13\x00\x11\x92\xf4bY\x16\xa5\x96\xed\xa3\x11Z\xef\x93\xfe\xc7\x01\x12\x8b:\xccF\xd7+j}I\xceM\xad\xf5\xef;\xd3\xf6@\x1b?\xf8z\xe4Lm\x99\x00\xdc\x05\x00p-&gt;od&amp;-?_\xd4{rE]\xf7,s&amp;\xf0\xb0\xc3)F\x9dwvHf\xdc\xf6\xd6)\x9ay^V\xf7N\x12\xc4\x82C\x02\x00\x00\xc6\xf3k[\t\xca\x88\xeco\xd8r\r\xd8\xeb\xfd\xdf&lt;\xef\x9e\x7f\xc9a\xe1\x84\t1\xbe\x95\xc5~=~\x1c\x90?\x98\x19\xfc%l\xbb\xac,\x87w\r5\x05\xa70\x00\x00O\xc8%\xc3\xe2\x9fh\x1b\xeeMi$\xcap%\xb4\xd6J\xfd\xfa\xa3\xad\x88\xc0t;\x01\xf3\xf7\xd1\xfc\x16\x02\x00\x0ce{\x80;D\xcbYa\x03\xf0\xe4t\xbaL2\xc3\xc7p\x07\x8fg\xe6\x0e\x00\x00\xc0\xd5H\xad\xee\xa7\xcf3\x8c\xbb\xc5\xe41\xa7\xa0Mv\xdbu8\xf5\x90\x9c\xc9{\x8eQ\xf34\x13\xe7\x19\xdaX\xc3a\xfe\xb9\xc6uM\x00\x80\xd3\x91\x8e\xbc\x8d\xf2\xa1~\x1f\x05\x93If\x8d\x99\x83i2l\x00\x98\x01\xa2\x01\x00\xc0\xc1t\r\xc4\xb5\xe7\xf4\r\x12\xc7y\xf3\xcei\r\xeb\xc1S5v*\xf0\xfc\x99\x90E\xbc\xcf\x1aa\n\x00\x00@1\xf1o\t\x1cf@\xe4\xddd\x86\xd4\xc1\xf2\x11\x9f\xf7\x80S\xd3r\xd45z\x9a\xd7BHWz|2d(?\x91\xefK\x05\x00\x80\x8b0\xf7\x06`+3\xc6\x18S\xe7\x192\xaa9y\x12\xbf\xcd\xd5\xcc\x99\xb3\xd2\xc7G\xc3\xbb}\xe7\xd8X\xe6u5\x00\x00&lt;\x1b\xe5k\xd2\xb1\xf7\xbfc\xdb\x8f\xefe\xa1\x1dG\xb31P&amp;g\xe2\xfcu\xcfu&gt;,\xd1\xb3!#\\t\xc2\x8ex\xc2O\xd6\xca\xdb\xcb\x99\x0b\x00&lt;\r\xad&gt;\xc8[)j\x86u\xf4\xbe\x07(\xb2d\x06\xfb\xe1I\x98\xf0\xbb\xadr6\xf0\xfbb\xef\xd5\xab\x15c\xa6d\x8e\x96w\xe9hG\x0e\xb3\r\x1e!\x03\x0e\x89\xf8\x1e\x02\x00xzr\x83`\xf5\x05\x9e\xb3\x87\xdd\xb3\xdb\xdf\x14\\\xd1\x99C\xef\xcb\xb9d\xdd\xdf\xd3Z+\xf5\r\xbdM\x82\xeb\xd1{\xcc\x7f\x00\x1f\xae\x00\x80i\xe9\x14\x9b\x8c\xc0\xfa\xdbTQ\x10\\\xcb\xff\x9a\n+\xfezE]\x80\'\xe2\xf0\x0f\xcdOh\t@%\xeb\x18f$\x03\xc0\x84|C\xdf\x85\xb6x9\'\x03\x08Q\xe9\x96\x93&gt;\xac\x1fC\x99o/0V\xe7I\xbb\'1\x03\xea\xa0\x077&gt;\xf5h\x03\x00\x00\x8e\xe2\x04IU\x1bE\x85W\x96{i\t\xd5~\xc2O\xecIX\xd43?\xac?U\xda}\x16;\x9f\x19\xb7\x8f\xe85\x00\x80\x99\xd1\xe2o-\xe8\xfe\xd9\xa9\xae\xf2-m-\x9as\x9a\xfc\x89\r@\tWw\xda\x896\x00\xd5&lt;I3\x8f$\xe7I\x0e\xdd\x01\x00\x00\x0e\'JJ\x02\x0b\xdei\xec\x9f\x9a\xa3\x87A`\x1c^\xe7&gt;U\xcd\x06 q\xaf\xec\xe8\xbe\x83CXG\x14\xbd\x0f\x000\x07G\x1f\xf5\xe5\xa9\xfe\xe7{k\xe5\x96\x1f\xdd\xcc\xb9\xcc\x80j\xdcN\xfc4\xad\xb5R_s\x80-\x1d0\x07j\xc3\x11;\xc3\xf8?\xdc\x80\xeb\x82c\x01\x00\xceC\xf1\x92|\xdc\xf5q\x1d\xf89Zg\x8eU\x9fc\xb0\xab\xf0\x04=\xd8a\xcadMC&amp;\xcb\x19\xa1\xd76\xf8\x84\x15\x00\xcc\xcc\x0b\xc55\x97\xe5\xf6Q\xc9\xf1,\x81\x9f[\x92\xb9a\xc8\xfdR\xa3\xac\xe2O\xcaE\xd2\x08}\xdaOZ/\xd9\x93+\xd9\xd2\xa5Dfn\r8\x1e\xadg9s9\x16\\\x00\x00\xd3\xf2\x82*Z\x95\x95RJEw\x00\xf3E\xff\xac\x05)\xd3\'\xc7\xec\x84.\xcfli\x84a\x8c\xb4\xc7\xef\x15\n\xa7\xd8\xc9h\xdb\xcae\xa5\xa5P\x18\xca_&lt;\xda\x80#\xb1F\xef\xedDc\xaa\x80\x06\x00\xcf\xcc\xa2\xb5f\x89\x1d\xc8#\xfe_\xdb\xed\xf5\xe3\xea\xe6\xa9\xa9\xbc4\xa1I\xa0\x94\xba\xf5\x0c\xfd2\x03f\x82K\x8f\x00\x00L\xcb\x0b\x1db\xf4\xf6\x8do\xdd\xbfM|\x15~\x9a\xaf-?\x83\x8dmX\x96\xa5\xb2G\xdc\x91y\x8a.\x86\x14\xef\xdbAf\xe8\xf6\x8dj\xde\x00\x00 \x00IDATA\x01\x03f4\xdb\xa9\xf7\x04\xd9\x7f\xac\xf7\t&amp;\x00\x00]x\x84\xd7_\xd5}\x03`|\xc9t\xcd3\xd6\x11[\x08m\xd0P\xe0\x9c\x89\xce\xbd\x8d\xdfQn\xdb\xceQ\'\xbcL\x7f\x96}i\x84\xb3\xdb\x0f\xd30| \xad\xc7C\xbewN?1\x01\x00\xe0Ff4\xf7E\x7f\xc9\x92P\x99p\xb7\xcd\xfe7\x89\xcd\xa4u\xa0\xed\x97H\xb6\x125\x80\xfdf\xefL\x96\x03\\\x18\xb2\x7f\x00\x00U\xf0-@\xbf\xae"t\xf6\x0c\xbb\x99\x8f\x9b}\x8f\xa7\xe5\xcf\xac\x8b\xdbqSq\xfc\xb3\xf1\x814\xbc\t\xd0D\xd4\xb0t\xdc4\x96|\xe3\x01\xbe\x08\xf0\xa2\xb3=\xe0:/=\xaf\'}Z7\xc9\x00\x00\x87Rs|\x12\xa98\xff\x91\x8c\xf9\xa9\x86\x1ak\xdb?\x04\xe0\xaak\x07Z\xf8\x8d\xe3\xff3\xa1\xb5~\x07&amp;\x0b\xd4\xc1\xe3\x05\x00\xb8,\x1d\xf2\xd7\xbb\xe0\xd6\x02\x1b\xb3]@\x17\xb7=T\xec4\x1fY\x86\x8d\xc2.\xfbQt\xf4i\xe8\x16\xd9\xa0\'3\xf6\xd7\x84&amp;\x01\x00\xb4\xe0\x90e\xb2\xd5Ij\xa9\xe5Zk\xfd\xda\x99\x7f\xc74\xf2\xa6\xf3\xc3\xa5\xb8\xb7\xbd\xc4\xd5\xd7t\xc8s\xf0\xf6G\x1b\x00\'\xa2\xc1\x13\xb6\x06V\x00\x00\xc0\xfc4\xd9u\x94\xdd\xca\xe0.\x07\xc0S\xc1\xd3\x80\xa7\x82\xbe\x06\x80g#\xfbC\xc0my&lt;vw\xe3\xafs\xdf\xa6\xe1\'\xb7r\xff\xc4\xecM\xf5\xcd"\x89\xf8B\xb3N\xcc\x136\x19\x0e\x87Qw\x87\xfc\xb5\x92\xaa\xc5\xe5\xc7\x06o{\x96\xcb\x04\x00\xe8\xcc-\xea\xe9\xeco\xd1iD2\xbf\xd7\x1d\xfeP\xf1\xa64Kr\xf3\xad\x88\xbe\xffYYu\xa0\xf3\x93\r\xf1\x95\xb9\xf9\xe1\x04\xdfd\xb4z\xf8\x04\xa6\x82\x9cN\x87\x02^Ey\xf2\xb5~\xaeo\xf8\x92\xb0\xf6\xd6\x0c\xd3\xb0S@\xe8\xb1H\x01\x00@/r\x1f\xf1\x1b\xdf\xea\xde\xe4\\\xe7\x1c_\x11s\xea\x8b\x10\xf3\xbb\x17\x8a1Ff\xaf.\xce\x1f\xfc\xc9\xc2\xc9/\xec\xba\xdcp=s\x00\x01\x00\xb86\x17\x8f\xce\xa1\xe5\'{u\xd7Z\xa9\x7f\xb3\xd5\xb2\xeb\xe6/r\xac\x8bp.\xb2Gl\xdf\x11\xde=]&gt;\xf5\xee\xf7I8O\x07\x9d\xc5N\x00\x00\xa5\xf8\xc2J\x13\xcb\x0f\xe6\xafxi\xca/\xe3\x83R\x1e\x9f\xc9\xf9\xb6\x83-)\x87\x01y%b_\xa9&lt;\xd4\x10\x00\x80\xe7\xe1\xe2\x116\xa3u\x1f\xb4\xaf\xa7\xb7\x1f\xae\xf9\xec\x1e\x00\x1a1M\x14\x9d\xc4\x8cfL\xe3X\x00\x80\xe7\xe4\x19\xa2p\xe0\xc8\x9f\xec\x1f\x9e\x98\xde#\x7f\xb6\x99\x15\xb2\xe75F\x1a\x01\x00\x000\t\x15\xebt\x97\xcd\x83\xe0#\xb6\x9f\xdd\xe6\xb3\xbc=r\x94\x8e\xc7Z&lt;\xaf\x80\x12n\x97\x82\xb4\x97t]\xf7%\xd9\x08\x97\x8c\xd51g\xc0M\xbf\x00\xc0/\xbf\x93dW\xd3 E\' =\xb4^\x97\xeb\x9d\x00\x00M1C\xea\x1b\xb4\x97~\x8b\xda\xff)\x9a=\xd8\xa7\xf8O\x8d\x91\xdf&lt;\xbb+\xe0\x81?\xe1\x0fm\x03\x8e\x199\xa3&amp;\xef\x93&amp;\x82\x8f\xfe}\xca\xe6\x03\x00\\\x95k~{\xb1\x96}\xc5\xbe^\xbf\xbf\xd9\\\xda\x9f\xf3\x1b\x9d\xf1\x00\x98\x94%\xbb\x87\x8c\x1c\xcd\xb7\xb0\xf7d\x1b\t8\x19\x00\xe0J\xbc\xe8h\x03D\x94\xa6\xa7\x89\x92\xae\xa4\xa7]\xe4\x9e\xb6\xe1O\x85\x99+G\x13\xbb\xc2\xb3\xdeu\xe3\xbd\x98\xaf\xf4\x1eZ\xb9\xf2\xd90\x00\x00\x00\xbcP-\xe1/\xe6\xa7\x0b\xc2\xf2\x9e\xfb9\xc2\x95{Y\x16Y\xc9\xc2&lt;\xa0\xebm`\x80N\x98\x93bYq\x8b%\x87\xf6\xe2\xc3\xa8\xfe\xb8\x0e\xd4;\xd5.\xb8\x9aO\xf6\x9f\xc5\xcd]\xb5NK\xdf\x10#\x9c\x02\x00\x9c\x8dn\xa9\xf0\xfd\xefme\xcb\xff\xb5\xd9Ur&gt;\xd1\xf8\xa8\x92g\x15\x14\x82\x9fC\xf4\x9aw\xa9\xbb\xfe\xa2\xaa\x125\xcdLn"\xd3\x9f\xa42\xfc\x8e\xf9\xdc0\x01\x16\x00\xa0+C\x0f\xc3\xb4\xd6\xb7\xd3\xa4\xd0\xdb\xc1\xb7rT\xdc~H~\x00\xc0[K\xb5&lt; \xd4Zs\xdc8\x1e}\xd5O\xb6\xb4\xc2\xbd\xa8\xe3\xbe\xebE4\xa7|\xf5\xcd{G\xe6\xa7n&amp;\x9b\x1d\xde\x91\xc3pR\xea\x90{S-\x96\x03\x00\x00\x08Q\x7f\x05(\x0f\xbd\xfd\xe3\xd28\xdc\x97Hk\xba\xc8\xdde\xdd3\xa2W9\xc5\x81V\xb9\x91\x93\x9c\xd8\xcda\xc5\xd4D\x06y\x83N\x14_\xd2\xdbtNs\xcan[\xfev\xf2\'\x82Op\'\xb0\xae\x81\x9f\x96]\x83\xec\x1f\x00\xe0:\xc4\x96I\xef\xebe\xcb\xaa4\xa5\x18{\x95\x7f\x88\xa2\xcf\xab\xf9\xf8f\xc7?&gt;\xd0K\xb2G\xd5\xf5S\xb1\xb6\x98\xeeJ\xdc\xfe\xc9\xb9 \xe7\xaf\xf5\xf8y\xc2n\xf2\xdc\xff\xf1\x1a\xd9\xd3\xf2\xd9|\xb2\x917\x00z\xd2\xd1\x869\x1a\x08\x000\x82\xa3NY\xe4\x0f\xd6;&gt;\x82?\xe0\xb9vw\n\xdd\xd5\xcf\x15#/{\x18\x17\xc0.\xd6\xadI\xdaL\x13I\x02$\xb9\x08\xd4\xe7N]\t9\x03\xdb\xe3Cou\x99\xcc\xe5\x98l^k\x1d\xbd\xdfu\xd4W\xb5\xbe\x8cR\xdf\xdfB\xf5\xda\x04\xaef\x01\x00T1\xfa\n\xd0J\xb3\xaf\xf2\xac2B\xb6 \x9d\xe9X\xe8\xb5\x0b\xeb\xf5K\x0b\xc4\xdf\xc8\x94\x87\xf7L:\xf2\xcd6\xd3\xa3\x03?\x0b)\xff&gt;\xab\xf76N\xe5[\xe92{\xe0\xd8\xe9\x933\x16&lt;E\xbdcI6\xc0\x0e\xfa\xb3hE\x9f\xee\xc8\xd6bO\xbd\x84\xe4eY\xbeOPL\xc2\xda\xbao\x8e\x96:O\xc4\x06\x008#\xcdV\x94\xee)B\xd6w\xfb$\x0b\x9fmuy\xbf\xb3\x19l\xe3\xb3?\xf3R\xca\xf4T\xde\xdd*\xaf\xbe\xf90y\xff\'\xcb\xdb\xe2Z\xf7\x02\x17\xea\xcaIi2_\x8a\x85\xe8)\xff\x960\xa3\x0e\x00\xa0\x84\xcbd`f\x0e$)\xde\xd5\x18\x10r\x99\xe1W\x83l\xcb\x1a\xaf\xfe\xf89\x91\xfdG\xbdmu\x87\x91\xfdKj={?\x0eD\xfa\xb9f\xff\xab\x15\x1b\xef\xcc0;%\x1ftZ\xcb\x01\x00\x8eb\xe6t\xed\n+S/\x0f7\x11\xf81-\x84x\x90\xb6\xf7\xcc\xdd\xda\n\xc9I|z\x0f\x90\xaa\x19\x7f\xd1\xcf/\xa5w\xaa\xa8I\xca7\t\xdb\x8f\x91\xcf\xfbf\xf4i@\x8fRJ}\xe0\xbc\x0b\x01\x00\xc0\xf3\xd0\xf5\xb6\xf4\xeesZz\xc6o\xfe\xb6\xd1\r?$7\xf6{\xac\xb5\xd6Y\x7f\xfa\xe0VI\xa9\xdc*pY\x92i\x99\xe4r\xf9\xbd\xcc\xcbk\xfd\x9d\xdb+\xea\t\xc7\x98\x13IB\x1fZm\xf1aV\xa3\x03\xca\xc2\x97i\xed&amp;\xcc\xfb\xe9g\xf3W\xab\x80&lt;x\xb6\x0c\xb3\xfd\xc5\x02\x00\\\x92\xae\x1f\x02\xfej\xa5\x94R_\xbe\xfd^\x13\x9d\xdfr\xd4\xa1\xd1IO\xa7\x96e)\xc8$\xce\xd9\xd6\x0bSp\x1b\xbeM\x17\x96\x0f{\xefQ\xf1w\xc6\xdf?\r\xf1\x87\x1e\x11\xe7;\xb1.47[$\xac\xcbR\xf3\xf1\xf7P\xde,\xb9\xbeeY!\xd4\xd8)M\'\xfb\x07\x00\x98\x91V\x89u\x8f\x04\xdd\xba\xbap\xee\x9c%\x83\xd9\x9by\xd2\xcdX\x05G\xb67q\xf9\xe7\xa3\xbd\xb6i\xb3\x9eW\xd0T\xc3\xec\xa0\x11\xf5\xdeG(\x95b\xf9\xc4\xee\xf7\xf0{C\xad\x941\x91U\xf3X\x02\x00\x00!&amp;Z6\x06\x12^\xc5\xdfg\x92\xa4-\xab_\xa6MJ\x0e\xa5\xf0{{\xfc{\x80\xb0|\xab\xc0\xe4i\xe2\x19\x10\xfa\xed\xd5\n\x13\xcd\xfd\x86\xcd|\xe7k\x04Y\xfe\x84\xdd:\xa1I\x00\x003\xe3&gt;3=\xf7\xbdp=\xe2\x1a\xa8\xd6\xfa\xfe\xb8Y\x97\xdc\xbc\x9f\x05=\xe4S\x19Cz\xe4\xae\xe8\xf6\x037\x01V\x1e\x03UZ:J\xf8\xa2\x88\xf5\x96-\x89\x1e\xc9G\xf6\xd9\x80\x9b\xa3\x9b\xde\xfcQ\xde\x0fuLO\x8f83&amp;B\x02\x00\x1c\x82\xfd\x19\x80\xe2\xfb/\xe1\x13\xa3\xa1\x073\xcb\x1fK\x14hwP\xb4\xad\rs-\x0f\x1f\'n`\xb7\x85M{\x7f\xeeqD7\xf3\xb1\x9f&gt;\xf4.Y\xe4\xf0=\xf4Fd8|\xabR\xcbR\xe2\xed\xb6c\xac{w\xa7\xe5kY\xb1zd~[\x96\xe2o\x1a\x90t\xcd|\xa9\xaf\xfcC\x17\r8\xed_\x15\x04\x00\x18\xc8\x9a\xfd;\x01\xba\xee\x0f\x15=3\x057(f\xbbt\xb1\xda\xf3N\xaaS\xf6\xe6\xff\xe2\xf9C\xd9\xff]\xad\xe3\xac(\xf4\x86\xff\xf2\x8f\xd6\xea\xe3\xa5\xa2\x0c\xd5\r\x9b\xdf\xdd\x93\xb3\x8c\x9f\xd6\x94u\xc4\x9c\xde\x98\xd0$\x00\x80g\'\xb2\xe4\x0f\\K\xae\xb66\x9c}\x03p\xb3h\xfbi\x80\xb2\xde*\xae\xc0\'\xc7\xbd\xa4C\x9f\x06\x90\xcc\xaf}\xf9\xbe=b\x8e\xf6&amp;\x8a\x8as\xe5\xf1\x91\xe7\xbb\x04\xed5:\xe2\xbb\x8b\xb7\x82k\xd3\xa2\x81\xe5\xa7\x0f\xfa\x82\x07&amp;8\x00\x00\xec\x98/\xf1Ms?X=\x9b\xd9\xb9\x98\xfd\xd2\xbb\x9bN7\x06\x0eD\x92l\x05\xb6\x01\xa1\x94\xd7(\xd3\xaa#\xa2r\xb4\xd6o3p{YI\xffs\x10K\xb8\xddk\x05\xe2\x9a\x97\xac\xe4\x88^\x9e}\\\x01\x00&lt;5\xd1E\xee%CM\x11\xb0eQ\xa9\xb5\xf9\x87W\xea1\xfe\x9d\x046\x00\xb3 \xf1Uh\x0f\xa0\xb5V/\xabC\x85\x1a\x0e\xb9\xb6\x1d\xea\x9bn\x9f\xd0O\xdd`\xdc}\x97&lt;\xfbw\xcb\x98\x15\'r\xcb\x9b\xb3\x01\x00\x00hC\xf7O8\xe9\xfb\x17)t\xd5\xa5\xd7/\xc3Xn\xbf\xa9\xed\x87\xdb\xb7i\x1c\xfa\xf7)+)\xb6j[\xb6\'lT\x0f\xd6\x91\xf6\x14\x8d\xed\x86\xfb\xe53y\xe9_c\xff\xeb\xca?\xa7}3}\x93\xa0S_\x8b$\xfb\xee\x1d\xb3\xc2\x04A\xa3~\xa6\xbb\xad\xd8\xcd\xa6\xda^\x18Lv\'\x02\x00&lt;!]\xff\x12\xb0\xf9\x04??"\xe7\xe4\x1d\xeb:\xa5\x95R\xea\xed\r\x9d9_\xe3\xb0\xfc\xb0\</t>
        </is>
      </c>
      <c r="E434" t="inlineStr">
        <is>
          <t>&lt;class 'numpy.ndarray'&gt;</t>
        </is>
      </c>
    </row>
    <row r="435">
      <c r="A435" s="1" t="n">
        <v>433</v>
      </c>
      <c r="B435" t="inlineStr">
        <is>
          <t>steps_per_sec</t>
        </is>
      </c>
      <c r="C435" t="n">
        <v>4900</v>
      </c>
      <c r="D435" t="inlineStr">
        <is>
          <t>2.6474886</t>
        </is>
      </c>
      <c r="E435" t="inlineStr">
        <is>
          <t>&lt;class 'numpy.ndarray'&gt;</t>
        </is>
      </c>
    </row>
    <row r="436">
      <c r="A436" s="1" t="n">
        <v>434</v>
      </c>
      <c r="B436" t="inlineStr">
        <is>
          <t>Loss/RPNLoss/localization_loss</t>
        </is>
      </c>
      <c r="C436" t="n">
        <v>4900</v>
      </c>
      <c r="D436" t="inlineStr">
        <is>
          <t>0.2556666</t>
        </is>
      </c>
      <c r="E436" t="inlineStr">
        <is>
          <t>&lt;class 'numpy.ndarray'&gt;</t>
        </is>
      </c>
    </row>
    <row r="437">
      <c r="A437" s="1" t="n">
        <v>435</v>
      </c>
      <c r="B437" t="inlineStr">
        <is>
          <t>Loss/RPNLoss/objectness_loss</t>
        </is>
      </c>
      <c r="C437" t="n">
        <v>4900</v>
      </c>
      <c r="D437" t="inlineStr">
        <is>
          <t>0.03163803</t>
        </is>
      </c>
      <c r="E437" t="inlineStr">
        <is>
          <t>&lt;class 'numpy.ndarray'&gt;</t>
        </is>
      </c>
    </row>
    <row r="438">
      <c r="A438" s="1" t="n">
        <v>436</v>
      </c>
      <c r="B438" t="inlineStr">
        <is>
          <t>Loss/BoxClassifierLoss/localization_loss</t>
        </is>
      </c>
      <c r="C438" t="n">
        <v>4900</v>
      </c>
      <c r="D438" t="inlineStr">
        <is>
          <t>0.2208955</t>
        </is>
      </c>
      <c r="E438" t="inlineStr">
        <is>
          <t>&lt;class 'numpy.ndarray'&gt;</t>
        </is>
      </c>
    </row>
    <row r="439">
      <c r="A439" s="1" t="n">
        <v>437</v>
      </c>
      <c r="B439" t="inlineStr">
        <is>
          <t>Loss/BoxClassifierLoss/classification_loss</t>
        </is>
      </c>
      <c r="C439" t="n">
        <v>4900</v>
      </c>
      <c r="D439" t="inlineStr">
        <is>
          <t>0.051763617</t>
        </is>
      </c>
      <c r="E439" t="inlineStr">
        <is>
          <t>&lt;class 'numpy.ndarray'&gt;</t>
        </is>
      </c>
    </row>
    <row r="440">
      <c r="A440" s="1" t="n">
        <v>438</v>
      </c>
      <c r="B440" t="inlineStr">
        <is>
          <t>Loss/regularization_loss</t>
        </is>
      </c>
      <c r="C440" t="n">
        <v>4900</v>
      </c>
      <c r="D440" t="inlineStr">
        <is>
          <t>0.0</t>
        </is>
      </c>
      <c r="E440" t="inlineStr">
        <is>
          <t>&lt;class 'numpy.ndarray'&gt;</t>
        </is>
      </c>
    </row>
    <row r="441">
      <c r="A441" s="1" t="n">
        <v>439</v>
      </c>
      <c r="B441" t="inlineStr">
        <is>
          <t>Loss/total_loss</t>
        </is>
      </c>
      <c r="C441" t="n">
        <v>4900</v>
      </c>
      <c r="D441" t="inlineStr">
        <is>
          <t>0.55996376</t>
        </is>
      </c>
      <c r="E441" t="inlineStr">
        <is>
          <t>&lt;class 'numpy.ndarray'&gt;</t>
        </is>
      </c>
    </row>
    <row r="442">
      <c r="A442" s="1" t="n">
        <v>440</v>
      </c>
      <c r="B442" t="inlineStr">
        <is>
          <t>learning_rate</t>
        </is>
      </c>
      <c r="C442" t="n">
        <v>4900</v>
      </c>
      <c r="D442" t="inlineStr">
        <is>
          <t>0.039913636</t>
        </is>
      </c>
      <c r="E442" t="inlineStr">
        <is>
          <t>&lt;class 'numpy.ndarray'&gt;</t>
        </is>
      </c>
    </row>
    <row r="443">
      <c r="A443" s="1" t="n">
        <v>441</v>
      </c>
      <c r="B443" t="inlineStr">
        <is>
          <t>train_input_images</t>
        </is>
      </c>
      <c r="C443" t="n">
        <v>4900</v>
      </c>
      <c r="D443" t="inlineStr">
        <is>
          <t>[b'1024' b'1024'
 b'\x89PNG\r\n\x1a\n\x00\x00\x00\rIHDR\x00\x00\x04\x00\x00\x00\x04\x00\x08\x02\x00\x00\x00\xf0\x7f\xbc\xd4\x00\x00 \x00IDATx\x9c\xec\xbdu\xfc\x7fKQ?&gt;\xcb\xa5\xa4\x84\x1f]\x92\x97\x90\x92.\x83\x96F\x11\x11\xa4\xa4K\xba\x04\x15\x04\x01\xbf\x80\x84\x85\x80 \xdd\xd2!\x1d\x12" %\x12\xd2 \x8d R\x8a\xe0\xfc\xfe8\xe7\xec\xd9\x98\xd9\x9d\xd98\xe7\xbc\xde\x9f\xf3|\xdc\xfb\xfe\xbc\xdf\xe7\xec\xce\xcc\xce\xce\xce\xee\xce\xce9\xc7\xc0\x8e\x1db b|\xd1\x18\xb3\xbc$\x87\x05Wo\xc5\xea\xb2D&amp;\n\xe3\x05\rA\xb2\x03C\xc8\x08\x0e\x84\x0e\xa0\xeb\xb96/c\xb7\x88\x98dd;\x11N\x8c\xf0?\xa3`\xd0@\xb1oF\xbc\xca@\x8d"e\xb9f%\xf3\x91U\x9a\xc8\xc2x\x14\xb4=\x18\\\xce0qI!\x80\x89F\xd0&amp;\xb0\xa4S]U\x03\xe8t\xc7S\x00\xee\xe0\x1a\xbf\xab\x03\xde\x06\xd01[N\xfe\x07\x03&lt;\x8c\xa8\x93i2k\xb6\x06\xf8aBU2\xd63rB"b\x9a\xac\x14!{\xdb\xc0\xe1\x86\xdf\xde\xa8\xf0p5"\xea\xd4\xa2u\xe24pC\x83\xa8\x17\x86\xce\x1a\xba\x92\xb1\x91\x83\x1e\xaa\xc7@\x17\xeeh\x87u\xd7R\xad0\xf9GX\xd6\xfe\x7f\x1d\xe0e5\xf5)\xb7^N\'\x01\x11\x0bDXZ\x81\xc5\xc0i\xed1;\xf1\xa5z\x1f\x11S\xbc(/\x8f\xed\x04\xab%\x15\x9b\x8at\xe1R\xb4\x0fPv\xca\xd8\x93\xde\x06\xc0Y\xd3\x10f&lt;\xf7\xfef\xec\xf6\xe3\x88\x17 .\xf7\xb1O\xf4\xd7\xd9\xab(\xe1x\x80\x7f\xb3\xebO\x1b\xc2\x08:\xb1pq\xcc8%D\xcc\xeaS?\xb55\x0c\xa6\xe8A\xee=x^\xc2\xe1h.\x02\xf0\xd1\xd4\x06\xc0\xd7\xe2f\x06Q\x15\xce\x0b\xf0i\xee^\x9b\xb9\xb2\x10K\x84\xd8\x8eF\x17\xeeX\x08Gb\x0307\xc2\x18\x98\x97\x86\xe2\xeaGb\xd4&lt;\x1e\xf0\x9e\xf0-\xc0\xd3\x11\xf7\x0e\xaa7\x85X\xa5\xd7\xb2\x1e\xdc5\xc5\x8d\xea\x9c\xd8\x03\xc8D-\xd8\x02\x14\xaez\xe5\x9197\x9e\xb7\x15\xb0q\xd6\xea\x08q\x86\xd7\xfa&amp;\xf7U\xc43\x8d\x92\xc8\xe3\x9d\xc98H\xcd0g:\x82\x91G\xba\xa4\x86\xbe\xfd\x98\xd9\xf1\x06\xa5sp)P\x03\x1f\xb64p\x16@Js\xeb\x0f\x9f\x168\nm\xd8\xb1\x18\x12\x03\xe2\xd0\xc6\xc3\x863X\x10\xc1\x9c\x08\xe0\'\xcb\xf1\x13\x9d\xbf\x1f,\x04\xe9.+A\xb0\x01X\xed\xa4\x05\x87!\xa2\n4\xfa8\x15\xe2w\xa3\x8a|\xaeEM\x07M+{\xc1\x02\xd7]#nb3\xbfR\n\x10l\xa4\xed\x83$\xb9\xe3\xcd\xf1$\xad\xeb\x86Y\xb5\xe4-[U7\x82\x97\xfc\x99\xdd;I\xf7*~c\xfd\xcc:\xd8\x82\xb5,\n\xfa\x8c\x05\xd2\'\xba\x07\x87#\xd2\x8c\x1d\xcb\xe0\x08m\x00v,\x885\xf3\x85\xa6\xc9\x12\xb6\xb8\x07\x90\xac{\x06,&lt;\xbe\xf8\xb3&gt;P\x1d\x97M=O\xa7#w\x98J\xc5\x1a\xdbN:\x902\x9d\xe3(bX\xdfK\xd7\xaf\xdd\x94\xc3f\xd5\xe7\x8b\xf2\xe8\xb6^\xb4\xdbWy\x9e\xe1XOxb6m\xcfX\xcaG\x05\xb1\x02\xa9\xf4\xa7#\xb4\xee\xb78\xc1\xda\x02\xec8$\x0c&gt;\xc2\xfc\r\x98\x01\xfe\xf5\x1d;H \xc0\xe5\x10\xa8h\xb2\xb0v\xf9s\xa5\xd6\x8f#\x00"V&gt;\xa2\xda\x1c\xfe0"\xee\xdb\xdfpB\x8d6Z@5\xd2\x8d1&amp;\xdaw\x19\x8b\x0e\x13\xaa\x94 \x92\xbf\x16\xa2\xce\xae"\x038\xf6\xdc)9\n0\x1e\xb0\xc6,\xa7\x9c\xe4\xe2\x1f\x01\xc0\x00\\K@\xa7\x9b\xcbq\xa7\xdf\xfcP\x9a\xd6\xafF&gt;\xe6&amp;\xb2G\xd8\x1a\x11\x1e?\x99\x98\xeb\x11\xa2\x07\xa6\xfb8\xab^8^\xbe;\xed*\xc7\x8e\xa3\x88L\xbcAH\xe4\xad\x08W\x028\x1e\xe0\xd3\xc7\xdcl\xb7C\x8b\xc6\xa9\xbd\x07\xb5\xc0\xc2\x1f \x9c\xcc\xbf\xb4\x80\xfcL^\nl\x7f\xca\x10f\x937y1\x97K\xaa\x86\xc8\x85\x11\xff\xc5\xf93 \x15-\x82\xb7\xde\x05M\xb0dfT\xc0y`E\xdf+Z\xceo\xad\xcb\xf6\xfc\xfeX\x05\xceA\xa5\xe2 h{\xd0\x1d\x1a\x1fP\xc3v\xac\x8f\x16S\xd1\xa3\x10\xef\x1f\\\xb2\xc9\x9d)74m;vXH\xden\x11W\x81\x03\xf3h\xb5P\xa5\x10\x14\xbf|\xcd\x06\x05\xfbX\xe9\xd2s\xd2\xa1/\x11T\x89\xd19e\x0eo\x91\xca\xd8L\x9d~\xd8\xe7p\x16L\x80\xd9\x14\xe4\x06\xbf\xd8\x83\x1c\xe5\xc7&lt;\xaa75{\xcf\xa8L\x7f\xf9\xb3_m{\x8f\xb4QeF\xebP&amp;~\x8a\xda0\xab\x7f\xe8\xa0\x9c~\xb3\xb0\xf6\xc9\x8d=\x05hG=4i\t\xd1\xea\x7f p)K\x89e\xb1\x05\xf4\x16CA\x7f\x18\xea\x9a9\xe96\x8b\'\xc0`\xbf\xf3o9\xe6|\x13\x00\xf3\xc5\xb4\xdb-\x97v| \xcf\xc9\xd5\x99\xd2u\xea\x93v\xc8\xa4\xdd\xe6\x8au\xc4\xa6z\r\x116\x90\x80\xe4\xebW\x9a\xd3\xd5@f\x96\x91\x9bdV\xce\x91\xb5\xc9\xad\xafm\x17\x019f\x1dk]B\xf8\x05\x98L&gt;\x03\xa7\xbf\x06\x7f2^\x18~q\x0b\x143::\xab}\x02C\x8e\xd3\x852e\xdc\xe2N^\x19\x93\xfa\xdf\nr\x97\xb5\x10\xf6\r\xc0\x8eB\x187DUi\xd2\x06\xfe\xd9\x18c\xfe15\xda\x8e\xb4\xd3\x02\x00\xe5,\x9c\x0bT#\x02\x9c\xcb%\x8d\xf8\xb4\n\xd9\xd4\x18\xe7\xe6%Yf`\x8c1p\x0eV]\x81g.0kf\x992.\x9dK]\xff\xa8F\xf3g\xc1\x08h\x1e\x94\x9a\x7f\xbf\x1b?\xda\x9c\xf5\xc7\xf2\xa05\x98\xd0j\xf4\x08\xe3\xd8\xa7\xca\x8e0\xf3\x8a,2\t\'\xe0\xe6\x8aT\xb9*]\xda\xd7m\xc2\xb9z\x1a\x9b\x9f\n\xa0]\\\xa8\xde\xee6y\xcf\xe9\x173\xc6\x14\xa4\x15\xc5%\xd1\xf9\'e&gt;N\xf0\xba\x18\xbe+\xd9B\xef7\xc6\xbf\xa6o\xfb\x8f!\xa5\xdb\xdfN;\xcf\xedA\xd4\x83v\x8e8\x82=\xbf\xa3\x1f\xe8\x83\xf5\xe3\x11&gt;\xa5\xceB\t`\x9d}\xb9pK\xa0\xe3qs\x8bD\x02\x8f\x9a\x9b\x8e\xb2|\x1aqq.\x8d\x84\xb01/\x05\xf8\x8d\xb64I\xa4\x13H\x92\x9d5\x1e,{g\xb2\xa0\xb7pD\xec\x98Y\x14\xf0\x99a\x18\xcb\t\xee\xf6\x86p\x19-\x92\x87\xa7\x95\x1dt\x91r\xe6\xf2-\xed\x1c\x99\x97e9\xec=.G(+R\xab\xc6\xb0G`\x85\xb9\xa3\x99q\xba\xfd\x0bCC2\xb4[\x0c@]\xb2\xf81\x02erT\xf3\xf5\x80\xf3\xcd\xcaE\xb0\x9f\x00\xec\xd0\xc1\xc4CB\xb3\xfa\x07.P:\xa5O\xccW\xb6\x90o\xe0\xa1*\xa0\xed\xe4\x840\xc4\xc7bm"\xac\xc6\xcco{\xe8t\xe6\x98\x8ej;!\x96\xa6x\xe0\xc0\xfa\x86\xe9|\x15\x15\xb4\x04l\x93\xc7@/]\xdfL\xb3\xb9\x13\xc8,\xd0\xc6\x18\xa5Zm\x86&gt;2k\x83D\'?\'g\x00\xd1S\xb9\xf3\xefo%]b\x19\xb87\x8d\xcc\xafM\x9a\xefN\xd9"[s\x92E\xd8RR\x84\x1c\xad\x9c[\xb4\x95\x81\xf4\xfa\xaf\xe1\x90\xac0\xdd\x83\xec\xb2,\x02e$\x9e&lt;q\xd2\xcf\x06U|\xa1\x96\xf7\x1ag\xe6G\xc5\xbb\xef84\xf0\x0bG\x18\xccr\n\xb2\xf66\xd1A\x8c\xef\x01\x9c*W\x10\x01\x18\xef\xcb\x85\xee\xbc"6\xc4E\x97\xf4B\xc5\x1d\xa2\xe6.\x9a\xd0\xa7\x04\xeexBBp\r\xb9\xb7\xa4\x99\xa0\xac\x8c\x12\x1d\x04\xbc6\xc5&amp;Z{\x8e!\x16" \xde\xf0\x04 M*Ka\xf93\xb4\x046%L\x0b\x94D\xa3}\xff\x03k/fh\xfb2\xd7\x05xM\x89i}\x12\xf1|L\xf9\x86\xde\xbbTo\xf1\x84RFgE$\x9e\x15\x1e\x0foS\x95\x89\x03\xa8\xbb\x03\xfcE\x95@\xbd\xce\xccw\xec\xd8(\x10\xc0\xc9\x8f\xf6\x83\xa9\xca\x9ci\x84\xffTo\x9e\xd1e==\xc0\xa9\x0fG\xb9\x142\x85\xb4\x126E^H\x1d\xadP{\xb0@X(\xe2{\xd9N\x94\xd3\x9d\x85\x88p\x8a\xd9t[\xc9\xb0\x16\x98\xde$\xf1\xd0\xdeR\xa4$\xa3 \xb5\xba\xbfO\x13\x91\x8a7\x96_\xb5\xd3C\xe1Ost,P\xefC6x\x06\xa25N\x7f\x12\xbc\x03:\'\xe2e\xb6*\x12\xb2\xa6n7\xa9\x16\xc3 \xf3\xed\xcb+\x87\xcd?8\r\xec\xd8\xb1iHGT\xf98\xac\x9a\xc8\xdd\x13\x03\xd1\x9a\xa0\x9d\x9bX\xd3\xe1\x92s\xd2\xf3\x10\xaf\x83\xf8\xa8E\xfc`\'\x9f\xab\x9c\xc9\xbc\x19\xba\xa1\x18\xcb\x83_d\\ze\xc9\x00 \xb7\x05\xd0\x8e_\x86B\x9e\xc8\xbdh\x15\xad\x83?\xd9\x920\xf5`\xcc\xef\x80a\x1b\xf2@q["\rx\x1b\x80m\xac/\x11\xe0U\xd3\xef\xef=\xec.\xab\xd3j\xecC$\x1ah\xdd\x8f$\xa9\x8d\x98\xca\x8e\x1dK!\xf2\x9b\xcb\xb2\x8c|A\xa2\x96|\xbdB4\x07\x83E\xe7:\xe3\x9coz\xc3\xc9 Mg\xf5\x191n\xef\x11\xf0\xb9~\x18\xd2[|\x04\x05\xf1\xb6K\xce\xf7\xb4\x81\xb5\x99\xb9E\xa4z\x19y9\x02I\xbe@\x0bs06\xb9)\xdd\xb6@\x89\xa12V\xb6\x1d\x85\x04\x93\xd7|L\x01\xd7\xdf\x82xB \xc0\xac\xebr*A\xef\x08:\xba\xdew\xc9\x85\x9b:\xcb2\xfa8\xc0\xd3\xfb2\xdd\xb1c-\x84\xa3\xf1\x9dK\'\xa2\xa8\x9d\xf5\xec52\x1c\xa62+\xce\n\xf4\xda"\xf6\x80\x91C\xac`\xb9\x98\xaf,\x85\x95\xf0O\xc5!\xe4\xae\xc24"\xc3\x98\x99O\xbfq\xd7\xc8I\x89K\xbe\x95\xb7\x1f\xed b\x95\x82\x08\'Bx\xff\x92\xfd\xee\xb4H\xd4\x84\xb1\xe4\xa9\xbc\x92[\x1cPQ\x8flQH9\xe4\xd6E\xd6\x833\x85\xc9?\xbd\x04U\xc1\xe9\x97\xc8-lCB)\x1a\xe8v\xae.\xa3\xe0q\xec\xd2\xa1\x08\xaf\x9f\xf6c\xc1Pr~?\x02\x83k\xc7\x8e\x10\xc4\xe4\xdc\xdd\xd0I\x9eR\xbe\x94\xf7\xf9(Yb\xa2\xc6\xf1Z\x00\x17\xa1/Gb0\xb2\t\x84\xfc\xb4]C\x87\x8d\xcdU\xa7\x9c\xe9"\xcay\xe8\xc0b\x03ss\xc3\xc6\nM\xba\xa9z\xdd~o\x86Px\xaf!\xbaA\xc4\xeb\xe4\xf7+\xb3\x08\xca\x1aUXm\x91AQ\x0cU\x8f4\xe4\xd5\x9b\x85\xa0\xecKx\xfb\xd9Z\x97M\xa6~\x1fop\x91.b\xfb\xa8\xb3\x81\xa9n\xc1\xea\xff\x04\xfd\x14\x15\xae\xfey\xdf\xb5c\xc7\xd1A\xc2\xd0\xc7\x05e\x0f\xf7T5\xba\xe6\xc2\xd7\xf1\x16(N\xf5\xc0\xab\xd2\xbcV\x1e\xcctl\xd8\xd1\x83\xe2`\xd4\xb6\xd7\xbf\xf2\xa7\x92\x9a\x13\x97\x17\xf9u\xff\xdc\x16\xfd\xc0Q\xf6z-\xcd\x9b\x1a;\x0b\xa3Ms\x82Vp\x06\x96\x1f\xb0\xc4\x88s\xab,\xa5\x9f?\xd5\xb8\x97\x11\xf1v\xfa_\xba\xc8V\x8d\xa8G\x92g\x1a\xedx\xb5\xee&gt;\x8d]9\xe5\x9b\xca\xd0\x0f\x08p\xa7\xe4l\xfb\x80C\xdb\x06\x14\x1a\x80\xa6\x8b\x17\xcfOf\xfbGk\x9c;v\x1c\x08\x92V\xde\xd1\xe2\x1b\r\xad\xe0\xccN\xc1k\x83#\x19\x11\xef\x89\x08\xf0\xa6\xe1/A\xf1\xa09\xd2\xd6%\xbc\x9b[w\xcb\xba\xda\x11\xc3\x9aAs\xba\x10\xed\x07P\xb6\x85vJ\xaefB\x15j\xb9\xeaA\xd8\x7f\xc6\xad\xb5kB\xe0m\x94\xb5\x7f !,&amp;[,\xc6* N\xcfX\xdf\xbbmc\xab\x80s\xe8!m\xe3\xd2\xfd+\xed\xa3\xc3\xb0\xba\x1d\x87\n\xf2p\x1f\x01^\xdc\xc7\xfeX\xfbn5s\x90&lt;\xa98t\'V\xdc0\xde(n/\x11\x8f\x9a9\x84\xad\xcby7\xa2X\x7f\x97w\xad\xdd\xabV\xa0cOyf\xf0\xea\x03\x18&gt;\rq\x10\x8dM\xbb\xb5\x86M\xa8q\x08\t\x19\\\x0f\xa6\xa5Yh\xed\x17[\xb8C\xd3\x1e\x97\xc0\xb2\xe2y\xa2\xf6\xf0\xc3/\xd8D\xd3\xb28\x88\x0e\xdaq\xc0\x10=\xbd:\x99\xd7_\x02 \xfcV\x1c\xd9mo|\xeb\x19\xf7R\x9bib\x00ow\x0c\xcbz\xa1\xdcC\xf9\xc5&gt;\xc9\xa9Ba\x12\xd4\xb2C5\x9d\xf7\xb7=1\xe5\x03\x0c\xc2\x8d\xaa\xeb(\xf6+\x01\x11\x9e1\xfa\xa2m\xe8g9\xd7Q\xc1h\t!\xd3\xe3\xd4\xb9u\xeb\xae\x8c\xea\xa9\xb6\xa3\x99\xc5\x0f\x17\xe4\x05\x00\xea-\xc0\xd2\xe2\xf9bv#\xbcf\xd3\x92Pv\xcfF[\xb1\xe3`0\xd8\xd0`F?\x9d/\xcd\xe6\x85\x00\xf7v\xe6\x0f\xbc\x16\x86\xc7\x02m\rq\xb7\xec\xed@\xd4\x11\x8bx(1\xc1\xf0\xb4\xca\xaf\x82\xbe\xc1\xa7\x18\xb9U\x8a\xc5\x16H\xc8\x97;\xc0Qp\x882\xd7`l\xef\x86\x9b\xbcd\x8f\xa4\x07iC\x9f\xd0m\x8exuk\x82\x1bD\xce_{\xddt\xf46\x00\xdb\xf6Q\x8a\xce\xd9p+v\x1c\x12\xa2q\xae\xb2\xb0%l\x91vF\xa2\x8fv1cfe\xefv(@\xc1\xe2&amp;\xe5\x9e:l\x0bC\xca\xdc\xef~\xad\x98J\x96\x95\x9b*\xda\xd4\xbc\x85\xa4\x9e\xb6\xdb\xe7b\x98\xba\xf8\x85\xe4\xf5\x16\xbeb\xcd\x85\xd4b\xdc\xd3\x13G4~\xab\x0e4v\x07^\x81\x84\xcf\xf6\xdd\xec\xda\x126\xe9\xe2\xe6\x93QWH\xfb\xc6i\xce\tV\x14w\xc7\xc1\xc3\x18\x00\x13^\x18\x7f1D\xf9\xc51\xad\xd9\xc3\xdcr\x04\x80\x8b\x14\x8c\xea\x85=\xdbu\xb6:Qe\xe7`\x04\x08L\x83@`$\xc6\x80\x99\x00\xfd\xec\xc7\x00\x00\\{\x9e"p\xecU\x96\xa1|.\x19e\x0fi\xcdK\x96\xba\xdeD\xa0(\xc4do\x9bU\xfd\xc5\x0edJ\xdb8\x1cwpc\xe6\xfa\xe8|J\xbb~\xa0\xb4Ng\x99\xc8\xbd/\xc24s\x11\xa7\xddz\xa9/\xee\xd1\xa2cg4\x89&amp;\xf65g\x7f/\xa4S\xb5\x15\xb1u\xd1\xa5\xbba\x14\xa8}\xdf\x00\xech\x0bc\x17AY&lt;n\xac\xd0U\x1e\x1e\xfaw\xe29\xce\xa4\xbb\xd0\x88\x88\xf8\xea\x8ay\xae\x13\xe6\x98\x08"\xb0\xa1\x11\xb1\xc8\xc6\xc1R\xab\r\x03\x00\xaf\xf1/\x98W\x01\xcb=Z\xbc\xe5\xd6s\xc6\xf99\x11@\x08.j1\x06\xb5\x9a\xd8\x02\xe2\x87\x94\x15\nx\xe8\xab\x1c\x1e\x1c\xdf\x95\xe9Yq\xc7\xf9\xe5\xee\xaf\xaa\xab\xc56\x03\xe1\xa4&amp;\xb9\xb1Y"\xbfv\x10\xe6\xd6\x91\rG\xe6A \x13\x9fY9\xf4\xd7\x88{\xd8\xe3-\xbb\xb7\xa3\xa9\x88\x17_;v\xac\x8b[/s\xb8VxF)&lt;A[F\xee\x05\xd8IAk#\x94\xf0\x1a\xbd\xc4.\x0e\xa3\x86\xca\xcc\xebvj\xda\xdc\xc6\\\xaby\x9e\r\xb4\xd1\xd2\x1e4\xe3n\xe48\xe5\xbf\x150s\xe9l\xcb\x98\xbb\xa1\x9d\xd3h\xa8\xb4\xabS\x17\x9f\xdd\x82r\x1b\xe4\xc6\x14\xa5\xd2\xfe\xe6\x94\xe5Um\xd8\x02g\xb2IP\x9e\xf0\xf6\x8dh\xbf\xaa\xa6r\xc3q\'\xf5\xf6\x9b\x03\xe9\x81\x10\x11/xlx\xe0\x1d\x8b\xa1\xd0\x9e\xea\xc7\x95j\x0e(\x9d\x8f\xe9Q\xd4\xdf\x1d\xd4\xbb0\x8fV\x13\x99,\xb5\x04\x9c\\\x17\x04\xc0O4a\xed\xa7p\xd5\x88\x1d\\\x93\xd7\xf6\xa8\x08$\x11\xdb\xdbp\xfd\x97\xd3\xc2\x84\xa4d\xdbW\xee\xeeo\xc9F\xcd\xe7\xf3\x1d-\xc1\xef\x04M\x90\xd5:l0\x1a+\xa7T\\uL?\xfb!\xf3\x1d\x83\xc3[\xd9\xc0\xe8[\x96\xb2%~\xd0a\xdc\xcf5\xf4\x9dau|\x13\xc9{\xe3\x00\x86s\xa9y\x07\x9dr\x8d\x8d73\x0b\xb5\xd3\xde\xb1c\t\xbc\xa4\xb4\xe2C\x88\xf9\xf5\x0c\xf9Y\xa1\xc2S#\xbc\xcc\xf3\xf8\xa5\x92\xcb\x98\xb1\xb3\xce\xfa\x18\x04\xbbK\xdc\x01Aw4j\x02M|M\xa8d\xf0\xcf\x10B\\kP\x8e\xa0i\n\r\xc8J\xea\x8e/\x8az\xe1i\x841\x1c3\x88t\x95o;Y\xacTo\xb3\xe6m\xba^X\xe4\xbckv\n"\xdeb=\xd6\xaa!\x9c\xe8\xc1\x82^NS@\xae\xb3v\x88\xe0\xf6B\xb9\x1a\x95\x8en\xc7\x8e\x1d\x05(\x1a]\xc95\x89u\xa0=\xb1\xc9u\xf9\x82\xb0\xbd\x96\xec\x05\x18\x97\xb6iR"f\xdd\xdd\xb1\x8a\xec(F\x87\xe5\x8btY\xafZ\xbeskJ\xae\xc9\xd9\xf1%\xec\x88\xce]V\x06\x1b#(\xcb\x80*`\x88p\xa9l]\x04D\xf8uRQX+@Z\xb8L\xef\xf4\xee\xb8{\xcb\x8a\x9d\xaa\xad!\xe9I\xf16\xa3\x19\x11IqdC;\x83\'\x17\x8c\xd3\xa3\x84fm\xef\xa5\xbdK7\xa5\xb6c\xc7a\xa3&lt;\xb2\x95F{I#\t.t,9V\x0e\x84\xe6o\x9f\xe9\x02t\xf6\x06c\xc9^\x876\xe0\x18\x189\xb3^\xd4e\xa1 *\x15I\xd4\xc0\x1eH\x8f\x85\xb4\xfc\xa2\x01&amp;j\xd1\x8f\x86\x92\xff\xb0\xf6H\xa1\x84\xd7E\x7f+,P\xc4\xe4L\xb9\x93\x9f\xbf\xe9\xc3=\xd9\xae\x9eM\xf6\x8cP\xb1\x93\\e4\x01s8\x13\x14\xa9#_oc\xfcP]{\x00v\x06\xc2\xf5\xd8\x80\xd4\xca\xa29\xd0;\x9f\x1d;v\x84\x98\xdf\x03\x9d@_\t\xf6\x91&lt;#\xd6|\xa6\x17\x10\x11~\xaaz\xa0\xb6\xb0C=\xe2\x82\xa8\xb9\x96x\xb2\xca\xd56;\x0f\x01@*\xa2\t0m\x96\x10\xce&gt;\xfd2^\x04\xa0\xf7QI\\v\xed\xb6\xd3\xfeA$\xd5\xc2\x8e%!\xc3Z{H\xb8\x8a\x96\xefd3\xb3\xc0\xf9\xcc\x99\x8c\x86\x85\xc5zb\xb2\x99^&gt;\xbfE\xbb\x12J]{\x0cv\x85\x1d\xd1q\xab\x97jx\x96W\xd4\x1d\xbf\xd5\xcf\x96v\xec8\xb2\x98\xc6\x8f\x17B^\xda\xdf5\xe55\xd3\xb9\xe8A\xba\x03O\x15w\x08\xfbER\xabG\x97y\x94\xcf\xbd\xb4bOT\xd8\xba\xc7.a\xbd#\xd65\xb6\xe5\xb83\xfe\xa1\xe4\x04\x00\xd7\x0c\xa6.\xca\xb7b`"\x9c\xdd}\x16\x8bT5\xd9\'Iv\xba\x01\xd5ci5\x876\xba\xf4E\xab\x81\xcfL\x8e\r(o\x15j[\xea\xc6?a\x18\x91`\x1d7\x93;v\x1cMxC(5\x89,:\xf2\xef\xd04l\xd3L\xbaE\xe1\xb9\xbf\xc8\xd31\x15\xca\x1b\x9e/\xbc\xaeJ\xcbZ\xe7\x14~_\x01O[\xffZ\xe2\xec|=\x97\x06\xb0\xdc\xff\xaf\xe5ZJ\xb1\xd5\xd4\xb6\xbd\xef\x08uF\xcav\x86\x7f\xf1\xc0\xbc\x8a\xad5o\x00\xd2\xe4\x03\xdd\xfe\xadD\xa4\xb4T\xfdl{\xe6\xde\x85\xfe\x19\x9bR\xc3\xce\xd2n\x04\xac-u\x1bM&lt;;\xf1!@tJV"\x06 \x02\xbc\x91\x13l\xdf]\xec\xe8\x80\xdb4\xb3\xaa\xd1L\xff7K05\xc2\xa91\x9f\r\x0em\t\xb1\xfc\x9f\xb0\xae\xe1\xa9k\x0bW\x08\xa1\x17\xd6{+iy\xa1\x00\xfdP$@\x89\xc0\xf4\x10\x10o\x00\xb6\xa0\x1c\xa67\xa5m\xb1E\xe1\xb7\xc2-h\x82\xa3\xb6\xe1$\x85\x16\xdakN\xb0\x19$"\xf9e\xfcw\xf5j2"$m\xd7\x14\xee\x9e\xa8\xb3\xa9\x9e:VA\xa7\xfd \xe2\x0f{,\x7f9\x17 \xb6y\xe2\x04\xe9$\xe5B\xfaL\xd9\x84\x08\x80\xef\xa4\xe9\xec\x1f\r\xdb\xa1\xc0\xe0\xf8\xc6o\xcd!b\xe9G\xbfG:\x90\xf9l\xa0\xd6\xcf\x9e\x07\xe0\xb34\xc1\x99\x921\xb0\x1d\xb3G\xc4A\x94\xb8\x9dY\xe5l\x16\x0fE|\xb0\x7f\x856\x12\xa7w\xd3\x8d\x8d\xcd Y&gt;,\xee\xf78.\xd3\xfbV\x08\xc5\x00A\x04\x95q\xf2\xc3#\xcd\xd4\xad\xd7\xc1\xcc\x9e\rp\x0b\tk\x17\xc1\xa8\x0c\x8aI\x9a#or\xb6\xb0\x80@@\n\x11\xe1G\x00\'\xd3\x91\x1d\xa6\xed\x89\x0eln\xbc#b\xce[zj1\xce\xffY\xca\xf1\xc5d\xa7\xd8\xad\x9d\xa4p/x\x03gc\x9du\xec\xc1\xdd\xe1\xcfW{\xcd\xef\xb2\xb5\x88o\x15\xbd\xe7\x1a\xfc\x0c\xc2\xb9\'\xd7\xc1\xbb\xd6\x94\x0c\'\xe8"\xd8\x8ec\x00\xa1K.@\xda\x87\x1a5\xe5x\xf5\x1f\xc7k6\x18\xbb\xa1\x8f\xc9\x97\x96\xa2\x19\x1eB\xf5\x02Q\xce\xf9j9z\xd1D\x94\xd4e\xd9G\xc5K{\xbc\xaa\x07\xcc\x04U\x1d\xdd\x84qc\xadP\x96\x8f\xc3\xa5\xf9\x0c\x857O\xb1~&gt;S\t\x83\xd5Up7\xd1\x17\xd3\xad\x9b\xa6\xfa\xcb\x18c\xfe&amp;q?\x96\xc7\xb7\xc3\x14\xffQ\xba\x93i4)\x8a\x18\xae\r\x937H\xef.FW\x14\xbc\x98\xeb\xbe\x03_s\xd5\xad\x8dF14\x08\x17\x97(i\x0b\xa3\xaf\x88\x1d\x00\xc6\xfe\xe7\xa2\xd7\x9a[`zn\x89i\x80w\x1d\xe7\xe6&lt;\xc6\x98\x17\x0c\x8c/\xd9\x87\xc5\x8e\x1d\x0e\x1c\x97\x84U.Iy\xe0\x1b\x1el\xdd\x93\xbaHx\xd5k\xd3\xd5\xa52N\xe5\xafP\xba\x84\xcc\xb1\x9b\x9d\x04-g\x83)\xa7\x9aB1g\x91\xce\x89V\x07\x85\x95=\xd8J\x8d\x8d\xf4\xdf\x1b\x08\xaf\xc0\xb8\xd1kK%\xc1\xe9\x00C\xc9\x83\x12\xacIp\xc5\xf2(\x9e\x8c\xf9A\x8a\xee3\xaf\n\x82\x02\xc3^\xe1\xf9\xf5\x02\x94\x8d5\xa1\xc5V\x8e\xe2\x86h0\xc4\xfe\xd07\x9b\x88\x03g\x15\rX/\x81\xcd\n\xe6\xa38 $\xee\x17\xe6n\xa1\xe7\x91U&lt;8k\xd9q\xd8\xa8\xb4\xb0d\xad\xfcH\xbb-\x11\xdb\x17\x93\x11\xc9\xd7b\x14\xe5\xeb&gt;\x0e\x03f\xe9%Q\x11\xffu]\x80\xba\x8f\xe8ro\x96\xea\x84"X\xb8\x01X[uJ\xd4\xb5wE$\xc5\x16.\xd9\x97l\xb5\x9f\xec^C(m\xfc\x07c\x81%.K3B7b\xd2\xf5\x9d\x1ewx\tZ\xb6\xa9\x056+\x18\x85B9\x89^\xe0\xfb\x85\xef\xb8\xbb\xa9x\x02\xe0/\x8e\x15\xf32\x1f\x84\xa9\xec8:\x18-\xec\x99\x05F\x967\xcd\xff\x10y\xc0\xc2c\x04\x89xM\xc6\x92\xa2\xa2\x13\x13\x9a9\x1e\x85\r@\x1e\x8e\x86\xf3]\xa3\xa1W\xd3w\xad\xba`a\x1c\x96\xb4\x07\x8dF\xab\xd2\xa4\xa1""\x00\x9355\xe3B\xab\xf7\xbb\xdf\x04u\x84\xa5\xb7x\xdb\x017%\xa5\x11n\xb1\xb6\xa4\xb1\x83\xebG\xb9\x89\x06\xb5\x889\x85\xbcHN@z\xe5\x14*vc\xe6\xb1\xe3XFt\xa2M\x8c\x16\xbe2\xe3\n\xa5\xbcy\x00\xbc\xb0\xa0b\xb1\xd7\x00xbQ\xbd}\x18\xd7\xa2\xc4\x81\x86\x15\x8f\x9d^8\x06\x9b\xbc\x15&lt;\xb3\xd4P7\x82\xc8U\xeaj\x1c;&amp;\x97\x98\x95\x18m\xd8?/\xa1\xd4\xf0\x12\xd0\xf7\xfb\x16\xf0\x85\x82:dK5\xfdX\xc5\xb0\x82N\x06\xfb\x93\xec;z\x01\x87W\xdcLo\xc9\x88!x\xaef\xae\xa8|\xfe+5j\x8cy\x02\xc0\xbd\xb4\x15\x0b\x1e@\x1bh\x15\xbfrd\x7f\xd1D\x03 \xc6\x8f\x94f\xdfU2u\\\xa6\xd8\x02p\x06Q\xa6\xd8\xf0K\xb1\x95Z\xecV\xb7C\x0b\xd7\x84$\xa3\xc6+\x0fy\xf3\xde\x0c\xb0\xde!p\x13\x8c\\o\x9b\x19\xa1\xce\xec\x0c\x07\xd4\x89\x00\xe0u\x03\xa9O\xc9\x14\x90^\x9a\xd7u\x93G\xbb_\x8f\xefo\x01\xda\xb1"\xb2[[\xf7\xe9\xfe\x86\xb8g\x8a\xa3\xfcj\'\x1cJ$\xe5 @\xf7\xdc}\xb3\x95\xb6\xb0\xfa\x1f\x0es%)k\xf6\xf7\xff\xd6\x87\x8b\x8c\x0fm\xf5Y\x88C\x8a\x026\x01\x02|yK\xe7u\x9dd\xc8\xc72#\xab\xf9\x07\x850\x87\xb2p\xbc \xca\x86c\x06\xf1 \x93{\x9b\x0eSa#lS*\x1e\xde!\x0b\xf5@\xf6\xa7\xeaYT\xf9\x84Y\x9f\xcdU{\x80\x876;6\x07\x14L\x0cw\xb7\x85\x993\xb2^\xb2\xd5\x9e\xcd=\xcb/_\xf1\xd4WE\xe2P\xf0\xaca[u\x1d\xcb#\xffyk\x0b\xa0A\xc9C\xcf+\xe0\xd4\x13\xf7o\xac?\xa9\xbcs)Ux\xc9\xd9\x9dy\xad\x04\x85\xdf\xc6\xa0\x0e\xe7dt\xaex}\xbcu\xfc\xf7\x9a\x8d\x05\xae\x9bY\xd6\xc7\xa9\x0e\xda\xf23V\x8d\xceO9\x8d&amp;\xae\xb8\xeb\xa0\x08%&lt;\xb0}\xdb\x8e\r\x800\xecLX\x82\x1a\n\xfd"\xac\xd9\x81\'\t\xa2\xb8D\x0c\x00\xfc\x07\xc0\xe9`\x85\x900"j\xbe\xb0\x03\x8e\xe4|3\x87\x02\xc7\xe8\xd8\x0fzv\xd6EF]\xb6\xba\xaf\xd8\xe3\x10\x7f\xb2\xee\xa1|h\xef+\t3\x8b!I\xed\x1b\n\x92D*\xe5\x0f\xd41wq\x03\xb58m\x840\xb9q\xa3\xa1\xd9\x12\xcc\xbdC\xfa\xd2|K\x07\xaf\xc5\xb8,o\x00nUi\xb3\x17\x05\xeb\x19\xd0\xa6\x13~\x1d\xe1\x0c\xdbH\x11\\\x1b\rr\xa2\xd6\x03\x82\x13`\xa9\xf9\xa4)\x87\xe2\xbc\xe5N)U\xb1\xb4{\n\xd0\x0e-\xe4v9\x9e\x12pI\xf5\x8d\xe4\x99\xd9\r1\x15\xc5\xa7k\x12\xc5\x9c\xe1\x87\x00x\xda\x95\x825\xc3\x99o\xe3\xef\x9bt\xfbZ\xca\x01\x00\xc9?\xc2\xf8\xcf\x14\x9e\xc4\xd1\xa6\xe6\xff\xec\xdd\x11?!\t,\x89\xb8+\x17\xf6\xea^\xc8\xca|\xce\xbdN\x95\x9eTJ\xddj-Z\xd3\x8eq\xc5\x9b\x8cc\xfcs\xb3\x0b\xd9"\xcc\xfe\xc1\x00\xdc\x0e\xe0\xb8\xb0@N\xa9\xa3:H\x9d\x1cX\xc0\x18\xed\x0f\xdb\x1e\x843\x0c\xff\x1eXSz\xe0\xa0\xcd\xde\x00\x98_\xad$\xd1n\xe0\x07\xee\xa5\x03\x08\xaa\xfb\x06`\x87\x1a\xe433dIn\xa6\xef0_\x8e\x931\x02\x80\xf1$\x0cY\x89Y\x07Y\xd1\xdbpuGi\xceA\x00\x80\x8b/|\x8e,\xe8\xc6\xf9%\x0fM\xc9ND\xed\xeeBN=\xc3\xdb7i\xc4\x9f.j\'N\xd4\xca\x00\xc0\xb9\'aNA\x14\xcd\x05\xcc:\xe6\x12\xf7\xb3\xb1\xa3\xb5\xfa\xf7a\xcc\xd3\x8c\xf9\xbf0\xf3\xdcL]\xc9\xab\xd4~\xe4\xdb/\xb6\xcc\xa3\x8d\xd58\x9d\xfb\x07\xda(\x96\x01 \xd2\xc7\xf9\x1d\xed\x8e\xbeh\xa0\xf37\x98\xe1c\xc2\xe5\x14\xc8\xc72\x8c\xde\xbc\xff\xb0\\\x04!6;\xdcv\x1c\x1a\xc2\\\xb7\xcf\x10C\xb1.+\x0eAZ\x85{\xbb(\x02\\\xc5+v \xab\xe7\xa8\x15\xde\x8d\\+\xda\xaf/[\xc0\x9b4\x99\xc4b\x91\xc0\xefW\x1b\x12#\x10/\x00i\xb7i\x88\xd9~P\xdb\xde\xb2\x16m\xac\xf7U\xa9\xe4=X\xb5\xe3\xb8`C\xb6\x0cq\xdb\xc3b\x07\xa24\xde~\xee\xd0\xd3\xbaV\xc6\xf6\xfc\xc6\x12\xd0\xbe\xa4;\x8d\x93\t\xca\x88FM\x03YH\xbaG\xcdhw\xac\x82\xc0\x8c\x88gh\xca]\xa4\xaa\xd6\xda6\xdd&gt;\xf63\xb5\x02)\xe2\nm,\x17\x94\xba\xe7\xc8\xf1k\x1cGg?\xc3O\x9fyi\xc3*u\r\xe4,G(\xe1p\xf1\xc9\xf9g"i\x9e\x12\xf9\xb4\r\\i\x08d\xc0(\xb3=\x8b)_\xa3\xca\xc6\x84\xbc\x1c\x0b\xdc\x96\xb6[#\x91\xc7%\xe9\xc7e\r\xb2\x99\xd3\xf3\xba\xd8kl\xca\xba\x0e\x1a\xfc\x189\xf8\xa6\xa5A;\xea~\xecF=\x7f\x1b\xe1\xf5\xb4\xf7\xe8iNG\xcchw\xac\x07\xc6\x92\x12\xfe\xf1\x15\x12\xb2\x9fT:V\xbf\xe4\xd2\x06m\'\x89\xe8\xce\xd3\xc3\x99CC3\xe9sSd=m\xa4\xf9\xb6SZ\xd4_"\xe1cQ\xef\xc5j\x8c\xdeOV\xcb\xffN\x8f\x0e"\xc0\x95X6Z_9\xaf\x0e\x9fI6_@\xe2Jj\xa6\x9bC\xa2\xbbsM\x1b\xb5tj9\xa3\x0c\xd7\x82N\x8c\xf0\x10\xcf\xea\xda\xd0,\xc5\xc4\xf7\x82M\xfc\xde\xf8\x8cK\xb2\xbf\x1e\x11\x96\xcf\x12\xf54\xdf[Q\xcdz\x19|\xc7\xfemG~\xa5i\xb5\xe9\x9aEl,\xe5\xb4\xfbs_\x0fg\\t\xd9 \xb0\x1c{\xf1\xc9\x0b\xc8\xd0\x89\xc5\x8e\xa3\x8d\x9b\xc5\x96|\xed\x94gT\xd8\xd9\x9f\xe5\xbd\xea\x86@\xb5\x91X\xadj\xa9J8r\x94\x93:\xe7;\xa9J\xdb?U\x12\tU4I\xcb\xd9Lj\x03Pe$\x11\x85v,\xb2\xaa\xbeO\xb9\xd8\x1b\xc5\xbd\xc8C\x92\x9c\x1e\x08\xe85/\xe5[\xd8\xb2$\xd5\n\x9aU\xe2\xd8Q\x138\x1f-\x9d2\x14P\xcf\x17\xffK\x84[\x97\xea\xf3a\xfdz\x04\xcf\x9e?\x1e\xa4+6\xe0=\xd2\xdf\xdaT\xb85y\x0e\x03\x12\xfbY\xd3\xab\xec\xd8\x91C\xdb\x19"E\xba\xb9\xe8\xcdq)OZ\x9c\xa25\xf1r\xb6\x19B\x15i\x88w\xea5\x976)\x0f\x12\x13\xd8\xe9\xa7\x15\x8c{\xfd\x1eaj\x99@\xfc\xd6i\x18\xadt\xd2P\xd5\x87\xf2\x88a\xd4\x11Y\r0qS_K\xa9\xd8\xe4\xeb)}\xde\xa5\x8d\xda\xa5MYy1T\x97\xf7\x92\xeb\xa2Z5\xca\xbb\xb2B\xa5q@\xa1\x1f(Ut\xe3\xb8H\x8b\n\xf0\xf5\xae\xad&gt;\xc2(\x1eP5c0\x81\xfd-@;\x94\xa0\xac.~\xe0]\xfb\x08\xfc&amp;\xdd\\\x88\xd8\xdd\xbf\xcf\xbbo\x1f\xfd\x1f\xdaN}]U7\xc3\t\x0e\xd9%r/\x01\x13\xfck1tk\xd4\xb7\xdf\xa0\x88&lt;\x81\\\xf2\x03&lt;f M}D\xd3\xbe#\xb5\x95&amp;\xbc\xaf\xe2\x1aS\xfc~\xe8F\xe2\x00\xfc&lt;\xce\x0b\x9cfD\xbb z\xbdl\xf6\xbb\xa5\xfe]r^\xfb=\xa6\xd1C\xc9k\xf8W\x063xb\xee\xab$*M\x92\xa35\xcda\xc1qy%\x86\xd3\xc3\x07I\xb2-5\xa6\xe4\xe5 \xf211\x8e\xa3\xf1\xab\tl\xb1\xba}Y\\\xfd\x99d\xe9\x1e\xe8\xf4\xcav\x00\xd8\x90w\xf7qw&lt;\x03lV\xb8\xc3D\x99\x01\xd5o\xc3\xf6\x17\x03\xedP\xc3N*\xfe\xf4&gt;^\xd6/\x98\xd8Ijk_Z\xa1\x1an[\r\x12Q\xdd\xa6\xe6\x145\x94\x0c\xca\x10\xba\x92+&lt;\xbf\x1a\x80\x8a\xc9\xcc\xa1\xee\xd2a\xac\x05\x00\xbc\x8d\x811)W\xd6\xc8\xd2\x96\x82`\x81\xa9R\xf5\xacCM\xadM\x81T\x89;j8\x9d\x91#+\xa1\xe0\xa1\xbc\xcc\xd4\t\xca\x12.\x83\xe1q\x86=\\_\xd08\x11\x10\xd0wJ\xee\xeb\xeb%\xaeI\xbe#\xea\xd4\xae@\x00\x01\x97\xbfC\xfc\r\xee\xde\xc2_\x99\xec\xd6\xd7\xba\xc9e1\xf0.\xfd\x18\xc7-\x01\x9e\x95,\x90X\xead\x16\x03\xe9\x01\xea\xd4\xd6\xf5\xc8~\x02\xb0C\r"\xb0=^Vz\x84\xecA\xd6\x1d\x8b\xe4\xeb\x05RP\xbb$\x135\xbc\xd6a*\xd2F\xe8\xc8X\x06\x15\xf2\xa1\xff{\x107\xa5\xe8z\x01c\x8d\xa4zK[\x16\xb4\xa1|j\xfe\xaa\xdbtp!\x85\xb3\xb2[\x0b\xb5\x9c\x99\xfe\xba\x89\xa4\xaa\x8e\xd3\xb49\xe4\xaa\r\xfaG\x98\x9fz\xe52\x912&lt;\xd4\xb7:aj\xa8\xbb\x01w\r\xec;\x90\xce\xd0\x03\xd6\xa5\x13e\x9aH\\\x8f\xc4\xea\x1f`\xf9N\xe8\xc1\xcf\x0b\x16u\xa0\xbf\xa3!\x86\xe1\xf5\xcc\xcc\xd9&gt;\x99=!\xd8G\xdd#g_8\x7f\xaar?\x98\xd9\xb1m|\x86Lg\xa3\xb0\xd2\x82\x87\xde\x97\xf8\x82\xe5*\xf7I\x91d\xb4\xc4\x96\xf4e\xe0\xd4+jW\x89d\x88\x912\x89\x17\x9b\x06%C\n\x178&lt;\x8f\xc6\xe8\xb9\x18W\x13\xda^\x07\xcc\x1d\xf7\x8cj\xeeI\xd3\xa5\xba\xfe/R\xec\x9e\xc3\x9b\\\x8102y9\x8ea\xc5\xa5\x1dW\xbe-L~\x95\x88\xde\x12\xcd\xc9\xcb\x9f\x94P\xd0)\xed\xe5\xec\xc5k\xa9\xb6\x14c\x94j{\x82\xad\x82\x8f\xfb\x9d\xf5s)\xb5\xf8\xdd\xfa\xf9ZS\x871\xbd\xd6\xb9\xf2\xb1pz\xbd\xe1&amp;Mh\xc71\x8a\xa4\x03E\x7f1\xba\xb4\xd5~6\x94\xca\x17\x80t\xc7\xd1\x9f\xed|7\xa1\x01JuR\x16\x89\x8a\xc3\x95\x0b\xd6I\xcb\xe1\xd4\x18m3BF\x9f\x84h\x03p\xe8\xb3\x8b\xd2\x008\x83YS\'\x97t\x8c\xa4\x85I\x13\xb6\x91\xbe\x9d\xa5xY\xbf\xfc\r\x95\x99\xfd\xb7\xce\xf1\xa2\xcc9\xd3\x8a\xd5\x90\x97\x07\x95;\x93E=\xb0V\x99ku\n\xc5\xa81\xaf\x8d\x1aX\x88mJ\xb5&lt;\xac\r\xc8\x142\xcd\x86*\xfai\xab\x9b/\x92\xa6\x92\xb4\xd2\xfdhi\xc7\x92 \xbc\x99\x93?\x83S\xf2\xea\xd2\t\x1e\x9c\x93\xcd\x8b\x81\xe8\xe6r\xc4t\x8a\x1bbI\xa5\xf3\xa4U\xf4\xdd\xea~\xda\x12N\xed\xa8H\x01J\xa6e\x077i\xb1\'\x12\xebf\xba7\xec\xc4zv\xc1\xdd\xe5\xc6\x85\xd7\x17^\xf7\x95&gt;\x15M\x98G\xaa\xa5 \xb2\x81\xa1V\x91\xc1\xe0\xf8\xc3\\\t\xe0\xedi\xfa\t\x98w\x03\\q\x13\xd3\xa8\xe316!\x8f\nX\xfb\xe0\x04\xfa&amp;\n\r\xd66N\x02&gt;\xc9\xa6\x93\x9b\x8a\x86&lt;\xec\xeb\xb4\r\xe3a\x00\x7f\xd8\xa7\x83\xe6\xe5P\x8c\x82\x07\xff\xc8*\xfb3\x00;\xbab\xdc\x1c?(\x13\xbf\x9cv\xb0\xcb\t6sM\xcd\xf1Y\x99=\x7fM\x14.\x8e\xdf\xbc\xc3\x11\x81\x93\xb3$9\x9a\x86\xe9;\xcdD\x9c\xe9\x10\x97\xf5P\xeb\xad`~{\xd9\xd5?o3\xff:q\xef\xc9\x9cEp*\xb7\x04\xcb\xa0\xa5h\x7fdjM\xcfU\xe8\x19\x8e\xb9\xf2\xfc\xea\x1f\x04\xbd\x8fW\xd0s\xee\x83I\x136\x98\x82\xe9\xe0\xdf\xa6P\xfd\x80\x81\xf3\x14d+W\xf6\xe6\x1c\x99\x85\x06\xe7\x06W\xff\x07\x7fB\xdb\x0e\x0f\xe6;\xa8|\xe8\xa5\x97C\x9a\x91\xe2\x1d\x14\xc4\xbd\xb6A\xdb\xdaq\xf8\xa0\x96\xbd6^\x92\x0f\xaa-\xb5\xea\t\xa2\xecT,\x16\xc81B\x05i\xae\x85\xf8\xf7\x1c\xa3\xb29\xa9\xa1\xa2\xe4M+\x07#\xae1\x00\xf0X\xc4\xd4w\xaf\xb6\xf5r\x9b\x8f ^\x04`\x11;\xe4\x8f\x9e 8\x9f\x89.VqL4\xad\xd3\xf0\xcc\x9e\x00\x90e\xb6\x10\xcc\x96\xec\xe1)9\xed\t\x03t\x99g\xa9\xf8\xf4x#8m\xa3\x8b\x1d-8\x8d^d\xc7\xbe\xc4\x91\xe0fc\xff\x15\xc7n\x87\x0e\x04\xf8-\x80\x17\xca\xfa\xa5\xd0T\xa8\xd5\xc5\x89\x00~\xa2\xa5\x13\x93r\x08N\xfe\xa3\x80\xe8\x8e\x1d\td\xd3i\xd2\x13\xea\xba^\x8fO\x92a\x8b\tQ:-\xa5X\t\xdf\x1df\xa8@\x84\xb9\x01\xc0+\x1b\xeb9\xb7\xcd@`\xc2\xc9\xc7\xe4\\2\x80\xee_\xef\x95\x8e\x00\xd3{\x1e\xc7\x9br\xe2\x13\x8f4\x0b\x81@^E\x95\x0c)\x9a\xf1\x9baE\xa9b\x8b#p\x0bT\x1e\xa3/\xe7C\x11\x1f&lt;\xfe\xfaL\x80\xdfi\xdf\x8ayh\x0f\xc3;y\xba\x07T\x7fu_\xc8.\x86e\xd3\xe4\xb0\xbf\xd26\xdd5\xfeX\xd8\xa8\x90=\xd0\xbd\xe1d\xd8\xb4[^\xeeH\xbf\x98\xf4\x8e\x1d$\xf8Mg\x18\xd1$Q\xbb\x01\xb8\x10\xc2\xbf6\x180\xe9\x11\xae\xdd\x00\x18\x000O\x05\xb8}\xadX\x01\xbe\xbe\xd5r\x00\x00 \x00IDAT\xd9\x8a8n\xbaz\x1d2\x13\xd8jy\xed\x9bD.\xe5\x97]\x13\x13\xb1|\x8d]2j\xcf\x93h\xf9\xdd\x89\x88\xd4V\x97\x17\xde!\x8c\xe0\xa4\xc2]\xa0\xf7Z\xfd\x8f\xb4\xd3\xab\x7fB\x00\xb6[\xb6\xa4p)\xca\xcf6\xedS.\xb2V#\xe21\x19\xa7x/\xc0\xa5\xad&gt;\x8f]\xd7\xed\x1d1A\x8f\x953\x9d\xe2[\xad\xe1\xb4\x13&gt;a%\xf5\x1d;\xb2\x88\x06\x0c\x19\x92v\xef\x96\xe1\xdf\x11\xcf\n\x15Cf^\xfd\xe7J\xdaD\xdb }\x9d\x1dk\x95\xc3\xd8\x18\xfa\xcbF\xfe#\xc8\xee\r\t\xc9*\x91\x92\xb4\xd7c-\xc7V\xc2l\xc1\x82\x1e\x11N\x08\xf8S\xf1\xd6\x0e\x11g\nz\xa6\xf1\x9d\x98\xcc0|\xb5\x8f\x89K6#\xf1~{\x1b\xb6\x11\xc3\x93\x8b&lt;\x04H\x94o\x89p!\x92H\x14\x86\xa8\xb3r}\xc2\xfa\x93C\x82\xb0\x11\x05\xd9\xd9\x0b\x04\xff\xb7\x04\xd7Z\xd0\x18\x80\xe7\xaf(\xcc\xca\x98\x07\x9d\xfd\xb1\x00b;\xfey\x84\x8f\xe9\xb8\xa7\x17[\xfbC\xc0;\xda\xa2 7\xe6\x9af\xfa:R\xcd\xb49\xac\xfe\x85\xb8\x04\x12\x98I\xd9\x1f\x19\xd8\xef\xe7\x18\x18&gt;\xe8\xf1\x15\xba\x90\\0\x9eU\xcb\xd2[]f5\x86\xd3\xb3\xe3\x7fno{OWw{\xa6-\xb6.\x0e\xb6S~2\xd5\x02@\xb8\x7f\'\xb9x1b\xa9\x8c\x99\xa4\xebe6\x059u\xabb\xbd\x1cE\xf7\xf7\x8c\xd9FB\xe6t|X}\x00\x009\x91e\r\xfa\xe0P\xec\xec\xd9q*q\x9b\x88\x08\xaf:@E\x02\xb8\xea\x8a5\x81\x08(\xf9j\xdf\x91G\xb7\xa93 L\x1b\xdb\xbf\x16\xd0%.\xcc\xaf\xdb\xd0\xd3\xdb\xb1\x83\x85\xe4Q?[\xb4\xf1\xe3q\xe2#]\xd1j\x0c\xf4C\x1d\x11\xa3\xe8`\xc3\xa5\xb6 \xf1 U\xb8\x87H\xdb\xc5\xa5\x11\xdf\xab\xab\xd1I-\xde\xb1R\x9e\x05\xfa\xc63\\JUH\xbcISX+!D\xc5\xa2_\xb7\xa4?&lt;\x9b\xf4\xdb\xd7_~\xb4\xff\n\xf5\x9a}\xc0ZRk\x01 b\xfc\xa4\x90\xc2\xea\x1e\x85\x17\xbe?|\xd4\x1f)\xee\x89i\xf6Y\x97\xa1\x800\xf93\x07\x9c\xa6\xb5E\xd5\x98K#\x94Rp\x1f=\x92\xd8\xcb\xe1\r\xdbR42\x8f\x91X\xf1\xb2\xc7=\xefU\xd4q\xfe2\xf3\xff\x88\xb8\x9f\x00\xech\x8a\xd86Y{\x1d\xa3\xe6\xcd\xd08\xeaR.\x9air\xa0A\xd25\xc6\x98\x1b\x88\x85\xc8_\xb7\xc1\xef\x03\rYqP\xaf\xfe;!8V\x12L\xaa\xf3k-\xe7c%\xe7\x9c\xc9ODil`\x8e\xa43\x93R"\n\xc9\x0eq\x191l\xf5{\x0cs\x82\xd7|FU\xf6\xc2\xd3~\x07,\xaflF):\x9a\x93V|\x80\xf9h4R\x02\xc2d=c\x8c1\x1fi\xddwF\xb1\xfao\xe5x\xeb;\x97|\xfa\xf4\xf0\x06ewT*\xc59\x90.\xec\xfa\x02\xfe/\rI\xc0\xe4\xd5\x8d1f\xdf\x00\xech\n\xdf\xff.\xe4Ed)\x16\x162\xa1\xf4\x92\xcfmo\xbc\xb7\xf10\xbd\xba\xe7drq\xe6+\xde\x9f8\xa5:)g\x90\xad\xef\x16t\xb1\xe7\xe1g\x07CelR\x94Z\xc6\xd8\x0f\xbb\xca\xe1(\x1b\x1f\x96J\x02\xcd\xd6\x8a\x02\x95\x9a\xe5\x16\x1a\xad\xe3\x03\xd3\xa2\xb3-Y\x02\xdei\x8c\xf7\x8b\x98\x80\xf8\\HG\x18\x00\xaeW\xaf\xd8\xe1\xc8t%\x9fr1W\x0ccZX\xa3\x9cB\xa3\x10\x18\xa5\xba\xc7\xe8H\x14I\xf1\xab%\x95\x0e\x14h\x94\xe3.J\'{\xfc\x95\xc3`\x10\x14\x8d\x1duW\xdd0\xaca\xd8?v\xech\x85\xe8`\xb7#\xa3\xe0J\xe8\xc4\xc7\xcc\x1c\xc5\x81\xf8\xb6\xa3\x1f\xd7F|\r(\x84\xa4\xbf\xaf\\qj\xbc\xf5g\xe1\xb2+\x9e\x05\xfaw\x8d\x14,\x82g\xc4+\x9f_\xe1RI\x8a\x8a\xce\xcbI\xc3\xc15\\\xcb%/\x11\x92D\xa9\x08\r\xd0\xf4\xf8~qP\x99\x8d\xaa|\x1e&amp;-\x93\xe8\x9de&lt;\xb6\x0f\xb6)\xca\xce\n\x9d\x92\xd8\x8c\x8f\x00B\x1d\xea\xdb\xfb\x12\xc4\x1b\xc6\x153\xb3$,\x9d\xe9\xb4\x16TN\xc97\xbc\xe1J\xa6\n3\xeeZ\xcd\xb3AZ\xa9Gs?\x01\xd8\xd1\x05\xa6Qx#\x87L\x90\x95;\x1aH\x0c\xe6\xcd\xcf\x16\xaf\x05\x9df\x874\x050\xe6\xe3\xce\xc5P+o\x1f.\x9cC\xf28\xec\xc6\xf5\xc3\x82\x8f\x9d7GJ\x87\xces\xc9\x0b\xe0b\xfe\x9f\xf9Q)\x894\x8f\xa9\x1a\xe3\xefT\x01\xc8\xb4\x8f\xf2\x0f\xbas\xbc"l\xfd\xf0\x8a@\x95\xd1&amp;\xda\xbb\xb2\x9bK?\x1bo\x9e\xad%\xc5\xde=To\xa5\x80g\x1dE\xed\xfd\x8d&lt;\xdd\x08\x078\x96J\xe0\xd8V\xc6\xabS\x86hD.\xed\xf5\r\x0f^\x03\x04\xab\x7f*!h\xc7\x8e\xd51m\xb2A\x13\x87\x1e*\x867Tq\xacw!^\xb1l*&lt;\xd8W\xe6%\x92b\x17\x96\xa4\t\xa2\xa7l\x7f\x80H\xa4G-\xd9\xba\xb5\x1e\xb8\xa4N\xc3`\x1a\x0b\xcfD\xbce\xa3\x10o*\xa44?\x07\x99Y~\x12b\xb4x\xf88A\x95\xe5;\x14\x1b\xee7b\xda\x17\x9a\xa7\xbdI\x0fI\x9f\x0cpj\xd7;\xe7,\x92Kv\xe5\xb8\xe0\x02\xb4=N\x93\xaa\xd1\xd5\xcc0\xf9\xe5\xe9TD9\xa1\xab\xa3\xf8&gt;\tEp]q\x94\x14\xbe\x18\xe0J\x00oW&amp;\'\xb7\xd5g\xfehh?\x01\xd8\xb1\x01\xa0\xb3\x9a\x7f\xb1\xf38\x18[&lt;\xfd\xf0\xea\x19\xe4\x9c\x8bW\xff\x07\x1b\xffXQ\xf0\xf6!\xde\xe0)[\x00\x84O\x91\xab\xff\xb6l7\n\xf7\xb1\xd4)ll\xa6X\xeb-A\x14f\xfax\xdeB$\xebi\x03`\xe0D\xb3T~\x90\x92{B=+\x9d\x14\xfeD\xec\x1c|\x90\x1689\x9b\x83\xb1\x92O*\xca\x9a\x18\x89\xc2iR\n\xb6y\xa9\x947\x92\xb4\xc8Z\xbf\xad!2\xcd8\x0f\xce\x17-\x86\x9d\xb6N\x83\x00\x1d^=\x8cSr\xf9c\x9c7\x1c\xdbi2w"w0\xd6\xbf&amp;\xb2J4\xce\x8b\x01\xde\xae"\xfd\xad*\xc1\x08D\xab\x7f\xa2\xcc\xde\xe9;V\x87\x9b\xa4~J\x80\xef\xb9os\x9b\x0b\xa9\x1ee\xab\xf5f[Os\xafG\xfe\xd9\x89\xc6\xf8\'\xc4\xcb@\xd0;\xe3\xe3\x19P\xaam\x91Q\xac\x91\xd9,\x92l!\xc1\xc2\xb8T&amp;\n\x98,v}\x80W\x823\\c\nS\x9b\x0c\xc0\xab\x01\xae\x1b\xdc\xb7\x0f\r\xf08\xbfn}\xabA\xf00@\xf4\x18\x8c\xa2/V\x8f.7x\xd0%\xceWX\xb69\xcc\xc3\t\xeb\xa8t\x91\x0e\x1d[l\x8c\x19\x0f\xcaj=\x80\x7f\x9e`\x1f\x17\tw\xc0\xa5,rFvl\xec\x1a\xd0Y\x90@I\x7fe\xd5\xe8\xfc\xdf\x10\x12\xff\xb6\x9f\x00\xecX\x1d\xc3\x96\xf9g\x8c1\x00\xdf\xb7\xc3 x\x1eIN\xae2\xae\x92\xce(=2\x08\xdcA\x7fO~\x99\xe1\x1f\'\x18\x85\xf6\x9f9X5\xc6\xab\xf2\x1d\x10wS\xd0\x04/\n\xbe8$\xfa\xbc\xd82f\xe6\x88\xf2H\xbe\x94\xec\xa4{x\xed\xe3x\xd0\x90\xa0\x00/G\xc0\xeb\xc4\xa2\x08\xf4\xd2k\xf5\x1f\xa1B\xfb\x1bp\x10\xc6\x18\xf3\xfd*\n\xeb\xae\xfey,\xa0[\x0c\x00\x80\xd11\xc2\xd3;\xf0m\xf9\x0c\xd2\xec/)&gt;.\xcbr\x06\xc9\xfb"\xc2\x1b\x18)\xd5\xa8\xee\xaf\xe4\xc9\x9b1\xf6\x90\xb2162\x9ew\x1c+\x08\xcf\x1c\xebhQ\x84\t\x907\xcb\x84\xb7+\xd2c\xe6\x01\xa7E\x11\xcc\xb8Y\xc8\xa9M&amp;\xf7\x9e\xf1\xf7\xdf\xe9\xdb}\xc7\xcf\x1cc\x99\x03\xd6Uml\x07\x01\xbbdR\x9d\x9c\xc7\x90\xdb\xd0\xa4u\x94&gt;k\xf0 \xb7\x8f\xc2\x8ePJ\xbb`\xdfe\xc0\xd8\x95@\xbc\x15\xec0!\xc2r\xc2\xac:\x12=A\xaa*\xc7v\xeb\xf7{\xed\xf0\x89Tt2\xbd\xc6\xb63LjP8\xbe6\x80\xb5-|\xc71\x83^#\x84\xf4\xd6&gt;\xa3\x16\xde|\x1f$\x0b \xd7\x97\x9aNd\xca/\xd1\x83E\x92O\xdf7\xaa5\xd4-\xa3iZ\xf3\xbd\x1a\xab(\xd2\xb9\xdb\x0b\x07\xdd\x11\xea\xb1\x13\xd4\xec*\x9cP\x86\xc5\x06\xc5ku\xc3v\xcb\xb0v;\xfa\x16\xf8\xdd\xc6\x96\xactq\x9c\x90\x07\x0fF\x03\x87\xd2\xb4\x03\x12u\xc7\xc1\x82\x1b\x1e\xce\x95\xb7\xd9\x0b\xc5dC.H\x05\xf3\xca\xcc\xfd\x90\x86t\x1a\xdbmE\xba7\x87\xbe\xbb\x81,\x1cK\xd5]\x04\xd96d\x84i,3"\x9e\xa6S\xdb\x11\x01.\xd0\x852\xcfq\x1e\xbf\x95\xc3y\xa6\x87\x0fG\xea\x99\xc8\xa3\x85Cn\xda\xa2\x03\xb9h\xccfH\xb6\x94\xafH\x00\x9c\x8e\xef\xde\xa5?\xcb\x92\x10_\xacw\xb6\x89\xb1\xe1-mf\xc7\x8e\xc3\x87;\x06\x98\x81\xe1]\xfc\x0f\xfd\xc8I\xf8k\x9f\x08"\xe2\xd77= \x17\x9a\x9eK\xbd\xd2B\xaa\x1b;\xeemm&lt;\xa9S}\xe9t\x9a,$\xf5[ISO\x87$\xdb\x83r\x96\xe3\x80\xf3#\xfe\xa4\xaeg\xf9~\xd9\xb2\x97\x10a\xf9~\xe9\xcc\xe4\x1c\x0b\xf5N\xd1\x80MS\xdc\x929\xf5\x1b\xb3\x13\xe5M\xcf\xb0\xfd0\x1f\xb642\x1b)_\x87\xcby{0\xd8\x1f\x02\xdeQ\ng\xe9\x0f\xfe\xc3F\xce\xef\xde\x83(\xff\xdf\\@\xca\xe4\x96\xccu\x13~\xb6\xdd\x18c\xce\xb8\x95\xe7\xd8\x08\xe0\x94\x03\x12\\."\x95\xf2;\x05O}M\xbe}\xb9\xc9\x0c\x7f\x05\x82\xce+\xa33\xd4k\xfd\xa4\xef\xa8\x84G\xd3\n\xd9\x96\x8dE\x03\xe1\x88\xe0\x13\x00\xc7\xd5\xbd!\xaa\xad&lt;\xdb\xc18\xf6\x97Z\x8a}j\x897\x04|\xa1\xcf@\x8e\xc0\xd3~r9\xc5\xbe\xda\xd1\xb8\xe5~\x92L\x94\x8f\xa2\xabI\xc3n|\xd8Y\xb7\xd7\xde5`\xf7\xa9\xa6\xc4w\xec(\x82*vB\x94,z\xde.bw\xf5\xeav,\x8aY\xf2[`|]\xa5\x90\xf6\x81\x87^\xfe\x8b\xe56e[I\xdb^\xa0\xa5b\xd9h\xf3\x0eXs\xe5&lt;\x13MI\xbb\xa4\xc2\xcb\xd0\xde\xcc\xc4\x1c\xe5j\xd4R[\xb8E\x1dq4Z\xb1\x06\xa4c\xbc\xb3\x14r\xc3\xa6d\x9b\xa3\xd1\xc1-D\x84\xe7\xee\xb6\xd1\x12\x02g\xdf\xc0_\x01\x00\xc0\r\xd2\x8c\xeb\xdaA\xe3\x98\xdb\xcf\xed\xa8\x03a\x87\xc27\x8bC\xc5\x1b\xfa]:\xad\xde\x9eni\xf6{\x1d;"\xde\x13\xe0\xcf\x9c\xa3\x11^\x06\xd1;\xd5\xfc7\xb0\xd7\xcb\xec\xf5\x8f&amp;\x90\x8c8\xbf\xc4\xfa\xe6\x00\xcf\xa9\xe1\x9dk\xcb,\xe4  b}\xcc{\xa4\x19\xd0I8Y\xfd72\xe1\xd0\xbd+"\xae\xfeb\xf825j\xfb1\xae|\x04\xbao\x00\x8e\xc7\xb3p4\x9a\xd3\x04\xa4y,\xab"\x14\xf3\n=\x95\xedP\xc7+\xee=\xdb\x0f\xce\xec#[\xddWtG`\x15\xfe\xec\x0c]\x8e_v\xd3\xd9\xa1A\xe4;s\xe6n\xfd\x17T\x1a\xdb\xe8\xf8@?\x0c\x1c\x99\xed\n2\xc0\xd4\x8af\xd2\x82l\x81\xebolD\x9a\xe4\x0b\xa3fe&lt;d\x11\x14~/&amp;\xdc\xd7\xdd\x1a\xe0\x19U\xab4\x9e5\x02\xdd_P\x9c\x19\x92P\xa3cc!SNBn\xad\xd9v=\xa1\xdc(\x1e\x05\x946\x99]\xfcK]\xc7\x91\xda\x00\xe0\xbeLd\x10\xda\x89@?\xf2U{3D\xa3`\x9a\xa1\x9c\xc5hZr\xde\xcd\xae\xd0\x9c\x03\x84\xbb$\x10\x9d\x12\x99\xab\x02\xbc\xa58k1\x11"\x84\x96\xfd5x\xb9\xfd\x19\x80\x1d:\xa8g\x91f\x1fc\xb2_\xd9V\xd5\nN\xce\xd2\'\xbd\xf6Vp\xac\n?BD\xfc\xaa\xea\x0c\xce+\xcc\xca\xac\x98\x95\xf94\xab\x91\x1f\xda\x7f\xd2r\x8e\xc7\x89?\x10\xfb\xff\xec\xe1\xe6\xc7\x9e.\xa2\x13\xc0\xfc\xcf\xf4KJ\x8c\xde)\xb6T\xa3hW\xcb-\xf4\x8d\xad\xe4\xd7i\xbf\xfa\xdf\x91C\xd2\xa6\x85cm\xbd\x8f\xc75\x87k8\xbb\x15\x05\xd0O&amp;\x02\xb4L\xd8H&gt;\x804\xe7\xe4k\xda\xe0Juv\xd8r\n\xe2f\xf0\x82\xe9\x17\xa9O\xc07\x17\xf3"\xe8wrC8\xfd&lt;\nnn\xc7\xb2(\xce\x1ba\xc9\xf5\x8bN\t\x1d\xf1 \xc0\xbc\xdb\x86q\xb9P\x97\xc2\xf4%\x80\xb3e\x87\xd8t\xa4+\x8dMN"\xcc\xe2\x19Y\xb8\x9a\xc9\xaf\x00\xc4T\xbb(\r\xc4\xec\xa0I&gt;\x12Od\xba5k\xa0\x9c\x1d\x95N6\xd0\xcf\x18\xcbZ1\xd4\x1e\xf9o\x07\x02\xc5\x0c\x85\x88\x93\x19\x93i\x8a\xb0\x9a\xde\x10\x01l\xe6\xde\x99\x00\xbe\xde\x9b\xdf\xd4\xd2\x82 \xf71\x8b\x06k\xa1\xd0UVi\x1b\'\x9a\x03) c\xc3\x92\xf9\x88\x91\n\x01\xf3uw\x90I\x01\x9eC&amp;wi\xcd\x14\x1b\xa4\xbf\xb6\xeb\xaf\x1b!\xbe\x18\x8c\x81\x136\xa3\xb8\xe3X\x811\xc6\x1d\x02e\xaes\x9c\x107\x15\x84\</t>
        </is>
      </c>
      <c r="E443" t="inlineStr">
        <is>
          <t>&lt;class 'numpy.ndarray'&gt;</t>
        </is>
      </c>
    </row>
    <row r="444">
      <c r="A444" s="1" t="n">
        <v>442</v>
      </c>
      <c r="B444" t="inlineStr">
        <is>
          <t>steps_per_sec</t>
        </is>
      </c>
      <c r="C444" t="n">
        <v>5000</v>
      </c>
      <c r="D444" t="inlineStr">
        <is>
          <t>2.6055255</t>
        </is>
      </c>
      <c r="E444" t="inlineStr">
        <is>
          <t>&lt;class 'numpy.ndarray'&gt;</t>
        </is>
      </c>
    </row>
    <row r="445">
      <c r="A445" s="1" t="n">
        <v>443</v>
      </c>
      <c r="B445" t="inlineStr">
        <is>
          <t>Loss/RPNLoss/localization_loss</t>
        </is>
      </c>
      <c r="C445" t="n">
        <v>5000</v>
      </c>
      <c r="D445" t="inlineStr">
        <is>
          <t>0.06135907</t>
        </is>
      </c>
      <c r="E445" t="inlineStr">
        <is>
          <t>&lt;class 'numpy.ndarray'&gt;</t>
        </is>
      </c>
    </row>
    <row r="446">
      <c r="A446" s="1" t="n">
        <v>444</v>
      </c>
      <c r="B446" t="inlineStr">
        <is>
          <t>Loss/RPNLoss/objectness_loss</t>
        </is>
      </c>
      <c r="C446" t="n">
        <v>5000</v>
      </c>
      <c r="D446" t="inlineStr">
        <is>
          <t>0.013872107</t>
        </is>
      </c>
      <c r="E446" t="inlineStr">
        <is>
          <t>&lt;class 'numpy.ndarray'&gt;</t>
        </is>
      </c>
    </row>
    <row r="447">
      <c r="A447" s="1" t="n">
        <v>445</v>
      </c>
      <c r="B447" t="inlineStr">
        <is>
          <t>Loss/BoxClassifierLoss/localization_loss</t>
        </is>
      </c>
      <c r="C447" t="n">
        <v>5000</v>
      </c>
      <c r="D447" t="inlineStr">
        <is>
          <t>0.10428599</t>
        </is>
      </c>
      <c r="E447" t="inlineStr">
        <is>
          <t>&lt;class 'numpy.ndarray'&gt;</t>
        </is>
      </c>
    </row>
    <row r="448">
      <c r="A448" s="1" t="n">
        <v>446</v>
      </c>
      <c r="B448" t="inlineStr">
        <is>
          <t>Loss/BoxClassifierLoss/classification_loss</t>
        </is>
      </c>
      <c r="C448" t="n">
        <v>5000</v>
      </c>
      <c r="D448" t="inlineStr">
        <is>
          <t>0.101801835</t>
        </is>
      </c>
      <c r="E448" t="inlineStr">
        <is>
          <t>&lt;class 'numpy.ndarray'&gt;</t>
        </is>
      </c>
    </row>
    <row r="449">
      <c r="A449" s="1" t="n">
        <v>447</v>
      </c>
      <c r="B449" t="inlineStr">
        <is>
          <t>Loss/regularization_loss</t>
        </is>
      </c>
      <c r="C449" t="n">
        <v>5000</v>
      </c>
      <c r="D449" t="inlineStr">
        <is>
          <t>0.0</t>
        </is>
      </c>
      <c r="E449" t="inlineStr">
        <is>
          <t>&lt;class 'numpy.ndarray'&gt;</t>
        </is>
      </c>
    </row>
    <row r="450">
      <c r="A450" s="1" t="n">
        <v>448</v>
      </c>
      <c r="B450" t="inlineStr">
        <is>
          <t>Loss/total_loss</t>
        </is>
      </c>
      <c r="C450" t="n">
        <v>5000</v>
      </c>
      <c r="D450" t="inlineStr">
        <is>
          <t>0.281319</t>
        </is>
      </c>
      <c r="E450" t="inlineStr">
        <is>
          <t>&lt;class 'numpy.ndarray'&gt;</t>
        </is>
      </c>
    </row>
    <row r="451">
      <c r="A451" s="1" t="n">
        <v>449</v>
      </c>
      <c r="B451" t="inlineStr">
        <is>
          <t>learning_rate</t>
        </is>
      </c>
      <c r="C451" t="n">
        <v>5000</v>
      </c>
      <c r="D451" t="inlineStr">
        <is>
          <t>0.039907582</t>
        </is>
      </c>
      <c r="E451" t="inlineStr">
        <is>
          <t>&lt;class 'numpy.ndarray'&gt;</t>
        </is>
      </c>
    </row>
    <row r="452">
      <c r="A452" s="1" t="n">
        <v>450</v>
      </c>
      <c r="B452" t="inlineStr">
        <is>
          <t>train_input_images</t>
        </is>
      </c>
      <c r="C452" t="n">
        <v>5000</v>
      </c>
      <c r="D452" t="inlineStr">
        <is>
          <t>[b'1024' b'1024'
 b'\x89PNG\r\n\x1a\n\x00\x00\x00\rIHDR\x00\x00\x04\x00\x00\x00\x04\x00\x08\x02\x00\x00\x00\xf0\x7f\xbc\xd4\x00\x00 \x00IDATx\x9c\xec\xbdy\xfc\x7f\xcfX\xff\x7f\x9d\x0fY\xd2B\xca\xd2\x82B)Y"\xa4\xe5\x9bJH\x96\x9f\xf6H\x91oR\x14\x92\xb2\x15\xc2\xd7\x1aZ\xb4(Z\x84"J\x84\x905J*\xd2\xa6\x85\xa4\xb2D\x0b\x95(\xb9~\x7f&lt;\x9f\xe7\x9c9\xe7\xcc9g\x96kf\xae\x99\xf3\xb8\xdf\xde&gt;^\xaf\xe7\xeb\x9c\x99k\xae\xb9\xe6\x9a\xeb\x9a\x99s\x9eD\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b50si\x11\x00\x00\xe0X\xb0\xc1\xecW\xf3\xf3\x0c2\x10\xdd"\xe0.Y9\xa7\xa5ej\xbe\x1e\xfc59\xb98\xb8/\xdco\x0c\xa8bz\xcb\'\xb8\\\xbc\xfa\xe7\x8b\x8e\xb6\xb1,~\xbb\xd8\xd9\'\x178H\x0e\xc0\xa18\x90\xab\x05\xd1\xb4h-G\x8a6\xa2\xe1\xfe\x1f\x08d\x1e\x97\xd8\xcc\xaf\xebRT\xcbt5&amp;\xfa43\x82d~\xee\xec2\xdf\xce\x8d\x0e\xd6\xa7\xb7\xff\r\x11\xd1n\xebu&amp;\t\x8b8\xf5\xfc\xf1\xa6J\x9f\xe8_\xcb\xb9.z\x17\xd3\x97\x8e%[m\xc6\x10i[]l\xfc\x10;\xc0\x17]\xf3\xee\xed\xeb\xbbn\xd3\xe0?8\x14K\x0ea\x7f/A\xaf&amp;"&amp;K\xa7\x00i\x04\x97\x04@.00\x80\x07\x18\xdd\x00\xc4\xc13\xccO\x89&gt;=u\xadg\x9f?\x11\xa0\x1f\xd4?\xba\\j\xdd\x97?\xde\'\x8c\xe5\xf8\xac\x82K\xcc\\L\xcct_\x19\x9f\xb6\xa6\x8d\x1d\x15\xf9\xeb\xd0\xd2\x01+%\xcc;}\xbd\x9c\xd9_f\x17\x9bW&gt;\xc0o\xbb\xc0\xbc\xf8\x7fw[\xb6\xf1\x89{\xabi\xdepB\x0e\x90\x03)w\x00\xb2\xb1\x18\xa2\x00\x00\x00\xd21\x0b_r\xb9\xdf\xdf\x9bE\xd8_o\x91\x81g\xd7l\xb0\x1f\x849\x12Q\xce\xf4\xae\xfe\x87\xf7\xba)V\xbe\x0bV\n\xdclZ\xc8\x91\xa7\x888x\xb5\x1c\xe3\xe3w\x0f)\xe2\xf8\xd9\xf7\xfaX\xec\xaaT^\xd9\xdd\xb6\xbc;\x92\xf0\xd2\x92\xa3\r\x15\xec \xe2\x0e@F\xd0_b@\x8d\x00\xd4I\xfe\x91+\x1aw\xfa\xd4\xbb\xf9\xeb\xf0\xa1\x93`\xe3t\x9f;\x01\xf8\xce\xf3\xff\x7f\xd9\x18\x08\xce~pP\xafo\xa5D\xc4D/\xdd\xfa\xfb\xa7\xad\xd5~u\xa3\x84\xe1\xbfc\x90\xda\xdfr\xfd\xa5\x88\x9b\xc2\xf0\x90?\xec\x89\xbdv\xaag5R_\xb4\xc2O]\xf6\xe8\x7f\xdc\x88x\xacC\x19\x8f\x13^\xb3G\xa8\x93\x1a\xe7\xb1\xb7z\xbf\xb4D`\x8b\xd8\xfe\x02\x06p.\x00\xd4\x08F\xee\x14\xff\x04 \xae:[\x02\xf0\x92=\t\'\xf7\x9a\xeb\xe8\xceR\x85E\xb4Wr*qY\xe6$M\xba\x1f\x11\xd3O\xed\n&lt;\xff&lt;B\xdbL\x17e\xba\xd1F\x15\xb6`}\xfa\xb9gw\xcf/\xfb \x9f\xcb|\xdc\xa2d\xfb\xfd\x13\xcd\xac\xee\x9f\xf8\xc407af\xf9\'k\x80\xc9\xc9&gt;\xba\x04O0\x01q\x86\xc1\xdcu\xe4\xf0\xd8\x15\x00\x00\x00@\xc3\xec\x11=w\x8c!\xe54l`\x97b\xcdxco:\x9b\x15\xf8w\xccW\xb0\xd5\xbb_\xd1\xf65\xcb2\r\xc1\xba\xc5\x85\'i?\x85\xe8\x1f\xd6J\x9b\xdd\x15\xa8pf\x9a\xdf\xc8\xd4/\xba\xae\xb4\xeb$@g\xca\x13\xda\xdd\xbc\xe8\xcf\x9dB&amp;\xca$\xfb\x03\xceS\x85\x93aH\xf6\xf2/\x8cT\x1f\x80\x01\x9f\xec\xf9h0=\x0e:\x01\x00TM:\xdf&gt;\x99;\xbe:|q\x9alB\x06\x97\xf6\xd1\x0eu\xfd\x87Q\x89\xeb\xf4\xc7\xccD\xaf\xde\xaf\xff\x9f,\xcb\xe4\xe7O\xae\xc7\x93\xdf\xf7\x16\xd4g\xb2\xb9L\xd6\x93\x02\xad2\x18\x1f\xcc\xce#\xed\xe3\x19*\xf8\xf4\xe0\x1f\xd8+\xb3\xab\xe8$\xc3e\xe7\x179i\x15s:\x00g\xf6}\xd0a\x81Z\x00\x00\xf5\xe3\x1f\xe7m\x155\xe1g\x8c\x880\xc2a2\xd1\x8d\'\xbf\'\x9c\x95\x98\xe7O,\xc8\xd7e\x84\xe9\xc6\xbf\xf1\x93I\xdc\xba\xd0\xea\xbd\x16\x12\x9e\xb8\xa5c\xc2\xc0\xf6\xc2\x97\xf7\x06e\x86\xee\xba\x8a|2\xe4\xbd\xb3\xb7TM\x8a&amp;\xfamC\x1c\xaf\x04\x00\x00\xa2\x94\xeb"\xd5\x80\xd1\x026\xb0MN\x00\x00`0z\x89\xd0\xe8?\xea\xa0\xb9\'\xf7\x9b\xc7\xdc\x91\xd5\x9d\xef\xb5\xdc~\xe7i\x0ep\xc3IE[\x95\xf6\x7fz\x81%K\xd9\x963:\x08\xbe\x15\xd1\xeb\xb7\xaf\xc8\x18*\x9c\x15\xb5cW\x97\x1d[\x8a\x04@\x19\xccD\xff\xaf\xb4\x103\x06\xcb(\x15\xdc(\xb2K\x0c\x15\xb0\x81\x9cm|H\xa2\x10p4\xe0\x972\x13\xa6\xf0gI\xf6\xd4\x95rOI\x9e\x93\xa0\xe5P\xcd\xe2v{:\xe4\x9c\x00L\x8b\x9d\x86\xb6C\xb1WX|b\xd4&gt;\x84\xce\xbe\xd4\xbe\xe2\xb3\xa6\x13P\x02\x9d\x91%O\xf2r\x00\x80\x1d\xe9\xfc\x10\xdf\xc3rd\xd0\xef\xe2\xa48\xb5\x12,\x89\xa00YM%\xc6\xcb\x19\xf7&gt;\x96V\xf3\x81\xf3\xb5\xb3\xe3@\xfde\x96\xc5\x11\x9e2]\xfe\x9f\xdc.\xea\x9f\xcb\xd2F+\x80\x89j\xd3D\x0e\x00\xc0\x16\t&amp;\x18,\xcf\x00 \x85\x9e\x04\x80\xb2\x0fj17\x12\xd4p\xcb\xf5\xcbe\xfb\xd5\xbb\xa6\xc1\xfdfIF\xd0\x7f\xbe\xf2\x19\xcbK&gt;Yu\xa0\xe5HL\x87.o\xfc\xb3(Y\x9c\xab\x01U\x83X\x04\x80U\x9aXa\xaaZx\xa0\x96\xa4sG\x01\xa3\x95\x18\xe6\x96\xe31\xd1eZk\xd9^\xbc\xf3\xab\xd4\x7fI\xc2V\xbb\xcf\x92\xbc\xed\xca\x17\xad\x96\xc5Lt\xad\xedB&gt;\xdb\xf2\x8c\xac6vE\n_\x1b\xca\xb4\xa8T\xf9D\x08\x00\x00\x1b\xdct\xf6\xbb9K\xd5\x99\t \xc3\x07.\x04\xd8I*\xd3\xda\\B\xae\x86dk\x07\xcf\xa0\xf15&gt;k]\x90Zu\xa7z_8\xf9\xc89\xfa\x9f\xca\xbfq\xc9^\x81\xf6\x0b\x8a,\xd9\x18\xd5\xd9k\xbf\x93K!\xe1b\xe7io\x9dS \x00\x00\x842z&lt;\x04\xd3\xa0U\xbcm\xfb^\xc9\x82\x81\x96\x12\x804\x1e\x83\x8d\xc2\xcd*rj\xac\xff\x1a\x01\xe2Y\xb4\xee\xb2\xd4\xed\xb8\x1c\xbe\x1bp\xaeE\xff\xe5\xc2\xd4\xa1\xf6\x7f\x0f\xba\xfdQC912,n\x17\xd2FJ\x9b\x06\x00\x00pp0\xbf\x94\xc0\xff\x10H\xd2\x00\xf7`6\xc0D\x7f\xeaw\x83]\xf9y\x94\xb6ud\xdf-\xfaw\xe1\xb7\x83\xac\xcbK\x92\x04\xec\xa4\x1f\x8eR\xc5e\xbf7\x9d\xd4"\x9bN\xb7\x90\x9a\x03\xe0\xcf\xc5K\x0b\x90\x93b\xcb\'\x85\xea\x05\x00xQ4\xccj\x8bmMZ\xffTN\xf3\x8e\x95\x8a\x88\x17P\xc2l/\xa2\x00\xcbz\x99gR=\xcf\xa1\x8c\x18\x05\xdecY\xbb\xac\xb5`\xcc\x83\xa3QpW\x11\x00\x00tQ\xf4\xa0ES\xac\xaf\xd1r\x7f\xa0\xfcv\x05\xc4\x8ab\xe3\xf9\x84\xa4&lt;}\x1aj\xab\xb0\xcfE\x02\xb0/X\xdc\xe0\xb2\x19\xd2\xf9\xc3\x17+\xd1\xc9QQc\x94\x00\x00\x00\x00(\xcbj\xb4Wt%\xbbR&amp;\xa1\xb6\xb0\xea\xc2\x92\x8ay\xf4\xefRH\x9c\xf0\x96\x1b\x99\xf9\r\x869]8\xb4h\x10\x05\x13\x11S\xd7\x95\x96c\x013w\n\xc5\x02\x00\x00\x00\x9a\xc66\xf7\x9e\x03@\xcc\xcb^t]7\xa6L\xa2\xaa\xeb\xbf\xbf8\xa4\xd4\xf3-L\xc4\xd4\x11\x11\xed\x14\x11\xd7\xe9\x96{;"\xea\x02\x85\x07\x82(\xdd\x01\xb83\x96\x19\x00\x00\x00\x00\x150\xdd_G\xb4p\x0b\x052x\x93@f\xbf\xdd\x18\xfb\x96\x8e\x8a\x0e\x05@\x02\x982\x00\xf9\xf9\xce\xd2\x02\x00\x00\x8e\x03&amp;\xfa\x01\xfb\xe9\x9a\xfeT\xcf\xd3\xf3\xd4X\x92\x04\'\xab\x00\x00\x008\x02\xf7\xeb\x04\xceO\x03\x00\xa4X{\xb0\xb8F?sA\xf0\x9d7\xc6\xfcsD\xd0\xe7\x00\x80\xca\xc0\x81\xd7J\xa8/\x84J\x81\x82\x17\xd7&lt;\xa4h\xed\x9a9\xf7\xcb\xd2N\xbb\xae[\x1e\xd9\xdf\xec\xca\x90\xd7\x9b\x8a\x18\xc6\xf0,r\x8c_&lt;?\x9a\x12/\r\xa8\x85\x93w\xc6\xd3H\x00\x00P+\xcc\xe7\x87\x01\xd5\x11\x10T\xb0\xca\x86D\xc0|n\x12\xe6Y\x85\xb0\xc73\xd9}\xbcDV\x13-\x18M\riv\xf8\x0e@k\xa3\x0e\x00\x00\x00h\x1c\xcdK\xec\x1d\xe2\n\xba5\x11\xd5\xa2\x06\xcd\xb6\x94\x86\xae\xb3\xae\xf4/1\xf6\xb2\xb6..\xbb\xdbS\x87\x95\x01\x00\x00\x98\xd2\xdc\xda\'\x00\x80B\xdf1\t\x940=\xc7\xb6\x96-\x98W\xe5\xdf\x07`\xe6\xae\xc3\xfc\x01\x00\x00\x00\x80$ M\x05\x87\xc3\xfa(\x8b\x19\xe5\xcf.\x90H\x00B\x06Z\xcc\x11 \x00\x00\x00\x00\x80\x15bN7\xe0\x81`\x00\x9c\xe0\xb0\x81\x86\x04\x00\x00\x00\x00\x00\t\xe8\xae]Z\x82\xfa\xc0\xab\x90\x84\xd0\xa2\xc6\xd3\x02\x7f\xcan\xedpf\x0c\x00\x00\x00\x00\r\xf0+5\xbeX]\x84c\xb6\xba%\xd8`\xf7\x82\xbc\xdd\xcdD\xd7\xcbX\x1d\x00\x00\x94\x81\x83\xbe\xaf\xf0\xa0a\x07\x00\x9a\xc8\x1f\x1b\x01;\xcc|wt\x84\'k\xdf\x17f\xfe\xb5D\x02\x00\x00\x00\x07 \xcc\xbd\xc2#\x03\xa0\x80\xcbc$*\x01\x1d!N\x82\x04 \xa4\x10\x1c\x1b\x02\x004\xca\xe9+u&lt;\x0fG\xe2\xdb\xee\x00\xd0\x00F\xa2\x16\xf4~s\\(\xa5[$\xfb\x0e\xd0\xe0\x91r\xe1\xc8\x8a\x01\x00@)A\x9e\x15\x01\x07\x00\x00\x8c\xb4\xe6\x12\xefZ\xea\xdd\xb4\xd8H\x01\x00\xb4\n\xbc\x1b\x00 \x86\xaf\x1c\x7f\xbcV\xc9/I\x05MS\xc6\xaexA\x111\x00\x00\x00\x00\x00bx\xa5py\xeb\xcfMV\xc8\x9f5\xd4\x16u z\x06\x00\x00\x00\x00\xc8\xcd\xc6KN@.\xc2^t\xd6\x00\xb0=\x01\xf0E`\x00\x00\x00\x0e\xcf\xe1\xc2\xd9\xc8\xc6\x9eno\xectxq\xfc\x8c\xf0\x14\xf9\x1f\xcaj\x89\xe8\x94{~\x06\x13\xd1EJKR7\x18\xbd 3\xa5\x1e\xbf\x01\x00\x80U\x98\xb9k\xecU\'\xa06|_\xe72\x1c\x839\xd4\xab\x0b\x8cV\x13\x06l\x0c\xd8\x01\x00\x00\xb4\xc7=J\x0b\x00*\xa3\xeb:\x04\x13:8\xdaV\xcc\x99\x80C\xed]O\nyr\xe1\xfd=-\x89\xe48 U\xdb\r\x00@\x0f\xd8\xdb\x01\x00\x80@\x0e\xb9\x9c\xef}\x90L\xf6\r\xfa\x07\x80\x99\xf3)\xea\x87\xf2T\x03\x00\x00\x00\x00P\x0e\xe1\xd5h,oo3}\x81\xe6\x01u\xc5D\x9f\xe3\x7f\x0b\x00\x00\x00\x00\x00\x00ubD\xff\xd7)-K\x11\x8e\x99\xf6\x00\x00\x00\x00\x00\x80\x83r\xe4\xb5\xff\x81_)-\x00\x00\x00\x00\x00\x800G\x8e\xed\xc0\x0e\xfa\xa2\x7fU\xc2\x00\x00\x00\xd8G\xd2q\xbf\x06_\xea\x0e\x00\x00\x00\x80c\xd2\xeeW\x126\xd9\xa8#\x83\x0e\x05\x00\x00ph\xf0=\x00@\x92F\x03+\xbck\xac%\x1a5R\x00\x00\x00\xc0\x19$\x00@\x1c\x04X@-\xf7ms\x8f\n\x00\x00\x00\xf0\x01K\x9b@\x8c\xf3\xd7\x98\xd3\xf9\x1b\xba\x01\xd0\xc7\xc6\xf7\xce\xe0\x8b\xcc\x00\x00\x00\x1c\x05\xec\x00\x001N\xdf6\xc7D\xa4\xeeQ}\x00\xa8\x7fRw%\xca/i\xb0\x18,\xba\xc0#\xdd\x00\x80\xe6\xc1\x8a\x17\x90\xe7\x1cga\x1f\x00\xe8\xe1\x14\xd2u\x04\xa7\x07\xb6\x81\xfb\x02\x00\x1c\x01\xec\x00\x00\x00\x8eA\xf7\xa9\x88\xfe\xc1.\x88\xfc\x01\x00\x00\x00\x00\xda\x00\x87:\x0e\x08:\xbd:\xb8\xffwX\xde\\Z\x00\x00\x00\xf0\xe3\x8bK\x0b\x00@\x00G\x0e5\x00\x11\xbd\x046\xa0\x07&gt;?\xa9\xf3\xfd\xa5\x05\x01\x00\x00\x10\x02&amp;TP\x05\xf8\x06_\x00\xf4\xf06\xf6\xfcRm\xc6\x0b\'\x00\x00\x00\xb4\x02\xe63\x00\xc0!\xf1L\xc8\x91\x00\x80\x8c\xc0\xd8\x008.9\x06?\xd6\xa4\x01\x00\xc0\x8d;\x97\x16@\n\xecF\xea\x07\x1d\x04\x80$\x18Q\xd5\xe1\xdfe7P\xd8\xcb\x98n\x81\x05f&amp;z]i)\xc0\xe1\xf0=\xfb\x04\x00\x00\x00\xe8G\xdd\xc4\x86\xe9\x16X\xc1\x91\x12\x00@J\x14\xb9\x17|\x0f\x00\x00 5x\xb3:\xa8\x83\x0e_\x15\xa7\x8bk\x95\x16\x00\x009\x985\xc5\xff \x14^\xa7\xb4h\x00\x00\x00@\x03`&gt;\x05\rq\x7f\xf6}\xcc=)X\xea\x08a7\xca\xc72\x12\x00\x00\x80V\xe0\x123Z\x91J\x01H\xc7)t\xd4b\xd58\x02\xe4\x8fC\x02\xa7)\xc7\x03\x00\xacr1\xd6\xb5$\x03\xd4\x13\xb0\xcd[\xbb\x81e\xdd\xd8&gt;o\xa4\x9f\x0fK\xd4\xae:\x00L:=\xd1?\xa9\x12\xc5\x01\xa6\x0f\x10]\xac\xb0\xcc\xee\xbe\xb0\xeb\xeaR/\x10\x01\xabV5q\x1a\xce\x18\xaa`\x0ff\xa6nX\xc1\x83\xc1$\x84\xc98)\x8d\xedt\x00\x12\x81q\xe5\x87\xd7J\x08&amp;\x89C\x82\x04\x008\xf3!\xa6\x0b\x13\x0cF?}\xa2x\xfa\xcd\xbd\xbf\xe0\r\xc2\x18gZL\xa3\x00$\x02G\x80\x04\x80\x87\x02\x060\x06\xe0\n_\x08\xe7\x8f*\xc0X\xf7\xf1\xd8\xc1\xef_\t\x81\x0e\x0e\xa1\xebN\xff\xe0N\x01H\x05\x12\x00\x0f\xac\xcb\xff\'\x07\xd5u\x9dmf\xf8\xc8\xf4B\x01\x00*\xa5\xe2\xd0\x10\xaf;s\x04z\nE\xd7ii\x00\xda\x03\t@&lt;\xbd\x93\xea:\xf8+\x00\x803\x1d\xe9\xda?\xbc\xa5\xd7\xd5G\xcb\x01\xba\xc7\x96\x96\xe0@\xe8\x19\x14\x00\x00`{\xf7\xff\xf6%Do) %\x00\xc0\x9bc\xc5\xb2K\xbc\xbf\xc3\xe4H\xd1\x7f\xf0\x17\xbc0\xde1\x05\x00\xd0\xca\x85K\x0bP1\x0eKwo\xc8 \x06\x00 \x18#\xb0cM\x8b\xf1\x05\xf0k\xfc\x91t\x15l\x18\x07\xb7(\x00\x80f\xe0\x9e&lt;0\x17\x81N\x9b\xf7;\xd7\xe0\xfde\x00hf\xba\xae\x8bp\r\x00\x00\x80?\xcc\xac6\xe4[{\x17\x19\xe3\x19\x80P\x9cb\x05\x85\xa6P\x11\xd8=\x07i\xc9\x12\xfd\xc3\x86\xeb\x85\xd1}\x00\x80]N\xa1J\xde\x80\xe5f\xceW\xda\xa3\xffpi\xbf\x85\x0f\xea\x19\xd7O\xff//9\xa2~V\xa6\xcc\x1f\x8e(\xef\x98j\x04\xa99\x8d\xd0H\xeb\xda/\xe1\xc0\xae\xa0~p\x82\x1f\x00\xe0@\xef\xe7\xabq\x177\x8b\x99\x98\x8e\xf1l\xd3\xff\xb5*h\xfc\xa2r[g\x1f;\xfa\xf7fPf?x\xe6Z\x85&gt;\xa3\x81\xea,\x18\xa38\xb6\x14\x97\x8an\xef]Q\x90\xcdW5\x03\xa9G\xc2B\x00\x00\x00T\xc7F\xe89}\xd5\xcf\xf9\xdf\xe6\xdb\x81\x80\x05f^hr\xfb\x02\x00d\x10Z\xb0q)!\xac\xa2`\x83ox\xb0\xe4mT\xb3j&lt;\x0eLt\xcd\xd22\x00\xa0\x17&lt;\x03\x10\x82y\\\x98\x17\xcb\xd6x\x940\x8c\xd9l\x8b\xd97\x8eO/-\x80j\xba\x8e\xba\xcf\xa0\xe8\xa7tv\xbf\xab\x88W\xbf$p\xaf\xe4\x8b\x05\td\x0c\x9a\xc0\xfc\x81\xe8\x81A7f \xaf_\xed\xa8\xeb~g\xef"\xf8(\xe5\xbc\xb1\xb4\x00\x00\xe8\x05\xa1\xea\x16\xccG\x7f3`R\x96!\xbe\xa1mK\xfc\x8f\xbe\xf0a\xed\xc1\xff\x96P\xde\xc6\x93\x05g\x95p\x186k\xaf)\x03R\x9cT\xdd\x8eSb\xa6EBSy\xeb\x94\xfb\x07\x00\n\x83\x1d\x80-*w\x7f\xe0\xc8\x1c\xc1t\x95\xb71`\xe1?\xba\xca\xc9\x8b\xe8\xb4\xacO33]\x9b\x89^WZ\x10I\xba\xaekf\x82X?\xa6\xc6\xfd\x7f\xb5\xd8\x92\x0f9{\xa7F\xfd\x80\xa3\xd3\x88\xff\x0252[\xe4_\xce\xa6\xbb\x17\x00\x00l0\xf3\xee&amp;@\xbe\xf5Qf\xd6\xfa\x86\xec\x83\xe3}\xd0\xb2!\'\xbcm\xff\xd8=\x00\xed\x83\x1d\x00 \xc2\xaf:,\x81\xdc\x7f\xf6\xbb9\x97L\x1f\xab\xe0~{\xdd\xb88VB\x00\x8e\xc2\xf9\xa5\xd4DD\x17Y\xb9 \xeb#6AOA\x94\xa5\xd25o7\xf0b\x85\xf3+^7\xda_\x97\xb9\x02\x10\x02\xac\x1c\x08\xe0|\x1c\xd6\xb2\xac\xb2\xb8wt\xcb]G\xc6\xcf\x87\xb5U&gt;=JZZ\x0cP\r\xe3\x93\x00\xabfS\xe0\xf9\x84\xaahX?\xb1q\x7f\x13\xae\xd8e\x8b\x0c\x80\xc6\xc1\x0e\x00\xc8\x89\xc5\xdb\xf6\xd3\t\x1b\x1f\x98;\x03\x19\xce\xda~]\xca\xc2\x058\xf0:\x1dpbv\x84\xfb\xfc$\xc0\xd6\xa8\xa9nI\x1e\xc8`{\xb9\x02-]\xec\xd6\xe1\x98\x16\xben\xa2\xeb:\xa2;P\xfd\r\x01\x00\x80\x86\xc0\xfe4\x00^\xd4\x10\x93\x9d$\xbc^i1\x8e\x0e/X\xbf\xf6\x11\xcb\x8b\xc7\xbbZ\xf0\xcf\'\x9b\xbcli1\x00\x00\x00\x00w~\xb1\x81\t\xd8\x9dC5v\x9f\x1a"\xfe\x19/)-\x00\x98\x87\xff\xf4%{&amp;\xb4\x91\x01\xb4\x90\x03\xd4.?\x00Q`\x17\x18\x80\xfap8\xe4\xdd\x14\xad\xbds=\x9a\x12\n\xc1{Q\xea&amp;\xc2i\xf0\xe9A\xa4%\x95\x0f\xc9\x93I\xc3\xb0\xc1A\x81\xdd\x03P%\x07\x8b\x89\x9b\x9c\xa4\xebjT]\xd2\x02\x13\x96x\x9b\x82\xfd\xb8P\xcd.hH\x00\x08\xb6\r\xea$\xcaz\xf1\x100\x00U\xd2\xd2\xf7\x109\xd0`Km_\xbd\xaa\x99\x06\xbb\xe0 \x08\x1d\xd5\xd9~\xa3T\x8dX[Tos\xc0\xe1\x88&lt;\x88\x87\x04\x00\x80\x14\xec=\xc4\\\xfd\xf1Y\x00\x922&lt;\xa2\xea7R*|:"5\xc6\xeb\xa1\xe2\n\xea\xaej+\xbd\xb2&lt;v\x89\xf9F,\xa6_*)\n\x00^tuo\xc1\x01\xd0"\xbbo1\xc2k\x8e\x00!T]\xc7xG\r\x12\x808n\xcf\xc1\xca\\\xb0\xfe@p#4\xd3\x10\x00\x00\x00e\xd8\x9dH0\xd3\x1c\x1c\x91\x80\xacY"\xde3\x03\x95N\x99\x84\xe9_\xb7\xfc\x9b\x8f\xc66_\n\x04\x00\x00\x00\x00\x006y\x19\x12\x00\x90\x81\x95\xe5\xff1p\xffT\x9f\xd8\x1d\t\x00\x00\x00,\xc1t\x0e\x00p\x05\t\x00\xc8\x043\xdd\x86\xa7\x1f\x04\x05\xee[\x1b\x00\xb0d\x00\xc0Q\x81\x13\x04\x00\xb4\xc53K\x0b\x00\xa40\xb3\xcd\x80\xc0\xfd\xc6\x9b\xc1?\xe6&gt;\x00\xea\x03\x8f\x0f\x8b\xc1\x07{/;3u\x1d\xc1\x84\x00h\x96~\x90\x83\xeaa\xa6\xd1]O\xc2u\x979k7\xbe\xaf\x7f.\xc0\xd7\\\x80\xc3\x81\xd7\x80\x8a\xd1\xd1\x81\xe6\xca\xd3t\x80E\x1f\x00Z\xe68\x1e\xadqf\xae\xda\xff\x9b\x80=+\xa8\n\xa6\xf3\xfb\xd4\xd9\xfc\x04\x80\xe6A\x02 G7\xbcN\x18\xee\x03\x00\x00\x80\x06\xf8\xf5\xf3\x19\xc9\xf7\xcd\xaar\xb2\xd4A\x8a\xbc\xf7pJ\x04\xfa\xb9pi\x01\x9a\xa4\xfde\xb3\xae\xeb\x98\x19\xeb\x83\x00\x00\xa0\x99S\xf8&gt;9\xa2\xe3y\xfe\xa7u:\xcaq\x84\tz\x06\xea\xc0\x0e\x00\x08\xa4\xeb:85\x00\x00\xa8\x00s\x01\xba\x0f\xfa\x1d\xa2\xff\xe3&lt;\xdd\x8b\xb9\xacm\xf0\xca5\x0b\xd9\x13\x80\xf6\xbd\x89\x12;\xd3 \x03\x00\x00\x88\xb0\xed\xd0\xe0\xeeV\xb1\x1eK\xed\xbaNv\xed?\xa04\x97w\x07\xe1\xfdB@\x02\xa6\xc7\x10r\xbc%\xd0\x08\x00\x00\x00\xd0*l9\x05\xe4{\xf3\x1ea\t\xc0\xf6\x8dC\xd5\xf5\xbfb\x08\x14\x03V\xb4\x01\x8e\x00\xa9\x04k\x1e\xa0Fn\t\xbb\x05@\x1b]\xd7\xd1\xbdJ\x0b\xb1\xa4\xeb\x9c\xd2\x06&lt;\xa4\x00\xc2\x99\x84R\xb0\xa49\xd0\x88F\xfa\xe7k\xd1;\xa0&amp;`\xb7\x004\x87\xd3\x1e\x00\x1e&amp;\x06\n1m\xb7*\x13\xcd\xf4\xad\x14x\x0b\x90\x18\xfd\x86&amp;Y{\x0e\xfbP\xa0y\xaa\xf2\xb0\x00\x00\x17\xba\xddG,0\xee\x81rj\x9a\x9b\x98\x99\xa8\xebr\xe4\x008\x02$\xcc\xcab\xc9\xe3\xf7.\x98\x80$\x01\x00\x00@q\xdc\x9e\x01\xc0l\x054\xd2u\xae\'\xcdT\xb1)\xae\xe49\xdb\xca\xf4\xa2\x9e\xbd\xa4m\xf2}\xec\x00\x00\x00@N\\V\x16\x87kv\xe2\x7f\xacU\x01\x90\x15\xd1\x182\xe1\xd0\xdd}\xc6\x7f\xb8\xb0M\x0f\x82X\x1f\x08\xd0\xe8\xe8\x00\x00\x94\x81\r\xa7\xf2A\xa2\x8b\xcd\xff\xec\xfc\n\nD\xff\x00\xe4\xe546\xc5\x06]\xf2#@\x0e\xde\xe4#R\xcbP\x86\xb8&gt;bV\xf2}\x02\x00\x80\x1a\x81\xf7\x00V:&amp;b&gt;\xfd\xbb\xe8\xf4E\xfb\xae/\xdd\xef\xf0E\x90\x00\x94\xc1:\xe8~:\xb7\x14\xbbpOiA\xaa\xa4r\xd5\xfdr\xe5\xf2\x03\x00@A\x12:O\x8e#\x9d`5p\xf0\xe6\x83\xa6H\x95\xc1\xe3\xa57\x07\xc7\xf9\x00\x18\x00\x00\x80\t\xcc\x9c\xc8yFF\xf0]\xf7N\xa2\xcbK\t\x03\x00(\x08^\x03\n6\x08?\x80\x8e\xd0\x1f\x00\x00\xc2H\xe7&gt;\xbb.\xfc{&amp;\xe1\xd5\x01h\x89\x0c\xaf\x01\x85\xcb\xa8\x97\n\xfa\x8e\x99\x89&gt;\xb9\xb4\x14\x00\x00 H:\xdf\xdbu]\xd7u\xde\x15\x88F\xff8H\x03\x1a\xa2\xda\xd3q\xf8\x1e\x00\xed\xe0i\xe0m:"\xa2+\x96\x96\x02\x00\x00*\xa2;\'\x02\xa7l`\xf7j\xd1|\x849\xf6$\x12\x00z\x10~5O\x1a\xac#.\xa9\xccU\xa8%\x0f\xe1gip\x98^\x03M\xf4\x02\xc6#\x00\x07\xc5\xcb\x83\xcdb\x05Y\xbf\xd7KB\xf0E\x00\xc8\xb1\x1dd2s\xeeA\xf7qX\xba\xee\t\xd7\x83\xaa\xad\xa5\xa3\xbe\x08b\xd6\xea\xa35\x1f\x00P9Zv\x92\x1fy\xc8\x19\x04\x80\xd4\xec\x8e)\x0c\xba\naf\xba\xbb\x9a\x9e;\xe8\xcb\xe0&amp;\xd1\xbf{\xdb\x0f\xa6%\x00\x00\xd8\xe6\xfc\x05\x04\x08G\x0088\x0f\x80\x17\xd8E[\xb4}\xc8\x04 ,\x94\x8f\xd1\xd2\xfe\x8dx8\x04\x00P!H\x00@j`]k\xbc&amp;a\xd9\x07\x0c\r\xddiF9m\xb4"\x0b\xa9\x14\xd5\xdb\x92o\xf9\x98wA\x1b\xc0\x92\xeb\x85\xf9\xbc\t\xe0\xc8\x97\'\x94\x054\xc8\x83\xde\xedg`Z\xe8\xe7\xf4j\x9d[31n\x12\xa0\x1c \x81\xb1\t\xf3\xb8\x80;k\xf4\x8c\x00L\x80\x19W\rv\x00@B\xfe\xbc\xce@\x94\x8d\x04\x00\x00\x00\xac\x04?\x89\x81\x04\x00\x00P\x1e-.\xa8\xceH\x11\xecP\xeb4\xf7*C\xe6\x1a\xe5\x07!&lt;\xfc\x88\xa7\xea\x03\x81\xa2N\x84$\x00\xc3-P \x00\xa0^\xc4\x9cX\xef\x12_\x05\xaf\xd8\x14\xd5\x07\t\x98\xa6\x8fD%O\xd6\x16\x94p\xa8\xba\xce\xcc&gt;\t\xde\xddQ\xeb\xba\x08\x00\x00$\x80\xc7MQ8F\x00\x00(\x8c\xdd\x17\xab\xcf\x8e\x00\x00\x00\xd4D%Ko\xc0\x17t\xa8\x13\x17\xe4\xad\x0e\xbd\x02\x02\xe9\xba\x7f+-\x02\x00\x00\x00\x00j\x87\xe9\x95\x08G\xf3\x82T\x1b8\xf0\xfc\xd2\x02\x00\xd08p\xc5@7y\x8c\xf3z\xfdCe\x18\x0b\x87\xe2z\x8fg\xbe\x19\x1c`f0\xeb\x00\x90\x17Lo\xc0\x02\\1\x00D\xa7(\x10\x03\xe1\x80|\xa8\xb4\x00Dt\xff\xd2\x02d\x06\x83\r\x80\x8c\xe0\xb5?\x00\x00\xb0\x00\xaf\x94\x00\x05\xb8\xf8\xf9\x89\xf3\x8f\xa2?\xc4\x12\x0c\x00 9\x82^\xe6VrE\x01\x00@)\x10{\xb5\x8a\xe6\xa4\xce|\xe5\x94\x8a\x85\xb9\xcc\x0f\x01\x03\x002\xd3\xc9\x15\xf5\x11rE\x01`\x81\x99\x89\xaeUZ\n\xd0&lt;\x82^\x11(\x81\xcf\x016\xe9\xfd\x1e\x80\xae;\xff\xaf\xffWZ\x9e\xf4Up\xd2ZN\xdb(]W^\x95\x00\x00\x00\x00\x00 3\xe6\x89\x1a\x04\x84*\xc8\xf3\x92\xddv\x8eRM\x8ek\xf3]\x9bi\x17\x00\x00\x00\x00@*\x10/)\x03\xdf\xb2\x11\xce\xe54\x1fe\x03\x00\xe4g8B\n\x00\x00\xa0\n\x0e\xe8\xb1y\xe4\xbbWg\xac\x03\xea\x05\x00q\x10\x14\x1e\x82\x03\xac\xa74\xdc4P\x13\xccL\xf4\xda\xd2R\x00wT&lt;S\xbb\xe4\x00N\xdb\x8aC\x9b\x8f\xa7\x14\xb0\x0bL"\x80\x03\xfa\x97\x03\xf2;\xad\xcf%\r7\rT\x06L\xb12\x98\x89n\xeap\xdd\x15\x93Kb\xf25\xbd\xc7\x869\x01\xe0\x00\xc6\t\x00v\x9a\x8e\xfe\x1bo]9\xa0\xd2\x10`\x8a\xed\x91\xbbO\xef\xc4\xfd\xe6&lt;l\t\xec\x00\x13i\x06&amp;\xfa\xe9\xb4\x15 T:&amp;\xe8t\xe0\rl\x06\x9c\x80%d\x03A?\x00 !.\xdb\x9d\x00\x00\x00@\xf3kF\xa2\xadk\xfc\xb0e&gt;\xa0A\x00\x00\x00\x00\xd4\x05\xa2\x97\x83r\x8a\xfe\xff\x02\t\x00\x00\x00\x00\x00\xc0\xb1@\xfcw\\\xb0\xfc\x0f\x00\xd0\x0bN\x19\x02\x00@N\xbe\xb0\xb4\x00\xe0 `r\x07\x00\xd8\xc1\xfa\x04\x00\x00d\x05\xe7\xc2\x97@\')\xc8\xa6\xd2\x0bRW\xc0x\x0b\x12\x00\xa2\x14\xf2\xb7\x18\xc5\x00\x00\x00@Z\xba\xae\xb4\x04R,R\x19\x84\x11\x00\xc4Qf\xd1\x05#\x17\x00pd"W3\x1f%&amp;\x08\x00u\x820\x02\x88p\n\x82\xefZZ\x0cU`7\xb6j\xd0w\x00h\x06#\x14\x80(0\x84\x80 0\'\x93S\x02\xf0\xdd\xa5\xc5\x00\x00\x00\x10\x00f4\x00\x00\x00\xde\xbc\t\xf3\x07\x00@\x15x\x0e\xd0\x19l\xe1\x02\x00\x00\x00\x00\x80\xfai\xeeE1-\xb5\x05\x1c\x9a\xe4o\x01\x02\x00\x00\xb0\x0e\xd6GA\xe34\xf5V\x93\xf2\x83\xb5\x88\x04\xbe\x95&amp;\x14\xb2O)\xcb\xf7\x04\x00\x00\x00\x10\x88\x86\x80\x02\x00\xa0\x80\x1f(-\xc0\x1a\xbe\xd1v\xda\xe8\xdcH\x00\xe0&lt;\xb5`\xe9\t6\xc8/\x10\x00\x00\xa8\x07\xbe\x11\x00\xe50\xd1\x1f\xa5\xad@u\xa4\xc4\xa4k\xc5\xfdW\x89H\x93&lt;\xc0\xc64\x01P\xd2[\xdbb(\x112\x8c\xaa\x85\x07+\xe8\x1a&gt;\x00\x00p \xb2\xc4\xe5\x89\x96JE&amp;\x8e\xc7*\x0b\xe1@%\x88$\x00\t\x8c\xcf^\x143\x97\xfa\x92\xd5xt\xaf\x1f\x80p\xd0\xb3\x00\x00`\xb0\xe1\x0c\xe5c\xe8\x9c\t\x80x\xb1"\x85 \x01H\x06\x13=\xab`\xf5\x17NZz71\x99\xff\x8a)\x8aY\xf4A"[q]\xcdO*u]\xc7\xccU7\x01\x00\x00\x00\xd8\xc4\x1a\x862QG4\xac\xe0\x9d\x7f\x15\xa8+S\xd0\x9bh\xea\x96)\xb4\x97\r\xd1\x858\xad\xab\xf4}\xf1y\xad\xfc\n\xe8\xceJ?V[\x81"\xb0\xfc\x0f\x00\x00g\xd6\x12\x00\xa2\x06_9Z\x90\xe1\xdc?\x1e\xb7\x05E\x91O\x00\xf6\xaa\x93\xab\x0b\x80\xdc\xc0\x80\x01\x00\x87$\x7f\x02\xd0\xa4\xb35\x8f\xfd \xfa\x07\xe5\x10?\x03\x8d\xf0\x08\xd4A\xf8\xb1\xcb\x7f\x11\x96\x04\x00\x00Z\xe3&gt;\x08m7\x19\x94\xf3\xfd%\xa5\x00\x87\xe6\x14\xfd#j\x07G\x02\xcf]\x01\x00@:\xe0`\x01\x08cc\xd8|]&gt;)\x00h\x8f\xc9\xbb\xb3\x00\x00\x00\x00\x00t\x80\xe8\x04\x80dl\xafKa\xdc\x1d\x00xW\x00\x00\x00)\xb9\xa0\xb4\x00\x00\x80\x19]\xfbo\x07\x03\x9b\xf0\xf0\x1f\x00\x80\x02\xb0\xe8\t\xda#&lt;\x01\xc0\x1b\xe7\x01(\x01\x06^\xf3\x9c\xe2\x8c\xdf-,\x05\x00\xc0\xa0\xbb\xe1\xda_\xf0,As\xe0\xf9\x90\rn\x8e\xa7r\x1b\xe7\xe9\xbc\x80\xd0\xe9\x00\xe4\x00s\x0f\x00a\x14xzj&gt;Q\x82\xdaAW\xeeaQ\r\xde[R-\x93(\xdf\x05\xf4r\x0cp.\x00\x00\x90\x82\x12\xdeu9?\xe6\xe7Y%*m\x96\x83\x049\xc2\xc7\t\x989\xd1WZ\x834D9+\xf4u\x18\'\xa5C{\x00\x10\xbd\x8b\xe8\xb2\xa5e\x00-\xc1\xf9\xcfI.\xe7Q\xb8w\xe0\xc0`6e\xacE\xf8!`\x18}E\xbc3z\xa9\xa2\xddM\xcf\xb4-\xea\xba\x0e#\x05\x00\xa2O \xbaLi\x19@K\xc8D\xff\x1c}\xde\xb5\xc5i\x11\x08r:S=\x1c\xac~S\x11!\xf4\xbc\x05\xe8\x10\x1b.Z`ff\xc1e\xb7\xe62\x81l\xd1y3\x1a\xd3\x80\x8b2\xef\x91Z\x08\xe0\xc3}J\x0b\x00\xc0\x9c\xd3D\xc6\x1e\xe7@V\xae9\x07wp\xf2+&lt;\xe8\xd8\xca\xe9\x88:\xea\xba\xd3\x0bu\xaeVJ\x04`\xe5\xbaD\x7fXZ\x86\x14$\x8f\xd2\xbb\x8e\xd2\xdb\x153\xe7\xa9\x08\x00\x00\xc0\x81\x98\xcd\x91\xbb\xbb\xb5\xbbs*\xf6{\x97\x9c\xcf\xc1~\x12\xd1\xdb\xa1\x9cb(Q}\x81C{G#\xe7\xf2|j\x7f\xd7\x9f\xa1\'O\xb3\x81\x99\x01\x00\x00Xec\xa2\\\xcc8\xcfb\xfe\xaa\xed\xd2\xb0J\xb5\x06\x1e\x84\xd3\x00\xb4\xdf4\xfd:y\xe6\xc39\x1de\xf8\x9e\x08D\xf3\xea`fLx\xc0\x87\xcb\x11\xbd\x03\x06\x03\xf4\xe0\xbe\x9c\xef2\xab"\xc0\x05\xbb\x14\x9c7\xf5&lt;\x03\x10\t^Qo\xa3D\xf4O\x99\xbe\xc7\x14\x8eU\x1d\xdd5\t\xfd\xd2\n9\x8e\xe72\xbf\xe3\xc8g\x80A\x9d\xe44Y\x0c\x8f\xc6\xe9\xc3\xb3&amp;\xde\x02T\x8eNn\xc9\xd9q\xc8\xd512\x1d\xd63\xd2,\xd6\xd7\xa1\x9e\xe2\xb4\xa5\xa6?A\xf4\xdf\x10?\x9e\xbc\x86\xae\xfb\x12|\xa5&lt;\xa8\x8bl\xebi\xb5\xbdV\xa3&amp;Y\xf5P\xf6\x95\x80p\xbe\xc1Tp$\xf7\xcaa\x00\x00 \x00IDAT\x04\xc5%\xfa\xef\xaf\x94\xaf\x1d\xa7A\x1c\xa8\xc0\x8a@\xabl\x1e\xc3-\xb9.\x05@)\xdc&amp;\xcd\xce\xe5\xda\xe8\xa3\xb0L\x9c\xe10\xad\x08p\x17U\xa2g\x07@W\xfa\xe8\x90zWo\xeb\xbd#\xebf1@\xee\xad\x14\xa5\xe4\x91\xbez+\x02\xf5\xd2u]w\xd5\xe5\xc7\xdc\xe7\xa50Np8\x1c\xa6\xbf\xe1\x8a\x9d\xc5\xdb\xe8)d{w^\xd5\xfc\nwQ%J\x12\x00\x8d[]oR(\x93\x0f\xdb:\xed\xba\xd9\x88=\xfb\xb25\x87\xd3\x11u7\xf2\xcb\r\xb2&lt;\t\x90\x8cj\x05/\x04\xf4U\'\x7f3\x1b\xd2\x1a]1\x00#\x97\xcb\xfdt\xd9\xce\xea\xd8z\x16\x908"\xfezx]\xd0\x08\xca\xa6\x9d\xca\x0e\xdf\xd9\xe05\xdc\x8e\xfbl\\\xbfZ\xb2\xbd\xbaZ\x9dT\xa5b\x03\x10L\xa5_\xe7W\x9d\xc0 \x82\xbf\xcb\xd1\xdd\xb6\xaf\xb6\xfc\x82\xcd\xa9\xd3:\xf7\x1d\x99\x837\x1f\xf8\x10:Z`dv\xa2#\xf2\xab\xad_\xcf\x9e)\x00\xfa\x08\x80*\xc8\xf1\xc5\xa5{&gt;\xe1F\xbe\xe5a\x16\x00\xc9X\x9a\xd6\xaa\xb1\xb5\xb2\xf2\x05\x0eD\xc4&amp;\x153K\xbd\xe66\xb4(\xce\xf5\xfeTf\xae\xeb\x85\xbekS\xac\xb3\xba\xf8\xf4\x00R\x7fW\xd49\x81,_\x0b\x00\x00\xd0\x8e\xe98l\x1e\xd5\xffQBf\xc2\xcb\x06@&gt;VMt6)\xd6\x150\x80c\x12\xfe\x0c\xc0K\xe4\x84\x08\xce\x94\x17\x07\xd9\xc3x\xee\xee\xa9\x98\xba\xc6rP\xf4\xff\xbc\xd9\xb5c\xf4o\xb9\xf8\xbd\xbe_\xc0\x8b\xe5\x10w\xd8\xf5\x98\x16\x00u\xe1\xf2f\x85\x00W[\x95w\x06u3\x98\xe8\xc4\x98g\x99-\xa2\x7f\x00j\x81\xe9s\x9a\x8a\xb7&lt;\x0f\xff\x0c\xfb\xfes\x8f\xb6\xb9\xce\xcfO\xf5=\x08\x84\xa0\xd6\x15(\n4\x89\xfc\xb1@f\xa6Ky\x94\x86C\x89 \r0*\x00j\xa3\xbd\xb3z\x7f\xb5\x11\x82o$\x00\xcb\x14\xe8{w5\xe3\x99\x014\xa7j\xa0\x12\xd8\x98J\x98\x13$\x00\xde\x8b\x0bH\x00@U\xc0V\xdb\x06\xfd\xeb\x83x\x10\xc9\xcc\xf4\xbdM\xf5\x815\xf2~\xb6|\xf0\xed\x1d\xfd#\x07\x00Y\x80\x8d\xe9dL\x00\x04\xcb\x84c\x01\xed\xa2\xd0\xb0U\t\x03\\\xf8]\xfd\xbd\xb6u\xd4d\xf8\xab\xf4\xea\xd1X\xa6`\x81\xe5Y\r\xbb\xcdf\x8eo\xf2\xf17\x0e\x0ex\x11\x10\xe6i\x90\x17\x98\x99\x14\x82\xc3V\xbcS~|t,\xba\xdc\xb8*a@\xbd\xf0\xe2\x87\x82`\xfa\xae\x91V\xba\xecc\x13&amp;\x001e\xeaJ!\xf6\xc2\xee\xaf\xb7\xfd\xf5!\xb1\x15\xb8\'\x00\x9at\x05\xd4\x13j-\xff\x9d\xca\xccT\r\xf6&lt;\x94i\xb2\x9b\xab\x87c\x01\x91\x88\x07\x15)Pf\xe1z$\x01Q\x1c\xfcY\xf5\xf3\xc0\x0f~\x97\xe8\xe08\xf2\xbc\x8d\xd4\x05\xab/3\xc5[^\xd0\x19\xff\x0b+\xdf\x0b\xbc!\x01\xa4\x87\xd3\x8cGf\x86\x01\xe7\xc1\xe9\x95\xa0\xcc|\xbe\x02\x9d\x02\x828\xcdh\xba\x075\xf7o\xbbU"d"\xef\nr\x13\xfe\x1a\xd0\xb6\x08\xb4\xe6\xaeG\xf9x\xd8\x0e\xda\x99\xe8&amp;\xbcw\xd1xmc\xb4\xd7"@\xc9\xc6#^\xf0\x97\r\'\xa7\xdau\x1d\x9d\xfe\xe5\x00\xbe\xa2A:=q\xf5*\xdd\xf0\x1f\x1d(\x12\x05\xc4p\xe4\x04\x80\x87\x00\xbe\xb4$\x82l?M\xb1\xca\x8b\xce\xb3-\xd3\xb0%\xfa\xa9\xa7\x83C79\x9fqb\xc1\x9dRU\xf3hK\xbd\x0f\x00H\x07|E\x8b\xa8_\xbf#\xa2\xae\xfb4\xfdB\x82\xea\x80I5\xc5v\x84\xdeud~\xbf\xaf\xed\x82\xc1\x1eN\x99\x80\x9cdf-T\xc1\x92\x0b\x00\x00\x00\x00Z\x85\x99\xdbZ\xff\xf5\xa6\xde\x1d\x00U\xab\xc8\xd5\xb0\xfbb\xff\xfe\xc7\xce&lt;\xdf\xd4u\xd4="\x93\x0c\xa0a\xf4?l\x07\x00\x00`J{~\xfb\xe5DG\x8f\xfe+\xe6\xa1Z_(Y\xf6\x95\x02{\xaf\xdfqxK\xcf\xda\x97\x85}T\xf8\xab?m\xb5\x80\x03\x12\xd5\xf50\x1b\xb5`P\x03\xd04l\xfc\x17\x00\xb0\xc2\x93\n\xcf\x85\xbb\x91\xfdnh\xbe\xfam\xc1\x82dU\tPD\\\x02P\x87\xe5T!\xa4\x1c\xbf{\xa0A}\x90f\x02\x00\x8e\x00v@Zcm\x8a2\xde\x04\xba:\x8bu\x97!z\xb7i\x12l\xfe(5\xf5\xe1\x19\x00\x10\x003\xeby\xd9.\x18\xe9\xdd\xc9!\xf6\xd3\x99\xe1\xbbJ\x80\xf7N\x02 O\x8d\xcf\x00(_\x83a\xba\xa4r\t\xd7_|\xf4O\xf3+\xcf\xff\xe4\xa2\x7fp\x00\x92\x18\x8b\xb67\xe1\x813\xa7\x8e9H\xcf\x1c\xa5\x9d\xda\x80\xda\xbd\xc0t\r\x9c\xa81\x01\xe8\x88\x98\xe8\xb7K\x8b\xb1\xca\xb3\xff\xb5\xb4\x04\x0et]\xd7]\xa3\xffy\xd8\x1aX\xbfZ\xb4n\xc9\xc2\x802\x92\xcd=0\x1b\xa5t\xd8\x99\x01@\x13\x18\x8c\xa0ip\x9a|\x8d\xcd\xc3\xfd\xb7\x19\xae\n\x08\xd4\xf0\x0c\x00p\x00\x9d\x0b\x00\x10\xe7K\xfco\x81/\x02\xa0E\x94\x87\x92\xa5\x04\xdb\x8a\xb9\xcf9\xc0\xf8.\xa0\x00\xff\xf8\xab\xf1\xa1\xbf\xe2^\x03\x12&lt;\xbf\xb4\x00\x1b\xfc\x7f\x88\t\x00\xa8\x13\x8c\\\x00\xc0\x19$\x00k5\xaf\x07\xdf}\x02@c&gt;`)\x81\xe8\xb1\xab\x7f\xba?\x12\x00\xb0\x8d\xf2\xceU.\x1e\x00\x00\x00\x006\x11N\x00\xb6V\xc4\xbd+*\x18\xe3nD\xde\xbb\xd1\x8f\xe5\xaeK\xcfS\x88o\x8d\x89\xfe\xa9\x9679\x02\x00\x00\x00m\x80i\x17\x80\r~p5&gt;6\xe2\xd7\n\xd8L\x00\x02\xef\x9dD\xf0\x11\xcf\x02dh\xfe\xe1\x81\x92A:`]\xcaA\x07\x81"(\xfdbVP\x8al\xd6\xf0\x81\x0cu\xd5\x15\xbfn\x86\xef;w&gt;h\xf1\x85\xc14/!8\xfa\xafF\x81\xa5\xb9V\xc4\xbdP2HD\x91!\xfc\xb10i\x1f\xa0+\x90\x1f~\xffi\x8a\x7f4\xcc\xaf2\x92\xbe.\xeaBD\x1fJY\xcb\x18\x93\xe3=t\x13V\x92\x95\xfee\x9e\xdb\x8a:\x7f\xe5\x8aYF\xd7\x11]\x8d\xe8RD\xbf\x1bx\x84\x07_\xfe\xe5\x0e\xe3\x1b\xaf\x80:\xca|\x13\xd3\xc9\x0ba8\xb8q\xf6\xd9\x87\xf8F\xb6vh\xe0;\xce\xfa\xef\t\x82\xe1\xd5F\x86\x0eKd\xdf\xf3 \x17^o\x8a=\t\xe8\x8c\xff\xb9\xdf\xda\xf5_\x13\x10\x93\xe0#\x07p\xe6\xecM\x0bK\x01\xc0\x99B1J\xef\x88\xe0\xdb]\x18\xdc6\xd4\x05\x00p!\xc3\x17\x81\xe5pFpy\x0b\xec_\xf7\xcb\xa7\xa7\x9d7#y{\xf4\x7f\xf7\xd8\xdde\xb6\x94}4\x1c\x9b\xdf!\xfa\x07\x9a(d\x8d\xdd\x992\xb5\xd7F\xf7&gt;\xea0\x15\x02\x00\x9c\xa9\xd4Y4\xb0k\x96\x07^[\xb6_\xdfU_l\xad\x10Q\'\xf3\xf2\x1el\x024\xcb\xe5\x98\xde\x89\x9em\x0ef\x0c\xd8J\x18\x1c4\xfa\x0b\xb8\x83P\xea\xd0d\xd8\x01HA\x9e\x93K\xc6/\xf5&lt;\x01&lt;\xa5[S\xd5\xe9\xe1\xde~]~x\xbc\xef\xcd\xcbt\xa1\xdf4\x10\x11\x07\xbe\xa6Mn\xfd\x8e\xd2\x12\x80\x14`\xc0\xd6\xc2\xd9E\xdf\xad\xac\x14\xa0*n\x82\xe8\xff\xe0\xa0\xfb]`c!\xacF\x8d\xb9\xe6/\xfdQ\xff(\xba\xab\x12\xfd\x8d\xe5\x81\x81C\xeeM\xff+\xd1\xa5J\xcb\x00\x00h\x1e\r\x0f\x0e\x15YN\xd6\xd0p\x00\xaa\xa4\xd2\x1d\x80\xcc\x9c\xde\x8a3\xac\x9aW\x87\xeb9\xda\xc8\xf7\xfcu\x1du\xddS\xe8o:\xa2\xae\xe5\xf3\xbbn_\xaa@DD\xdf\x91V\x12\x00\x00 \xc2\x83C\x00\x00_\xe02\x1c1_9Z\xb3\xd2\x92e0\x1b\x0f\x154gf\x9ekN\xfd\xcb\xf9\x12I\x03\x00\x00\x89ab81\x00\x9a"b\x07\xa0\xca\xb5\xf0`Zq|\t\x16\xe5\xbbW\x9c\x92\xa2\xb5r[Q\xdd\x88\xe7b\x1b\xd6\xe6\xc0A8\xd6\xa4p$\x18\xafq\x03\xa05\x82\x13\x00f\xa2\xf7T\xec\xee_\xe4\xeb\xcbN\x81s\xdd\xcb\xffg\xa4\x1bq#\xd1\xd2\x1a\x04\x19\x00h\x9f\xfe\xcb\xd2\xeb\x9d\x14\xc0.\xf0c\x00\x1c\x1e\xee)-H\x04U\x0bO$6\xd1\xbe\x99c\xf8\x05\x8e|p\x00\x00\xd0\x02\xfd\x8c\x00o\xd0\x1e\xec\xf3\xe0\x13\x00\xa0\x0e.\\Z\x80rT\xbf\x96\xff\xdd2\xc5\\9|\xca\xc6{\xfd\x01\x00S\xf28\x84\xcb\x11\xbd\x03\x0b\xd2\x99\xb8\x1e\x11\xc1\xd5\x03\x00\x88h\\\xec94\x86\x12\xaaW\x85\xe3z\xff\xe9\x1b\x03\xde\xc3\xfc\xbb\xcct\xf3\xea[\rd\xb89\xbc\x018q\x9d\xd2\x02\x80\x14`c\x07\x00\x90\x15\xed\x1eg\xd8\xf2nc\xe3{\'\xf4\xc7\x1c\x00V\xc0r\x00\x00\x00\xb4\xc2\x1dJ\x0b\x00\x80\x8ap\xd3I\x06f~WS\x01\xd0r\xd5\x1f\xe8DE\xd7 \x01\x00\x004\x01\xd6\xb9\x00PN\xaeh\xe3\xb3\x9aX\xda\x07 )\xd3\x04\x00\xe3\x05\x00P\'\xdf\x87\x19\xdf\x0b&amp;\xbami\x19\xc0\x8c\xa6\x17m\x8dC)\x00\x00%`&lt;\x02\x00\xea\x06;\xde\x9e@W\nq\xef\x14\x8e\xf8"\xb0\xac\x0c\xcf\xda\xc2\xe0\x00P\x88\xd4\x1bB0\xc0\x01\x00e\xe8\xba\xe0\x97\x1d\x1d\xd3q\xb5\xf4b\xa8fz\xd0\xb1S\xf8&gt;\xf5\xb4\x98\xe7\x07\xd3\xdb\xe9-P\x057\x84\xc9\x01\x00\x00\xb0\x81\xd9\x01\xe8\x87g/{)-\x8f+L\x8f\xc7c\xa9\xa0 \xaf+-\x00\x00\x00\x00\x9d\xb8\xc5$\xbf\x88\xd0\x05\x14d\xf9v\xc7:\xe0a\x13\xa0\xb4$`\x00}\x01\x00\x00\x00\xb8\xbe0\x101\x0c(\xc7\x8fS\x85\xd1?\x00@\x11\xf0 \x9b\x9c\xb6(\x9fWZ\x0c\x00@&amp;\x9c\x9d!\xce/\x80U\xb2\</t>
        </is>
      </c>
      <c r="E452" t="inlineStr">
        <is>
          <t>&lt;class 'numpy.ndarray'&gt;</t>
        </is>
      </c>
    </row>
    <row r="453">
      <c r="A453" s="1" t="n">
        <v>451</v>
      </c>
      <c r="B453" t="inlineStr">
        <is>
          <t>steps_per_sec</t>
        </is>
      </c>
      <c r="C453" t="n">
        <v>5100</v>
      </c>
      <c r="D453" t="inlineStr">
        <is>
          <t>2.5171099</t>
        </is>
      </c>
      <c r="E453" t="inlineStr">
        <is>
          <t>&lt;class 'numpy.ndarray'&gt;</t>
        </is>
      </c>
    </row>
    <row r="454">
      <c r="A454" s="1" t="n">
        <v>452</v>
      </c>
      <c r="B454" t="inlineStr">
        <is>
          <t>Loss/RPNLoss/localization_loss</t>
        </is>
      </c>
      <c r="C454" t="n">
        <v>5100</v>
      </c>
      <c r="D454" t="inlineStr">
        <is>
          <t>0.63415384</t>
        </is>
      </c>
      <c r="E454" t="inlineStr">
        <is>
          <t>&lt;class 'numpy.ndarray'&gt;</t>
        </is>
      </c>
    </row>
    <row r="455">
      <c r="A455" s="1" t="n">
        <v>453</v>
      </c>
      <c r="B455" t="inlineStr">
        <is>
          <t>Loss/RPNLoss/objectness_loss</t>
        </is>
      </c>
      <c r="C455" t="n">
        <v>5100</v>
      </c>
      <c r="D455" t="inlineStr">
        <is>
          <t>0.13083576</t>
        </is>
      </c>
      <c r="E455" t="inlineStr">
        <is>
          <t>&lt;class 'numpy.ndarray'&gt;</t>
        </is>
      </c>
    </row>
    <row r="456">
      <c r="A456" s="1" t="n">
        <v>454</v>
      </c>
      <c r="B456" t="inlineStr">
        <is>
          <t>Loss/BoxClassifierLoss/localization_loss</t>
        </is>
      </c>
      <c r="C456" t="n">
        <v>5100</v>
      </c>
      <c r="D456" t="inlineStr">
        <is>
          <t>0.0854726</t>
        </is>
      </c>
      <c r="E456" t="inlineStr">
        <is>
          <t>&lt;class 'numpy.ndarray'&gt;</t>
        </is>
      </c>
    </row>
    <row r="457">
      <c r="A457" s="1" t="n">
        <v>455</v>
      </c>
      <c r="B457" t="inlineStr">
        <is>
          <t>Loss/BoxClassifierLoss/classification_loss</t>
        </is>
      </c>
      <c r="C457" t="n">
        <v>5100</v>
      </c>
      <c r="D457" t="inlineStr">
        <is>
          <t>0.07091786</t>
        </is>
      </c>
      <c r="E457" t="inlineStr">
        <is>
          <t>&lt;class 'numpy.ndarray'&gt;</t>
        </is>
      </c>
    </row>
    <row r="458">
      <c r="A458" s="1" t="n">
        <v>456</v>
      </c>
      <c r="B458" t="inlineStr">
        <is>
          <t>Loss/regularization_loss</t>
        </is>
      </c>
      <c r="C458" t="n">
        <v>5100</v>
      </c>
      <c r="D458" t="inlineStr">
        <is>
          <t>0.0</t>
        </is>
      </c>
      <c r="E458" t="inlineStr">
        <is>
          <t>&lt;class 'numpy.ndarray'&gt;</t>
        </is>
      </c>
    </row>
    <row r="459">
      <c r="A459" s="1" t="n">
        <v>457</v>
      </c>
      <c r="B459" t="inlineStr">
        <is>
          <t>Loss/total_loss</t>
        </is>
      </c>
      <c r="C459" t="n">
        <v>5100</v>
      </c>
      <c r="D459" t="inlineStr">
        <is>
          <t>0.92138004</t>
        </is>
      </c>
      <c r="E459" t="inlineStr">
        <is>
          <t>&lt;class 'numpy.ndarray'&gt;</t>
        </is>
      </c>
    </row>
    <row r="460">
      <c r="A460" s="1" t="n">
        <v>458</v>
      </c>
      <c r="B460" t="inlineStr">
        <is>
          <t>learning_rate</t>
        </is>
      </c>
      <c r="C460" t="n">
        <v>5100</v>
      </c>
      <c r="D460" t="inlineStr">
        <is>
          <t>0.039901324</t>
        </is>
      </c>
      <c r="E460" t="inlineStr">
        <is>
          <t>&lt;class 'numpy.ndarray'&gt;</t>
        </is>
      </c>
    </row>
    <row r="461">
      <c r="A461" s="1" t="n">
        <v>459</v>
      </c>
      <c r="B461" t="inlineStr">
        <is>
          <t>train_input_images</t>
        </is>
      </c>
      <c r="C461" t="n">
        <v>5100</v>
      </c>
      <c r="D461" t="inlineStr">
        <is>
          <t>[b'1024' b'1024'
 b'\x89PNG\r\n\x1a\n\x00\x00\x00\rIHDR\x00\x00\x04\x00\x00\x00\x04\x00\x08\x02\x00\x00\x00\xf0\x7f\xbc\xd4\x00\x00 \x00IDATx\x9c\xec\xfdw\xfc}\xcfU\xd7\x8b\xaf\xf9\xe4\x1b\x12ZB\x89\x14i\xfe.A Ti\x81Hhz)\x02\x8a\x80\x08\x91b4*\x88 \x06~(\x10\x11\xae bA\xbc\xd2%\x1a\x89tPA\x03\x02\xc2\rH3\n\x08\x81h\xa4\x18\x84\xd0\xc1K\x04\x04BX\xf7\x8f\xdd\xa6\xcf\x9a\xbag\x9f\xf3z&gt;\x92\xcf\xf7\xbc\xcf\x99\xbdf\xcd\x9a53k\xcf\xcc\x9eM\x0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b8*\x8a\x99\xfd?h\xff\x07\x0b\xbb\xad\x94\x82YVk\\\xd8\x14\xccd+\xbf\xd4\xefeK\x04\xc2\xa0\xf1N\x00\xa3q\x01\x00\xc0$&lt;\x08\xfe\xa2\x14:k\x0b\xa5\xbeC\x91\x134\xde+W\x0f\xa4|7\xbe\xf0\xf9\x1b\xe7\xe2&gt;{m\x98)4\xdf\x04\x00\x00`0j\x9f\x95\xb1\xba\xe6\xab\x87w\xd3\x80I\xafIaf8\xf9\xfd\x80\x15\x80s\x81\xfd\x01\x00`*\x1e\xec\xe1\xa9\xde/\xf7\xef\xa3\x19SA\xe0\\\x82N\xfe;\x97\xf4L4\xa8\xfb\xe4\xbcz\x87\xbf\x01\x00\xc0\x85yH\xffc\xe0\xdc\x8c\xc2\xf8\x01&amp;\xe5!\xccP\x82\xcb0~B]\x9b\xcb\x1f\x9c3\x00\x00\x80;\x82\xa3\x7f\x8e\xe7\x99g+\x00\x00\xc8\x867\xceV\xe4N\xb9\x80\xf1\'W\x0f\x00\x00\x9a\x829\x1c\x00\xee\n\xdeN?\xba\xaf\xb6\xafG\x9f\xd8\x86\x0e\x00\x00\xe0\xce\t\x9f\x02\x04\xc0\xfd1\xfb$e\x03\x94\xf6/8\x97\x8e\xcev\x07\x9e\x0c\x00\x00\xa0\x9c\x9b\xbd\x01\xc8\x1c\xff0X\xde\x085q\xcf\x9d\xc4L\xf79\xff=I\xa9M\x1f\xeb\xa7\x12\xd34\xbb\x9ef\xd0\x01\x00\x00\x80\xc5\xcd\xde\x00d\x8c\xf7g\x0eO\r2\xc6\xe0\xaa\x05:\x15\xa6\xb8{3\xde&lt;3\xdc\x03\x8c\xd1A\xf7\xe5W\x1e\x90\x1f\x00\x00\x80\xab\xd1v4\xc2\x99\xf7\xe0\x04\xb6w\x12S\x8d\xfba\x8f8\xb8\x15\x0e_\x9e\xc3\x93\x97\xc7Nf\xd0\x04\x00\x00\xc0J\xc3\x15\x00\xcez\xd1\xe3\xcd\xad\x0b\xdfRYZ2\xa0\xa2\x95R\xaa\xe2\xc5\xd5\xb7\xe5\x87\x00\xacL\x13s\xabi4\x01\x00\x00\xb0\xd2\xec\x06\xe0\xb6\x83(A\x8c\x88\x11.\xce\xac\xfe\xc1\xebn\xe9=D1\x82\x95\xdbvkp\x9b(5Q\xf4\x0fl0\xe3\x00\x00\x98\x81\x9b}\x06\xa0-\x93\x0f\xa63/\xa7\xac\xb3\xf3\xd3\xde -\xcam\x0b\x08\xb6\x96\x93W&lt;\x00^\xe0\xb7\xb32mG\r\x00\xb87p\x03 \xa4\xcb\x80z7\x83\xc1\xd4\xe1\xc8&gt;W\xaa\x14\x91\xfa\x8cs\x95\x19\xcb\xbc\xf7\x8d\xa5\xdcXq\x00\x00\x00\x80\xb9\x99\xe4\xc8\xb9\xab\x111\x17,y\x9f\xa0\x11\x95\x03\xd3\x01\x9d\t\x87\xa4\xd9\xf4\x01\x00\x80\x16T\x9e\xc3x\x8f\xe0\x06\x00\x80f \xba\x9a\x04T\x04\x00\x00\xdc!\xe8\xfa\x9b\xf0\xf1g+\x00\x00\xb8\x183D\xde\x13\xce\xbb\x03\x00\x00\x00\x00\x00p\x15\xb2\x82\xe99"o\xdc\x00\x00\x00\xc0\xf4L\xfdt\xe6\x9d\xc0\xccw~f\x1f^\xc2\x05\x80\x97\xed%w\xf7\xd9(n\xf2\xcd\x927Y(\x00\xc0\xf5XO\x01z]\xe6\x8a#\xcf1\xd9S\xcf]\xdb\xb0\xfc%^\x83\xb8\xeb\xda\x01\'\xb2\xbd\xe4\xee&gt;\xb9\xb5\x82/K#X\x1e\x01\x00L\xc4&lt;\xbb6\xb9\xeaV\xe4\x9a\xdc[y\xc3L\xe2\x84\x00L\xcc,}5\xc8e\x9eq\x16\x00\x00\xd6\x15\x80\xa9f\x99x\xff\xe7N\x98\xc8\xf6\'3\x93\x1b\x020#\x08 /\x0f\xaa\x10\x000\x01\xda\x8b\xc0jb\xafv=\xda\x1a\x02\xa2\x87\xbc?\x98\xf9\x8704\x02\x00n\x93\xads\xc34\x07\x00`2\x84\xab\x93\xded\x88\xdb@-X\x1f\x07\x00\x00\x00\x00\x18\xc0C\xdag%\x89\xe3\x03\x11\x1a\xa64@-\xd8\xff\x03\x00\x00\x00\x000\x86\xdc9WL\xd3\xc6\x80q@\x0e\x9d\xbc\x05N\x08\x00\x00\x00\x80\x18\x88\x15Z\xc2\xcc0\xe9\xfd\x82\xdb?\x00\x00\x00\x00\x00\x00\xe8\xb2\x0b#\xb9\x8f%\xe01\x06\x00\x00\x00\x00\xcc\xcf\x83t\x12\x00\xaa\xc1\xfe\xfe\x9b\x00\xf76\x00\x00\x00\xc0-\x80\x1b\x80\xee`J\xf8\xba\xe4\xde\xb6\xccq\x9f\x03\x7f\x03`f\xd0B\x01\x00\xf3\xd02HE\xef\x06\xc0i\xe0\x86\x13\x00\x00\x00\x00\x12\xb8\xdd\xdee\xec\x81\x06\x00\x00\x00\x00\x00`^\x96-@\x8d\xf7-\xe0\x1e\x00\xdc*\xccL/\x05\xf7\x06\x00\x00\x00\x00\xd0\xa8YL\xb8\xbd;\x07\x1c\x0bsc\xa06\x01\x00\x00\x00p\x03p\xf3\xa3\xeb+\x82\xa4\x1b\x8c\xae\x102\x02\x00L\x1a\xee\xba\x04\x00\x00\x00\xf2a\xc6P\x04\x80\x1cQK9\xb7A\xa1E\xcf\x0f*\x08\x00\x00\xc0\x9903=\x1b\xe1\x02\x00\xb7\x03\x9a3\x00S\x80\x96\x08\x00\x00\x00\x00\x00\xc0\xfd\x80[q\x00\xc0\xfc4~\x0c\x00\x80\x9b\x03\r\x04\x00\x00\x00\x00\xb7\xc0\xfa&amp;\xe0\xdff\xacU\x82\xfb\xa1\xcc\xd7\xb5\xd3r\xb1\xc9\x1e\x00\x00\x00\x007\x00\x02\x1ap\x0f\xb4z@\x16\x0f\xdaN\x0fj\x07\x00\x00\x00\xf0\xf3`\xff\xa4~\xbew^\x18\x8f\xc1\xf9(\xd5\xe6\xb5w\xab\x1c\xdc\x03\xcc\xca\xa5k\x06\xb7\x97\x00\x00\x00n\x86?u\xb6\x02\x00\xb4\x04Q\x1a\xe8\x04\\\x0b\x00\x00@W\xda\xcc\x86\x02p\x97\xacAZ\xabU\x85\xdb\x85\xd1\xd5\xe4\x00\xbf\x02\x00\x00\xd0\x97\x07\xe9$\x00\xcc\xc9\xd8)R\xdf\xa4\xac\xda\x7f\x1a\xa9\xc9\x05A \x9b\x01\xbc\t\x00\x00@op\x03\xd0\x05\xac\xe0\x0f\x80ih\xac\xa4|3\xb2\xfb\x17\xa8n $\xee*\xfb\xaf\x98\xfe\x07\x00\x00\xd0\x8f\x07\x08\\&amp;\x01\x15\x91\x8bR\x8aF\x06I\xfe\xbc\x10\xa5\x81&lt;"\x1e\xb3t\x02J!\xfa\x07\x00\x00\xd0\x997`\xc6t\xf5\x0c\xa0\n\xae\xcb\x9b\xa3\x05\x81F\xc0\x91\xae\x00\xea\x08\x00p\x130\xee\x01\xfa\xc3\x9cx\xd7\x1a\xec\x7f\x15PS\xa0#\x9aw\xc1\xd3\x00\x00\x00t\x02\xcf\x00\x0c"\xb9_\x05\x8b\xfe\xd7\x07\xe1\x1ah\x80\xf6\x18\xc0\xb9\x8a\x00\x00\x00\xb8u0\xd5\x04\x80\x104\x96z`\xc3(\x9aq~?\x0cu3\xa0*\x01\x00\xe0&gt;@\x94\x03:\x93\xe3`3yc\xbf\xa6\xf1s3\x15\xd3\xc2W\xeay\xb5\x05\x00\x00\x00@\x01\xd3&gt;Y1\xa1J\x17c\x8a\x9a}A\x9e\x0e\xe7+|\xf7$\x1f\x04\x02\x00\x00\x00\xc0\xe5\x99s\xbco\x1b\x0823\xbd\xfete\xec\xcd\x147\x004\xd7\xa4&gt;\x00\x00\x00\x00\xc0\xd5yr\xef\x0c\xb2#\xc8)\x0fkb\xe6{\\R\x98\xaf"\xee\x81\t\xfd\x1f\x00\x00\x00\xb8(\x18P-\xa64\xc8\x94\xd1?\x00A\xde\xf0&lt;_E3\x01\x00\x00\x00\xe2\x0cx\t\xc0\xb5"W\xb9\xb6[\xcaO\x1d\xa3R|\xae\xfdB\x16\xbe4\xd7rf\x00\x00\x00\x00\x00\x0fc\xde\x02v\x931\x13\x9b\x9c\x97\x11\xdf\xef\xfa\xc0\x97\x8c.\xf2\x9d\xday"`\x7f\xd0\x05\xf8\x15\x00\xe0\xaePK\xaf\xa7\x14\x11\xe1\xad3\x07\x9bY\x126\xb1\xc6\x8cN/\xf3rr\xa1\xa3\xb2\x9cQ\xeb\xce^(\xc6\xcc\xf7V\xe4;\xe7r5\xce\xe8Z/\x013_\xca\xaf\x00\x00\xa0\x8a\xfdM\xc0\xe8\xf8JPJ\x8d\x1f3\x98i\xdb\x0bt\xf7sVL\x84\xa9;"\xfa\x9e\xfb\xb1\xc0\t-\xae\x06\xf8\xe6U\xb8\x96_\x01\x00@%j\x89\x9e\xd0\xf7\xe9\xec\x01\xa5\xd0,z\x00\xda\xc3\x92n\x80\xabh]\x08\xe8\xb3\x02\xb0\xccY^b\xaau-\xff\xf4z\x82V`B\x1d\x00\x00\x00\xa8\xe5\x01\x9d1\x87}c\x8c4\xe0\xba\xe6\xb0\xe7\xd8%o\xa5\xfd\x9b\xf5&lt;\xf4x\x94`\x11\x06s\xb0E0\x13\xbd\xe6\xd9J\xb8\xa0\xb3\x02\x00\x00\x00jy\xe8l\x05fD)U\xb6\x1f\xf4\x8c\xed@\x1d\xa3\xdb\xce\xc5\x19\xb3\xc2\xb0\xe4\xd2H\x10\x11\xe9\xcb/\xb7\xcd=\x94\x11\x00\x00\x00\xb8K\x1e\xa4\x93\xdc%\xb9\x81i\xd7\x87\x01"\x92\xad_b:\xf4\xbcUx+3\'\xd9E\x83\x96\x9e\x9a\xe7\x92\xfb\xfe\xb6\xb6\xb9\x03\x00\xe6\xe4N\xdf\x8a\x08\x00\x00`?\xb1\xb3\x9fh\xcf\x00#;\x03\xf4\x0e\x9f\x94e\xe6\xd8m\x0f3\xfd\xbb&lt;\x9b\x8c9\xf5\x15\x00&lt;;|M\xa2\x1d\x0e\x00\x00\x80\xdbe\xf2\xe8p\x1e\xc5\xbe\x9ar\xefI&gt;"ov-Y\x11\xc9w\xab\xc5/\x9c\xb8\x96\xc1\xc5\xb0|\t\xdeu\xd3\xa0r\x01\x00\xe0B\xfc\x82\xb4\xcb^\x07ot\xf1qx}yY\xce\x15\x8d\xd3\xd7\x84Y\xf7|\x0f\xb0\x96\xfa.\xcb\x0e\xce\xa1\xf4^}N\xee\xb3\xdf\x00\x00\xcc\x06\x9e\x01\x90\xf1*\xd2}\xe4\x19G\xe7\xd4q\xddQd\xec`\x1e\xccGU?\xe6Zz\xf9\xe3/\x1d\xcd\xac\xcfT\xe0\ta0\x8a\x1b{\xe9\t\x8e\xdd\x03\x00\x80\xab\x12\x9f\xe3\xbf\xab\x15\x80\x82\x89\xf0\xb2\xe9\xf3\xb2\x19\xf7\x9c\xab\xb2\xf5\xc9Uf\xb9J\xdd\x8ao\\\xf7\x16\x14\\\x8b{^p\x03\x00\x80N`\x05\xa0=\xc69\xfd\xd3\x91\xbd\xf7&amp;N\xee\xf1G\xc5Y\xf7\x7f\xe9r\xf6\xb9Oe\xd9\xfcH\xd9e\x00\xdc+K[\xc3\xc49\x00\x004\x04]\xea}q\x1cf\x7f\xd2h:Z\x81Vo\x01h\t\xdee\xab1c\x05\x01\x00\x00\x007\x0eV\x00\xda3\xf3\x82u\xffyt\xa2\xf0\xc6\x9b\x13l2cp9\xa1J\xa71c#\x19\xc8\x9c\xbd\xc4\r\xf0v0,\x00\x00\x80\xd1L|\x030\x86\xc8\r\x80\xef\xee\xe8"\x86\xba\xef:\xadd\xb6\x161\x852=\x0f\xaa\xba{~\x1d\xa6\x03\x00\x80\x13y\xeb\xb3\x158\x87i\x8fy\xf9\xf9\t\x06E}`F\x88s\x17\xccw\x8c\xe3%\xbc\x0e\xad\xa3\x06\x98\x0e\x00\x00\x00 \xa2\x96K\x13o\xd1jp\xfd\x06\xb6\xee\x07\xda\x88\x057\x01\xfc\xe1T`|\x00\x00\x00`\x16*G\xe5\xc2\xb9\xd813\xb8\xb3\xcd\x13\x0f\xe0\xf6b\\\xcc[\x03\x00\x00\x00\x93\x83\x87\x80/G\xe5#\xa4\xcbC\xc0\xd9B\x94\x1a\xf6n\x83\xb2\x02"\xe2\x9c\x84\xaf9[\x01\x00\x00\x00\x00\x80\xd6`vs*f&gt;s\xe9&gt;\xb9\xab\x17\xe1\x01\x00\x00\x00\x004 7\x9c\xbd\xfb\xf0\xf7J7\x00\xcb\x1e\xa7\xabh;\x15\xb5F\x83\xcd\x01\x00\x00\x80\rl\x01\xba\x11\xee7\xa6\xbc\\\xb9\x19\xef4\r\x91&gt;\x16\xb3\\6l\x0e\xc6q\xb9^\t\x00pw\xe0\x06`:\x96\xe8\xf0~\x03\xfaL\xaee&amp;\x84\xfeQ`\x1cp\x1b\xc0\x93\x01\x00\x00\x80\xbe\\i\x0b\xd0\x15\x81m\x01\x00\x00\x80\x1b\x03+\x00\xe0\xea`\xb2\xad/X\xb5p\xc0\x1dQ\x1bpo\t\x00\x00\x00\\\x86\xf9N\xeb\x9fJ\x19\x00\xbc4y\x83\xc7\xed\x80\xf3\xbb\x00\x00\xe0D\xb0\x02\x00\x8a\x08\x8f\xdag\x8c\xe8\x98\xa2\x06\xb7\xcc\xc5\xe3\xe4\x0b\xab~q\xe5\x01\x00\x00\x00\x00\xc05\x99{\xb2\xbcD\xabY\xcb\xe2\xd2J\xcf\xab\x94\x17\x00p/`\x05\x00\x00p"\x08\x8c\xae\xcem\xaf\xbf5(\xdd\xbc\xf7n\x00\x00\x00\x00\x00g\x80\xc8\xe8\x1eAD\x0c\x00\x00\xe7\x12\\\x01\x98x\xc5\xf9\xae\x08\xd6\xc2|O\xe2\x02P\xc0m\xcf\x1f\x1fL\xdb\x9d\x9e\xa5\xd8\xb4\x06\x11\xb2\xe8\x8f\x81\x12\x00pk\xa0_\x03\x00\xcc\xcd-uP\'\x96\xe5\x96\xcc\x08\x00\x00\xa0\x01\x18\x18\x00\xb8\x18\xb8o\x07c\xf8\x93\xf04\x00\x00\x00\x00\x80\x19\xc0\r\x00\x18\x83p\x958\x9a\x06\xbe\n\x00\x00\xe7p/\x1bp\x01\x00\x97\x84\x99\xf0*\xe2)af\xa5(2\x88\xe8\xa1\xbf\xfb&gt;\xe9\xe5\xd7\xb8\x04\x00\x00\x00\x9d\xb8\xafc@\xaf\xfc\xe0\xecE\xd5\x06\xa0\x0eD\xff\xb3\xa2\x94j\x11\xbb\xa3~\x01\x00\xe0\xbe\x19\xb1u\x01\xbb#\xa6\x00\xb5p\x9f\xe0\\\x81\x047o\x9f\x1b8["5\x8b4\xf3+\xdb\x00\x00\xe0`\xa2\x15\x00w\x8d\xb8G\x1e\xdd\xb3\x00)08\xde\'\xa8w\x19\xd70\xd3}\x87\xb9\x91]O#\xd5\x00\x00\x80r\x127\x00\xb7\xd1\xc5\xdfF)\x88\xe8*\xc1A\x9c\x11wz`&gt;\xe6\xae\xf7\xf3[\xd6v\xae\xfc\xd9z\x88(\xd4R)5\xb7\x1b\xa4\xb9\xba\xfe\x00\x00\xb0\x90\xb8\x01\xb8\x9d\xbe\xee"\xe3j\x8a\x9b\xa9\x0fp\x8f\xcc\x1a&lt;\xd5M\x11\xdcH\xdf\x92\x85\xa2yk\x13\x00\x00@\x9a;\xe9\xc1\xf9nJ\n\x00\xb8/\x98\x19\xb1\xf8$\xc4\x0f&gt;\x02\x00\x80y\x90l\x01\xba\x81\xf9-t\xc4]\xb9\xe7\xdd\xc0\xe0\xea\xe4\xb9.3[S\xfe\xefq\xb6\xf3\x0f\x0f4\xff\xfc\xd8\xec\x00\x00\x00\x0c\xe7\xc4\'\xbd\xee\xfb!3/\xf3Z\x035u\x07\\\xaa\x8a;:\xe4\xa5\xec\xd0\x1at\xcb)p\n\x10\x00\xe0\x1a,+\x00\xaf\x17O\x84\xeel\x0e\xe6]\xc7\xc0b\xf7\xad\xb3\xac\x05\xea\xfd\xc0\x94}\xc2+-\xcf\xd1.\xcav\xd2\xf0\\Wgw\tbd\xee\x85\x97\xdd\xd1\x08\x82\x17\x9b\x01\x00\xae\x04\x13\xf9\x07\x15\xe6}&gt;\xe3\xba=\xf8E4\x7f\xed\x8b\xe8\t\n\xb8\xb9\x00hpH\'\x8bzy;H\xe7\x06z-\x1f\xccZ\xd1\xceT\xe1\xac\xdc/\xc1j"X\t\x00p\x1d\x9c\x0ek\x82\xf1\xa6\x9e\x1b\x8c\x03j\x815@G\x92=FA\x7f\x92\xdb\x0b-\xe9\x7f\xec\xca\x1d\x97\xcb\x0c\xbd\xf1\xe9\n\xcc\x00\x8c\x00\x00\xb8\x01\x1e\xd2&gt;\xdb\xeb\x96\xb7\xd1\xc3\xdd\xcc\xee\x14fVm\x96\x97o\xc4 `\x0cK\xac\xa3^B\xf4P\x86\xe7D\x8e\xa6)k\x91\x8f\xcbL\x7f3\r\x7fG\xcd\xd1\'g\x99uu\x9e\xdb\xaa\x0ba?|\x93e\x07\x00\xdc\x0c\x0fE~SJ\xa1\x0b\x9b\n\xe6\x1bz3\x03\xb8\x06k\xcc\xc9\x0fkx\xe3\x98-)\xda\x05y\x0e\xf9\xbd\xcd.k\x82R\x15\xa8\xf0\xf8\x1ez\x9c\xcc\xe9\xf5\x00\x00\x00\xb5\xc4n\x00@%m\xcf\xe7\x9e`\xf4\x07w\x87\xb9\xd3!\xfd&gt;\x8d\xf1[#\xce\xbe+\xd6m\x12\xb2\xcf\xed\xbf\x87$4Ut\xcf\xbd\xd6=\x97\x1d\x000?\xc97\x01+\xa2\x1b|\x84q\x0cJ)\x98\x0e\xdc\x0cY\xbe&lt;,\xfa97\xccb^\x1fP\x8e\xde\xf94\xd6p\xb6\xe7\x9a\xb4\xb2O\xa4\x15\x00\x00\x80\x08\x89\x1b\x00Z\xc6W\xccd\x14\x03\xd3\x81+\xa3\xd4\x11a\xcbC\xed\xbb\x9a\xfbTj\x0f{\x8dR33\xd1\x07w\xcat\xd6\x89\x85;\xaaw\x00\x00\xb8:\x93\x8e$\x00\x00p\t\xbc\xc7\xc2\xe0,H\x00\x00\x00\xd3\xf2`]\xc2\x06\xa0\x1d\xb3mQ\x00&amp;\xdb\x19\xf9h\xf8\xed\xf0\xafy`B\xfcv\xd9\xc7Mf\xa6\x8fGS\x02\x00\\\x10\xdc\x00\xe4\x03\x8b\xc5\xc09\xd9\xb7\xca\xa3Q\xb3\x19\xc0P\xb7\xcfm\xber\x0e\x00\x00\x00(\x02\xc3\xe1m2\xc3\xbb\xa8\x00\x98\n4\x07\x00\x00\x00Caf\xa2w\xb0\xbe:I\x17p\r\xea\x83\x15f&amp;z\xef&amp;\xca\x00\x00\x00\x00\x00\x80Z0;\x0b\xe2\xdc\x95{\xdcUa\x01\x00\x00\x00p\xbf\\*\xe8\xb9\x90\xaa\x00\\\x9d\xb6\xcdM\x93v\xa5&gt;\x87\xa8\xe7D\xc9\xa5\xba_\x00\xc0]\x93~\x0f\x00\xb8\x16\x97:\x82\xdd\xaf*\xd61\x00\xc8\'\xd9jZ\xf6\x0c{VWl\xab\x9d:\xc9\xc5\x12\x17\xb4\x07\x00\x00\x80\xeb\xf3.\xd7\x1f~\xf0\xa4\xe95\xc1Y(\xe0\xd2\xa4\x1d8\xfe\xcec\xd6h\xad\x1b\x00\x004\xe6B\xb3\xc5@\xc42\xf6\\j\x1d\xc0F\x1f&gt;/]\x90\xbb\xe2\x06\x1c\xaf\x03\xcc\x0c\x9b\xdc\x1a!W7:.\xc2k\xe0\x01\x00S\xf3\xd0\xd9\n\x88`f\x0c\xa2\xf7\x83R\nShW\x04m\xd4\x06^|\x8b(\xa5\xbcU\xab\rR\x8c\xc95\x00\x00h\x00\xc2\xc1{\x03+\xe9\x97\xa6\xebC\x96\xe7z\x85\x9e;\xfcs\xe7\xf4z\x01\x00\x00\x00\xc0m\xf0\xf5g+\x00\n\xb9\xe9p\xf0V\xcbU\xc5M\xd78\x00\x00\x00\x90\x00C \x00\xb5 \x94\x04\x17\x057B\x00\x00pw\xa0\xeb\x07`A\xd8\x10^\x01\xed\x05\x00\x00\x00\x00W\x06\xd1?\x00+\xb3\xdd\x0c\x9f\xad\xccD\xa6\x00\x00\x00\x00\x00\x00\xf7\x053\x13}\xe1\x80\\\xce\x8e\xb9\xa7\x02\xa6\xb8\x1fP\xd7\x00\x00\x00\x00\x98\x8d\xef\x1d\x11\x9a\xe3\x06\xe0"\xa0\x8e\xea1N\x85\x82\xdb\x03\x00\x00\x00\x1d\xc1@;\t\xf7\x19\xf4\xdcg\xa9\x81\x8b\xe5\t\xf0\n\x00\xc0Uxp\xb6\x02\x00$\xf0\x8e\xa9x1\x1c8\x0b\xbc\xf3\x18\x84\x80W\x00\x00\xaeB\xde\r\x00\xe6\xbd\x00\x00\x12n\xb8\xa3PJ!\xce\xbb/\xa2\xce\xfcg\x87\xa9\x01\x00\x00g\x81\x1b\x000\x13p\xc5\xeb\x82\xba\x03\x17"\xea\xae\x18\x13\x01\x00\x17\x04[\x80\xc0uQ\xb8#\xbd(\xa84p)\xa2\x0b&gt;X\x0e\x02\x00\x00\x00F\x82\x1b\x00\x00\xc0$\x84\xba#\xf4Q\x00\x80\t\xc1\n\xc0\r\xf3Eg+\xd0\x1dl\xc6\xbe\n\x88\x81@+\xc2\xbe\xc4D\xaf8T\x95#g=\xf4\xff\xbf\xac\x1f_o\xb02\x00\x00 \x00\xd1\x13\x00\xa0/{l\x84\xdb\xb5\x99\xb9\xca\xe9F\x9b\x9ed\x8d_M\xf4/\x13\xa2\xdf\x93\xcco@\x00\x00 \xac\x00\x00\x00\x00\xb8\x1eL\xcf\xd3\x97\x02\xdaE\xff\x00\x00\x00@\x11\xbf\x0f\xa3\x08\x00\x1a\xeb\x06\x89\xbbh\x17\x08";\x12~\xe6G\xfe8\x103\x7fhTHY\rF\xae\x85K\x00\x00\x00\x90\x831\x03\xccNnds\x17\x91\xd0=\x94\xf1$\xe2\xb7\x91\xcc\\i\xfc\x9a\x1b\x00\x00\x00\xb8\x16\xd8\x024-\xd8H\nf\xa7`\xc7\xc5\xedGW\xd8\x02\xde\r\xa5T\xbcc\xbcu\xdf\x02\x00\x80f`\xac\x02\x00\x0c\x02\xcfJ\x82\xb9Y=tsN&amp;\xc6\x1d\x1d\x00\x00Tr\xf33\x7f\x00\x00\r\xefn\n\xec\xb2\x00\xf7\x02\x1e\t\x00\x00\x00\xd0\x94{\x1c?\x9e\xbe\x8c\xa6\x18;\xfb\xf2#\rem\x81&gt;\xaa\x0c\x80\x03\xdc\x00\x00\x00\x00\x00b\xce\x9e9~\t\x86\xedl\x10\xfd\x03`\x81\xe5/\x00\xc0\x14\xe0!`\xe02\xe5\xf8d\xec\xc4=!\xb2|\x18v\x02g\x93xd\x13\x80{\x03\xc1?\x00\x00\x80\xfe\xac\xa3Mn\xb8\xcc\xdb\xd5\xf3\rV\xd8Rrk\x18\x13\xa2x&lt;\x00\xdc\x12\x1e\x7f\xfe8x8\x00\x00\x80\xceT\x8c4\xac\xfd\x0b\xc0 p\x03\x00\\\xae\xeb\x12\xf0g\x00\x00\x00\'\x80\xe1g\x0e\xee\xbc\n2\x8b\xdf\xc1c\xd1\n.\xcd\x14\xd57\x83\x0e\x00\x00\xd0\x0e&lt;\x03p\xe3`\x0bvwR\x91\xc1\xddG\x0eB\x1f\xdc\xcc\xd4\xe1\xd8\xf5\x1e\xad`\x8a\xa8\xf4&gt;\xd8_\x19q\x9e\xcd\x991\x9f\x02\x00\x00\xe0*`\xb829\xc5\x1axh\xe12\xc8\xdb\x0b\xdefp\x9f\xa0\xd2\x01\x007\x03V\x00\xc0$\xfc\x97\xfeY\x9c\xb2\x1c2\xfa$\x1c\x04(\xc5(\xf5\x99\xe2\x94\xb7\xb0\xb4\x86p\x16\x00\x00\x00\x98\x94\x9a\x11z\x7f\x13S\xf3a\x1e\xa1\xc3\xb4\xa0^\x80\x90\xfbt\x15\xbc\x9c\x0e\x00\x00\x08+\x00\xf3\x939\xd7\xe8\x1d\xd8\x1e~\x1b\x13\x96@\xc2U\xeb\xfa.\x83\xd1s\x99\xd0U\x92\xf7$\x8dnZ\x96\x82\xe3\xcd\xe2\x00\x80\xfb\xe5\xa1\xb3\x15\x00-a6\x1e\xa1\xcc\x19\xe0\xb9h\xa7\x8a}\xd52&lt;O\x18X\x80\xc9a"U\xe8\x84\xf9\xf9\x80)\x19\xb3"\xa1uN\n\xbe\x00\x00\x00\xe06(^\xdd\xce\xbe\xca\xfb\x1c$\x96\xd7\xc1l\xdc\xc8v\xb5\x1b(B\x1d\x13\xd4#:7\x00\xc0\xed\x80-@\'\x905\x8ce\x8ey\xc5\x8f\x9cf_\xe5=\x9bO\xa9\xd1\xcf\xbc\x02\x9d\xb5.\xce\x0f\x952\xb9\x96\xb6\xa7\x80U\xb5\xb3a\xec\x18\x02\x00\xdc\x10\xb8\x018\x8b^\xf7\x00\xcf\xf2\'\xee\x12\x11&gt;\\\x93n}\xe8\xc6\xf7^,\xb4=\x05\xa5.\xb6\x0b\xab\xb3\xb2\x17\xb3\x06\x18\x04z\x12\x00\x00\x00Cy\x91&lt;i\xee\x89\xe3\xde\x94\xfd\x8e-\xc7\x81\xe8D\x84H\xe2\xda\xdc\xbb\xf7\xceK\xcf\x8e%\xbb\xd7\xca\xe8\xe8&lt;\xc9\xae\xb94\x07\x00\xb8]\xb0\x02p\n\x8f\x92\'m;u\xc9\xad\x97\xb1\xd5FC\x99\xed\x186\xd6\xceY\xfcI\x99\xee\x8eqR\xef\x05\t\xea\xbc\xa8g\xa5\x07&lt;j&amp;\xa7\x07\x00\xdc;\xb8\x018\x07y\x0c\x94;f$c\xf1\xdf\xc8\x14xe\x10\xd8\x01pa\xa2\x9d\x19S\xdd=\xc0\xd8i\x0b5&lt;G\x00\x00\x88\x81\xfe\xe8\x1c\x84\xc7e:\xcf\xd7Ve\xd7D\x14\x10\x82\x13Q\x01\xe8\rZ\x19\x00\x00\x94\x81\x15\x80$]\x96m%\xdbf\x1an\x93\xc0\x00\t\x00\xb8KD\xbd\xe8\x1f3\x96d\'\xdb\xa2\x06\x00\x00`&lt;\xe7\x8d\x04l\xd1Pb\xa5\x04\xeceMR`g\xc4\x1c\xa0\x06\xcb\xe5\xee\xa2\x9dv\xe9\x1b\xbf7"\x13\x8d\x14\x00\x00\xc0F\xe7s*$Q\xfb\xb0\xa7*\xa7{|\xb3\x11\xcd\xcb\x85\x1b\x00p2\xaft\x19w\xd2\xbb\xb8\xac\x86\xd3ir$&amp;\x10\x8d\x14\x00\x00.H\xaf\xbe\xfb\xe7\xbb\x8d\n\xe2\x11\xee\x0ef\xfbz\xd2\xfb\x06\x00\xc1=\x00!\x8e^.s\x81Q\xeb\x1e\xa7k_h\xf2\x00\x00p\x0f\xa0\xaf\x07\xa0\x11\xa3"\'\x84h\x13R\xb0n\xd6p\x1d`\x10\x17R\x15\x00\x00\x00\x00\x00\xdc&amp;\xb7\x10\x92\xde@\x11\x00\x00\x00\\\x84\x0f\xb9\x85\x81\xf3\\f\\\xbe\x9f\x1eX\xcc\x02\x06\x19\xcb\r\xf5{\xc2\xa5\x03n\xfd\nE\x00\x00\x00R\xae\xb4\xc8{Y.\xb6\x98~q\xcaL\x8d:\xba+\xa6\xac\xebgh\x9f/\xec\xc3\x93\xa8\x01\x00\x00 \xc6\x9c=\xf5\x8d\r!\xd3&gt;TW\xcf\x84\xd5T\xe6&lt;\xb7ZA\xc0\xe5"\xddK\x99\x0fO\xc05\xcc\x0b\x00\x00\xed\xb9\xd2\x8b\xc0\xf06+\x87~\xa7\x0fu\x12|&amp;7\xe3&gt;J\x11\xde\xe1\rf"\xdb\x1bg\xe9\xcc\x05/d\x04\x00\x00\x00n\x9f\x1b^\x01\x98\x90\xb6\xf3\xbb\x17\x99-\xd6\xb8\x96\xb6\xa0\x15\xf3\x9d\xdb3\x952\x00\x000\x80\x87N\xcd\x9d1\x919+\xa8\x972\x960Bj=\xa5\xd4]G\x1e\x98|\xbdO\xd4$3\x0cG\xe3\xc3:\x00\x00\x00\x000\xc5\xe0|\x15\x9c\xe3A\xce\xb4\x1e\xce*\x01@\xc8\xcc\xef\x11\x03\x00\x80\xde\\\xe9\x19\x000\nL\x86\xe5a\x86\x0fy\xd6k\xbf\x17\x02s\x99`j\xe6\xda\xfcCD\xe8\xf1\x00\x00\x00\x00pa\xe6\x0b\xad\x00\xb0i\xb4NU+a\xb6\xe7\x10\x00\x00\x00$@\xaf\xad1\xc8\x14\xb09\x08\x03\xdf\x00\x19\xc8\xdf\xbd\x15\x88\xd1\xa7{\x86\x18\x00\x00.\xc7U\xb7\x00\xa1\xf7\'\xa2m*\r\xf7\x00q.\xaa\xf65\xf0FbIW\xb9\xac/\xf5\xe5N\xe2\xda\x9a\'n\x99y=\xbc\xb3n\xab[W;33\xbd\xde\xed\xd7#\x00\x00\x8c\xe5K0\xfd\xb3\x12\x9e!\xeb\x98\xdd\xe5\xe2i\xb8\xcap\x12&gt;\x89\xf6\x1bbp\x8b\xbe[X\xa3\x93\xe4\xb6b\x01\x00\x00\x10\xd1[]4\x12\xed\xc1f\x8a\xaf*\xbe\xbe \xc3\xc2\xbc\x00X\x81\x17y\xe1~\x81\xe9"\xbf\x83\xccK\xc2\xdc\xc9\xd4pl\x00\xc0e\xb8\xe4\xe9\x07{\'\x8b\xc3\x9b\xc7\xb3\x18_\x11N\x9b\x01}a\xe6`\x03g\xbeI\xf7\xd3z6\xbah\xe7&lt;\x8a\xbaw\xc88q:\x86\x12\x00\xc0\xbd\xd1\xea\x19\x80\xb3\xa6=0\xdd2\x9ae\xa4\x84\xdd\xe7\xe6\x16f"c\x11\xd9M\x87kJ)D\xff\x01\x16\xaf^\xbc\xbb\xc2\xc3\x95\x01a\xa3 \x00\x00\x941\xbe\xf7tv\x01\xa1\xfb\x06\xe0\xe0\xe6\x02\x9a\xfb\xd9\xf2\x97W\xcc\x9b\xabh\x03k\x8b\xcem\x17\x16\x00\x00Fr\xd5S\x80\xb6\x19\xc0}\x9e\x0c\x13fw\x04\xe2\x80$7\xb6\xa5Arp&lt;\x0f}\x0br\xbf\x8c\xf2*\xee\xa6\xaay#\xb4;\xffT\xafnX\xe3\xcfk\'\n\x00\x00\xce%&lt;\xee\xe2H\x04\x00@\x19K\xef\xf1\xbe9\xc7\xc6\xf7V\t\x0c\xa0\xf3\xc3\xd0E\xfcV+M^\xe5n\xd6\xb2\x00\x00S\xd3}B\x05\x0f\xec^\x85\xd83\x97\x00\x9c\x033\xa3\xeb\x98\x96\xba\'q\xa3\x92\xf7\xc8\xff\xc6j\x7f=D\xe1\xb6\n\x05\x00\xb8"W\xdd\x02\x04z0\xd1|\xdb\x8d\x01\xc3\x16R\xfb\xbe\'\xd0\x93~U\xb3m\xf1\x14\xd6\xfeTk\x05\x00\x00p\x05\xba\xdf\x00\xec=8N\xee\x07\xb7\x88\xcc\xa5\x95"\x1a\xb1C\x1da\x10h\xc5\xd8g*l\xb2\xde\xf5;\xa9\xd3;\xd6C\xf3\x04\x00\xcc\xc3\xe0\x15\x00L\xe6\x953\xd7\x8eX\xb0"wi5\xe0\xf0J\xcc\x97\xa7\xb8\xb3\x16\xf4\x89\xe5\xe5Uj\x98\xb1r\xf3\xf9N\xeb\xefI\xdd\xde\xd1jN5\x01\x00\xf7\xc9\xa0\x0e\t\x1b\x1f[\xb0\x0c\x93\xb0!H\x83\x16\xe7\xe7F\xdf vi\xf4y\x8dy&lt;\xb6S\x0bB\xc3\x04\x00L\x02\xba!\x00n\x8e-\xa4:%\xce\xc0\xd3\xe4@\x8e\xb5\xaa\x19\xf6\x9c~\x0f\x1c\xfb2\xc3+\x99\x01\x00\xb7\xceCg+\x00\x00h\x063\x0f\xdc\xb9\x01@-JQ\xf2\xa0\xa7m\xd6\xbc\x9f\x16\xf6\xdd\x85\xf6z`D\xff\x00\x00\x00\x00\x98\x9d5\xf8\xc7\xe3"\xe0f\xe8\xfa\xf8\x93\xf3\xc2\x014\x1c\x00\xc0]\x80\xe9\r\x00\xe6c\x99{\xbc\xec\xf6\x83\xf3w\x01a\xaf?\x90\xe1{\xdf0]\xb4\xdd\x01\x00\x80\x1cts\x00\x80\x9b\x02\xcfY\x029\xde\xb5\x058\x0f\x00\xe0\xe6\xc1\x8b\xc0\xae\x04\xf6u\x80)\x98\xdb\x0f\xb7\xe8mj%A5m\xea\x17\xb1&gt;\x00\xe0&gt;\xc1\r\xc0\x95\xc0XU\xc1\xfdn\x8eo_\xe4k\xf8\xa1\\\xc9\x0b\xb8\x84\xf3"\xc5\x0b\xe8|\x15\xacW\x8e\xa1\x9b\x05\x00\x00\x00n\x01\xe79\xbf;B+\xfb=\x16\xdf\x8b\xfd\xc4\xe7e\x1c\x83\x9d\x7fA5\x97\xa9}\x00\x00h\tV\x00\xc0\xbdp\xe7\xd3z\x828\xc7\xbdG\xba\xf1\xd8h\x7f]B*\xc5$(\xe7\xdf{\xa4\xf1\x9d&lt;\xe6\xfb\x01\x00w\tn\x00\xce\xa1\xc5\x8c\xecT\xa1\xc9\x15\xb8\xbf\x91\xde\n\x95\xe2^\xc7l\xa4\xb9\xe1%\x93}\x8fGb\xb3\xc7\xcd\x1a\xe0\xaa\xdc\xed:\x1e\x00\x004\xa7\xc7\r\x00:\xe81\xdc]8[\x8cR\xaa\xf3\xbe\xde3}&gt;\xb2\xc1\xc9-\xb5$|b\x8e\xbcz\x89\x89&gt;\xb1D\xcb\x16\x8c\x0e\xfe\xd4\x7f\xbf\xb1\xed\xe0\xcc\xbcx@\x8b\x8da\xe3}\x1e#\x0b\x00\x00\xcc\xca=o\xb6\xae\x06F\x03\xf9\xf0A(\xba\x977I#(\xf4_\x12\x97\xf3\x9d]\xdb&gt;:\x96Jv?\xa9\xbf\x018\xa9.\x12\xe3\x0bF\x1f\x00\x008\x0b\xf4\xbf`^n2&gt;\x98\xe9\xae{\x06\x1d@\x88\x8f\xdao\xea\xea\x1d\xa6\xf8\xf2w\xea|\x8b8GC\x00\x00\x00\x00F\xa1\xcf\xed\x8d\xcb\xf2R\xc3\xedj\x9c\x97\xbd\x92\xce\x004Bs\xfbK5\xdb\r\xd1c\xec-\x8avE\xe3\x00\x00\xc0\x0c\\rt\xb9&lt;\xa9\xcd\x1b]r\xbc\xd6\x94\xdb\x84\n\xcf\xa6\x0f\x00\x00\x00\x00\x00hF\xe7\xe8\xb3\xf2\x91\xbe\x8a\\/\x15\xbfN\xa5\xed\xe5\xacw\x02\xef`\xdb\xa7\xb3\xc5\xc6T\xc7\x85+\xfd\x94~&amp;\x17\xb4,\x00\x00\x00\xb3\xd0\xf4\x06\xc0\x15\x82\x01O\xc8TV\x9aJ\x99\xabpy\xa35\x8d\xa1\xcfy\x18\xf7\x8cL3hz\x030{a\x01\x00\x00LM\xc31\t\xb1\xfe\x15@\x1d\x816dv\x1d\xb8%\x00\x00\x00\x90\xe0\xa1\xb3\x15\xb8#\x94\xa2V\x87\xf7\x9fs&lt;93\x9f\x95\xf5%Y\r\xc5\xeb\x99\xfa\xb0\x1b\xc8\xa3\xf4&gt;\xff\xc7\x1a\xeb!\x02\xee\r\x00\x00\xb7\x88\xb6f\x8d\x99\x9e1\xc0\xce#\x18\xb3W\xb8k\x16\xb7\xba\xddyd\xb9\xe6\xdc\xd7\xbe[\xe0&amp;\xeb\x17\x00\x00\xc0\x89d\xbc\t\x18#\xd1XJf\xd4P=\x19\xbc\xe78[\xf5\x9b\xfe\xbf\xbd\xe5\x05+\xee\x1fx\x0f\xb0g7K#\xea\xff\x06k\x00\x00\x00\x00\xf4\xa7w4\xd3\xf4\xb9\xb7Y\xc2\xa0\x1elQf\xbfE\xad\xa1\'\xb16\x91\xd4BHKF\xc6\xe2\xb7\xba\x8a\xb2\xc1\xf4On\xb8t\xd7\x02\x15\x01\x00\x98\x83\xd9\x87\xbd\xc9\xd5\xcb\xe427\x00\xb7ev\x17\xf3D\xa6\xeb\xde\xed4S\xfb\xa4\x08x\x96\xb0\xbb\xb8\xf8\x93\xe8\x9f\xc9to\xc3\xb8 \x85\xd6\x83\xe5\x01\x00\x93\xf0`\xf6\x05\xe6\xdbZ\x01\xbf\xcc\x82~\x9e\x9e\x97\x1b\xcf\xacW\xa2\x9eR)\xd5Fc^^\xfd\\r\x9d\xef\xaa\xf1\xce\x89@\xe8$\xb6\x8a\xbe\xb3\nh\x1a|\xe77\x96\x99v\x97\x01\x00\xc0C7\x16a\xb7f\xe9\xaf\xa72Q0`=obi*\xfbHx\x88\xe8w\x96O\x9b5\xc7\x17\xa1&amp;\xc7\xf6U}\xca\xad\xe9&lt;\xf7\xc3\xc5\x9a\xccS\x84,.\xaa\xf6\xa5a"u\xca\xf9L\x00\x00\xe0C&gt;\x0cL\x18\n\xf7\x87\x99\xda\x9d\xdd9\x84\xb3\xe6\xb3/\x86\x15A_(\x1erc\xff\\\xe5o\xef\xb9a\x00D\x9c\xda\x9f\xeb-\x17\xad\x0f\x00p:\xf2S\x80\x96\x0e\xeb\xceV0\x95\x9a\'\x9e\x96\xcd\xfa\x8a\xb4\xc5&amp;\xd4+\xe0\xa9\xa3\xfa\xe8\x9f\xee\xfbl\x99\x8bz\xfeE\xd5\x9e\x8eP\x7f&gt;\xd0\xbc\x13\x8d(\x00\x80\xfb&amp;\xe3\x18P"\xb5\xec9\xc6ht\x06\xeb!\x85\x85\x17\xea\x7f\xe3&lt;\xd7k\x90\x88\x13\xee9\x8e\xdf\xc8\xf6\xe1\xf9,&amp;*\xc2\x18\xb5\xb7\xbe\xfd\xa3\x07\xe45\x17C\x9cbi\xb0\xcb\xea\xdb\x88\xfc\x00\x00\xa0\x1d\xfb\xd1)\x88\x1d\x07\xb2Y\xbb\xecT\xc4@e\xdd{\r\xb2\xc6\x13\x99\xaf\xf24$3\xd3_\xc9P\x95\xafS4p:Z\xf7\xee\xfa\xcc-{\xd1\xe3\xd0F\x00\x00 \x82\x1e3\x9d\xad\xcb\x8d \xb2$\xac\xdd\x83^\xce&lt;Ye\xc1y\x80\xce\x07%&amp;\x11B\x9d\xbc\xa0\x99D\x12\xcc\xef\x84\xf3k\x08\x00\x00\xe7\x83\x1b\x80f\xb4\xb6\xe4s0\xe3+g\xf6\x1b\x80\xbf8\xed\xa1\x81\xe8\x01n\x18\xfd\x06 s\xad\xa9\xb3N\xfd\xe4\x03\x00\x00\x006\xdd\xc6\x9e\xc7\xb7\x16\xc8\xf1\xf7\xfb\x94\x8d\xeb7L\xf3\x1b\x00\xa14a\x8e\xd3D&lt;\xdft\xb6\x02w\xc9y\xed\x14+\xbdQ`\x13\x00\x00\xb8\x17\xae\xd2\xe3\xaf\x8f\xf6\x06\x86\xed\x17aP\xb7\xb0\x0cRo\x1c\xc1\xf2\xcb\xc5B\xab\x0b\xa9\n\x92\xc8\xab\x12\xd3\x04\x8d\x80\r\x01\x00\x00\x0c!\x1a\xb1aP7x\xbf\xf6\xb1xBTU\xf4\x8fyYP\x87~\xaf\x8b\x8d\x82\xddAS\x05\x00\xdc\x19\xe8\xf2N\xa5f\xd4\xb9\xbf\xf8\xb2Y$\xf4d\xf1\xcdU\xa9\x85\xd9\xa4@\xc2\x84\xb4*\x083\x13}|\x13Q\xf7\xc0\xed9\xd2l|!\xcc\x0b\x00\xb82w\xd1y\xdd\\7]8\xcd\x8f\x98@\'\xcb\x08\xd9v{\x9d2\x0b\xdf\xe0\r@+`\x90,n\xf2fr2\xbc\xb6\xc5\x1a,\x00`""o$\xe1{xe\xe1\xdeG\xcf\xf7\x86 )\xcc\xac\xfe\'\xd1+U\xe9\x7f\x03v8\x0b\xcdtt\x0fM\x06\\\x1d7\xe8G\xabo\x0e3[V\xd5\xcd\x0e\x83\x03\x00N\xe7\x1a\xdd\x90\xdb\x996\x94\xbc|\xb8n\xf4\xd6$v_\x84`X\xba].w?\xcf\xccp\xc8.\xe0\x06\x00\x00\x00\xc0\x83\xb3\x15\x90\xd2\x7f\xa9\xfa\xfaC`\x85\x89\x96\xd7\xd47\xd4\x05\xcc\xc3\xb6\x19\xe1Z\xdb\x0f\xae\xe3\x90\x8f\xcd:]g.\xd0\xf0\x01\x00\x00LM\xbf\xed\xaa\xab\xe4\x97\xd8o\xbe\x9cp\xb4\xf6\x82\xbd\xbcW\xe3m\xce\xcd\xder\x15x\xce]r\xbd\x1eC\xa80:C\x00\x00\x90p\x99\xb9\x9fm\x8f\n\x11\xa9\xb6;\x82\xac-4\xcc\xac\xd4:\x99~\x0fsc\xd8\xfdOw\xb6\x03\xaa\xdf\x86:p\x1bL\xe9!FT\x1fV\x8f\xef\xa7\xeb\x06\x00\x80\x1a.\xb3\x05hC\xad\xbb\x19\xda\xcd\xf1\xb8C\xc5\xfd\xcc\x1f\xe9f\xc4\xb4\xd9\x9dp\x95\xd8\x08\x0e\t4\x94N(Qk\x97\x81\x07\x02\x00\xc0D,+\xbc]\xbbf\xe6\xfbxW\xce7\xb1\x87\xb3\x95\xbay\x8a\xbd\xf7\xae\x8e\x11\xe4G6\x8f\xe6\xe0\xde\xb3\xd2\xa4^\x96\xfa\xfd\xd9\x81\xaf\xf6\x03\x00\x80\xebr\x8d\xb9\xc0!,\xa7\x8e,\x9f;\x9ae\xb2-7\x9e\x91w\x0e\xc5n\x96\xcbn7\xba\xdc9B6\x97\xb5\xbc\xc5\xe5+\xc2G\x83B\x9d\xbas\t\x87V\x01\x00.\xc6\xba\x05H\x9b\x1b\xbb\xdb9\x8f\xb5\xf3\xee=E\xb8\x0c\x12\xdf\x92uM\xc7\x07\xa0\xedo0\x86\xf5\xe6\x82\xe7\xae,^\xe2\xd1\xf9Zs\xea)\xcb_\xa5 \xd7r\x1e!\r\nub\xb3\xda\x06\xcf\xab\xb8\x10\x00\x00h\\h \xbf\t\xea\xad\xddd\xc7\x8e\xbe\xf3\x07\x0e\xd0\x86R\xc2\xf4\n\x00\x00 \x00IDAT\xfb1\xa6o\xe7\xd8\x85\xcf\xc4\x0cs\x85\xddq\x93\xab\x17\xe7\xd2\xca\x13\xd1\xd5n\x86\x01\x00\xe0\x12\xf0\x9d\xed~\x16\xd2,(\xc1\r@[\xee(\x0e\xf8I&lt;:\x02\x9a\x00\xff\x01\x00\x80\xa1\\`5Y\x8f-\xaa\x17y\x83\x9b\x19\x00\xc8\x04\x07\x0e\x82\xbb\xa0\xeb\xb3\x13S\x1e9\n\x00\x00\xa0\x13\x7f\x1eS\x86\x00\xdc X\x10\x00\xb3\x81\x15N\x00\x00\xb8\x04\xe8\xa6\x01\xb80\xf7\x13o\xe1&gt;\xe7"0\xd1]\x1c\xeb\x0c\x00\x00r&amp;|\x11\xd8\xad,\x07\x7f\xd5]\xc4@`*\x96\xc8{\x869\xf8\xb3\xf3Gt\xfe\xd2\xd9W\\\xd5bIoWD\x8a\x9a\xbe&lt;&gt;\xe9]\xafvUc\x02\x00\xee\x85\x8c&gt;\x91\x99\x95\xca\xb8\x84\x99\x15\x91\xaf\xdb\xbd\xfd\xcd\xd3\x93\x1d\xf6\x0f\xee\x02+(\xd9|\xef\x84c\xe3\xabw\x8d\xf79U]{\xd3\xc7\x84\x9c\xbb\x1b\xfe\xba]\xd6\xf8\xd7;\xdc\xca\x0b%\x00\x00wM\xc6\n\x80R*7\x92`\xff&lt;\x9cR\n\xbd\'\x18\xc1\xbdO\x03\x9f\xb3\x12\xc0{\xe6\xf2\xc4&amp;y\x13\x13\xd2\x94s\xfb\xc3\x89=\xe2\xccfI2~(\xb9\xe0\xab&lt;\x00\x00`,\xf7\xb3\x1b\x18\xdc\x1c\xb5/Xh\xa3EI\xce\xe7o\x01\x1a\xf9(p\xc6\r\xc0\xd9f\xa9\xe3\xd2\xca\x03\x00\x00\x00a\xbe\x12#\x1c\x18\xc5\x1aN1?\xc5\xe3u\x9e\x1b\xd7\xac\xf0\xf1\xe4X\xf3\xec\xbb\xee67\x00,{p3/\x17\xf40\'\x10\xf7\x84{89\xea\xb6K\x07\x00\x00\xb5\xa0\x97\x04c8\xd6\xa6\x02\x91G\xbd+^\xc1\x99g\xd2\xf0{\x1ce\xce\xbe\x8d\xe9\xc3M\x16*N"\xb8\xbf\x87\x1b\x00\x00\x00\x00\x00L\xc1\x16p|\xcc\xb9j\x00"*\xda\xdfr\xc9\xed\x85\xefqA\x9d\xabI\x96\x17\xd1?\x00\x00\x00p\x02\xff\xef\xd9\n\x80\x9b\x87?\xf2\x98\xe8\rF{Y\x81 \x0b\xf7\x089\xd7\xe5_\xd2\x8cW\xb7\x14\xbe^\xe0k\x05\xeb\x97\xd3\x1f\x00\x00@\x92u\xa8F\x17\x0f\xc0,d\x87\xc8\xb3\xd0\xebeL3\x95Q\x80\xb1\xd7\x05\xbd\xebT\xa0.\x00\x00wD\xec\x18P\xde\x1e\xc3\xbb\xd8\x10\x0b.\xc6-{W\xa4\xed\x944\xab\xf5\x92\xcb\xdd\x03\xac\x93\xf5\xcbc\xd7mE\x0b\x0edd\x9a\xc5\x0e\xd6a\x9f\xd9\x07+\x9b`\x82&amp;H\xee}\xf2v_\x06c\x02\x00\xee\x85\x87"\xbf\xa5^$d\xf4\xb18\x17\x19\x00\x97\xc6\xedB)\xe2\xbc\x17{\x9dx\xb8| \xf3\xf1\x1a\xcd\xd55\xd5\xbb\x84\xf3\xc6\xb7Jy7H\xae\x91\x95R\x9c\xd9\xb2\x00\x00\xe0\xd2\x94\xf7w\x81\xd7\x8e\xde x\xef\xe3\xad\xc2\x99/\xb7\xbe\x1cp\xdd\x9bD\xef{\x03o[\x07\x00\x00\x00bd\xbc\t\xf8n\xc1k\x1f\xafI\xfa\xec\x11E\xd43\xfa\x9fb{\x06\\\xf7\x86Q\n\x15L4\xcf\xfe.\x00\x00\xb8\x0eU+\x00\x88\x8b\xc1\xe9X\x93\xdc\xe1\x85\xa9\xf4\xfa~h\xbe\xbcl\xa1`\x8e\xd9\xf7\xdd\x1ar5\x0eC\xcdQ\x04`c\xac\x00\xa0v\x00\x00\x00\x0c\x05\x93.`\x02\x9c\xc9?\xfe\xd1*\xcf|Oo\x16\x16\x15\xf2\xc7Q\xa2\xb0}F\xe7e\n{Wt\xf4\xc3\x1c\xb1\xf0\r\x00\x00\xb8.\x98="Z\xa6x\t\x8b\xe9\xa3\xb9\xc4"\x927\xca\x99_\xed\x85u\xed\x82;\xfavt\x95\x00OU\xf6a\x7f^\xb5C\xb5^\xa2U\x02\x00\x00\xa8\x04\xcf\x00l\xd4\x8dy\x99\x93a\x989#"R-\'\x11\x07\x99T5{"\xe4\x15\x07\xbc\xcbV)E\xa4H\xdb\x1f\xd5z\xd66\xb6G\x08\x13\xc4\xbdP\xea\x9fR\xdb{\xabf{\x8a\x9cw\xbd\xc5\x9c\xa0\xa97\xc2\xdb\x00\x00\xa0\x8c\x9a\xbe\xf8\xaaC}3\xb5\xb1\x1a~:\x9d\xf6Ehb%\x92\xd9\xba\xca\xd2g\xfb\xe6i\xc7\xd9\xe3\xa5\nO\xe1rQ\x83O\xa1\xe1\xcd\xd2k\x17P\xa5\xcc\x0b\xed\x91\x03\x00\x00PE\xebY\xcc\x91\xe3G\xb3\xe9g\x8cy3\xd0oct\xa6\x02\x81\x07\x06\x9el|\xf3v\xda\r\xc0g_5l\xf2\xb7\xfd\xa5,e=C\xfbJ\xbc\xa4a\x93d\xdd\x97\xca\xf9\x88\xa6\xd2\x00\x00\x00LJ\x83\xf7\x004\xdf\x8a*\xd8\x84\xca{\xceIa\xa9\r\xd0-\xb6)o\xb6\xc0\xde\xd9\xd9\x18\xbb\xa1\xd9\x1f\xb8\xea\'\x11-\t\xf6W\xec\xed\x7fJ\x9eB\xf1\xee\xb6?y\xc763\xf9\xceG\xd2\r\x91\xab^\xf4\xa1\x02pPc\xe4\xf38\xe1\xb1\x10\xb3\x8d\xc8\xc7\x8e\xa0&lt;&lt;\xd9\x02\x00\xb8\x01j\x9f\x01\xf8aj\xff Zr0\xcb\xd97\xa1R\xea\xd5+\xaf\xebr\x93s\x8d\xe3h=\x0b\xfe\xcf#2\xdb\xcf\xb8\x7f\xf4\xfa\xdf\xf0s\x02V\xec\xae\xfd 8\xd0\xdd+\xf6\xdc\xc0o\xb9\x7fq\xbf\x8f7\xe1\xf8f\xadvOY\xf8\xb3\xee&amp;v\xf4\x1aN\x1f+}c\x8f\x05\x93\xdd2\xcc\'\xec\x11R\xc630\xa4yl\x99\x1a\x88\xfe\x01\x00\xf7\xcdi{=\xa3\xd1C\xae\xa4v\xeaT\xed\xe7\x06\x0b\xad=\xea\xb5#\x195\xf7\xde\xcd\x01\x8cc4\xe5\x17\x0b\x9f\x9b\xecA\xa95\x12\x0f\x00\x14\xff\xea\xbd`\xe6\x8dvG\x0f\xf0\xfe\x89g^\xbbx]\xd3\xad\x8c\x1d\xb6\x15y\xf2X&gt;\xf6\xcbE\xa8\xc9\xb9\n\x00\x00\xc0E9m&lt;n\x17j\xe7\xed\xed\x0e\x8d\xdf\xdb\x97\x9f\xdbB\xa5\x12N\xaa\x08\x8e\xfe)\xe7\xcdZ\x08\xf1\x10\x8e\xb7\xde\xb4\xe7\r\x80D\x01\xcf\xd5YY\xe5$\x96\xf0?\x8a\xc2\xbe\x91=\xc0\xfeP\xc1\x94\xc8\xee\xff\x07L\x9a\xf8\xb2\xc8\xc8T\xeb\xe5&gt;\xb4\xb9nnf\xf4\x99\xb3V(\x00\x00\x00@\xa9\x1b\x80\xde\x99\x0f\xcfQ\x82g\xa6\xb0\xc28\xbb\xb4\x96\xb3\x8f\xd1\xfa\x1aq|\xca\x1d,\n\xddv\xe9"8\x05OW\xf4\x90\x0e\xa4:\x8b\xf3::?\xf9\xb7\xa6\xa7\xad\xa4\x01\x00\xc0\x858\x9e\x01\x98\xaa\xd3?\x85\x88\x05\xcc\xed\xb6\x83\xad4\xe7\x96\xd3\xc5$\xca\xfd\xaa\x98\xd6\xd1r\\\x96\xab\xeas+\xf3\xf3m\xd0O&gt;\x82BD\xc6\xfde}\x00w\x15\xe6-f\x99b\xe9\x8a\x1e\xd2\x90\xab\x9f\xa0\xf0\\}jM\xad\xef\xb2\xc8\xb9b\xf9\x0f3\x11\xbdcq\xbe\xf3\xfa\'\x00\x00\xdc7\x1dz\xe7T\xec5`\x83\xec\xdd\xd2kON:\x01\x0b\x13wE\x9bv\xbd\x17\xefja\xf0~O\xf4vE\xec\xea\xe7\xf9\xe4\xbex5\xdb\x82\xc00\xee\xb0\xc8\x00\x80\xbb"\xeb\x14\xa0\xe2\xa5\xd8\xc6\xf4\x1a\x8fR\x93g\xcb\x8f\xb9Y33\xbd\xe0N\xc6\x92\xd1!]eh\xa2O.\x9e{\x90\xa2\x96\xfb\x9c\x0b&gt;\xedia\xf0.\xb6\x92)V\xb3\'P:I\xcf\xa7\x86\xa1K\xf8\x7fV\xee\xa7S\xe1\x9f\xf7k4\x00\xc0\xad\x927\xda\xf5\xdb\x00\x8d\xb9\x19\x00\xee\x8a\xa2\xb5\x91~\xbd\x04[\xb4\x95\xdbJZ\x1d\xbc?x=\xf6Q\x96)V\xe4\x00\x00\xe0\xe6\xc9Y\x01`\xa2\xad_\x96\xf4\xce\xd2\r\xd0\xf9\\\xe7\xad7\x19\\y\xc0\xbb\xac\xe6\x17\xb6\xf9\x05\x10\xbb\xf4\xe7\'S\xb8\x0f\x9c\x9c\xeau\x1d\xdfT\xd0\x04\xff\xfdR\x9e\xb7\x9b;\xef\xc7\x95W\xd1\xb5;C\x00\x00\xb8Ant3\xe8\xed\x95h,\xabKT\xf9\xc6t\xa7\xe5\xb8\xae~\xfd\xcd\xd0C5\x97\xd8\xaa\xc6\xa4W\xae\x08?\x15\xde\xe59~\xaa\x9d}\xce\xb0\xf3q&amp;X\x98w\x9d\xd6\x01\xa6U\x0c\x00\x00\xcax\xaf\xdb|B\xf1\xe2Q\xdd\xf9\xec\xd3\x8d\xb7dFk\x83\xc7G\xd7n\xf9\xb8\x9eej\xdbEOg\xb8\xc96\x9b_\xa8\xa0O^\xdd&gt;\x97\xbe\xd9\xbe\xae\xe6\x00\x00\xe0\xe7V\xfb\xb5T\xb9D\xb3\x98mU\x02\x13\xd02\xb4\xba\xa4\x87\xb4\xdc\xf9}\xc1\xe2wF\xf3\xae\x9a]\xefS\x07\xca\xd3\xde@\xf6f\xda\x1a\x01\x00\x80\x9d\xacS\x80\x88\xa2]\xdb\xb8\xa1hh\xf7\x1a\xdb\xfc\xba\x977w\xea\x0e!Q\x19\x03\xc3\x1d\xb5\xe3~\x1b\xd2\xcc/\xe9\xa4h@\x0f.Kh\xf9\x0c\xcf\x8c;\xe6\x0b\xec\xd3pfz\xf7\xa2:a3\x1av\xa7\xe8I\x89\xcd\xc2\x03K\xd6\xbcK\x99\xfc\x11\x11\x00\x00\xa0\x82\x1b\x80\x08\xc1\xd8(\x87t_\xfc\xa7\x8f\x14\xadF\xe2\xe1\xfdu\xee\xabm\x00\xd1\xdc\xf3j\x8bf\xae\x86K(3&gt; \xf8\x18\xe6\xfc7(\xdd\x17Je\x07\xdfm\xeb\xd1\xbd\xb7l(\xfc\xb2\x8c7\x82v\xd8\x11\x00\x00\x00/\xd6\x9a\xb5\xf0\xa2\xac,\xde\xdc\xea\x85}\x11\xd5\xae\xc3\xe8^;\xb0!d\xb6\xc1#\xa7\x8e\x9ak\xde\xcb\x0eIS\x9f]\x0b\xb6n\xc3\x1cc*\xdf\x13\xb0&gt;2&gt;ja$\x9a\xcb\xc5LW\xcc\x9d\x14\xb3\x12X\t\x00\x00b\xe4\xdd\x00\xe4\xef\x8d\x89^\xfe\x18c\xe3\xec\xe0\x98\xcf\xbd\xff\x99\xf3\x06@\x8e\xa6\xfc\xd4\xfa\x1bv\x9e\xf4\x06@\x83Y\xbb\x1f\xd0Uj\x19\xf5\xee\x85=\xb7\xd4\xb9\xfe\x7f\xe9\xf6R\xc4\x04\xf79\xd3\xb4\xeeK\xf46\x00\x00p\x0f\xb8[\x80\x92]s\xde\xbe\x82\xccum;\xb1}\xf9/\xad\xff=%~\xd8\xf6\n)\xfd\x9bf\xd2G\x15\xc9\r\xbf\xd4\xfe\xcf\xac\x18v\x0e\xd8\\\x8d&lt;\xac&lt;\xca_5*S\xd7\xa9\xe1\xaez-\x83\xf3\x8am\xadxH.\xf1&gt;Y\xa1I\x9864,Ql\xbbc\x1dP\xa89\\_\xc6\x1d\xdd\xfd\x01\x00\x00h\xc5\x89+\x00Q}\xae\xc2\xcc1V\x15\xf3T\xc4\xd9\xebB\xef\xe0\xe6\xdeS\x99\xb2E$O\xe2C\xce\xfb\xcbE\x8d\xbbm\xceJ\xec\xd2O7\x896\x93\xc8\x9f\xa7\x91\x02\x00\x00\xb8\x18V\xb4Q:\xc4\xb6\xdc\x89!\xc9\x1a\xc3\xde0n\xd8\xd4\xa28\xdb\xd7"n5\xf0:=\xbc\xf6*0\xd5\r\xc0\x80\xdc\xb3n\x00\xbajR\n\x13\xfd\xdd\xb3u\x00\x00\x00\x90"4\xdc\x9e\xa3\xcd\xab\xdffhuQ\xd2\xce\xf0\xba\x17^\x03\x91\xfby\x85O~\xd7\xf2\xacB\xe8f\xc3\'\xf9\xe4\xe9\xed\xf3\x1a\xe0\x9a\xfb\xabFo\x00\x04r&gt;n\xbf\x90\xbe\xbf\xf9#.\xf38\xfc\xa4]\xe5j\xdb)u\x03\x00\x80^\x8c\x8d\x9e{oB8\x81[\x9d[\x9d\x9fH\x84\x9a\xaa\x91\xd4\xb3\xe6\xb3\x12*r\x0b\xb1\x86\xfc\xc5\x86\x9f\xea\x9a\xc5g\xdb;l\x02\xc9\x10\xbf\xac_\x8d\\\xa2\xfftQ\x83O\xac6\xbf\xd1\xa4\x8a\x01\x00@7\xc6\xde\x00\xf4</t>
        </is>
      </c>
      <c r="E461" t="inlineStr">
        <is>
          <t>&lt;class 'numpy.ndarray'&gt;</t>
        </is>
      </c>
    </row>
    <row r="462">
      <c r="A462" s="1" t="n">
        <v>460</v>
      </c>
      <c r="B462" t="inlineStr">
        <is>
          <t>steps_per_sec</t>
        </is>
      </c>
      <c r="C462" t="n">
        <v>5200</v>
      </c>
      <c r="D462" t="inlineStr">
        <is>
          <t>2.6286643</t>
        </is>
      </c>
      <c r="E462" t="inlineStr">
        <is>
          <t>&lt;class 'numpy.ndarray'&gt;</t>
        </is>
      </c>
    </row>
    <row r="463">
      <c r="A463" s="1" t="n">
        <v>461</v>
      </c>
      <c r="B463" t="inlineStr">
        <is>
          <t>Loss/RPNLoss/localization_loss</t>
        </is>
      </c>
      <c r="C463" t="n">
        <v>5200</v>
      </c>
      <c r="D463" t="inlineStr">
        <is>
          <t>0.27399462</t>
        </is>
      </c>
      <c r="E463" t="inlineStr">
        <is>
          <t>&lt;class 'numpy.ndarray'&gt;</t>
        </is>
      </c>
    </row>
    <row r="464">
      <c r="A464" s="1" t="n">
        <v>462</v>
      </c>
      <c r="B464" t="inlineStr">
        <is>
          <t>Loss/RPNLoss/objectness_loss</t>
        </is>
      </c>
      <c r="C464" t="n">
        <v>5200</v>
      </c>
      <c r="D464" t="inlineStr">
        <is>
          <t>0.039549083</t>
        </is>
      </c>
      <c r="E464" t="inlineStr">
        <is>
          <t>&lt;class 'numpy.ndarray'&gt;</t>
        </is>
      </c>
    </row>
    <row r="465">
      <c r="A465" s="1" t="n">
        <v>463</v>
      </c>
      <c r="B465" t="inlineStr">
        <is>
          <t>Loss/BoxClassifierLoss/localization_loss</t>
        </is>
      </c>
      <c r="C465" t="n">
        <v>5200</v>
      </c>
      <c r="D465" t="inlineStr">
        <is>
          <t>0.19845022</t>
        </is>
      </c>
      <c r="E465" t="inlineStr">
        <is>
          <t>&lt;class 'numpy.ndarray'&gt;</t>
        </is>
      </c>
    </row>
    <row r="466">
      <c r="A466" s="1" t="n">
        <v>464</v>
      </c>
      <c r="B466" t="inlineStr">
        <is>
          <t>Loss/BoxClassifierLoss/classification_loss</t>
        </is>
      </c>
      <c r="C466" t="n">
        <v>5200</v>
      </c>
      <c r="D466" t="inlineStr">
        <is>
          <t>0.14107844</t>
        </is>
      </c>
      <c r="E466" t="inlineStr">
        <is>
          <t>&lt;class 'numpy.ndarray'&gt;</t>
        </is>
      </c>
    </row>
    <row r="467">
      <c r="A467" s="1" t="n">
        <v>465</v>
      </c>
      <c r="B467" t="inlineStr">
        <is>
          <t>Loss/regularization_loss</t>
        </is>
      </c>
      <c r="C467" t="n">
        <v>5200</v>
      </c>
      <c r="D467" t="inlineStr">
        <is>
          <t>0.0</t>
        </is>
      </c>
      <c r="E467" t="inlineStr">
        <is>
          <t>&lt;class 'numpy.ndarray'&gt;</t>
        </is>
      </c>
    </row>
    <row r="468">
      <c r="A468" s="1" t="n">
        <v>466</v>
      </c>
      <c r="B468" t="inlineStr">
        <is>
          <t>Loss/total_loss</t>
        </is>
      </c>
      <c r="C468" t="n">
        <v>5200</v>
      </c>
      <c r="D468" t="inlineStr">
        <is>
          <t>0.65307236</t>
        </is>
      </c>
      <c r="E468" t="inlineStr">
        <is>
          <t>&lt;class 'numpy.ndarray'&gt;</t>
        </is>
      </c>
    </row>
    <row r="469">
      <c r="A469" s="1" t="n">
        <v>467</v>
      </c>
      <c r="B469" t="inlineStr">
        <is>
          <t>learning_rate</t>
        </is>
      </c>
      <c r="C469" t="n">
        <v>5200</v>
      </c>
      <c r="D469" t="inlineStr">
        <is>
          <t>0.03989486</t>
        </is>
      </c>
      <c r="E469" t="inlineStr">
        <is>
          <t>&lt;class 'numpy.ndarray'&gt;</t>
        </is>
      </c>
    </row>
    <row r="470">
      <c r="A470" s="1" t="n">
        <v>468</v>
      </c>
      <c r="B470" t="inlineStr">
        <is>
          <t>train_input_images</t>
        </is>
      </c>
      <c r="C470" t="n">
        <v>5200</v>
      </c>
      <c r="D470" t="inlineStr">
        <is>
          <t>[b'1024' b'1024'
 b'\x89PNG\r\n\x1a\n\x00\x00\x00\rIHDR\x00\x00\x04\x00\x00\x00\x04\x00\x08\x02\x00\x00\x00\xf0\x7f\xbc\xd4\x00\x00 \x00IDATx\x9c\xec}w\xfc\xfe\xdfX\xff\xf5\xfa\x1a\x19\xc9\x8a\x8cl\xb2\xb7(2#\x84PF\x92=+\n\x19%+\x9b~\x15"EF\x08\xdf\xacB\x99\xc9\x88\x10\x12\x19\x99\xc9\xa6\x94\x15\xc2\xf7\xfa\xfd\xf1Zg\x9f\xeb\x9cs\x9du\xdf\xe7\xf9\xf8\xf8\xba\xdf\xf7}\xce\xb5\xaf\xeb\xcc\xfbu\x03d\x01\x02"\x00\xe6!&gt;0p08\xa8\x1cAD,\x9e\xf8+S.|L\xa3\xcdK\x7f\xa0\x12\xea\x0fI\xbf]\x95{\x17@\x80\x1f\xac-\xc3\x00\x00C]]+\xe7\x9d\xcb\'\x9d;\xd3\xefSN\x90\xe3\x840j\x8e\x81s@\xc1\x08\x89\x83E\xd5\x05@\x16\xa6c\x010\xc0\x87\x83\x89\xa2\xac\x8a\x8c\xdd\xc3f\x90V\xf7\xae\xd0}\xe5|Am\x01\xfa\x840j\xbe\xa4\xb6,\x03\x03\x03\xc5Pa\xba\x9c\x9b\xe3\x9b\x11\x13\x07\xc2\x81\x81\x81\x10\xa0\xe5\xf5@a$\x19\xdfY\x99GQe\x03\xef\xf0w]\xe1\xdc;\x92\xee\xd86\x1b\x188N`\xd2ty\xec\xfc\r\x1c*2\x04\xf6\xd8)\x8f\xc7\x98\x80\xe6\xc6\xbb\xc7$\xb0\x00\xb8\x0e\xc0\xb7s7Di\x01\x10Cw\xdc\xff\xc9\x86a\xd5\xa3\x03"\xde\xf4\x88\xca\xe8\xf1hZ\x00GeLL[|f\x03"\x00\xbe6\xc7\x808\x06\xd9X\x8c\xb9i\x01\x8cI`\x01,\x91\xcc\x11\xcc(RL\xde\xc5?!]\xa0\x01\x19\xe3+\x89\xbd \xd4Aw\x05x\x97\x8d\xd4XN\x0f\xa8@\x84\x1bx\xe3\xe1\x98\xc2\x86a\xc0\xca\x04\x86\r\xb5\x01^\x0cw\x0c\xf0 \xdf\x8e\x03=&gt;?\xbd-\x00\xb6\x7f\x81\x9c,\xdcG\x86\xb4\x05\x8eU\xd9@\t\x84\xfa\xc8\x9dk\xc3\xe9\x03\x12Fe\x96\xd1\xf6\x0c[\xd9Ok\xf2\x8c\xe2\xc80|1\xc0\x81|\xe3r\xc4L\x0f\xe1\x8d#\xaa9\xd1\x9a\x11\xb5\x81d\xa0M\x84\xcfE\xc6\x804@\xc7H\xff\x1d\xafS&amp;\xd6-\x9ae,\x00\x1a\xc3\x18F\x07\x18\x907\x84\xa2\x88\x8f\x90f\x04:\xff,\x07u\xe2?*\x17\x03~+\'\xf1\x98\x05\x00 \x02\xbc?!\xcc\x1a\x89\x87\xd3\xd6\x16`\xe0x\xc0&lt;\xa5\x0e\xcaY2\xde4\xeavS\x18\xee\x18`A\xe8(\x1f\xc1 \x17e\x81G~\x16\x07\x82j\xdbKc\x01\xc0\x8dm\xd2@\xb1!\xfe{\x8c\xa9\x11\xee^\xd6AM\xc4\xc3\xd8\xdd\x1c(\x06\xfeJ\x98i8\x17\xe4\x1c\xd9Q\x1f\xf2\x18\xda\xbeGZ\x95\xf0\xd8K=\xc2\x07\xbb\x88\x9f\x19\x169\x8f\xdd\x89\xbd\xc00\xfb\x1f\x9e\x8b\x07}\xea0\xd6Z!\x18a9P\x04\x9dU\xc2\xf6%&lt;\x16\xf4\xb6\x89\xd6\xc5\x96\xca\xff\xd5\x16`\xc0\x899\xd4\xcfo\x0c$\x9c\x9f\xd5\xc3\x1bd\xed\x87lo\x98\xa6i\x9a\x94\xb7\xeaHr\x10\x98mI\xb0 n\x8d\x07\xac\xc0\xedDe\x1aa9P\x00\xf2\x00\xd3~\xc8\xb5/\xe1\x91\xa0\xbf\x99\xc9E\x00\xda\x16\x1b\x01NQ[\x86\x01+\xae\xbe.s\xf1\xe3`\n\xa4I\x1c\xbfE\xc4\xaf\x8f{XX\x97\xc5i\xb9\x0c\xd2\xd4\xa6W\x0b2\xe4F\x17\x1b0\x95\x81\xe6\x0220\x90\r\xdd\xec\xe0\x0eT\x870\\V\xb8F\x9b\xc8\xa2\xfd\xd2\xda\xb8x\xdd\x81\xd9\x98R\xb4\xdf\xc3D\xdc8~\xf7sF\xd6\x01fK\x9e\x87\xe5\x97\x1aZ\x98\xfd#\x1e\xe4\x83\x08G\xc0\xc7\xa1\x19\xbb\xb5 \xc3\xc0\xc0@;\xd8\xe66\xb8\xfd\xd9\xd3\xdc\xa6qQ{\xba\x86\xd7\x0b\xb2,\x00\x82\x7f"@[*#\xbcd\xf88\x16\x8d\xa7q\x18\x84\x90hW\xa3p\x83\xf750\x0c\x0c$a\x84\xfa\xc01B(\xf2\x1d\x04\xbf \xed[j\xcbb@\xac1\x03\'\xa3\xc7\x0eF[\xfd\x00\x99\xa7\tLB\x1c\'\x10\xe0N\xb5e`\x81\xb2\xa7\xd2"\xa2"VZ\xd8t4H\x0c\x0c\x04c\x94\xf4\x81\xe3D\x0baO\x1e@\xdb\x9ez\x8d\x99a\t\xd4\xd9imu\x01\xd0\x82\x0cG\x8f\xe5\x1b\xe5\xed\xfa"&gt;b\x1f\xab\x04|\xbb:\x0e\x0c\x0c\x0c\x0c\xf4\x85\xc0\tU\xfb\xc3P\xcb\xb2\x1d\x02~\x9e?\x00\xc4\x13\x18;eu\xf6\x7f\x93\x06&lt;\xdd\xc4"d\xa0ul\x1b\xf9)\xdd\x9b\xaf\xbc\x03\x03\x03\xd1\x18\xd9=P\x1e\x11;\xaa#J\x83px\xe6b\xd7\x08\x1f\x8d\x08\x97\xf1_\xc4jm\xfb\x1f\x1a\xbfy2p0\x18\x0b\x80\x96\xc0\xe8\x85\x96\xbf\xb82P\x08m\rj\x03G\x83\xf6\xaeT\x94\x81w$E\x80;\x17\x92e@\xba\xc5\xed\xf4\x8b\x10\xa9\x97,%\x9c\x1b\xa19sx\xe3\xfd\x81\xa9\xd32\x0e/x:E\xea\xa3\xf4\xc4\x7fi\xe3\xee\x88\x87\xee!\xce\xc0^5\x12|\xa0\x1c\x94\xf9\xff\xf1\xc4\x9e[\xd3\x9f\x1eu\xb5,\x84\xd9\xffa\x07\xe1!\xa6Y\xfa\xb6\xf43F\xbe\rdDs\'\'\xebpK\xd9\xf3\xf0\x91a\x15l\xa0\x02\x8eu\x126P\x15\xea\xe4\xbf\xb5"Y\x1a\x88\x08p\x8d\x02|\xf2\xb3\xe8\x0e\xc7\xb2\x00\xc8X\xe2\xfb\x1d&lt;F\xe9\x190\x81-$\x9a\x0c0e\r@\xed$\xac\x19\xb6\xee\x03\xbd\xa3\xc1\x05\xc0\x98\x11\x1e6\xb4\xe9\x7f+\x81W\x0bs\xb4\xffU~&gt;Gng#\xa4q-\x95D\xc3\x95\xcb\x91i?\xc9B&lt;\x99Hyt(vw\x02\xf7\x08\xce,&gt;0\x7f5[\xdf\x8e\x10&lt;\x8ehm\x17vL\n\x8f\x00c\xf6\xbf\xa1\xf1y\xe31`3\xfe\xd5\xa6\xf0\xbe\x86\xf8\x9d\xa6p:%\x80\x00m\n6`\xc3\t\x00\'\t\x7f"b\xb3\xd15\xb0\x17\x83i\x82\x91k\x03\x99\xc1V\xcf\xe7\xb8m\xa3\xb0\xec\x03j\x1b\xf2\x0cd\xc1^*\xbf\x05p\x9a\xe1h%\x97g\xe3\x0c\xb3\x14\xc3b\xff\x13\x82;\x1a}\xd4\xe8\xa2v\xc4Sw8I\xfe\xf3e\xc73&amp;~\xa7\xbf\xcd!4\xbe\x1c\x18\xc8\x03\xb6Z0MS;\xb3\xedY\x96v\xe4\x19\xc8\x81\xd9\xbb\xd34f\xff3&amp;\xc3\x9fO7\x1c\x0b\x04_\xdd\x1c \xe1\xc4\xf9\xff$7 "e\'\xcf8M\x19[\x80\x03\x03)hiW\x92\x04\xa5\x0et$\xf9\xc0\xc0\xc0\xc0@K@D\x98`\x99J\x8ao\xce\x183\xcc\x1c\x10N\x00\x10\x81\xb6\x95?-\x90\x8fp\x10\xc6*m` \x16\xfd\xe5\x8ei\xc2\xcf~\x88\xd1\x9fY\x06\x06\x06\x8e\x16\xbd\x9d\xe2\xb6\x83\xdf\x9e\x96r/\x1aP\x18c\x86]9\x81\xdb!\xc0\xfaF\xecW\xa3\xc6\x19\xcd!\xa2\x807G\xc0\x88xO\x8f\xdf\x0fS\xbe\xd9\xb6\xbe8##\x07&gt;R\x03\x03\x03\x03\xb9q\x0c%\xcb\xa9c\xc2lP\x1b\x04\xdf1\xbe&lt;\x9d\x05\xba\x8f\x86\x95\x0f\x1do\tI\xcb\xa00\x88\x8b\x99\x11i"\xe6\x84|lm1\x82\xb1\x14\ri\x01000\xd0 \xc6&gt;\xdd@n\x9c&gt;\xed\t?J\xdf\xf1\xf4\xa4|\xb8\x15\x8c;U\x03\x1c\xa8\xfe\xb4\xa5\xea\x02\xa4\x02\x11\xb5\xeb\x8f\x03\x08\xb8&gt;\x1ebXf` \x11\xeb%\xeb\xdar\x0c\x1c6\xf8\x86ca\xd6\x9f\xfc\x1d\x80\xe5z\x11\x8e\xd1D@\xf8S\x80H@\x80\xdf\xccCy\xa0ATN\'\xc4\xde\xf7\x9e\x11\xa0\xba\x15[D\xbf\x1e\x1d\x18h\x0e\xd34\xaa\xcc\x00\x13\x1c\xb5\x99+\xc6\xc4\xd9\x7fz\xe8N\xdbv\x12\xbcv\x0c,y1~5s\xa0\x18\x0e\xe3\x88\xb0k\xe1\xf3a\\Z\x18\x18\x18\x18h\n\xfb\xb5\xcf\x9e\xb0\xcd\x13n\xde\x9b\xe4\xd9\x90m?\x00q\xdcg\x18(\x80\xa3\xfc-*\\\xd3\xebH\xf4\x1d\x188`\x8c_A\x1a\xe8\x0c\xdd=\xb4\x1a`\x9f+\x04\r\x9d\xc2\x04\xa3+ei\xc8t\x05h\xb6\xf1q.\xb3(Z\xebmz\xdf\xc0\xae\x8ci\xfbO}\x94\xf2\xe3\x99\x0b\xf1\x19\xa8\x04\xbc\xec\xa8\tG\x80\xf1\x08\xbd\x81\x1e\xd1\xc8p\xcb\x07c\x12\xa2\xaf\xc1\x80\x15\xc7i/\x9f\xd6\xa6\xb3\xb3\xb8\x07\xb0\x1e\x06\x12W&gt;\xed\x99\xee,E\xb8T\xd17\xf2I\xc1\x03\x11\x90M\xbd|\xcdeX~ \x1b\xee[[\x80\x81\x01^\x98\x9ftI\xdb\x81E\xa9\xcf(\xbf\x03,\xd8\x1e\x9b\xf86!\x9e\xfa\xbf\xc2\x1e\x0fe\x96\xb3\xbd]M\xa0\xbe\x91\xcdn\xa8\x94\xc2\x81r\x18\x96\xef\x04_\x1d\x85k`\xa0M8J\xa8\xfa\xbe0\xdd\x1f\x0b\x80\x01^ \x00\xc2\xd9\x94\xaf\xd1\x1cq`\xcdF\x10rl[#\xd5\x96l`\x03\xea\xa8-\xd2\x11\xa1!\xcb\x0f\xbf\xbb\xd0\x82q\xbe][\x80\x81\x816a+\x9e_W\x8e[\xe5\x19\x08\xef\x84\xa4\x85\x12\xb1#\xdbw\x00\x06\xac\x98\x00&amp;\xf8\x02\xc8\xcf}?\xb4\x0bu\x013\x95i\x02\xe9{p\x8b)\xdaJ\x94\x0ea\xdc\xb1\x88\x9cD&gt;\x85M\xaa\x81\x08\xdc\xb9\xb6\x00;\x0e\xadP\xf1\xa2\x01\xeb\xe0\x0f\x8cE\xda\xc0\xc0:\xdd\x17sa2~\x91\x17\xf1\x07\xd7W ^I^~8\x00\xa6i\x9a\x9f\xa0\x9b\x9e\xdd\xf3:\xa2\xad\x93\x84\xb6\xa49&amp;\x1c\xb2\xd9\x83g\x99\xf2y\xc8\xd8`N\xc5K\xf4\r\xe3\xb8]d\xc3\xde\x7f\xfd}\xe8\xe3\xc3\xb0\xfc\x81`\x19\xfes9qD\xc8\xc0a \xa9\xe2\xbd\'\xa0\xafu\x84cN%\x81f;\x19\xda\x9c@5\xb1\xb9\x1c\x95\xb7*\xca\xd4+\x86\xdd\n\x00\x11\xe0\x83\xd6\xcf\x92\xebZ\n\x85\xbb5X\xec\xfa\xc6\xc3\xf5\xea4\xd0!P\xf8\x97\x81\xfa\x08\x92\x81\xfe\x918\x0b\x0f\xea\x9b&gt;P\x1a\xa9\x02\xdc\xc2\xc6\x06\xe0{K\x9b\xea\xa9\x9a\xacgqd1\x99\xeeu\x04\x00\xf8\xcb\xde\x8c\xd3\x12z\xb1[c\xe3e\x80$\x9e\xc1&gt;\xb5\xae\x9d&gt;\xba2\x9a\xb3\xa9K4P\xa37\xdcg\xac\xa6\x06D8\xbe\xcex\x84q\xd2\xb5\xd6\x08\xefk\xa9\xd4\xd4F\xe2\xf0\x116\xad\xdd\x1aG\x0e\x94V\x8a\x967o \xbe\xd3\xc4\x02\xa0\xa3\xb0K\xf0\x8a\x9b\xa4\xe6\xf8\xd4 8z\xdc\xa1\x0b\xbb-\xbe\xae-\xc6\x8cPa&lt;\xc9\x9bX\xd7\xb6\xbe:\x05\xafT\x1ce\xb4\r4\x14\x1e\x03\x03+li\x95\x9an\x88\x88\xb7\xec5\xe0;\x15[\x9e\xef\xf6j\xfctH\x8a\x97\x1d8\xb6\x8b\xff\xa1#\x972\xfe\xa2H\xa2\xd1\x80D\xbc\xd4*\xdb\xfc\xb5\x06l\xe2\xdbK4\xcc.a\xfeU6\x8b\x9f\xb7\x1f3+\xf3#p\x888~\xde\xb58p\xfe\x9eOm1f,\x81\x18\x12o\xc2\xd7\xa7\x9d\x84aZF\x16\xf9\xdb\xe7\xa1 \xb13\xe6\xd3A\xfe\x92\xe2@,hq;`\xc3)\x10\xbe\x0b\xc3\x80\x87\x02\xa9d\x1ek\xa9lf"\xbaz\xc3\xed\x88\xcdgB3\x9c\'\x14\x1b\xdas\xe5\x1ei\xd3\xb4&lt;\x05(\x93\x88\r\xaf\x81\x14L\xff0i_\x10\x9f&amp;\xc10EV\xa2\x93\xc4\x92\x88c\xde0`\xc1\xd4\xcc\xec\x1f\xa2&amp;\xe6\x13)\xc3\xe6\xa7\x18\xccQ\x9e\xa4/)D\xf5\xaa\xd7\x90\x8d;\xc1\x9d\x0f\xe3\xfc\xc4\x8a\x88Z\xd7&gt;p\xfdo~\x97}\xf7 \rx\xb4\x10\x1e\x08x\xbc^mF\xf3i\x1d+\xed\x90\xcb\xf2v\x80\xd0\xfa|\xd76\x98\xe4\x10;\xdf\xdc4\xa3\x91\x95c\xb8\xd7\x1d\xf2\x18&lt;\xd0$\xde\x1a\x16l\x1fl:8\xb3\xc9v\xeaN6\x17b!\x1fC\x1f\xb2\xa6^ta\x84E\xc8+\x0e\x97\rDc\x84M/@S}\xee\xe0\xee\xabmXiNP\'\xf8\xbf\x04\xdc\x9b\x05\x06\x14\x1c\xad\xfbN&lt;R\xdd\xff\x13\x97\xb4m\xb2\xce&amp;\xe3IR\xa5&gt;\xf3\xe1)HF\xc3\xa3\xa9\x80U\xc2&gt;\xa4\x1dh\x10c\x12\xd2\x0f\x94Y&gt;\xf6\xb7\x00\xe8\xfa\x1b\xe79D\xef\xd5\x16\x1d\xa2\x91\xf5\x9b\xa3\xcb\x08\x86Np\xffvKm\x1a\x8c;L\xc7\x88\x96GS\x11\x88\x08?\xa3|\x05p`\x80\nD\x84{\x8d\x98\xe9\x03\xa6\x89&gt;\xee\x8f\x8ck\xbdd!\xdc\x1d{^p\n{-\xdd\xea\x90\x15m\x9a\xe5\x1d\x96\xc7c\xb1\xe0j\xb4f\xf7\\_\xfc\x8d#x\xe4e\xfd@\xcbhz\xbb%\x05\x87\xaaW \xba\xf3\xef{[\x92v\x9f\x8b\xd4\x96d\xc0\x87\xe1\xa3n\xa0\xcf\xff\xb7\ru\x14[\xd5\x93\xd0\x01E\xe0&gt;\xd1R\x91m\x0f-N^q{BV\x1ba\xe7\x8c\x9fE\xc8\x1b\x96\x15i \x0e}M\x10\xc9\x18\x1b\x1c\x00w\xedl\xf6\x0f \x8dM\x95eV\xe7(\x03\x9c\x18&amp;\xed\x0567\xc5\xba\xcf0\xffGD\x84\xdb\xb4\x1f\x0f\xfa\xa2\xa5i\xb8\xf6h\x9f\xd9\xa0\xf4\xe6\xa2_\xd6\xd0\x8d\x96\xfb\x82\xcf\xc7\xa0\xa1\x85\x11z\x80\t\x11\xf3\xad\x1e\\\xdf\\\x16\xd7@oyJX\x00\x14\xaa\xcfc\x01\x90\x13\x1d\xcc\x9f\x06l\xdb(i\x19aY\x00\x90\xbb\xd7*h\t2\xd7@\x17k\x14\x01\xb6\xa2\xff\xf3D\x7f3\xb9\xa4e\x8b\xb5,\xdb\xc0Q\xa1\xb9\x15\xe9\xc0q\xa0\xe8\xd0\xdb\xcd`\xdf\x1f\x10\xe0\xe4\xb5e8Z\x84\xcc\xb6\x95\x0b\xfa\x00\xe97\x11\xa2g\xd2\xe1]&gt;\x19-\xa4\x83\xf5\x86f\x1e\xbcj\xc6l\xa3\xc6\x85\\\x80\xae_(\xc3\xa0\xdfN\x9a&amp;\xf8\x0c\xc29\x97G\x02\xf7\xa1&gt;\r~;\x0c\x0c\xe4\x05\xe21?j\xfb\x00\x81\x08}\xd5ID,\xf8\x0bA\xdb\xc8\xd2\xdeo\x12\r$\xa3\xbb\xe0g@\xdcowJ?\xd1\x95\xf6k\x98\x0bAD\xf8A\x80o\x86\xd8_\x9e\xe6Qz\xf1L\x99l\xeb\x8d\x13\xd2I\xe7DO\xbfu\xe2\x945P\x0b\x84s&amp;J\xd3(\xba\xf1f=\xf4u\xeaU\x0b\x08p^\xe15\xad\xcf\xd8\x08=8,[y}9\xd5\xf7\x1bC\x1a\x92\xd4\x9by\xa5\xcdv\xc6AY\xa3@8:\xcf\xe02\x8f\x0fU\x9b}\xee1M\xd3\xf4\xcd\x98\x1fo\r\xe3\x92N\xc21\xe85\xbe\x00\xe8\n\xa9\xbf\xb1\xba\xe3M\xdb\xabC\xcbm\xe9;\xf2\x8d_\xf1Z\xa7\x8b\xa2\x84En\xee\x16\xe0Q\n9]|\xbb\xf5E\xd7\xab\xca\xb1*I\xc1\xf9k\x0b\x90\x1b\xe8\x1c\xbe\xa9\xe08I&gt;m\xaa\x10\x03\x19\x81\x1d\xec\x1c\xedW_\x92.\xdf\xaf/\xc3;[^\x97\xc44=\xb94K{Tt=p\x1e \x84\xf4HO\x95\x06\xf1@q:\xd8\xf6\xcdT\xe5z\x1f~\xae\xf9\xe5J\x9b\xc0\x96\xec\xd6bB\x85\xdf"\x1dh\x1e|\xae|#\x02\xe0\x97\x8a\xc6\xc6zaz\xa0\x03\xac\xd5\xb5\x87\x1a"\x8e\xa7\x11\xdd\xaf-_^\x0f\x1fS\xd4\xeb\xef\x112\xf0\xa1\x1cwUm\xc9\x0bM\x07\xcc\xd1AN\x8f\xc3s\xcf\x9ex\xcd\xe4\xa1\x19j\xaa\xa8i3@EB\xbd&gt;\x0e\xa8\x890b\xacod\xa8\x12\x087\x19\xf10`\x82aV\xd7\x1av\x91\xa41\xf4\xf6a\xa2n}\xaf\x1f0\x10\xafs\xdc\xbfE@|\x996\xa6\x87\xeb\xd2%\x0cs\x7f\xa7\x01\xafTX\xbe\x86\xa1^\xff\xc8\x9dcG0\xc5&lt;\xcf\xfc\x7fm\xd7,\xd0N\x00\xee&amp;\x1f_\xb6)s(N,\xc2\xa5eG#4\xb0\xdf)\xc6U\xc3\xb6\xea\x17\xc5~\xf2\x06\xe7\x9f\x17\xcc0\xbdH}\\\xc9\xa1\x94,\x11\x87\xa7Q\x14p\xb9\xfc\xd3j\xd10H\x15Q\xe2\xb4\xc2\xf8\x19\x80\x8b\xbbK\xf7\x9a\x86\xb6\tpys\xd5IC\xb3\xee\xa7\xb4Ir\xc9\x83,\x16!\xb0G\xc9\x11\x8f\xcd\xccCZ\xf3\x0b\x80\x196\xad\x1fbj\xdb\xb2"\x1a\x8a\x1a?\xc7\x94\x88\r\xf5gH\x0b\xf7\x8fJI\xd1\xaa\xb9\xba\x83Pg\x8a|\x81\x87\xd3}o\xf27\xf1\xa1\x872\xdb&amp;N][\x80\x03EL\x82\x98c\xf8\x9c\xce\xd8\xde2\xb1\x95\x05\x00\x16\xdb\x89\xd09\xd7\xd6\xbd\x13\xe0\xdf\x0c3\x99\xc1l\x8d\x03\x9b\xe8t\x170\x15\x04&gt;\x14_\xf3b\xf5\xc23\x1a\xbb\xa2zH(j\xcf\x85\xd7\x15(\xec\n\x88\xf4\xd9Y\x9e\xbf\x18\xe1\x14\x08&lt;\xccc\x13\x0b\x96\x04\xd1\xf4\xe56\x02oqsQ\xb3\xcf\xfb\xab\x15\xd8\xaa#\xe0\x18\\\xbc\xd0\xe3\xa3\xca!Q\x93\xe0\x0e\x9a\xaaF\xe6G\x8fy\xe5\xb3\x7f\xd3\xa5\xbf\x14\xb2K\xbby\xc14&gt;\xfdbn\xee}\x80\xa1P\x94\xab3\x8b\xefHqN\x94\xea\x0f\x12\xe5\x19\x0b\xef\x18\x1c\x93\xd1\xec\x95\x99\xd9\x08\xcc\xa3\xc0L\xeat:5\xe7\xbc\xff8gw\xb2\x05jJ\xd26\x16\x1b=\xaf\x8e\x8dZu\x0c\xfb\xd4\xad\xcb\xe9\xa0\x15/\xe9R\x1d[-x\xaf&lt;\r\xe5b\xb5\xe3\x0f\xf3\x1a\x8a\xad\xb8#"\xc0\xfbYH9\x98(\xb7\xff\x05\xcb\xf7\x15N6\xb0h\xd1\x8f)\xc2\x12\xe7`\xbc&lt;\xd05\x1a\\\x1e\x93\xe8YH-9\xf8\x8fjE=j\x8c\x05\xc0@,\xee$\x0eT#z\x0e\x04\' \xc2\x8d\xad_\xd2b,\x9a\x86\xe9m\x1f\x13\xdcB\xdf\x910\x1a\xa8\x07\xfbPp\x18Z\x90\x11\xb8\x008\xd0\xf1\xf8l\x19\xa6\\\x87g\xa5\xa3\x03wTlE\xd2Q-_\xd8X-\xad\x96\xefc\x01p\xa8@\x80\x9b\n\xafs\xd0\x17\xc8\x9ecD\xcf\xc1\xc0\xe2J\xf6]\x13\xe3\n\x80s\x9a\xdbT\x89\x0f\x82\xc32\x03\x19\xf1\x94&lt;\x16\x0et\x1f\x1e\xe8wc&gt;zX\x8b\xd8.\x80\x15\'\x97T\xe4\xaal\x08p\xfb\x0cd\xf9Q\xb1\xb6\x8f\x91\xa5\x0b\xa4\xb9\'Wv\x15\x86\xb0\xb2\x1f\xa3H\r\xb0W\n\xfb\x12\xc0\xe5\xdfu\xbb\xa2l\x00\xdc\xb1\xe08\xfa\xd6\xb1\x00\xa8\x83\'\xf3\xefOc\xcf\x0bQv\x0cS\x14\xc4V4n\xd3\xbb\xcdG\xd8\xe4\xc2\x12!cdi\x16c\xe0W\xf1\xc9\xd0m$w\xcba\xdb\x9ap\xae\x01\\]\xce~`\x8b\xc0\xfbK\x17\xea\xcc\x06\x19u\xa0\x1aR~W\xf57\xe3X\x9e\xd5\xb7\x12\x1e\x18\xb0`\x0f\xd7\x1be/\x1a\xd9Ct\x94\xbe\x9c\x18\xb6\xdd\x1f\t\xd7\xa2!\xd2\x16\x00-j\x14\x8b8]\xe6\xf8\xbe\xb3\xfd\xf3\x91\x00\xf5\xd1\xeanw\xc1\x9a \xc4\xe1\x9d\xac+\xa2\x16lr\x94\x10\xbd\xf0_\x85\xbe\x04\xd2R"\x0c\xf4\x02\xb9b\xdc;w\xd1\xd07&amp;\xacA\x9bP\xc1F\n\x0c\xe4\x00\xe2#\x9b\x9bs0\xe2\xc0&amp;\r\x08\xf0\xd0,d\xcfr0&amp;\xaa\x88\xed\xb2\xe9K"\xfb\x1f\xf9\x02@`d\x99\xff\xb7`\x90\xe3\x85o\x19\xc6\xee\xa3\xe1\xf7\x81`\xd4\xd82@c\xed2\xb1\xee4\x92;\x15{\x00\x00\xdc\xeb\xce1\xc4v\x86\xe1\xa0f\xc1\x92D\x08\x80\xd7n+\x19+\x881\xab\xff\xc2Q\x9dZ\x83\xf3\'2\xb8\xa7\\+\xc1\xc5\xef\xc5\xe6s\x03\x1dC\xad\x18\xc5\x8bF\x03\xc5\x8a3MJ\x99\x11\xe1V\x14\x16\xdb\xe3\x01\x0e\xad\x0ed\xd2\xea&lt;\xb3\xff\xcek\xf0\x9f\xe1){4\x9a\xeboF\x8c\xf1\xb8\x02\x86\xcd\xbd\xa8Yy\x0bn;\x15C\r]\x10\x01\xf0\xb1c\x01\xd0\x19\x10\xe0\xd9\x9c\xe4\x04\xa7\'\xc4\xc0\x81\xe5\xe3\x80\x0bZ\xcd(\xed\xfd\xea\x95\x8au\xca\x9e\xbb\xf6.\xc4oDp\x93\xc9\xadE\xec\\(\x8c\x9c&gt;\x9b=\x1a\xee\x0c\xf3\x0f\xbc\xe9I\x12\xa8\xe0\x18\x8f\x07ZD\x13ayh\x0b\x00\x80J\x865\xd5\xa8\x81N\x81\xc2C\x99S\x88\x04v\x90F\xb7\x1fL\x16`\xa0q\xa8\x15\xe3\x12\xc7W4\x18\xe7\xc7yk\xef\x8dB\x88\xfb\xe7\xab\xd9\x1c\xbd\xf0#\x9a \xe9{\x1e\xae\xd3\xd5\xb9A\xf8d\xddF/}p=\xba\xd4\x1ah\x1c&lt;\xd9\xd12\xee\x8f\'\xd6\x99\r\xd7&lt;L\x1f\x0b\x80\xbe\xa1\x0e\xdb\xe5\xfc(\xf0}z\x95\x18\x1e(\x0b\xa6\t\xd2\x00\xa8\xf57\x07\x039\x1f\xef\xe5\x95\x06^\xb7M\xc5\x0b\xfaw\xd5\xffZ\xc4\xe6\x19\x84C\x80\xc7q\x92\xf3/\xa7\x1aG\x8f2\x0f\x94\x813*\x0e!l\x92r6\xae\x9aW\x99\x82w^\xa3\x0e\x17o@@\x84kR\xfd"9\x11\x11\xdeZ\xc9\x8f\xc2\xd7\t\xca\xc6\x12\x8a6(\xc8\xf7\x18\x818\x96y&gt;\xd0LT|\xf3\x85\x98\x95\xa57\x11Z\xc0\xd5y\xc9\xa9\xae\xbdV\xb45\xcb\xb8\xc1\xc0e\x14\xd3\x81p\x1c\xcc\x18\x1c\xab\xc5c\xc5\x82\x1e@A\x9a\xc0e\x84$X\xf1\x11\xe8X\x11\xe8V\xd4\xe0\x8e%)xj\xae\xe5V\xbe\x15\xe6\x88#\x8c\x07\x9a@HE-\x1c\xb4A\\\xd8j\x88qP\x9bXH7\x0c\x04X\xb4\x9e\x00`\x8a\xd3\x17\x11S\xba\x070\xb2x\xc4\xf6\xfe\xc0\x80\x11K)\x9b\xb2Gl\xa3PJy\x80\x1d\x84\x9e\xf9\xac73\x99&amp;X\xf3Z\x92\xf7h\xbdV\x04A\xb5T\x9d\x12\x08.s\xb5^\x1c\xb8\xb0\xaa\xe8\xcdY\x9e\xc2\x02 \xa2\xc7P\x03\x03Y\xa1\xd5\x7f\xf0D#"R\x9aU@b\n/5h/M \xcdcOH\x11\xad\x07L\x00\xd34M\xd3\x142}7m\x01\x16Y\x1b\xda$l-(\x07\x1a\xc7\x04\x00\x7fR[\x08\x02r\xed|O\x1fS\x19\x91{.\xd5"\'\xfe\x07\x96\x94\xde\xf8\x8c\x04/\x86 SO\xd3\xa48\xc9\xd1]\x88\xb1\x07/\xbdk{\x96(\x00\xef\xe0\xb6\x0c\xb7\xac4\x07\x06\xc8\xd0\x87\x12o\x80O\x87\x1a\xb4\xaaF\xb8\xfdg\xc0\x08\xe3\x8c\xe4\x06\xe3L\xb3K\xe0\x89%\xbd6"$\x0c\xda\xfd\x8a\xdd\x80\x0c\xe7\x9eIK\x8b\xe2\xf77\xc6\xc5\x89\xb6A\xf0\x8b9\x92\x07\x06\xe8\x18\xc1\x93\x0euX\x19&amp;\x05\x80|{m\x07\x03S\xdc\xc0ejK5\x10\x8f\xc2\xe1&gt;\nM\x10\xece\xfa\xa3&lt;f\xdc\xbd\x1fAm\x91\x87\xc9\xa7~"\t\xa2\x0e\x90\xa1\x96\xf7\\\xc4;\xf4cw\x02\x1f&amp;\xc6\xfc,\x19\xa6\x89\xdc\xaf\xf5b\xd2\x8c\xa5c,\x00\x1c0\x04\xcd0S\xef(\xed\xc7_\xedq\xe0\xaf\x05S\xbaI\'\x00l&lt;X\xe4c\x90\xc3Cd\x04Ovd\xae\xf0z\x18\x0fP\xd0\xef\xaa)\x03r\xd8\xe1\xb8\x02\xd28\x91\xe3\xcf\xf4\x1c\xe1\xca_\x97\x1e\xb8\x8b:\xa6\xb5V\x98\xa7\xff\x88\x00?\\[\xb4\x81D\xb4\x1f\xee\xedK\x98\x03\x05\xcat\xca\x99\x0c\xf7LqLq\x9a@\xaf3\x83\x83\x05o\x96\x1d\x002\xc5\xe4\xd1\xd8\xd62\x91\xe3g\x017\xcd\xb5\x00`\r\x80\xc5\xfb#\xcb\xac\xb0\xcd\xfeG)\x1f\x08GD\xcc\x1ca\x8c\xe1z+&amp;\xb3\xee\xf1,r\x0c!G\xe8\xe8\x16\x91er\xf0\xcf[H\x9fB|\xfbW\xc7\xa0kG\xee\x89Z\x9f`\xaf\x8a\x7f|T\x86-\xb0\x00\x00\xb8\x077\xc1\r\x19\x96jwtY\xe3\xf0\xbe\xf5\x1c\x0cG|h\x8f\xfe\xac\xf2T\xb5\x81j\xc0\xe5q\x8dT\x8f#b\x93\x8f\x12k\rX\xc4DI\xd9\xba\xb8~\xfec&lt;\x97\xf3\xa0\xb0\x97|\xb6\x87;\x0b\x8f\x9a\xd6\x98\x00\x8cG\xbb\x9a\xa0\x8f\xbc\xb5\xad\x84\xe3\x01\xa6\x9d\xc3&lt;\x9b\xab\x1dW\xb5!XE1\xc5\xc1?\x064\r\xc7\x1d6\x03\xa1\x0f\x06;\xe8\xc1\x83qC\xa5\x88\x89\x84\t|\x04\x96\xc7\x81\xce\xff\x06\x0e\n\xc2 \xc8\xe5\xdc%Nvj\xe1O"\x1c\xa8\x8c\xa5\xb0!\x00\xfcy]I\x06\xe2`\x9e\xfds\x10\xee;\x7f\xf7\'\xe1\x8f\xb1\xcc\x82"\'GU\x80\x98v\x05\xf0P\xec0 c\x1b\xeeH\xfe\xed1/z\x91s\xe0\xf0\xa0\x0f%G\x1a\x8dO\xb2\x8e&gt;\xfa\xd5\xe4\xaa&amp;jD\x0c\x06\xf4.\x7f&lt;\x8c\xb3\xb8\xe4\x01\xab\xc8mU@xK\xc5\xd8;\x84\xb8OEC\xc5\x88\x15i9\xb0\x97\xef\xb4D:(\x93\x1e\x04\x10\x00NM.\x91\xd7\xeak\xf6\x7fpY&lt;\xd0\x17\x0eq/)\x02\xb6\xf1\x94}\x96\x96\x88\x83\x19\xf7\x11^kYn\x1d\x01\xec\x0b\x80D\xf5\x1f\xc4"\x9d\xf3C\x83\x9c\xa7D\xfc\xc9\xfc1y\x98\xb3\xdeX\x0c#\xc88\xde\xa1\xebX\xf0\xeb\xe6\xc4\xef\xbd&amp;\xfcV\x0f\xc27.\xde\x11 k\x90o\x03\xeb\xb1VQ\xd7\xfc\x9ey\x8a\x96\x82F\xc4\xe8\x0e\xcd\xc5v\xb6\x05\x00\x83d1\x86\x9a{=\x0f\x01\xf1\xa3\x99L\xdd\x96\x99\xb2\x01\x11\xe1\xbe\x07\xab\xdd!\xa2v4"\x02\xbc\xbe\xa6\x00\x95\xd1\xc2\xb6\\:P{\xd1\x08\xec\x13\xa3\x81Bx\xba4\xf6et\xc4\xc3\xb2Qn\x1d\xa6\xa9\x98\xf9\xc3*\x92\xc1U\x11\x8ef\n\xc4\x87\xf6\xa6\xd7+\xec\x0b\x80\x9aB\xad\xb3\xff\xf8[\x18\xf9L=\x7f\'\x00\x01\xe3\xbe\x0euZ\x80o\xf2\n\x94\t\x18\xf88\x97\x81\xcaX\x1f\xc7PQ\x02\x80i&lt;\xf7i \x03\xe6i\xc7\xf2\xc7(J5`\x98\x15\xb0=\x11h`\x85ne\xe11\tX/\x05D\xd6\xcb\xf4\xa7\x92$\xdd\xa1\xe9\xc4\xb1\xcd\xf5K\xbb\x15q\x9fP\xef3\x88h\x19\xe4p5\xd0\xd9.i;\xda\x98q\xc2"]\x9c\x81\xf0\x1b\xed,\xfe\xdc\xf8\x97VBt\x80\x06\xc3\xd3WKK\x00\xfb\xc1]\x1fA\xde\'\x10\x11O{\\\x1b\xe1\xd3\xa8F\x15a\xdb\x13\xc4\xed?\x03L0E\xf9\xf6\x98TG\x9b\xcc\x90\x9c&lt;\xc1\xfc\xb8\xaf\xaf\x1f\xdb\xec\x9f/\xd4\x8f\xcal^\xbcb}\xbc\xc6\xbc\xf5\x0f\x89\xb3\x7f\x05~:y\xc7\xd2{\x08\xc7\x10\r\x1c\xaf\x0c\x1c\xb8\xfd\x8b\x9c\xd1{\xd8\x1f\xbc\x91\xab\xe2\x14\xac\x87\x9bK\xed\x15\x9e\xe910\xb0\xc1vG\xa0\xb9\xcb\x0c\t8\xf9z\x7f\xb2\t]L\xb6]/E\xfcY\xbdg\x9e\x8c\xfa\x10\xfb\x0b\x89-_\x01\x9a\xa1\x8aw\x93\xa2\xe2\x19\xaaJr\x98\xf9\xec\x8c\x8a_\x12\xd9y\x84\x19\x0b\x00\x160Y\xaf\xb9\xf4c\x85Rh\xea\xc8P\x89o\x18\x84\x02\xf1\x0f\x95E\xa9\tu|\xaa-\xcf@\x14\x10\x01&gt;\x95\x81\xaa\x0b\x87\xf2(\xbc\xb6\xe2_\x9b\x03\x89\x8b\xf3\x9a_\xfc=\x08_\xe7\x80\xdb,(z\x90ev\xcb\x0e5\xaf\xabr\x17B\x1doWB\x98r\x81=R(\tL\xa1\xd9b\x06\x12@\x0c\x1e%\x85\x8e\x18\x1e/\xaf&amp;jc\xd4\xaf\x0eD\xfcR\x93\x83\xd3\x00\r\xe7%\xb4A\xf8\x8f0\xff\xba\x17\x00\xf5f3\xcb\xda\xe3\xf5&lt;U\xae\x05\x8d\x8c0\xce\x8a\x8e\x15u\xd4\x17V\xb91.\xf8Qe\xf6\x8f\x88\x00\x7f\x92G\xd4x4\xb8\x00\xf8r%ar\x02\x11n|H\xfa\x1c\x00\xean\xa8\xd0\xf1\x80\x90\xa7b\xfdQ\x8c8\x15\x90\xcf\xf8\xc4Z\x86[\xe3l\x92\x1c\x1e\xd6\xcb\x12\xcbX\xf8\xed\xda\xf2\x0c\x90\x11\x15\xe7\x9e\x05@\x9d\x12*\x9d\xe0\x03\\*\x8d\xd8\x8eg\xb4U\nV\x05\xef\xd1\xda\xca\xa4\nj\x04\x9b\x10\xe4\x8b/b\xbc \xe4KcN|\xa7!\xa3K\xa3\xc9\n\x93\x05c\xaa\xe1\xc6\x11\x19\'\xbc"\x1c\x98q\x94!&lt;\x81\x90\xd0\xddT&gt;\x06\x18\xb1\xce\xfb\x0f\xb1:\x0f8a\x1b\x9e\xb3\xf3s\xc4\x18\x8b\x0c\x0b\x91_n;\x92/\xd1\xb6xG\x80\xe4\x8a\xd7`\xb5L\xcfh\x9eK\x19\xae\x05\xc0\x01\r\xe2cFb\xc7ay\xda\x8b=\xbe\xbfsDZ\x1b\xc0\xb8\x00(;A9n\x8c\x05\xc0\xd1A\xcb\xac\xcc\xdf\x9c+\x97\xc5\x08?=\xc28\x02s\x0c\x9c\xfbH\x8a\xc0\xe1\x95\xbb\xd4\xd96"|\x95\xc7 \x8a\x0c%\xebLQ\x08\xfa\x1c\x90V,80O\x93pl\xfaf\x82u\x01\x00\xf0\x8bU\x05;d\x1c`u.\x87.\x8dVzONd\xf7\xe1.-v\xd0X]S2$\x8e\x19\x19,l\xda/\x0b\xe0\xc2\xba8\x17\x05HX\x93\xe4\xc7\xc9S:o\xcf\xcdE\x04\x00\xac\xfa\x18]\xdc$i\xe2i\xbe-\xc8P\x1aYU\xc6\xa3y\xda\xf0\xaa\xe64m\xc5\xa2\x89\x90&gt;\n&lt;\xcf\xf2&gt;\x9e\x01\xe1\xbf\xf7\xb4\x1e\xee\xe8\x1e\xf3\x8f\xfc\x95\xcb,\x91Sc\x93\x80\xa6\x81X\xc0M\xb3C6\xaf\x1c\xcf`S\t\xc8haD\x9c\x7f\x89l\xfa\x12\xe0Y\x95\x0f\xe9LxSR\x08\xd8kH\x94\x11`*\x14_\xcbr\xa6H\x89+q\xb2I\x90`_\xf9\xd5Eu\x01\x0e\x0f\x87m\xd2F\xb7\x07\x066\x986\x96\x86\xb3\x06\x06\xb2\xa2\xd0\x80\xfe_\xca\xce1"\xc0oFQ\x1a_(\xa2\x80\xcf\xa7\xc6)_\xd8`\x8a\x00\xf8\xf0\x8cSG\xfdd"{`\xd0\xcf\x1c\x0ei\xa1\x8b\xf3oz\x8f\xed\xd2\x81\xbe V\x84v~V}@\x06"*\xbf\xb2&gt;6\n\x07\x06\xf2\x01\xd7\x0ck-\xcb\x1c\x89/\xcd\xee\xa6\x16\x85o\x04L\xc5s9 \x02\x99\xda2\x11$v\xdf\xb0\xd2\xf9Q\xc0O3\x8e\xc2\xfa\x8c\x9fu\x8e\xaaX\xd2\xb0\xbep\xb0;\x81O\x8e\xba\xf8\x1c\xc0\xf2\xab\xde\xb5%9`\xb4\xb9\xab\xd1\xa0HA\x90\xe5o%\x80{\xb7*;\xa6i\x9a\xe4R\xdb\x88\xa7\x06\x06\x0e\x12\x13\xa8\x19W\x1f\xde\r\xdc\t`\x9a`\x9a\xe0\x7f\x96\xbf\x06\x8c\xf6b\xb2\xcc\xa4\x97e\x80\x8f\x91\xc9O\xd3\x04\xf0\xab\x00\xd3\x04\x17\xdf\xdf\xfd4BG\xf7\xf4\xc4\xab\x85\r\\\x7f\xa9\x84\x93j\x0bp\xf8h\xe3z\x95\x82\xdeo\xce(\'\x83\x8d(\x12f\xd5\xce]0000@\x82\xaf\xd6\xb5S\xc3\xdb@\xb99\xc3\x7f\xa4r\x94\x7f"\x8dI\xec\xbf/v\xff\xc7p\xd3\xa8\xadIE3\xe04\xca\xc5\xb7\x9f\x10:|CW]\x00\x98\xf9\xce"}3\xb7T\x19\xb3\xa8\xe8\xd5@2\xf0\x03t\x95\xe5\xeb\x86\x88\xf8\x1b\r)200`Ece\xa7\x07\xf8\x7f\x8d\xf1(&amp;\x03T\xe4\r0\xed!\x9b\xeb\x7f#\xa9\xfd\x08n4\x19&lt;Xv:n_\x00\x0c\x08\xe06\r\xd6\xcb\xf9cr\xad\xc5YeB&lt;#\x97\xf3I\xc5+\x0b\x8bH\xb8\xe3y\xffh\xd4\x9d\x81\x81\x1e1\xb25\x07\x82\xac\xcad|D\xc4\xeb\xb6\xeb\xc4\xbe\xf6\xbc\x99&amp;rYd\x0bcG\x99Q\x1c\xdd\x1d5%\xdf:\xfd\xce\xc0\xacE\xa7\xc2\x07\x02\x9dO\xb3\xca\xffE\xcc5b|\xd6~\x0f\xc0\xe5"I\xcf\xf4\xa1\x9d/\x00\xc0Z\xa7\xcc6_=2\xffa\xee?\xbe\x00\x97\x13\xee\xa4\x18\x18\xf0\xe30\x86\xc2\xd6 Z\xd5Y\x03\xf7\x86\x89\xa5r#tl\x1e4\xae\x9d\x1a\x19Fm\xeb\xbaL\xc3\xa2\xce\x8eh\x87\x83\xf9\x120\x11\xbaW\x1a\\7\x93\xd6m\r\x04y\t\xf8\x16\xb1^+\xa4nqY&amp;\xc2\xf2R\x1e\x11\xf0\xb2\xc1\x94\x95g\x97\x85\xf6\xaf\x85\x0b\xaf/R]3\x10\x8a\xc5\xe2s\xe4\xfcDMI\x06\xba\xc7\x91\x8c \x851-_KuM\xf5x\x0f]\xa6\t~\xe3\xf8f\xffV4a\x86\xa2\x83\xb9a\xf6\x7f&lt;\x13\xc4p,\xd7u2\x1e\xc7\x84a\x99\xa1\xbei\xf7"E\xaa\x16$\x9f\x91\xf7\x049\xf5\x90:\xf5\x8c{;J\xbb\xa2\xf2\xbe\xf4\xd7o\xc6\xc4\x92\xfd\xc0\xee\x83\x91\xc2\xb2\xc1\xab\xcb\x96&gt;\xfa\x11\'\xa5{k\xa8.pu\x01\x88\xc0/\xb4R6\x07x\x90\xb8?R\x1b\x1dJ\x1e~Oc\xc0\x04\xd3\xad\x17D\x80\x9b\x00\x00\xc0\xebkIc\x95\x0cs\xcd9MC\xb0\x17\xdfK_\x86FL\xad\x1e\xdde\xc6f\x87P\x0b\xba\x1c_\xb3/\x00\x92\t\xc4\xaf\x1f\xf2\xad\xc7\xacy[sH\x08f}\x9d\xe0\xd2\xd3\x148\xea\xb2\xf3\xcbgN\xfa\xc2w\xce\xba\xb1^/r\x0e\x0c\xe4@z\xa1\x13\x0b\xe6\x95y\x84:j\\&amp;|\xfa\x1b\x01t\x0f\x16\xbb\x00\xf6\xd9\x7f\xea@c\x11,B\xfdts\xed,\xff:\x90\xeb\x18B,Xf\x03\x19\xc8v\x8dt\x9b\xc4E]\xbe\x8c\x05m\xf2\xaf\xa4b5\x97EU\x84\xbd\xf0\xf1\x0b\x94\x1b\xe9\xc3\x86\xd5\x89\x00\x00\xf0\xbf\xe2G\xef\xd2\xfb\xea\xcfP\x1a\x15\xb2C&lt;\x8b\xd6lx\xb6\x7f\xa8\x19z\xad\x9a\xc2\x0c\xacH-\xe3&gt;\xf2\x7f\xed\xae\xf3\xd2\x94\xdap0.\x7f\xca,\x9bC*\xbe.v\x12\x01T\xd2\x87\xdb\x81\x00l+\x8aap\x086\x82?c\xa9\x87\x03D\x84\x89\x97\x07\x8d\x88Q\x0e\'\xa5\x1b\x1fq;\x01\xb0|\xea\x0c\xa4v\x83a\x80\x1f\xa3\x1aw\x8e\x91\x9eG\n\xb9&gt;\xff\xa2\x96\xc8Z\x9d\x9f__n;\xe3\xcd\x169\x08\xf0[\x00\xf7\x08\xea\x12-\xcf\xde!n\xb8j&gt;\x7fZ\x96-\x0c\xfb\xbc\xe4\x9bY\x95\xea\xc5bqk!\xe5\xc1&gt;(^\xdb@D\xb8\xbb\x93\xa0u\xb6\xdf\xe8\x9c\xef\xeam\x88Q\x16\xe9*\xbb(x\x9d\xdbl0\x0c\xc4\xc2\xee&gt;\xc4?\x18\xce\xed\x19#=\x8f\x15\xcf5Ti4\xcc\x87\r\xe9\xff\xe4|\x85=jC\xc1&amp;g\x103\xa3\x15\xbcxW\xbc\x15F\xd6\xb9\x81\x00\x9f\x91\xfeF\xbe\x9f\xb4\xb03\xed\xa7\x1ar$\xe1\x1c\xedo\x10I\x99\xa9Qf\xfcc\xdaw\x1c\xa0\x1e\x13\xed\xabJW$\x8c-\xe4\xf6\x91~l8\xd0*\xde\x16\xe4\xbe\xe1\xeb\x83\x82c\xc8\xf6\x8c\xe39\x86\xf8X\x9a\\s\xc2\x92Sy}P\x0c^{\xac\xac\x0f3\'W\xa7\xa2\xf8\x16\xf3\xf3\xc6\x8a#\xca\xc5VR\x1c\xf3\xec\xed\x18\xe1\xfcz \xc5M\xfa\xd5\x82\xf2\xe8\x8e\xfd5\x90\x1f\x07[\xc1Z\x82VK\x07\x06\x82\xf1S\xc2\xeb\x11K\x87\x01}\x01\x80\xfa\x07\x00\x0f\xb4ud\x8c\x84\x84\xf9L\x87\xd1\xa8\xdb\x8ec&gt;w8@D\xf8I\xc5D\xdd\xdbG\x93?V\x17)9S\xe5QEJ\x99\xef[\x90"d)\xf0l!t\xf9\xd5\xe1\x8c\xf8\xe5\xda\x02\x1c\x17\xaeoM7\xfc\x0e"\xc0?\x97\x16h\xe00Q\xab\xca\x8d\xea\xca\x0f\xf3`-\xbesy\x83\xd9\xd9\x07\xf7\x85\xdaq\x0f\xa0G\xad\xbc\x08!\xbcP|\xa3\xf3\xf8\xd0\xce4\xa2\x88\xacf\xe10\xc5\xefnD\x1c\xd3w\xd4\xbe\xfd\x89\x00x\xa9\xe0e@\xb3\xbec\xa8e\xbf\xc4]\x10\x01 \xc4\xcbm\xda\xb6\x80\xd3[\x8e\xab\xa60\xac4\xd0\'\x10/\xd4\xc1 b\x86oPhA\x1de\x98V\xdf5\n\xa9\xb7O\x17C\xfc\xe3r\x1d\x1aG%7\x00\x00 \x00IDAT\xfa\xfax\xa0\xfb\xe6Jy\x19e\x99]\xd5\x84\xa0N}\xa5,\xf3u?\xbe\x10\xb8\x06h\xd4\x83I\xb2-!\xea.\x97y\xa5\xeash\x8cE\x015\x8f\xc4\x92\x03\x03\x8dC\x1d&gt;\xfe_\x9b#\x88\r[\ro^l\xc3\x00\xed\x1a\x80\xae\xca:\xd8\x99\xaf\xc3\xb4o\xb4#E\x95\x89]2\x97\xb6\x82IP\xa7\xb2`\x9a\x1f\x83\xbf\x88\x12\x8a,j\xa4 I0}\x01\xc0+\x14\x85 c-\x8e@a\xbe\x99\xd9q\x0el\x03\x03\x03\n\x1eF\xfe\x85\x10\xd3\xd8\xd1\xe0\xf0\xe1@\xcb\xa3\x9e\x8a\xacrZ\xc9\x9a"!\xda\xd7\xed\x1b\xf9\x00`\x9b\xd5u\x10\xe2\r\xa1\x99\xa2p\x15\x96\xa9\xf9\xc9\x850\xa0\x80Q\x01\x06\xc4K5W\xaeS\x89Tx\xa5\xea\xa1\xa8\xb5/a\x10z1\xfb\xc0@g\x08\x1f\x0bP\xc8\xc7\xaf\xf6\x98\x95\x17\xe0\x9c\x1d!\xdc/\xa3\x05r\x0e\xcd\'\xae/\xae\xb3\x0e\x9a_\x01\x107\xb9\xa8W\x8f\x1chn^\x11\x8e\xf6\x15\xe8gV\xd7:\x9a0\x97\xe4\xbe\x9f\xe0\xdf\xbd\xe6\x8e\x96,3\xb3\xe8\x8a3`\x02\nk\xa1a\xcf\x81\x8e1\xc65F\x1c\xf7\xb4\x81AM\xcc\xfb$\xf4\x12\xee\xf0\xc7\x80\xf4f\x900\x8f=\x80X\xeaB\x01\xeb.om\xc1\x06\x02\x91\xd3}\xb6T\xdf\xd9\xf1&lt;\xf0\x8b\xa7\xb0FU\x9c\x01+\x86I\x07\xfa\xc7\x18\xd78a\x9f\xfc\r\x0b\x07 _L\xa6Q\xa6~W\xcd\x12\x03O\xd4\x9bD\xc8pBx\x9f\xa60\xd5\x16\x80\x82\t\xa6i\x9a\xba\x10\xb5Y4Q\xf2D!\xd8\xfd\xe9%\x18h\x02\x84\x8b\xa1)A\x18\xe4\x9e\x8c/\xeb\xe0\x87\x9d\x86y\x9c\xb3o\x95\xc9\x8ay\x08\xdf\xebC\xe0)\xee\xf2\xe3t\xe3\xd9&gt;\x03m`\x0ct\xd9q9\x7f\x93\x81\r\xd3\x94+&amp;\xd3(\'\xca\xf4\xeb\x00 \xd6\xfc(IF\xb2\x16\xc3\'\x10\xcf\xa7\xbe7V\x05d\x18\xe7\xb2e%\x90\'\x8b9|G\x99\x8fR\xf8nt\xa6\td\xbb\xcd\xef\xa7H\x8e\xfb\xff\xab\xc4\xcbc3\x97Y\x0cDt\x98K\xb0\x12\x9f\x16gE\xf8\x92BM\n]\xbbk\xbc\xf8\x12\xe2Y\xd6N\x13X\xa2E\';7\x0bg70\x10\x81\xfa\x85\xfa Q`\xf4\x19(\x0bZ\xa6X\xe6\x04k\x00\xec\x1f\xc7\x85DO\'\x00}\x1f/\x9e\xbf\xb6\x00}\xa3\xadz\x97\xa9\xfe\xd2\xc8zS\xe0\xe1\xb6^\xeb5\xa2\xf8$\xc2u\xc7\x19\x97\xd7Y\xeeV\x06\xb6\xb7\x1a-\xf3(\xb9n\xbd_\x1a\x11\xf1\xf7\xe7\xf2\xf4E\xbaMB\x85;\x8b2\x877\xf6\xd7\x98\xa3\xe5\xfd\x81\x81\x1ch\xabP\x1f\x0c\xa6\x05\xb5\xe5\x18\x90\xa0\xdf\xcb\xddNb\x9dG\xb2\xf4r\xec\xf1\xf82&amp;\x1cEd$.\x00nS\xfb\n\xdd\xb8\xc9\xd7/\xa2\x1d\x17\x1e\xb4\xf6{\x7f\xe4\xab~\xd6\x96WM\r&lt;\x930G\x1a\xc6\x0e\x07=n\xb7\xbcf\x9f\x93\xcdF\xbb$\xa3 \x0fB\xd7\xd7\x88\x13\xcb\xe6\xc0\xc0@;\xc0\xf1\xfc\xc0v \x95\\aL\xf4\x0c\x8bA\x83f\xe4\x1c\x80H\x9c\x89N!\xfc=\xcb\xdc\x85Q\xa0h\x19\xc6\x90\xdc\x17\x12\x1c\x17&lt;Ev\xcc,\x85\xfaR\x07\xd9*Q\x7f\xf0\xf8hm\x05p\xc3\x9aR\x96\xc4\x98\x9a\x0c\x84`\xcd\x94\x113\x03}\xe2Ab\x00\x0b\xc5\xff\xdf\xd8B\xda7\xbe\xa4\xd2\xe6\xa0\xc3\x83\xec\xb5\xc0TnL\x1c\xff8\xa7\x18\x0f\x1b3\xa7\xfeP|\xe6\xed\x9e[f\r\x1e\xf5@\xd3\xc4nN\x90\xef45rW\xc8\xa9:\x0ej\x16\x9b\xe2o\xa9-\xc9\x00\xf4\xf0\xa5\xf0cN\x96\x81\xc3\xc0\x1c\xbd\x1f\xd8\xff\xe0\x8e\xe7\x9c\xe3\x0bw\xea\xd1\xc9\xa1\xe5\x97\xcc\xb4\xf7ya`Z\xbaJ\x96Ps\x80\x13\xd4\xacc\\\x1e\xfc\x8bsj\x99w\xc8\x94(\xe7\xe1\x98\xe5k\x03\xbb\x9cBr\x15I4\x9b\x83*&amp;\xf8b\x84\x93\n\x8a\xd1\x80\xd6\x03\x02\x9e\xcaP\x8e2\x97\x9a&amp;\xce\xe4\x13\x80\xfb\xb7\x80\x98\xc9\x96A\xa7fg\xc4\xb3\xa4\x81\xe3-1\x06\x11\xa37G\r\xb4O\x008\xb8|\xadV\x0ch\n\xe4\x9f\xdc\xe8\x86+;\\\xb5298V\xc4\xc6\x15)2Y\xddj\xcb\xf9\xfc9\xe2\x12\x86\x91\x1e\xc0\xbd\x99\xa8Id%\xfb \xba\x17\xdb\xf6b\x1a\xe3G\x83\x83*=`\xb4V\x9c\xac\x93\xa1\x81\x06\x91T\xfaxE\xf1\xf2\xeccp\xbc4\xae\xa2\xb2K+\xd3\xcc5[(\xef\xd9\x16`\xa8\xf6\x95\xaa%\x11\xd9\xe7\x00\x95\x9e\x024M\xca\xd7\x9b\xb7/1g\xfb6\xb3\xf1\x81\xe8\xe5\xbe:-\xbb+\x94o\x90\xbf\x1b\x8cc^D\xad\xd4\xd9\xa5\x10h\xa3\xf8\x7f\x85\xf0\xd02l&amp;\xe6\xc7O\xcc\x94\xfe0\x99N\xc0O&lt;\xce_\x91U\xbb+\r\xc4\xc7\x9b\x86\xfbq\x9a\xee\xa5\x9a\xa8\xc2c\x19T\x8eeE\xc8\xf6\xb4\xed\x81T\xc4\xf9\xa5\xf88\x82x\x9e\x86\xc7\xaeu\xd6\xf5\x0e\x00\x80\x7f\x99\xdf\xcb1\x85\x10h\xe2R\xba2\xccM\'\xf6=\x98\xf6![\xb1\x8b\xa5\xe6\xa8\xa8\xc1p9\xb5\xde:/}\xe9F\xeb\x85X\xefX\xa7\x0cJ{\xd0\xeb8\xf6u\xb9k\xd5\xbfs\xc9uP\x96\x8d\xac\x83r\xfc\x8e\xfb\xdaW\xb0\xccv\x0b\xc8\xee\x17\x9bI\xd3\x9d\xe8s\xcd\xe9\xa2)\x13\xb93\xc6\xe1\xc01C\x08\xa4\x1f(\xc3\xf1.ae\xadp\x84_%s\xe15c\xf7\xc2%FF\xa7B\x1c \xb6\xd7\xd2\xc0\xd1\x1e|s\x80\x16en\x195\xdcl\xf0\\Ff\x07\x17\x13\xb2:\xe7\xd6OH3\xb3WS\xce\xd5 \xdd\xb9\x8e\x84\xf7J\xc2\x00\xde\xbb\xfe\xbf\x8f+U\xbbeb\xec\xa6\x9a\xe2\xb1f\xcbX\xfd\xe27o\x93\x83\x01\x05,A8p\xb8\xa0\xc6F`\xa9I\x0f\xb9\x90\x9a\x96\x1a\xe41\t^)\xb3\x9ez\xa2\xa1\xf8\x0f\xc4`\x8bg\xb9\xce\xe7\xf8"\x07/\xcc#\x94\xa4\x02\\\xbd\xb6\x90\x00\x00\xfbY\xd5\xc5\xd6\x05\x8a\x1c\xb2\xd5G\xd6j+\xf8\x84\xb9\xc5\xbdJ\x1b\xad\xa1|\xf0\xd6\xbb\xdcr\xfa\x8a/ou6d\xba\x19\xcd8\x88\x02\x97e"\xed\xf66\xc9\x146\xcb\xd8\x92\xee;$\x0b\xb7\x8b\xaaB\xb2\xc4^\xd3\xe6\x1d\x90\x12\xc1\x1ff\xff\xca\xe1\xd0o\x844N\x9aH\xc4\xa5O\xc5\xb2P\xb1\xf87^\t\x83\xb0[\x0f\xdb\x9f\xf4\xdb\xb0\x8b\xdd\xe0\x80u\xb6_\xda\xaeC\x9b\x84[_\xffO%\xf1\x10\x11o\xb6\x1d\x9d\x141\x99f\x87\xbf\x8b\xa0Qv\x01\xb0\xd7\xfd\xea\x81U]\x00\x80\x0fi\x1e|\xba\xf8\xb1\x1a\xe8i\xfbRttU\xbcf\x81\xaf\xc0J\xf3\xad \xdc\xf6\xb1\x18\xc7e\xab\xbd\xf1\xe626?\xc6\x83\xe8\xdc\x8aB2\xf1\xed(z\x8f\x10\xc6\x82s0\x88\xad\xa25\x8d \xf9\xe2q\xa5$Q+d[\x08\x1e\x04\x0f-\x92\xef\xd2\xe2\x94\x00\xa1\xd5\xab\xa8\x96YB9\xae%\xd8)x}8kk\xe9\xff\xb9\x0c\xf2\x91\xa4\xf1\xb6Ic\xf1lwHh\xd6\xb8\xbb\xe3\xd3h/\xff\x96N\xc8\x89p\xadM\xed\x1b\xcb\xd0\x00\xac\x0b\xd4u#G8l\x14\xde\xf4yD\xfd(\xcd\xc2\xe9\xd8\xb9_\xda\xeb\x97J\x03\xb3fR]\x06\x04\xf8j9\x81\x06\xb8a.8\xd4`\x13N\xfbC3\xe8\n\x05B\xfa\x12-\xac\xf3\xa3PA\xec@\xd7\x17\x06\xca\xc1F\xe9\xd1\xca,\x99\t\x89S\x82&lt;\xe2\x88\x92\xc1\xc5j\xcb\xb4 }\xfe\xe4\xc7\xc7\xac\xd9R\xcd71%\xc3Z\xf7oO\xe9[?\n\xc3`\xdc?\x96[8#G\x1b(\xa9\xdb\xb7r3\x9d\x8c\x07\xc9v\xce\x9b\x0bD\x19\xc2Z\xef\xdea0\x85\x16\xde\xabH\xf6H\xc8\x0fW\x1c\x1a\x1b\xc3\x1f\x96\x16R\x96-k\xf0tWL4T\xce\xafh\x84\x16\x1c\xa1\xd9W\xd4\xca\x16\xca5Z\xe8@&gt;\xb5r&lt;\x1e5*v\xcbV\xda\xab\x90&amp;d\xe37|V\x81Y\x0c\xcb\x1e\x15\xb1\xb4\x147pZ?1\x04\xd5Zv\xc1hjV[\xb7YSb\xa5"\xd6\xfd\x03\xc1\x96\x8d\xa6\x9c\xf4\x0e\x84\xda\xd3f|\xa66yD\xe5\xe2\x05\xeb\x02\xa0\n"X+[&gt;IW9\xed\xeaW\xb4\x8c\xe2bR\xd32\x92\x89lw\x83\xaf\'-?\xcb^(\x10\xff\xd4\xa8Z\xbb\xfb\x91\x060\xa5j\x15H\x97\xeb\x1c67\x95\xa6\xf3Kt\xc8\xf8z)[=\x99\xad\x8a\x16F\xf9\x94\x7f\xb27\x00\xda\x806(7\xecYz\x91\xa7\x93\xe4\xd3\xf7+)\x925jw\xc9\xe2&lt;\x17X]\xd3\xc4d\xfalH\x91*\x8f.u\x8dc\xe1n\x1f\t\xd4o\x00\xf8\xd6~$\xa3\x19\x9a\xe94&lt;\xe0\xb0d\xa3\xd9\xba\xc2x\x92\xa6\xbf\x8eT\xc1\xe1\xacz\x89\x8c\xf0\x0b\xc4(\x12\x9aM%\xe5\xdcbo\xe5\x9e\xb0\x06ss1Y@`\xda\x05\xac~\xf4Z\xac\x13\x05\x0f\xfc\xdb\x02\x07\x0c\xa2\x9bz\xcb\xb8\x1e\x10\x98)\xc5\x87\xe9\xfb\x1c\x9a\xbf\xd9gN;e\xc1=wj\xb1\xfce\xa9\xcb\t\xd4*\xdb\xe7\'\x82{\x10\xa6\xdd\xca\xf8\xf7\x1e\x92\x8eR\x1b\xc3(\xeaC?S\x84h\x98M\xb4\xbd\xbcU\xda\xec\xd3\x99\x17\xd5\x13\xd9\xcb]\t\x86R\xb8e\xa1P4\x93\xad\xa2r.8T\xe8f\xfc5\x04\x03Arb\xb3\x81l\x08\xc8\xdc\xa3\x19n\x1c\xe0\xdd\r\xbf\x11yN\x1f\x96V\x01\x82\x1dn\xf6!"\xc2\x9b\xad\xb3\xab\x0e\xe38E`\x94b\x88\r\x91\xd4\xfa\x1c\xb9\xfd3-9Kcb\xcc0\xab\xf2\xa1\xc3H\x0e\x05u\x8d\x94P\xce\x1e\x96,d\n\x14\xc9/\x15\xe2S\x7fX\xe6\x811\x14\xbf[\x8a\xfb=\x8e&amp;\xf8\xfb\x80)\x18|xQ\xf9\xa0\x1d\x90!U\xce\xf9\xdf\x97\xdc\xedKI\x16\x8a"\x82\x91\n\xce\x7f\x8b\x1dL\x87\xfc1|\xed#~4\xe5\xf4A\xb3e\x18\xe6\x04U\x86\xc9\x04\xbc@H\xcb\'E\x0fu\xb9\xa7\x89\x9d.\x00Rg\xe7v\xb2ib\x85\xe3(\xe7@6St\tY\xf8\x88\xba\\\xc7\x02\xaa\xf1\xbb\xb5\xbf\t\x87\xa4K\t\xc4\x14\xa5\xef\xb7\x90\xb6\x87\xc7=\x88\xa6\x90\xbc\x873\x9a\xe4S!\x902\xdf\xd8dL\xae4\xe2\xa6\xba\xdd@B\xf2@\xafG\xfd\xcd\x12f\xdf\\ I\xf2V\xb5\xae\\h\xe2l"G\xd4\xbd\xf3\t\x16\x84\x83(\xd91\xd0\xec\xd0)\x94*\x1c\xa7\x11"\xe2I\xb4K\x17|\xb6R\xea*\xcb\xbe\x94\xca\xa2g\xcf\xb6\x0e\xc6\xea\x11W\x91\xaa\x96/\xd4R\xaf\xbc\x00\xf2\x9f\x1c\xd6\x882\xa9\xf4\xc4d7\xf1\x0e\xf2\x91j\x81\x02\x8a\xec\x15r}\xe7\xaf#\t\x99F\xba\xb4\xb1\xaf\xf7q\xd3\r\xd7\x84\xa9+\xb8$w\xecCg\\\x04k\xf6|P6^A\x08\x9e0\xd9\xdf7\xffF[\xdc \x17\x04{\xd8\x1eJ&lt;\xb3"\xb7;JA\x9b\n\x9c5T#Z$\xbc\x89\xd1\\\x97\xd8v\r\x17\x9aYB\xf1\x00\x9c\xdb*Xs\xa7\xcbrT\xb9\x8aJ\x0bf\x9e\x0c\x8aw(\xc2O\x91f\xffm\xd7[\xe1\t~/w\x9a\xb4\x8e\xd3\xe39n\x96\xbf\x9d\xb6\x00\xd0t\xccx\xddC:}h5\x08f\xc8\x93\xa4\xee\'L\xaa\xb5}\xea\xe4\x1a\x8c\x8dh \x12f1\xbe\x03\x00\x00\x9f!v\xb0S2\xd7\x0eM\xeb\x0c\xb0\xda\xd8a\xfc\x81\x01 \xe6 g\xc2\nuU\xdeu\xe3\x8d\xc9\x11\xe1\x990G\x02\xdf\xd76:\xacE\x97h\xa3\x8ar\x8d\xa4iD\x1eJ\xa0\xdd\xd4\xa0\xaf\x01\x85\x05\x80\xc7\xadx.\xe7\xa7\xfc\xb2\xa5\xc18\xe2\x9bB\x17\x01\x11\x1eh\xda,\x96\x0ey\xc2\x15\xdc\xd9#\x02\xc0\x13\xda\x8c\x80\x1d\xc6I\x12\xd7\n\xbb&gt;j\xcc\xff\x1cs\xd0\xfa6\xd9\x82\x93h\x13\x87\xd8b\x9c\x8b\xf8\xad"Z[\xad\xdc\xaa\xe5\x07\x8e\x18\xc6\xe1$\xe3\xf1c6\xca\x03G\x8b\x16\x82*\xa5\x9e\xdfa\xc9\xc1\xe2\x03S\x0e.i@\xe1\xbf\xd14\x1a\x1cXmfWf)\x9b\xe4\x86\x05\xc0\x86\x13\xe3\xb4k\xdb\xf1\x06\xec\xd2R\x05\xf67\xf3\xa9_.t\xaaL\x01[\x9e\x80"\x86\xdd\xa1t\xb9\xd2\xfaQ\t\xddu#;\x90C\x00\xaf\x805\x98v\x02\x9e\xa8h+\xb3|\xc8-\xeaL\xfc"\xedl\xbe\xb4\x86a\x96c\x06\n\x1b\xde\xd9\x07\xe5C\xb8L\xe1A\xe0\xa4\xb1\x04\x9c\x83&gt;\x8a\xed\\\xae\xbf\xe3\xfc\xe9i\x18\xa4\x88%Q\x1e%\x87\xd2\xd2\xd3\xe2z\xee\xf0\xf2\xad2}\t\xe3(\xe49\x02\\F#e\xfe\x8e\xaf\x9c\x87):\x</t>
        </is>
      </c>
      <c r="E470" t="inlineStr">
        <is>
          <t>&lt;class 'numpy.ndarray'&gt;</t>
        </is>
      </c>
    </row>
    <row r="471">
      <c r="A471" s="1" t="n">
        <v>469</v>
      </c>
      <c r="B471" t="inlineStr">
        <is>
          <t>steps_per_sec</t>
        </is>
      </c>
      <c r="C471" t="n">
        <v>5300</v>
      </c>
      <c r="D471" t="inlineStr">
        <is>
          <t>2.6098223</t>
        </is>
      </c>
      <c r="E471" t="inlineStr">
        <is>
          <t>&lt;class 'numpy.ndarray'&gt;</t>
        </is>
      </c>
    </row>
    <row r="472">
      <c r="A472" s="1" t="n">
        <v>470</v>
      </c>
      <c r="B472" t="inlineStr">
        <is>
          <t>Loss/RPNLoss/localization_loss</t>
        </is>
      </c>
      <c r="C472" t="n">
        <v>5300</v>
      </c>
      <c r="D472" t="inlineStr">
        <is>
          <t>0.030645236</t>
        </is>
      </c>
      <c r="E472" t="inlineStr">
        <is>
          <t>&lt;class 'numpy.ndarray'&gt;</t>
        </is>
      </c>
    </row>
    <row r="473">
      <c r="A473" s="1" t="n">
        <v>471</v>
      </c>
      <c r="B473" t="inlineStr">
        <is>
          <t>Loss/RPNLoss/objectness_loss</t>
        </is>
      </c>
      <c r="C473" t="n">
        <v>5300</v>
      </c>
      <c r="D473" t="inlineStr">
        <is>
          <t>0.010123944</t>
        </is>
      </c>
      <c r="E473" t="inlineStr">
        <is>
          <t>&lt;class 'numpy.ndarray'&gt;</t>
        </is>
      </c>
    </row>
    <row r="474">
      <c r="A474" s="1" t="n">
        <v>472</v>
      </c>
      <c r="B474" t="inlineStr">
        <is>
          <t>Loss/BoxClassifierLoss/localization_loss</t>
        </is>
      </c>
      <c r="C474" t="n">
        <v>5300</v>
      </c>
      <c r="D474" t="inlineStr">
        <is>
          <t>0.10914165</t>
        </is>
      </c>
      <c r="E474" t="inlineStr">
        <is>
          <t>&lt;class 'numpy.ndarray'&gt;</t>
        </is>
      </c>
    </row>
    <row r="475">
      <c r="A475" s="1" t="n">
        <v>473</v>
      </c>
      <c r="B475" t="inlineStr">
        <is>
          <t>Loss/BoxClassifierLoss/classification_loss</t>
        </is>
      </c>
      <c r="C475" t="n">
        <v>5300</v>
      </c>
      <c r="D475" t="inlineStr">
        <is>
          <t>0.08704448</t>
        </is>
      </c>
      <c r="E475" t="inlineStr">
        <is>
          <t>&lt;class 'numpy.ndarray'&gt;</t>
        </is>
      </c>
    </row>
    <row r="476">
      <c r="A476" s="1" t="n">
        <v>474</v>
      </c>
      <c r="B476" t="inlineStr">
        <is>
          <t>Loss/regularization_loss</t>
        </is>
      </c>
      <c r="C476" t="n">
        <v>5300</v>
      </c>
      <c r="D476" t="inlineStr">
        <is>
          <t>0.0</t>
        </is>
      </c>
      <c r="E476" t="inlineStr">
        <is>
          <t>&lt;class 'numpy.ndarray'&gt;</t>
        </is>
      </c>
    </row>
    <row r="477">
      <c r="A477" s="1" t="n">
        <v>475</v>
      </c>
      <c r="B477" t="inlineStr">
        <is>
          <t>Loss/total_loss</t>
        </is>
      </c>
      <c r="C477" t="n">
        <v>5300</v>
      </c>
      <c r="D477" t="inlineStr">
        <is>
          <t>0.2369553</t>
        </is>
      </c>
      <c r="E477" t="inlineStr">
        <is>
          <t>&lt;class 'numpy.ndarray'&gt;</t>
        </is>
      </c>
    </row>
    <row r="478">
      <c r="A478" s="1" t="n">
        <v>476</v>
      </c>
      <c r="B478" t="inlineStr">
        <is>
          <t>learning_rate</t>
        </is>
      </c>
      <c r="C478" t="n">
        <v>5300</v>
      </c>
      <c r="D478" t="inlineStr">
        <is>
          <t>0.039888192</t>
        </is>
      </c>
      <c r="E478" t="inlineStr">
        <is>
          <t>&lt;class 'numpy.ndarray'&gt;</t>
        </is>
      </c>
    </row>
    <row r="479">
      <c r="A479" s="1" t="n">
        <v>477</v>
      </c>
      <c r="B479" t="inlineStr">
        <is>
          <t>train_input_images</t>
        </is>
      </c>
      <c r="C479" t="n">
        <v>5300</v>
      </c>
      <c r="D479" t="inlineStr">
        <is>
          <t>[b'1024' b'1024'
 b'\x89PNG\r\n\x1a\n\x00\x00\x00\rIHDR\x00\x00\x04\x00\x00\x00\x04\x00\x08\x02\x00\x00\x00\xf0\x7f\xbc\xd4\x00\x00 \x00IDATx\x9c\xec\xbdy\xfc\xbe\xcf5\xdf?\xd7W\x88\x88%\x15AlU\xcbOB5*\x11\x12\xb1\x93X\xd2\x12\x12\x15[\x83\x14Q\xa4\x82\xa8}\x89]mAk\xab"\x04\xb5\xc6RJ4\x8d\xb5\xa2\x82\xc4\xd2_\xa8\xa8\xa5\xf1C\x82\x88}9\xbf?\xeek\x99\xe5\xcc\xcc\x99\x993\xd75\xd7}\xbf\x9e\x0f\xbe\xb9\xdf\xd75s\xce\x993g\xce,\xd7u\xdf\x1f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x81\x8e6`\'\x88\xae\xb2\xa5t\xe1@\x03\x8e\xd3&lt;V\x87\x12\x1d\xde\x17B.F\x8eog\x05\x83uA.$\xcaM\xfd +\xd0R\x08\xed\x0b\x07\x11\'\x8a\xec\x9b\\#\xd2\xaai-\xc4X \xb1\x9c\xb1\xa4\x96E&gt;\xa7\x8b\xcc[\x12\xeb^6\xd5\xd8\xb7X\xcb#\xfdBl\x81\xefbK\xbb6\xc4\xe4\xa4\xf5\x86%yW\xbfc\\u\xb2Q\xb1\x8bI\xbe:!d\xee\x8bm,3\x1ec\x9b\xcf4&lt;\xd5\x1czz\xc6N7T\xc6\xc9*\x00\\\x19\xb2\xac\x01\x18\x06p\x1d:\xce\x18c\xcc\x0f\xf83\xe5\xa8\x9e9&lt;`\xaa\xc9\x9a-\\\x7f\xecC73\xb8e\x8d\xbf\xf4\x91\xf0\x1a\xbe\xaf\xe2\x02\x8d\xf7g\xa2VQ\xc3#\x8b3\xbe\x8c\'YVe\xbb \x89\xfc\xa0!\x99&amp;\xdb\xd7r\x8dKy\xfb\xa2\xcb\xab\x12\xb6]\xee+\xbbJ\xac\xa0\xb7\x1db\xc96inx\xce\xb0\x84\xa9L\xc3\x03\x1b\xdeZf^L\x911\xe6\x1b\x99\xf2\xf2\xea\xc9\x92\x02\xdb&amp;\x89&amp;\x00n\x93\xcbh\x99&amp;\x83\x91R\xca\xe2\xba\xa3\xfcF\x1a]\xf6R\xc6\xfc\xb9\x82-G\xe2\xfb\x81\x88\x8e\xeb\x94,*\xbd\xb6?\xbaf\x8f\xef\x84\xa8\x85\xfe\xf2b\x9a\xd6+EY\xd4\x8bR\xc9\x8a\x8a\x91\xefV+1`\xab\xb9X1\x85\x05\xa6`\xfd\xe5\xb6\xd7\xd7\xb5\xdd\xb2\xe4\x1ag\x96\xf9~c\x1eJ\x94\xaa\xbbV\xb5\r\xb8\x08t\xcb\xa4Z\x1av\xd3zu\x9a\x9c3\xe5U\x8e\xd7.\xcf\x1e\xb6\n\xab\xd1\x16\xe8\xf9an\xd5\xe5\x7f\x9d\xc6N\xcc\xb2\xd5\xadh\xcb\x9f\xfdi\\O\xd5t\xfd\x94\x0e\xbdiz\x02\xd1\'\x87a`r\xfe\xef\xca\x1aNk\x84p\x81j\x86O2\x00\x1cM\xe9\x86\xfe\x8b:\x1f\xf2\xc9\x8f1\x0e\xc79\x869)o\\vd\xd8\xcf\x90j\xc6\xb4*\xce\xb9\xac==E\'\xa3\xf52k\xf2\x00s\xc4k\x1f\x0c\x9bG\xfbg\xcfIs\xca\x9a)8\xd0\x9d\x93[\x8c\xb5\xdcG\xba\x87\xfdQK\xfc\xea\xa9\x13\xee\x98\x91\xac\x01\xbeF\xfb\xd5\xa0\x881\x8e\x1c\xe2\xcf\xd1\xbd2\t\xcb]3x\xe3\xd7R\x89\xf6\xb2\x16:\xea\x02\xdbXK\xe2\xa2\x9c\xab\xe6{\xdc\xa7(Q\'[\xfe4\xf4\xbe\x9b\xd3\xf8*\t\xc3\xe46g\xdb\xb4&gt;\xbb\x889\\I\x11\x00}98L\xa5\xa3\xc5\x9d\x0cv1mpN\xef\x8dr\xcb\xcf\xdaR\xb0\x0b\xf2\xf0h\x0f$g!\x95,8x\xd0&amp;v\x0ed\xcc\xeb\\&gt;D\xda\x18\xbe\xb0\xf1|\xa9\xd6\xad\xca\x96\xd8\xc3"\xf6\xdd\x07E\x96V\xf2\xf5\x9f1\xfe*9n\x92w\x85[\xdeq\xabayN\xb6J\xfe\x99\'\xbf\xaei\xc6\x0eE\xd6T\xa2\xcf\x8f\x08\xb7\x1c\x12]UG&lt;\x99\'"\x81}\xb7\x9e\xd1\x18W\x1414nX\xd0\xd8\x94\xcd\xd9\x91k\xab\xfb\xfa\x92n\x02\xe0\n@\x88\x1f\t\x97\xbbOG\xfc\x14\r\x80n4G\xda5\x04*yG*\xdc\n\xcf\x182\xcf\x8e\x1e\x96\x0bW\x8a1\xedDd\x1eL\xd6_\xd2E\xb3gO\xd5\x120zkU\xe1\xfc\xf9\xbe\xa1dN]\\{\xa20\xbb\xea\r+Z^\xcano\x8c1\xc6&lt;\x9f\x8c!\xf3o\xa39\xd6ko\xca\x95\x11\xc3b6\xb0\x1d$\x1f5^\xe1\x98\xa2p\xef\x1a3\xd5\xbbm^G\xb6\x01\x10\x94\x918\n\x000\x08~\xbeP\x93\xbb\xfb\xb0\xbf\xb2ts\xe6\xb6\x9c\xd7r\xc0rC\xbd\xc9-\\(\xbc\xcf\xd6\x8a\x08)9\xfc~\xba\xca\xb2i\x96\xf0\xba\x923x\xdfH\xb7plM\xc750t]\xc2\t\x81\x90\xf9\xa2q\xdfoY\xcb\x86\xbd`\x0c\x99W\r\xdb\x154\xc4)\xf0\xa4\xc4!K\xd8\xa8\\\xc3S\xd8B\xc2\x9bFp\xa0\x1e\x13\\U+"K\xd0\x90\n\x81oW\xe2(\x00@\xc0w]F\xceK\xef\xa3m\x1b\xab\x1f\xa8?\\\xf7I\x01\\\xba\x07\x07P\x97\xf4\xafz\x9e\x18\xf7\xa9\x14\xbb8\xab(s6\n\x9a\x13\xae\x11\xad$\x93;[-}\'Di\xcdd\x0b\xc9\xad\xc3\x1c;\xbd\xc2\xe9\x15\xf0\x12\x18\xa2\xe5\xb2\xe7\x10W\x88\xc8;\xdeUc\xfco\x14x\xf2YY1/e\x06\xe9f\xbc\xc8\xec\xc0?\xac\r\x87\x8f)\x81\xf3\xd9:\x82\xbe\xf3\xba\x1b\x00P\xc2]k\x06g5\x05\xe9xT\xcek\xf9\x95Q\x19H\xce3\xfd\xabbY\x07\xd4U\xdc\xfe\xca\x16oVq+T\xb7\xdaZ\xd5\x89J\xd6-\xb0\xd2"\xbd\x0b\x92\xfd[\xc6\x92\xb7\xda\x16\xd3!\xec\x92=X\x05R\xf2\xbeW\xd81L\xe8\x13\xb6\xa4\xdf|\xd6\x1b\xd9E\xaa1\xe6\x01\x023\x82g\x1di{\xe3\xfd2\xf6\x88\x13\xef\xc7\xe4\xdd\xe7\x81_\x02\x02 \x0f\xed\xfc\xe3\x89\xcbh\x1e\xf8\x17\x1b\xbbBHM*\xac\xb3B] i\x87=\x11\xf3\x13\x87g\xe8\xeb\xbf s\x97\x02#\xf7N\x17u\x10\x91 0.!\xd4\xd2\x9c\xa4\x046$\x8a\xc4\x1aA\xfc\xcc\xe3\xc0\xfe\t\xcb\xea_B\xb4WZ\xe1\x8fT\xa6\xc5J\x9c\xe9\x8dYW\xf8d\xfe\x80\xcc=\x8c!\xee\xa7\'\xe3\xebY\xfb\xb7L\xed\x85\xe2b\x89\xe3\x1f\xdb\x96\xf0\x97U\xfd\x1f\xeeL\xb6\xc2\x17\xb8\xcdk\xc6\x91\xec\xae^\xb3]c\xf7 \x11%\xca\x13\xd1?4\xe6\xb7X\x9b\xf9\xb6\x10\x11\xf33\xa3\x87 K#\xb1\xbe\x13qGE\x1d\x00\x02*7\xa0ga\xef\xe9\xfc\x04\xcb\x87\xae\xdcv\xeb\xdb\x88\x9d\xcfU\x8cP\xdd0\x8c\xe8/R\xd1\x9ed$\x12\x822%\xab\x7f\x93\\&lt;\x8c\x93\'K\x9f\n\xf5\xb1b\xaa\x8e\xb1i\xba\xd4\x95T\xdf\xb4X\xfe\x8fUL\xb7\xd4{q%[\xde\xb3\xa3`Lyc\xf6\xb2\x1d0\xf7\xd8\x8c\xf0%%\x16\xc2\xd3df_\x05\x0e\x97\'\x86yi,e\xf9\xc7\x05,\x05\x9bj\xf7\x9fAp\xddry\xfdJh\x93\'\xcd\xb5\x97\x8c1\xbf\xb5\x15so\xf2\xd7\xa7\xb8\xbc\xbe|oqf\xb8\x94\x7f\x03c\xcc4=F\xdd\x1e\x00\n\xa8~\x08\x05\x00\xe8\x87\xfdV\xc0\x18\x96\xd4\x0bh\xd6/|\x11\x96+\xa3\xe4\xbd\xc3{\xc1"\xfdv\xc4V\xa6\xd1\xe6\xb1\xa6\x86/H\xb4(u\xcb{\xe7d{\xef\xc2\xfa\x90\x0f\xd1\xe7I\xdf\x11\n1D\xe6A\xc4\x16v\xedL\xdcun\x85\x1a\x039\xf7n\xe88\xef\xdf\x07\xd8tG\x1du\xd9N\xa5\xa3\xe59d~\x8d\x7f\xffg\xf9\xec\x0b\xe7\x05~zT\xcbQ\xb1:\xd0\x18\x01\xa0\x94\xa3\xb2\xbc`\x0e\x1b\x9f\xb3\xdb_\xc2P\xab\x81$\xfdBz/\x0f\xcc\x13*\xbe\xfeuA\xe6v\xde]e]v\x0e\x87\xe7\xc3;\xb1\x88\x94\xeb\xe8\x99\xdfj$G\x9a3/\x1f\xc3\xf6\x86N\xb0\xd6\x9a\x86\xad\x92T\x1d-y\x91\xf3\xf7\xeb*v\xd3\x1b\xae\x8cI(-v3l]X\xb8=M\xb9\x8eb\xb67\x85f3\x02\x1fFd\x8c\xf9\xaf\xae\xafZZ\xc1\x18\xf0\xa4\xad\xa3\x8bDuc\x103\x00\xb08j\x03\xb0\xaf^\x8c\xbdV\x86I\xa3\x87\x01\x0f\x8cK|]\xb2\xbf-#\xb0{\x82\xedN\xba9A{\xd9\xd5\xaa\'A\xc3?\xfe\xe2\x95\xbc\xbb\x89EsL\xa2\xe4\xae\xbb\x1c\xaf\xddP\x89\xf7?\xd2\r@\x89@V\xb8\xdc\xfeP\xa4y\x1f\xdb\x15\xec\x06\xac\x9d\x07\xd4I\xab4\xe3\xba\x860\x00\xc7p\xc0t\x88\xa1{\x9d\xa0[[\xe92\x12#\x8b\x8f+[\x04\x0b\x19\xad\xd5;\xd8\xe3e\xf8\xe6\x05e\xbd\x19\xdc\x95\xc6G1\x86= o\xdf\x00\xc8\\\x94_\xfd\xaf\xa5\xe4\xaayK\xda\xfb\x8b\xf3\x7fq\x18|i\xd4\x9e\xba\xbdJ]4Fj\x8d5\xb4\x018\x07\xfbN\x06\xa2\xd1&gt;\xda&lt;\r\xc0. \xeco\x8d\x1dz\x9c9\xfe\xefx\n\xb3-\xce~O^C\xdd\x0f\r\x9b\x9c\xc8B\x96\x88\x88&gt;\x80\x9c\x7fN\x81\x88\xcc\x17\x8b\x97\xb0\x95\xe7\xdc:\x9d\xd50\xa5\xfa{\x92\xfb\xc5\xd7\xdf\xab[\x84\xb3|E7Y\xff\x9c]\x8f\xe7\x18\x00\x18c\xce\x18X\x8f9\x95\xb5IN\xe6yp\x8d\xd4\xcdO\xe3s\x95\x8d\x02\xe3\x90\x1f8\x03&lt;\x91\xe0!\x87\xc4\xbb\xfe\xae\xc1\xa1\xf1\x1a\xc7\xedb\xa3w\x7f\xa8\x9e\xea2a\x87\x86Nn\xd0&gt;F\xf0\x80kb\xa0\xact\x13\xc0\xd5\x80\xe1\xb818ON\xfb\x1a\xf0\xd6;\xe8(\xc8l\xbf=\xf8\xa8l2\xaf\xb0g\x95#\x81\x88\x8c\xf9[E\x81yu\xdd\x16\xa0\xacg\xc4\xee\xd2?\xfeo\xc1Y\xe2\xf3\xdfW\xae\x14\\-\'\xbd\xa4\xde\x7f\xa1\x92\xd6(\xd9\x00\x8c\xb5\xeb\x03 \xa4v{\nj@.\x00cq\xcc\xfc\xd4O\xe3\x95\x8d\xaf\xf6\x05\xc4WV\xe8\x93\x14\xaa\xb7\xa8\x1b\x7f\xd3y\xbd\x95]\xedu\xd2\xdb\tv\x0f\xa0%9[$a\xcc\x03\xb8~&lt;`\x95\x12l&amp;m\x93\xc2\xc5\xfd\xb6\x94"\x9f\xab\xcbK\xe0Z\xc0&amp;uO\xe0g0\x1aG\x0c\xff\x07\xee\xab\xee\xac\xb4\xaf\x1e\n{VTx\xe4\xf9\xe2(\xdbrz\xc7\xfeI_"\xba\xbc\xf7\xbf\x976\xce\x1b\xefi/\x97\xcb\xfb\x91"b5\t\xf7$\xde\x06\x80}\xe9\xab.&amp;\x87\x1db\x00\x00!\xc1\x18\xfe&lt;\x8c\xea\xdb\xe1\x1c}\x8d\x03\xaa+\x869FM\xaeS\x9d\xf2\'\\\x82`\xd9T\xc7\x1b[+\xef\x0e\xe2\xbdE\xb0\xbe\x8a\xe4:\xbb_~\xeb\xf5\xfe\xcf\xc8{l\x00\x80\x10\x8c\xe1k&amp;\x97\xa3\xb1\xb0&gt;\x11\xa7\xeb\xa9.\x0b\x0b{\x956\xe4\x12Dn\x7fG\x1b\xfa\xab\x10r\x9a\x0c\x13\x04\x9e\xb2\xd9\x99\xd5\xf6i\xcf8b\x8d\xbac\x7fS\x00\x00\x85LG\x1b\x00:\x92\xeb\xdd\t\x01p\n\x88\xe8\x84=Ui\xf04\xa5*.7\x97U\xc7h{\x002\xd3#\x04\x85\xba\x9a@5*:\xecL\xbe\x89\xc8h\xc4\xedN]\xec\x06\x9ecv\xe3\x81w\xbe\xeet\xd2T\xbc\xb4\xcb{\xd1\x08\x00\x00\xc0) "\xf3\xa3\xf9\xac=jf\x1f\xf3$X\x93\xabo\xe0\x82\xac\x99\xd6K\xd8\xa3y\xe6i\xb9\xa3\xdc\x1d\x0c\xaex\xb1\xbb\xc3[vg=\xd2f\xb1\xfcY\xff\\\x8b\x88\x8cy\'\xefN\xb6j(\xa7\xc2\x80~\x8c9\x0c\xc15\x81\xd8\x02\xa7\xe1t\xa9pI\xdf\xbf#+6&amp;\xc3\x1a\xd6\xc2U6J\x8f\x11W\x1e*\xab\xde\x7f\xd4jD\xf9\x06@\x1b2/\x15W\xfd\x97#\xee\r\xd4\xddE\xee\xa1x\xa9|\xb6|W#\xe3V\xe4\xbfH\xa0h\x12\x00\x0e\x08/p"\xb4\xc2u\xcf\xb0\x97\xe9B\xa2\xdf\x0f\xea\xff\x83!\x07\xf3\xe3\xcd\xad\x1bq\x03\xe0r\xdc\xfa\xfb\xd0\r\xc0G\xa5o\x8b\rK\xec\x13z}IW]\xac-\xbcY\xfe\x01\x1d:\xf4\xf8\x02\xb7\x01B\x10\xdc\x1c\x03d\xde\xc3\r\x10r\x16;\x8b\xb8\xbeF\xfd{\xfb\x8f\x96wN\xe6\xb5\xd4`\xab\xff\xa1\x8c\xd9\x1dq_\x14\xf5\xda\x9e\xdb\xe0_\xf1\x14\x91\xe2[L\x8a\xfb\xb1\x96\x81S\xa7\xd0\xd3\xbe\xbb\x01\x00\x00ps\x1c\x9fdo{M\x03\xfa\xd1\xb2\x18\x1a\xf2\xe0_\xcf\xa43&gt;\xfc\xe9\xd5#G\xfdbR\xb3^\xcf\x1bj\xfe9\xf4\xa9\x17Yd\xa7\'\xfc\n\x10\x00\xb7\xc0\xc9\xe6\xaa30\x8aK\'\xd3c\x0e.\xfb\xde\xdb\xcd2\xdc\x1a7N\xf9\xfb\xcd-\xda&amp;\x93\xfb\xa5\xa0\xbd\xb0\x9a1M\x12\x93\xb2+\'\xda~\xc1\xe7\xc3\x9aL\xfb\xe5\xd1^ \xac\xa2s/\x13\x11\xdf\x1bmz/\x0e\xf9"\xcb-\x93,&lt;\xf2\x92\xdbE4\xb06a:\xebo\x16\x01\x004\xa13\x9eW\x9d\x81\xdd\x1e\xb3\xa2\xef\xc6d\xbcC\xee\x04\x85\xa666\xed#\x86x\xfb\xbfX\xbb\xe4=\x10\xab\xcc\xcf\xd5[\xa6\xe6\x1c\xe9W\x83\x06\xe8\x8e*\xfa\xd8\xdc\xf9=\x99\x13\xfa\x19\x00p\x95\xe0\x8d\xc0\x1e\xec7\xa1v\xfdG\x8b\xfe\xfc\xfc\x81q\xc6eMw\x0e\xf6\xc9\xb6\xe2\xd4|\xaf\xba\xa0x\xf3oA\xf6\xa5\xe0P&amp;\x99\xbd%\xd6\xba\xaf\x85\\\x1b\xd7\xda\xae\x12n\xbc\xf9`80&amp;\xc1\xd5\x83m\x15\x18\x95\xa3\xd3\xaf\xe2\xd2\x7f\x95X\xa6\xbdR\xc9\xc9f.\x81\xb5g]\xfd\x0bm&gt;\xaa]gt)\x00\x87\x81\xd1\x02@/v\x1d\\\x18\xc8 \xcd\xba6\xfa\x94\xa3\xf4\x1f\xa3w&lt;\xf6=\xfe\xd7T1\xf2\xbeed\xdb\x00\x007\x05\xd2\xd0-\xe2\xbe\xc6Z\x12\x03\x98\xb7@_\x0e_\x1b!\xc2g\xac\xa5j_\x9ftY\x10\x8f\x9a\xa9"\x1b\x80\xc3\xc3\xbe\x0c\xfc\n\x108\x963\x8d\x96\x81\xb9\xfc\x12\xcc\xc0\xce\xbc\xc7\xc0\xb6\x9d\x93KwO\x93Y~\xea\xa1\xe0\x07\x1fh\xfd\xcf\x88\x0ck\xd8\xd5\xa3\xe8\xf9c\x7f~\x04!\xb4\xf0fd\xf5D\xdfN\xd1\xfa\x15\x1dO\xa8\xb2@U\xbc\xf6\x8e0\x03\xe3\xb9\x04\x00\xb7Hf\xe4\x1f\x9b\x14\xf0-dev\xce\xf2\x9f\xbf\xa3.p\x00\xea\'\xc4\x07\xaeB\xb0\x06\x02\xbdacl\x84\xc0\x8b\x1b\x80\x11\x01\xc0\xf52B\xf6\x01\xfb\xb0{_#\xae\xae\x1et1\xd0\xe2L\xb1T\x93H#\xe9w\xd8)8f\x18^\x01\x02\xe0\xba\x182\x01\x01E\xb8T\xdes\xe2!:\xfa\x8d\x8e\x11\xe1\x1d~\xe2\xd1\x87.\x06Z\x9c)\x96j^[\x9a\xf8Z]^\x82\xea\t6\x00\xe0x^\xec\xc4\xb3\xe6@\\R\x0f\xc5\x8f4\xc6&lt;\x9c\x00E\xac\x9d8M_g]\xee8\xeb hX\xec\x99~;`;\xd5\xf4\xdf\x1d\xbc\xf8\x07\xae\x93\x93\r\xf3ec\x82\xc1\x08\x86\x01\xeb\xd1\x1e$\x9eB\xc2\xe1W\x00~~nO\x84~Fw\xb0\x9c9P\x99\x87l\x07X\x01\x80\x12\xec`\xc4\x13\x00p\x18\'\xdbD\x0f\xce2\xbc\x13^\xc5\xe9\xe4u0\xf9\x0f\xa0O\xbd49\xa9\xf1\xcelz\xae\xe7\xfe\xfb\x90MG\xc3BD\\T\x9e\xb1)`8\xce\xbc+\x06\x00\x0c\xc9\xfa#\x1e;\xfc\xde38\nf\xe68\xfdtrJ\xe3\xadY\xbc\xe6\x1b\x84\xda\xe6\x0c\x88\xe09\xd5\xe9C\xd7\x9c4z\xc1\x81\x8c\x10\xf3\xcb\xd8\xfc\xd1\xa3\r\x01\xd7\xc6\x87 \'\x1e\xc2\x9aVF\xc8/;p#\xcd\x94\x00W\x80\x01\xc9\x9eD\x8cy\x14Zb\xd2p\xc6\xefL\xed\xeb\x88\xb7\xee\xb7c\xc1K\xa4\xa0\'\x08\xac\xa1p\xbb\xe3\xe8\x91\xaf\xa6\xfd\x90V\x88\x94\xee\xfa\x04\xe6:\xc6\xda\xb9[\x81\xa9\xb4\x9a\xd1\\W\x98\x1e\xf1\xac\x95\x1e^\xbe\xfa\x1f\xad\xd3o\rl\x00\x00\xb8N"\xa3z\x9b\xa8\xaei\xd8\xef\xdf\x16\x89F"z\xdc^\x86\x15\xe4\xf1\xc1\xfb}nH\xbd\x91DtH\x1b/]\xf0\x13R\xd5c\xf7B7\xce\x92v\xca\x16F\'i\xd4P\xdc\xe6\xd2s\xb4\xf7r\x8f\xca\x96\x00\x80[&amp;\xf3J\xc0PYr|\xaef6UjHWW\xbca\xcc\xc2z\xcb\x0f}\x16\xb7\xa7\xae\xeb\x88R\xd0\xce2\xd2\x7fCCH\xbd\x80\xbd\x87\x1e\xe2\x1f\x80=\xb9\xd5)g\xe8V\xe7:\xa5\xd3\xdbA\xaf\xae"\x16\xf4\xe4\x04kDm\x0b/\xd2^\xa0*\xb3\x9dGk\x0b\xc4\xfb\x06`C\'\x18\xb4\xc2\xe9\xd3\xd2r\xde\xdc\xbcl\xec\x89:\x00\x00\x00p4W\xf1\xe4\xe4\xec\xf6\x87\x88\x16\xbeC\xad\x8cuW\xea\xe4\xa2%\xf6\xc6x/\xf3\xfb\xd7\xf5\xb6\xc6\xdf\x0e\xdb\x96a\r\x03\xe0&amp;\xc1\xccq;\xe0\xad\xc4j\x88(rR\xa5#}\x97~\xb9\xa6\xae?\xeb\xc2W\xd7\xda[\xda\x00\\w\xebn\x84[\xe9\xc4k\x1f\x8c\xe0\xaa\xd9\xe75\x92\xeb\x87\xe8k\x90\x08\xea\xa3\xc5\xafx\x95Y\xf5\x06\x96n\xfa\x08\x97\xbc7\xe0\xdbm\xf5\x7f\xe7a[\xaac\xd8\xa8\xad;\x80\xac+\x1e\xbe\x87\x15\xb7\xc8|RCD\xe6\xcb\xa3\xbdp\x1b\x1br\x00n\x933\x0f\xecw=\xc6\xf8\x13\xff,i\x15\x05v.S\x05\x99{\x1c\xdc\xba\xf3\xb8W\xba\xb2\xdf|{\xb5&lt;k\xec\xa5\xc6\xd5\xfb\xff\x082\xdd\xfd\xb5px\x1fhy\x84\xee\x8d\xb8\x870\xe5\xc6\x1d\x92\x00T\xf3\xfdVX#\xc4-\xce3\xe0\x8f\xb1\xf3Z\xde&gt;\x8a5A\xb4\x18\x8d\xd6\xed\xef\x99\xec\x9cd\x15\xf8\xfb\xde\xc64#=`\x9b\x8b]C\xe0\x9d\x94\xaf\xc8\x15@\xd7\x80f\xb0\xe0\x06\x00\xf3\x1c\x00\x9dh\x7f\xaa\xab=E-O\xa2e\xaa\x05\xeb`\xb9y\x0f\x10\x97\xecE\x813\x91\x15\xcb\xd8\xd5]x&gt;P\xca\xef\x1f\x18\xcf\xf7\x1c\xb5\xa7\xb0\xc9\x07\x00\xc9\x14\x1c\xc4\x9d\x8f6\xa0\x05\xe9\xab\xe4\xc9\r\x00Y\x1f\xa2\xb3\xd1\xfe\xc7T\x96\xc6\xcfR\x95zX\x9e\xc1\xe3\xf5$Cz&amp;&gt;1a\xce*e\r~\xf5\xd7\xdb\xc4O\x08\xed\x0b\xd7\xdbwW\xdc4pR\xb2Ct7Kn\x19/\xf1\xc1\xed\xd7=\x85\x0bV\xff\x16\xefC\x89\xe7\xd1\x05S\xe6\x87\n]z\xc0\xd1\xd7\x81\x8b6\xab#\xae9\xe4\x1a\xa0\x8f\x1d/\x1d]\xf9J\xf1\x08\xca\x92\x92Xb\x85\x01\x8d:[\xaa\xf7\xe5\r\x06\xb6\r\xdc&amp;C\x0f\x98\x85\x1bH\xf7\xd7\xdd\xbaF\x96\xefH\x8d\x1b\x03e\x86\x95\xc6sb\x85*{\x15\xa7\xec\x1b\xaec\x8f5e\xdb\x84M\x1e\xdb\'\x9d!2\xe6\xf7\xb3\x85\xf6\xb0\x04\xf4E\xb8\r\xee\x92\x8a\xc5\x99\x07?\x95c\xee8\xda\x00p%L\xd3t\xb4\t\xc0\x18\x83^\x88\xf3\x19\xc6\x90\x99\x8c1C\xc6\xea\xb28\xef3\xeb\x10\x99m\x90\xc6\x9b\xaf\xe4\x985\x1b\x94L\xa2;\xbf\xe1\xddEl6\r\xdet\x9e\x9c&amp;c^1]\x84\xe8\xb6\xf7HW\xc2\x94M%s\xba\xeb0\x1a\xa6i\x92\x8d\xb2\x1b\x1e\x89\x00\xdc 7\xb2\xadW\xe6Z&lt;v\x8a\xae/=\xd1WS*\x15%\x1dA\xeb)\xda\x1d\xb2\xd3\xb8.\xbd\xf3\x99\xf5\xbf\x8cT\x8a\xc2\xbbU\xc0\x18"z\x04\xdc\x05\x0e\xe5tc\xf6\\\xd6\x02\x00@5W\x9b\xec\x14&amp;\x9e\xaaw\xd0\xc5o\xae\x93\xf5_\x89\xd4\x9d\x9e\xa4\xdf\xce#\xfb\xab\xa7\xac\x13\xffD\xe7\x8d5ps\\[T\\Ys\x00(A\xbc\x82\xb9M\xae\xca3z3\xfaxnQ\x9f\x96\x8e}\x03\x87\xf8=@\xe2\xab\x08\xb5\xfc\xf2\xb1\xeb&lt;\xe17(@\x1d\x91\x80\x11,\xee\x7f\x11=\x02|\xb0-4\xe6\xfa\xb6@\xe0v\xb9\xf5\xf1\x9c&lt;\x01\xdd\xd99\x07t\x04\x12\xba\t\xf6E\x07:dUm\xad\xff\xd9\r\xc0\xf5p}-\x1a\n&lt;\xe1\x01\x8a\xec\x19K\x07\xc6\xed\xbf\xc7\x90\x017\xc1\xd8Q\xbe\xdb+\x10\x89\xdb\xbd\r\xb0-\xd9\x7f\x0fP\x9bd\x87\x0e\x1b\x11*=\xab\x1d\x1ev\x0c\xec7\x03\x11\x11\xd1\x1b\x1f\x94\n\xaemy:X[\xac\r\x80\xa2ac\xb5\x11\xec\xc7\x16\xde{L\xcd\x07\x1e\x8a][^\x02\xe0\x84`\x04\xd6\xd0\x94\xb9$\xefc\x8c\x92\x19\xaf\xe1\xed\xb5;\xac\x99\xa6\xa5\xe3\x9c\xba%\xef/\xd5.\x10\xaf\xc1\xf9\xb7@\xb2\x7f\xd1\x83\xc32n\xd7$\xd3\x85^Z8b\x96\xa1\x80XI\xfc\x0c(\x00\xbd\x19\xe1\xe7\xc6\xa4_\xdc\xeckE\t%?\x98\x18\xbca"i\xc9\x18?\xc8x\x1d\xaf\x8e\xff\x9d\xf5\xb9\xe5\x97.\xad\xbae^Y~\xfb\xafT\xf5d\xcc\xa4\xd1\x01\xe7\xef\xc23\xb0\xee1\xdd\xcbC\x0cd\xe0A\xdb\xcf|~\xd2\xc1\xa6\x04,k\xe2H\xe4\xcc9Ya\x1b@\xeb\x7fv\xe4\xa6\x7fk\x18\x00\xd0\xc0\x19\x972\xec\xb7\x03\xcf\xd2\x90A\xed&lt;\xfa\t\xf2\xb96FiSO\x14\x8d\x87\xc3\xfbj\x8b\xc6\x17\x12\xbe\xf4u\x12\xecG\x82\xcd+\xe9\xe6\\\xf4\x12\xfe\xa1xBZ\xe6\xec\\hI\x87\xf7\xd6\x8a\xc1\x13\x00\x00\x80\x9c\xd8\xa1Hq\x16\xab\xc8\xd7\x14=\x0fO\x8b\xf2l\xae;\x0c&gt;\x8a\xcd\xce\x01_\xd9&lt;\xee,iR\xd7-\xdf\xd2\x94\xf7\x82o\xea2\xf1\xaf\x07\x8dg\x89\xc6\xa3!\xc3\xfaj\x9a\xa6g^&gt;\xbd\xect\xe9\x9c\xc6\x912\xda@\xbbF\xa6\xc8\xe7\x03 \xa2\xbf\xf2\xaf%Lro\xb1\xa1R\x10?\x18\xfb\xe0VA\x9e\x05R\xa2\xeb\xb3\xe1\x96\xc5\xbd\xf0\x9a\x8f\x9f\xb6TE\xb8\x01\xd0\xdb\x86=FC\x08\x089\xfe`ugN\x9e\x00\x0f6^\xfeN\xbcW)\x9e\xfdD\xb9q\x88\x03\x9d\xc3\r\x00\x00\x00\x01\xb75\xa9\x87\x1c?[X\x0c1{\xa9"kQ\xe5\xe2\xf2\xca|\x05\x06c\xe7\xe8\xba\xaaT\xbc\x9eeh\xed\x1b\xe5\xef\xf6\xdc\xdaN\x15\x80s\x83\x89\xdc\xe1\xda\xff\r\x01d\xe7\x18\xd7\xb7\x01\x00\xb7\r\x82\x19(`=F\xb8\x9f\xb0\xf0\x0eV\x01p^F\x19!\xe7z\xed\xa1\xd2\xd4\xa2*_t\x0eW\x80\x1e\x1c2ua\xbe\x04q\xd6\xe5T\xe1\xc1\xea\xb6\x0e{r\x07\xab\xae\x86/;\xda\x80\x18\x03-\xa3K\xde#:\xd9\x8a\x02\x80#9|\x90oc\xfb\x99\xbe%Q\xdb\x0e\xfd\'W\xd7LT\xe0\xba\xa3\x9d\x0c\x80\x89G\xec\xe1I\x00\x8cI\xd5\x9b\xdcN]k\x1b\x80\x18\xe3\x18\xd59#\xe5\x84\xb2\xd8\xab\x88U\x00N\xcc\xcf^A\xb8\xffLI\x13\xc6\xd8\x00\x00\xb0\x17]\xe3\r\xc1\x0cx\xdc\xa5\x7f]\xde#\xe3\x08\x01\x1e\xf0\x8c6\xf0\'\xb8)\xae"\x83\x9c\xa6\tg\xb1S\x91\x1bl2\x00\xe0\x82\xd2\xf0G\x0ea\xa8\xdc\x1a]\xfb\x9e\xea\xbc\xed""c\xfe\xe5\xd1V\x00\xb0p\x8aL\xd1\xdd\xc2C=@\'\xfe]\x82\x93\x9a\r\x06\x83\x1b}\xe3\xe7\xa5\xc1\x899p}\xfdf\x7f\x93\x80\x9c\xefj\x9a\x9a\xb9\xbaW\xd2\xe3\'n\x05r\x1a\x00#\xf2\xdb\xfd\x87\xa53\xf2\x87\xcc\x02\xefGd\xde\x19\x19\n\xecN$\xe4\xee\x82P\xac\'\xba|&lt;\xc5\xa1\xcf\x8d\xe3\xbe^\x05\xae\x04\xb6O?\x04]\x0c\x80&amp;5y\x13\x83\xf0\x1a\xc0\x94y\xcd\xbc1z\xb6\x80\xd8@\xd8ke\x89\xce\xaag\x90\r\x00r\xa96L\x9f\xc2\xc9\x00D\xe0\x93`&amp;9\x1e\x9e7\xaf\x8f\xb8?\x07\xf4\xf3\x80&amp;]\'77\xca\xbe~m\xef\x8d5\xbc\x06\xc57\x1bo\xcd\xdb\xa3\xac\xfe\xcf\xfcz\xea\x900o\xdf}\x11\x9c\x0c@\x0c~\xc7,\xc8\x8f\x18QG1\xb6\xe7om\xcd\xba\x1f\xba\x8e\x1d\xb1\x9b\xac\x84\xa3h^\xa7\x96\x0e\xee\xc0\xa2J#\xb6\xa5\'\xc7\xaf\xfe\x8d\xe1\x9f\x14\x8d`\xd8\x99\xe1\\\x07\x97\x82\xddH\r\xe0\xb1\x03\xf1\xb4\xa9\xa7\xfa7\xf2N\t\x11\x19\xf3\xd3G[\x01xn\'\x0e{\xd0\xc1{\xbf\x8a\x1e\x01!\xaf6\xe4\xa9\xf0\x08\xcf%\x00\x00\xf5d_\x9e\xd9\xd9\x1e9E\xa9\xa79O\xbdKC]\xc6\x92\xfe\x8e}Zg\xf9R\x82G\x9c\xe3\xf3\xa1G\x1b\xb0\x1f}\xe2PU\xe6\xd0\xc13\xb2m\x1e\xc7\x9b:\xf2l22\x91\x14z\xbc3\xf1@\xa0\x8a\x94\x7f\xe0@\xb0+7\xb2\x89\x1f\xa7\x8d9\x87\xe7\x8d\\\xeaJ\x9aCfk\xfb1\xcd\x1f\xc4\xed\xe0\xb4\x0c\x1e?4\xf8\x93\xd2\x99c-,\xfd\xd7\xd0\x81\x05\xfcV\xcb;\x1fm@1\xe8k\xb0\'\xd1\xb7\xe7\xdf\x1e\x81XB\xed\xe3\x88*\'\x17v\xcdr\x80\x84\x0e\x05@\x9fq\x0e\x17Z\xd8\xe1\x8c\xe0\x0bU\xbct~W\xef\x05\xf7\xd0\xe0!Gx\x0f]\x06\xc0\x80\x10E7\x00W\xca\x154\xd3\xe9,q\xdf\x9d\xee=\x1c\xa0KS\xef\x1f\x97\x1f\xe8\xa2\xfe \xed\xd7\x82 K\xdc\xd2,p\xab\x10\x99\x1f;j\xc6\xcfn/?d\'C\x00\x00+m\xb9\xe0w5M\xe9\xcf\xb1/\xc3tB\xba\x01\x90\xc8\x19g\x05p\x8d=uR\x0e\xef\x88+^\x98\xee\xb3\x14\x8bk\xa1\xc8g}\x13\x06\xca-gE\xc7\x81\xd6$\xd8\xa5G\xd8H\xcb\xcf\xbc\x08\x0f\x00v\xe7\x1a\x8e\xff\xe5+\xd7\x0e\x87\x1f\xd1/O\x9f\xcb\xab\x96g2\x96\xab.\x07\xa3_ ;\x9d\x03\xcfF\xc3\x1bh\xadJ\xc7\x97\xb9\x1f;\xc4y4\xe9a\x8f}\x0e\xfegu\xcd\x87\xec\x9eB\xe7H\x8b\x05\x1b~\xa7;\x0f\xfc\x00\xf6\xe2-.\xc3\xf2\tl\xcc\xfd\xe7\xeb[\x81\xed\xf6\x04@c\xa7\xb1\xab\xf3/\xd6\xbe\x83p\x03 \xden\x95\xddr$?=VU\xa2z\x17\xc6\xb1\xe4\x0c\x0c\xf5|I\x9b\xb1\x9e\x9e\xb9\xf0\xb9\xc8_\x90}\x8e\x8a\xa2v!\xc0C\x16Z\x99I\xad\xaak&lt;\xbd\xa5\x12\x18\x93p\xac\x93\x84\xf0\xa0\x0c\xecFn(\x9em\xac\x8a\xac\xb57\x00\x1f\xbd\xc7\xc1[W\x15\xaaH\xad\x95\xef\xa0B\x81\xb4\xfc\x18\x88D\xd7\xd9\x1c\x08\x92\xfc\\uW\x9eaR$2\xe6\x8b\x8e6\x82\'~\x18\xe1|\x95hO\x93\x80\x10\xa5\x83$2\x9fU.\xc1\xca\xf3d\xd1`\x89!"\xf3\x9d\xb2\x97Qo\x91\x8e\xefe\x01\xe0p}\xab\xab+k\xce\x08\x89 \xe2R\xb9aa\xc9G\x1b\xf1s\x18\x95)\x07\x9c\x1d\xc4@3\xf9q\xa4\xe4a\xc9\xf2e\x94\xed\xdc)\x82J#\x07\xdeU\xd1\x0c\xf9\xe9O\xa3\xba\xde*\x00\x00W\xcdk\x9f{\xf9\xc8X\xbe$~\xfcy\xd5\x00\x00 \x00IDAT\xdf}\xb20o\x83\x92X\xc9\x8a\xa4l\xf2;mG\x83\xde\x9c7\thQ\x9a\t\x97\xc2E~\x93\xac\x11\x87\xc9\xc9\x83\x98!`\x04\x8f-}z\x9f\xdd\xa6\x9e\x1bg\xb7\xbd\x16\x00\xd7\xcaa\x93\x8d\xa2^W\x8e\xbd*\xae\x96\xffZ\nf5\xd2c\x03\x00\x00\xe0\xa8\x18Ds\xf9\xc2=\x83;`S{\x80"c\xb49Y&gt;\xe9\xe4\xae\xb7B^\x1d\x18L|\xe0(\xae+\xec\x8e\x1aEz\x1b\x00+\x11\xbc\xf8\x18y\xe1q\n2D\ry\xea\xa5\xa8\x82:\xb0\x07\xe8\xa9\xdb\xe5^\xd8\xb1w!\xe1O2\x8f\xafw\xf5r\xc0\x8c\xce\x02\x00\xcc\xcc\xe9\x06y\\\x03\x05\x07z\xcf\x01\xaf\xa8_47H\xd7\xe2\x93\x81\x80Ko\x01\xddg\x95\'\x18\x8c#\xdb\xc6\x13\xf1\'\xe3\xea\xc6/\n\x83\x11\xb9\xe3h\x03\xc0M1\x19c\xfe7\xd14M\xd34\x1dm\xcc\xc8\xdcCPF\xcb\x81\x9b\x9c+\xea\x97h+\x8a\xd6\x10\xd34\xff\x1f\x00\xb5\x8c\xf2\xb5\xd4CP\xc9\'\xde\x80\x95\x8c\xdfc\xb6\n\xe7\xcb\x14|\xc2\xbf8n\xf2/\xd4k\xb1$\xd1\xe5\xff\x86\xde\xc8\x01\x00\xfa\x80a\x0f\x8ed^\x19`\xfa\xd1$\xe1\xcc\x11\xfd|\xab\x8b\x8f\x1d[\xfd\xa7j\xba\x9c\xb3\xff\x1b\xf9\xe6\xe2&gt;\xf1\xf9\xe6\xbd\xd3 \xf3;\x13\xee\x93\x1cm\xed7:\xae\x01\x00`\\\x86\x9a\xb6k,y=\xa2\xc7`v9\x86\xd6\xe0\x19\xfd\xbd\x91\xfd8\xa9\x13Z\xde&amp;?i\x93\xbbs\xc8+U\xc1^\x0e\xa8\x03\xaf\x82\xf1P\xc92\xc3O\xe4\x8d\xdf^\x1d\xb9iM\x8c\xddk\xe0\xca\x19&gt;o\x80[\xc3^\xfe\x1e\x13\x99\xb9\r\x80\xc4\xaa\x0f,S\xf9l2o\x9d\x14;\xde E\xea\x00\xa0\x15v\x14\xc9\xc6\x95[f\xc4\xd1\xf8(\xd2\xfaZs\xa4\xfaU\xe4\xa0\xb3\xdb\x0fb\x0c\xff\xbdLp\xa3\x901\xf7?\xda\x86\x18\xc7\x8f\x17"2\xe6\xc7YKz\x1d\xcf\xe7d\x0e\x98F\xf0\xa4\x02\x80&amp;b\x8f\xfc\xd6\x17:\x13\xc3&gt;\xb8\x85\xa1\x08\n\xc0\xda\xb47\xfb\xbfEP\xc1\xe0\xe6\xdd$*=\x92\t\xbc.o\x99_\x05\xe91\xab&gt;^N\x91%"\xbc\xd59\xcd\x06`\x0cb\xdf\xf89mF\xb8\x12\xb2\xfe\xef\xd6;_\xd5Gl\xc8yg\x9d\xd3p\x86\xa9}p\xf34\xe0V\xbaW\xdf\xea\xe32\xd8\xe9agd\xf7\x96\xae\xaa\xc2,1L\xc7\r\x9f\xdc\x00\x00\x87\xf1\'G\x1b\xd0D\xe6\x10h\xb9\xbbO\x06TL\xb5H\xd9{1\xfe\xea\xdf\xdc\xc4\x06\x80\xe3\x06Z=\xdc\xeb\x19\x8b\xcfG\x7f\xf2\x90x6\xd2i\xf5?\xb8C\x00\x00\xa0\x8c+\xcek\xf64\xb0\xd7J"pf\xad^"2\xe6\x17\xda\r\x02Y:\xc7\xc69\x07\xd7`\xabR\xe0\xd27b\xcf\xf0L\xac~\xd8\x16\xb5n|?\x00\x00\xba\x83D\x00\xaa\xe1#\x07\xe1\x04\xc6\x04\xb9nGF=]\x1e\xcd\x1e5\x92\x0e\xcf|\xa3\x0ft\x06\x9e\x07\x00\xdc\x00\xd9w\x7f1\x0f\x81Cx\xe0\xa0K\xd2\xeb\x84\x88\xfe\xdc\x1e\xe9\x95\xbf5w\x0b\xa8\xf9\xa1\xa7Kw\xc8\xdb\x9e\xfc/\xeb\xac\x0e\x00\x00\x86c\xb7%r\xa3\x96\x8a\xea}\x9a\x86\x95\x04\x10\x82P9\x04\xf6\xed\x14\xa5\x7f\x7f\xa6]H\xa1\xc2n\xf9y\xe0\xe0\xdc\xe3\xe0\xc6\xda\x9c?\x1d\x1bu\x00v\xc1\x1e\xd8\x18u\x0b\x07\xe7\xe2\xeb\xec\x85\xc8,\xd2\xba\x0f\xc1Q"\x00\x83c\xfft\x81\xa8\xb0,-\xec\xfdH\xa7\xdb:x\xd47\xa6f\xf6\xfd\xb5\x89\xee~\x18\xd9\xd5\x00\xec\xca:\xb6\x07\xcfA`c\xee\xa9\xef?\xda\x8eV\xf0FP;\xcc\xd2\n.\x05CQ8\xcc;\xe4\x84\xc4\xef\xea\xf0?\xb8\xa9m@\x96=\xdf\xb1y\x9b\xce\x8a*\xd9\xeb[\xda\x98t\x00\x08\xc0j\xecD\x9c\xb2\xb3\xb8\xf7\x80\xcf\xd7\x8a\xe1\xc0\xdb\xd5\xc0c\xac\x00(:\xfeg\xeaZ\x9fuc;&amp;\ry\xe9\x10\xf6\xda\x00\x9c\x83;\x8e6\x00\x00c\xb0\x9e\x18\x92i\x9a\xa6i:\xda\x8a8l\xccL^,\x911f\xe4F\x9c\x04\xdf\x83\x0f?\xc4\n0\x0cD\x82\xa4Md^\xb0Sb\x9f\xa6\xe92\xf6\x05S\xc9\x93\xbd\xdd\x8b\x95\xe5\x92u\xab\x9e]\xe7R\xe8\rO|o\x7fX\xdb{\xcck\x03\xaea\xb2\xc3\x01\x13#\xd8\x17",\xc7\x80\x06\x84\xf4\xb5\x03\x97\xf9c\xe8} 8\x02Y`\xec;H\x97\xc5N6\\\x89(^&amp;j\xb3\xe2XXD\xcd\x87\x18i\x99*zG\x1c\xc8\xbb/\x06:;a\xa0)\xc9^\xf7O\x93\x89\x19\x86\'\x00@\x9fp\xd3\xb9\xedD\x87J@.\x03\xee\xe0A\x9cq\x03\xe9\x8a\xc0\x88\x00&lt;\xb2\xc7\x83\xbb\rRZ\x9f\xf5I\x96w\xb12\xcb4\x15\r{\xc5\xe9\xeb\x90\x99p\xac9n_\x0f\xac\x9b\xaen\x8c3%y\xbd&lt;\x8ea\xe0\x06\xf0\xb2\x0cYh,)R\x12~\x83{\xe6\xb5\xcf\xb7\xfeO\xc2\x15:\x01\xeftv\xe4\xd4\x8e=\xb5\xf1`\xe6?\xa4\xb3\xd6\xfb\xdb\xf3K[\x8f7\xbe ^Z\xb1`Z\xfc\x9b:\x93FN\x8c\xf4*D\xe6\xc3\xf73\xef\xc6\xa6\t,x\xc0!\xdc\x87?\xfe/\xda\x00T\x8fU\xaf\xa2\xea\xc6\xa3\x95\x1bK@\xbb1P\x17\x03\x00\xd2\x84)\x9a\xff\t\xffHy\xf6n\xed\xea\xdfO\x1am)\xba\xb8\xeeP\xd3\xd3\xce4\xee\xb5\x00\x00\x83\xe2\x8f\xea7\xa3\xd2\xd1\x1e/\x9c\x11\x12\xa98J\xa2\x19\xc4\x0c\x06\xa9a#\xda\x8f\x89\xe4P\xe0\xf9\x15\xb8"O\xec\x8c&amp;&gt;\x84S+\xfb\x86\xd5\x7f\x0b\n\xcf\xb1\x05\r\xbfjnu\xe7\x03\xc0\xb5\xd3\x9c\xd1\xf8\xb48_\xa9\xd8\x00`\x8d\x98\xe1\xc4\xce\x91Y~\xe2\x06\x8e\xcd5:\xf6\xa0\x16\xdd\xfd\xfa&lt;\xc9\xf1\xb6^3\xc9\x08\x8e\xf9\x97\xd3\xfa\x02\x17\r\x1c\x99/K.\xc5\x02\xc6mZ\t\x9a\xadx\x8c\x9e(\x00\xc0!\xdcs\xce\x08\xd5\xebu,\xf4o\x8a\x82\xeeFT\x00pN\xea\xd6\xca#O\x04n\x8b\xc6\xb5\x13\xa8\x80e\t\xb8=\xca#~\x1d$\x180\xa0\x0cD\x0b\x00M\xec\xfc\x16M\t\xd7\xf6\xaa\xcce\xd1\xff\xf6\xcbgp\xe5\\W\xf4\x02\xe0\xc3\xc47"\x1e\xec\xc6Y\xdf\xa6=\x9b\xc1\xa7tr\x8c\xf9\xc5\xf1kiN+\xb6+N\xe4\x96\x81\xf7-Q\\\xf7\x9e\xcf\xfe\xf3\xa2\xe7\xea\xc3{m\xf9\xde\xcb\xf5$dp^N\x1e\x85d\x1e~\xa29\x0f0(\xadM\xf7\x8d\x01\xcdQ\xb3\x87\xe5W\xb5\x010\xf4hl\x00\xae\x87\xa5\x1f\xaf\'&gt;\x81&amp;\x8a\x87D\xd7\x95\x06\x01h\xe6\xbcC\xe23\xcfi6\x08\xb9\xe5wj{\x0f\xc0\x8bci\xef\x9f[\xf1\xad\x10\x15\xc2\x88&gt;\x0f\xb4\x9cb6\x06\xf0A\x9d~[\x91\xd6\xfbA\xeb\x92\xbd\xbb\xc8\xaf\xfb&amp;ILX\x0f#\x1d\xc3\x9ep\xa3\x13\x198%\xde\xa0:\xef~\x00\x8c\x86\x1dK\xf1%&gt;\xa9\xe6\xf72\x03\x95\n\x0f&gt;^\x8e\xdc\\\xcd}Z\xf2\x8bO\xc8?\'\xa1r\x03\xb0o\xff\xf2\xef\xb8\xde\xdaq\x83vv\xfd\x0e\x13,\x1b\xf4\x84{P\x8f\xfeR5\xf8\xb6b\t\\\x19m\x1b\x80\xbd\xb2\xf9\xad\xa5\xeccQ\x7f\xdej\x7f\xfe\xc4\xc8\xaf\x89\x8f\xbd\xf2\x1b\xd9\xb6\x91\xa1\xf5\x9dWa\xf9\xb1\xc3\x00\xcc\xd8O\x00\xca+\x9e\xbb\x8bo7D\xf7O\xd7\x17E\xca\xbab\x02\x91|\x00\x90\xb1S\x16\x18}]x\x9d(\xfa\xdc^(\x841s\x9e\r\x80\x18\xb6!k\x03\xaf\xa3\x8d\xdd\xb8\x9e0\xb8~\xde\xd34%\x8a\xc4X`\xae\x0f\x16\x18\xb5\x96\xbc\xdb\xf6\x85\x87\x91\x9a#\x83|\x8e6H\x95]\x1bu]\xae\x03\xb7\x86\x95\x02\xba\x87\xf2x\x89f4{\x1cdY,\xb7\x12U\xf4yr\x03\xb0\x14\xb9\xaa\x19\xa5wC\xfa\x8c\xbb\x17j\x0b\xac\xe3z\xc2\x00\xe8Q\xb0y&amp;"\xf3wC\x87\xd0U\xa4\xbb\xd3?\xc6\xf1!2\xe6\xc7\xe2\xb7\xba\xf0\x0e\xe7\x8e\x01p\xabT\xe5\xaf\xeb\x88u\xaf\xe1\xc35J6S\xee\x99\xbe\xdf\xd9\x08N\xfaw\x9e\x11\xcf?\x01\xeb\xd2\xea\n\x1dg\xae\xdfW\x06\'\xa5jk\x9a\x1d\x8c\xc5\x87M\xa3\x87\xd0Ngg\xfd8\xbb\xfdr:\xcf\x14d\xfd\x17\x80\xf3\x91\x8b\xddy\xf0\\\xcf\xbc~5\rI\xa3\xda\xcc\xcc\xf7\x05w{\x9a\x14h\x04\x17T6\x00\x8dB\xd8\xfda^&amp;\xfaq \xaa\xfa\xc2\xebA\xa6C\x0b\xa3K\xfe\xb8@\x97\x1bY\x16W\xa5\xebS\xba\xa5ab*\xfd\xd6\xd3)\xfd\x03@\x865\xb8\xeb\xe6\xe9D-\x0c\x9bb\x04]\xa0\xbe\x9c\xcaN\xc6W\xf1@\xfc\x86\x08;k\xbe"\x8d\xae\xd4\x9b\xdf\x9e\x1c"2wG`H\xb8\x0e/}\xa0F*\x88\xe4\x93f\xb1b\xcd\xd7\xd1\x17\t\xe8\x0f\xaf\xbf\x8d\xc6\xd4\xbe\xe9\x80\x19\r\\?%\xf1\xfd\x0f/5\xea\xb4\xc4\x14\x9dz\x030nv\xe8\xf0\xc4\x86]/ZYrTW\x00\x0eoH\x16\xcdv\xb9\xee\xf6na\x12\x15\x82A\xe4\xc0\x85\xcd\x12\xa5-\xdfZ\x96\xaaF\xdc^\t\xd5\xa7\x96\xd8\x00\x80+g\xb7\xa5\x1b\xc6\xd2\xfe\xe8\xfa\x9c\x17u\\\xb7\xcez_\t\xbf\xc9S\xcd\xec\xb7\xd2\xa9\x8e\x88\x8c\xf9\x0eq\xd</t>
        </is>
      </c>
      <c r="E479" t="inlineStr">
        <is>
          <t>&lt;class 'numpy.ndarray'&gt;</t>
        </is>
      </c>
    </row>
    <row r="480">
      <c r="A480" s="1" t="n">
        <v>478</v>
      </c>
      <c r="B480" t="inlineStr">
        <is>
          <t>steps_per_sec</t>
        </is>
      </c>
      <c r="C480" t="n">
        <v>5400</v>
      </c>
      <c r="D480" t="inlineStr">
        <is>
          <t>2.595791</t>
        </is>
      </c>
      <c r="E480" t="inlineStr">
        <is>
          <t>&lt;class 'numpy.ndarray'&gt;</t>
        </is>
      </c>
    </row>
    <row r="481">
      <c r="A481" s="1" t="n">
        <v>479</v>
      </c>
      <c r="B481" t="inlineStr">
        <is>
          <t>Loss/RPNLoss/localization_loss</t>
        </is>
      </c>
      <c r="C481" t="n">
        <v>5400</v>
      </c>
      <c r="D481" t="inlineStr">
        <is>
          <t>0.09341035</t>
        </is>
      </c>
      <c r="E481" t="inlineStr">
        <is>
          <t>&lt;class 'numpy.ndarray'&gt;</t>
        </is>
      </c>
    </row>
    <row r="482">
      <c r="A482" s="1" t="n">
        <v>480</v>
      </c>
      <c r="B482" t="inlineStr">
        <is>
          <t>Loss/RPNLoss/objectness_loss</t>
        </is>
      </c>
      <c r="C482" t="n">
        <v>5400</v>
      </c>
      <c r="D482" t="inlineStr">
        <is>
          <t>0.026907124</t>
        </is>
      </c>
      <c r="E482" t="inlineStr">
        <is>
          <t>&lt;class 'numpy.ndarray'&gt;</t>
        </is>
      </c>
    </row>
    <row r="483">
      <c r="A483" s="1" t="n">
        <v>481</v>
      </c>
      <c r="B483" t="inlineStr">
        <is>
          <t>Loss/BoxClassifierLoss/localization_loss</t>
        </is>
      </c>
      <c r="C483" t="n">
        <v>5400</v>
      </c>
      <c r="D483" t="inlineStr">
        <is>
          <t>0.12082191</t>
        </is>
      </c>
      <c r="E483" t="inlineStr">
        <is>
          <t>&lt;class 'numpy.ndarray'&gt;</t>
        </is>
      </c>
    </row>
    <row r="484">
      <c r="A484" s="1" t="n">
        <v>482</v>
      </c>
      <c r="B484" t="inlineStr">
        <is>
          <t>Loss/BoxClassifierLoss/classification_loss</t>
        </is>
      </c>
      <c r="C484" t="n">
        <v>5400</v>
      </c>
      <c r="D484" t="inlineStr">
        <is>
          <t>0.028013643</t>
        </is>
      </c>
      <c r="E484" t="inlineStr">
        <is>
          <t>&lt;class 'numpy.ndarray'&gt;</t>
        </is>
      </c>
    </row>
    <row r="485">
      <c r="A485" s="1" t="n">
        <v>483</v>
      </c>
      <c r="B485" t="inlineStr">
        <is>
          <t>Loss/regularization_loss</t>
        </is>
      </c>
      <c r="C485" t="n">
        <v>5400</v>
      </c>
      <c r="D485" t="inlineStr">
        <is>
          <t>0.0</t>
        </is>
      </c>
      <c r="E485" t="inlineStr">
        <is>
          <t>&lt;class 'numpy.ndarray'&gt;</t>
        </is>
      </c>
    </row>
    <row r="486">
      <c r="A486" s="1" t="n">
        <v>484</v>
      </c>
      <c r="B486" t="inlineStr">
        <is>
          <t>Loss/total_loss</t>
        </is>
      </c>
      <c r="C486" t="n">
        <v>5400</v>
      </c>
      <c r="D486" t="inlineStr">
        <is>
          <t>0.26915303</t>
        </is>
      </c>
      <c r="E486" t="inlineStr">
        <is>
          <t>&lt;class 'numpy.ndarray'&gt;</t>
        </is>
      </c>
    </row>
    <row r="487">
      <c r="A487" s="1" t="n">
        <v>485</v>
      </c>
      <c r="B487" t="inlineStr">
        <is>
          <t>learning_rate</t>
        </is>
      </c>
      <c r="C487" t="n">
        <v>5400</v>
      </c>
      <c r="D487" t="inlineStr">
        <is>
          <t>0.03988132</t>
        </is>
      </c>
      <c r="E487" t="inlineStr">
        <is>
          <t>&lt;class 'numpy.ndarray'&gt;</t>
        </is>
      </c>
    </row>
    <row r="488">
      <c r="A488" s="1" t="n">
        <v>486</v>
      </c>
      <c r="B488" t="inlineStr">
        <is>
          <t>train_input_images</t>
        </is>
      </c>
      <c r="C488" t="n">
        <v>5400</v>
      </c>
      <c r="D488" t="inlineStr">
        <is>
          <t>[b'1024' b'1024'
 b'\x89PNG\r\n\x1a\n\x00\x00\x00\rIHDR\x00\x00\x04\x00\x00\x00\x04\x00\x08\x02\x00\x00\x00\xf0\x7f\xbc\xd4\x00\x00 \x00IDATx\x9c\xed\xfdy\xdc&gt;\xcf=\xe0\xfb\xd7\xf5M&amp;\x88`,g0\xd6\x8cd\xac\x07\xc3\x88\x1c\x12\x12fb=$\x96\x88u"\x12dg\x10\x8c%\xb6\xb1K\xc6\xfe\xc3/A,\x11\xc7\x16s"\x988G\xec#b\x1f\x89\x11\xc1Al#\xc6\x19\x04\x83:\x7f\\W\xf7U\xdd]{\xbdk\xe9\xbe^\xcfG\x1e\xdf\xdc\x9f\xeb\xee\xae\xaa\xae\xae\xeezWu\xf5u+\x05\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0\xb6S\xef\x02\x00\x00n\x94\xd6\xfat\xa2\x1b\x02j\xd0Z+\xa5\xd4\xe9t\xba\xfc\xa4.\xff,I\xd1\xbf{FF\xe7]NJ\xe9\xb2\xb2\xd5p)\x9b\xabTZ\xab\xd3\xc9\xd8L-\x83jm\xfe\xd3\x93\x94?\x97\xb9J\xb7\x1bXO\x87\xd6\xfa\\\x12\xd7\x8e\xf3^w\xd8\x8f\n\x00P\x8b6\xbb\xc9[6Z\x7f\x7f 4\xb0[g\xbd\xc7d\\qZO\xf7\xabK\x8az\xfe&lt;\xbfp[\xa7\x93/\xce\x8e\x95V$\xad\xb5\xb9K\xea\x11i\xb3r\x94Z\x85\xfb\xf6\xc4\xae\x9fF\xe5\xe5\x89\xfe=\x1fj\xed\xdc\xd1,\x16\x03\x00\x00h\x8a\xe0\x7f\xb6\xea\x80!\x87\x91\x15\xaeN\x93\xac}\xa7\xc6t\xd9\xfdw\x82\x19%\xa4\x1es7&lt;]\xc2\xd6\xeb\x7fm{9c\xee\xd8\xfc\xf5\xba\xe0\xa1\xe4\xcc\xcdO\xa7/\xf4\xfc\xd6\xdc\xce\xcc X\xbci\xa7`\x95\xfe\xca*\x93\xf3\x1e\xa7\xd3\xabf\xa5\x06\x00\xa8"\xae\xa7\xba\x81\x81\x82\xce\xeb\xb4\x87t\x98\x03\x01\xe28\x1b|\xfcu\xad\'\xbe,.\x1bh\xff\xc6\xfe_\xb9\xc7\x0c\xe6\xe7\xd7\xf9\x08\xad-\xd9]\x7f\xfe\xfa\x98\x99\x8b\xf5\xe3\x85u^Z;~\xe5H\xee&lt;]\x128\xfc\xd5o_\xf7H\xf7X\x008\x80o\xef]\x80!\xd09\x01\x07c\\\xd41\x97\xf66\x04\xf7m\x9c7\xea\x88\x1c3h\xbd\x8e\xfe]Eu\xe4\xf5\xbc\xe5?\xff\xde(\xad\xb6\x15&gt;m\x00\xe0g/\xb3^+\xcc\x05\x00\x80r;\xeb\x93vTT@\x82V\xea\x93\xb2\xf6\xbb\xae\xd8\x89\xc8b\xda\'\xef\xfa2\xa6\xbdmS\xe0\xc1\xbd\xb5\x11\x9d_v\xdf&lt;1x\x83\xd5(Ek\xad\xd4\x9fn\x932ohI77\xf7\x96\x91)8\xee\xa5\x0c\x00\x00`H\xb5n\xc7)3p\xdd\xd0!I\xa22\xb1c2\xad7f\x00`\x9d\xda_\xfdj[\x98\xe9Wz*\xea|\x83]?@\x08\x1dH\x9f\xb7\x9e\xb8\xd9\x02\xc0\xed\xe0\xfd\xda[\x92\xd1\xc1\xf3\x066\x94\xcah\x03\x89S\xfb\xcdD]\x02s\xf8\xee\x18\t|\xd4%\x9d\xcd\x94\xffe\xfb\xe5H`W\x81\xf5g\xf6.\x00\x00\x00\x10\xb5\xab@\x04\x85\xf2Nt\xb7\xe6\xb1\x89\xa7c\xf7\xb3\x95\xf9\x8bC\xbbD\xfd\xd6\x13\xbb[\x07\x06\xd6\xed\xbb\x0f\x00b\xb2~7n\x0b\x00\x0e\x89\xa0\x078\x8b[\x81 \xee_\xb6\xcd\xee\x16\x84\xce`\xd6)\xd6Z\xffh\xa7\xbbe^\x9b4V\xdd\x08\x17\xc7\xfb\xf6\x91=GGa\xae\x89\x88\x8f\x04\xa2\x9ff(\x9e\xe3\x01\xb8Euz\x08\x00\x03\xba\x8d+\xdd\x1b\xf9\x1d\xe9QO\xe8\xee]\xedHs\xea0\xf2\xd5\x02\xb1\x02/K\xe8M\xfc\xe5\x9b\xbcl\r\x00\xe3yb\xef\x02@\x16\xfd\x13`w\xb0\x01\x80-\xccmZ\x04\xb1\x84\xaa-\x072_?p=\x9dHMR\xa4`\x00\x80R\x87\xe9\xd1\x01 \xd2vI\xfd\x9ec\xd3\xcc\x01\x80\xd6\xfasb\x9e\xf9HV\xce\xbe\xde]\x06\x00d\xe2F\x0f`|5\xeeT\xc3\xdf\xfd|\x81\xf8\xf7\x1a?\x7f\x7f\xf5\x92\x00\xc0\xae\xbc\xca\x0en\xf1\x00\x9ac\x8e\x13\xe3\xd3Z+\xf5\xc0\xe5?\x01\x00\x11\xb8c\xa6\xa2\xc6\x80\x1b1\xfe\xc5&gt;~\t\xab\xf2,|\xb2~\x1b\xa9?\xb1\xa4|\xef\x88\xdf\x1a\x00\x06t:\xf5.\x01\x00d\xaa\x1b\xfe\x9e\x02\xf7\xc7\x9b\x0e\xbeGp:\x9d\x94\xb2\x9c#[\xac\x7fr|\xbe\xd8 !\xeb\xa4\xad\x01\x00\x00\x00T2G\xf9\xcb\xf1\xdb\xe5\xe3\xd0\xa0.\x16O\x00\x00\x00\x00\x0e\xed\xb6W\xda\xec\x94\xf9u=\x19\xdf0\xe4\xff5\x03\x00\x00\x00\x80#\x1b6\xfc\xbf\xf1w\x00\xfcN\xa7S\xc1|\xbfgG\xad\x94\xbasn\xba\x00\x00\xa0\x96s`\xe4\xe9\xfe\x83\x1b\x00\xe3\xab\xd6\x80\xb5\xd6{\xbd:\xea\x17\xfb\xa4x\x02\x00\x00\xc0\x80N\xa7p\x1c\xb0\xcf\xf0\x06h`\x84\xe0_\xea\xe1\xc6\x7f\x99\x7f\x8a?\xa8\xe0\xa3\x95\xfe\xd5\x03\x00\x00\x80z\xb4\xd6#D\xc47Dk\xa9\x01\xba\x19\xcas\x12\x01\x00\x00n\xca\xc7\xf7.@c\xa3\xbe\x1e\xc0{\x0b\x00\x00\x00\xbb\xb2\xd7\xe8\xed\x80\xef\xcb\xde\xc7wD\x9e?\x92\xd5U\xf0\x0fr\x01\x00\xb0o\xf4s\xc0\xde\rz\x15\x9b\xdfq\xe9\xda\xa4QQRD\x14{\x1fx\t\x18\x00\xe0\xc2zS`\xef\x9a]\xc5\xe2aq\x97\xfbO\xf0\xa1\xc4^\xed\xba\xf0\x00\x00\x00@\x07\x87\x99\xfe\x07\x00\x00\x00\x10F\xf4\x0f\x00\x00\x86F\xb0\x02\x00\x00\x00;\x9ek\xef\x01\'\x08\x00\x00\x00r\x18\x00\x8c\x8c\xb3\x03@\x16\xdf\x02\x04\x00PJ\xa9\xb7$\xca\x1c\x93\xd6\xeb\xbf\xfe\xc9\x99*G\x1d\x02\x00\x00\xb0\x10hT\xef\xda\xbb\x00\x07DS\x07\x00\x00\x00pH\x0cu`\xc1\x12 \x00\x00\xf6\x82`\x0e\t\x02O\xf5x\x0c\x02\x00\x00\xf6\x8f\x80\x06\x88\xd7\xf7z\xe1j\x05\x00\x00\xf0b\xd9\xba\x14jr\x04\x9c\x05\x00\x00\x80\x00\x02&amp;\xe0&amp;U\xb9\xf0O\xe1M\x00\x00Y\xb6\x11\xdbi\xfd\x85\x8e\x00\xd0\x80&amp;\xe4\xdb\xad*\xe7\x8e\x97\x80\x01\xa0\n\xeb|-\x93\xb8(F\x13\xaab\xcck\xb3\xbcTZk^\xf6\xdd\xb9*#7\x86\x83\x00 \xcf\xd3m\xf3\x10 \x0b\xf3\x97\xa8Ek}R\xe7\xf6u\xd06\xa6\xb5\xe6\xce\x83%\x9e\x00\x00@]\xeb~\xf7\x03\x99\x8d\xcb@\xec"\x8f\xb9a5\x8f\xd5O\'W\x1b;\xc2\x1f\xc8;\x11\xfd\x03\x00P\x9f\x9e\x18\x01\xd6\xf4\xc9/\xef&lt;\x98\xc0Q\xf4\x88k\xf5hK\x98\x82\xf1\xfd\x11\x06\x00\xc0\x06#B\x00\x907G\x0c\xc6\xc4\xdb4\xd5\xa8\xce\xd3\x8d@\x8es3\x1axBWk=r\xf1\xd6\xb4\xd6;*- \x85%@\x00P\xcb2\xb08\xad\xfe\x1fH\xb5\x87\xa9\xe8\xd3\xbe\xe2\xe9}\x95\x16\x87V\xfbY\xd3W\xd5L\x1c\x00\x1a\x1a6\x1e\xb2.\x1b\x18z-\xc1\x1b\xa5\x16l\xd4\x039\xb2\xf8:\xff;\xdb\xde\xc3-\xbf\xe9\x8d\xda\xc0@\x84\xde\xc9\xa1U\x03\xb8\t\x03\xdd\xecV\xc1\xfd*\xdc\x9f\xfe9P\x81\xe3i\xc3\xea\xb3\x9e\xc5\x12\xb0\xa7\xf2\'\xd4\xb6}\xcb\xf0\xf9\xda\xff\tMpS\x07\x1b\xed\x83{\x17\x00\x00\x80]\xb1N\xf9\xab?\xd3{\x8f\x95\xb7\xd1\xbfm&lt;\x80\x06\xfa\xd7v\xf4I\xef_\xd4\x08oo\xfb\xf0\x11\xadK1\x96]\x9c8\x08`\xe9\x1b\x00\xc0\xc7\x0c\xf8\xce\x0b\xa6\xb7\x9f`x2\x7fHaz\x05Y\xd5\x88\x1fn\xfc}\xdc\xd5\xc8\xea\x96\xab\x02\r\xd0\xbc\x00\x00\x01\xcbo\x9e\xd1J\x9dl_s\x84\xdb`\xfb\xabRB\xb1\xfb\x8d\xfe\xb9\xb7\xe0C\x95\x8eW\xd9\x8d\x8f\xca\x0e\x8co\x01\x02\x80\x9b\xe6\x0e&gt;\x8ci\xfe\xc5\xf6\xd6/9\x1d\xd0\x81\x173\xf4&lt;4k\xdeB\r\xa1es\x1a\xa2y\xb0\x8e\x0e\x00\x00\xec\xc3NB\x96]\x14r7Z\x9d\xf4\xff\xd8$\x97Qx^\xa7\xd1\x1b]Jx.K\xbf\xacQ\xcb\xc8\x937\x00\x00H\xd0Z\xd5Y\xb6\x9em/++\xf6R\xce}\x9a\xfe8\xa0\xbdqZb~\xce\x05\xa4\xb0\x04\x08\x00pp\xda\xf5\xc5\x98\x08\x11\x8a8\xa9\xfd\xb5\xf3\x9c\xfe\xe9t\xfe\xbbi\xd6J&gt;M\xbf]\xec\xd7\xa2p\x16\x9c\xc1}\xf9\x86\xde\x05\x00\x00\x00c\xda\xdb\xa8h\'k\xcf\xc2\xd2V\xf5\x0c\xb1\x10Ho~\xc0\xc0^\xcai\x02\x00\x1c\x825\xf49LD\xd8\xc9\x9ej/&amp;\xfc\xddK{\x98\x8e%\xb6\xb4\xc3\xbc\x0c\x80\xe3`\t\x10\x00`\x07\xackQX\x12]@\xff\x87]E\x92\xb6\xf50\x96m\xda\x14F\xc8\xa5\xb4\xe9a\xfdG\xd7(\r\x00\x00\x10\xc6\xbc\x1d\xc6C\x9b\xech\xfdw\xb5\x9d\xdbm&lt;\x9c\x9b\t\x00\x00{0\xe0\x83{\xbd\xbb%\xe0\xd8!\xda\x98\x83\x8e\x1a\x00l\xa3\xff~w\x92O\xeb\x94/\xaa\xd8\xd7\xc32\x00\x80\x0c\xbd\xf8\xe3\xbe\x00\x9a\x9a\xbf_u\xba\x12U\xe47\x81\xaaN\x97-_\x08{0w\xee]\x00\x00@\x07\xf4\xe5@/Z\xeb\xcd\xf5g\xb9\x1e\x87zD\xc7\x1d\xe3`x\t\x18\x00\x9a\x19\xa9?\x07\xd0\xd1t38\x9d\\\xb1u\xe6\xed\xc2\xf1\xfdB\x03\xaeB&lt;\xa4\xddT2\x03\x00\x00h\x86)4\x00\xeat2\xe3D\xd7m\xa1\xe4v\xb1\xde\x97\xe0\xbf\x81}}G+\x03\x00\x00\x18\xce\x9e\xba\x11\xecg\xce\x0f\xc3\x08\x7f\xa5iI\xd2\xf6\xfcX\xc3s4Ew\x1e\x06\x00\x00\xd0\xc2&amp;\xa6\xf7}\xa1\x07=\xf5\xaep\xb6\xd0\x0eq\xfc\xb0\xdc\xab\xb9\xaa(\x9c&amp;\xa2\x19\x018\x1e\xcd\xcd\r\xc0\x1e\xd8nVZ\xab\xd3\xc9:;@\xf4\x0f\xb7s\x83\x89m!\xb4$\x00\xc7\xa3\xb5\x1e\xb9\xa7\x0c\x8fO\xf8\xc6\xbdb\x0c\x02\xb1\x07F\x98o~+\xe8\x96\xe3{B\x81Y\xdaM\x8f%@\x00\x8ef\xf8\xf5\xf3\xe1{\xf4\xe9t\xear\x18Zk\xa5\xde\xb8}\xbe\x15\x10*\xa1\xa1\x97\xe4~c\x8f\xf9\xb3oM\xe0\x89&amp;\x8d\x90\xb4\x16B{\x02p4\xfc\x89+\x00\xbb\x10\xf3\xba?\xb72\xd4\xc0\x13\x00\x00\x07t\x94\x0es\xf4g\x19\x1b\xbb+0\xd0\xd3\xc9\xe0\xda )A\xbe@l\xbf\x9a\x9c;\x9a\x07\x00t\x16\xbe\x11{\x96\x04\x94\xe6=d\x94\xe0\xf8\x03F\xc0\x01\xf9\xaf\xc1\xdck\x7fW_D\x8f\x0eh\x1e\x000\xbej}y\xbd\xa1E\x89\xa9H\xce\x82\rXf`$z\xfcW\xa0\x00\x00\x90\xb6\xb3\xce\xaf[i\xf7:\xd7\x9e{~#F\x0e\x7f\x97\x9720\x92\x11\x07\xf6\xb7\xa1q\xb5\x07\xe6J\x00\xe0\xb6\xd0\xf9\xc1"\xe2q\x87\xd6L\x9d\xe2\x18h\xc6\x1d4\xeez\xe8\xe9\x00\xe0Pvz[\x1f\xbf\xd8\xa1%Oo\xbd\xd7G"@\x96\xa4kv\xcc\x15\x83\x83\xa1~\x00\x00\xb9\x1a\xf5\xb2\xa5\xb9\x18\xbb\xef),\xf8F\xefowt @S\x0c\x00\x00\x00\xbbC\xbf%\x8e*\x05\xf6\xa5\xe8\x9ae\x00\x90\x85U\x85\x00\xd0\x0f\xfd\x16&lt;h\x1eR\xa8\xc9#\xbb\x1b\'\x17\x00\x00\x1c\x05a+\xe0\xc5\xb7\xcd\xf4\xa7\xb5V\xea3y\x9e\x00\x00\x00n\x08\xe34\x0c\xeb\xf7Y\x1f\x05\x00\xe3(\\\xb4\xda\xf1\x86ndM\xa7\x02\x00#\xe3\t\t\x00\x0c\xe4\x03yk\r(\xc4\x15\x04t\xf6\xfb\\\x83\x00\x10\xcd\x1a\xb8\x10\xcd@)\xbe\xec?\xd6HCh\xce\xdaX\x86i\x18#\xa8W\x15\xaf?\xd25\x08\x00@\x1f\x85\x1d\xe1o\xca\x94\xe2\x86\x8c\x13|\x0cR\x0cA\xc7;"\x988\xbf\x00\x00\x00\x80\x9ca\x86\xa6\xc9\xb4\xe6\x8f\x03\x00\x00\x00\x007c\xbfC\x17\x00\x00v\x88~\x17\xa8\xe2s\xf6\xb3\xe2\xe5&gt;\xbd\x0b \x8c\xe1\x04\x00l\xf1\xa4\x15\x17Z\xf3\x16)P\xcb^\xc2\xd0\xbd\x94\x13\x00\x80]\xd9M\xff\xba\x97r\x02\x00\x00\x00\x10\xc0\xd3!`\x10\\\x89\x00\x00\x00@\xa2\xde\x8b[\xbe\xabk\xee\x00\x00\x00H\xd1;v\xc4\x01\x887\xa1\xa7\n\xa5S\xa5m\xf3\xf7\xb9\x00`\\\xd3=\xfa\xc9\xbd\x0b\x02\x00GU\x12\x07\xd7\x0e\xa3Y\xe9\x07\x00\xb7GO"\xb7LM~\x95B\xe2\xee\x02\x98\x82\n`\x96\x0eH\xf15\xe9\xb7\xc1\x92K,s\x1e=~\x97c\xde\x01\xde\xacw\x01\x00`t\xb1w\xff\x8c~\xe8\x88\xfd\xca\x01q\x9a\x00\x87\xcd\xa5\x919\x0f\xf2\x9bB\xe5\x11\xa7\xa7\xff\x01\x00\xe0@\xa4x\x8b8\xe9\xc0\xc2A\xae\x88\xe9\xef~\x1c\xe4p\x00\x00U\xf0F\xd7\xf1pB\x01Q\\P\x00\x80\x91\x10\xeaa\x8d\x11\x1d\x00\x00\xc0\x81\x11\xea!\x84\x16\x12\x8b\xab\t\xa9h3\xfbuG\xef\x02\x00\x00P\xcf\xa9w\x01\x80\x1d\xc8\x0b\xe5O\xa7\xe5\xf5uy\xfe\xf6D\x992\x1d\xce\xf4~\xc2\x10\xb83\x028\x88s\x07\xb6\xee\x90nX\xb0G\xdf{]i\xadO\'EG\x06\x94\xd3Z\x8b\xdc\x10\xe6\xdb\xce\xdeo/Uh\xad\x86\xa9\x16\x9e\x00\x008\x88\xd3\xe94@\x973\xc4\xecN\xfc\xdf@\xd8\xf5\x97\xe1\x9cN\'\xa2\xffC\xdbq\xe3\xdc\x9d\x84\x9b\xe7Kc\xbfa9\xbf4GU\xd4Ci\xf5\x1c\xc9\x17\x9c\xb8u\x02\x80\x08=\xc6\x1d5\xb3\x83`*}\x0c\x83\xb4\xa2A\xbc\x8eR\xbf\xdf\xbb\x0cX\xb9\xdca\x1cw\x0c\xcb\xfdg\x80y\x99X7\xf5P\xf1&amp;\x0e\x12\x00\x0e\xaf|f\xa8\xa4\xe7\xbb\xa9\x8e\x13\xb8Y\xdb\xfb\xcc\x1c\xdf[oA\xfb\xba-H\xad\x83\xda\x05\x96\x00\x01\x80\xd5\x9e\x9e_\x8b&lt;\x17.I\xe3\xb6W\xe3\xec\xa9\xa9\xb4UV3\xac!\xd9\x83\xd0\xcdgO\xb7\x85\xf1\xa3\x7f\xc1%@\x0c\x00\x00\xc0J\xa4\'h\x11\xc1\xb8\'\xder\x12++K\x17\xdd\xcb&lt;z\xd0\xd0\x8a\xf4\x89\x18&gt;\x1a\x83\x8c\x91\xbe\x1bgp\x82C\x14\x06\x00\x00nJ\xadn\xe6\xe1\xf6\x89\x99\x06\x11\x8c5\xfa?\x9d_\x8aN-A\xa7)\xd7\xc2\\\t\x13\x07\xb1:\x11\xbc\xcfp[\xf2c\xd3\x9b~~\x08\x00\xa8\xaf\xde\x17S\xf4\xfa\xca\x0b\xbd\xe4\x08\xa6\xe7\xdf&gt;\xd5\xbe\x9b\x99B\x87\x03\xd9\xef\xe4\xdf~K^\x17\xdf\x003\xb2\xc2\xb3\xb3\xf8\x92\xb1MR\x11\xb7#\x00\x00Z\x8b\xe9\x90&gt;\xbbz)\xc4\xc4\xc6\xee\x9b/\x06u\x8f\x00\xe8\xb6Q\xaa\xa8\t\xd9Z\xa0?5\x9akW\xee1@\x97\xe2 \x12\xcf\\\x00\xec[\xd2\xf76H\x7f\xc9\x83m\x91C\xc3?\xf5\xb2\xeab=\x87\xa6\xb7\x7f%\xcd\xdb?\x8f\xff2\x9c\x15_F\xb4ws\xabLh\x81#\xfdq\xa5\x1bv\xb9\x19\xe6\x9cA\xf4\xc0\xe9\x01\x80&lt;\xfd\x978{\x07\x00Z\xe9\xebk\x94\xd6\x91\x8f\x7f\x8a\x8eH\x1a=h\xad\xd3bG\xff\xa8\xef\xa6\xbe\xd8\x11\x88\xc7K\xc0\x00\x10\xfb\xa7s\x97\xbbT*K|\x01V\xd1\xff\xea\xf7\'\xf3#[\x0c\x148\x80\xee\x07\x08D\xd2Z)\xf5E\xd6_\x11\xfd\xef\xc2\x83j\xddn\xb8\x8b\x99\xa8\r\x00\xb7\xeb\xbd\xac\x9ff\r\x00\xa2\xdf\x97\xad\xd4\xb7\xd9V\xed\x7fI\xdc\xbb\xbc\xbe7\x00x\x19\xa0\xba\xa3\xbd\x89\xee\'W*{:\xb4\xd5\x06\x1a5-\xf9\\h\x15N\x8c\x8c\x01 \x87eU}\xc1f\xd9\x05\x98\x9d\xb30?\xf4\xaf\x8b\x88\xc9\x82U@\xfbr\xc3\xcb]\xfa\xaf\xc7;\xb6&amp;M+y\xf5\x17JP\xd1\x00\x90\xa1\x7f\xc0a[\x02tZ\x0f\x00\xb4R\xa7\xd3u\x91\xb4\xd6\xe7\xff\xc4\xa3?\x06\x80\xe3\xb9s\xef\x02\x00\xc0\x1e\x8d\x17\x16k\xb5z\xde}\x0e\xf4O\xd7 ^\xab\xcf\xe3\x918\x00\xb4\xd1\x7f\x9e\x08\x00\x10\xa3nt,\xbb\x8ev\xbd^\xff\xd3\xb5R\x7f\x11^\xc7\x7f\xcf\xc8\xf5\xff\xf3\xeeH\x16]o\xb7[\xbd4-T\xf6eJ\xa9[\xbe\xc4\x82\x18\x9a\x00\xc0.Y\x97\x00m\x03\xab\xf5w\x83&amp;\xbeh\xc7\x12\xa0\x8an\xf7\x0b\xec\x07\\\xed\xcdd-n\x0b_\x03\n\x00g\xf5\xe7\x8a\xde\xb7~\x16\'\x7fXub\xe2\xb5\x8e\x1f\xc9\xd9i\xac\x08\xb8\xa5\xc1\x82\x7f\xa5\x88\xfeqkh\xf1\x00pQ\xef\x1b{j\xb0?\x01Pj9\x97i\x99\xd7LZ}\xb1\x97\xda\xe8\xea\xd5\x94zi\xef2\x00@\x02\x9e\x00\x00\xc0\xc5%\xd8\xad9I^q\xe9\xb3VJ}\x9d\xd2z\xf9$\xc3\x12\xbe\xc7\x87\xf4\xc4\xfeq\xf2\xa2\xff\x1f\x17.\x05\x00D\xe3\xf6\x0e\x00\xf9\xb6_\x8f\xdd\xec\xbb\xd8\xddO\x00|\x9bM[\x86\x879\xa7\xe9kD\x0b\xca\x08\x00\xb2\xb8)\xc9\xe0\t\x00\x80\xe3i\xb7\xce\xbd\xe3\n\x99u\xd6\x8e?\x93z2z\xcb\xf4\xb9\xff\xa3v\xb4\xff\xb5w\x01n\xcdc\x95\xfa\'BI\xed\xf4-\x96\x9d\x16{@\x057%\xbe\xd9\x0c\x00\x8e.\xf3.\xbf\xbb\xaf\xbf\xf4}\xe3\xe7f+u\xde&amp;\xe6\xdb??q75\x80\xe1\xfd\xb4TBS\x1b\xde\x9f\xfd\x96\x1cGu\xd4\xd9\x1d\x00\xc81\xbd\x07\xacvt{\xdc\xac\x05r\xbe\xf5{^\xd4\x13\x1f\x86\xf0\x060 \x84\x85+\x18\x0bK\x80\x00\xe0\xeat:\x7f\x8ff\xd1Sf\xb9\xe2D\xd9\xbe\x840=\n\xd0\xab\xf2\xac\xdf\x10NI\x16[;zR\x84\xaeh\'\xf5H--\xbb9\x0c\x00\x00@\x92\xbe\xc4\x85\xaf\xd72\xd3\xcd\x18@MK~bC\xd4\xd3\xe9&lt;\xf8Q\xa7\x8f\xacQ\xc0T\xce\xb5LMK\x11\xc2\x18\tq\xca\xe6\x14,\xc6\xba\x10\xba\xfa\xe3\xde\x05\xd8+n^\x00 \xeb\x12t\xf7\x88\x0es\xa6\xa4Oj\xc0\xbfH\xe5]/q\xbb\x7f@\x177H+\xf5fJ\xbd\xa0w1\x00\x00\x18\xc7#F|\xb5\xae\xef\xca\x90\x88W|c\xde\x1b\x06\xea\xda\xd7\xdb\xf6\xddp\x91\xa2\x0e&amp;Q\x00\xec\xd8\xf4\xce.\xb7\xb2\xb5\xc8\xd0j_\xaf;\xe3H\xb8x#\x9c\xafb\xaa\x08\xf2x\x07\x00\xc0\xbe\x8d\x1d@t\x9be\xf7T\xcb\xe9\xa4N\xdf\xa7N\x97mF\xae\xbd\xd11\x81]bz\xe1\x1e~T\x11\x00\x00\x92ZDo\x03\xacs0\x16\xfc\xdct\xc0\xfa\x11\xe2)\xf6&gt;\xb3\x00\x00\x00(R\x1e\xa9\x13\x0e\xde\x16\x06\x00\xb81Z\xa9{\xf4.C\x9e[\xbeTo\xf9\xd8\x01 \xe0\xa9\x03L\xd5\xe3\xd8h]\xd8\xbb\xa7\xf4.\xc0Nq\xed\x03\xc0\x884\xd1?\x00H\xf8\x85\xde\x05\x80\x1f\xfd\x1d\x00\\\xf0E{\x00 \xc2~/%\xe2\x1c\x06\x03\x00\x00@7;\xee~\xf6\xd6}\xee\xab\xb4\x00V\xd6\xd7\xaf\xc8\xebj|\r(\x00\x94"\xc0r\xf0T\xcb\x98_n\xf8\xa8\xe9\x07w\xd0\xbc\xbfs=fUco\xfc\xdfhl\xb9.\x9e~\xbe\x88\xe2o\x8f\xdcH\x1d\xd6\x97p\xe1\xd7\xe7jMU\x03\x80\x80\xce3\xacF\xee\xdc\xd3\x8bM!\x8b\xe3\x9c~\x98\xeb\xb7{{,\x00\xa4\xc9o\xde\xcf\xf2\xaf\xb1\xe4\xaai\x8d\x9b\x15\x00$\x1b\xf2\xbe\xc9;\x0c\xfd\x8d\xd9\xa7\x0eX$\x148\xcc\x9f\xf2\xb8\x1e\x85T\x13\xa5\xa9\x03\x00\xaaz\x9b\xde\x05\x00"\xf5\x1b\x93\x10\x8d\xc1m\xd1,\xc5\x9a\nM\x0e\x00\x00\x8c\xadIh\xfe\xad\xf5\xb3\xb0\xabpt\x84w\x87\xa1\x0f\xf4(\xc3T\xff\x88\x86|\xcc\x08\x00G\xf7\x06\xdcy\x81\x9d"r\x1a\x85\x9e\x88\xa7Z\x9e\x88@Aj\x1as\x9d!\x00`g\xe8N\x00\x8c$\xf3vt+\xb7\xb2w\xbc\x81c\x04\x00\xd4w\xeeN\xbe\xb7Qf\xb7\xd0C\x03G\x10\xbcT\x07\xfaV\x9f)\xfa\xbf\xe1\xdb\x0b\xb7V\x00\xc0\xb0D\x07\x00\xda\xf8\xef8F+\x0f ,\xe2*n|\x15h\xc5\x00\xe0\xa6\x8f\x1d\x00n\xda\x1e:\x80\xbdMS\xed\xf9\x91\xc5~K\x8e\xdd\xbaD\xe1\x1d\xda\xde\x9e/\xd5x\xaec\xd4J\xdd\xb7iA\x00\xa0\xbb\xba\x13?7\xd1\xa9@\xd2 3\x91\x83\x14\x03;\x95\x17O\xf7\x8c\xc2\xf3\xb3\xe62\x01\x80]\xe2\xf6\x8df\xc2\x8d\xad\xce7\x9c\xa4\xea^\x00\xa0\xad\xdc\x06\x9f|\xa5pe\x01\x00\x00\x8b?\xec=\x06\xd0G\xfd\x9eu\xa0\x86\xa4+e~\xfbH+Uc&lt;P\xeb\xb2\x1d`b\x02\x00P\x8c[\xf9\xf0z.\xc29\xc4\x12\xa0\xff\x16\xb3\x11\x17\x82*\xab\x84\x9b\xaf\xc0\x9c\xa1r\xcd\xeb+6\xd9\xc4\x13\xd7{V\x02\x00 \xe0\x05\xdc\xc7\xe1DO\x8fA\xfc\xa8@;\xfc \x81r\x04\xdc\xc4\xc5\xc2=\x01\x00\xf6\xec\x083\xbb\xa8K\xeb\xc3\xad\xff9\xd8\xe1\xdc\n\x06\xa2\xe3\xe0D\x00\x00\xe0\xd4\xab\x9b\x94\xcdw\xef\xa3\xc4]\x17\xfeV\xf5~\xf1=}\xb3\xf1\x9b\x99\xcc\xd7\xaa\xba\x1e\t\xdeQ\x98.\x00`\x00\xe3wf\xbbp\x92K\xaa\xe3\x1f\':\x89\x1eH{\xdb\xc2\xd3\xbc\x07\xd7\xf9\x0f\xf3E\x8f&gt;N\x8e\x9fk\xfb\xd7J=,i\x87s\xd0~\xbc\x87y\x00P\xcb\xad=t\x1e\xe3{\'\xb1!\x18\xfd?\xf5\xa8\'w\xbf\xedv\xa7\xc5\xae\xe6\xcb;W\xc8\xf0\r)\xa3xZ\xea\xcd\xdd\xe1+\x07\x00rhu\xdb78\x06\x00Gw\xe03\xfbO\xd2\xdbm\xff\xda\xe0r\xdb8W\xc8[\xf5.\xc0\xd1po\x07\x008\xd1I\xb4Gmw1J;\xe7E\xfc\xa5\xe9\xbcP\'\xc2\x92\x1a\xfc\x9b\x8fpi\x00\xc0Q\r\x11\x7fl\x8cY\xaa#\xa2\x9e{\xea5\x00\xd8dZX\x86\xa3\xb5\xa2\x81\x07\x00\x8fVJ-\x9f\x0f\xd4)\xa4\x9e^\x81h\xd9&gt;\xdfs\xc0\n\x07\x80\x83\x1a\xa3\x9f\xeb^\x00\x0cjwC\xc1Q&amp;\xf5\xfd\xe6\xf0n\xfawYb\xe3\x1c\xaf\xd8\x12\xf3\xfa\xe71\'\xf1K\x91\xe6\xd7is\xd3\x01\x00\xa0\xfb\xb7\xdd\x1d\x0c\x95y\xbb\x8c\xc0\x91f\xd0\x89\xd0\xdd\xac`\x00`F\xe7h\x8a\xaf\x01\x05p`\x15\xfa\x95\xd3\xae\xbf`q4T&amp;T\xfdf@|i\'U/\xa7\xd3)\xef\xbex\x99\xa3\x17*FS\xb9\x03\x1e\xe1b\x00\x006\xb8\xd5\xc2b\x1f\xcbNnC\xd6\xb9\xe0\xf4%\xa9^W\x85\xcfp\xaa/\xd0/"\xfcx\x8a\xa6\x0b\x00@\x1f\xf4\xc1\x80(\xcf\x05\xf5I)\x89\x1c\xfc\xc2\xbc\x87\xd6\xeaC\x0e~\x8c\x00\x00\x0c\xe5\xf8\xe1\x05\xb0s\xc9W(\x7f$\xcb-|\\\xbc\x03\x00\x00(7t?\xaa\xb5\xe2}\x03`X\xa9\x81\xb8\xd4\xab\xc3\x11\xef.\xdc])\xad\xd4\xbd\xcb\xf3j\xe9\xb0\xe3\x1a\x00H\xf5D\xd1;b\xf7y\xa3\xee\x05\xd8\x97j\xd5\xa5y\xb6\xb0G\\&gt;BD\xa2\xf0\xf9\xeb\xa0\x92\x92\x92\xfe\xee\xa0\xfb;R\xd3Z\xa9\xf7\xe6\x1a\x07\x00\x0c\xe1(_\x9e\xd8\xe2\x10*\xbf\xf5{\x80\xb3p\x83\xf6\xf5&amp;\xf1\xa0\xa5\x95\xfe3\x02\xf1I\x1d\xe3\xeeW\xd5\x83z\x17\x00\x00\x80\xae\x8e\xfe\xb5?\x07&gt;4\x8c\xae\xe4\xca:\xef\x9b\xf7MP\x89\x9fc\xed\xd0\xb7D\x00\x18\x05\xb7Z\x00X-N\xbf\xf9\x1b\xe3\xbbt{\x94\xc1\x00\x00\x0008:*\xe00\x8c\xcb93\x06}\x80PIF\xd0\xf1\xe6\xc6}\x15\x00\x00y\xf4\xaf\x80\xcb\x1f(\xa56K\xf9\xb9d\x00\x00\xadi\xa5~\xb1w\x19\x9a\x18\xee\xc9o\x8d\xf2d|\xa9H\x86G\xf8~\xf9.\xa3\xd530\x8e\xc2\xab\xc3\xb7{\x9dk\x9f\xcb\x19\x00\xb0[Y_\xb7\x07\xab\xc7\x11\x13\xa0\x97\xaco\xce\xd9/\xad\x94V\x7fn\x1e\xac\xff\xa8o\xa7f\x00\x00\x88\xc3\x00`\x0f8A\x08\xba\xa9\x0b\xd9\x9c\xb9\x08\x1cu\xca-.*A\x00\x00\xf6NK\xfd\x05\xcd\x83J\xa8\x99\xae\xe1\x97\xcc\x04\xe7-E\x90\xd8\xb5z\x93\xfaG}\\p\xa7\xde\x05\x00\x00`4\xfb\x0e|\xb5\xd2Z\xf1$\x07;\x970U_7F\xd75\xd3\xe7"\x05\x00\xf8\xb4\xe9\'\x0e9\xd7\xb5We\x11|\xc9\x00@\xab\xf7\xa4\x19\xa0.\xb9\x01\xea\xd7%\xbf\xbc\xc4\xcbN\x00\x00\xcc\x0e\xd6)\xa6\xac\xf4\x1d\xf2\xa8\xa7\xf2\x9b\x07\xd2\xe4E\xed!k\xe36\x1d\xe8z\\\x11m\xc3\x89\x17\xc5S\xeb^D\x03\xdfHY\xe1\t\x00X\x1a\xb8\xd3\xcad9\x1c\xcb\x01v&lt;\xea`\xbe\x96o5Y\xbc\xec(\x1aB\xc9%u(\xad\x96\x80W\xc8\xe2\x98\x8b\xd7eT}\xd9\xe9\xa0\xaf\r\x00\x00\xaa\x11\nF\x9b\xf6=\xee2k\xa5\xfes\xcb\x92\x04Y\x8bz\xb0a\x0fd\x9d\x83\xb9\xda\x8d\xa4F\xc8x\xbc!=\x00\x00pH\xe9\xf2E\xc2\x0eo\x9cA\xfc!L.R\xb4&lt;\x0c\x91H\xf6\x16h\xad\xb5z\x1e\xd5\x05\x00\xc0\xad\x1b&amp;\x1a\xe80\xe77\xcc\xb1\xef^\xdf\xef\x1d/xiX}\xbedA\xc6\xe6\xfa\x1b[L\xb7w\xb2\xf7j\xdf{\xf9\x01\x00\x9d\xc4\xff\x11\x1c\x0c\x8fe\x1b\xa3\xe3oe\x0cf:\x17\xef\xb6\xd3\x93\xb2\xd3b\x03\x00zk6\x00\xc8\x8dM\xf9Zz`\x1fv8\xbc\x19\xb1\xb4o\xc8{\xc0\x00\x80&amp;2:\x9b\xf4]J\xbeZ\x1e\x00\x16\xf6\xf7\x9d\x07\xd1\x18\x00\x00\x00\xd6\x86\xe8\x18\x16S\xf2;\x9e\xa1\xdfi\xb1kY-O\xdf\xedi\x05bh\xa5\xde\xa6w\x19\\\xb8\xf4\x00\x00\xc3\xcb\x8a\x14\xe9\xe1p#\x12\xfe\xcal\xcdb\xc0\x83\x9a\x07\x00\xc8\xd3J=K2\xb9\xc1\x02\x85\xc4\xf2\xe4\x14\x9e\xbf\x8f#\xaea+\xda\xef3\xa2R\xd3;6o\xde\xbb \x99v\xf8\x07\x01\xf6UZ\x00\x00\x00\'\xe1\x15\xcf5\x03;\xcb\x1fQ\xee7~\xeb\x1c\x0eV\x0e\xa0-\x7f\xefY8\x83\x84\xc2\x8f\x15y\x177\xb9\xb1\x0eg\x96{\\L\xa0\x00\xc0aq\x8bo\xe0\xc7=\xbf\xab\x1d\xe6\xeem.\xf6\xaa\xd3Dr\xff\xd9\xeb\xcd\x81K\x96gN\xb9\xfba\x9e\x0b\x91\xfe\x97\x04\x91\xa1\x7f\xab\x06\x00\x8c\xc6\xdb1\xdcw\xe8nc\xbcE&gt;\xbf\x98\xbcGi\xc7\\+R4R\xdd\xdd\x175\x16\x1am\x00 \x9c\xfc\x9cK\xb5,\xe2\xa5\x1d\xe9\x18e\x1e\x96\xfb\xab\x99\x87\xbbO\x02\x00\xfa\xfb\x9a\xca\xe9W\x0cef\xe6G\x95\xf2\x1a\xb5\x07]|\xb7R\xbfb@P\x9b6|\xc8\xd6\xb2\x83\x83b\x183\xf0\xed\x14\x00\xd0\x8eV\x8eY\xcf\x88\x9eRo\xff\x90\xd0\xde\xfaW\x7fi\x05\x8fe\xc4j\xd9\xdb\xc9j\xe6a\x15\xd2\x1c\xa7\xaa\xe5K2=\x0c\xdc\xc1_(\xa7\xcd+\xa5\x06?G\x00\x80F\xec\xcb\x1e\xb2z\xcaKR\x07\xe9e\x8fq\x14\xb3\x83\x1dN\x15;\xfc\x16\x9d$\x07\xb86#\xcbo\xdd\xac\xf6\xc9\x1d\xbfn\xc7/!\x00\xa0\x15\xd9\xa0g\xc8\x10\xcaU\x9eV\xe5\x0cT\xc8h\xd5\x85d\r\xdb\xfc\x8f\xb5\xca\xe8x\x92\xce\xd1\x7f\xccH\xbf\xf9\xad\xcf\x93\x1dw\x15\x00@\x98\xf0\xb7\x9d\x8c7\x06\xb0\xd2\xd6\x97\x19\xb0B\xe5`\x0c\x85\xd7\xe9G&amp;\xe5\x95\x9e\xbe\xfc\x03\x96\xef\xca\xfd^W\xaeY\x00\x80\xbc\xe3E\xcc\x07;\x9c5\xad\x95\xfa\xac\x92\xfd\x8d\xff\x02{\xd1\xf8\x0f\x0bt\xbc+rm\x02\x00,\xe8\x1e\xc6\x11s.\xb4R\x9f\x93\x9e\xf2\x0f\xb9\xd3\x13\x08M\x8e7\xea+\x90\xf4\xae\xcb{M\xa1\xe11jo7\x7fk\xacusm}\x8a\xb5R\x7f\xbb\xff\x97:\x00\x00\xe8*&amp;\\\xd0\x86\xd4}\xebz\x80?\xf8(\x08M\xee=\xef\xb8\x83\x10V\xe2D|Cx\x93\xf7M\x1e\x0b\xf5o!\x86\xec\xc2$\x0e\x02G8\xe4\xec2\x8cPx);\xb8r\x01`x#u\xe4\x10\xe4\x8fl\xf4F\xb3\x82\x9d\xf3/\xdaY\xe0O\x9e\xe9]\x84\x11C\xc5\xd9\xc3\x92\xae\xa5^/\xd9\xef\xa0A\xee\xc2\x1d\xbd\x0b\x00\x00#"\xa4\xb0\x88\x8e\x80wT{\xa7\x93\xf3W\xdb\xa38y\xb6\xae";;\x91\x17\x13O\x97\x02\xc4\xa6\xd4\xed\xa47?/\xbb\x14YK\xc3_\xbc\xa7\x82\xeb\x02\x00\x00\xaf\xb1{\xc1\xbb\xaa\xcc\x12\xc6\xec\xf2\xe6\xe9\xc9\xcaV+\x89\x8e\x00\x00 \x00IDAT\x16\xa0|\x17\x19\xeb\xb9\xff\x11\x9b\xc4\x8efC\xf7R\xce$;\xaa\xff\x1an\xf9\xd8\x1b\xa0z\x01\x00\x167\xd7=\x14\x8d\xca~n\xbdo0\xb5\xc4\xc5?]NG\xff\x004\xe5\xa1P|Q\xffmvy\x06 \xf9\xe75\x94z\x9al\x9a\xa2\xc6,\xd5Q\x8c8\xe3\x00\x00\x07\xe7\xbc\xf3\x8e\xfdd \xca\x9e\x0fA+\xf5\xdc\x94\xed\x9fb\x8d\xe0\xcf\xd3\xf9\xb2k\xfa\xa3\x03\xdc\xd4\x1c\x03\xaf($\xa6\x96\x96\xbe\xc7\xfbOY\x8b\xaf\n\xabqvv\xeaZ\tcV\xc5\x98\xa5:\x0e\xaa\x17\x00p\x91\xd4%4x\x1bo\\\xd7\xf0\xf1-\xac\xd1\xe4\x11\xbe\xa2Q"J\xce\xac\x84\xda\xb5\xb7\x9f\xb3S\xb5\x90\xf3\x9fb\x18\xb3*2\xdf#u\xb4\xdb1\x8f\x11\x00\x00\xac\r5 qgl\r8v3\x7f\xf9ps5\xd2\xe6\xb7{9\n\xb5\xab\xa2\x8e#8\xc6\xeb\xb88m=\xa8\x8e\xfcR\xfc\xe2Q\xeb_\x97\xed\x0e\x00\x00\x8a\xec \xa4\xeb\xf4\r\x9e\xebR(\xf5\xd1\x05\xbb\x7fb\xdb\xa3\xd8\xc1i\xc5\x00\xccv"\xf7H\xedU\x0b\x07&lt;\xe3x^\xef\x02\x00\x00\x8ee\x80\x886M\x93\xd2\xda\xb3\xd8]]\xb948\x8as\x0cw\x8c\xea\xda\x91\xe2\xd0\xb9\xd3\x1a\xa1\xc7\xe8\x17\xd0T|\xa8\x1c\x00\x80Gz\'\xba\xbb\xa0\xb6ai\xad\xdf\xf6\xd3`YB\xd3d\xab\xd1\xc6\x7f\x11\xe9\xf0\xd5\xb5\xba\x82\x9a\xad)\x02\x00\x00\x86Q\xc3\xca\xe7\x1a]\xf8\xf4\xed%\x92os\x86\xc3\xd3\xa9f&gt;w\xf3I(\xe9s9\xb3*\xd63\xc6\x18\xf5LUrS\x07\xdb\x98\xe4\xd8lW\xcd\xf2\xd1\xbd\x0b\xb0;\xab\xa6\xb2\xa3s\r\x00=\xec\xaaS\x94W|\xf8oe\xc6\xc1\xe7\xd4\x84\xbf\xcbEk\xa5^\xe6\xff\x92V\xc7k\xb2\xb6]\xb4VwY/b^\xee\x1e_\xf2\x9d=\x90\t\xd9\xd1\xb1\xec\xa8\xa8\xaa\xa0\xb4s\xe3\x14\x1c\x00h\xa5\xee\x95\xb5|H+\xf5F"\xc5\x88\xc9\xebXWV#\xcb[\x19\x15\x08\x00\x1e{ZT\x93\xd1a\xc7lU~\xf8\xd70e?\x95\x89\xb5\xb2s\xb7\xd8W6l\xdd\xbd\xec\xaa\xd0\xe6\x00@\xb22\xb3\x16\x13\xb6;\x9b\x95\xd7:\xee"D\xfe\x81\xd4\x1d\xb8\xf7\x02@\xac\xe3\xdf1\x9b\x1e\xa0+\xafn\xdf\xc6\x13\x9d\xe9\x1c]\xcd\x8f/\x94x\xc85&gt;\xc1s\xd4l\x00p\xfcK\xb8\xce\xa0z\xf0z3\xdb\x8f\xf8\xf8\xc7\x98\xaa\x18\xba\x12\xd2\x1d\xecp\x00\xe0F\x89\xdc\xcd\xabv\tC\xf77\xb6\x184\xfe\xad\x005\xc0\xd3\x8c\xd6\xb9\xf7&gt;\xde\x1c{,s\xaa\x1a\xe3\xe7P\xf8\xfbd\x91L$\x12QS\xf4_\xa3\x06\x8e\xe3`\x87\x03\x00%\x0esC\x1c\xf6@\x86-\x98\xe5\x8f\x00dDQ{\x9f#\xdc{\xf9a\xa8\x11\xfe\xbe\xb9l\x9a\xd6|\xea\xa7\x93\x9d\xc5{(\xa5\x94\xfa\xee\xf4\x1d\x1b\xacMj\xbc/\x00\x00\r\x95Mm\xbeu\xed\xbc\xd2\x03\xe8\xb1\xfa\xe0^+\xaf\xd0\x90\xd6:\xe7;\xac\xa4\x1b\xc6\xc7Ff+\x9aiL\x82\x8e\r\x16o\xca\x8e0N\xd6\xbbz\x1b\r\x00v\xec\xadz\x17`#\x7f\xbev\xaf\xddFY\x84\x9aV]\xce\xbc\x02\xd5\xfe\xd9\x02Y\x94*\xa9"\x1c\x9d\xb3\xd5i\xa5\x9eX\x98t\xd9\xee\r8\xdf;\x9a\xfe\xdf\xfe&gt;\xcfrl\x9f\xf9-\xc0\xc2F(\x03\x00\xdc\x80Q\xee\xb6F\xd48J\x91\x12\x8d\xf4\xd8\xfa)\xbe\x04\xdd\xd1y\xea\xe7\xee\x0cv\xd0\x8b\xbfOY\xa81\xfe\x01"_F\x03\x8e\x7fP\xa6\x17\xf3\xee\x82\x9c\x11\xbc\xeb\xd6\xba&lt;\xcc\xc34\xe9\x11\x1ee\x00\x00\xf6|/\xf6Nf\xaf\x17\xd6gE\xbd\xf3\x8e\xf7\xcb*`\x1b\xd2++\xf61BX\x11,\xf0\xee\x8e}L\xa3\xbd\xd9\x9f1\x000\xf3\xbak\xf1\x11\xcd\xeb\xa0\xd6\xd7\xd7\xf4O\xff\n%\xad\xfe\x81\x96\t\x00\xd8\xa5\xd2\x1et\xfd\xef\xe8P5o\x00\xd0\xeck"\x872\xf8!\xc7\x9d\xc7\x0e\xe5\xaf\xb9\xb0j\xdc\xd3ae^n\xf7\xdc\xdd`\xd22\x00\xd0\xc6\\@Q\xd2\xd7\xd9\x88\xe4\xd4\xbe\xaf,\xeb}\xd9[\x9b\x01\x00\xe4i0\xe5\\u\xd9\x80\xb9\x93\xc8\xa2\xff\xfa\x15\xb2\xd7.\xf6\x11\xadk&amp;:\xbb\xdf\xd8k\x95Vv\xdf\xde\x05P*\xedZ^my\x99\x05\x10{yFk\xad\xf5[\x96\x0c\xb3\xdf:\xefQF\xa4\xee\xcdx\x8fO \x01 N\xe2\rn\xe4\xbb\xe1K\x95R\xe5%\xdc\xf9\x0b\x06\x91\xcc\xa3{\xbe\xe3s\xe3\xc3\xca\xbd\xe0\r}\xfdN\xc9;\xdc\xb7\xfe\xa7^\xfdvT\xf2\xb8\xa2^.\x8a\xbf\xdf\xee;-\xe0\xf9@\xf9\xa2\x99\x19\xa5|]\x92q\xfd~MQ\xa6f\xe5\xdc\xc8=\x01\x00v\xe0\x13\x82w\xe4\xa6\x91\xdcN\x17\xc6t\x0bv\xff\xf5\xce*j\xff\xb6\x15&gt;\xe2)\xd8\xe3Et|\xdeQq\x9b\x07\x95Zk\xa5\xfe\xd2\xd26ng\xc4\x0e\x00\x18\x92p?\x94\x92\x9a?\xeb\xc0\xb7\xeb\xf4\xed\xda\xd1\tg\x16\xd1F\x1a\x95Y\xde\x15\xb6\xbf\xa0\x0c\x008\x82&gt;\xf7\xf4\x92\x08\xd8\xd63u1B\x19\x92\r&lt;\xf6\xd0J\xbde\x95t\xf7\xf9\x10\t\xf5\xd1$\x12\xecp\x15\xdf\xbeJ\x0b\x00\x1d\xbcz\xef\x02\xc4{\x9f\x06\x0b\xd6#\xdcP@\xe9\xf8\xa6\xc2*\x19\x8d\x12dLe\x18\xa20\x1d\x14\x9f\x85\x1b\xad7\xb4D\x1b\x03\x80\xce\x1c\xef\x95\x06ws\xfe\x11\x1c\xed\xf8\xf9P\x1c\xdf\xcf=\xba\xbf\xabY\xce\x1aS\xf5)\x83\x8a\xdf\\\xef\xf2A\xfb8)\xc0\x8d\xf9\xfe\xde\x05\x00\x80\xa3k2\x01\xecO\xb3cD\xe8KD\xb6\x0c\x11\xa5\x1a"\x18\xed^u\xe9\x1e\xda6;D\x1a\xa2=gs5c\xd6\x9b\x01\x00\x90\xac\xc1\x8a\xed)\x8b\xafK\xde\xc5\xe8\xf2\xfd\xef\x07\xbfVD4\xef\x18\x00\xf8_;\xfek\xe3;\xc2\xa3\x9e\xb1dE\xdb\xf1\xa7\xc0\xb6\x99\x9e\xbe\xc7\xd0\x91\xc2^\x9eu\xa0\xb2}7\x03[3\xd6J=\xd3u\xd1\xed\xb1\xd9\x17\x97\xb9\xc1\xd7\xda\x02\x00&amp;y1\x9f\xf1\xdf\xee\x04\x8ba\xef\x89S\xc7\x18)\x03\x00m\xc4\xe8I%\x8d\xda\xcb(|T\xfa\x19\x8d!~-~\xde\x00\xa3_$4H\xf3\x86_\xa3\xd3$\xde\x0e\xb5\xd6wu^\x11-_n)\xfb\x8a\x85i\xf7Q^\xc8\xd9\x10/\xd8\x1d\x82i\x01@G\xa7\xd3)c\xa7\xe9\xfbuF\xb8\xe3g\x94?&gt;)}r\xfe\xca\x9d\xca\xe9t:\x9d\x94Q\xb1\xeeJ&gt;)\xf5\xd1\xf1)\x9by\xa4l\xfd\xe61\x1b-\xcf\xa6V\x9ba\x8c\xb78\x82ga\x99\xb2\xef\x97)\xcd/\xb9\xad\xd6:"\x88jt\x9a\xc4[\xf8\xe9t\xfa\xab\xf3\x8db\xc9\x1a\xaf\xc6_\x89i\xca\xd2&lt;\x17\xbeV\xd9\x84p\x19\x03\x80\xb0\xc5\xd4\xef+\x8c\xdb\x01\x94\xab9/\xae\x95\xcay\xc8\x90T\x8c\xa4\x8d\xb5\xd6\xe6\xcf\x89\xc7\x1eu\xbcf\x8e\xc6\'"\x87\x9f\x9d\xc8\x91\x1b0z\xc8lQS&lt;\x9d\xfa\xce\x8f\x88\x9c\xbb\xd0\xe5*\x1e\xf5\t\x00\x00\xe0\xf0\xac\xbd\xd7\xe2\xc3\x96]\xd4v!\x90\x7f\xcb\xee\xdd\xe7\xb9\x0c\x8f\xd3\xda\x8c\xffU\xcd\xf1\x89RZ\xa9W\x12&lt;p\xb9\xa4\x08eV^1r\xbb\xe9\x14P\x81\x92$\xee\x0f\xbf\'S\x94\x8d\xb8\x82i\xc7\xcf;\xc2\xeb\xda\x00\xd0\x89?\x0cu\xf7\x91\xdd\x16\xaaFg\xf7\xbc\x8c\x82\x05w)Lp\xfey\x1e\x0c\xfcn\xe2\xf3\x04\xf1-\xd1\xcf\xfc\xaevh\xbb\x94wN\x10/~\xa5M\xb5\xe1\xfa\x8d\xa3J\x01\xa0\x13o\xc7\xe6\xbd;\xcfO\xd5\x13b\xcdf\x13\x99\x8b%7b\x89j\xad\xd4\x97\xa7\xee\x12\\\x93\x13Q\xc2\xdf\x8e\xde\xf2\x9ah\xec\x96\xa1\x84\x127\x1f\xaaG\xff\xa4\xde\x05\xf0\xfb\xec\xb6o\xa6\x1e\x95\xfc\x9b\xc4\xdb\xbb\xe2\x00\xa7\xe9\xb3{\x17@\xde\x00\xb5\n\x00\xb0\xdb\xf5\rZv\x99Mf\xacV\xe1\t\x89`jSR\xf4\xc4\x1d\x0c\xdb*\xf6Etn\xfe\xb1Z\xfa\xbe\x01\x00@\x1f7\xd5\x93\xbd\xce\xfc\xd38\xd3K\xe3\x94d\xa5f\xc1&gt;H\xd9fRW\xb9\xe7\x16`\xa0\xfa\x1c\xf6\xe4\xde\x92\xe5r\xc4\xe3\x9f\x91\xc3\x1f \x00@\xd0\xab]V\xe0\x1c8d\x19\xf5\xd0*\x95*\x18\xeb\x0c}\xae\xdf{\xe0\xb2a\x8fFx\xef\x1f\x00\x80\x18M_\x9fUu\xfb\xc8@\xb2\xe2\x8b\xf2\x13\x0bp\xfd*\x9ej\x05hl1\xc5\xee&gt;\xae\xd1\x8eW\xea\x95\xd6\xcc\xa7\x07Y\r`\xb4:Dg)\xad\x88\xc6\x03\x00\x105\x87\xb3\x15\x82\xda\xc7\xc4\xe4\x9f\x94\xa2\xf5\xed:A\x91_\xa8\xd2d\x00\x10\xceE\xa4\x18\xe6\xe1\x1ch`\x13\'\xbb-\t\xff\x1d\x86\x03\xf8\xb4\xde\x05\xd8\xb7\xc0\xa5\xf7\xe4[hB\x00\x80\x83\xf8\xfe\ni^_9-{\xa1v\xfcoE\x8c\xfcnG\xe06Ul\xfc=\xae\xac\xd0\x17\xa6\x01\x00\xe0\x978E]\xd8\xb5\x98_O\x99\x19\x91\xe7\xedU8\x000\xfe\x8b$Z)\xfd%\xe3\xad\x83\xaa\xf6 k,\x9b\x03&lt;\xf8\xf1\xba\xd4{\x128\xe4K\xc0\xa3\x95\x07\x000\xa8\x84\x01\x80D\xcc4/\xce\xd7\xbf\x</t>
        </is>
      </c>
      <c r="E488" t="inlineStr">
        <is>
          <t>&lt;class 'numpy.ndarray'&gt;</t>
        </is>
      </c>
    </row>
    <row r="489">
      <c r="A489" s="1" t="n">
        <v>487</v>
      </c>
      <c r="B489" t="inlineStr">
        <is>
          <t>steps_per_sec</t>
        </is>
      </c>
      <c r="C489" t="n">
        <v>5500</v>
      </c>
      <c r="D489" t="inlineStr">
        <is>
          <t>2.587304</t>
        </is>
      </c>
      <c r="E489" t="inlineStr">
        <is>
          <t>&lt;class 'numpy.ndarray'&gt;</t>
        </is>
      </c>
    </row>
    <row r="490">
      <c r="A490" s="1" t="n">
        <v>488</v>
      </c>
      <c r="B490" t="inlineStr">
        <is>
          <t>Loss/RPNLoss/localization_loss</t>
        </is>
      </c>
      <c r="C490" t="n">
        <v>5500</v>
      </c>
      <c r="D490" t="inlineStr">
        <is>
          <t>0.10995485</t>
        </is>
      </c>
      <c r="E490" t="inlineStr">
        <is>
          <t>&lt;class 'numpy.ndarray'&gt;</t>
        </is>
      </c>
    </row>
    <row r="491">
      <c r="A491" s="1" t="n">
        <v>489</v>
      </c>
      <c r="B491" t="inlineStr">
        <is>
          <t>Loss/RPNLoss/objectness_loss</t>
        </is>
      </c>
      <c r="C491" t="n">
        <v>5500</v>
      </c>
      <c r="D491" t="inlineStr">
        <is>
          <t>0.016626306</t>
        </is>
      </c>
      <c r="E491" t="inlineStr">
        <is>
          <t>&lt;class 'numpy.ndarray'&gt;</t>
        </is>
      </c>
    </row>
    <row r="492">
      <c r="A492" s="1" t="n">
        <v>490</v>
      </c>
      <c r="B492" t="inlineStr">
        <is>
          <t>Loss/BoxClassifierLoss/localization_loss</t>
        </is>
      </c>
      <c r="C492" t="n">
        <v>5500</v>
      </c>
      <c r="D492" t="inlineStr">
        <is>
          <t>0.122162335</t>
        </is>
      </c>
      <c r="E492" t="inlineStr">
        <is>
          <t>&lt;class 'numpy.ndarray'&gt;</t>
        </is>
      </c>
    </row>
    <row r="493">
      <c r="A493" s="1" t="n">
        <v>491</v>
      </c>
      <c r="B493" t="inlineStr">
        <is>
          <t>Loss/BoxClassifierLoss/classification_loss</t>
        </is>
      </c>
      <c r="C493" t="n">
        <v>5500</v>
      </c>
      <c r="D493" t="inlineStr">
        <is>
          <t>0.06316761</t>
        </is>
      </c>
      <c r="E493" t="inlineStr">
        <is>
          <t>&lt;class 'numpy.ndarray'&gt;</t>
        </is>
      </c>
    </row>
    <row r="494">
      <c r="A494" s="1" t="n">
        <v>492</v>
      </c>
      <c r="B494" t="inlineStr">
        <is>
          <t>Loss/regularization_loss</t>
        </is>
      </c>
      <c r="C494" t="n">
        <v>5500</v>
      </c>
      <c r="D494" t="inlineStr">
        <is>
          <t>0.0</t>
        </is>
      </c>
      <c r="E494" t="inlineStr">
        <is>
          <t>&lt;class 'numpy.ndarray'&gt;</t>
        </is>
      </c>
    </row>
    <row r="495">
      <c r="A495" s="1" t="n">
        <v>493</v>
      </c>
      <c r="B495" t="inlineStr">
        <is>
          <t>Loss/total_loss</t>
        </is>
      </c>
      <c r="C495" t="n">
        <v>5500</v>
      </c>
      <c r="D495" t="inlineStr">
        <is>
          <t>0.3119111</t>
        </is>
      </c>
      <c r="E495" t="inlineStr">
        <is>
          <t>&lt;class 'numpy.ndarray'&gt;</t>
        </is>
      </c>
    </row>
    <row r="496">
      <c r="A496" s="1" t="n">
        <v>494</v>
      </c>
      <c r="B496" t="inlineStr">
        <is>
          <t>learning_rate</t>
        </is>
      </c>
      <c r="C496" t="n">
        <v>5500</v>
      </c>
      <c r="D496" t="inlineStr">
        <is>
          <t>0.039874244</t>
        </is>
      </c>
      <c r="E496" t="inlineStr">
        <is>
          <t>&lt;class 'numpy.ndarray'&gt;</t>
        </is>
      </c>
    </row>
    <row r="497">
      <c r="A497" s="1" t="n">
        <v>495</v>
      </c>
      <c r="B497" t="inlineStr">
        <is>
          <t>train_input_images</t>
        </is>
      </c>
      <c r="C497" t="n">
        <v>5500</v>
      </c>
      <c r="D497" t="inlineStr">
        <is>
          <t>[b'1024' b'1024'
 b'\x89PNG\r\n\x1a\n\x00\x00\x00\rIHDR\x00\x00\x04\x00\x00\x00\x04\x00\x08\x02\x00\x00\x00\xf0\x7f\xbc\xd4\x00\x00 \x00IDATx\x9c\xec}w\xbc-KQ\xf5j2\x12\x9ed\x04\x91\x1c\x05$\x83\x80$\xc9A\xa2\x82D\x01\x15\t\n\n" \x92\x140\x03J\x90\xa8 \xf0\xa1d\x90\xa8\x04\xc9 9I|\xc0S\x10$\xe7$\xd4\xf7\xc7\xa4\x0eU\xd5\xd5=={\xef{o\xaf\xdf{\xe7\x9e3\xd3]\xb5\xaa\xba\xbb:\xce\x0c\xd0\xd1\xd1\xb1S\xd0\x00\x10\xcd\xbf\x13\x11@|\xf2\x9b\xc8\xb7&amp;\x81\xd3\x7f\x9e\xf0:N:\x93f \tF\xd5R\xae\n\xc3\xdb\xc1\xac\xfa\x0f\x8b\xcah6\xb0\xc6\xb4\xd8Q\x83\xd2\xac\xab\xc5\xf2\xc9\xd3V\xb3\x96\xd5\xcc\xac\xa8\x8d\x8b\xbb\xa1\x8a\xb1\x04C\xe6\xffXMj\x14\xd8\xc8\x0f\xba\x10\xce\xe7l\xca\x8b\x0f\x94"b\x15%\x18\'P\xad\x0bR\xbe\xb7\xcc\x0f2%VN\\\x82)yU\x02\x97Kq\xcb\xabVV\xbc\x9c\xdfK\xa0\xcb\xdc\xa8\xbfHTl\xab416\xbe\x13i\x94\xd3\xcb\xa2\x19\xbf\xb1\x17\xcf]$\xcb\x92\x12D\xc0\x85R\xa7\xb9&lt;\xfb\x8e\x8e\x8e\x95 \x82\x03(\x13\xb4\x9cc\xdb#\x11\xc19T\xb5\xd6\xd2\xbc\x04\xf2\xd3n\x14\x1f&gt;MtN\xf6\x86\x03\xc0;!\xc0\x1c\xf5\x04\x8f)90ihn\xda\xa0\xc0"\xd6^(qx7\xfaG\xc8m\x96\xf3\x03\xa2\x932YF\x0bs\x04\xf4N\xd1\\d\xa6\xe9\x9c.\xcd\xab\'X]\xe2\x94H\x18\xc5\xdb-\x92EY3J.)\xe7\x10K\x94\xaa\x04\xabrL\xfca\xa2\x0b#q\xad\xd3K\xcey\xc3\x10\x96\xb6\x9f\xbb\xb4\xb2\x95\xfa!e*\x05\xe1\xb9\xd0\xe6\x1c\\\xa5"\xef\xae\x89\x89\xe4\xaa\xd2f\xc2\xa5\xa7l\x8f#\xa8\x8e\xbb*\xe7\xb4Y\x98s\x00&gt;\x08\\L"8\xa4*\'ra\xd0\x87\xe7\xa6r\x05\xe0m\xa3\xc3\xe7\xf8\xb9P(\x17\x1e\x93\x9c\xdar,M\x88!bz]~\x11\xd2&amp;\xc97F\xa1\xaa$Mc\x91:\xe3D\xc5\xa4:::\nA\x00U\xc5b\x00\xc0m0\xf6:\xe2\\_\xd4K\xcbO\x05\xde"\x01\xa6\xfe\xdcm\xb8: \x8c\xfe\'\xed#^jXbQ\xef\x12~f^\x8c\x8cr\xa1\xed\x1a\xd2\xc7m+A\x13\x9cs&amp;\xf7\xa62i\xfe\x91\xc7\x92\xdb\x01\xce\r\xffM}\x8a&gt;\xbc8\x99x\xd72,\xc9\x8d]\x94j\xbc\xd5\x8a\xbe\xda|\x8c\x88\x8dZ\xb1\xec\x1e\x8f\x1aa\xac\x8d\xed\xdd\x13O\x8bS8\xe7\x9c\x83{qp\x7f\\\xba\xbc\xf0$\x82\x866\x05"\\\x96\x08\'\x13\xf5\xb9\xa1\x16N\x10\xd2\x04\xd5\xd5\x88\xeb\x94L\x8d=]?\x1f\xd3cp}\xc0al\xb3&gt;\xf9$q\xb8\xb8o)\xb0Y\x98\xaf\xb9b\x92\xcc\x05\xa0\xc1\xd5\x90=-\xc9dx+\x02\x88\x00\\T\xbe_\xdd\x95|x\xa01\xf8\xf1\xad\x9e\xc0\xc1\xf9\xb4\xd4\xba\xb5\r#;\xfa\x1fyx\x1c\x92_t,E`\xf7E\x12\xed\x0bF\xffr\xdd\xfb\x1f\xb3\xfe\x8e\x8e\x8e\x16\x10\xf6\x00\xd3\xbd\xbf|vi#\x92\x97\x90\xdb@\x97\xf8\xd5\x18i\xc3\xed\xf3NHw{5\xbe\xbc\xdf,\x0e\'\xf3\xc0+\x8f\x99\xf9\x0b[H\x9b\x84\xf2.*\xcbX=P\x15\x8af\x9d\x14}\xc2\x96\xcd\x1c\x8b\xfap\x91\xf2[S\xa675c\xf2F\xae\xfe&lt;/[d\xb1\x87\x8dikj\x85"0\xa3z\xaeE\x7f\x97)\x91@\x1a\xd1\x1bK\xac\xab\xc47g\xe1\xd5*\xe8"\x0c\xc3 \n\x19%7(\x17S\x96%M\xb9:S\t\xf2e\x9a-\xf1\xa6\x10\x14\x89\t\xe6\x0bK\xdb\xb4\x12\xbb\x95\xe4\xc0@\xfe\xdanq\xe1V\xe8y\xc5\xe4\x9c\xbe\x80\xfc\x86\xddzGG\x87\x88\xd2vn\xc9\xceF\xe4\xea.\xb0\x91\x1cv\xc0\xa7\x85\xb08\xb1d\xa9\xaa&amp;\xbd\xfbN]\xcd\x98\xeb6\x956\xcafK\xc6\xe2\x0c\x16\x7f\x06\x8b\x91\x88\xd92\xb3;\x9bs\xea\xe3\xbe/\xe7\x8c\x9a\xc3\xadB\xe4\xbc\x0c\xcfL\xf1U\rw\xfc\x0e\xd8\x92\xd1b c\xcb\xb0\xe3`\xf4\x98\xd5\xab\xaa7*XVg\x9f\xd7]\xeb\xcb\xa5=\xc2"\xfe\x1a\xae\xaf\xf8\'7a`\xdc[9\xb6n\xec\x8d\xb3\xc5bk\xab\xc1?\xe1\xa9e\x8fj\xe8hi\xe3\x04\x83\xae\xc7\x08\t\x8c\xf4\xd8\xc5\xa6`\x12\x98\x13\xf2C\xbb%z\xab)\xf0m\xd9ZL\x1f\xf7wt\x1c\x06r\xed\\i\xa8wd\xd3\x1b\xa2F\xe5\xda\x95%\x87}\xc9v\x1a\x12=\n\x00.\xa8y g\x0e\xa3)\xeab\xef\xadyE\x97Y\xea\x01&amp;3\x9e+.\xce\xa5T\xe7\x84\xecFM\x86m\xce\x10\x9c0\xba\xb4\xd4\x10\x99\x82\xaf\xb1@luF\xe06A\xc6h\xf8.\x97`\xbc\x94\xcb\x9a\xf0\xdb2\x93|\x91i\x989h\xc5W\x0e\xb10\x16\x15\x1f\xac\x96RB\xe4\x1c\x8bg~n\x8d\x9c\xe6\xf0\x979\xe3BO\xd2f\xca7\xac\x00y\xbb\xfe\x8a\xf5*3\xf1X\x03\xc6"N\x17}iIC\xa1[22S\xfe\x16\xac3\xcaf\xad\xa0NH\xc0\x18b\xb4\xdaw\x94t}\xc2\xdf\x16M\x0b\xa5@\x94\xc5\xa6#\xf8\xfe\x10pG\xc7\x8e\x10\x05\xaf\xf1\xf0\xdet\xe02\xfb|\xe7\x9c}&gt;\xf6Gr\xf0\x1dN3\x0e\xf7-\'@}QJz\xce\x84\xe5\xb9(\xf6\x993\xe7=9\xe7K\x1eDMV\xd3$\x87\xb7\xc9\xb9\xab\x00o\xccZ!\xe5\x9fx\xbe\x91\xe8\xca\xde\xc5\xcc\xf3U\xce9\xe0G\xc0\x89-z\x07\x01\x8b\xcc\xef\x11\x9d\x9cO\';!\x11\xc7\xe7\x9a\xeb\xcb\xab\x80k\x8b1|\xca\xcf&gt;\x1d8\x15G\xa6\xfaI\x15\xac\xecYd&lt;\x97\xe8\x16K\xde\xb2\x93\xda\x13\xd5\xe5\xff\xc1\xcf\xe0\x0e\xe5\xcf\rD\xbd\x0b\x85&lt;cq\xe1\x03\xc4\x0b\xe1YR\x93G\x90-\x03-\xd5\xb7\x9a\x84"\x86\xb9\xb0s(\x83\n\xb5&gt;,F\xa8\xaf^\xd0\xfc\x99\tY\xf0]\xe1\xabc\xc8\x80\x80O\x00\xe7\x17\x9e?\x9e\xaa} ?|0w\xa2\xaa\x97\xf2\xd4\xe5L\x04\xfd\x1c\x8bn\xffa\x8f\\\xad\xab~\xfa\xdc\x00\xa9/`\xbc\x1a$@j\x0c\x05-\xf2\xce\xa0\xa7\x0c\xa2\x90\xf6Y\xa9\'\xd7\xd6j\xa2A\x84\xd6p\xbe\x00:\x8b(\xc0\xb9_\x02^\xea\x0b\xa4Fm\xedP\xdajG\xc7Q\x8f`\x90\x8d\xa1\xf5&gt;\x9d\xe8\xf6\xe3\x95\x9aQ\x82\x14"\'QS\xe8\xa9`kTv\x03\xe0\xe5\xa3x\xa6\x07\xaa\x1b\xfa\xa8\x83xkno\xc8\x18\xdfO\xafg\xa7R\xa5V\xe8\xe3\xb5\xa8\x8fQ\xc6\xe8a\xfa6\xdas\xac\xf22\xb5\xbe\x87\xe27t\xf8\xb9\xef\x01&lt;\xae\xb2\xd3\x9aG)\xc3\xfbX\x94G\xdf\xd4A\xdbW\x80\xd3CH#\xba\xadt\xd2\xe2\x8f\xd8Z\xberJ-W]Q\xaeBjy\xed\xb2\xd2Q\xef6o\xdc\xb2 \xe7\xff\xfb\x11=R\xa1\xa7W$\xf8\x1527N\r\xdb\xces\x81_Y\x94\xea\xf3R=.\xf9\xf7\x06u\x99R\x0e&amp;\xa5\xd6\xc6\xce\xc8\xd9Q\x99f\x1ck\x8b\xb1\xa2\xac\xc1\x08n\xc2\xef\xa2\x0c\xcd\xec\xfd2\xd1\xe9\x99\xcb\x93|%\xfe\xf8\x04\xd6/Rx\x19+\xf2tttT\x80\x8dA\xb6(Co \\\x05L\x0f!\x84\x83\x86\xed\xda:\x98\x9c\xf9\xdb\x96Z\xcb\xb4\xfe)p\xff-{\x1d\x8b\x91Q\xc7\xc3\xaf\xe4MW\xbeNt\xda\xac(y\x91\xde\xb8!#\xa1b\x02P\xb4M\xb4\xfe\xed\x8d;\x86\xbc\x9d"\'\xca\xa6\x97\xb5\xed\xbe\xa2fG\x00\xd9*Qbc\xb2\x1a\r-4)\xd5\xbb\xc9*&amp;\x0b\xb9\x91Zs\xbb?\x01\xfeH\xce;O/8\xcf.v%w#Ja\xab\x89\xd8\x16\xb4c\xa7\xbe\xa9\x93M\xaft7\xda6\x02\xb6*2\x0b\r_{\xc9\x04\xa0\xc8\x93\xf1T\xaa\xdd\x84\'\xbbYD\xe9\xab\x7f\x90\xd8"\xef\xb4\x17\x93\xec\xaf\x01\xed\xe8\xd8\x11\xdc\x1f\xc5W\xd2nT\xcaz\x15\'\x85\xdd\xf8\x1dosx,\xe6\x17a&gt;\x82hM&gt;f\x19\x98\xc6o\xb6+\x84\x0b\xde\x16\xe8\xee\xcf\xbet\xcfN\xad\xc5aJ"\x02^1\x0b\x19\xec\x8d\x13]e\xbcr\x9c;o^\xa2\xfa2\xc49I\x05U\x0b\xdc\x7f\x04\x1e6e\x99\xde*\x98\xde\xaa\xdbs\xd8\x15\xa2\xd1?\x9f\xa6\x89\x01EM\xa6B&lt;{\xd5\xcd?6\x10\x9e&amp;{\xa5i\xf4\x0f@\xa8-gY\xf2\xd3\xdc8\x89p\xe9\xf1\xfa\xef\x12\xe1\xdfV:\x91\\\xf1\x90\xc8\xd7x%\x00\xf4@d|2\x0c\x145Y\xec\xddo\x08JA\xd1\xeb\x89\x0b}P6I\x15\x85g*\xb0_de=D\x13xF\x16\xc4F\xfb\xe8\x1f\x18\xec\xf3\xaf\xd0tz\x7fu\xaf\x1awcoN\xf5\x8f=_\x98\'N\xc3\x0b\xaf!T\x91\xa7\xa3\xa3\xa3\x06\xecZQ\x9b\x11\x9er\x98\xa4R\xd4\x0c\x7f}B\x8f\xf6\xa3\xee\x03[\xfd5\x1c\xc6(Y\x1f\xe2v\xde})\x9e\x16\x02\xee\x0c&lt;\r\xd3\xaa\x8e\xb4\xde\x9f\xd2\x99\xe9\xd6a\xf7;\xf8\x85\xcb\xff\xf65\xf2\x06\xab\xe9\x96\xc5\xbcv\x0b\xe4\x19\xc2+\x17\xbf\x99]D\x93\x90|\r\xb7\xd4\x8a\xf2\xfd\x07\xc6\x1b_!:]\x86\x0b\x00\xb8\x97\x017\\Y\xf4\xc11\xeet\xafun\xb0\xc9\xf3\x00\x144\xc1K\x02\xefI\x98\x10A\x1d\x0f:\xc7\x9f\xf9\x1e\xb5\xe7\n\xa4fE\xbf\xf0S3\rg\xf2\xdb\x1c\n2\x9du\x11\x9c\x9c\xee\xcd\x0e\x893*\xd3Rs\\)7\xe9g\xf1t\xe0\xf6x\rp\x8dQ&amp;\xa4\xad!D\xe1\x82\x1fH\xa0\xa2\x08\xfa\x0e@G\xc7\xde\xe0\xdc\x1d\x9bI*\xfd\xdc\x8b\x80\xa7D\xa3\xffw\xe5\x87)nR\x8fu\xab\xfe[A]\x8eS\xae\xab\xc2\x00\xc0\xb9\xbf\xe7\x92\xf8\x1ex\xdat\xc5\r\x0b7\xc2q\xffp!m\xb5\x1b\xfd\xcc\xfe*\xff\xb4"[*\xbc\xf1"\x1f\xbfy\xb2\x01\xd2\x15J"\xe02\xd2\xb0\x0c\xee9qCr\xc5_\xa4R\x8eU\x04d\xa8\xf2\xa4V\xf4\xa7\x89\x98M\x8fe\xdaV\x987\xf4\xfd\xb3\x89\xc86\xfa\x07@7\x10\xef\x18\xd7\x9e\xfd\xfb\x14_\'o\x97 a\xecE\x0c"\xd0\xbbS\x0f\x9aV\x83\x9d\xfb\x0e\xcb\xca\xb2l^\xd1&gt;Js4\\\xbc\x8f\xf7.\x1a\xc1=\x1eNZ\xef\x9e\xd3\xa4W\x98F\xe1 E\xdf\xf9\xf6\xd4\xee\xe34\xe5_R\xb3\xc1\xe1\x0e\x0en\x1c\xfd#.\xf1\xd8\x93S\xb8\x10?{F\xe2\x1d\x9dDGG\xc7.\xc0\xaeg\xaci\x80\xf32\xd5Y\x81/\x14\xe5QW\x1foL\xf4"\x89\xe1\xb2~\xd9`\xc9\'\xd9j(\xf6\xc6"\xe1b\xc0\x07\xc5\xb3\x1d\xd1\t\x10S\xb20\x0b\xfcE;\xe7\xfd_\xca6]\x9a\nG\xfem\x02\xb2WL\r\x04&amp;;\x1bZB[\xc5h\xb0\xaeo\x81\xbcbmZ5oFR\xed\x99\x8b\x1f0\xa0\xe2\xea\x974\x81x|\xe9\xae\x03\xbc:/\x90\xd9\x7f\x80\xb6@@D\xd1r\xbb\x05\xaf\x05\xaea\xdb\xabQ]\xf7\x10\xa2\x07[\xd4\xb9\xf8u:\xfc\xe0[o\xb9\xa9\xccR\xab-\x18\x19\xdc\n\xf8\xa7\x81\xc2\xbc\xa9X9\xa1f\x9d\x9c\xdf\r\xcb\x8d\xf4\x9b\x86\x1d-\\O\xfc\xa7\xae\x10Zm\xf43\xfap\xff\t\\DtB|\xfe~\xd2\xd3\x08\xde&amp;\x95\xba\x03`D\xa9\xe7\xfb\x04\xa0\xa3cs\xd4\rD\xb4M@\\\x97\xe8\x15vQ\xe9\x86\xb5\x92\xfe?\x88.3\xa6\x01\x13"\x88}\xcdK\x19\xd6\x8d\xccx\t^\xd6\xcc\x1e\xb1\xacE\xdbt^yxc\x90\x9f\xf8\xb3~\x16\xa4t\x90m\'\x00%\x83\xce\x1d\x8d\xec-H\x9c\xf0\xcf\xc0/W\x8c\x9e\xdb\x11\xe1\xd1\xe68\x01\xa0\x18%\xcf\xdb\xf5W*i\xa2P\xc4\xbcd83IU\x84\x0b\xf6zZ\xd8#1\xce\xcb\xec\xab\xb3\x90\x13\xf6\xee2)[M\x00r\xf3\xeaJ=\xce}\x038\xae\x8d\xac@,Z-\x0f\xe5&amp;\x00\xc5Z\xd2\xc9\xb0\xb2k\xb7U\xa0X\xfaP\xf9xjy1T\xb8\xbd\x1f\x01\xea\xe8\xd8\x0fJc\xd7\xb09=\xe1\x15\xfc}\x1e\xff&lt;,\xfb\xbb)B\xe8q\xf3\xb2\xcb\x83\xa1\\\xb2\xfa\xb1\xaf\x85\xaaM\x16\x1b\x1b\xbd\x8f-\xfa\x97K\xf8n=.d\xf7\xab\xfd#:\xc5Ky\xb9\x8d\x8b8y\x91\xf0Y\x12\x82\xca\xa0\xec\xf5\xef}\xf4\xff\xa0\xe9p\x887[\x1b\xf1+\x89!\xbb\x81s\x0e\xee+\xf2\xbd\x95x*Q\xee{eNl\xd1\xc5\x87\xcdJ\x1f\x1c\x1fPX\xa7\xf3\x07\xec\xf9\xcd\x01\xffw\xe6\xfd\xee\x80c\x84\xc63pA\x1f{9\xeb\x86V\xa7G\xec\xa7\xe6\x1c\x86Ck\xbf\xe0n\x9cO\x99\x8e\xfe\x9b`a\xfa\xd7$\xd7N\xef(\x17w\xa6\x1dj\xe8\xae&lt;\xf2\xca\xec\x06+B\xb6\x1a\xfdO\xe7\xcc\xa6\xd1\xff_p\xba\xa6C\x9bFx\xa3\xff\xc6\x07\xb1:::V\x82|\xd8\x07yA\xae\xe3I\xc2nNT\xaf\xc14,\x03\x80\xdbJV\xe4d,\x82r\x88r\x9e\xa3@K\xac!\xbd\xbei\x84\xb5\xcb7\x98\x93\x8a\xdaY=\xb9qI\xc9\xda\xf0J\xc53\xd3\xf53\xa75\xc1R\xafv\xe0\x16\xae\x96\xb6\xf1\x0c\xe1l\x87\xde\xfc?hk\xb6q\xc1\x11\xdd\xa2\xc0E\x19%\xd3\x90\xcb\xa4\xb7\xa8\xa4\x12\t\xf942C-\x9fj&gt;_\x8d\xb3\xaeHsY\xa8\x1alY\x84Y\xc4\xab\xa65\x04\x11\x11~\xbe\xa1\xba\x8a\x00;~\x9b9)\x11Ix\xa6\xde\xf6\x11\x7fG\xc7\x81\xa3M\x13\xf5\x9b\xfd\xf7\xe6\xf6\x1f?\xd48\xff\xf9\xf8&amp;J\x1b\xe0\xcea\xa8\xaa\x8b\xfe\xd9&gt;\'\x13\x16\x0b\x02%KLc{u\x83\xf0F\x91\xda\xea\xb1\x99\xed\xa5\xf7\xd3C\x04e\x91\x1b\xbb$\x16\xd99\xc7\x85.W\x808c\x9a\xdd@\xb5\x1e\\\x15=\x86p\xe9\xd4|a\xb4\xed\x95]\xa1\x8b\xe6\x1d\xc0\x15XT\xff]Ya\xe5R\xde(KL\x95j\xe2\x90\xc9?\x08!\x02\xde7\xdcRk;\x01\x84\xb7T\xf9\xb0|\x16Ta\xdaa` _\xca\x9f\xf3\xc0m\x93\x188M\xd5\xf8\xf4\x1d\x1d\x1d\xc7\x16\xbc\x08\xeb\x05\x02\noFa\xe2\x10"E\xd01\xac\x88eJ\x0fB\xb8Q\x8d\xd8\xd0QW\xf0\xafJI\x81_H\xc5d\x07\x8e\xb9\x121;\xa1\xd0\xae\x19\x1fh\xb5\xde\x8c\xbf\xa9\xd0\x0f\xdc\x91M\x11\xd6d&amp;wv\x1c\xcfW\x86R\xabV\xe4\xadP\xd1H\x0bE-\xeb\xb0\xc1\x15\x13_z\xf3\xd0\xa7\xa5\xc6\xf9\xa2&gt;\x10\x7f+\xb7\xe9\x17do\xca\xca\x93/\x84\x85U\xae\xb0+*c\xab\x83WQ\x9a\xfe\xc8@T=\n\xb2p~\xe0\x13\xe1?\x92\x94\xb4\xac_\x1c\tm\xbf\xa3\xa3c=\xc4\xd0\xa9\x87c^V$w^lHv\x87\x9b\xad[\x13\xd7\xe5\x97JZ\xfe\xf3\x04\xb2\xcb$vV\xe6\\\x04\xbc\xbf\x900\xa3\xaeZ\x82"\x9b\xd5\xf6;\x91i\xabTO\xcfX\x84\x13\xceQf\xb8\xf8\x9a+e\xd6\xf1\xfc\x04\x80\x88\xce\xab\xd1~_y!&amp;\x86\x85\xb4k+\xbc?Fd%|\xabQA\x00\x071\xdb\'\xafJ\xe4\x92\x96\xa0\xd5^\xd9\x80\x1fp\xf5\xc1@ H\xb6\xd8\xb8\x9e\xdb\xce\x0b+\xa9!\x91\xea\x1c\x93\x17\x15\x95\xde\xa0\xe5\xaf|\xdd\xba\xbb-~(J\xbcs\x945g\xbb\x1ft\xa7\xc5W\x88\xbe_\xee\x9f\xbd?\xb3\xd5\xd1\xd1\x91\x05\xb1\x11\xc6\xf8\xb29\xe6a\xa9)\x83\xe5\xa1\xd3\xd5\xef\x99\x89\xd9\xf9o\x91+{\x90\x8b\x88\xf4\xa7\xc3BU\xec\x8b;@Kv\xd6o[\xbc\xf3yQO\x846o\xc9\x08\x04\xcep\x04\x9ch\xa9\x12\xe9\x0b\xfb\xaa\xad#\xa2_\x01\x9e\xbbd\x1f5\xa7* \xd4+\xa7\xba\xddK\x90T\x98\xd9]\xa3\xcaL\xb1\x16\xc1W6\xd8b.\x9dO\x00\xe7\x0b\t\x9c\x02\xf8\xfe\xe4\x0f\xb1\x8aN7\xe5\x04y\x02_\x02\xce\x00\xee\xc3O\x9b\xd6\xde\tL\x01\xaaz\xc5\xf8\xc4V\x1e\x9b\xccu\xd0#&amp;\xc6\xc7\xf1\x990\x95d\xacj\xcb\xb4\xd3\xa1\x97\x17\xed=\xd8\t\x08\xbd\x8f\\v\xd9\x96\xce&amp;\x16\xf0\xbfDg*I\x7f\xf8X\xbc2\xc7\xc9\xba\xf7\xb1\xb2(\xf2O\x7f\x0bPG\xc7\xc1\xe2\xf1\xd3:7s\xef\x9d\x80%\x88\xb3)\x96\xb5JC\x84a\xd4\x87\xbb\xe4Qb\xefJ\xf8W\xa2=\xab\x99\xe7\xe1\xb8\xbb\xc1-\x86\xe7|!\xdf\xf1o\x89\xe9\xc5\x0e\x9b\x8c\xfe\x01\xd08\xf8\xd7G\xd8s\xee\x82\x15#\xe7\xdcs]t\xc19\xee\xb5*\xce\x01\xef\xe2.j\xc2\xfd1\x96w=|S\x87LWz_\xc6q\x9aVQ\x8c\xb1t\xce\xe7\xfd&gt;\xe4\xfc\xfe\xf8{\xf2"\xdax\xa1O\x1d\xf6\xb2\x04\xc2\xc7\x9b\xcf \xd7\xe4Sfy\xcfK\x86\xe5\xeb\xa9\x04\\\x16w\x92n\xc9\x99&amp;\\?\xba\xa5~\xe6I\xac\x9f\x81;+\x90\xcf\xe6\x8b\x8ej\xfd\x19\xe3\xa4\x15\x04v;\x84\r\xde\x01\xe5\xd2\xfa\x19"8z\x0e\x00x\xacc\x8bi\x10\xfa\xf4\xf4\xf29\xbc\xdf\xb3\xd4\xe0\x17g\xcc\x04\x14\x8d\xfe\xa7\xeb;F\xd4|O%\xa5)\x12\xea\xbc\xa5,J\x83\xc2?WU\xac&gt;\xa2\xef\xe88\n\x10\xef\xf0\x11\x01\xf4&lt;\xff\x94\xc5\x82\xaf\xa7\x89\xc3\x8cy\xe1Y(\x12\xe6\xc8\xe5\'6\xc9,\x88\x98~\x96X\xafb\x99\xdd\xc7f2\x8f3s\x16iUH0\xc9e\xe4\x8b\xbe\x8a\x12O\xbf\x7fj%\x01\\\x8d\xd2\x1bi\xb6\xba^\xbc\xd4\x87\x96\x94\x89\xebZ\x0f/\xb8\x02\xfaz\xf9\xc97\x1d\x13\xed+d\xc4\x84\x92\x84:\x9fw\x82\xc0\xa1\x82\xb8\xd1.\x1fO\xcf\xf1\xcfb=\x87\xa3\x18\x84\xbf\xd7\xcb4u\xfb\\\x16Z@\xf6C\xb7\x8e\xfb\x8c\xf2\xe3\xf4\xb8\xe8\xca\x82\xb8\x19\x11\xe1\x97\x8a\x84\x08U\x82\xf5\x8c\xbd62\xbe\xd5zX;JL\xeb\xe8\xe88 \x0c\r\x98\x89\x92\x9f)\x19\xc8\xd6\x06\x85[*b\x84.PK\xbc&gt;`y\xd2x\xe1\xb6\t@\xc6u6\xe7,\x89i\x8a\xfef\x15\x0c+\xdd\xf0"\xf0\xfe\xb7\xaa\x88\xf6j*FTO\xe4\x1c\xee/\x1f\xf2\x9c5E\xb2W\x8b\x1ch\xf3y\\W\xb3b\xbd\xe1\x8e\tL\xd9\x97\x8e)Y\x11\xb3\xa8\x8a\xba\xf4K\xeb\x07\xb5\xacQ\x85\xd4s\x90M\xbb\xa1\xb7P\xdd\x86\xbcF\xe3X\xc4`xQ\x0c\x11pC\xdf\x93\xd6\xd74\x05&lt;\x9a\x95\xc25l\xd2\xc8\x8f\x87;\xaa\x157\x8ck{I\r\xadgu\xa4\x9f\xa6\xea\xe88J \xb5\xde\xa7\x00\xbf\xa1\x9e\xafe\x8f\x02\xcf(&lt;pB\xf3\xc7D^H\xb8\xc9(A\xca\xceS\x1e4\xce\xf7\xd8Or\x1a\xb8\x8d\x02\xd2O\x9b8\x87/\x13N\x0f\xb8\xc7\x01\xf7`\x8e\x83G\xac\xb6:\xd5\x13\xea\xd1l\xb9!\xd1K\xe3k\xed\x0e\x02\xb5\xb1w\x90b\xcf\xfb*\xa2k\xab\t\xf4C\xe1C\x12\x99HVB\x1e\x91_\x14\x87\xfb)\x8dg\xd9\xc3\xcf\xeeh&lt;\xd3F\xa2=\xc4\x92\xcf\x1d\x8a2\xd7\xa2\xa9|\xad\xe9\xcd\x18fP\x82\xe4u\x03%\x91\xed\x18\x1a\xea\r\xb1\xf0r\x1e\x89#\x19J[[+y\t\xd1\xaa\x97\xb8\x96\x98\x99\xb7\xfa\x0f],yV\xc3\xeb\x95\xb4\xb3\xb1&gt;7\xf5Q\x07\xb4q\xecD\x8b}\xa8\xaf\xe8\xe3\x90G\xfe\x03\x12\x1d\x1d\xc7\x16\xeaW\x1a\xf2\xeb\x01\x9b-_\xa9\x8b\x10\xd3\x06\xae\xaf\x9d!f:f \xbd\xe6Eu\x0e\xcbg#X\xb4\xd0\xf0E\xcc\xcdX\x05Kk\xbb9\xb1\x10\xdbr\x83\xb8\x0e\xeb\x9b\x00Y\xb1\xeb\xaa\xee\xb5\xd4\x9a\xa9\xdb\x92\xe76\xd3\xb3\xe4\xaa\x05\xc7\xff*\xe1\x9f\x85G\x0e8Wl[[\xd8R\xb0`\xbb\xc0e\xa4\x07"\xfc\xc3\x8e\x9a\xd2\x11\x8a\xb0:YSN\x85\xcb\xfb|\x92\xf6\xce\xadYK\xb7\x98\x96\xa2W\xd4v\xbc\xfc\xbd\xd3P\x85\xca\xa0\x94\xcf\x89\xfcZ\xdd\xabwG\xc7nAa\xf7&amp;\xb7\xe1l{^\x1d\x0bV\x98\xb0\x13\xbd\x94\x9e\xd0\xb0\xe9\x8a\xd2\xec&amp;\xcc\x8d\xeaNc=\x9b\xd4^5/|\x8d\x07n(\xb2M\xd5\xad\xf4\xf9\x9c\xf7\xef\xcc\xd9\x15]Bmi&lt;\x01\xa8\x82\xc9:\x9e\x7fm\x15b\xa5\t&gt;i;\xf8f\xb5p\xda\x9f\xb4\xd2\xabk\xd8\x19=#J\xd9\x96d\x05\x8aM(\x10&lt;\x95Q\\3\xf5\x8a\x1d;\xb6\xde\xdb-LH\xea\xfc\xdc\xb8\xae\xab\x12[QIJ9\x06*\x8c\xc0\xf3\xcafbt\x8c\x1eo\xeb\xe8\xd8\x0f\x8eO\x02G\x14J\xd8\x06\xf9\x17\xb8D\xc1(g\x07\r;\x13\x86v\xa8\xcd\x92a\xf7+\xe2\xc4\x0ceJ\xbc$\x18{G\x9b\xbd\xbe\xf6u\x85R\xe6\xc3\x02\x03\xd5\xacJ2\xb3:\xc6{\xfa\xe0\xd2B\xa0\xd6\xba\n\x085\xa0\xd6\xc3&amp;q\xb5\xc2\x8fd\xac\xf7\xc0\xc1\xb9+4\xa1\xfdB\xc3\xbc\xd3\xc8;-\xd3~\x83\xe5-\x8f\xe7\x9f\x1b\tp\xa2\xea\xf0\xaf\x11\x87s\xca\xfb\x12&gt;\x01\xb3\xb1V\xb0\x95\'*\xc4\'+\xd54HyU]\x11\x97\xa5\xa3\xa3c\x17xp\xd4\xaa\x87\xab\xd1\x9f\x11r\xcd5\x1b\xb0x(\xd2l\x81U\x89Am\x91\ry\x99&lt;\xad\xf9\x140e\xd6V\xc7\x9f\xfe\x7f\x00n\x1d/\xbb\x96\x99,%\x0b6O\xd2\x0c\x98N\r\x19\r*\xf2\x04\xf0\xf0\xa2\xf4\x19E\xf3-\xce\x908W\x81\xeb\x18%F\x96v\xeb\xaa\xe0)\xfan\xa59\xbc83\xf0\xe3\x03\x1b\x1c\xdcg"\xf6\xc9\xa6\xc4jkK\x94\xfdp\xf6\x01B\x13v\x1d\x90\xedJ\xe7\xf4\x17+\xe3YX@Y)\xb34ab\x13q;\xfd\xb6\xee]\xf0\xa3\xd0L\x12vN\xcc\x9e\x97\xb2ttt\xec\x01Cs\xfd\xe5L\x1015o/\x84\xd9T\xb3\x8d\xbf,(\x9c\xa16\x9a\x94\xf3TC\x9e\x96\xdd\xa6\xa5\rbb\xa6\xee\x81\x89\xe9\xc3\xc5;\x84\xa2\x12\x93\xb5\xb5p?\xa5G\x86I\x8c\x17\x15t\x18\xc9\xbc\xa5\x19\xf42e\x8d\x9a\x99x\xdc\x82L\x16\xc9\xf5\x14w\xd1q\x0e\xa5\xf6W\x91\xfa:\xff\xb3\xd5\xe3l\xec\xd5\x9d\xdaX\x80\xcdY\xc5\xb6\xd7\xc7(k\xc3\xdf\x04[\x17b\xae\xd2\x14(\xad\xe1)k,\xb3\x94\x91`\x91\xbcBc#\xc8&gt;\xef\x13\x80\x8e\x8e\x0e\x1b\x08\xf8Bz\xb10.\xfcJM(Y\xd7\xb9&amp;!\xefp w\x1b\xa6\x1cq\xf6\xe5\xf7+\x12\xf0\xc9!C\x91$\xae@_\xab\x17Y\xc6\xe3\xa5\x06\x1a\xc0I\xb6R*\xda\xad23\xba\xe2\x90\xcb\x17.h\xdf%\x88\xd6U\xf8\x856\'\xe4w7.\xe5\x16h\xbe\xbe\x90f\xad)\xd9\xdf\xae\xa9\x1b\r\x1d\x1bO}7\xad\xa8JcTj\x17O\xbb\x8e\xe4Z\xbd#\xee\x995dZ_P\x94\xeb\x03n\xdd\x00\x1b\xcd\x1b\xb0y\x05\xf3\xef\xab\x8a\x92\xcc\xec\xe8\xe8\xd8\x1d\x0e\xaaOeQJoS\x8b\xbc\xc7\xcb\x1a\x0fG\xd8n\x83p\xc3Z-7\t\x03\xeb\xc9\xfc\x97Z\x98\x16f\xa2?m\xddLH&gt;Y\x14\x8f\x84\xe4B\xff\xa3\xc5\x1eF@\xa1\x8fT\xfb%c\x1fm[\x9c\x0b\xf0\x82\x84\x9b\x89\xea"\xd9\x17\xbe\xa5\xf9\xa9v|L\x1c:\xcc\xbf%\x0f\x9a7\xa0\xa4\x96\xb2\xbd\x06\xee\x151\xe1R\x9f\x14\x19\x1b\xe9\x8c\xdd\x15\\\xf9\xb3|\x99V\x80-\xf4GlYQ\xd5\x1a\xb2j\x15\x7f5\x85\xe2nK\x814\x9d0+\xfd7\xc1\x1b\x91\xc7L\xfc\xc6\x94\xe5lSqH*g\x7fihG\xc7.\x10\x05\x0b\xe6}\xbdS\x8a\xe6\xaf\xf2\xbd&gt;\xd1\xcb\xca\xde&gt;~\xf4\xc3/\x0e\xff\x9d\xd3Q(\xcd9\x8d\xd2\xd76\xa7(}]t\xc8\xad,oN\xde,6\xff\xfd\x04#\x12QDTP\x87\x93v\x81\xc4\xdeA\xe0\xf0[\xa8\xdaK{s\xc2\xf3\xbdw\xf3\x0f)K\x9b\x12OFuL\xb3\xd6\xeai1\xc8$\xdfK|e^\xcf\xc3\x83-z\xd0\x9cv\x1f\x08\x98\xfboO\xdf\xf8\xe5\xe8K\xb9M\x7f~\x038\xad\xa1\xd1\xadt\x17q\x06\xf2\x9f\x85i\xe8\x81\xdf&amp;\xfa\x1bF&gt;l\x86\x88_\xad\x11$D\xbe\x05\xe48Uh\xa3\xd6\xaaEsNE\xf4\xadJ\xa5\x97#z\xbb\xf7\xe7;\x80\xcb\xdb\xbeL\x92E\x96\xc3 -4j\xd4p"\xbb\x9a\x8e\x8e\x8eJ&lt;(\xd7\x9e\x83\x16O\xde/\xcb\xf2\xe7\x9f\xd9\x82\xc2\xb4f\xb0\xac\x10\xbcl\x96uX{\xfa\x07\x81 x:\xf7\xd6\xf0J\x13g\x95\x0e\xac\xdd\x88!\xb2\xaf\xef\xb9c\tI\x7f\xc1/f\xb9\x89\x8c&amp;\xfam\xa9(\xef\x9f\n0\xf9\xdc\xd4u\x8dn\x99\xe9\x11\xc6\x13\x1fDx^\xe0\xe7\x80\xb3\x99L\x9cl&lt;\x18\\\xcex\rl#\ni\xf4\xaff\xca4\xff\xa7\xc4ch\x0b\x91\x98\xd5NG\xffD\xf4\xc8\x89qTN\xd3\x0c\xb0z\xec\xab/\xf1\xfap\xa1\xe1\x0e4\x8e\xfe\xc3\xd0r\t.#\xaf\x9a+&amp;\x02\xee\xcd\xab\x9f\xc5\\\x96H\xfd(d\x13\xfc-w\xb1`\rZ\xbc\xcb\xe6\x98\x1bx0\xc5\x15\x8a\xb4\xcc\xf4+\xc9\xb7^\xb2\xf4\xc0\xa1\xcco[\xbf\xdf\x97^z{\xf8\xe7\xe5\x00\xb5\x02\x98PX\xbd]\xfa{_\x11\xec\xe8\xd8\x1c\xd9\xe5\x7f\x8a\x06/\x8e_W6\xce\xf5uT/\x8bn\xf0\x19\xd1}a^T\xb6|\x1aVL\xc6\xa6\x07\xe0.\x08|,\xe8;\xf6\xeb:}\x95\xdd\xb0\x06oXuK7Ol\xd5,\xd6\x0e\xd8\x86\xc0\xc2B\xb5ygC\xdajXh\x9c\x14\xf4C\x03\x91\x96\xcb\xab\x04*\xdb\xa6\xcb\xef+\xc6\xc2\xe1/\xc1N\xde\xd6\x9dIO \xdc\x15\x07\xb8\x7fHDp\xcf\x00n/\x8e\x98V\x14\x8dW\x19\xde\x0c\\\xb9T\xce\xb4ECDe\xcd\xdf_\xd7\xf7s\x91W;\\\x9crR)\xa1\xf5\x1e\x88\xd8\xcf(\x1fo\xf6k\x9di\x13 T\x92H\x8e9\x98C\x87@\x8b!\x83\xa4\x9bH\x94rad*\xfc\xcc2\x84\xe8\xabW\x12]G#=\xe6\xf9!p\xb2\xb5\xd5\xbb\xef\x00ttl\x8el3u\xee-\xf1\xa5\xaa5\xd4\xa6q&gt;^\x03k}\xe6y\xf7\x88\x16\x0b[:\xcb98w\xd9q\x8d\xfac\xf1r\xf5~\'N\xce\xbc\x95 %t\x0b\xfc\xdf\xc7\x94\xc6\x95R\x1bWS*yL_+q\x100\xe2\xd9p\x0e\xffg\xce\xd7\x10+\xaaI\xae\xed\xbbh\xf4\x8fe\xa30\x93\xf1\xb7\x80\xdb\xd4\xf3\xda\x08\x13\xed;\x88)\x0c\xbe\x14-\x0f6d\xaf\x94\xdd&lt;\x91\x95;{\xe3Ctp(\xde\xd3\x98\xff\xf9\xb5\x81\x8c7\xfb\xde\xe9\xc6.AY\xbb\x16x\x84\xf3\xd4\x8b\x0f\xcc\xdd\x106\x81\x9f\xe2F\xc3\xc2\x96\xe4\xf2\xa7s\xf1\xfe\xad\xce;GK\xb8+\x97\x08{e\xc2\xd3\x8b\xc9\xcc\xb8n\xe6\xfe\xb8\xc5\x7fR\xf4\xfd\xfc\x8e\x8e#\x03\xcb#;\xea\xbb\\\xbcA*\x83"E\x12\xd6\x08\xb0Z[\xf58\xddV \xefI\xe2\xe1\xef\x12?d\xe7=\xb1\x8b^r\x18V\x878\xcd\xe4\x04\xcev\xc2\xeb\xd6p^UUJry\x1b\xf3\xa9:\x93\xc6f\r\xc1\x13\xb2\xbf\xe2\xfed\xb1\xebL&amp;1\xfe4\x99ivl\x13d\x0b\x85\xa5Q\xc0-\x91\xb99\xfe@\xab]l\x01\x91\xb9\x966D\xcc\n\xb1.\xfe4O\x19\x93\xd4X\xce!\xf0\x1ei\xad\xb1D\xf1\xd8\xb5R\xef\x19}\x9b\xf1@\xe8(fJa\x07\xf0\x94\n\xab\xfd\x8avh\x9bz\x1d\x1d\x1d\x13\xc2\xe8b\xdcG\xa6\xf1\x89\x9f!\xe5\xb7\x89~\xc2\xbf\xbb\xf2\x10\x91e+y\x96P\xb5\'\xdb\x18&gt;\x99q\x03}Z\x045?;U\xec1\xb1\xa4~\x81\xe8\rp\xee\xf7\x80G\x19\xb8\xb7\x05\r?\x96\x8d\xf86\xa7\x92\xc4\xfaRTU\x94\\C/\x15\xa5\xf3\xaf\xdc\x01xzV\xddg\tgg\xe6\x089\x92zk\x10\x0fSm\xfc\xd4i\xa4\xcd\xf2\xa8:\xe6\x13)\xe9) \xfe&lt;F,\x93r\xb5\xc5\xe3\xb3\x93V\xaf\x94\xcdtvi\xfeQ[\xdb\'\x1d6\x8bH?XhU\xe6\x81=\x05\xb4\xdc\xc5bj\xae\xa2\xb6;\xa5\xe6)\xf7\xaf\x0b\'\x97*40\xa6\xf8\xb5t\x92?x{\xaa\xd5\xd0\x9b\x80\xa8\xccS+&amp;\xf25\xcaw#\x99\t\x19"pm-,\x9aL9\xaazs\x048\x1d\xfd\x08PG\xc7n1O\xdf\xb3m}8q\x01\xb8o\x17&lt;\x0f\x1a\x1e=9\x95\x0b\xb1\x86\xb8%wA\x00\xdb\x05(\xfd\xcd\xd0\xa3O\xab#\xb5O\x10\xce\x8bb\xe3*\xdd\xf4\x93\xde0\xdc\xff\xeb\n\x99\xabq\xf7\xf8\xf8\x07\xad/\xac+\x85\xcf9,\x15\xacv\xf4\xcf$\x02\xd7k\xfa\xa3\x01\xd3^\xfb\xd9\x1d\xe0\xd2\xb7\x97\xe40\xb7\x9b{\xa5\xad\xc8\xcd?bR\xf3\xef\xf3:\xdf\x16\x08Nee\x13O\xff\x9e\x08X\xd2\x8f\xf1\xc5\xa6N\xbf\x1d\x9dG\xdf\x01\x9e\x90\\\xf1Nj\x83(Z_\xad\xe2U\x146\xab\xd6\xa0\xbd\xcd\x99D\xf9\xfcC\xc2Blg\x0b-n\xfa/\xbd\xce\xfe^\xa1\xc1E\x7f9\xf7\x87x\xe7r\x85\x08\xc0\'&amp;5\xc7/Yj\xa2\xd9l\xce\xd4\x92\xa6SI&gt;\x96\xed\x07\x0e\xc3\xc6\xaaw\xe1\xf9\x82*\xa1\xad-!\xc2\x1a\x8f\xa7:\xe9\x10n\x18\xc0\xefvD\x04\xf7\xfa\x0e@G\xc7.q1\xa2\xf7\xcf\x7f\xb0K8\xbbY?\x93Q\xb1\xa6\xbb,9\xf8\x99K\r1\xae\xb8\x17"X6\x9bW\x92&lt;-\xd3\xd2&amp;\xbb\xf2\xb4\xe2\x81\xd4\x14\xb7\x05\x9e\xb9\xa7\xf2\x95(\xae#S]i\xefJ\xf4\xf8&lt;\x13"\x92\x97\xa8\xa7\\(\xea\xc5"?\x04J\x87\xd5\xf1\xfa&gt;\x91]\x92\xcf.\x9c\x17H\x0e\xd7Ak\xd6\xb3\xb1\x10\x8b\xef]\x95p\x1a\xe0\xa5\x8b|?y\xc1tn\x87\xd5;(\xcc\xc2e\xdaX\xd4\xdf\x10~\x87\x9b\x80z\xca&amp;Q\x90|\x88u\xc5=\x95\xb2\xe2@qOX\x0bA\xeaR\xb1\xd0\xe8\xf2\x85\x18?\xb0\xbem\x05\xe0\r_\xf8\xb7\xeb;\xc4\x17\x95\xea\xf0\x1e\xc8\x90ZY\x83\xc5\xb1\xa8\xee\xa9\x9b`\xbc+\xe2\x00\xb8\x96QGGG\t\xb8!H\xd8\x93a\xc5\x82N\xbcg]\xfc^\x91H\xd0@o\xe6\xa5\xead7j\xcb\xd4My7\x8bK\x8b\x7f\x10\xd1c\x83i\xe9\xe8GG\x13\xbb\x92\xfa\x03\x9b\x9f\tp\x05\xa7\x95J\xb8\xac)k5\xfb\\\xf1\xf4\xf1\x8d\x90w\x1c\x1e$\xcby\xecY\x85\xb2\xc3\x1e\x02&lt;\x9am\xea\xb0lwq\xc1\xa9\x03\xbbs\x10\x9d\x00\xfc\x0e\xc0\xbc\xe2}Rv\x90 \xe0\xc7\xc0\x89\x83KbC\xfe&amp;pZY\x0e\xa2\xfd\x9c\xf2*\xb7\x1b\xbc\x1e\xb8*\x10Sn\xc26\\\xbe\x81V\xc1\x98\xea\x94\x9d\xc0\xac9"\xc5N\xf6\x82\x04MG\xb3\xc5\xd3\x80h\xfe)\x1d\x0e\\\x83\xb4%\xca\xcb:\x10\xbc\x11\xe7\xe8G\x80::\xf6\x86\xe9\x08cp\xb1:T\x84\xbb\x944\xfcX\xf6\x05\x8b\xa9\xf9\x87\x1dL\xb15\x1a\xd7\x1951\xec\xb6;G\xe4\xe6(*\xd2\xbb\x14\xa6\x8d`7\x9f\x93\xf1\xf8\x9c\xa5\x92\xdbF\x83\x06\xe1\x8c\x0c\xa3\x1fc\xa1\xf2b\x92+\xd7\x01\xbe\x98\x95\xe9oF\xaf\x80\x94}\x96\xac\x1fbc\xbe\x12=\x9e\x00\x19\x9c\xf3\x0b\xfe]_R&lt;\xfa_\x87@HXmbzV\xb4\xab3\xa3\xfa\x9f\xe7\x99\x9c\x00\x80\x1b\xfd\x1f&lt;\\4\xfa\x07W\xc9\xdd9\x86\x94\xa7Q\xe5\xb8\xe4J\x05\x8c\x0f\xa3\xcf\x90&gt;\x19\xab\xe0\xaa\x93&amp;\x10pf\xca\xe8\xac\xafA4+\xe1\xb7T\xea$\x9b\xdd\x13\xe85\xe4*e\x13\x9c\x9ca\xa4\xcd\xc7\x81\x9cs\xf7\xb1\x08\xbc\xb0\xcf3\xe8\x89WG\x97\xf10j\xe0\xf1\xf3\xa8N\xf9\nw\xf1\xc0\xce\xe7vtt\x84X\xd3@\xfd\xd3\x80\x14]\xd9pH=i\x7fQ\xac\xdd\x9c3A\xa1\x1f\xfc~\xa2\x86\x80\x9f7\x1aJZ\x05\xa66\xd4\x9bS\xac\xa9\x85\x8c\xc9\xf6\r\x99c\x1c\xaa$\x8a\xca\xb5\xe4\xcd/q\xd1:g\x86\xa2\xf0\xef\xac\xb4\xfa*\x1d\xf3\xab,\x14"\xa2sx\x05\x9d2\xfcg\xa5V\x1c%`]\xa7\x14:\xe7\x8a\x8c\xff\x0b\xdd5\x16Av\xa6-rK\xdblI\xcd\x17\xc5\xd2r\xa0\xbc\xa8\xca\xa9\xc9\xbeLD\xf4b\xab\xb4dMhU\xfd\xe7\x14\xa85&lt;\xba\xc5ig\xa2e\xeay\xb5pL\x10\xec\xd5\xb3\x088\xce\x9c\xb2\xa3\xa3\xe3\x08B\xd0\xaa\x87\x95\xcf=\xb4\xf3\x9a\xe8\\\x10\xbf\xe4\xcc\xfe\x9f\x15\x03\xca\xa5C\xe5\xc4[\x04\x16\x86\xef:,\xe5\xbb\xaep%\xb2&lt;\x7f\xd9\x8a2\xeb\x02\xb1kM\xc8j\xb7\xcb_\xcf\xa4\x94\x9b\x8eS\xb6\xa3\xe1\xe1\x9e\xf3j.[?\xe9\x8al\xe9\x1fMC\x04"\xdc%1\xe7\x04\xbd\xd0K\x1d\xf2\xfa\x92r\x9f\x04V\xf9\xd9\xd2xW\xb4\xacXE\x95\x9c\x08g^\x97\xdd\xaf\xae\xad\x90\n,\nM\x84\xcf\xd2Ozu#\xcah,#\xb5\xf8\n*\xa7\x90E\x9cJ5*\xd6\x8e\x8e\x8e=\x82\t\x01\xc1\x9d=R3" _B\xb8] \xe3\xe5T\x08\x97\xca\xa2\x9a\x95\xb7\xe8\xb8\xc8\xb4\xf5\x10\x00\x80\x9b\x11\xbe\xb8tNx\xcb(*\x1a\x0b\xa6=\x1fy]\x9a\xb2&amp;]d\x8b\'\xcd\xee\xa5\x06\xb3\xca\xf9\xaa\xb4\x06\xccr;\xaa\x86\xbf\x01\x92\x92N\x8b\xbe\xf1Hk\xd4\xbb\x81\xcc\xd6\xdac\xdb\x8b\xdcrE\xa3\x96E\xe097\x9c\x00$q\xa3rC`\xf2\xc9\x8a\xe2#z\xc2\xa1\xb7\xa6\x13X\xa7\xda\xf2\x0e\xce\xf9\xc8\x90\xe5\xdfK\x96\xff\xd3`h*,I\x9a\xa5\x94o[j]GG\xc7!\xa2&lt;p\x1c\n\xbe\x16\xf0\xac%\xdf.\x8a\xcd\xd13\xbe^+\xa7W\x1a\x00\x00 \x00IDAT#\x88\x88\x88~o\x1516\xb2\xa3|\xa0 \xf5:ZRv\xca!\xc9,s\x91\xb7\xe4\xc9\xd5[F\x94B\xf8\xfc"\x8d\xdfb\xec\xfd\x9cd{\xec\xe7\xac\xa3\x8e\x0e\xf05c\xa9\x00\x9bh\xd3jKEuJD\xac\x8e~\x15\xe5\x1eea\xf3\x86\xc4.\x16\xd6\xdb\xd8p\xeb\xa0S\x07\x92C)\xf9"P\x95D\x02\xb3r\x86d\xd7 \xc2),\x95j\x9fmMs\xe3Fb9\xc9\x06\xc7\x1a\x0e}\xfd\x9ai\xe6\x00"\xe0\x92k\xac\xeb\xe8\xe8\xb0\xa1"\xf2\x1a\x85\x1a\xc2\xca\x01`Y\x82m\x18^\x81\xb7\xad\x960\xe3\xd5wcG\xff\x17\\\xb52WK\xa6UW\xa4u\x15q\xda\x1f\xcc\xd7\xe3\x1d\xa4(}"\xa7xNR\xc0\n\x90TpyU\x92/!\x12\xe6x\n\nM;d\xc4\xb6hf\xb7\x0bV\x06\xb1\x84\x1f\xee\xdd\xe7\xb5;?V\xdato\xcf\xf6$\x8b\xaf\xd1L Q}\xb3\xe9\xcf\xe7N\xba\x8a\x0b\xf7b\xc9\xf5\xdaJ\xc2%\xd6\x8c\xd9~\x02 \xaaPM\\\xd5\xa5\xd6\xb9\xaeJ^M\xb9\x1c!k\x85\x1d\x1dG8\xda\x85\x00]d}\xb4\x9a(\xb5\x87ooS\x0f4\xa0\x05\xbe\x0f\x0e\x13\x15{\xa6"\x8b\xa0u\x9d\xaf\xf8*"X\x14(\xe2\xb6\xb0\x81\x93\xb2b\xeb\nQfe\x95\x16gd\x1c~\x8b\xf0n\xc1`\x85u\xd1Q\x07\xbdzX\xd7\xa1\xe5\xa1\xd5\xe7s.]\xaf\xbd9JU\x93\x10:\xd2\x84\xc6\xcd\xa5\xe1\xd6g\r\xf2\xf2\xee\x12\xdd\xfbnQ{r\xc5i\xb5D\xd1\x9e)z\x0f\xaf!"\xbae\xd5\x02GB\xe3\x96J\xc2\xca\t\xc0*\x94x\xacB\x90\xc4Y\xa6\x1d%;\xd8\xf7\xfbvt\x1c=\x90\xe2H\xf4\x1d"Z\xaec\xfe\xc2\x0b\x88y\x97[*\xd0{\xb3\xa5\xed\x95\x9d\x93\x84\xe1E\xff\x9e\xeaV1\xe1\n\xa0\xb7Jq\xc8!`\xbc\x0f\x8c\x0e\x98^\x0bJ3\xaf(\x81\x8f\xb5_\xb9\xb7\xe0"D\x1fj\xa4\xd7\xafQI\x9f\x13\x15AP\x1f\x00\xe0\x83\xc0E#\x0f\xcc\x1f\x97\x98\xaf\xafxI\xbc\xd8\xb7\xd6}{\xc1\xf2\xe1\x1bI\xb2QT\x94i\xf8AM_\xf0JC\x97\xbc\x8b\xd7\xccg\xc66\xa6O\xa4\x05!+\xe5\xcc\xb6 \x17\xdd\xfd\xd1\xf4"\xcfA\xc3R\xb5\x0e\xf7\xe3\x03&gt;\xd2\xb8\x91K?\xe6\x10\xb2H\xaeN\xd3\xc5mS\xce\x95\x94C\xb9o\xb5\xf7\xe2k56SC\x82$\xd9\x8f\xb5\xd9G\xe3Q]\x9a\t\xca\xb5\x8b\xc6\x18\x19t\x85\x1e\x1fk\xb9\x98X\x17\xfb_6]\xfa\x08\xb21\xd6\xf5\xef\x00tt\xec\x07C\xd3=1\xb7\xd4\xe0\xad\x16\x8d;\xd3\x08\xeer\xd1`|\xaf\xb9-\xb2\x04\':\xa2\xc8.\xedS\x97\x81\xe4\xd1\xff\xa2c\x9f\x98\x06\xbe\xc0\xe8\xd1\xbf\x9b/\x10\xee\xb1\xd3\xd1\x7f\xa0\xec\xc3\xb1\x8a\xfa\x17\xedO\x1f\xb7\x07\x00\x17\xf7\xd1r\x11\x0c\xea.\xc6)\r\x06/\xc9\xab\xa93\x8bO)9\xc1*\xf6]\xff\x9aX\xa5?\xf5\xbe \xe0\xbb\x91\x1f\xf1\x8b_\x1a\xf0x\xf8\xe7Dh\xa4F\xc0\xb3\xd4\\uX\xd5\x005\x89\xaa\xd4\xf1\xa5\xe3~\x06\x9blFR\xf4&gt;\xfe\xe5\xcfE\xe8I\xe6\x8b\xe1$\xd5\xd3l{\xb4qo0N\x17)\xfc\x8d5\xe7\xaa\xcdH\xf9\x98\xaa\xff\xf4_E0q\xc1\x87a\x92\x9b\xc0U4\xd5-\xa6\xb4E\xed\x80\x92\xf4\xb9\xc84\x864,\x8eZ\xc2\xc5P\x11+\x1b\xa2\x8bP\xe3\x7fm\xea%\x10\xb3\xb0u\xd7-%\xd2\xd1\xd1Q\x0e~\x9fNx\xfc_H\xacI\x03\xfeq\r%v\x874?R(4\x99\xb5\x17/\xdd\xb2_\xbf\x1c\xe1\x8d\xb2|\xdf\xea\xc5|\xc2Y\xd7\xbe\x11\xbf0\x0b\xd75m2\xe2\x89\x8b\xc0Wa\xa9i\n\xa5\xa8:M\xea\xec\xd4\x14\xf9\x8bv\xb1N\x06z\xb7CZ\xa9eJ\x8dt53*)\xca\x9c\x15y\xeb\xb8B\xe7S\xa5%\x1bV*S0l\xe1\x85Q\xb9\xf7_\x16\xe7\xc9\x0e\x1e\x13\xf1\xa1\xc9\x89!\x17\xe6\xa4\x15Z\x9a:g\x8d\x7f.Z\x9c\xa3]\xb9\x84U(S\xd3\xca\x8e\xc2\xe4`sZ3K\xab\xc1\x93\x9f&lt;FD\xbf\xc1y\x86\xb3.J\xb0\xcf-\xf8\x8e\x8ec\x05l\xecp\xce\xe9[{\xe1\x0e\xa6v:\xa5fQ!\xb7\xf1:\x06\x88\xeae\xef\xc4\xb4ATj\xf1\xde\xf6\xfa\x89\xc8\xa0}\xf2C\xc1.\xff\xc1\x1fc`\xce\x95\xf9\xe5\x12}\xd6&gt;\xb9\x9e\x88\x8b\x8f\xd0\xf0\xc9\xaa\x98*\r$&gt;\x8f\x84\xdd9|\xde%\xf3U\xa3i\x7fJD\xcdd\xe6\x1a\x1d\x8d\' &lt;]\\}\xc8\xcb\xb6\x13f\xe3\x8f&gt;\xc6\x92\x0b\x97\xc9\xa7$\x1e~P&gt;e,::5g\xa5\xc2\xc1\xc9\xad/K\xc9O?\xec\x9a\xb8\x8f\x01\x17\xcc\x10\xd3E\xed\xea\xe0\xd9\xa8\xd3\xfb=\xee\x04\x95\xb3d\xc1\xc9\xd8$c\x05lV\xcf\xda\xf7\x15\xccy;\x99SL\xe1f\xbe\x97\xe0l\xc0\xe7\xc05\xea~\x04\xa8\xa3cs\xb8G\x87\x7fN\xfb\x80\xc6\xf8\xe5\xdc\xa5\xe2\x0b\xb5_b_D\xb0\xbf\x06:\x00\x04K\xe1\xdeM\xc3r\x08\xf3\xdc\x02\xb31\xb9\xf7\xa0:\xae\x94\xfc\x92h\xce\x85\x8aE\x1f\xe6\xa0\x7f\x01\x11\xc3\xd1\xafO\xcb\x9eP\x92\xca\xa6\x00\x1bl_\x048\xc3\xacj?\xabr\xe3q\xbb\xb9\x15\xeaC\xe4:\x15\xedf\x14Y\x02n:@\x18\xa8\xe7\x8eNqy}MC\xd1\x1bJep\x9cs_\x00\xfe#\xbaX\x02ye\xf6/\xc5\x99#s\x1e\xce\xa8lj\x1a\xb2K\xedeM\xc2\xef\x86\x9c\xfe\xdci(\xa0\x0bz\xe4\xd8\xe5jaIxNF\xe54j\xb1,^\x8f\xb5\xc5\x0b=\xe6R\x19j\x0f_\x8c\xce\xc1\xb9\xb3\x9a\xa8\xd8t5\xe8n\x19\xdd\x05[\n\xa9\xeei\xf8\xe0Kx\x7f\x92`V\xf5Y\xe0R\xb3\x1cw\xc3\x15\xc7J;::\xda\x81\xdd\xdc\x1b\x835\x1f\xca\xb9\xbck\x14+\x9dYB)\xd5\xab\xa9\x16m\x9b\xb3\xff\xec\xa1l\xaa\xc2s8\x9br/$\xb7\x82\xa1F\tu2\xc5O\xcb\x89\x1b8-\xc3d3\xbd\xadP\xc6G\xf3\xf3J\x16im\xdfP\xfe\x9a\x82\xf8\xac\xb9\xfa\xc9\t\xa3\\\xcfP\x98\xe7I^^2\x8d\xf3\xe4)\x8d\xa4\xe2\xc5\x14\xddR\xc9\xee\xac3\xa2{\x9a\xac\xc5\xaem\xc1\xab\x9b\xaf\xf0\xb6\'\xa7\x83\xceC z\x03w\x92\xcdKf(\x86\xad\x02{^l\xb1\xf6\xc9?7!\xc2\x17\x08W\xc8\xd4\x81\xc8\x0f\x07\x15\x15;:\x8eA\xf0\x01nU\x90\xaa\x8dbB\xa4\x10SI\x99\raE1j\x97!)\xd2\x9b\x90\xb1x{\x85\xf6\rd\xae\x91_3m+M\xdf\xc2\x93z\xcd\x11\xf5\xbe{*\xd3\xfdv{\xa1\x132n\x89j\xe3\x06DR\x07n%\x7fM\x05\x10e\xc5\xd2\x94\x84\rh\xe8\xba\xb0&lt;\x0bNZ\xba\x94\xc9\x07\x03\xe7\xd7\x11^8,\xf8Ua2\xbcdH\x0b\xfd\xbf6\xf1U\x9e\xf9\x80w%\x05\xcaV\xfb\xc0\xe7\x89\x90(\x98\'6\xe6\x9f\x19\x88\xd2?cm\xdc\x90\x980\xc9\xaa\xe2\xf6\xf0\xdf_s\xfc\t\x18\xbf\xb9FD\x9f\xf5"\xcf\xe7\xf6\x1d\t;:\x8eu,-\xf6SaS\xbc\xba\x1a\x9e\xe4\xc5\xda\x8d\xc7\xac#g6p\xd8b\\\x9c&gt;\t\xdc5|\x1e\xaa\x19\xcb\xaf\x1e1\xfe,\xe8\x12\xea\xd1\xc4d\x9b\xec\x02\xda\x9f7$\x8e$\xbfEM\xafyr\x9d33\x05\xf4X\xb5\x14\xcb=\xd3\x16I\xa1\xb3|\x08\x9fj\xe77V\x02\xef\x90\xb7\xae\xb1\xec1%\xa3\xde\x15Fd\xe4\xe8z\xc3\xbc\xab\xeb@"\x90\'V\xc8\xa1\x95\xd3\xf8\x80\x10\x8f\x0eM\xba\x8d\xea\xca\x192:\xb3\xf5&lt;M\xcfHP=\x9c\n\xf1\xf1\xc8p\x94\xccy\xa3\xd0\xd2\xea\x8c\xc5\x08\xbe\xd7\x0e\x10\xee\xcb:\x84\xa4\x95\xc7\x8e\x8e\x8e]A\x8d\x0bL\xdc!\xc2w\xac\xa3\xae\xcdH\xb7\x055\xe0|9=\xb0\xda|+t\x96\xad\xfd\xc9\xf5\'k\x85\x97}CW\xa1eI5o:+\xa9pg\x99\x90\xe7p\xab}\x1cU\xd1\xd2\xbc\xe6\xb5\x04V \xd5\x1b\xf3oD8^\x04\r\xe5&lt;\x9d\xdd\xecZiW\xc8\xf0\x1a\x06\xff\x17\xcb\x9f\xa9\xaa\x0e\xc9j\xae \xa0\xe2\x8b\xbe\x0fYg\x06z\xdf\x9b\xe1\xdfl\x02 \x08!i\xa7B\xcd\x12\'d3V\xaf\xe0\x04\xea\x9eX6\x01\xd0\xa1P\xcaf\xc9H\xb6\x97\xc8#\x88\x88\xbe\xb9\x97N9\xef\x9f\x8e\x8e\x8e\xfd 3r\xcd\x860&gt;Ca\xae\xfdb\x1f\xc1\x88\x8d\xf8o\xe4"\xe3\xd5\xda\xfas\x8b(\xdc"\xbeO\x89\xbd\xf4\xebL\x16\x87\xb9m\xcazaK\x00\xe1\x8f\x99\x05\xf5,\xaa\x8cj\x0c\x86O=\xe1"\xdb\x8d\x1f\xa0-3\xc2\xce\xa6l\xbeQ\x99Wwc\xc3\xd2\xf4\x88\xcd\xee\x15\x98\xd8\xc93\x0b\xdb\x95\xbc\xc2r\x8f\xd7\\2\x9b\x15\xf2X\x9f\xa7\x8a\xc0\xc3\x17\xac\xa0\x99-\x1a\xbe\\S!\x96\x08\xc6\xe7}\x9aQ\x91\xc5:\xe0\x81V2\x9b`R]bB\x7f\x10\xb8\xa3\xe3H\x04-\xff\x1e\xe8\xbb&amp;c\xcc1h\xb7\xefS\x9b?\xbd\x89\xf4m\x83\xcb\x8bV\xc2\x00\x19\xbe\x12\x87\x82\x94\x00I\x9fk\xcdu\x14\xf2[\xe7\x08\xf8"p\xe6\x8c%\xb2\xf8\x82\xb7\xf8yR\x9cs\x1b\x14J@s\xc3o\'\x9b\xbbe\xb3i\xa3D\xf7\x13\xc0w[r\x8e\x98\x86|\xee\x01\xfc-\xae\x0cz\xa3\x9f\x00\xc6\xd7nFp\xcb?l\xf6\xff\x03Nb\xe0\x9b\xd7\xca\xbe\xabqnj3\x0b\x07PY\x05\xa8\xae&lt;s#\x9f\nq\x8b\x8a7\xb1s.\x8a+.NQ\xd0$OK\xf4\xf5\xe8R\xc5\x97z\xa3Z1X\x1f_T\xde\xf4\x8a\x1c[\xae\xde\xb9\xe7\x83n&gt;\x0b\xcfsVk\x11\x11\xc54\xf4&amp;^V\xc4,\x7f\xff\x83wj\xee\x82\xaf\x83\xa3\x84U\x1b\xcc\xfb\x18\xf1\r\xe7\x00\\\x16\xf8\x0f\xf1]\x7f[\xd2\xea\xe8\xe8\xd8\x16\xd3\xf0to\ry$\x00\xd3\x0b\x95\x0fv\xba\xa2\xf4L\xcb\x10\x19\x80\xbb\x17\xd1\xa3\xbdd\x90:T\x16\xeb\x8b\x89UQ&gt;\xd6\xe1\x996\x9c\x03\x8c\xa3\x0f\x13\xb1e\x1cU\xa6\xc3\xbcPj\x1c\x8a\x05\xe3\xa1v\xc3\xc7\x94\xa7\xfe\x0ex6\x8d\x9av\xcbY\x16\xa7\xb5\xe8\x9b\x18kj\xe66a-;C\x10+\xa4\xb8\x8c\x1a\xbes\x91\xd8\xeb*\x19M\xa0\r\xc6\xe6\xc0F\xb6\x01\xf7\x00\x1e\xa7\xe9\xa5\x1f\x11\xfc\xd7\xc6Gs\x8c\nc\xd9\x8f\xdb(\x0c=\xbdA\xc6\xd3\x11\xbe:\x96\xa6&lt;\x04Od)\xcd\xd01s\xa7\xda\xaax#\xa2\x97\xac\x93\x90\xc3\x9a\x85\xa1\xfe\x1d\x80\x8e\x8e#\x17\xf3\xd4\x7f\x8b=\xc7\xbc\xccY\xafM}\xe5\xeb\xb7w\x00?:K\x91\x9a\x80Ox\xa3\x7fD+.{:dY5\xf8\xdb\xb8\x14\x86]\xe8\xc1%o\x9a7\xa0\xa5\xc3\x12\x83\xe7\xca\xbcWT\xe1k\xce\x00-\x94V\x15k\xeb\x86\xb9\xbc\x9a\xdf\xfc\x9e\xfe\x95\x08\x16\x89\xe7\x0f\x98\x98QHl\xfb6\xe4\x9d\xc0\x12\xeeO\x07|t9\xa2\x1b\xcc\xaf\x8c\xff\x1f\xe1\\\x86\xbb\xaf){\x9c\xcb\x9a0\x9a\xe5.xlN\xc3\x89\'\xd3\xdc\x130T\xc1!X\xba\xd7\xd6\x8cn\x93\x1c\xe9\xeb\xf6\x85"\x08g\x08D\xf8\n\x963Y\xde\xf9\xac\xd0\xbfs\xc3\x11\xaa\xf1p\xe1\xb81\xfe\x07T\xe6m\x82\x8a\n:\x8c\xfe1W,9a\xa9\xe4\x19\x83Q&lt;\xaeS-\xb5\xa3\xa3\xe3\xd0QqNq+\x02\xbb=\xf8\xb8\xcb\xd7\x1a\xf0G*=\x9fk\t\xda\x16\xd0g\x18\x99Ubyz\xcd\\\x9a7\x7f\xb5j\x81?\xa3\xf7\xb2F\xcfo\xe0\rc5`\xd2\xac;\xac\xaf\x92\xa7\xdf%\x02\xbe\xe5\xab\xce\xc8Y(m\xdc\xe8&lt;\x0f\xfc\xf96\x8b\x1azA\x08g\xdc\x99\xdb\xd34w\xf6\x89\x97\xf8\x92\xa6\xfa\xc3\xd6\r\xb9,\nm\x93\x84\xff$IY\xb6\x0f\xe0\x85\xd5;\xef\x1c\x83\xbd\xc5F1adb[\xb5\x92 \xf1Y\x1a\x14E\xbf\'fVi\xb2\xfb\xb9\xa3\xa3\xe3\xc8D\x93\x90\xd7\x8c\xc1\xceT\x0b\xfd\xc1\xee\xf4z\xf6\xbe0\xdf\x0b5e[)s\xe9\x0f\xf8Qr[g\xa6\xc2\xff+\xda.i\xa5Z\xdb[\xa8\x11\x1e\x16\xeeZ\x9f\x08~&amp;\\\x9b&gt;\xaa\x8e/\xd7\xf8$\xd6\x15Z\x11\xc8\xff\xd9\xbc\xae\x8c3\xedlm)\x17EgmT!\x89\x80\xabE\xc2%&amp;\xd9\x04OOK3I\xe6y^\xa5\xc5aU\x95\xe3E\xea\x16]\xb6I=\xaf g\xcc\x95L\xcb5\x99\x9c\xbd\xb7]\xc5r\xf5T&lt;\xcf\xd0TL&amp;UC0T\x14\xa5\x99\x0etG\xbe\xa3\xe3\xe8\x02}\x93p\x1a\xc4\x87\x17\x01\xacj\x83B\xa8\xd8\xc7#\x01\xc3\xf9\xfe\xff\x03N\xba\x0be\x93\xdd;\xb6\xd4\xf7\xf7\xa4:\x1f\xae\'\x8e\r\xa9\x12\xf0d\xe07\x0b2\x18:\x95\x96\xceL\xf4)\xee\xda\xa0\x10\x17-\xce\xdd\x1e\xf8\xc7\x8a\xbc\x8dXe\x1c\xbf\xea\xb9L/\x8b\xbb\x13\xf0\xf7NQ9\xeb\xf1&lt;\xe3?\x02\x1e\xddZXE\xd2B\xc2\xbe\x9fu\xaa\xd6r\xe7\x9aX\x05h~\x0e\xc5\</t>
        </is>
      </c>
      <c r="E497" t="inlineStr">
        <is>
          <t>&lt;class 'numpy.ndarray'&gt;</t>
        </is>
      </c>
    </row>
    <row r="498">
      <c r="A498" s="1" t="n">
        <v>496</v>
      </c>
      <c r="B498" t="inlineStr">
        <is>
          <t>steps_per_sec</t>
        </is>
      </c>
      <c r="C498" t="n">
        <v>5600</v>
      </c>
      <c r="D498" t="inlineStr">
        <is>
          <t>2.6014524</t>
        </is>
      </c>
      <c r="E498" t="inlineStr">
        <is>
          <t>&lt;class 'numpy.ndarray'&gt;</t>
        </is>
      </c>
    </row>
    <row r="499">
      <c r="A499" s="1" t="n">
        <v>497</v>
      </c>
      <c r="B499" t="inlineStr">
        <is>
          <t>Loss/RPNLoss/localization_loss</t>
        </is>
      </c>
      <c r="C499" t="n">
        <v>5600</v>
      </c>
      <c r="D499" t="inlineStr">
        <is>
          <t>0.111014776</t>
        </is>
      </c>
      <c r="E499" t="inlineStr">
        <is>
          <t>&lt;class 'numpy.ndarray'&gt;</t>
        </is>
      </c>
    </row>
    <row r="500">
      <c r="A500" s="1" t="n">
        <v>498</v>
      </c>
      <c r="B500" t="inlineStr">
        <is>
          <t>Loss/RPNLoss/objectness_loss</t>
        </is>
      </c>
      <c r="C500" t="n">
        <v>5600</v>
      </c>
      <c r="D500" t="inlineStr">
        <is>
          <t>0.004714694</t>
        </is>
      </c>
      <c r="E500" t="inlineStr">
        <is>
          <t>&lt;class 'numpy.ndarray'&gt;</t>
        </is>
      </c>
    </row>
    <row r="501">
      <c r="A501" s="1" t="n">
        <v>499</v>
      </c>
      <c r="B501" t="inlineStr">
        <is>
          <t>Loss/BoxClassifierLoss/localization_loss</t>
        </is>
      </c>
      <c r="C501" t="n">
        <v>5600</v>
      </c>
      <c r="D501" t="inlineStr">
        <is>
          <t>0.1678208</t>
        </is>
      </c>
      <c r="E501" t="inlineStr">
        <is>
          <t>&lt;class 'numpy.ndarray'&gt;</t>
        </is>
      </c>
    </row>
    <row r="502">
      <c r="A502" s="1" t="n">
        <v>500</v>
      </c>
      <c r="B502" t="inlineStr">
        <is>
          <t>Loss/BoxClassifierLoss/classification_loss</t>
        </is>
      </c>
      <c r="C502" t="n">
        <v>5600</v>
      </c>
      <c r="D502" t="inlineStr">
        <is>
          <t>0.043857284</t>
        </is>
      </c>
      <c r="E502" t="inlineStr">
        <is>
          <t>&lt;class 'numpy.ndarray'&gt;</t>
        </is>
      </c>
    </row>
    <row r="503">
      <c r="A503" s="1" t="n">
        <v>501</v>
      </c>
      <c r="B503" t="inlineStr">
        <is>
          <t>Loss/regularization_loss</t>
        </is>
      </c>
      <c r="C503" t="n">
        <v>5600</v>
      </c>
      <c r="D503" t="inlineStr">
        <is>
          <t>0.0</t>
        </is>
      </c>
      <c r="E503" t="inlineStr">
        <is>
          <t>&lt;class 'numpy.ndarray'&gt;</t>
        </is>
      </c>
    </row>
    <row r="504">
      <c r="A504" s="1" t="n">
        <v>502</v>
      </c>
      <c r="B504" t="inlineStr">
        <is>
          <t>Loss/total_loss</t>
        </is>
      </c>
      <c r="C504" t="n">
        <v>5600</v>
      </c>
      <c r="D504" t="inlineStr">
        <is>
          <t>0.32740757</t>
        </is>
      </c>
      <c r="E504" t="inlineStr">
        <is>
          <t>&lt;class 'numpy.ndarray'&gt;</t>
        </is>
      </c>
    </row>
    <row r="505">
      <c r="A505" s="1" t="n">
        <v>503</v>
      </c>
      <c r="B505" t="inlineStr">
        <is>
          <t>learning_rate</t>
        </is>
      </c>
      <c r="C505" t="n">
        <v>5600</v>
      </c>
      <c r="D505" t="inlineStr">
        <is>
          <t>0.03986696</t>
        </is>
      </c>
      <c r="E505" t="inlineStr">
        <is>
          <t>&lt;class 'numpy.ndarray'&gt;</t>
        </is>
      </c>
    </row>
    <row r="506">
      <c r="A506" s="1" t="n">
        <v>504</v>
      </c>
      <c r="B506" t="inlineStr">
        <is>
          <t>train_input_images</t>
        </is>
      </c>
      <c r="C506" t="n">
        <v>5600</v>
      </c>
      <c r="D506" t="inlineStr">
        <is>
          <t>[b'1024' b'1024'
 b'\x89PNG\r\n\x1a\n\x00\x00\x00\rIHDR\x00\x00\x04\x00\x00\x00\x04\x00\x08\x02\x00\x00\x00\xf0\x7f\xbc\xd4\x00\x00 \x00IDATx\x9c\xec\xbdu\xfc\x7fIU\xf8\x7ff]\x04\x14XBJJArU$\x96\x90\x96.AB1\xf8\x12\n\x92\n"b\x10"\x88\x01_R\x01A@\xf1+\x02")\x88\x84H\x89\x02\xea\xd2\xbbtJHH\xf8\xa39\xbf?nMw\xde{\x9e\x8f\xcf\xbe\xf7\xfd~\xbd\xee\x9d9s\xe6\xcc\x99s\xa7.\x00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r@\x9e\x88{\x01B\xef\nK?\x91L\xe2!8\x94\xc3\xe5h\x92D\x93\x82\xe9sS\xda\xa62Z%W\x92I\xcb\xcd\x9d\x82\x92\x1dJ\x92\xd4\x05\xc3\x95\x80\xdb]\xa6\xaaD\x84_\x9d\xeb\xda]\x83J2\x00/P\xbf\tI \xa8^\x0cE\x00\x84\xb3! \xc2C\xbd\x12\x97\xef5\x88\xe4T\x85\x7f\xd1&lt;l\xc6;\xeb\xa0\x02F\xa5\xb1J\x1b\x9d\xbe\x07\xf7\x9a\x95o\xd3\x95%/\x04@x\xd8\xf2\x15"\xc0;\x9c\xc5\x84_\xf7\x15X\xbeq\x11u5\x18\xbd\xe4\x0e\xe5x\xb5\xafP\xf1\xda\xb9\xa3H&amp;\xb1\x7f\xa5\x94]\x05\xc8\xa0\xabe\x828\x10\xcc\xf8\xcd\xd4\x18\x98\xf9\x82\x8e\xd0x\x0c\x16"\xf9Y\x10\xbf\x02%\n\x8b\x93\x86_\x82x\xb3\xe4\xb4\x18\x03[}y\n\x848\xa7\xa2/\xac\xaf\xef\xe5\x85\x91\xee\xb1\xca\xe9H\xdf\xab\xd6~\x0e\xf1\xaf\xbd\xaew\x16\x86}\t\xe0$G\x8e\xba\xd2\x01W@\x14\n\x8b\x886\xf5j\x92\x07\xd8\xfa\x1dCq\xcc\xd7 Z3B@x\x00\xc0\x1f\x85\xc4\x08\xa1*\xd5Z\x82-\x11?\x13\xd3\xa6P"2\x98\xf21%\xec\xefF|d\xfbo\x80\xf3\x98\x13\xf4hG\xc1\n0\xc9\xefn\x1a\x00\xc0\xdc\x11Q\x90\x9b\xf5\x97\xc2\x94\xfb\xa2\x13\x9c\x1fim\xf28]\rX\xdd\xa9p\xbbp\xdd\xf4\x87A\x00\xe1*Y9\'#\xbe3\xc49l\xc2\x08y\x8b%c\xec\xf7\x01\x1e\x18\x9c \xca\xc2g\xe9_\xdc\x19\xfbY\xb0\xce\xae0\xa7x\x069\xd2\xec\x99 \x06\xc3`\xeeS\x1c3Lc@\xce9\xf4)sj\xe8\x92\xcb;\xdbC\xb4 )\xd9\x8f\x01\x9c\xaa\xef\x02-\x96c\xcf\xc2\xb3\x98\xe7D\xfc&lt;\xb8\xfbQw\x94\xe3a\xe1\xd6\x90W\xe8\x93\xf8+=\xdb\x8e9\xe6\x13\x83~&gt;\x04\x08h\x95\xfct\x81\xef=\xe1\x0f\x00\xdc\xf5\xa7!^\xd2)\xa1\x97\x95-\x89\xf0\x1a6\xc7\x8bg\x00\xf8\x16 \n\x8a\xd2%\xa8\x1b)\xb8\x14\xc0\xe9\xfa\xaf\xc0_\xdb\xe62I\xf9\x06)\x87q\xffEx\x10s\xac\xf9f\xc4S\xdc\xb7/\xf7\x9a\xb2N\xef \x8c)\x9b\xeb\xf1\xef\x01,\x83)\xf6\xc79\xdd\xf5\x89E\x98K0\xa9\x9a\xf3\xae`\xf0cSW\x95\x94\xe9\x96\x0b\xc4$\xe5oH\x05\x02\x00\xff\x01&amp;\xf9\xd1w\xfa\xb8\xa8(q\xfa$\x88q9A\xf7!&amp;\xfb\xa8\xca0`\x0c\x80U\x8f\xfe\xfd\xa7_\x19c\x8c\xb1\x97Z\xaf\xb0\x7f\x95\xbdh\x17L\xbc\x1f\r\xd1\x7f\x12/\xf4\xba\xea\xf3\x8c%\x1a({\xa4\xab{3O\nsS\xfd[\xac\x11\x11\x9f\xe9na\xca/\x00\xb2\x91\xa9k!L&lt;li\x14\x0f\xd5~}n\x00\xc6\x80\x9d_+\xdaT\xbc;\xb9\x04\x16\xb9\x14\xf3\x08\x1a\xdc\x15\xb7%\x82\xf0\xf4e\xdd\x85m\xb4\xf8[l\xbe\xc9\x90\xf6\x92\xa0\xee\xa1\xf74\xb0\xea\xd0\xabZ\r\x8f\xc1\x11!\x94\\\xef\xab\xb1\xc9){%f\x1a\xdfqG\xff\xced\xca\r\x0f\xd9\xbd\x9dc*5t\x1dG\xea\x9c\xd2\xe4\xd8gw\xc4\x16\xcc\x05Hu\\\\\xc6\xbe\x9d\xb4\xb8X(\xa0\xbc\xdc]y\x88Uv\xfe\xe8\x1f\xa6\xca\xeau\xbc\x90 \xea\xa0\xb1\xffs#~f\xa4\xe1\xfff "{;\xc0e\x03\x14e\x1eK\x03\xed\xf4\xae\xf0U\x0e\\cT\x19\x16Y8\x04\xb6\xe6\x90w\x0c\xc6\x92\x953\xa3\x80q2\xc7R\x84\x80\x0c\x0c\xe3^r\xc7\xc9\x96,\x91\xff\xc4j$F\xc3\xfb\xd3e1\xf6\x96\xd4\xe7\x10\xcf\xa5He\x8e\xbf\xc3\xed\xd35\x0b\xa4\x19\xf2\xb7\x0c\t\xbf\x12\xe0\x06\xae\x85\x1f\xee\xc1lc\x10\x1f3\x93\x03\x92Z\xe45\x1bk\x9e\xc6\x94\x98y\xf9\xcdj\xba\xf1\x93i\x1a\'\xa3IP*\xfb\xbcz\xb0\x8c;Z\xb9)\xc0\xcb\xd8\xe7\x00\xce\x15\xe7\x88,z\xb3\xdc\x02\x00\x00?\x0b\xf0\xec\x98,\xbbg\xf3\xf9W\x04\xb8\x18\xe0s\x82S`\xb7\x04xQ\x86J\x8f\x9a|(\x12\xfd\xf3&lt;\x17\xf1\xb6s\xa6e3"\x88!\xc8?\xb0\xdb\x04n\xe4\xa3T\x0e\x11\xb7\xa8X.J\x1714eY\xb6y\xf0U\xc3O\xe8&gt;\xf4\xeb~\x11~W\x9ff\xd6\xd1&amp;\x07\xfe\xb7{$\xe6R\x82\xfcI\x98&lt;^\x99FiC\xaa\xdf\xc0\x82N\xf9\xa26\xa7\xb8\xe2\x98.\xb4\xeb\x80S\xaf#\xd9\xa0\xa2\xd9Ka)\x91T\xdd~\x89\xaf\x03\xb4\xbf\xee\x14\xd6\x92\xf4\x1fr\xbf\xdf\x1c\x11^\x8a\xaf\xd2\x19\xa4\x98\x9a^{\x9ee\x0f\xd3\x8c\xf5\x92\xab r\x93\xd2\xc6\xe2[\xe0&amp;\xaf\xc2\x9b\xadmG\xf2]\xc5\x94\xbd99\xfc\x96\xccHe\x91\xb62_J\xba\xc6\xac\x9c\xac\xa2\xf8g\xe7\xdb\xa7d\x90\xabp.\x04\xd1\x1dC&lt;\xefF\x8d\x01p\r\xba\xb7\xd9\x8c\x1fD\xfc \x00\x98\xc7\xa1\xb1\xc0`\x1b\x9f\xbc#\xd9\xfb"&gt;ZX\x7f\x0c\x00\x00\xe7\x06\xf8\x8c\\\x15\xf1;\xc94\xfe\xf6/\x00\xeeTe\xf8\x7f\xc2.*\x7f{\xd0\xb0\xe2U\x00\xfe\xcd8t:\xfd\x1d7\xd8\xec(P\xd0\x88\xaf\x92i|\xf7\xa7\x1d\'VEZ?7\xad\xd26MIM_\xea\x92\xd7\x88a\xfa\xda9\x03\xa0\xbf\x0b\xf4\xcdS\x87\x900\xaf\x13K\x8e\\\xfa\x88\xa8\xb68\xdb\xdd\xa2\xda\x85\x16mV\x02(\x1a\x96]\xab\xa9\xfa\xe2P%1\xab\x14\x97\xa9\x0f\xdd\xb7\x88\xab\xacv\xd8j^LhhKY&gt;\x8dx\x9e\xf5\xe2gHK\xdc\xbc\x89\xdb\x19"\xea\xd3\xe5\x84\xf3\x81\x88\x0c\x00\xce\x06\xf8%\xe1sN\x9c\xe7"\xfe\xb4=\x91L}(\x82\xc7B ~+\xd4:!VZ]oA&lt;\xa5\xb38\x81 J\xa3\xf7\xc5\xe9\x1b\x95\xe2x:\xe2\x9d\x95U\x10\xb6\x8e\xc1F\xf4\x8d5@\xc4\xee\'\x1c\x11\xe0\xfa\x00\xaf\x92&gt;D\x04v.\x80\xcf\xaf\x7fo\xdf\xf9\x95Hs\x00E\xc8\xed\xbeh\xc3 )\x94\xb7Dxr$d\x90Y\x97\x851 \x0e\xba\xd1\x88.E\xeeV\xe3\xf3\xa45\xc7\x84\x07\x80\x17\x00\xdc\xca\x18}\x1a\xd6\x96\xe8\xe5\xf4\xc2X\xfc\xd3\x00.e_\xffc\xbc\xdf@\x90\xeb\x10\x9fp\xbc\x14\xab&gt;\x96\xa8\x9a\xf1\xa8\xbb\xedZ\xf0\x88\xae\x0c\xf7j\xb2+\xf2\x00`L\xd3\xc7]\x7f\x02\xf1\xfb-\xd9\x99\x9efmi~\x0f\xe2\xffZ\x924e\x04&gt;\x8eN\xb3ro\xdb\xe2\x7fG\x80\xbf\x0c\xca\x943\x92\xa8JI\x18\xe2\xae\xbc\x1bxQ\x94\xf1\xa1\xba\x08h?Q\x8d v\x88e\xf8\xb9vc0\xe4\xdbu\x1c\xdf\x07\'\x00|\'\xe0\xf2y\xb0Q;B\xe6\xe04\xc4K\x02\xdc\t\xe0/\xc4\xf1Gt\x0c\x97\x1a\x8f\xed\xd3\x92\xe5I@\x17|h\xe2\x03\xe79\x89\xdf\x068QY\x04\xcf\x0ceQS\xcb\xff\x00\xa0\x8f\xa7\xa7/l\x13JJv\xa0\x0e\xcf\x0b\xdfz?\xf3\x80\xa9\xcf^\x12\x92#!\xb0\x98\xca&amp;\xb58\\j\x94v-\xc7K\x11n\xa2\x97-\xb2R\x02}\xce\x96\xaa\xcf\x84\xc3\xe5\x00NU\x0cR\xd5\x8c\xd7\x03@xlg,Z\xd6\x89Ss\x1b\xd4_\xea6\x0cCIM\xc6\xecQ\x84\x98\xb88\xf6\xf4\xb0\x14}j\xac+6\x810J\xf6\xbcz\x99\xa6\xda\xd4\x0e%\x94\xa4\xde\x9c\x0cAt\x82\xe6\x14\xa0\x86\x8d@\xd7\xc6\xa7N\xe1\x92\xd5e\x19\x88\xb0\xe8\x1fa^\x02\x8a\xc2\xc7\xe0\xb3\x0er\xaa\x86g\x00\xac\xabI\'\xb7\xc9\x98ef\x1f\x11\xc3\x8e\x9f\xc8\xb1\x1aS;\xf4\x18\x00c0\x95\xe9DvC\x00\x00\xf8\xe6\xfc\xf9\xd4\x15\xe9\xba\xa3\xc4.*\xae\x83f\x8bP\x93\x04\xfakt\x1f/\xab*\x8cKl\x8d\xab\x86\x00\x96\xa3N\x84\xd44\xe63\x0f\xff\x9b\xa5\xd7\xe6\xbb\xac\xc8\xe5\x97\x04/V\xab\xe7f\x08h\x8c\xfe\xb5\x1fz\xd6T\xa4!\xfa,?;u{H\xb0\\\xf8,K&amp;\xbe\x99io6.-\nN\x07\xcdk\xdc\x19{\x8foB\xdcY:\xae\xcb4\x9f)\xcf\x8a\xeb\xe7\xee\x8c\xd5\xbf\xedGYy%\x9b{Ayj\xf4\x0f1\xfd\xba\xda\xcckA\x818A\xd4\xc08\x1bK#\xee\xbbd\x9bG\xb6Dx\x96\xaa\xd7.\xc0\x00c\xe8\x19=\xed\x9ck\xb4\x8cKp\xfaB\xfd\xd0\'#y\xa9\xf4\xf6\xf9\xf2\x1c\xe5\\\xdb \xf1\x10\xdd\xd9\x9c\x11\x93\x00~\xa3\xe9F1"\xe0\xce\xe8\xb4%\xa9\x9d\x13\x10\xbf\xd2`\x972t\xc7\x02\xe3\xfe\xf3\xc9Mm\x14\xfe\x8f\n\xaee\'h\x9a(\xb3\xad\xba\xb1k\x18\x00\xc2\x0f\xbd1K(d\xe9\xd94\xe6i[0\x1a\xa1P:\xf3e\x81\x18\xa7\x85S\xd7\xc9\x18\xb3\x82\xb0d\xf5\x0b\xd5\x12EJ\x1d\xa2\x0e\xdb\x00S#\x00\xd0:\x87\xb8\x99\x1c\x82 \x82\xd1\xbe\x07 \xdaK\x07\x8d\xf3\x12\r\x98*\xd6k\xb0m\x06o\xe3\\1\xa3\xf4\xc2\xc0\x87\xa7\xdb\xad\xeb0\x9f\xc3\x9f\'\x0f\xa5\xeb?\xd4.\x84I\xc9h\x9a\xfbp\x9e\xfc\xad-\xcd\xef\xe9k \xb8\xf9 \x00\xc0\xd9\xa4\xcfx81rw\xa2\xe6\x04-\xd1\xff\xf4}b\xc6R^\xba\xd9\x98\xb7.\xdb\x0ffu\xbcH\x1f\x92\xb1\xc7\x8b\t\x0b\x16\xfb#j\xd6:\x17\xa7L}\xf84\x12\xc3\x17\xe2\xb3\x81\xe9\x9e\xed\xda\xec\x81\xd1\x9a\xa8\xce:e\xa3\xda\xc6\xa5\r\xa9\xa1\xf1\x8f$\xd6Fg\xfc:wV\x8e\x1c\x95\xbbd\x95\xe4\x10)5\x85\xfe\xc2he\xfaE\xdbr\xe2\xc5\xa6\x80\x84 lH\x0f\x00\xa7.\xbf\xc449\xe7L=\xd1\x1e\xae\x1bc\xc2\xef\xfcE[\r"\xc2\xdf\x82X\xa7\x9ax\x8b\xff@\\Z$\xa4\xcb\xf8\x9f\xcd\xfb\xa2\xc0~%E^\xcd2\x03X\xd7\xed\xc4\xe4"5\xb1\x87\xf0_)\xed/\xe7@\x9a\xf7x\xb8&amp;,\x9eS\xb8\xbe\xb0\xca\xc7\xbf\x87Ve?i]\xfe!~\xc7\x18\x038\x05\xc4\xa4\x7f\xd2\xf08\xf2\xab\x96"\xbdS\x1e\xc5_\x1e#\xa5\xd5s\\\xd6\xe6\xb1s\xe4~\n\x84T\n\xdb\x1e9\xd92\xa4\x1e\x1c\x9d\xda\xf34\x8d\x0e\\\x16y\xb7\xb0-"\xb4\xce\x17.2\xdfc\xfb,@\xcap\xda\xadZ\x91\x10Zw!\x91\xb8Ftm\x00\x84\x0f\xa3i\x9c\x83\x97\x84\xc1\xb6\x8a\xcf&lt;hQ@\\\x93&lt;l\xb3j\xe5\xab\x90\xda\xe4]\xca\xd37\xddd\x9b\xfa$\x88\xdd!O\xb7y/\x8a\x90\t_\x93@d\'\xfd\xf8&amp;y\xad\xcb&lt;\xc5\xcf4\x1f\xae\x08&gt;\xfa\x1b\x08g\x90\xc6&amp;MR\xd9v\x80E\toMW\xce\xa5\xaa\x89\xf2"\xbd\t\xe0\xc7\rKY\xe2\x16\x9c\xf0w\xe9\xb6\x1e\xc2\xa4\xcf\\\x1d!\xfb}\x80\xdf\x01`_\x028[\x96$\x05\x8fa\x90\xf2\x92\x00\xef\x8d\xa92\xcd"\x1f\xfd\xcc\xcb\xb2\x94\x85\x9b1\x01y&lt;^\xbf\xbc\xc4\xb8\x1cE\x9f\x85\xb5!\xa8)s\x02\xfb\xac\x00\xd1\x95W\x17tG\xd8\xbf\xdc\xea?\x0fx\xce%\x0b\xf3j\xa2\xe5\xdbe\x05\xd4\x05\x00\xfe\xebe\x007\r\xcd}8\xf2/F2\xe6\xa0\xc1\xd7\x8b\xea\x97*\xf9\xdd\xdb\x13~K\x07\t\x82\xd0\xc1\xcd\xedFw\xe9\xd2\xec0Q\x9b\xe4\x1a\x0c\xcbHY\x0f\x00\x00\xf8~\xd7\x10\x94-\xa1\x8c\xf6\x83x\x05A\x1bqYH/\xcd\x91\xbf\xc2\xa0\xc2j\xa5\x8c.\xbbp\xd7\x8f\x01\x00\xc0\xadu\xea\xc4_\xd4~j\xd0\x8c\'\x9bNb\xee\xd6\ncWK6%\x1b\x93B\x84{#\x7f1\xc0mL\t\xf9\xe4\xa9\xcb\xc8t\xa3F\xbc\x84R\xa3\xc68\x1d\n\xf7HT\x7f\xbb]\xab\xda\x19\x9e\xab\x87f=(\xdezN\xedp=\x1a\x94W*\xb1b@\xf3e66E\xa4\x16\x8d \x0e\x005\x95\xfe@\x80\x9b\x05\\\xad\xc4\x10\xe5\x10|\xab\x12\xbd%$\xa6\xb5\xc0\xb3\xc6\x0b\xaa\xcb\xc9\xe3\xc2\xb7:bPM\x07\x13\x19\xab%uT\x88\x88x\x8a\xb3\xf7\xd3\xc1\xa5r\xe1\x98\xdb\xd7\xc9\xf5L\xc8V\xf4\xa8\xed\xab\x0f\';%!#\xefkm_Y\xd31\\c1\x12Q\x15k\xf8\x9e#4\xe4&gt;|Z\x88\x1e\x8c\x02\xaa\xdf-\xff&gt;%\x7f\xe8U\x84\xe7\x87I2\x12n%\xc7\xd4\x85r\xbb\xbeAUB\xb4[\xab\x80!\x8f\xc4\xb1B\xe8UAQ\rA\xb8\xf8\xc1]E\xff\xdaQ\xdb\xe0D\x9ay\x90p?^\xd3\xf5\x0b\xee5k|&amp;%\xd8\xa0K3\xf4"/\xdf\x04x\xa1\xb9\x9bI\x1aX\x8d33c\xb7g\xfa\x82\x1b\xbe\x9d\xfeu\x82Q-\xa9U\x1f\xfcDj\x1a\xcf\x16\xa55%\xfbP\xa5\\k4l\xc8\xceO\'!%\xd8\xb8\xa0\xae5\x85\xa9\xd4\xab\xd4\x9a[\xdc\xb9pVz\xcc(m)\xfb\xbd\xd3\x12\xc8d6\xc9\xd9\x8b\x95\xe8\x14,S\xa5\x9b\x9b\xcfa\xed\x8a &lt;\xd96\x01\x7fh?\xeb\xe4\x90\x1f\xa3LH\x85\xfb\xc5\x99\xce\x97s:\x9a\x88\xb4\x96\xad\xb5\xd5+19CId\\~\\F\xd2\xf9\xe3+\xb8rc5\xdf\x10`\x11\xed\x16\x86[\xd3s\xcfSw\xf3\x1eNCb\xdb\xa6\x9f\xb0-\xb8Q\x92,\xc2l\xff&lt;\xee\ni\xb3\xf62\xc4\x85C\x06\xdd\xf9\xa6\xf3\x10e\xe30\x18V\xef\xfb\x88\x87\x00\x08W\x0c\xab\xa7\x1f\xe5~\xff\x98v5Q\x88\x97\x880\x10\xdf[8M\xefj\xf4I\xe4\x96\xee\x07\xa1\xc7;.0\xa2\xf1\xf7\xd5z\x00\x83\xed\xa2\xedK\x01\x06p\x89\x0cb\xe8&gt;\x9c\xe6\x95F\xdc\xcc@\x105\x19\xa5y\xe8\xbbP\xfd\xa5\xa2\xef\x89\x8e\x89C\xd2I\xdf}\x1b\x97\xefn\x10\n\xbdl\x1a\x14\xa8\xe0\xcd\x9d\xbd\x163\x1f\xbb\x1e\xb7\xf7\xfdl\x88_L\xda7\x1f\x1c\xe02\xc6\xd6\xbb\x98\xd2}\xaa\x9f\xf8|e\xcdK\x83V\xe8\xe5\xd4N\xf9+\x8br\xa6\x8b\x19{\x0e\xc0\xed,\xb9diAJ\xab\xdcL\xd4\xb2]\x18\\\xdb\x8eA\xac\x11\x13A\xc6o\xd0\xe1l\xba\x8c}\x0c\xe0\xc2\x9eI\xa9iy(s\xb3.\x1f\xab\xce[M\xbd\xb1\x98\xa8\xa3!(\x17\\\x02\xe0tk\x8do\x1d\xa2\x8f\xb1\x95@cf\xd6\xad\xfcEd\xd3f\xb4GC"\x88\x12\xe8\xdf\x03\xd0%\xde\xe3J\x99\xe2\xf0\x90\x8b\xfd\x8f\xd5\'\xb4l\xe7\x1aN\x8a\xd4i\xdfO\xc3\t\xf3\xe0\x1e\xa1\x8d\xfd\xe6\xe0L\xbf\xc4\xbe\xc1X\xbc\xc9\x06G\xff0\x8f\xfd\xc3\xd4M\xaaC\xf2\xa6y\x03\xa6\xe9W\xed\x82\x07u\xc3s\xa5k\xcbc\x88\x9d\xe0\xc1\xb8|\xa9\x89\xfe\xd7\xba\xc8\xd5.\xf9d\xa4\x07TUj!O\xc3\t9\xe2\x97N)\xe3\x8b1\x1f\x04\xb4\ty!\xad$Z\xd6\xef\xd6\xec\xdds\x16\xeb\xc4)\xc0y\xbc\rt\x97\xdes\x8e\xfe\xcd\x17\x18\xa6m\xbf\x00_8\xdd\x95\xb4.\xb5\x04O\x12\xcc\x9dt\x0f\x99\x80\x00\xff\xa9uK\x85d\xd3g\x04\x00\xf0eZ\x02D\x10\x87%}A\xa4}\xfdbAh\t#\x80\xac~?=\xc4\xdc"\\\xf6\x02u\x11\xa9\x17K:1\xcb%\x12j9\\\xceM`MJ\xda\x04/&amp;^\xfc\x07[ymB8\x1fM\x14\xed\x19\x8b\xa3S\x8e\xe6\xae\xf2-\xc5\xaaX9\xf7\xbb\xce\x9f?S\xfd\xeajSj\xe0\xa1F\x1fM\xae\t\xc0rh\xd5Gd\x91\x0c\xa2\xaaE\xb8\xb7M\x8d\xdb\x957\xb3&gt;38\xeaN\x7f=\xc0\xcfy\x17s\x14\x1e\x9f`\x99\xff\x9f\xf5\xdb\x0f(\x9f\xd4\xee)\xcc\xad`\xfaw\xff*R\xbd\xcc\xd6&amp;\xe3\x95O\x10\xc4\xc8\x88. 5\x85\x94t\x12s\xae\x95i\x87\x84\xeaA\xeb\xfdm\xd7\xff\xbc\xae\x93p\xf6(\x12\x7f\x9eVG\t\x15\x1d*\xa9\xb0\xd9TI\xed\x05\x00\xb7\xf0~\xe8\x95&gt;W\xef\xf2(\xcev\xf1?\xdb\x8b\x04O\x96S\xbb\xb5\xee\x99\xc1\x9dc\x1e\x0c\xba\xf5\xb9\xe6q\xf8\xbe\xf9\xe2\x8f\xfbg\x11-\x973A])\xbc"{\x1fA\xfc\x9f[\xfc\xaeG\x80\xd7\x01\xe0-\xc7\t\xe9\xeaZfu\xb5\xf0f\xf3n\xcf\xedD^f\x16*\x86k\x130A\x10\x07#\xdd\x05\xc8~\xa4\x96+\xf1\xec\x8c\xfb\xa0\xb0\x84\xbe5x\xb2%\x1a\xb6&amp;\xac\xad\xdc\xd34\xb1\xd42\xb8\x95\xbd\x83\x89MG\'\x89Q\x07\xb39I\x7f\xf2\xa9\x01&lt;\x12\x00\xe0+&amp;\x9d\x04H\xe3y\xc7\xf2\xef&gt;\x8eR\xd9%\xc9T\x0b\x81hT\xad\x13\xcaR\x17\xae\x0c\x8c5\xe5y\x93M$\xe3\xf5\x88\x00\xcfv\xa6\x9f\xb7\xd5{\xa9e\xcb7@\x87}\x90W\xce\xe2s\\E\x13\x8f\xb2jw\x9a\xa6\xf6\xf6\xc6a\x8c\x84 \x88\xcc\xa4z\x19\xa57\xad\xe5M\xc6\x08\xfd\'*-\xba\xb0\n\xf0\x8f\xfc\xe2\x07583- q\\c\x8cK\xa4\x1bS\xf9\x00\xce}X\xc8M\xa2\x0c\xc2\xcc;\xff\xe7\xd9-wq\xf2\xab\x0f\x03\xc1\x84+\x04\xe1u\xbc\xd8f\x11\xdd\xc9\xe61\xc2\xf0\xda\x9ce\xbb\xa5\xdf\xf0\x7f\x90\xd9\x84^\xaf\xde)\xabE\x97\x9aF0\xb4\x0c\xe5\x16\xf1K\xceb\xbeE\xb4U\xee\xe2Q\x9cd\x06"\x8d!0\x93\x92*\x8di\x05n\xfe\x0c\x11\xf1\x8f9\xb7\xcfy?\x82 \x88xr{+"\x18\x97\xf2=\xe2{\xf5\x02\xbf\xae\x08/i\n2lAR\x1caIm\xb1\x9a\xe1;S\x00W\xa4\x0f\xe6\x12\xf7\xbfXy\\1\x8bX%\xda\xcb\x98\x97\xa9\x08A\xe9g\xaf&amp;Cjf!\xabOx\xce\x9a\xf9U\xfd\xd3\xd4\xf44k\x96\xf0\xec\xb9\xdb\xe3\xc9\xbe\x97\xe6\xab#w\x1e%3\xfab\x0e\xe37bl\x0b\x19\xd2\xa5p\x9f \x88\xbc\x04\xf7\xd9{\xa5f4\xa0\xcb&lt;b\xf4\xd7\xda\xc7\xf8\xf6C\x96|\xff\xd4*Ril\x06i5\xd7\x12\x1d\xb0\'\xb8\xfd"\x88\'\x8bj\x88\x13\x10\xde]T\xd47g\xd4\x8c\xa9\x08a)\x0b\xd7\xe7|\x00\xf0\x14\xb8\x9a\xc7\x13r\xfc\x9a\x9a\xb5\xf9\xb5\x80\x8f\x92\xa6\xad\xd4\x7f\xc1\xb2\xbc3X\t5\xf4\x96\xcb2=s\xb0z\xfb\x87y\xa6\x05p.K\x16Y\x8bs\xdc\xae\x99 \xd2\xd9\xe5\xf1k\xa9\xac\x8e\x89N\x14\x9eT1\x94\x1e\xb6nE&gt;yZ\xd7\xe1\xe8\x8a\x86\xeb\xdd}\x80\x8b0g\x07\xf8\x82E0{emV\xcd\xfdW\x989\xcf\xe5\x18{\x87bM\x01A\xe1W@h\xb2\x8d\xce\xd1\x19\xd3x6\xa5\xa5*#\xc5\xf0OM+\xb0\xa1Q\xb0\xe5\x97&lt;R)9 Z\x8b\xcc\x8b\xaa;&gt;u\xfd\xf6%\x00?\x19\x95\xb9\xcc\xed\x00\x9ec\xae/o\xd5\xc5\xa3f\x91\xd9\x15\xdb]""\xe7?\x11\xd1\xf12\x1c&gt;-\xf9JC\xc3\xa8\xf9\xe2\x02\x82 $\x06z\x0f@m\x86\x8az\x0b\xf1/0\x9e\x7f\xe6\xc4\x15E\x0f\x19,\xea\xa4\xcc\xeb\xa8\xdc\xc4\x17\xec\xe1%\x9b\xdf\xa6`\xbf\x06\xf8\x17\x05_\xa4\xec\x0c\xcf\x7f\xac\xd9\xfa\\\xcd\xd8\x0f\x1a\xce\xc7iR\x1d\xffm\xf8\\\xdcw\x112\x9c\xe9\xefR\xd8\xf6b\x0cH_\xd6,\xa6&amp;~\xa5\xb9X\x9f\xc6\xf4\xbf\x1c\xc3\xdc\x86\xfb\xe77\xc1\x19o\x9b\n\xc1\x8c\xef\\a\xcb?g\xf4\xaf)\x03c\xa06\x9eg{&lt;\xd1\x95\xa4p\xf4o\xad\xc9yFc]\xf1\xf8\x03\xf6\x8e\xc0\xa5%\xd3\xa8\x84SD\x82 \x08\xa2\x057\x1f\xd5E\xeb\xba\xed\x7f\xcb?\x01]\x1a\xcd\xa4\xf9\xc9\x81b\xaf]8J\xcbo\x04=\xf4\xa5\n\xd4\xcbv\xf3\xb29\xc9\x99\xea\xd7\xa3[\x80\xe5\xa4\x9aU\xe19\x8cm\xb9\xbd\xb8\xb9\xb67\x83*\xad\xd2a\xf0\x86j5^\xce7\xa5\xd0\x07B\xa7\x9c\x82\x18\x054\xa3)\xec\x92\x8b\xa8\x81\x97\xfa\xa4\xf6\t{\xc1\x8d\xad\xe6\x17r\x15G\xca\xafL\xb2\x04A\x10\xc4\xa0\xe4\xe9\x9e\xab\xa2\xeb5\x03n\xd5\x84\x0eRj\x17\xe9_\x1b\xd1k\xbb\xcd\xdc\xde\x10\x92h\x1e\x00\x8cW\xda+\xc5\xaf\xbel\xdfn)\x0c`\xb1\xc9S\x03\x15\x9eE\x7f\xdbK\x93\x8a1\xf8\xa1\xb1\xa28\xbc\xac+\x1d9\x0b\xdd\x8e\x8b\x8c5bnk\xadh\xff\xd0K\x10\xc4(\xbc!\xf7\t0+]\xb9!r\x8b\xbd\xa1\xf6\x9a\x8f\xf5\xbf\xd1\x99\xde1\xab[\x1b\x8ep\x91\xd0\xa6\x16\xcb\x95\x89:\\\xeeu\x0b\t\x80\xf0n\xc7\xc59\xb8B\xc4=C\x19\x12\x02\xdc\xc9}\x91P\xb3\xbe)\xeb\xac(X&lt;\x835\x16\xc2n\xc0\xcf\x00@\x80\xdb\xe6\xcf,\xb9\xe1\x10\x04AT\xa5\x88\xc3Z\xfd\xe0\x03:\xf1\x83;\xf2\xcb\xc3\xf41\xfc*\x02\xebu\xc1A\x89\x89\xff\x8e\nq\xf6\x856\x1eY\xf8\xb7\xed\x19\xe0\x9b\x86\x98l\xd1\xdb_$\x84h.\xe3\xe4\x0c\xb8x})\x05\x0c\xbfK_\x96\xdbg\x142\x19\xafrE\xb4\x0e\x8d\x91\xdc\'\xb8\xa64\x89\x14\xf7]\xd5\xdc\xa3\xbe\xa1\xdd\xf0\xb0\xfe\x87 \x88p\x8aw\x84\xf6\\K%\x9b\x92\xf2\xf5\x11\xe0\xf1\x99\x05\x1a n\xb6S\xb9\x1f\x8d&amp;DN\xfd5qE\xebY\'\xb5\xd0\xc7$Rup\x8fg\r\x83\x15A\xaa\x02|C[|\x80?wd:H+\x0bb+\xd1\x8dR\x1e\x00\x8c\xda\x98&gt;\xbf\x02o]\x86e?\xfb\xd0\'\x80}\xc2mG\xc5$\x88\x81\xe8\xe4\xb4\x93\x00\xf8\xae\xa8\xe6A=S\xbe\xb9O$\xdcJ\x13]\x965\x89L\xda@D8+\xc0W`\xbc\x03\x80D\xe4\xa0\xa5\xe3c\x9d\xe2\xcd w\xed\x1f\x11Kt\xbb4\xf7\xf7\x00\\\xa6\x9e@zf1\xa3*\xfa=\x00\x97\xb2;.\x9f\xe7\nm\xd6\xad\x1crI\xdc\xedq\xe9\x0e\x98\xfa\xe1\x8az\xc6\xe5z\xc19\x00\xbe\xe0\'J\xe13p\xebake;1\x1b\x82\x18\x8c\xc1\x8e\x01-5\xfa\xe5\x911\x14\x88\xfe!9\xfa/0v\xc2\x18c_1\x1f\xb67\x0e\x03\xc9\xbf\x9cj\x1e\xa0\xf3\xef\xe7\xc7eC\x8bZp y@x\xadK\x9a\xc4\xb9\xe9_\xba\xaa@z\x98\xcf1\xaf\x1a\x10\x11/\x95\xa9\xb6m\xa9\xc49\xb1_\xeaq\x00\x98\xadh\xbf\xf6l;\xb8\xfe\xe0?\x00\x80\xe9u\x1e\x9c\x8b\xb5\x9e\xae\xef\x93U,\x1dl.g\xb7n\x9b?A\x10\x83\xd0j\xde\xb0D\x8e\x88\xf8\xbe\x1cir\n!\x04\xf6&lt;\xcb,\xcf\xa1\xc7\xdcZH\xb4\xf1Q\x96(h\xce\x05\x1a\x06\xdf\xea\xd6\xae\xcd\x90\xcdL\x9b\xc8\xb3\x00"\x97 F\xdbp[8\xab\xd0\x7f\xa5-\x94\xb5\xb0:\xed\x97\xd5L\x05\xcdKf\xa37\xb0b\xb9\x13\x04\xb13.\xda\xc2q8\x1c%""|"~\xbf\x17\xc0[\xd2\xc5KJa\xa7\xb8\x02\x97\xa1\x89.\xda\xb6\xe6\xb8\x88\\\xfb\xa0v4\x96\x03\xbd\x90Av\xa2IAhD%\x0f\x85t\xb9t\x04\xcc,@\x02F\x19^e5\x15c1\xab\xdb[\xe9,\x94R\x9869\x10\x04A\x04P\xbd\x0f\xb0z+\xd1\xc7\xc5$\xab\xa6L\xce1\x13\xd4\xcd\x10q\xe0\xfd\xeb\x06d\xa9X\xe4\x9c]\xd3\x87\xb2d\x93#\x91%\xad0\xdd\xe2\xafO\xd7d~\x06(Q\xa1\x08\xbf\x10\x98\xecceU&lt;\xb2\xb0\xa5m:/\x92\x91R\xb3\xba]\xce\x05\xf2%\x08\x82\xe0\xf9P\x8e\x0e\xe3}\xc6\x14\x12&lt;\x9a\xfeF\xeeCr\x913\xb1\x1d\xc6\xb3\xc6\xeci\xa8\xea;\x01/-\xc6.\xfd\xaeXp\x07\xd3\xbdI\xae\xc6\xffN\tq\x9d\xbf\xca\xe3\x1e\xbb\xf2\xb1\x95\x85Q\x1e\xa5rw:b\xcd\x9e"\xaf\x02\xca\x94K\x8cL}\xd5;A\x10%A\x80K\x16L=aHC\xe7si\x80D&amp;^!\xeb\x8d#)s]\xeapP\x9aV\x99=2\xe8\xbaRR\x1cQ}4\xe1\xbf\xa7\xd8\x19\x1f\x00\xe0\xfb\x93S\xd8\t1\x15\x11\x92&amp;\x00\x02&lt;\x17,\x8b\xa0\x8a\xa3\x18\xdb\x08\xcd\x84 \x88\xae\xe1|\xdc\xd9\xe2\xee\xe5z2\xc9\x0b\x93\x87\x827&amp;tK\x15C\xa2"k\xa3s%h\xca\xa2\\\xfa\xf145\xfe\xa1\xdb]\x82\xdfh\xa0s9\x1c\xf3\xcf\xfd:\x03\xd7Q\xa7h\xea\xc2xQP\xba\xd3\xbf\xd7pU\xdc\xca\xf3\xc4\xdb\x1bA\x10\x84\x9e\xbfOs%_Y\x86{U\xff\xd4m\x88V\x97M\x15\xe1z^\xef\xbd\xd2P\x9a\x94z\xa9\xfc\x96\xd0\xa9u\t\xab\x84\xdbH0vd\x80\'G\t_?0\n\xf7u\x83\xd6\xc8\x18\xf8\x04\xc7qN\xd8\xd0\xad\xd5n\xe0ms\'\x08b\xa7d\x98I\xc4_\xed\xc3K\xf6\xc9\xa6\x8a\x84\x07\x80B\xb2\x15Bo\t\xf9Ja\xea\xe3\xdbb\t&gt;jJ\x01o\xe9K-\x15\xd0\xb9\x9dJ;P\r\xbe\x0e\xa5\xab\xcb\xc8s\xd1\xec-kP\xfc\xfa\x1d\xb4\xafND\xc4\xa7\xa3\\q\xa2E\xd530U6\xb1t\xb7\x97&gt;\xac)\x0cA\x10C\xe0\xf6SO\xcf\xf1\x00\x00\x88\x17[\xba"\x0fG|(\xd2\xfb\x8c\xf1t\xa8\r\x8f2\x1aC\x87\xa6\xb5\x88\xf4\x84\xd6\x82\x8cMlKQ--\xafy\xe8\x87\x93K\xe6\xb8eb\tX[\xc5\xa3\xb9\x91\xcf\xd8\t\xbe\xdf\xdb\xd5\xcc\xdf^E\xbd@\xa7F\xad\xfe\xffO\xe3\xf5?\xba\xcfF7\x00\x82 \xb2\xf3\xcb&gt;~!\x8b\xe3\xf8"\xc0\xab\xa51\x92\x0e\xa3\xb4\x16\xb4u\xd0-W\xa2\xfb\xf7\xca\x119\xe4K\xca\xc1\x05\xbc\x84\xbfFT\x15S\xcf-\x90f*\xdbZ\xc4\xac#\xe2:y\xfeTk\xdb\xf93\xb5\xa9\xa2S7{\xb1(y\x10\x00?\x94P\x1co?\xc3]\xa3\xa9\xb2\xfc\x8fp\xf9\xd2\xd4\x1fy$\x16\x87 \x08b\x06\xe1B\xf5\xc3\x0b\x84\x8b\xf7\xd935\xe4\x80J\xd0DH\xb9\x83\xa4\xd2\xbcI_\x06\xd9\xaaQ\xed\x9b\xbd\xc8\xdcF\x82\x12\xe9\xb4\x16:\xf4\x1bZy\\&amp;\x91\x94\xb8\x94\x83\xf3\xde\xae\x9aU\x8a&lt;\xe9\xca\xf4\x19\xed\xcaRq\x9e&lt;)g\\.\x97\xaefA\x08\x82\x18\nDD\xbcw\xed\xbea\x0e\x86\xc8+\xf9\xd0U\xcf\x9d\x1dC\x90\xd4{y_\xa4\x95\xdb\x83\xe8\xdd\x1d\xe9m\x84\x13\xc0\'\xa9~[e\x8f~C[\xb3J\xed\xbf\xd2K`\xcd\x04\xa9\xb5\xbc\xb64{mS\xf1\xc2\xd4\xaaz\x04x]\xcar#99K\x94\x7f]\x84\xbb\xa7\x17G\xebd&lt;M\x88 \x0e\xc8q\x1a\x83\xa1\x03\xa8\xdc=\x18\xbb\xb5\xe3T\x84\x06{Lv\xc5\xfd+G\xb3s\xaeo,v\xecA\xc8\x92\x9e\x8c:\x11\x9e\xba\xfd\x96\xfcuZ\x11\x1e:\x89\x9do\xc9\x80m\x01\x86G=\xfa\xd8\xcf\x9a\xd1Qq\x0c\x99#\xc0\x033\xe9\xc7\xbf\xbd\xb8\xd31\xcb\xec\x9d\xfe\xcd,W\n\x1efK\xd9fB\x04qh~\xb9z\x8em\xda\x9e\xc9\x85\xe9\\FI!\x1c]\xda\xf1\xa8\xa9\xff1\xe8Z\x0f\x96hL\xfe\x1c5\xd3\\\xc1f\x9f\xdf&lt;\x06\xb57I\xda_\x87\xab\x99c)A\xc3\x8d\x8b)\xd7\xf8\xfdQ\xfb5h\xc2z\xab\xe9x\xda\x8fN\x92\xc7u\xa0\x96T\x10\xef\xa5-\xbeFE\xd1\x85]\x1e\xd4\xbf\x92i\xe9]\xfa\x11\x1a\xce\x82\\\n\x7fo\xdb\xb4\x80\xf0\xafy,\x87 \x88\x1d\xd0\xf8\x01@u\xcd\x97\xe8\xa3\x93nH\x1f\x1e\xf9\x9f\xab\xd9\xc0\xe0\xa8\xfd\xe8\xe5cn\x0b\xe9\x893\xdbF\x17\xf6\x16\x8a\xafq\xceE\xeb\xaat\xd6\xeav\xba_\x8b\xe5\x04\xb9\x0e\xe5\x96\x9eT\x14\xc3s\xb4\x9f\xa6\xa8H\xe1\x81i\xb7\xcb\xa2%\xeb\xfc\xca^W=\x07\xef\xaeL\xa8fR\x08A\x10;\xa2\xb2Gp\xf5@\x07\xf4J]\xf4\xc7B\xbd\xbc\xa9\xbe$\xbf\xde\xb6\xf8\xbf\xe9m\xfc)\x9d\xa8\xad7\xaeh\x03Cv\xff\x93\xcc?\xef\xb5x\xa6\xbe-9\xed\xc1P\xbf\xbeV\x84\x88?\x85\x8ex\xce\x99N\x13c\xabN\xe6\x96\x15\xd7\xd2Mi\xd5\x98\x01\xd8.\xa3\x07\x00\x82\xd8\x0bs\xa3\xcd\xd0n/\xcf\xfb\x91\xea\x1e\xc1\x9e\xdd\x07\xab\xc8\xd0\x1b\xb9:\xe3\xf8DZ\x07\x07\xad\xd6j\xf3\xb9\xfb]\x9a\xa1\xbd\xd8{\xe5\nJ\x18\xae\xefoe\x96^\xc4\xc5U\xdc\xf5\xff\x99\x98\xa3\xa7\t\xb5n\xe3\x95\x90\x8b\x99V\xd2\xef\xc96\x9b\x94\xc3\xc5\x9d/4\x05\x8b\x91\x10\x041\x0e\xa2\xe3Nl\xc0\x7f\xb6\xa4\xd0\xc2# "\xe2\xf5\xe7\x82|\xa4^\xbeM)\xac\xe4\xc4zT\xba\x87\xba=D\xebn\xc9\xbbA\xfdH\xb6\x07\x154\x0f\xe8\xa6\'\xbe3:\xd7\x8cR}?\xe1q\xd3\xf98g\x9e!S\x9f\xf6{$3[\xcb\xb8\xa7b\xfeL\xb8\xf3y3y\x18\x82Xa\xad\x05\x88gm\xb7\x8ce,\xc5\x9cj\xd64}3\x9d`g\x01\xf8\xdf\x81\xeb\xc5\x8f\xb2z\xe6\x15\xca\x18\x04\xdb\xf9\x1b\x11\x7f\\\xfe\xac\xa6I\x94\xb1\xed0\x11\xa6\xfc\xf5\xdf\t\xea\xcd\xdf\xfa$bjp\xd7Lj\xeaU-r%\xfa\xca\x89\x08\x89\xb6d\r\xe54\x86\xba\\\xcf\x00R\xb3&amp;\x06Ak#\xbd6%\x82(\xcb\t\xad\x05\x88\x87-dN\xb5z\xd4%y$\xfc\n\xc0rjG\xd3\x01\x1b\x048\xa5X\xe2%\xeanFr\xf11\xe3;W\xdb\x04c\x00\x8cU\x0e\x0frWz\xb8!\xe1\xfcNX\xfd\xb8i&amp;\xb1T\xf4jF\x84}\x8d\\\xa6\xc2\xd8\xe4\xa3\xa2\x8d\xb2\xa82\x99\xf2\x87\x9f\x9c\xe9m\xcc\xeaR4v\xcbf7\xb4\x8f\xe8\xffr\xbd\x0e\xf0\x0f0\xca\xde\xb7t\x04Q\x88\x8e\x1f\x00Z\xb9\x8c\x0e:\x03\xc4uAR\x1b\x01\x9e?O\x9b\xbf9o\xb2Mz\x82\xb8\xfa\xdc\x1e/\xe7H\xab\xe6\xf0\x7f\xd6\xe4^;\xad\xad\x89\x16&amp;\x9b4S\xed\xdf\xdd\x9e\xa0!\x84[\x9eF\x0e\xdeQ\xaf\xc5\x8f\xb7\xc6eELAM\xae\xedf\x1aM)\x97Q(J\xa9;\x92-\x19\xfc\x8f\xd6\x12plz\xdet\xde\xf33@OVJ\x10\xd5\xe8\xd5\xee\x11\xb1\xe5\xfa\x87\xaaX:\xe3VS\x93C/\xaf\x92\xf49\x9e\x15M\xc6\x0f\xb9\xba\xa5\x18\xb5s\x06\x00\xb2\x05\xbe\x02\xf1\xfa\xb0|\x1b$\xa1mY\x11\xcf{\x10/e\xfev\xbc\n\xcd\xc4\xbc\xf2\x07\x92\x0c\xa3\x83\xd5e\xa5\xb1=\xdd\xec\xb7\xd4\xdd0\xf7\xdd0\x99\xeafo`\xb0[D\x88\xef\xe6|]\x8a$\x1e\x0f-\x00#\x88\xbe\x18`\xd20\x1f\xba=IYv6g\x10*\x7f\x8a5\xaa\x95vwIDlb\xb6+\xf0\xbf}n\x0e\xccQ\x97\xbd\x8e\x94dG\x86\xd3@\x8e\x03\x97r\x8a\xd6\x13\x16\xcbAD\x80/\xb7\x16p\xe7&lt;e\xeb\xc2\xc0io(\\\x1cJ\xb4%\x07\xbd\xfc\x9b \x88\xcaT?w\xa5\x1d\x9c\'\xea\xca%\xe5\xae\x82\xba\x91G7j\xdc\tA\xa7\xfd\xf0\xbd~\x9eS\x98x\x1e\x9dhB\x88p\xa6\x11mC\nd\xe3S\xe9\xa7i\x94\xf0\x06\xf6\x07\x80Z\xfe\xa7-\x7f\xdez\xf3\x98\xb0\x04\xc8\xe2\nRjd\xba\xf7\xfa\xdb\xedG\xa8Y\x828\n\xc7h\xcf\x82\x7f\x9c\xfe=\xba\xb5L\x85\xe8\xe9\xf1\x86\xf0&amp;.xJ\x8b\xb7\\1\\J\x18\xe7yow\xc1\xa2\x14\xc5v%[$\xd95\xec\x8c\xfe;\xab\xd3B\x98\xcax\x07\x00\x04xbUYl\xae \xb1F\xb6Vp\xa4\xca%\x08b/\xec\xacG\xb7\x81\x08\x7f\x84\x00\xcfh-\x07\x11FH\xe4\xcd\x7f\x9b\xd4%\xb7\x8e\xe4zl\x95\xbb\x8bb\x1f\xd4\xe6\x01\x00\x11.\xb1\x0f\x05\x0e\xc1E,\x0f\x00\x01O\xf2\x16\xb3\x0fpP\x04A\x10\xdd\xb0\xaf\x1e\xddBw\xe1\x14\xe1\x89&amp;~2_\xab\xfc\x19T\xe3o\xd1\xe6h\x8c\xe4\x8a\x99S\xaf\xad\x12\x11\x11&gt;\xd1\x9bT\xd1d\xadAO\xa3Yk\xf6\xb6\xbbQ\xa3\x0f\xed\n\xfbwv\xbf\x11\xbe\xaaPNG\xf2\t\x04A\xf8r\xd8\xcd\xef\xd8I\xd9W\x9f\xb5\xef\xe3)\xa6b\xd2\xfbVFD\xedV\xf5\xf5\xa8\xeb~\xe3\x8e\x1e\xf2\xa4\xa49!\xe2\xce\x9bd\x07\xe8\x9d0"\x8a\x9a\xf7\xf4\xd5a\xe6s\x98\xca\xdd\xd4\x92\xad\xc8K\x92\xde\r\xd0tV\x0f.\x07\x94\xc1\xfa\x8b\xc9$\xf8?\xa5\x82\x1c\xa4\x0f%\x88\xect\xfc\x1e\x80R\xf45Rp\x0c\x8f5\xab\xfbk\xe8\xbd\x02\xbb1C\x08Y\x03mSA\x04IER\x93Z\xde\x9e\x16qHh\xd9;\xbc)\xf5\x96:\x82\xe3\x1e\xeeK\xe6\x99\x1e\x9f\x9a\x0e\xa8\xaf\xe3Tm\tw\xbb\xed\xba\xf5~\xa1\x84\xea1\x80\x93\x8dK\xc3]3j\xbb,\xf3JP\x82\xd8?Gk3\x05\x86CRYGA:\x91\xa7\x00Rt8@I{\x99 j\x8e\xa5\x83W\x8f\xfa\xe6\xbe\n\xd5^\xe43\xf9\x08\xb6D\x84"\xb6&gt;np\xd8q\x9b\xb7\r\x1d\xe7\xe8wnt\x1c\xb2\xf84U\xc9\x1f\x01\xf8\x01\xab27\x19\x80S\xbb\x92\x10\xcd\x0f\x13De\x0e\xd6\xde\xb6\xb9\xcb\x8e\n\xbe,\x8f\xe9H\xa4\x99\xff\x90\xd9\x00\x00 \x00IDAT\xec`\x8ew\x18\x11\x95qFTS]&amp;\xae\xfc\xf1\xc9\xc8(\x00\x99\xd3&gt;1-\x1a\xb1\xde\xe3\xff\x00p\xacX\xd3k8\xc3s\x95\xa6I\xc9\xa6\x96\xa8\xac\xde\x99\xd2\x97\x939X\x8d\x10D\x17\x1cl\t\x10\x03\xe8/\x04=\xc2\xf4\xe5\\\xc6\xbd\x17\xf3h$\xec\xe2\xfc-1\x99\xde\x11\x17\x0e\x0e p?,\xaa+\xad\xb4+\x84\\|(G\xe4\xbfL?e\xc9\x90\xfb\xce\xc5\xfd#P\xf4O\x10\x1d@\xad\x8e \x08-\xf1[e&lt;\x1eh\xd7\xa4Y\xcai\xf0\xb5\x9e\x9c\xb7\xdd\x8a\xcbpj\xe8\xf6\x86\xc3zZNu\x01J\x88\x98\x01\x080\xa3\xdd\x0f\xb8\x84\xc2\xeb\xceQSf5\xeb\xb5\x8ahn/\xf7\x07\xf8\xe3\xe9VO9\t\x82\xc8\x085&lt;\x82 \xb4\x14}\x00\x00\x00\x84\xff\x0f\xe0\xccI#\xc3\x15#\xb9I\xcco\x00\x9c1\xfc\xc6#\xbb\xd9\xe9&lt;%p)\xe1|\x00\x9fJ\xcf\xc8\x13z\x00\x90\x10\x1f\x00\xec\xcay\x1f\xe2\x0fi\xbf\xc8\xa1U\xe4\x1e\xfd\xa8\x8e\x08\xa2,\x07[\x02\xd45tL&gt;q(\x18|\xcf@\x16\xcf\x00Xx\xf4\x0f\x87\x8fc\xa6\xf5\x8dN%$F\xff\x00\xc0\xee\x9f\x9c\xc4aYcw\xf6K\xcek/\xce\x18cwTSH\x95a&gt;\xe5\x7f\xea\x08\xa7\xf3\x85\xc682\x8e F\xe5\xe0\x9dSGd?\xae\x81\xf0\x04\x11I\xe7Z\xe2\xa6\x00|\x94\x99\xeb ^\xdaV&gt;&gt;9gH|\xec\x8al\xc6\xcc\xb2^\x0b|T\xc4\x1f\xa9\x07\x89\x95h\xdc[\xec%\x89W\x0ekz\x04AL\xd0\x0c@wh\x8fL&amp;\x8aA\xaa\xceN\xbd^\x96*o|rZ\x0b\xbb\xb2Gf\x14\xfd\x9b@\xfe\xff\xbfe\xb9\x10\x00\xd6i\x83r\xd1?8\x1a\xf8\xbf\x84d\x01\xcf#gA\x10"\xe4\n;A\xf0\x81\xb4D5\x0f\x88\xe8\xee\xf2id\xc8H\xec\x0c@\xce#\xdb\xb3dG\x1c\x86\xefF\xfc\xba\xe9;\x9a\xe8\xb3\x13\xb2\x13 \x1b\xf7B|\x82\xf5\x02C\xad\x05M\x1cynD!\x88cA\xed\xa1=\xf2I\xc9@cTY\x98\xf5\xfa\x15\x80\xb3\x92&gt;\xa3\x88\x08\xd3={Yz\x00 \xca\xa1\xb5\xae|\xf1\xdfn\xa3\xc9\x16\x0f\x00^\x9e\x80\xda8A\x94\x80\x96\x00\xb5F\xf5\x7f1\xce\x8e\xf6K),\xfa\xc8\x17\xfd\x93\x86}\xd0j\xdb\xfc:a\xee\x1fA\x94#\x97\x83\x9c\xd2\xd9\xb7\xbb\xd5\x05\xdc\xf8\xb7\xb9_\xe6\xf0i\x94\xa3\xff\xe9U1\xf4\xc2\x18\x82\xa8\xc3\x89\xad\x058:\xba\xd7\xa1\x87&amp;\xb1\xbc\xde\xf8\xe8\x07\x0e\x8a\xe4\x1d5\x9aO\xb3&amp;\x82AD[Ul#\xa9\xf2\xeb\x81|\xa0@\x81Pa\x8c\xc1\xd3\x10\xef\x9c?e\xf1\xa8\x86\xbda:\xc8\x7f{\x01\x1e\x02\x80\xb59{cy\x9d\xc0\xf4\xbdt9um\x04\x91\x1dz\x00\xe8\x8d`7\xc7{\xe7]vK\x1d0\xed%x\x7fk1zG\x89\x0c\x10\x10\x18\xbb\x9e\xfd&amp;\xee\x97\x88\xf1\xc5\x14\x8b\xcfy\x8c\t\xd1\x13E\xa2\x7f\x98,\xfcP~6\xe3Z\xbd\x80T\xcb\xe4J\x10\x84\xc8a\x1cY\xbf$F!\xb4{Xf\xd2H&gt;U \xd7\xe3\x1fK\xbd\xde\x87*~\x1c\xe0B\x11)+\x06\x1f\xdc\xf1\xa7\xd4\xb2\xbc\xf7&amp;\x7f\xdbA\xc0!\xc6\x8a\xcf\x0e\xf0?\xade\xc8\x89\xf1L\xc9\x01\xea\xa2/TM\x16\x1e\xfe\xd7C\x15G\x10%\xa0\x19\x80\xe6L\x83J\xc8\xd8%\x01\xde\x1bq;\xadM\xe7\xe1\xe7\xab\xb3\xc4\xebsz\xa3\xc4r\xf5\x89R\n\xe3\xfe\x13?\x0e0\xe6\x8caA\x89\x08c9R\x1d\x97r\xf5i={;\x05k~\xb6\x9c\xff\x9b\xd7\xeeQ\xe3\x8dB\x8d\xfe\x9b\x88A\x10D\x11h\x13p\x170\xc6\xa2\xa2\xff\xf5\xde\xe9\x97|\x02uM\xcd\x07\x1e\\\xffw\x14\xedr\x14\x1cx3\xbc\x1d\x96=\xadT\x86\x9a\xbcxY\xf2\xc3\x9f\xa9\xde\xf3#\xfa\xde6`3\x06\x8c\xbd|10\xc6\x18\x03\xe6\xf96b\xc2I\x1e\x1d\xb2\x10\xcfr\x98~\x8d jCmk7\x1c$Fu\x0c\xc5s\xbb\xf4rh\x83\x9bP8\xea4\xb4m\xba\xbe\xc4\x91\xb5\xfe\xcb\x03\xba\xae\x11\xc1r\xe0\x18mswL/\x12\xe9\xd9\xcc\n\xa3,\x93\x03\xf31_I\x8bW-\x1cY\xff\x04Q\x14\x9a\x01\xe8\x17D\xe5\x984\x1b\x07\xf1\x92\x0c\xd8\xb7\xdd\x17eR\xc6\xba&lt;\x82\xb1\xcb\xe7Iq&lt;\xac\xaa,\xd07?8{\x8a-\x90\x8e7l$E}2\x9f\x14\xd9\x14\xda\x89*\xb4o\xb6\xfe\x90\xd9\xc3\xd8\x13\xed;&amp;\x0e\xc8\xf0\xedVa\xda\xb29|\xb92\x8fd\x13Q\xe4\xdeO&lt;*\xe6]\x95\xcbJ\xf7|*\xf2\xec\x89;\xaf\x94&amp;/UU\x05\x88\x9d|\x88\x0b\xe90\xbb14\x84&lt;pQ\xce\x89\xf89\x8f\xcbJ\xcc1\xaa\x90\x9f\'\x8e\xc9\xeef\x00\xf6\xf1\x18O\xa3\x11}\xc0X\xd0j\xd5\xddbR\x01g\xa7\xca\xb9\xddQ\xaf\r\xda_\xf4?\xfd\xddL\x80\xc8\x9cc\xd4\xab+\xe5]\xe2\xb2\xef\x01\xc6\xe6=\x04\xad\x05\xe9\x96G.\x13&gt;\x08\xf0\x89\xd0\x9b?\xef\xa9X\xfde{\x9ah"\x08\xa2&gt;\xfd\x06\xd9\xb8Bn\x8e\xe8\x04\xb4\x02p\xef\xa0\xc4\xe2r\x19\xa5Q\xfcYc\x81?\xc8e]\x19.\xc76\x02\x10\xd5X\x1f\xf2#k\xd9\xa3\xa5\x9b\xb3\xce\x0f\xd9*A\x1c\x83v\x1d\xa4\x91@\x0fH\x10\xb5)\x1c\x94;\xe3\x81&amp;\xc1t\x14\xd4\x8a\x01\x00\x10\xe0\x1d\xb17\x12\xfd\x93\xdc\x18\xad-\xfdv\xc7m8\x04Q\x89\x83\xceobg\xeb;MQ\x02c\x97\x01xOea\x88]\x80\xd3\x81I\x90\xf9\x14\x1ac@\x1b\xdd\x94\x82B\xe4AN\xd4\xc1\xe5%\x00t\x8a\xe1\xca\xf2&gt;\x84\xab\x03\xbc\xc1\xae\x93=l*%\xbc07\xfeAZ:A\x0c\xcc!\x1b\xd8\xe2t:q1\x96\x00\xe8\x9b\x00\xdfM\x01\x04\x11\x81hUu6\xe9\x86\xe7\x12&lt;&gt;\xde\xc9\x13\xbb\x07{\x8db\x11\xe0\x82\x11k\xbe\xd7\xdb\x97\xf7j\xefR9D4\x82+ \x0b!\x88\n\x1c\xf2M\xc0\xdb\xfbF{w1gh-\x00\xa1c\x84\xd8\x8e1\xb6L\x02\xe4\r\x9a\x19c\xa6\xb0\x9d\x9bX\xdb.\xb7$\xb5\xdf\xe8\x1f\x06\xb0\x90x\xa2\xa3\xff\x95\x9f4\x7f5B\xe3:\x06\x98t\x90T(C5n\x82\xd8\x05\xd4\xe6:\x80\xa6A\xc7a\xe9\x14\x0f])\xa1\xe3\xf6Z3\xde\xe3\xca\x1f"\x11\x8a\xfe{\x81o\x9e\xec\x95\x007\xd0\xb7_j\x98\x041.\xd4t{ \xff\xba\xea\xfd\xd2x\t\x01"R\x9fWsck\xcbe\xf4\x88\x10\x7f\x8e\xfe\x1a\xcd\x1e\xdaT\x88\xba\xf0;\x7f\x18\xf0\x93r\x10\xd4\x8e\xc4\x059\xe2\xbdj\xf3\xa7~\x8a Fdw\xef\x01\x18\x12\xbd\xf7$\xaf*\xd1\xc3\x91*\x8c1\n\xe9\xaa\x95\x9f1\xd6n\x13-"\xc4\x1es\x82\x80s\x1cVX\xf8\xe6\xed\x81\xe8\x86\xefF\\\xacn\xc2rJ\xcf\xf4\xd5\x85MI\xc9f%\xb4AM\x9a\x85\xfc2\x1d\xa5E\x10E\xa1\x07\x80\x1e\xa1\x17\xd0\xa8H\x9bZ\x9b\xc9A@\xa5!\xf9\xc6M`\x1eG\x8d\xbc\xf3\x15U^`J\xed\xa0\x00\x83\x1c5\xab\xf0\r\xf9\x03&amp;\x9d\x03\xa0\xdc\xf1QSR\xecv\xfc}\xc2\x8d\xe6P&lt;\xaf\xd2\xf0\xaf(\xe8\'\x08\xe2\x18\x8cv\xd2yu\x12\x86\x82H\xa5\x85\xb0\x1f\xd9\x9fD\x07U\x16-C\x0f\xc2\x13\x91&lt;\xb8\x17\xf3\x8bb\x12~s\x92\xd2\x9f\xb9r\xd06\xd8\xb2y\xe4\xad\x91\xc7\xe6V\x0bA\x8c\x08\x8d \x11{\x071\xfbI8\x84\x86\xacQ@\x07\xf5\x15\xbd!5\xcbNV\xda\x0e\xdb\x84\xcd\x88i\xab\x8f\t\xb5\xa1\xe7}\xd3\x08\xa0&amp;\xd8\xcf\xea\x10\xe6\x12t\xe0d\x08\xa2%\x87&lt;\x06\x94\xf0a\xd9l;:\xb8\xfd\xbf\xf3\xe2\xccgv\xb6\x16#\x16\xc6\xfc\x07\xd5\xa6Rj/\xef\xa3W\xc6\x04\xf3\xcf"\x7f\x0fJ8\x1e4(\xecA\xee\x16*-\xb6c\xc0tO\x00\x19\xf3\xa3\xe8\x9f \x00\x80\x1e\x00\x08\x03\xd8\x7f\xbc\x1c\xc4\xb4\xa3\xb3w\xa7\xcf\x1e\xd1Z\x82$\x18c\xce\x89\x00\xfeD\x11\xfed\x91\x9e\xce\xcc\xd1\x15a\x89\x1a\xaa\x0bc&amp;\xf6\x90\xa2\xb5x\xc6\xe6p\xccI3\xae\xda\xd9\xfa\x83(\x0b.V\xbc\xea\xfe\xa1\xa5\xb3\xd4\x1a6b\xf7\xbd\x03A\x10\xc7\x83F\xa5TB\x96\x84\x16Z\xa8JtE\xbe\xcaU\xad\xa5\xb3\xcd\t\x00\x00_\x8b6iks8W\xb9\x85\xdd\x03\xd0yy{\xb1=\x17\x08p\x8a\xf1;\xa1\x11\xa1\xf8O\xbd\xb0\xa6\x1d\x0e\xa1[\x82 \x0eCW1G\x1f\xfc\xf5\xd6+xv\x0c\x96^\xe4p!\xce^\xc9\xb9\xa5Ojt\xba\x1d\x89\xed\xcd&amp;^\x12\xdb\x8d\xdd\x15\x93X\x18\xa4F\xac\x96\xa3kG\xe6C\x85\xc8\x08\t\xa204\xe7\xd53\x82\xf7\xa3Mi\x00\xca4\xbd\xd7\xa4\xad\xe5@\xc7\x9d-t"r\xb1\x19\x866\x04i\xde\x18\xd1\xb9\x8c\')U(\x90\xb8o\xee\xb4\x12C\x05\x07y\xed.o@\x9az\x14\xed\xab\xe5;\xfe\x08\x82\xa0\xf7\x00\xf4\xcd\xf4\x1e\xa45\x10\x81\n\xeb#{\x87\xef/|;\x0f\xcb\xab\xbb\xa8\xfb!\xb4tn\x18\xdc\xeb]s"\xa4\x97\x14\x88\x07\xcf[\xf2\xb1!\r\xfa\xca0v\xff\xfe\xa3\x7fw\xc51\xc6\xd8\xf4\x96\x1b`\xecE\x99\xa2\x7f\x9a!\'\x08b\xc7d\x99\x0c\xa5\x93\x8f\t"\x12~\xd5\x19&gt;2~U\x9e{\xe5\x83\x7fJ%\xe2\x9eL\xeb.\x82\xcbHK\x8f\xf6\x80\xf7\xf2\x9e\xec9\xd23\x00AD\xd0\xf9\x88\x02\x91\x87m\xc1\x00\xd0\xac+A$\x12\xb3rLX\x1d\x01\xbd6\xc3,\x87\x1d\x05\x1eO\xa4F\xfc\xb4\nhD\xa4z,o\xe4(\x1a\x1a\xd9\x0cA\x84AK\x80\x08\xa2\x17h\xecs\x10"B\ryq}&amp;Ir\xc3X\xb2l\xd3\x0b\x14z- \x91\x13nVY\xf5]\xa5M@\xd8\xdbE\xf6F\x10\xc1\xd0\x03\x00At\xc2?\xb2\x0f\xb7\x16\x81(\x05\xe3i-L1\xbe\x13\xf3\x04+\xe9c\xc7\xea)L\xb5\xd5S\xdb2\x1f\x9c\x87-\xe4\x8ckT\xe2+\xd6\xd75\x90\xc5\x10D\x0c\xd4r\x0e\x00\x7frN_;\xc9\xe8\x10\x1e\tR\x081.\xe2{\xb4\x82\xee\xb4\x9f\x1eCx0\x9f\x14\x045\x16\xdeH\x88\x19V\xab&gt;\xcb\xf1n\x04A\xb8\xa1\x19\x80\x03P\xca;\'\x8c6]\x9a6\xfb\x11\xc4\xce`\x00\x91^\xe1\x10\xd3#u(\xa9@\xdei\xff_!C\xc6\xfd\xab\xc6\xef\xf9]F\xdd\x0cA\x10Gf\xf6\xdc\xb7\xf0\xbd\x14\xb5og\x9c/\xe0\x8f{H\x10\x87\x9e\x00TH!\xc4\xc0\xd0\x91,;\xa6\xf6\t?y@D\x84\xff\x1aEZ\x82\xa8\n\r\xb7\x10\x1c\xfcb\xa1\xf9\x7f\xfa\xf7g\xad\xd7\xc5\x8d\xd8\x8d\xf2^\x1b\x82 &lt;\xa1\xa3\xc6\xf6\x8d\xb9~{^\x8a\x83\xcb\xb2\xca&gt;\xc5#\x88\x96\xd0\x12 b\x03\xc5\xdf\xcd\xc3&amp;\xa1\xceTNl\x99\xeb\'\xa7L\x10{c\xe8\xe1\xd6\x03\xccL&amp;\x97Nr\xdb\xbd\xcc\x07\xdcI\xf7!\xa33\xa9\x08\x82 \x9c\xa0\x8a\xf5\xfag\xf9\xa7\x9c*\x1aA\x10=27\xed1\xd7\x87(\xf8\xba\xbeQI\xac\xa6\xe5\xe8\x1f\xe9\xc6}\xea\x8a \x88#0r\x8f\x95\x13\xdd\x03@\x9e\x8e\x90\xd4K\xec\x92\xab\xb6\x16\xa0&amp;\x08pV\xe1o.\x8e\xd4\x8d\x1a\x8c\xd7\xea\xbd\xc7&gt;\x06%t\x88G\x93B\xda+\xa8\xe9m\xf4\x04A\xf4\xc4\xf0\xa3V\xd9x\x9b\xa6\x7f\xe8\xe5\x01\x80*\x88h\xce\x99Z\x0b\xd0\x16\xa5\x01\nnS\x1cW&gt;\xd7\x14\xea=\xaf\xa6|\xe9\xacN\xef\x11{\x8cS\xb5\xee\xbd\xe2\xa3N\xf4\xcc\x03/\xea\x0e\xeb\x85 ZAk\xe3\xe6\xcdM\xb4!uB\xed\x0f\x9c\xdb|\x11\xb1\xf0\xb6?\x04\x048\r\xe0\xd2TAD+\xd4\x9d\x8e\xf4\xd2\x06\x11\xc4e\xb7\xe5\xecE\x86s\xaa\xab\xf7\x1bNr\x17\xb68\x9f}\x01\xe0\x9ce_\x1d0\xb9\xf0-G\xdf\xceB#6\x1d\x14K\x10\xb9\xa0M\xc0\xd3\x8eT\xd8\x97\xbb\x8f\'B\x0b\xe5\x1d2\x03\xc6(\xfa\'\x9a"n%D\x84\x07\xb5\x93\xa5O\xc4\xe8\x7f\xfd\xc8\x83\xbc\x0b\x0e\t\x19\xbb^\xf1\x1cY\xb3\xe2\xe7\x16\xd6\xffG&amp;%\x7f\x94;\xfa\xa7\x89\x05\xe2\xd0PPE\xc8H~w\x90\xa7\xa3\xa0\xe1X\x1a\xbb%\xa2\xe1\x87\xb7W\xc8\x9cf\x84\xf0?|\xa0\x97m\xffk\xa0\xd2\xbd\xce\x008\xd7\xf9\xe4\n\xac=\x17\x141\xe9\x14\xd1\xed\xacN\xe5\x80!\xc1U\xe7\xac\x11\xa5\x9b\xbb3\xc032\xa6O\x10\xfdC3\x00\x84\x03D\x98\x97\xe0w=&gt;G\xd1?Q\x03.\xfa\xffY\x00\x80w\x02\x9c\x11\xc6\x19A,-\'\x1f\xfd\xfb\xdf%\\\x8a\</t>
        </is>
      </c>
      <c r="E506" t="inlineStr">
        <is>
          <t>&lt;class 'numpy.ndarray'&gt;</t>
        </is>
      </c>
    </row>
    <row r="507">
      <c r="A507" s="1" t="n">
        <v>505</v>
      </c>
      <c r="B507" t="inlineStr">
        <is>
          <t>steps_per_sec</t>
        </is>
      </c>
      <c r="C507" t="n">
        <v>5700</v>
      </c>
      <c r="D507" t="inlineStr">
        <is>
          <t>2.619924</t>
        </is>
      </c>
      <c r="E507" t="inlineStr">
        <is>
          <t>&lt;class 'numpy.ndarray'&gt;</t>
        </is>
      </c>
    </row>
    <row r="508">
      <c r="A508" s="1" t="n">
        <v>506</v>
      </c>
      <c r="B508" t="inlineStr">
        <is>
          <t>Loss/RPNLoss/localization_loss</t>
        </is>
      </c>
      <c r="C508" t="n">
        <v>5700</v>
      </c>
      <c r="D508" t="inlineStr">
        <is>
          <t>0.117286846</t>
        </is>
      </c>
      <c r="E508" t="inlineStr">
        <is>
          <t>&lt;class 'numpy.ndarray'&gt;</t>
        </is>
      </c>
    </row>
    <row r="509">
      <c r="A509" s="1" t="n">
        <v>507</v>
      </c>
      <c r="B509" t="inlineStr">
        <is>
          <t>Loss/RPNLoss/objectness_loss</t>
        </is>
      </c>
      <c r="C509" t="n">
        <v>5700</v>
      </c>
      <c r="D509" t="inlineStr">
        <is>
          <t>0.025898704</t>
        </is>
      </c>
      <c r="E509" t="inlineStr">
        <is>
          <t>&lt;class 'numpy.ndarray'&gt;</t>
        </is>
      </c>
    </row>
    <row r="510">
      <c r="A510" s="1" t="n">
        <v>508</v>
      </c>
      <c r="B510" t="inlineStr">
        <is>
          <t>Loss/BoxClassifierLoss/localization_loss</t>
        </is>
      </c>
      <c r="C510" t="n">
        <v>5700</v>
      </c>
      <c r="D510" t="inlineStr">
        <is>
          <t>0.11629165</t>
        </is>
      </c>
      <c r="E510" t="inlineStr">
        <is>
          <t>&lt;class 'numpy.ndarray'&gt;</t>
        </is>
      </c>
    </row>
    <row r="511">
      <c r="A511" s="1" t="n">
        <v>509</v>
      </c>
      <c r="B511" t="inlineStr">
        <is>
          <t>Loss/BoxClassifierLoss/classification_loss</t>
        </is>
      </c>
      <c r="C511" t="n">
        <v>5700</v>
      </c>
      <c r="D511" t="inlineStr">
        <is>
          <t>0.060234882</t>
        </is>
      </c>
      <c r="E511" t="inlineStr">
        <is>
          <t>&lt;class 'numpy.ndarray'&gt;</t>
        </is>
      </c>
    </row>
    <row r="512">
      <c r="A512" s="1" t="n">
        <v>510</v>
      </c>
      <c r="B512" t="inlineStr">
        <is>
          <t>Loss/regularization_loss</t>
        </is>
      </c>
      <c r="C512" t="n">
        <v>5700</v>
      </c>
      <c r="D512" t="inlineStr">
        <is>
          <t>0.0</t>
        </is>
      </c>
      <c r="E512" t="inlineStr">
        <is>
          <t>&lt;class 'numpy.ndarray'&gt;</t>
        </is>
      </c>
    </row>
    <row r="513">
      <c r="A513" s="1" t="n">
        <v>511</v>
      </c>
      <c r="B513" t="inlineStr">
        <is>
          <t>Loss/total_loss</t>
        </is>
      </c>
      <c r="C513" t="n">
        <v>5700</v>
      </c>
      <c r="D513" t="inlineStr">
        <is>
          <t>0.3197121</t>
        </is>
      </c>
      <c r="E513" t="inlineStr">
        <is>
          <t>&lt;class 'numpy.ndarray'&gt;</t>
        </is>
      </c>
    </row>
    <row r="514">
      <c r="A514" s="1" t="n">
        <v>512</v>
      </c>
      <c r="B514" t="inlineStr">
        <is>
          <t>learning_rate</t>
        </is>
      </c>
      <c r="C514" t="n">
        <v>5700</v>
      </c>
      <c r="D514" t="inlineStr">
        <is>
          <t>0.039859477</t>
        </is>
      </c>
      <c r="E514" t="inlineStr">
        <is>
          <t>&lt;class 'numpy.ndarray'&gt;</t>
        </is>
      </c>
    </row>
    <row r="515">
      <c r="A515" s="1" t="n">
        <v>513</v>
      </c>
      <c r="B515" t="inlineStr">
        <is>
          <t>train_input_images</t>
        </is>
      </c>
      <c r="C515" t="n">
        <v>5700</v>
      </c>
      <c r="D515" t="inlineStr">
        <is>
          <t>[b'1024' b'1024'
 b'\x89PNG\r\n\x1a\n\x00\x00\x00\rIHDR\x00\x00\x04\x00\x00\x00\x04\x00\x08\x02\x00\x00\x00\xf0\x7f\xbc\xd4\x00\x00 \x00IDATx\x9c\xec\xbdw\xfc\xff_9?~\x9dOK4\x14\xd2\xd0BFD)\x9a4\xec\xa2%eFF\xa1\xcc\xf2\xcdJ\xc9\x17\x91-\xabA\xd1\x17_d\xa4/?\x12\x92\xca($e\x84\x8c4do\x15\xd7\xef\x8f\xc7:\xe3:\xe7\\\xe7\x9c\xeb\x8c\xc7\xe3\xf9\xb8\xdf\xea\xfdy\xbe\x1e\xcfs\xae}]g&gt;\x9fO\x80\x86@\r-\xf9^ *\x1byd?&gt;s`\xd9B@\x07\xbd%:\xe1E+\xef\x84\xb9\xe0S\xe78i"LRX\x1a-q\xf9\x1fhO~\xae\x91\xd8\x9d\xc1\xb1X\xdc\xb0Be\xe1\xbaP)n\xdb\x16\xab\x0ck4\xab\xa8M\xaa\xf7\xc2\xa2\xdf\x181\xf8\x08\xe5\xca6\xb2\xb4\x97\x83\xf2\xa0\x19*\xecLI\x06\x12\x0cj\x0f\xae\xdd\x0bP\x00UKp\x01\xe5\xc8\\mW\xb3\xff\xc1\xc5[QK\xce&amp;\x0e\x8a\xcc\xec\xb5Pi!\x0c\xa9r^\xac.2\xa3\xf9\xe7H\x10J\xc3Oc\x11a\xd5\xd22y\x10\x11\xe1V\r\x97\x8bu\x91V\'\xbb\x17Ui\xee\x9a\xfa\x9d\x94\xd25\x1a~\xb4\x02\x80\xd1\xa6g\'\xb2\xd0=\x93w\x81&amp;&amp;\x1a\xdc\x05\xa3\x89\xc7\x9c\xdc\x8f&amp;6\x8d!\x13\xd07\x16\x8a\x88\xba\x12\xb9\xd9\xf2\xa0\xba\x05\xa2Y\xac\xcd\xfe\x9b\tC\xec\xabe\x05\xc3;\x8bHU\x15"U\x14\x11_8V\xb2\x0c%L.\x12\xa7\x01\xdd\xa7\r&gt;\x01\xfe=_\xaa\xb4%PUd\xc9\xd0_\xec\x13\xe3\x81\xb5\xa2=\xc6\x1eFE\x0cR\x17Nh@\x0b\xbd\xe5\xb10\x9a&lt;\xc9\x08\xccPe\x99,,\xaa/\xb09\xa1\xd20\x90hI\x86\x0c\xe6\xa1p\x8eVu\x90\x12u\x03T]y\x014\xa5v\x16`e\xa6\xd0;\xfe\x91\x804\'\x04 \x12\xdck@?*sM|\x9e\xf2\xf0\xb1\xd3\xda1&amp;8\x15m\xec\x05\xc0\xfe\xd1\xc0\xaa\xfa\x88[\x99\xd7\x16\'\xa3\x87Jz\r\xb1\x13\xe1^\x87\xce\x08\x04\xb8\xa7(\xb5\x0b\x84\xc09\xcc\x01c\xec\x06{)\x11\xe2\x98k\x8e\xfc\x1c\xe6xA\x12\x83\xd2^\xa3\xf9g\x02&amp;\xab)\x05I\x14\x10Q]\x05\xe0-j\xfb{\x92I\xe5\x881\xcb\xb0\xc8q\xc2\x8f\xc9\xd1\x08x\xdaJ\x06K\xfc\x87\x8di\xd4\x96\xbc ?\xd1\x15\xb3\x07\x95\x82\xda\xb9\xc3\x8b\xa8\xad5h\xb5\x17\x11\x07\x8f.k\x94=\x8b6\x13\x88\xb8w[\xa5\x05v\x1d\xfe\x83gG\x12\xdc\xa9Wo\x0b\xef\x19\x88xa\xa6\xbbB{\x9d\xaf\xf6b\xb2d\n\xf8\xe6l\x9e\x84\x0c\x7f\x08\xfb.\x8e\xad\xb08+\xc1V{\\\x16\xb7\x93Y\xb1l\xa9\xd4\x9f4\x90\xe5\x84\x05\xc10P\xdb\x8b\xb2:\x13\xddgJ"O\xd1\x1a:au\xed\x14/yN\x00\x80z\\\x9d\x01\xae\xe1\xae\xa7R\xaa\xeb\x04kb\x9d\xa6\xaf\xb6\xcb&gt;\\ZM\xc6\xd4&gt;\x8e;\x9c\x841\x0c$\xb3\xa8\x1c\xa3(\x95\x81z\xa2\xdf\xc5`c\x1d\xb8|\xf9\xb8\xe7t&gt;\xa9\xb4\x13\xa8Q\xc4\xaer\xdcYD\xad\xfdE\xa3\x91\x0fF\x05\xbc3l\x9a\x8c\x88\xaf\x92\xff\xf2\r\x00\x04x\x82\x04\x9dH\xab\x02\x16\xa3\xe3\x98\xb72v\x80\xfd\x19\xdc\xbc0\xd6\x8d\x7f\x0f\xd6,\xacE\xa9\xb7\xa1N\x1c\x02\x88x\xd7\xd2\t\xdf4z\x91D\x8c\x87F\xa4\xee;v\xbf\x0f\x00z\x97\xd7j% \x9f\xdaGt\xf1\xe9n\xa3\xe8\xc4.\xf0\xc5\x85\xfd\xcf\xf8&lt;\xd1\x1a\x02!\xd7&gt;h\x91D\x03\x96UY\xc8b\x13x\xc0\x05\xc0_\xad\x92\x9c\x1f8\xdc\x0bJ\xa3\x07\xcd\xaf\xcbp\x89{w\xd3\xb5\r\xb6&gt;\xc0qw\x8e\xe30K\xa4\xfc\x17\x0e\x08\x12&lt;q\xa22\xcep=q\x82\x01VaGx\x1d~P\xd7\r\xf86\x0b\x80\x8e\x13h\t\xa6\xe3-\x00\x00`\xac\xe3\xbe\x11d\x18\x1aO\xece#3\xc3\x1f\xdbQ\x86.\xac\x85PEx}]\xb1s\xfb\\(.\xcek\xab\xbe\x17\xa08\xa7j\xf97\x05\x1e\xd2w\xcf\xa5\x13\xc6\xd27}\xdc\x91\xab\xc3{H\x90\xd9&gt;\xf5E\xad;\x01h0\x0f\x1e\xd2\x9b\xbb\xdeW=\xd1\x08\xcdV\xf9a\x19F\x1b\x1bF@\xf7\x93\x99\xf1\xf0\x94\x8b\x9bR\xef\t7B\xf3L\\\x84\xe8\xae\x871\xca\x0e\x0f6\xea\xednU\xcb\xc2P\xcaN\xae\xf9&gt;n\xd3\xb2\xa8\xb6\xdc}\xd61\x1dR\xe5\xe2\x89\x14\x91\x916\xc2\x1b\x03\x01\x00\xfe\x82\xa7\xf8A\xecs\x0c-\xaa\xc2\x1ex\xac\x05@\x17\x0b\xfec\x0f\xa6\xe3\xe3\x8cf\x1b\x97Z\xcaw\x81\xcd5\xa7\x9b\x00@\xff\xf8\xb2f\x10k\xcb\xa5\xbc\xe4^\x84\x9d\x07\x88(/w\xce\x14\xd3\xf6\xfa\x99\x1d\x1b\n\xb3\x00\x01\xf0\xd1~\xc3^\xae\xc1/0\xd8.J\xd9&lt;xb\xa2\xef\x02\xe0\x84\x8b\xd3\x1d\x048\xe5,\xc9n\x97U\x1f+\xe3\x8cX\x0b\xe4\x9cO_\x12\x94\x87\xdf\xa5D\xef\xc0y\xcaq\xa5\xd1fTE\xaaB\x9b` \xf5\xbc\x04?q\x98\x95\x95\xb0\n\xcf\xdf\xbdA\x92p\x80\x00h\x806yr\xba\xa1\x10\tn\xba\x90\xb8\xd7J\xbc\xd8\xf5\x12\x99\x19\xd8\xe3\x8eo\xfc\xbda\xb4\x8c\xa8$\xcchj\xea\x18V0\n\x05f\x8cN\xee\x9du`\x1d\xcb\x88DBM\xf1H#\x88\x0c^u\r\xbb7\\\xec"s/\xb8r\xac\x01"\x82z\x1b\x80\x7f\xcf\xfb\xf1\x0e\x0c\xfe:\x98R\x80\x05\xbf?\x16g\xf7\x97\x887\x06\x00\x18\xfd\xa71w\x01\x8c\xff\xc2\xe8s\x1b\x89\x12\x06b\xed\x9f\x16R\np\x8e\\\x01F\xfa\xa8\x83\x05?\xf6y\xc6\xf8h\x18rN\x9c\x1e%\x8b\x1a\xfe\xf4GxQ\x81D51\xc9\xbe\xa7\xd4\x10\x92\x15\x01 V\xb1+UJ\x04P\x91\xa1?B`\xb9\xa4V\xc7q\xb3Q6.s)\xd7~O\xb7\x10\xf5\x87\xa0\xdd`\x8eC\x18%\t\xb5\x820\x84&lt;\x83\xa3hc\x92\xb1\x14\x96\x1c \x89\xd3\xb7C\x1c\xc6eCJ\xf7\x94\xfd\xe9*\xa6\xbew\x8a\x16\xa6\xa8;\xd8\x81@\x07\xbd%:!\x02\xbeCo\xdbB\x9c\\\x84#s\xe8\x88E\x04\xf8\xfc\xdeB\xb4\x83SF~(\xdc\xa0\x92\xe3\x04\xf6}\xdbTBDD\xbc\x97(\x97\xb3\x86\xeb\xd0\xac1\x8aAV\x91\x1e{\xfa\x88\x81\xcch\xee\x92\x06d]\x1b*\xf8\x1aC\xca\x05\x9bU{\xe5\x0c\x9b\xef\x83\xcd\x00\x18\xaf\x16S\xf2\xd8C\xf2P\x02\xb3\x90o\xe7F\xde\xe9`R\xe64k\x173\x06Z\xc8\xe5#\x04}\xd7\xd8\xdd\x05\x10BT\x85\x97\xc2\xbd\xe2j\x86\xcb\x88Yi\xf2\x8c\xc6\x95!\x8b\xf8\x05\xe2S{\x0bp\x81\xc0]\xec\x0c\x0e\x81\xbc\x19\xc98\x0b\x80\xc1QOZi\xcaE#}\x990TG\x92\xda\x93\xec\x00\x18-\x1e|\xf2H\x0c\xcc\xfb\x83\xa9oU\xad\x11\xe0\xbbk\xd27\x999\xe04n&amp;^\x1e\xb6\x81\x00\xe7R0\x88\xe4%u\xa9\x15\xde/\xdbP\xa9\x95ai\xe6m9\x88\xd7.\x03\xdd\xce\xcc+\xc0\xdaS\xfb\xd2\xbe\xd2\x9ch\x86.s\xbe\x12\xec%\xa3\x00\xea\x94\xe31\xa7\x92\x05\xc2\x90\x1d\x89\x87\xef\xe9(&gt;\x9e\x1dhyR\x87\xf9\xdd\xc2\xd0\xce\xd4\xf78Z\'zs\x8fg&gt;\x08\x00\xf0\xd3h9t~\xafz\x0cG\xe6\xb8\x83\xa1(\xb5\xb5\x8e\xdc\xbe\x11.{2]\x1e\x10\xe75\xe1\xb1\xd5\xec\x84\x1fL\x0e\xc8\x13\xfb\xc5\xfe\xdc\xbc\xaf\xf9S\xff\x05\xc0\xae\xcc\x15\xc3\xf8\x0b\x00\x1a\xf5\x17\x00\x03X\xc0\xd1n/\xde\xc9\xc0\xac\x17s\x01\x80\x08p\x87\x16b\xc9\xe0w\xeb\x87k\x18{\x8a\x19tP\x89\x858\xd9\x1e(\xd7\xa2odf`\x17B\x1a\xd8\x95y)|\xd7n%o\x8bu%}\xa2\x1a\xba/\x00\x8e\x05W\xf1\xbd\xd8\xe1\xe8.\xf3m\xf3\x1fU_.v\xe8ws\x8e5\xa8\xe4\xb4\x84=\xac\x8d\xfao.\x17\x04|\xe4V\x0f\xfc\xf2\x98\x8e\xe0\xa3\xc8/\xeeBk\x0fi\xd5-}~!7ywb\xd80v-\xbc$\x88/B\x9a\\\xab\x94\x82\xb7 ^\xe9\xfc\xbe$\x0e\xa6x\x1a\xc5Jkr^\xe0\x97\x9fR\xba\x1b\xc5\xaa\xc0&amp;X\xd5\xc5\xe9^C\xc0Q\xbe[\x8d\x81\xba\xd6;\xd1\x12\xf3\x18\x01\x8d\xc3\x8f\x1fB\xf6\xfcd\xcd\xa9K\xae\x8d\x01 \xa2f\x8f\x8e\x96\x89\xb8\xd8\xe7&gt;r&gt;:}Y\xb3\xdbx\x18\\\x1f\xf1u\xd0M&lt;D\xcca\xbd\xcd\x0fw\x8cs0\x9a\xe1\xfc\x0e\xc0\x9aH\xb3\x9b\xe1\xb4\x94\x1fs\x18\xad\xf7M\xa6\xfft7\xda\xce\x93\xb3\x08\x8aX\xdd[\xcf\xb2\x93\xbf\xc9o\x0b$\xf8N9\x12\x8d\\\xd7\x86\x15l\x18,\xb3\x98x\x0c\xe0\xf4#\x14\xddL\xda\xbe\xc2\xe06\x1eq\xa0\x94\xda\xe6\x84z\xaf\xf4,#d\t,\xbc1\xfec)\x83B3W\xc72\xc2\x9a\xfd3\xf1\xca\x04G\xa7\xa8\xcc\xcf\xd3\x08^_\xd6\xbd\x10\xf9\xe2\xef3\xc07 \xc24%\xd8i\xaa\n\xe2\n\xebo\xd4_(u\x0e\xdb&gt;|\xf3t\x08\xf60\xe2H7\xadL\xf5\xb8A{\xe4#05\xe1\xef\xadg\xbd\xc4I\x80\x80O\xf6\xa0\xe6\t\x0f\x12\xfcO-s\x8f\x8c\x9c"\xa9V\x98y\xa1\xb2\xaa\xc1\\3\xe7{\x13\x91\xb6\xe4\xfbC\xdf\x9a0m2b\x19\xd1\xad\xc7\xf4\xe0-\x936S\x16.\xd1\xfb-\x82^\\\xe2s7X\xd7&gt;\x9d\xe5\x90\x80c\xf8q\xd3\xb3\x1dx\x97\xe7\xb6\xbb\x8cr\xb7\xc1\x86\xbdK\xea\xc5b\x04\xe3\x1b\xf1R\rb\xde\xc3\xabj\x81\x1d\xdd\x8c\xac\x81E\xf1Au/\xbf"|b\x0f@\x84\xbf\x88]\xe6\xe6\x11*\xa6\xb0# "\xc2\x0b\xdb\xe9e\x98Q+\x1a\xd1\xfa\xe9\xab0\xb5\xfcr@_[p\xc7\xd6P\xe4/m^Y\xc8,\xa9\xcdA\x93\x8e\xc014}\xfc9\xce.\x08]\xa4\xb3nQ\xebKU\xbb%\x94\x1e\x0b\xe1!.\x96\xe1\xf6\x03\xe0\\Ep\xbe|\xa9\x16\x0b$\xf4M\x85\xee\xb5\x9d\x9b:\x0f\xe3\xee^\\\xbck\xf6\x8ev\xb7&amp;p\xbad\x82\x88[\xe1\xd5\xb9\x8f|\r,\x1f\r\xca\xa3\xc3\x8d\xca\xc4%Q\xbdI\xfa/\x08\xd7\x04W\xc8\xb5\xceK\x8aI\xdc8\xda\xd7\xe7\x82\xe2p\xa7\x9bU\xcb\xe3\xca.\xc0\xc5m\x83\x88\xcd?\x0f\xd3\rN\xc8%\xe2\xcd\x88W&gt;\xc7\xb8Q`_\x01\xd2\xe1\xac\xb6\xe9\xcf\xd9h\xff)\xc5\xce\x17\x97\xf7x\x12\x00@\xf2\xbd\xa9\xf5F\x1a\x00\x00\xfc\xb9\xa8Hc`\x08\xb7"\xbc\r\x1crntb\x00\xb4\x99\x95\xae\xdbo\xd3g\x00\xd6\xdf\xe5\xd2+\xe7\x01#\\\xdb\x8co\xc3Py\xeffD\xad{M\xab\xfe\xcf\xfez#\xabs2\xccM\xb9\xa3\xcd\xfe\xdbo\xd3j\xd7\xc6\xe20V\x02\x872{\x08\x85swt&gt;v\x9aL\xe1\x10\xa7\x10C\x02\xf1/\xd1\xfc\x89G\xed\xe8\xd3h\'\xef\x03\x83\xdd\xa5\xa2\x81\xfa\xed\x0f\xbfB\xe7\xb6-\xc5\xc8\x96\xa1Z\xc5y\xb0\xcb\xa7\x02\x97\x9d\xe2~\xbb0H\xcb\xd8\x9exi6Y3kt+-Bf9\x94q\xfd\xa3-\xf8b\xac-\xd3F\xb7\xac\x82\xf3\x89\xe3\'K*\xd0\x81\x1c\xed\xa7!"\xc0W\x14J%\'\xcf\xa5\xc0o\xb7wM\xa2!&amp;\xd0\t\x0b]\xe2{\xa4\xfa~B\x14G\xf0\xecYq\x1a\xc3\xde\x80\xf0\xb5\xea\x1bW}\xe7\x01\xbbK\xab\xdc"?\xced\x8b%\x83=g]\x96m)*\x0c\xa2o\x11\xca\xbdFYR\x0c\x0f\xc9M\x9fs\x01p\xe2\xc8x\xbb\x1e\xc1\xedd\xd4`c\xdb\x85\xa6\xba\x8c\xd6\x9ag\x11\xe0Icxv\x04\x19N\xf8\xb0\xce\x14\x87vS\xf2T@\xb2\x8c\xec\xf1\xbc\xb4@\xe6\x9d(\x8bA$\xd1\xa9\'d\x0bd.\xf6\\\x1a\xab\xe9\x061\xc8\x80"]\x18\x10\xe1\xee\xc6\x85\x94g\xee=Y\x86\x03w\xb5-\x99\x06\xdb*\x7f\xc4\x04\x1bG\x92\x96\xa8\xa3u\xc7t\xfd~\x04@\xf8\xe9A7o\xc6\x94jlt\xb6X\xe2\xdcNJ\xda\xd1\xca\xe3\x89\x19\xc4\xa4\xffB7\x8c%\x94\xfd\xe2\x1c\xa3\xd5\x9e\xa0#"\xfc\xd8\xf8\xae\xc4\x87\x1d\xb4D\xd8\xa9t\x89\xc9U\x1d\xa1\xd0\xd1\x13\xac\x8e\xe9\xf7\xb8\xb9u\x82\x8f\xeeW&amp;\x9e#$\xc3Yzz\xa2\x97\xf1u\xbe\xed\xb7*\xf4\x99e3\xa6\'\xb8\xf0\xce&gt;/\xd6Y}\xae\x12\x9c+d\x008\xa6\x05\x88/\xa79\xa2\x9a]\xf1\x08\xff[\x17\x98`\xe7X[\x15\x08\xf0\xbb\x15\xa9[\x1br\xa2\xbb\xb0\xd6&gt;\x9f\x10\xe5\x13&lt;\xf4\xb0\xb9\xb5\x9b+4\x11\xe7*bF\xf2P@\x00x\xcd\x05\r\n&gt;\x0c\xe8\x1a\x18\xea\xc8\xa8\xb6}FM\x90\x13\'\x86\x03\xf7\x87\xb2q\xfa\x1d\x003\xab.\xe4\xcb\\\'\xa5\xa5\x94\xb5\nS\xe5o\xb6\x9e\x1cW\x95\xc5\xe8 G\x82roz\xc8B\x99\xa9q4O\xc9\x06\xbf4:\x84\xf7\xea\xf7\xf5\xe7;&amp;\xe3`\xe2\xd7c\xa7\xb6\xb7\xb8Cz\xb0\xa1\xd4W\xd1#\xa2\x13\x12\x88\xb8\xfe&lt;qv\xb4\x98\xda\x8d\x19r\x11\x8c\x9a/C\x15\x96\xa1\x84i\x8aXx,\x13\xad\xdd\xe0r]y\x0c\x84~\x07@\xc3\xc3\xd5\xf6\xb5\xd33\x9a\x87\xe9(\x1b\x18\xb2\xf0\xecS&lt;K\x88\xfa\xca\xe2\x80\xa6c\xe2N\xce\x13\x91\xc0u\xe3_\xa9\xe5+\xc0s\xf6\x9f\xa6c\x04\t\xc92\x18\x0f\xb3;\x98\x86-\xbc{0\xc7\x85\xf7r\x08\x90t\x1a \xb1\x04\xe5\xb5\x9a\xdb\xdd\x14\xb6RP\xe6n\xf2\xfb\xf1\x95\x02U\xfa}\xe8\xabM\x04w[\x02\x9b\xc1\xe2\x07\x83\x03\xef:\x0f5K\x1bJ\x98\xa1\xc0\xfd\t\x82Q\x90\x18\xef\x03\'\xc8\t\x06$\x0e\xd72\xabm\xc7C=Y\xd6hB\x8al\x94WUF\x83\xa3\x9e\x1d\x1c\xca/\xce\x9d`us\xd3\xae#\xa4\xbd\xd8Ha}\xfa\xb8&amp;\x19m\xaf0i\xa6\xb8v\xb0$\xbf\xcf\xc5|~ \x10\xdb\xa4\x1f\x0b\x13a\xd7\xa9t\xe2De\x08o3\x9d\xb9\xb63l\xf5\xf1\xe1{Z\x00\xf0\x17-L!\x1b\x8e\x13\x02\xa3\xdaAPq\xd2\xc3\r\x8f(\x1d\x01Y2\xb8\x9e\x11\x92\x02\xdf\x94\xb1cR\x07\x98Z\xcdJ$\xfc\xe3\x1d\x06I@_\xef\xf4\xbf\xc0Jg*\x15\xe34\xdd\t&amp;\xd6\\;cf\'\xd8\xeacN\x89\xecXX\xb9e]4"e\x94=\xc7\xa4\x13a\xbc\xd7\x19\x1e\t\xf0O\x16\x1b\x0eEfR\x07\xdd\xa79\xf7\xa7\x10\x01~%o\x19|\xc82"\xbe\x068\xa4\x95\xda@\xd6n\xa7\x0b.\x01g\xba\x95\xa3\xe9\x85\xb3\xd5Uy\x17\xdd0\xebcs\x12\x98\x05\x8fr\xc7\xf9#&gt;Ph\xd8\x99\xceB\xab\x10(\xf5\xe1\xbf\x13\'\xf6\t-1\xa1\xf0S\xda\xe4p\xd3\xb8.\xb9B\x04&gt;V\xe8\xe8\x8b\xcbc\xb6\xccs\xf9\x83\x83\xd5\x10\xce\xd4!\xf5\x83\xdd\xa9]N\x00\x806\xc2By\x8c\x15N3N\xec\x05\x01G\x9f1\xc0\xc4\x95[2+L\xef~\xbeT\x89{{\xa5r*\x05\xd3\'B+}\\\xf5\x04\x1f;,%\xe773\xd0X\xbe2\xa8\xc4&gt;F)\xd8\xc3\xbaz\x13O\x9f\xef\xa6\x05\xf3n"?\rS\x99\x8d!!Z\xf6S"\x06\xc5\x92\xa1\x97\xc9&gt;\tS\xe0\xce\xdf9\xb1\x1f\xb1u\x9c\xe3T\x7f0\xbf\x05H\n\x85\xdf\x90\xd8\r\xea=\xe2)\xf6\x93\x92GQj\x82\x10\xb5\x91\xef\xc9\r+\x98\x81\xbd\x15\xd8\xc6\x07\xa3\x827\xdf\xc2x\x9b\x12\xbd\x96\xafi*\xf2\xe5\xbf.\xa4\xb6/}j\x0e\xa5\x81\xddi\x1f\x89\xd6\x16;\xcb\xea\nX/QT\t\x0f6q\x81\xb3\xb9\x8dVrj\x00\x08U\xcc\xaa7R\x0c\xe2\xdb\x17\x8f\xed\xf7\x06L\xf9&gt;\xa9\xec4\xe9\x121\xb8\xed\xb4enWpn\xd1\x0c\xbbU\xdc\xfb`\x1a\xddm\xc8\xc5\x98\xdc\xbbU\xb5\xa4BD\x88\xec\xe3fZ\x0f\xf1xW&amp;\xbaC0\xc5r\x93\xa2c\xc4\x16\xc2\x98)\xecP\xfeZ\x08\xcf\xa0\x8a\r\x85i\xb7\xad\xea\xc2\xdes\xcd?\x14\xe22\xe4\\\x1e\x1bf\'x\xec\xadt\xfb\x82\xf1\xd8\xd2\x0e\x00\xc4\x9d\xfd\xa8B\x074&gt;\x01H\xc20u\x01\x00|_\xb5\xb7\x07\xf4]%O_Z\xb8\xfda\xfcw\x12\xedQ=\xe4R\x00\xb7\xe4\xb84\xc7z8\xca\xc2\xb57\xc6\xfc\x90V\xfe~\xe76\x9f)\x13\xa0\x83MFs\x82,\xde+\xdf\xa45j\xe3\xfa\xf1\xc4\xef\xf0\xff\xb6\x87\x93\x1akX\xdeF\\\x9e\x85\x9d=\x8c\x89\xfe\xf0\x02\xfd\xe1\x18F\xb6\x0cS\'\xf71YT\xd6\x7fw\x85\x96eH)\xb5\xe7y\xdb\xe5\xc2\xf8\x1e\x86O\xef.\rl\xc2\x04\xdb\x1d\xf63\xe9E\x1a\xcd61\xbf*q\x14+\x8d#\xc9\xee\xb1\xcc/&lt;\x10\xe3!DM\x0fK\xe3Iu\xf4\x8b\xff\xe6\xdfV\x14\x85\xe5\x82l""&amp;\x95\x8a[\xa3\xfb\xe7\xe2O\xc4\xbe\x87\xd4e-\xeb\xa0\xc9\xc8\xb5\x0b\xefYHO\x8c\x87s|\xdf\x15\xbel\xab}/\x9d\xaa\xd5sB\xfek\xe5\xda\xef\x8f\x97N\xf1\xb9\xceH(\x1a\x906\xb3\x14\x8f\xac\'\xc6\x05\xb5\xc6\x13w\xb79C\x12X\x97\xe22\'\xde\xfe|\x97\xba\x91\xe91H\xedt\xf8*\x83w\xaa;X]\xf2\xe7\xca\x19\x1d]"\xc2%\xa5\x80\x1a3\xfe}\x99\xa2E\xb8\x0c*\x91u\xd9\xe8\x7f\xd4\xe22\x1e\x98\xb1\'\x1f\xa2\x97\x87t\x1b""\xc2MO\xb3\xef\x13\x88\x08\xf0.\xc1w\x9fL\xbe\xb36\x10\x1a\x1b\xe2u\xb3E\x85\xb5E\xda\x07j\x0fou\xb1#Q\x87\x01g\xf6SB[\xe4T\xf7\xffh\xa1XGT\x1a.\xa3\x1fj\xc1\xb7\xc8#\x15-#Fy\xa0&lt;\xf5T&lt;\x03\x1fJ6j\xb2U/\x05D|OR\xc8\xfb\xb6;X\xf3\x9d\xae\xb4\x05KAN\xf6\xed\xc2\xef]q\x1ag\xaf\xc8\xf6\xdc\x0b\xbd\x14cS\x01\xb9q\x1d\xa3\xbc\xd6+\x10\xd6\xc32\xbe!ve\xdd\xaf\x9b\xcb6\x99/g8\x1c\x13\xfb\x92v\x1cT\xb6\x9b\xf0\xce(\xc0\x9d[Ff\x97\xa0J\xc8\xbe\xb9\xc1\xd5\xd7\xbf\x96\xb9\xf5\x99\x05LX\xa6\xa6\r\x1e\xaa\x8a;);\xd4xG7\xab\xa3\xcb\x03?\xbb\xaf\xa12\xf6\x86\x16\x81\xbfHT\xe6~F\x18=DO\x8c\x03\xd4\xc6\x12\x07o\x89\x9f/\xbb!\x1e\rz\xb9q]\xa3\xf3\x92\x84+I/\x18r\xff8\xdb&amp;\xaf\xc9\xea\x980\xf9\x18\x0b{\x94y\x14 \xe2\xdbI\xdb\xad\xa6/VG\x7f_\x1d\xfa\x06~u)\x0b\xeb\x1c\xb16G}&gt;\xcai\x86\xe6m\xae\x01\x8b\xd8\xc0\xb8\xfbf\xb7\xd8^\xaf\xb7e#\x9b\xb7pk\xa5\xb4e\x8c)u\xb5\xcb;\xb8\xab`\x8d\xcf\xabj\xe1\xa0\x19\xcf\xb2p\x82\x8bW\x97\x0c\'\x05\xe3\x90\xc0\x1c\xce\x99\xc2\xd2\xd4v3Y\xd4\x86\x1cS#\xd62,\xd9\x11\xb6\xf5v\x83\xa3\xcc~vfv\x0f\xbe\xe2\x10\xbe0\xd06#\x12\xb6K\xb0\xde\xcd(\xd6\xf9\xc3\xee\x115\x1a:h&amp;\xdb*\x02\xfb8\xb7T6q\xed6\xa3\xf9(\xd7*\xdd\xef&amp;M\xb01\x82F\xa3\x9a\x17\xb2+\xeb~\xe2@()v\xdd\xa7\x8f\x9cz\xdd|\xbe(\xc1\x08\x11\x11\xbf:\xc1\xb0\xef\x9c\xae\xe3y\x8b\xa03\x0e3\xa9\xea-B\x1c\xbb[\xe5\xae\x08/\x00\xa4\x94\n\xd2\xe9\\\xe4[\x82\x1aP\xf8\x8a\xff\x9cD9\xfd\x83\xb2\xee\x19\x10\xbe\xbcw\xecP\x91W\xf0\na\xa3\xa5\xad%N\x9c\x80\x82\xb0\xee\x1dm\xd1z=\xc4\x12\xa5.\xf5V\n\x1e\xa8\xb8\x8f\xa1\xc5A\x8c9:j\xcc\x98\x9b\xc1\x16\xfe\x15\x088\xff\xef\xdd*\xea\xa2S\xce\x98\n\xef\x18\xd4\x1a\x80\xdbk\x8f\xfb)\xa2\x19\xb1\xcb8ADP\x02\xc7)\x99\x96\x14\x9fAU\x9c\x92\xed\xcc\xb3\xd9\xd8\xdd0Q\n!\x85\x11^\xd7e\x88%\x8b\xf5\x10\xa3~E\xee\xa1eO5\xd41is\x1f]Xz_6\xa8)\xddnV\x02]V/\x14\xa3}\x98K\x06E\x0b\x00)&lt;\x88\xd7,\x8f\xe3\xdc\xcb\x11\xfb\x92\xbc,\x87\xee\xd3\x8cV8\xbc\x82\x17\t\xb1\xe2\xf5\x19]\xe3\xc3L\xbf\xe0\xc0\x19\xfc\xb4\x80l\x1d\x7f\xa5\xb8M\xee\xb1\xbe\xeaSt\x16\x93\xfe\x9b\xe8\xa9%O\x91\xfb_F\x9d=!\tw\x01\x80\x157\xc9\xe4\xb0\x179=\xd8u\xaa&amp;.\x00j\xac\xd0\xda\x1d\xeanb\xef9\xde:\xa2\xc1\x12}\x80l:c\xe3\xb8(\x88\xad\xad\xe3\x80\xc3\x95\x9b\x96\xfeD\xd2sXj\r ]\x14F9`\x95/F\xc8Sm7\xb37i \xe2\x8d\x0f\xa8u\x8b[\x13[\xcc\xa0\x95\xe3\'r\xc0\xaci\xbd\xa6,"S1\xde\x94n-D\x19\xab\xca!\xc2O\xd3\xf1\x8aY\x9d\x88\n\xb7f\x92\x94\x92p\x17\xa8\xbf\x00H"\xfe\xdb\xd2b  \xc2\x8d/q\xd8=\x91\x80]d\xbe#\xa4q\x18*/\xbf0\xcd\x12R]\\\xc3\x9el\xb1\ru\xc1\xb3\xb7\xcaZ\xbf\xae\xe5\xcd\xd1mF^Y\xaf/q\xb7\x00\x06\x8a\x9f\x9a\x1f\x10zs\x05\xe2Yu\xb2\xdd\xa4Pj*\xc6\xa1S\xb0\x92\x1cg\xa0\\\xd7-\xb3"\xe62F\x7f\xc15l\xe2B\xe8\x08\xa8\xbf\x00H\xd9\xf9\xfa\xfc\x1ab\\\x96CO\xe8\xe0F6"\xde{\xf4\xccw\xb3\xc8w\x1br~X\x1a\xfa?\xddn\xf0\x0b@+\x1f/my\x8c\x90R\x16\xfb[\xe9D\rX\xebm\xd4v\xe2?\xba\x85\xc7/5\xaej\x95\x9d5\xa3\xb9\xcbu\xf1\xb9\x11I\n\x1d\x94T\xb9\x80\xd86\x97t\xbd\x1c9{\xc2\xb5\xdb"\x92%\xde\x97T\xfa\x00\xd8\x01\xb0\x9aEU\xb4LR&lt;\x97\x8b\xd1\xd0\xc5\x92w.NHc\x9cR%\x80\x88"\xee\xf3\xb2\x1d\xf7QLG\x16\xf95\xebj\xca\xc6\x1e#\xb3G\xd3K@\xef\xf8)\x84&amp;&lt;\x11\x81\xb5\x99w\xcf\xbe\xc3\x81;\xf7\xad\xe4k\xb2\xa2\xfa\xea\x1b\xd1"\x81\x87\xb7=\xbe\x7f~mw\xe4\xec\x1f\x9f\xa4H\xaev[\x83G\xf7\x97y(\xfc}V$\xf0\xd1\xdc\xda\x99\xb1]\xc2\xea,\xd4C\xe2H\xeeIW$Eeb\x0c\x1a\xc2t*"XU\xd9V.*\xd6\xf2\x8d\xdd\r5&amp;f\xb3\xdcy\'\x96\x89E\xd42\xbd\xb8o\xab]\x9f\xfe\t\xd8\x0c\x83\xa9Y\xa7\xc8\xd0\x155Z\xd9\xd2JqLr\x04{y\x93,\xff\x08C\x83\x01]$\xf2\x033\xff("\xb6\xc0\xb1L6\x85\xca\xa8x\xff\xa7\xc7\x06y\xa3c\x84\x11s\xa17\xa2\xb3\xa5v\xd0\xbd\xa2\x14\x0c%[:fm\x94\nk\xb1NX\'\xddy*\x07\xe37\xc6\xb1"V\xb9\x14\x95\x91\xc2\x82-\xf6\xb5X\xf3\x18\xfd4\xc0\xbdw\x1e`\xf2\x98l\xb8\x97\xd4\xb3\x92\xc0u\xfa\xa2N+]\x16\x81\x14la\xc9\xe9\xd11a\xb3\x81\x88{\x14\x9b\x01\x04\\\xdd\xe7\xab\xe1\xcc\xda.*\x16"?\xae\xf4~K\xf7\x11\xf3\x1a\x11\x95\x8a\x1fKp\xed\xbc(\xb9\xfe=\xf5\xce\x13,\x8du\x90N\r\xcbW+\x1d\x9c\x1d\xb4\xbd"q\x92p\x11\xb8\xa2\x17\xe3\xe0\xb6\xc7\x00g\x95\xa5`\x85\xd7\xab\x11\xee2\x1b\xe1\xb6\t\x89g\xc6\xae2\x91*\xe8Na\x86\x8e\xb5t\x8c\xe2&gt;\x07.s\xd9X\xc2\'\xc12\xbdvS~\x82`\xda\xfb\x8a\xb3\xf3\x82\x83\x9dF\xe1!\xeb\x8c\x15\xcb\xdak\xdd\xa5\xdf\xff!\x08\xaa\xb6\x05\x9c\xf0VJ\xa5\xcf\xfe\x01@\xc1,\xac\x1a0\xd6&amp;\xa9\xc2j\xb1\xed&lt;\x99L\xb7\x9b\xa5rB^\xceu\xb0\xd4\xc5\x15+R5w\x0e\x17$\x820\xfd\xb9\xfb)\xe6N1\xcf\xfb\x9d\xb3\x98Q\xcf+\xab\x83\xf3\x9dh6&gt;wHC9g\xce\x9a\x90\xdf,/\xa7\xb1\x80L1\xc5hv\xeb\x05!;t82&amp;\x02\xcc\x11\xa3\xb1\x977I\xce\xd0\xda\'\xccX2B\xeb\x96\xcb\x0b\'\xe4N_\x07\x80\xcb\xbf&lt;+\xc52:\xda5\xd0\xa5}\xcd\x1fp\x80\xbet\x04\xe6\'\x00g:\xb7\x80w\xe4.H\xfery\xda\xf0\x92\x95a\x04\xc9)x\xfc\xdb\x02Od\xb6k.\xd8\x88\x08;h\xc8\xd0Z\xe1\xab\xe0\xa3\xc8\xd4[\x16i|\xeb\xe14\xa2\x10\x98\x1c\xd8O\x88\xc4\xc90\x91\xce\xe2\xe3\xa5\xb4\x18\x04\x05\xe9\x99i\xc9\xb1\xea\xb9\x16*\x1d\x85\xe8\xc7zL\xacqb\xe42\xc0\xdf\x8bQ?^\xf1\x17\x85\xb7\xc2\x02\xf4Y1\x0f\x90\xa5Yq\xf3]\xab\xadF\x0b8\xc7\xb9#f\xc5\x80vk\x8c\xcf2?{gc\xc8\xd0\xb2\x80KA\x1f\x02\xfe\xe9\xce(\x12\xe6\xa1^M\x16\xfc\x85o\ni\xc4M\xf7\x11g\xd4\xf3\xf3\xe5I\x8aM\xe8,#\x07\xc1\xc3\xa0\x9av\xfb0\x94\x19K\xdd$(\x99\xd8\x1c2,M\x08k7\xea\x94\xac:\xb8\x81bM\n\xb18F\x8b\xf1w\xbde\xd8\xb6\x97\xd2\xba\r:rXe\x7f(\xd9N\xb8\xb8\xd0\x82U\tt\xd8KdA\xd7\xa1\xe5\x87+%\xf2P%\xc2\xadZ\xfe"\x96\xb6\x9f\xed\xa3c\xd7\xca3\x13c\xe8=X\xcfRTh)\x8f\xf2\xa0\x1a*=\x87\x85n\xe1\xe5\xf5\xae\x8d\xf6\x8c$\xaf\'\xce\xf6\xb4\xa0\x1c!\x99\x07\x08q\\\x05\x01x\xcf\x84nCN\xb2\x9d\xf1\xec\xc4\x89\x8bBx\xc4\xcd\x1c\x1b\x0e;A\x1c\xa7JP\x85K\xa6\x88\xbd0T\x12\xdd5\xc0(\x06)B-\x15\x8eb\xa2J\xf2\xeb\x96Y?X\xb8w[\x8d\x8d\xeb\x1e\xad,\xdb\t\x16K\xb6\x8c\xe2%Z^\x19\xec\x02\\Rd\x18\xab@\xb7\x190n\x923\xed\x18\xc2&gt;\'N\x1c\x03f\xa6\x9f\xc9U\x05\xce(\xe6\xbb\x14WL\x99\xb8\x1e\x86\xd0\xaa\x9e\x97c\x808\xec\xc0zW\xae\xe1\xa3\xdb7@\x1e\x08\xf7\x1b&lt;*\x12\xe1\x04z0\xdb\x97%\xe6\xbb\xe6\x0cQ#,\x00\x12\xf0D\xf9\x02]VI[\x0c\x18{\x19\x96N\x9c8*\x9c\xe9\xe3Q21\xbb\xa4\x14\xd5"\xa2\x94\xa1\x03&amp;)\xce\x91\x0e\x9fxV\x99\x9d\xa3\x82 ^\xe3t\xfdb\x87\x83\xc4\xb9\xcdN\xa0\x1d\x17\xc0\x93{\nr\xa2+\x8c\xaaa\x05\xba\x93\xeaz\xf2\xff\xf2\xd2\xf8:\xe6\x105\x16\x84\xaa\x95\xb4j\xc5\x95\x143\xab\x12\xb7K\xd6\xa0(\x88\xee\xb1\xf4\xf8\xae\xdcO\x9c\x00\xe8p\x020\xf4\x0c\xaf\xbc\x1c\xb9\x83\x94S\xe8\xd2\xcac\xac=w\x01@\xf6M\xa2\xac\x11\xbfe\x8d\x80i\x1e\x8a\x97\x86\x96&amp;E\xcf\xeb\x13\x17\x06\xbdp\xb8\xb9m\x96K{\xcfc\x9d\xf4w\x9d)\x86!\xbem&amp;E\x8a2W\x8a\x013\xac\x9d\xe4\xa6\x81}\xda\x02\xeeD\xe1\xe2q\xcfs\xa8\x10Bf\xdaV\x92\xa6\x17\xafT\x08U\xa45\xafg:\x1b\xcd\x84\x91"a\xc83\x87G\xbe\xe4i\x94\x1b\xe4fcv\x97\x866y7r\x82w\xc5\xa5\xdaD\x8f\x06\xad\x0en\xefn\x7f:i\xef\x94\x83\xfeu\xc1\xaaMR\xe1~\x15\x9c?UcR\xbbo\tMG\xaa\xea\x99\x99\\\xc1S\x86\xab\xee\xae\x97\xc6.\xd4i\xbait\x0e\xfc\xa2\xd0\x93\xf1\x0fz\x0b\xb3a\xd8\x810k\x1a\xcd\xa5\xed\x04\xb6\x8f\x855\x9f\xaf\xb5\x93\xc2\'\xdep\x9f\xa2\xe5\x02`\x88 \xd4\x94m0on\xba\xc2\x9f\xf4J\x9e\x12\x1c\x11\xd5\xaa\xca\x1e\xa0\xfb&gt;`\x08\xe7yZ\x11\xac\x07#p\x1dy\xa4$L-\xfa\xa9\xe4\x01\xc8\xd5\x948\xb0\xc2\x91\xc8\x89\x8e\xb8ws\x8e\xde\xc8Y\xf3\xa2{M\xc8\x83_\xec*\xf92H\xfd\xec\x84\x97e\xdc]\xacj.\x8b\xf2\r\x10\xe1{\x08\xbf\xa7\x0f\x04\xf9b\x0f\x18\x1b\x9a./l\xc5\nQx\x91\x93Bju\x01W\x8c\xb1\xfcEa3\xa9\x8b\xde\xb2\xc9Bs\\\xac\xe5\xe1tgC\x9bt\xfe\x9d\xf6\x9an\x86\xce\xaa\xd1\xd7\xbe6~j\xc9F#v\x9d8\x96*\x1fM\xf2\xc4 &gt;zB\x9e7d\xc6B\x13_\x04\x9d\xfe\xed\xfe\x83\xc4&lt;^\x8d\xe3\xdf\x97q\x95\x12\x7f\xf4\x04\xaf\x02\xb3\x8a~m\xf2\x8ex\xed\xf2[^\xd3n\xedR\xa8&gt;D\xb6\x1b\x82\x9b\x8c\x83$\xabrvm$O\xa2\xdcq\'\xee=f\tt\x9bH\x98e1o\xc7\xcaf\xdcX\xd1\xdc\xddK\xa4I\x80\x0f\xd4\x1f\xfd\xcd8\x95\x7fu\x98\x96\x1b\xc6\x86:\x00\x00|\'\x91\x8e-\xaa\x80W\xe0MT\xed5"~\x97)\x92\x9c\x90\x94}\xa4a\x8a\xfa\xac\xf6\xb6\x8d`\x91\xe7\xad\xb0\x855\x121\x8e$\xed\xd08\x01\'vw\xe0r,\xf2\x88\xe0\x98\x94\xc6\xd1\xf3\x9ccj\x9e;\xf8\xfbR\xdd!,\xa13pL\xff\xbbcR\xdf\xaa\xe5W\x80\xf8\x0e\xdc\x9a\x0fj\xf4\xafx \xe3\xf0"\xda\xe4\xd1\x13\x17\xd8\xe2\xc6iTf\xba;\xc2\xcbR\x17\x1b-\xd0xH"\xf9\xdb\xd2\x0c\x97\x92c\xcdU\xde\x06\x00\xf4\x83\xa1\xf5\r2\t\x9b&amp;\x12\x01\x83\xfb\xef\x99\xc2|\xb8#\x95\xa4\x9c\x83\x06S#\x18\xbaw\x8e\x81\xe3\xe1\xc37c\xcec\xea\xa7\xb0\xcb\xc4\x10\xdb\xe4\xbe\xc6\x05\xe2\xd9\xe5\xa86B\xf1\xcc\x0b\xf5\xa5M\xb8Y\x8d\xed\xa8}\xdcL\xa0\xc7\x8e\xb8\x97\xb7\x93\xde\xea"\n`\x17Bf\xc2?\r\xa8\xbbV\xa4\\\x9f0\xfa0\xa8\xd9=2d\xce\xef\x9ea\xc94\x9b\xb7&gt;#j\xc3\x8b\xc6MV\xee"\xc3\xc7\x91\xd3\xd9\x80\xeb9_\xb6\xa7$\x92\x98tQ\x91\xd6\x13\x1f\xcd\xeb\xfa[\x12Bt\x0f\xeen\xb8\x9di\xc9^ap`\x90\xc95\x9ca\xdby\\7B\x0bSD\x82\x99\xa3u\xaft\x883\x1d&amp;C\xe9\xa2\xc1\x10\xefK\x0e|\xe7\xb0Fx\xd7K\x19\xdf\xf8[\x93I\xa9.\x16\xb5\xa0\xb4\x12\x1c\xd3\xfaf\xa99j.\\\xd4|\xe0H\x9a\xbai\xec\xc9t\x89\x84\xcc\x95-&amp;\xd2\xc7\xc0\xdd\xa8\xed\x7f\xd1\x05\xc0\x05\xc5\xb7\x06\xd3\xce\x08?\x8eI{0\'x@\x88\xcdD\x85\xb8\xe4\xf6\x94M\xff\xeby\xe9\xb4\xcf5//t\xbf\xfe\xcbK\xa1uFh\x9b\x1d\xe1v\xd5%\xe1\xe3\xe1\x19\x05\xf9C\x05\xcbx\x0bp\xc7\x1d-\xd9E\xb5\xab=R\x9b#o\x02^\x9c\xbeg/\xa2\x02\xdf\xce\xc5)\x9ca\x16K0~\xdf\xa7\xba\xa4\x18Gj\x97\x0cA\xcb\\\xcc\xe4G&lt;\x1b\xf3\x04\xb0$\xb1\xe0\xeb%7$\xbb\xc5\xfa2\xdc\xbf\xa1T\xdf\x01\x13\xa6\xb1H\x03Z \x15\x82*\x04r\xb3c\xb51\xf13\xfc\xf9\xd902[\xd8\xf5@e\x94\xfd\x1d\xcclb\xa3\x92\xaf-\xfcw\x95\x05@5\xd7W\xf7\xc8n&lt;\xbe!\x7f\xfb\xe6\xb2\xe7\x15\xedp{c\x95\xc5\xbfm\xc5\xc7\xe9\xbb*\x08\xcc\xfc\x03\xc9\xc6l\x96,\xc4\xae\xaa\xd2(\xb8s\xc5\xd1hG\xa88\x1e\xaf\x7f\xfc\xe2NL]\x7f\x9aB\xf0K=\xa4\xc6\x849\xfd\x986\xdfG0\xb80cc\xc0\x95\x15\x81\xb4\x90\xf64\xf6uO\xca\x94\xa5\xf1]\x99\xede\x91\x925G\x001\'I,2Y\xf3\n\xab\xbd\xce\xfaR\xec\x9fY\xdc\xd8\xa9\xf4N\xfcH\xde\xe7\xe4p\x1f\xe2z\x12\x0c\x03\x85\x86\xe8r\xa2\'N\x17\xd4\xc3W\xe9\xb6\xddK\xc0\'\xe6f\xa9F\x1c^T=\x19\xd6\x8c#\xbbX\xe6{`w\x11\xc6&amp;0Ew\xcf\xf8\xf5\xdb\x91\x11M?\x18)\x91\xb52F\x96\xad\x1a\xb2\x16\x00\x15\xf8k\xa1\xa2\xc5X\xc3\x98)\xad\xd5\xbc6\xd9vN\x18w\xd2(\x0e\x9d\x926To\x01\xf8\xb0\r\xab\xd4$&lt;\x06\xb4\xb0\xfa,]N\x9c8,\xf4\x98?\x03^\xc7d\x19\xa5 Z1N\xbb\x95\x02\x11\x16;#\xa2\x82\xd9\xee)\x04\xe60\x96\xf3Eh\xa4\xe8\x05Dt\x02\x92+\xe7H\xb1\x8a\x80\xc9.\x8eP\xec\xa3\x9dH\x90 \xe2\x08~Y\'\xfd\xf6\x1b\x03\xc8V\x8a\xf2a\x8e\x17`i\x81\x8d\x88\xfb\xb2\xed\x15\xbd\x05\xe0c3\xabR\xac\xd9?\x98\x8e\xeb\xed\x98=\xad\x0bOH\xa0\xb3\xc7{\x07\xfcpPJ\x85g\xff\'\xc4\xa0\xd4jg\xa5T\xc6\xd4p*\xf2\xa21&lt;\xa2\xdf\x95f\xa8\xf5Yb\xf7\x11\x10rq\xc6\x9e\xe8\xda%\xafo\xea\x06\xbc\xb9c^^\xb7\x95R#|\xdcK-\xffs\xf1a\xade\xa9\x86\xca\t0oap[\x8f\x92\x8f\x87E\xf2\x89O\x9bs\x99(\xfd\x01\xca\xc1\x89\xc6\xe8\xe5q\xcf\xbd\x82\x13\xa0\x1d\xd0\xfb\xf0Q\xbb1\xdd\xe9\xe5\x13\xbb@\xc6\xf8k^b\xc9a\x87\xcb\xb7\x86\xa4uA\xfcb\x89\x91z\xa2\xf6\x81\xed\x06\xfdw\x81`50\xec\xb9\xcb\xa9\x88\xb8\xcc\t\xa1\xb5\xbb\x8b=\'4\xb4[\x00\x0c\x13"g\xbc\x16\xe34\xe0q\xb1\xd3!\x10\xc8\xefB\xe8-\xd2^\xf0\x8fm\xd8\x9c\x1e\xf1 g\x01\x00\xf0\x96\x1cN\x88\x00\xdf\xbf\x92Ia\'\xe6\xbb\xe6\xe9\xb9~\xb7\xc1\xbdZq\x04\xd8\xf3\xcc8Q\xf2]\xea\xc8\xc1y`!\x03\x1c\xeb\xee\x17\x8eq\x07q\xbf8\rxb4 y\x1e=f\x94\xe2\xf2q\x8bI\xd8\x01\x84l\xf4\x01\x80\xd4\x81`1Tw\xfb\x1c\x06S\xe9\x06\x00\x95\xe0tD\x14\xfd\xb4\xc9\x9a\xa3\x8d&lt;k\x16\x85f\xe1\xb4\xdf\xe8\xe5\xe5\xa9\x1eK\xc7\xc4\x8e&gt;\x03p\x084:(8l\xbcV\xc6\xea\x1ae\xfe\xd9\x86\xe9\x89}\xa3\xea~\xd8t\xa3\x01\xa6O2\xfcX%&amp;I\xf0i\xba\x19a\xa4\xcd\xc1PI\xf4\xef\xfe&amp;\xef\xe3\xa6N\x86\x94:\x8b\xb5,\x14\x80\xb6!\xce\xf4\x9d\xec\x87M\xe6O\xaf\xb4\x9b\x18\xdb_[6R\xe2\x8d\t\x8fo\xc8[Rg\x82\x9e\x10\xc2~\x8f\xcc\x0e\x0f\xf1S`&gt;\xd3-\xc3G\x8d\x00\x00 \x00IDAT!Cb@\x91\xc6\x86\xe5\xca\xed\xcf\xf9\x7f_[\xe6h=8G\x8d\x99\x19B\xf7\x94\x92&gt;\x06Z\xfa\x9d\x83d\xee\x17\xabp\xa2\x03\xa6\t\xdc\x11\x1d\x17\xd0\xc5\xcd\xb8_m\'W5\xb4\xf6\xe01\xc3\xe6\xc408ckdtqM\xfbU\xc7\x89*0g\xfc\xe6`\x8c\xe6\xbb\x99\xd4\xdfz\x8e\xcf\xd1G)g.\x92#\xe7\x13\xb0\xddj\'\xc4bT#g\xa1]\xcc\x18\xaeo[\xe2V\xd6\xbb(\xad\xf6\xcc]O\x9c_\xb0w\xf6\x03\x9f_*\xa9\t)\x86\x9a\x9a\xdd?\x83\x8b\xc90\xce\x91Q@Fw\xee\x89\x96\x184\x1avQ\x86N\x9c8\x91\rD\x84\x8f\xde\x06`j\x06l=I\xc4k\x8c\x8eE\xa4\xeaCH\xb6\xf6S\xc6\x0e\xac[B6`B^\xd6\xe2\xf3w{\x1c\xab\xb6d\xe70\xe7\xe9\x1b\x98\xf8;X\x08\xc6\xb6\x12b\xac\xdd\x8e\x0e\x8b\x90\x9c\xc6\xd6C\xd9a&amp;\xcfG\x91*\x17\xa3\xf3\xf9\xa3\xae\xde\xc7\x94j\xe7\xe0&amp;\x9e\x04#=\xec\xa2\xa1,[vO\x90@D\x80\'\xf6\x96\xe2\xc4\x85b\x19\x11\xed[:Z\xe2ct&lt;\x8bq\xd8:\x9a\x93\x83\x83@\xd7\xae\x0e\x87\xaf\x0e\xb0\xb6\xa7Y\xc7\x049e\xcc"d\xcfPC\xef\xb6\x8d\xd2~I\x91\xa2\xb2k\xa20`\xfa\xdf\xdf\x97\x18\xd6\xed\xc2\xa2\xb3\t\x00\x08\xb7[\xdb\x97\x18Y\xc6Aa\xc9\x9b\x07\xde\x89\xce@\x80\xe7\xe7w\xe6\x85\x8b\x93{\xd1^\xed+\xe0\xc5!\xab\x1a\x9e8$:\xcd\xde\x10\xef\xbe\x05a\xfc\xaan\x16\x07\x84k\xa2\xfd\x84\xa5\xec.Rc\xb3\x0c\xbf\x14[\x9dy\xdb\x9f\xfe\xb7\xb6{#\xa3\x00\x11?S@\x1e22\xf3&amp;\x91Ng\x8a\x82\xfdnC\x93F\x95\xaa6R\xa0\xad5\xbfi\x19R\xe5\xf3\xc9B\xa6\xcf\xf6\xee\x17K\x19M\xacD\x07\xd5O3\xce\xc5\xe2\xfc\x803\x806\x96D?\xb7\xaf\x87\x14\xf3K\xee\xa6.\xbeO\x9d\x9f.(\x07\xdf}\'N\xd4\xc2\xeb\x11\xdf\x11\x00\xa2_\x1b7\xc5jr\xa0"\xe2\xb1\xbf\x90n\xa9\x93\xd3kVQ\x859\xe5\xe7\xbf\xd4\xda?\xd4\xc3\xa5\x8cZ\x19\xc7(\xebM\xd4\x10;\x01h:B\x81\xdf\x8dY\x10\xf9\xedf\xa9e\xd3\x9aW\x11\xe2\x99-\xb2\xe9+\xed\xffL\\\x1b\xf1\x1fu\xd6\xb0\xfa\xc8\x9e\r\ngS\x82\xca\xf2\xf3R\x8e.\x9ey\x88!\xcc\x8d\x01^c6\xa82\xb6"\xfa\x13\xe7\xe3\x01~X\x84\xc5\\g\xcf)A\x10c~\rh\xcf;|\tM\x05\xc4\xac\x14\x9d\xc7X\xf8\xb2v7\xa1\xee(|\x82\x83c\xc4[\x19\xae\xaf\x94\x9a\xc6\x9bp8F\x1bx\x11(8\xcc\xed.\xb3\xcd\x88^[f)\x11\x13i\rp*\x00\x93\xf5\xfdt\xc3\xc4V\x8eq\xd6\xab\rq~}\xbbp\xfb&lt;|\xb89\x9f\xcc\xa6c\x05E\xf9\xee+\x15f\x8ex\x8b\r\x97\x8cH\xe3\xa0\xbfB\xe4\xc6\xf6\x84\x7fZ\xb8iK\x9dk\x92R\xf7\xd8\x1d\xc6J\'L\xd3\xc9Y\xb8\x8d\xe7{I\x8d\'\x7f\xe5\xe9%&lt;\x8d\xf6R\xfbk\x99\xd9?lr\'u\xc2\xb6\xa7U#\xa0p\x01\x80\xb8$\xa8\x9c\xe1f\x92B\xd4RyG\nCF&amp;4\xfdB`\x00X\x8a\xa6\xfb\xb8\xa5\x0c\xe5\xe0\x145@\x80\xdf\xd0f\x00\'z\x80\xe1)\xefA\xad\xb80]Q1\x02\x97\xadq\xdabK\xec3\xecy\x94\x11n\xa9\xabj\xfa#\xdcX\xd7\xf9\x81\xa2\x16@\xfc-Aj\x13I\x00\xfc\xff\x96?j\x17\xb5\xc4\xb2\xf9&gt;N\xf7\xcf\xf4\x91e,\x86\xe9\xae\xe4S\xf6\x1cc]\x01\xact\xdci\xad\xf9\xbe\x08\xc2\xd4\xbew^-\xd6\xcb\xbd\xf2YS\xd6jM\x14x\xc3\x1e\x13\xbfe=\xbf\x1d#\xd6as\x94+I\x9b\xbd\xec\xbbha\xf5x\t\x9cq\xb9\x8d\x85\x9f\x0cK\xe8\xe8\xc2\x16r@\xa7\x8e)U*\xd8*L\xcd\xfe\xb0\xa2(\'J!v\xef\xf3\xe2\x11:\x05`,\x98\x11\x1eD\\\x02.\x17\xab\x1cU\xcb\xa9^\xae_\xc6c\xe1\x13\x86\x18\xf8\xd8Rx\xe8?\xda\xa1\xf3\xfe\x82\xe3\x8b+p\x01\xf1\xc2\xee\xb9l6v\xdcc\xe10\xc1\x1a\xe5\xc8f\xb1\x1a\'\xec\x00Qd.\xef\xc7\xa8\x00\x00\xd0t\x980\xed6\xbf\xa8\xcc\xaa\x12\xfdl\xa4\xfdh\xb9\xb1@\xbc\x16\xe2?9\xe4&lt;w\xd1V\xcd\xd3.\xd9\x83\xd8:}\x13\xc0C\xd3\xf2\r\xef\x82\xe0_\x01\xbeS\xea%\xc5\x13L\xd8\xf1v\xe2\xc4\x890B\x97k}=\xd6Kt\xfa\xa5\x9a\t%7O\x02\x1f|\nv\x01\xf1\xbd\xd9\x8d\xf8\x8a\x92\xc2b\x93\x82L\x81\xc9\xd9\xc0*\xd8\x13\x10\x1fM=\xcff\xb4~b\xcd\xc71\x89\x9a\x88`|.\x1a;(\xf98\x04\xe0\xf2\xa9\xbb\n\xa3v\xa5\xe9\xddfa\x1e\x83=\x7fR\x08\x97\x0b}M\x98\x05\x13\xb0\x12\xbb\xd1\xa64\xfc+@\x08\xb3\x0e\x8b\xd5\xfeY\x01\x80\xfa\x19+\xd6\x12\xe6\xf7q\xd4\x18\t\x98\xcdX\xedn\x0c\x99\xa7\x9c\xab,\x12%c\xc8\x95e9:\xa5\xca\x01-y\xe2BP\x10\xbb\x91\xcb\xc1\xa9x2\x00$V\xfb\xf5\x12&gt;\xa7\xb1\xbb\x9d\xa6\xed\xb1\xd5Ma\xfdJ\xe7t\xf5\xb0\x02\x13c\xf6_\x88\x80\x80y7ZW\xb2\xb5J\xb4\xb5\t\xb8\xb1\xcb#\xa6\xed\xf3NO\x00\xe0\x8d\x00p\xef2)\xebB\xb9\x97\x87\xb9\xa9QK\xa4\xfa\xc8\xf51\x0b/\xd6\xff\xf0\xcc\xfe\xab1\xefq\x15\\\x18\xee)\x06\xff\xc8\xc9&gt;\xa8\x8a7\x91\x9c\xd4r\xce\xc8\xeaq\x0f\x0b%A\xea\xf5\xe7\xb4U\x0e"\x96d]u\xdbu\xa9vp$]v\x8a\xcc\xe9oz\x15\xe2\xd6\xaezU\xd4\xa9\xd2\xbf\x1c.\xdd\xeb\xda\xe0\x93\xb3\xf2\xae\xa0V\xd3\x9f\xc5"F\xbbEB\xdf\xf3,\xee\x96\x18&amp;\xcd\xaf\x1d\xf1b\x1e\xa1{\xc1\x88\x1c\xb0s=\xc9\xc3\xac\x99H\xd7\x89\xd3\xf7r\x11vM_\xd9v\x83o\xdc\xecu\xcd\xa4\x8e\xb6\xb9yk\x00\x11\x99-\xba\xee[\xebK\xad(4\x08\x88T\x1d\xffx\xc0b=\x02\xfc\xe1\xd4\x15\xd4\xf6\xa4\x1e`\xc5\x11&gt;\xd6\xe0}\xd6\xd0\x11\xd0l0\x0b\x96\xf1f\xfc\xdbM\x80\x12\xc9\xbe\x8di\x19c\xcb,"\xf9C&lt;\xcf%\x95\x1a8U\x03\x96\x91[\x00\xd4\xb3\x80N&lt;\xeak\xaf\xa6\t\xe2\xf9(\xc4\xfb\x14h\xd9\x18UDm\x10\x0c\x07\x85D\x1e\x166K\xc3#B4\xb1\xeb0\x96\x18|g\xa4\x12@\xc4{\rX\xce"\xc5\xbd\xb0\xf4\x88&amp;\xc8\x91\x81\xda\xbf\x07\x01\xc3\xf5\xd5k\x9ap\x89.\x91 q\xf6\xd3\x04\xae\x18\xd7\xf7\xcbk\xd7\x07\xcf\xf3;\xf5Q\xc5\x85Q\xc7j\xd0\x96sk\xbf\xf0`\xba\x9b\x0c\x00\x92^\xc0\xe0\x1e:\x9f\x10n,\xa4\xa8W\xa4\xaa\xf4O\xec\x0c\xcc$\xac\x90\xabB\xf9\x7f\x064\xdc\xaa\xb7\x00&gt;\x0c\xba\x88\xf7\xd4\xe5\xed-\x80O\xcb\xa3\xfc\xfd)\xf1\x8c\x88pS\xfa\xda^\x83\x91`e\xdb\x84\x8b\xcdt\x19PG\x0c\x8fl\xf0\xbc\x96\xa2rN\x0c "\xc2\xab\xfa\x1a\x16\xff\'&gt;sJ\xa4(&lt;=\x9a\x05cbrD\xa0nH\xe1\xe5\x05\x94\xebI\x05&gt;\xddo\x9b\xe9\xdc\xdafL\xe1\xcc\x0b\x00Q\x86\xe1vy&lt;\xf2%&lt;q\xc9`\x06:\xdd&amp;x\x1f.iq\x9c\'\xfc\x89\x13y\xb0\xc3\xaf`\xe6m\xd1\xc9\x8bg*\x11\x9e\x91Jd/X4=^\xd6\x0b\x97\xb2ljYA(,\xb9lm\xd7\xa8\xfd\x96\xfd\xa4l\xae\xecbj\xe2\x9f\x93=\xaf\xea\xc8\x95M\xb9\x96T~C}Zn\x16W5 \x93/\x1f\x85\xa9\xc1\xa4V\xee\xf7\x12!\xf7\x86\x8a\xc7\\5(g@\xf2S\xc9\x93V\xe4\'\x9d-\x85}\x9f\x86\xd6\x9b1\x7f\n~i\x0c^]0\xf9\xab\xf1\xca0\x8bV\xf9\x13\xdf\xb8\xdb\xaf\xfa\xba,\xf8\x93"\xcd\x83n\xc9H\xfd\xba\xb7\x95\xc2\x9e\xbf\'.\x01\x9a\xbe\xc7W6\x00\xac\xf6u\xba\x81\x82\xdf\x06\xfc\xf1"\x95\xe0\x94#&amp;}H\xcd\x1ar\x90"\x8c\xb6\xb4\xd3\x1f\x1a\xac\xa1\xc6\x17\x94l\x1c\x12M\x87\xcb\x88*"\xd2V\x06\xa9I\xc22\x98B\x9e\x05\xda\x8c\xc54\xd3T\x14\x0b\xf9\xfb\x88\xef\x95H0a\x0c:J9\x9dS-\xde\xaeZqC\xc4J_v\x9c\x81\xc2_\x026\xc0T(\xf8\xadd\xeb\x8b01;\xc3B)\xd7\xc9\xd0\xe3,\xf2\x0e\x8f\xf2\xed\x930qD\x04\xf8\xac\xbc\xee\xfe/\xffJ\x0b\xcb\xf2J\xa4\xfd\xa8\xfb\x10\xa5\xa76&amp;\x835\xcf\xfe\x81vw6\xd4\x11)\xdb\xb6\xb7D\x04\xf8n\t\x01\x94\x02P\xff\xab\xd0\xcb\x9e\x1d\xd3\xc5h_&lt;\'L*\x0fcq\xb2\xe6\x9d^\x10\xf4=\xd5\xff6\x052(U\tbs\xb1\x91\x10!\xb25$LG)\x00\xf5"\xc7\x02\xdc\x82\xaf\xfc\xe5\xb7\x1a\x9e\x92\xdd\xb30I\xdf;A\xd3-\xf2\xbe(\x89\xc7\x18\xb3\xd6\x12pC\xb7n\xe4\xec\xde\x8c^\xf8\x83X\xf2\xe0\x83:A{h\xe3q7r\xc7\x0e\x11\xe1\xb3\xeb\x894\xde$\xe3\xa0\x18\xec\xe8S\x8b\xaeQD:\xa1\xa1\x7f\xa8 \x98\x1f\x02\xee-\xcf\x0c-h\x87J(p\xb2i\x91\xadL\xc8\x12\x1d\xed\xa1\xad\x1a\xdap\xc9\x10&amp;,\xcf \x02\x93 \xa6&amp;&lt;\x88\xd4s\x8e\r\x87r\xfa\x05b(\xb3\xefu%\xb2\x1aQis\xe1fk\xfd\x8d\xbb\xc9Qw\xed\xfa\xcb\x8b\x15\xa4\xe2\x1ec\x9d(\x87\xcf\xd7\xfd\xb0E\xd90"\xd5\xc0PA\x8e\x88\xba\xb5\xe5e+\t3\\N\xab\xcd\xfa3\x88\xe9f,B\x82~\xb5\xa6\x9f\x90\xcb\xe5\x87E\x14\x8f$\xf97-W\xa7\xe4u\\Q\xd5D-yq\xc0\x0c\xe0l\xdb6@\xc9\xf4N\xe4b\x15\xcf\x86N\x05C\xc4Z\x97\xcd&lt;\x1c\xbb\xe1\xbc&gt;\xbdA\xf2\nPKl\xf7\x19\xd4\xf6\xb2=\x82\xcb\xe8zR]\xca-\x8eq\x10ud\xc3\r\x955\xf0[0\xeb\xbaQ4J\x90\x13\x06\xa8f\x12\x86\xb5\xbd\x1b{\xeb\xeb\xfc\xbaS\xfdc\xd3c\\\x7f}%\xccj\xfa$\xf9\xf6\xd2\xb0\x17)\xfe\xb5G5\xa5\x94\xfa\xbb\xd9\x06#\xcc\xa7\xad\xfbQ\xce\xfb\xb8\xfcoP\x0c\xb5\xb9\x1b\x843\x85X\x82\xa0\x02/c\x0c\x19\xe0\xe4\xa1\x7f\x9c\x1f\x1dC\xa7\x81\x84l\x9f\xee\x9c\xdf\x19\x1c\x86.R\'j@\xea\x0cw@\xf4\xae\xd7\x03\xc0\xccq-\xe5%-\x93}.o\xd7"\xf32\xe48\xee\xf3\xd80\x99Ly\xa2\x99\xdc)\x82\xfd\xd2\xf9\xbc\x9e\x01\x9e\xf0\x98\x1f.\xffv\x11,\x0c{Z\x90\x8e\xf2\x92bRk\x01\x87\x9d]\x7fL\xbdFt\xdc\t\x03e\xa13Z\xf1\xaa"\x8cl\xd2\x9e\xd83N\xef\xef\x1a\xbcz\xb5\xcd\xf8+\xe6{l\xe4\x0e]\xea\xe5\x9c\x0c\xf4F\xd1\x95z\xfb\x13VyT\x98\x14\xfa\x19m\x96m \xafu\x01\x11\xcfZ\x9c\x8f9\x9bL\x9f\xefS\x10\x14C@\xa7\x04n\xb3k\x96\xd7\x0f\xd6[\xb4\x90D\x1e;\x15;\x01)W\x80\xb8^d^\x97hf\xdc:\xb7p\x16-/\xe4K\x15O\x9c\x18\x01\xebH#7Ib\x1f{\xcf\x9f\r\x85z\xf9\xbe\x8a\x82\xdaz\x03\xb7\xc9=\xcdw\xa9E\xdewe\x84\x13\xb0v\x8e$\xeb`\xa1\xf3\x8f\x7f\xc1\xa1\x13\x1e\xd6\x90\xa3\xd4\x13=]o;\xbd\x9d,\xa8\x10\x96o\x0c:\xe0\x98bM\x13\x83\x11e\xddQ\xd9\xb2n\xc9\x06\x04x\x13\xce/\xc6\xc00\x82h\xa8.\x93\xce@w\xe9u\xf1\x19\xcb\xe3N\xf7\xb3\x0b1Gh\xee)\xe5\xaeqOJm\xf6\xac=\xd0\x06W:\xbb]\x14\x9e8q\xc2\x806C%w\xe9\xa4Xl\xf45.U@\xd4\xa8m\x1aZ\xf9\xc4\xef\xb7\xc9M\xc1\xa2#Y\x89\xbe\x9b5\x9aWoc\xef\x9f\xa3\x0e9\xc4\x98\xf6\x0cu.\x14\xb7&amp;F\x96-\x02"\xac\xd3\x03\xdb\xe8{\xfb\xb1&amp;\x12\xa4\x82\x19`r[\xa6\xdb\xc4\xed\xb5DREp\x1djx\xf6\'F\xf1N:\xc6\x8a\xae\xee\x100\xc7\xd2\xfd\x15\xa7e\x87\xc7\xfb\xecz\xb0i\x8e\x8b\xbe\x06\xa6\xa53Z\xaf\x05\x99\xe8\xbc*\x8fp&gt;\xfa\xcb\x02\xa0A\xedZ\x04xP\xe7:\xb9q\xd7\xad\x91g\xf9\x12\x7f%y\\\x9f\x8eXO\xba\x0e=\x88\x88\xf0\x99\x99\xdc{\x0b_\n\xa4P\xb4\x00h|\xd7%\x06R\xc1\x0cD\xf9D\xef\xc2\xb57\x8b\x9f#\xae-R|\x8dV\xe5\xe9\xe3\xe5w\x1d"\xae\x86@\xb6\x0f\xe6^c\xa4\xe8X\x18\xd9&amp;\xff8\xb4\xcb\xd6\x01\xa0\xb7 +\xd8\xdb6eK\x85\xcf\x18\xd2)Ze\xf8)\xcd/\x9fU\xa3j\xb7q}xp\xad\xcaz0\x88\x1f\xe3\xe4\x12L;VBk\xdcI\x9ccUA!\xf7\xee\xf2\x17\xc2\x94?\xbb\x12\x1aD&amp;\xbc d\x90\x86\x16\xfbY\xcc\x06 ^\x83\x95\x1dT_\x7f#\x86\xd0?.g\x1f\xce\xd2\x85G\xc8\x10\xa9}\xd8\xef2\xbf\xf2P\xfd\x87\xa0\xb3;\x0e\x8bI\xa3ru\xa4\xe8D\xf9\x1c\xef#\n\xb3\xe9`w7e\</t>
        </is>
      </c>
      <c r="E515" t="inlineStr">
        <is>
          <t>&lt;class 'numpy.ndarray'&gt;</t>
        </is>
      </c>
    </row>
    <row r="516">
      <c r="A516" s="1" t="n">
        <v>514</v>
      </c>
      <c r="B516" t="inlineStr">
        <is>
          <t>steps_per_sec</t>
        </is>
      </c>
      <c r="C516" t="n">
        <v>5800</v>
      </c>
      <c r="D516" t="inlineStr">
        <is>
          <t>2.6269107</t>
        </is>
      </c>
      <c r="E516" t="inlineStr">
        <is>
          <t>&lt;class 'numpy.ndarray'&gt;</t>
        </is>
      </c>
    </row>
    <row r="517">
      <c r="A517" s="1" t="n">
        <v>515</v>
      </c>
      <c r="B517" t="inlineStr">
        <is>
          <t>Loss/RPNLoss/localization_loss</t>
        </is>
      </c>
      <c r="C517" t="n">
        <v>5800</v>
      </c>
      <c r="D517" t="inlineStr">
        <is>
          <t>0.10859423</t>
        </is>
      </c>
      <c r="E517" t="inlineStr">
        <is>
          <t>&lt;class 'numpy.ndarray'&gt;</t>
        </is>
      </c>
    </row>
    <row r="518">
      <c r="A518" s="1" t="n">
        <v>516</v>
      </c>
      <c r="B518" t="inlineStr">
        <is>
          <t>Loss/RPNLoss/objectness_loss</t>
        </is>
      </c>
      <c r="C518" t="n">
        <v>5800</v>
      </c>
      <c r="D518" t="inlineStr">
        <is>
          <t>0.0218645</t>
        </is>
      </c>
      <c r="E518" t="inlineStr">
        <is>
          <t>&lt;class 'numpy.ndarray'&gt;</t>
        </is>
      </c>
    </row>
    <row r="519">
      <c r="A519" s="1" t="n">
        <v>517</v>
      </c>
      <c r="B519" t="inlineStr">
        <is>
          <t>Loss/BoxClassifierLoss/localization_loss</t>
        </is>
      </c>
      <c r="C519" t="n">
        <v>5800</v>
      </c>
      <c r="D519" t="inlineStr">
        <is>
          <t>0.29891935</t>
        </is>
      </c>
      <c r="E519" t="inlineStr">
        <is>
          <t>&lt;class 'numpy.ndarray'&gt;</t>
        </is>
      </c>
    </row>
    <row r="520">
      <c r="A520" s="1" t="n">
        <v>518</v>
      </c>
      <c r="B520" t="inlineStr">
        <is>
          <t>Loss/BoxClassifierLoss/classification_loss</t>
        </is>
      </c>
      <c r="C520" t="n">
        <v>5800</v>
      </c>
      <c r="D520" t="inlineStr">
        <is>
          <t>0.06189801</t>
        </is>
      </c>
      <c r="E520" t="inlineStr">
        <is>
          <t>&lt;class 'numpy.ndarray'&gt;</t>
        </is>
      </c>
    </row>
    <row r="521">
      <c r="A521" s="1" t="n">
        <v>519</v>
      </c>
      <c r="B521" t="inlineStr">
        <is>
          <t>Loss/regularization_loss</t>
        </is>
      </c>
      <c r="C521" t="n">
        <v>5800</v>
      </c>
      <c r="D521" t="inlineStr">
        <is>
          <t>0.0</t>
        </is>
      </c>
      <c r="E521" t="inlineStr">
        <is>
          <t>&lt;class 'numpy.ndarray'&gt;</t>
        </is>
      </c>
    </row>
    <row r="522">
      <c r="A522" s="1" t="n">
        <v>520</v>
      </c>
      <c r="B522" t="inlineStr">
        <is>
          <t>Loss/total_loss</t>
        </is>
      </c>
      <c r="C522" t="n">
        <v>5800</v>
      </c>
      <c r="D522" t="inlineStr">
        <is>
          <t>0.49127612</t>
        </is>
      </c>
      <c r="E522" t="inlineStr">
        <is>
          <t>&lt;class 'numpy.ndarray'&gt;</t>
        </is>
      </c>
    </row>
    <row r="523">
      <c r="A523" s="1" t="n">
        <v>521</v>
      </c>
      <c r="B523" t="inlineStr">
        <is>
          <t>learning_rate</t>
        </is>
      </c>
      <c r="C523" t="n">
        <v>5800</v>
      </c>
      <c r="D523" t="inlineStr">
        <is>
          <t>0.03985179</t>
        </is>
      </c>
      <c r="E523" t="inlineStr">
        <is>
          <t>&lt;class 'numpy.ndarray'&gt;</t>
        </is>
      </c>
    </row>
    <row r="524">
      <c r="A524" s="1" t="n">
        <v>522</v>
      </c>
      <c r="B524" t="inlineStr">
        <is>
          <t>train_input_images</t>
        </is>
      </c>
      <c r="C524" t="n">
        <v>5800</v>
      </c>
      <c r="D524" t="inlineStr">
        <is>
          <t>[b'1024' b'1024'
 b'\x89PNG\r\n\x1a\n\x00\x00\x00\rIHDR\x00\x00\x04\x00\x00\x00\x04\x00\x08\x02\x00\x00\x00\xf0\x7f\xbc\xd4\x00\x00 \x00IDATx\x9c\xec\xbdy\xfc\xbfO5\xf0\x7f&amp;\xdf\x12\xa9\xa4DQ\x94\x92H%\xee\x16\x12\xd9\xb2$w\t!k\x92\x16\xfcP\x1e\xc2-R\xf6\xbb\xdb\xbe\x94\x9dniA\x1b*\xd1"!\xd2"!e\xb9E\x89\xdcqW(\xce\xef\x8fk\x9b}\xce\xcc\x9c\x99k\xae\xebu\x9e\x8f\xcf\xf2~\xbf^\xd7u\xe6\xcc\x993g\xce\xcc5\xd7u\x01\x08\x82 \x18 \x00\x96\x9d\xe8\x02\x80\x00\x7f\xaf\x1f\xf3\xa5X&amp;\x1cL\x99&lt;\x98\xaa\x1a\xdf\xb0\x08%\x1e\xfa}\x88\x90c\x96\xb7\xccF\x98\xfe|\x07h6qk\xf4\x97\xa6&amp;\xafZ~%+Y\x8c\xd7\x1f&lt;Gd\xd5=TF\xb2\xc9&lt;\xda\xac\xe7\xe6+\x10\xafW=~=\xb5\xef\xb5F\xaf2`\xb1F\xa1#B\xe7\xb6\xd6O\xe3\xa7\xe9\x87R\xfc3P\xaf@\x8d\xda\xf8C\xa8,\xc6`8\x14M;\x970\xa1\xf6V@\x10\x84\x93\xe0\x8d\xd4J)\xef!JA \xfe \xa2~\x16N\x87\xb9\xc2M\xc9\x85\xe8b\xc3*\x15\n\\\xc4\xfae\x12\xcc\x95(J?O\xffP3r\xc4\xc2\xe0T\x16\x8b\xaa\x8f\x80\xb3\xed\\\t\x04k\xcc\x87\xd4\xb4\xe6$")!\x92I(X\xab\x90U\xa6&amp;\x81\xc3yb\x05\xcc\xa5\x04\x8a@\x9c\xea\xb0\x98\x82Y\x99\xb5\x98\xab"\xbcu\xd6\xc4W\x04"F\xbb\xf6\xf2y\x99\xa7\xb1\x90\xe7\xa2f|\x18._"z\xfe\x81\xb99\xe2\x9f\x00\x9c\xbb\x8e\xfbq\xa5\xbd\x15\x10\x04\xe1\x1cT\xa6\xb3\xe6I\x88\xb0\xae\xfe\xa8N+@u+M\x08\xf0\xc19e\x19\x85\xa9O\x06\xa5\\k!&lt;&amp;\xa2\x93\xd2\xfe\x98_(\xa5Td\xe2\xb1\x9e\xee\n,0\xc1\xd4&lt;\xe8\x95\xa9\xd4\xe7%OW\xbe\x9a\x13X/\x80\x00QB\xec\x18\x05\xf0\xe1\xfa\x8a#.\x8b\xd6\xfe\xf5\xec|m\xb3q\x95\x8dUQ\x11\x8e)E\xb3\x83\xfa\xb7\xb8\xa5\xe7\x86\x08:\xdej\xe0\xb0m[s]\xeb\xf7\xb8\xe7\xac\xdf\x8e\x99\x7f\x8e\xa9\x15\'\xaf&lt;}\r\x05A\x10\xf6\x81q\x0c\x8e\xefX0\x8e\xa3\xe4\xdawt\xe4P\x84\xd7\xeb])a\xfd\x9d||\xd8\x1am.\x7f\x9f\xe3\xaazq{y\xda\xda\xdc\x10\xe5\xc5\xec)\x18:\x9c\xa5fZY\xcc\xae^\x84V\xbbgh\x9b\x8e\x00\xb3\xfc3e\xd2]\xe1o\xc4\x9e\x1cNaA\x10\x04\xa19\xfdF\xd9\xdf\xe0\x1f\xe0=r\x1a\x8d\xd3\x95\x9a\xe7g\x81\xd4\x83\x1b\xa5#\xa5bG\xca\x90\xbe/\xd1X\xf1\xaf&lt;\xb5\xf8J7G\r5+\xc2w%\x8f)\x06{v\xdb$\xf1\n\x12k]\xd9\xbfz1\xa6V\x17E\xa3&amp;8Y\xcb\x9e\xac:\x82 \x1c\x9bv\xf9\x90\xbf,\xf6 X\xa3\xbc}bNJ\x94&lt;p\xa7p\xef)7\xdb8-\xdc@K"\x13\xca\xe4\x17\xbdJ\xfe`\xbf;/\x8b\xdf\x81o\x9b9\xfc\xbe$+\xc8\xe5\xed\x03N\x0cF\xd3\'\xccg\xef\xe6~k\xaf\xe1\x13%D\xa81\x91s\xbbK\xa5.\x82 \x08\xa15\xe5\x83\xdd\xb9\xe5TB\xa9\xf5\xa6\xc1XE\xdc\xcag\xdd\x90\x9a:x\xc7;&amp;\r\x92:\xa3vK\xa2e\x136OX\xe4.w\x9a67\xceZ\x91\xf5&gt;\xe7\xd8m\x19\xc7r\xf8\x0c\xf4[\xbdKN_\xeeRN\xdc\x10\x9f\x7f7v\x13r\xba\xe7\x00h\xeav\xd7v+\x9b\xa1\xe8k"\xfe_&amp;Qa\x960\x05\x83\xc4\xd5n \xa2Uk\xb9\tX\x10\x04\x01\xbc\xf7\x00#N\xdb\xbd\xe3\x1b!b\xd9\x7fhM+g\x80\x1be\x94\x8a\x8f\xcak5\xf3\x97\xf1r\x0e\xb6uhn\x1c\xa5\xb4\xdb\x94\xc3\xd9\x7f\xe9\xad\xccGAe\xb9\xec\xe4\x03o7\xf2R\x9a\x84!Lx\xb4E\xe8\xf5\x16\xf0\xebT\x89)Z\xcb7\x1e\xf2VU&lt;\x00\xbc\xa9_\xfb#\x02&lt;\xf1h\r]\xc7\x1b\x00\xac\x0e&amp;\x13\x00A\x10\xea\xe9\xbf\xec\xc4\xbca \x94\xb2N\x15\xb3\xb2\x17=\xc1\xfd#\xf4\x1cO\x90\xae\x8c\xccr\'r\xaf&amp;+\xf5&gt;\x81o&gt;=YTX\x87&lt;5\x16\xa3\xf5\xb6\xdb\xf3\xcc\xec_\xd7@\xdd\xae\xb3.\xbb\x901\xaf\x9b,\xf3\x0e\xd1;1\x8c\xe3\xb7\x95\xc9!f\x00Gc\x89$\xff\xc4a\xbd\xcc\xb0\xaaO\x8f\xabc\xb2Z\xda\xbfGj\x8e\xc9\xa0u.\xae{\xe6\x15\nA\x10v%\xb4gz\xfe\x99qs\xe7Cf\x99\x8fo\xf6,\xa0\xd0\xaee\xef\xe7\x91\xe3w\xbdq6\x91{\x85u.\x10k\x19-aF\x82\x1a\xe3,\xce\xcdw\xe5\xd2ktR\xf2*~h[\x1dZ\xf9b\xd6\xce[q\xf6\x11\xee\x04\xb8\xc8\xc6\x15\x04Ah\x8a\x9b$5J\x9b\x1aEp[\xdb\x80|\xcf\x87\xd3\xc1\xef\xce\xf6\x1c\x98J\x01\x9b\xfdS\x87\xb0\x98q\x91\xe0\x11E\x92l\xea\xb0iu\xbf\x01Fh\x8fO\x8c\xfb\x1c\x9b\xd6`\xfe\xad\xbaG\xb5\xd5\xa5&amp;\x88\x94*\x07\x9f\x10\x90\xb3\xca\x13\x8c&lt;]\xba\xd8%\xf7bA\x10.\x8b~\x91\xceL\x92\xcc\xb4\x89s@m1\x01\xd8\x84\xc3\x9e\x19@]\xb9\x93\x9d\x11\xbf\xb9\xdf\x04\x00\xea\x1c,x9e\x84AZ\xb2\xff\xcb$\xbf_\xf0\xc6\xb7q\xf1\x05\x8d\xec\xae\x11\x8f&lt;\x15\x11\x89\xae\xc3E4\x96 \x08\x97\x8c\x9b\xbe\xf4(s\x1b\x0by\x8a~\xf5\x85\xa5_\xa5u\xfcv\xaa\xa9\x07Jj\x7f\xd4\xbehP\xad\x15s]\xc2\xf6\xeca\xb4\xe7\xee6\x11\xed\xc2\xa8=\x9a7\xa3=\x13\xde\xee\x99[\xf7f\xe6\xba\x94iX.\x17\xe2\x9c\x82 \x18\xd8\xa9^\xfb(0\x17\xf4U\xfa8\x917\x8eZ\x1f~`\xff9\xcca)\x9b\x004\xb5j\xb6\xe3\x1d\xa3\xa1\'\ro\xdc\xa5\x9c\xbd\'i\x8b\x1e\xac\x02\xbf\x96\xa9^\x08\xf0@\x1e\x8dV\x89\x05\xd1\xb2c\x80\xdd\x173hL\x95\xbd\xd6\'\x96O\x00Nn\xaeA\x90\xd1S\x10.\x94n\xa9\x9e[Vf\xa1\xfeQ\xa1g\xb6z:\x10\xe0\x9d\xbc\x9f\xf70iy\x11\xf8\xe3\x83\xb7r\xc7\xf4e\x8cl\x89\xc9O\x96\x8a\x8cQ\xa9\x10\x05N{)\xd1\xc9\x13\x8d\xd7?\xf9\xa2N?_\x1a\x84\xff\xb8\x0c\xe7\x14\x04\x01\xc0\x99\xf1\xf7\xcc\x9e\xb7Q!q\xbd\xd8\xd6\xe4}\x03\xd9\x80\x93\xaa\x9e8\x8aE\xebX\xd2vV\x8b\xdb\xad\xd0\xd2\xaaN\xa2p6z\xd6h\x7f\xe7giDO\xfa8fw\xce\xd5\xed\x8d\'\xf6s\x9d\xafs[\xb0\xbc\x11\x11\x1fwrs\r\xc3u/\xc19\x05A\x08.\xf9\xb3\x84\x80\xc2@\xef|`\x8d\x19\x89\xe1\xb3l\xb0\xd9N\xc9:q\xbf@\x19O\x97y\xd3&amp;\xdf(n|[)\x1fR\xd5\tq\xf3\x8bH\xa4V\xb27N\xec;\x07\xa8\x16\xe0z]\x87\xeat\xb1\xd8\xcf\xaf5\xfa\xc9\x1e\xc5\xed\x84\xd1v\xf3BO\xf9\xed:Q\x8fz\xbc\\\x1f\xe0\xe3r"\xaa \\6\x91\xc4\xae^4wP~&amp;Y\xdb\xec\xea\x18\x03U\xe6i;\x8d=\x18\xd7\xd94\xd4\xf7r\x95\xe5\xa6bL\x9eS"\xa1oj\xb83\xb9\xfe\xb9X\xe6\xadM\xb5j\x84\'\xfd\xef\xd4\xcb\xba9\xd2\xe9\xf7\xb4h\rw\xd7\x0e=\xf4"\x82@\x17\xc4\x8c\x82p\x19\xd8C\xec\x83\xa6\xce\x7fo\x86\x1b\n9w\xa7\x18\xaa.\xb1\x9e9N\x95\xe6\x19{\x0e\xe4\t\x9d\xe7\xaf~\x91\xaf\x1c\xafW\xe4%\xa6\x8ct\xcf\x0ec\xaa\x10\x1c\xb2J\xd5\x82\xd9\xce\xdc.\xf7\xdc\xdb8\xf9\xf8\xb2\xff\xe3\xd5be\x7f\xff\xdc\x01\xad\xed&gt;\xa7\xc7\xa5\x9b\xbd\xa2\xd0\xe98v_\x13\x04\x81Dl\x94]?\xf1\x87TR\xba\x13)\xb4F\xe1F\xe1\xe9\xa52~\x84\t\xa4b]\x16\xf6b;\x07\xc6\xc9\x0e\x13:h\xbd\xa9|\x1bt\xe1l\xe7\x90\x8e\xfdaZ\xcb\x1eQ\x7f\x83p\x93\x8d\xe0\xba\xadp\xc7\x97v]5\xdc5\xbaY\xf8\x9a\xad\x0b\xb8\xc8i\xa4 \x08m\xf0\x07h}\xd0MD\x9c\xf2T\xa6H\xdf\xe5\xe4\x92Q\x04\xdd\xda\xbar\x8f\x91g&lt;\xb44\x11\xac b\xb7\xaeE{K\xb7?\x1c\xb1\x11Y\xb2\x9f\xfa&amp;\xd8\xab\x11\x05?\xa7n\x0e\xef\xf8\xd2\xa8\xb2\x91\t\xc0\x7f\xeb\xb7y\xac\xc36\'A\x10\x04\x0e\xc2\x01\xba\xf0am\xf4\x92\xcb\xcf,\x1aE\xba\x8dC\x1d\xf8\xdf;\xd5b\x7f\xbb\x91\x14\x18\xb6e\xf7\xb6\x1e\x00\x00\xfc\xdcj\xc3_\x1f\xd3J\xfb\xb2C\x1b\xcd%\xee\xed\x18\xcd\x98\x97\x93\xf6\x9b\x00\x08\x82 \x08\x1e\xc2\x13\x00\xb8/aI\xa3|\'O\xc5\x1c\xa00\xd0\xfb\xaa\xf9\x87\xa5:\xec\xc9\x80\xd3\x98M\x99\xe6\xfa$\xaa\xac9\xf0\x80\xec\xdf^|\x9e\xd3\xb3.]\x1at\xa7n\xf5\xc9\x88\x88x\xad\xbd\x1d\xa3\x01f\x8dzM\x004\xf9\x95n\x83\x00\x1f\xca\xa0\x99 \x08\xc2\xb0\xac\xa9\x9b9\x01 \x9dY\x1aa\xf7J\xd1~d\xb4\xd4\xb9\x88\xd1&amp;\x00\xb7\x1dI\x9fA\xd4\x18\x13k\xf2X;\x07\xe0Q*\xc5\xb7\xf7h\xd0*\xcb\xac!\x94S\xa3\'\x9c\xec\xb2\xc0\xfdZwL\xbe\t\xc08\xd1l\x14\xd4\xde\n\x08\x82\xd0\x02O\x94S\x8a\xde\xdfQ\x82\xc3\x1el\xad\x96\xd3Xm0=hw}&amp;uvWcL\xac\xde\xae\x00`xC\xcd\r\nMU\xb5\xc3`V\x0c\xdc:#\xf0)\x89\x88\xb3\xb0\xd1\x1b(E\x1b\xfb\x84K\xaa6\xdaH\xd1u\x0c\xae\xb4\xb7\x02\x82 \xf0S\xbd\xc6\xc17\xda\xed\xbf\xdcr\xa0%75\xb3\xb7\x1e\x00\xad\xf3\x93\xece\xbca\xec\xd2\x93\xd2\xcdxege]\'\x9c\xcb\xa9\xedY\x8d{\xa6Ro\xdc~\xf9\x9d\xacS\xd1\xfbc5\xb3\x1f\x1f\xd6\x95\x17\'A\xdb&gt;\r[r\xe9\xfa\x95FSj\xa4\xf8*\x08\x82\xd0\n\xfb\xe2\xf7\xae\x0ft_?\xd8c\x8f\xd0\x08\x93\x90\xa1\xc8\xb1F\x93\x9d\xf7\xf5\x0e)\rj\xe0v\xf6|\xf3f\x9e\xf8\x11\xb5\x8d8\xfe~\x0c\xd3\x98\xff\xd4B&lt;\x9b D\x80\xbfg\x91F)\xcb\xe7l\xe3\xb6#\x9d\x91\xbd\xb1\x052\x13\x12\x84\x93\x82\xd6\x16\x0e\xa0\xf6wD\xc8\xbd\xd8:\x15\xe5\xac\xac\xac*L\xdf,GI\xd8a`\xb9,~Hcj\x8e\x91\xab?\x8a\x17yqs\x97\\\x13a\xde\x9e\x1cD\xe4\xd9\x95\xa1\xd4u\x01\xdeP!\xa4\x15\xbaI\x1bl\xdaa\xf3\xe4%\x14@\x87\x8c.\x94"\x9f\xa3?\x1e:\xa8\x16p\xc5\xde\n\x08\x82\xd0\x869\x8c\xe5\xee\xe6G\x04\x00\xcc\xdb\xd29\x8d\t\xca)K)0\xc7\xd0\xce\x0b,\xa7\xbd\x93a\x1d\x86\x11\xf1\x88\xc3\xd5\xd5\x00\xde\\r\x9e\x9e~\x0c\xdb\xb8Ko\xd8\x9f&lt;\x13\xa9\xa9\x83R\xdd\x89\xc5\xef\x86v^\xa5T\xcb\xdcZ1\xae\x9aw\xbb\xa9`k0{*0l\x7f\xcc\x80\xb3I\x8e\x80\xdc\x03 \x08\xe7\x86\x14\x94\xe7\xcb\xb8\xef\x88eC\xb2R\x1f\x04\xee\x8d\x07\x8f\xd0\x97\xb8\xd4\xfcS\x93\x01\x1f\xfd\x9b\x8b.*\x96\x1f\x8a\xb7\x14m\xc6\x1d\xe3\xfa\xfc\x1dR\x07\xa8]\xf4t\x8dY\xa2\xc6\xc8\xf9\xf8\x1e,^:\xb4Y\xf6\xd1P\x81\x02P\xaf\x98\x0b\x1e\xa3o2 =@\x10\x84\xcb"\xb1\x95\xf3\xb5\x94\xe8n\xdfk{\xb2\xed\xa1\xfd\x89\xec\x906v\xdf\x9ef\xecMr\xcd\xe2\r\xeel\x8c\xbcm\xdd\xb73[\x18\x993t^q\xb6\xe3"W\x00\x04A\xd8\xb0\xc3\xf8\xf4~\xda\xebS\xee\x8e\xba\xab\xb5x\xa2],fS\xef\x92 [\xedr\x96\xac\xde\xb4&lt;\rd\xef*\x8f\x99\xee\xf8\xcc2\xa2\x9e\xc2\x82B\x00\xf8&lt;i#A\x10\x04a?\xbc\x0b9\xc9\xd5\xc4u\x11\x1a\x11_\xe2?&amp;9\xbcq\xadd\x9f\xec\x82C\xc2,r\x81e/F\xb6\xb9\\\x048\x16\xa7h\xa3}=\xed\xe8\xd6\xdb\x13\xb9\x02 \x08\x02\x80\xf6\x90d\xf3C\xd2\xb9S\x0c\xbe\x15\x00&lt;\xd1\x9e?$\xe2\xb36pp\x05\xf2\xc3\x8f\xa73\xb3\xe9C\xb5\xd9\x9a\xe6$\xf5=\x0c\xdd\xb7\\g4\xb0\xde\x7f\x17\x07\x12\xffX\x19\xca\x14z\xec\x1bJ\xb1#1\xad&gt;\xed\xad\xc5Q\xd9\xfbJ\xaa \x08\x07\xc7\x8a\xbf\xcb\xf3(\xb6\x8f\xc3\xf7zzBw\xf4\xc6\xd0\xd4\x83&amp;\x16yC?[\x84\xccj\x9dPu\x92\x07\x08\x820,[\xff\x85\x01\xb6\xb5\x15\xb3k\xd4\x95\x18X\x83\\\x01\x10\x04\xa1\n+\xf2\xce\x8f\x115&gt;\tmb\xc9)f\xd9j\x94P\xe5\x9c/zLY\x8ay\r\xec\x06#\xefr\xe9\xcf\xdf\x895\x84\x06l\xe1\xea\xd0!k\xae\xc1&gt;U8c\xb4\x17\x04A8\x16o^\x9f\xc5i=\x1e\xda\xbf=\xd4\xdd\xac\x8c\x88pE0\xcd\xda\x8e\xb9\x98\x0b\xbe\x94m\xdcm\xb6z\x9f{\xfb8=\x9b\xc7W#\x9e\xdd\x1a\x82pt~@\xe6\xe7\x04&lt;&amp;\x92\xc9\x93 \x08\x05\xe0\xb2\x1f\xa70\x86x3\xaa\xc8r\x8ev\xa9\xb7\xbc\xd0\xc3\x81\x88\x84\xfa""\xf7J\x18b\xe1+!\x8eA\xd6K\x8bVG=\xab5\x04A89x\xccWF\n\x820\x10|\x8f\x19\xb1\x84\x90\x1f\x16$\xf8\x11\xcb\x08B\x16\xdf\xb2\xb7\x02G\xe7\xfa\x97s=\xf6\xf8l/\x8f\x97\x91T\x10.\x92\xban\xffm\xde\x8d;\xd5s\x00\x80G\xd0\x0e\x93\x98u\xb1H\xd3\x0b\xcc\\\xd4~Bv\xae\xc7\x10\xff\x85\x1d\x90V\x13\x84\x0b\x85\xdc\xf3\xfd\xd9v \xff\xaf\x9a\x03$s;\x8eR\x84\xa3\xf3G{+ \x9c\x8fxH\x91\x15\x87\x08Y\x17o\x85\x81\x90\xc1T\x10.\x19b\xcf\xff}\xf7\xc48\xccj\xfa\x8amUDs\x8e\xab\xb9 \\"\xc7\x8f9m1#\xbfX\xe9XH{\t\x82\x90\x83\x11\xf1\x97?\xf6\x87\x8d\x8bn$\xbf)\x87V^\x10\x0eKm\x8f\xbb\xbcn\xfb\xd4\xac\xa3;-\x00\t\x82 \x08\xfbb\xc6\xfa\xeb;\x9f1\x0c\x03}\xa6\x13\xdd\x91\x01R\xe8\x8c8\x1b\x00\xc8\x1bv3(\x08\xe0\x9f$\x13\x80\xde\xc4M-M \x08B\x1b\x9cD\xffI\xa1MAlE\x9ciP9S]\x04\x13\xcd\xf3\xa5\x95\x87\xe2\\1\xa4%e&gt;,\x13\x80\xce\x04M-\xc1G\x10\x84v\xf8\x93}\xd6\t\x80[\x08\x9b\xf6\xc2\xfe\xf8\xde\x13\xb7\x13?\xc39\xbd\x14\x8f\x1d\x13\\\xdf\x1f^%\xe52\x9a\xb5\xd4\x87e\xea+\x08\x82p~\xbe\x92\x96\xfd\xd7\x8d\x042\x0183\xbb7\xe8\xec\x9f\xbcY\x8bx\xec\x90\xf04\xca\x85\xb4\xec\x85TSX\x91\xb6\x16\x04!\x83t\xf6\x9f\x11SHO\x1aeT~,\x9ep\xde\xaa\x8d\x0e\xca\xb2\xe5\x85\xf0;\x1c\xab\x12\xe9Xt\x920u\xeax{B\xe4\xba\x96 \x086\xf8u\xed\x9f\xc6\x13\x9b\x03\xf0\x15r\x96\x91\xd5\x83\xc4\xdf]\xb9\x80\x19\xa6\x00\x00\x00\xef\xc8\xd1\xd0\xa9Y\xc4\x05y\x91L\x9b\x07\xa1\xae!\xe6N\xa185\x12\x04ao\xd6\xa1N\xa9\x16\xbd;=\x92\xb6)\xf7lLvT\n\x00\xb8\xcc\x85|\xa2|\xd2g\x85\xb3\x8a\xc8S\xa9\xa8\x88267\x16w==\x1d\xfd\xea\xfc\x1c\xcb\x98\x88x\x14U\xc3\x84\xa2hU\xc0\x9f\xda\xf1J\xc5\xe7\x0b\x820 S\xb8\xbb\x17\x83$\xef\x02C"\xe2\xe4\'\x88\x03\xdd\x18\xda\x135[\x8aopB\x00\xf8a6i\x9b\xd0\x9b\xb9\xc5\x90)\xa9]\x87Uy\xa3\x04\xb9\x08pv\x94R\xc7\xcf\x02\xc7\xe2P\x97\xce\x0e\xa4\xaa\x87\xe9u;\xbeo\xaa\\Z:\x84 \x08q\xfc\xa1\x93u\xff\x0f\xc2\xb5\x10\x9ew\xec\x18=\x04\x84\x1dS\xd9\xbb\xaa\xaa\xf7Og\xd2i[\x8e\xe9\xb1\xe2{\x82@e\xac\xfd\x99\xd7\x1b@\x87\x86L\xb5{\x8ffQ\xf1\xdc\xd6\x13\x04\xa1\x01\xac\x13\x80Y$\xa7~\x17J:\x97M\xb5\xd1\xf2\xd5\x0b\xd1\xf3\xe1\xb9\x90\t\x00\x1fb\xc3\x8b\x821\xec\xf3\xe8\xb1K\xe9\xadqjw?\xfa\x99\xf4R\xe42\x80 \x08\xb9\xd8Q\x97u/\xbb\xb0\x0fX\xbe\xbb\xb7\xed\xed\x07\xcd@\xc4\xc3\xecf\x1e\x92-\x0e(\x90]\x05\x17A(\xe1\xee\xdf\x8fVM\xce\xda\x85\x8b\x02\xb2;4\xc7N\x97{\x00\x04A\xc8E-\xac\xfbk\xdb\x84`Y\xa0m\x02\xb7I\xdf\xd6@f\x0fdkx%j\xfbO,)\xf4\xe5\xf4\x9d\xb7\xe8\xd6\x15\xfb\x84\xf8\x15\x92+r\xc5\x0b\x82 ,0\x84\xe0\xd0:\xc7\x1c\xb9PR\x0bv\xbe\xcd\xbbf\xaf\x94*\xcc\xe3\xaf,-t\xa1\x8c\x99\x84\xe1\xf4|\xc3!u\x13\x18\x19\xd3\xfdXQ\xcb\xf8x\x05\xc0\x7f\x96\x89\xc03&lt;\nI\x10\x84\xb3\x11\xdbK\x9a\xbf\xc7\xd4:^6y\x0bQ\xb0\xe8\tT\'\xdds|.\x10\xde\xb9W3\x9dw\x1bz\x00\xdf=\x00\x97e\x81\x9e\x14\xdfha6\xd03\xfc\xa7\xcb\x16 A\x10\x08\xf0\xdf\xf2U/\t\xcd=B\xfa"\x07\xdeu\xf98\xfc\x185\xe10\xb4hA,\xd9b\xb6\\\x96\x12\x86F\xc1[\xba.y^R\x12\xec\xdb\x98"\xeb\xcbm\xa8\xf0)\xa3\x95\xf0\x13\x18\x94\x11\x04\xe1\x88|A\xbd\x08{\xc9\xe7\xd78\xdf\xf8\x1b^\xec\x7fZjd\xb538}EJ\x939\xf0\xd8|A\xa9C%\x1f\xde@&amp;fO\x02\xa4\xbd.\x05j+s\xaf\x8c\x1c\x83\xfc+\xb4B6\xa6\x91\xb3\xed,m$\x08\x97\rS\x06l\xa7\xe9\rd\x8e\x9e\xa9\xb7\xe0b+\xceO\xc5#h\x9f\x9b{\xee\xfb\x96\x96%\x1c\x84\xfci\xde%\xe6X\xff\x1b\xef$\xb1\xab%\x95\x19|\xf2t\xb9r#\x08\'\xc3\xbe\xbf\x139^\xdenE\x10\xa5\xfde\xe2\xa0\x8f\x92\xacb\xb5\xaa\xdc\xb3XMG\xffA\xb93\x9d\x9d\xa9#\x8cbU\x96\x98)\x08\x95l\x03D\xa9+\xc6%\xc8=\x00\x82p.\x9c-\xef\xaa\xe8qb\x16\xb6\x80\xb7\x03\x80Zv\xe0 \xc7\xbe\x88K\x1ckW\xab\x9eogyd\xefV\xd1E\x8f\xa4\x83\xb5\xf4\x1fS[\xbc\xcc\xe5\xde\xb6\x0c\xd4\xfd\x8f\xd8\xb8G\xd4YH\xb2&gt;k\xbbF\x02\x84\x17\x97d\x02 \x08\xe7\x82#\xdd\xf7\xca5~\x9b\x9f\xfc\xb8\xbc\x01`\xfe\x1f\x97\xec(r\xc9\x12\x01\xae\xdc@\xbdB~o\xe7\x81s}\xa3\xc2@\tP=S\xebcb\x1a\x90%p\xaf9\xd22Y\xf1\xdcJ^\xa9\x0c\x02\xbc\xaeN\xc2\xc9\x18\xab\x0b\xd0\xb4\x19e\x03L\xaf\x002De/\x8c\xfa\xc5;5-\x0b\xca,Q\x10\x84\x1a0\x92\xd2Y\x9b\xfa\xdd\xc3\x06\xbc!i4}\xba\xd0&lt;kqn\xed\xf0\x1fP \x90O\xc7\x9cR\x9d\xd29n\xdb\xa8\xb9hvi\x1e\xdb\x14\xb7)o\x19\x8br\xda\x89\x03\x06\xb4\x86\\TeO\x86\x11\xc4\xb6\x16\x94+\x00\x82 \xd0\x99/I\x86\xbe\xfc\xe8\xf5G\x88oj\x97Qd7\xd6\x87$\xd1\xcf\xc8-"\xb9\x1ey\x88\x8b\x1e\x91js\xbc\xfd:\xdc\x8f(\xe7\nl\xb8M\xf92\xa5\x14\xc1\xc6\x97\xd2\nk\xe6x)\x15\x1e\x9d\xaa\xdb\xd3\xf5\xdf\xa4A\x05AXA\xc4v7\xa4n\x81H\xeey\xdd\rm4 \xa6\xe0\x88\xa8\x8an\xf8\xae\xbf\x83\xcd\x95V(\xea\xdf\x10\xae\n\xb9U@D\xeb\xdd\xc8\xe3OZ\x84\xdeLN~j\xc7\xe0\xed\xc8B\x15Kc\xd0\xdb\xc2\xbdh\xb3\x9e+\xcd)\x08\xc2\n\x02.\x8fS\xe1\x8e\xf5V\x18\x92\xb1d\x17\x8aZa\xf2\x89\x92\xf6\xaa\xca\xda\xf9\xd02\x18\xc8\x19\xf5\x10\xe0j\x00oi\xa3\x94 t\xa5.\x8f\x97\x0b\x00\xa3P\x16T\xf5\xc8\xbf\x86A\xd9\x02$\x08\x82\x86\x82e\xd5\x93y\x97\x8e\xf3.B\\\xfe\x95\xed@\x833mV)i&amp;\xdfV\x9f\x1d\x9a[\xfd\xf9Rv^\xe1J\xb2\xff^H\x10\x18\x1c\xc9\xfeG!\xb0}\xf2\xfe\xc9\xb3&lt;\x1f\xf2h$\x08\xc2y\xd8\xae\x02\xb0\x8a}\x13\xc05\xac\r\x88\xe6\xfe\n\xf6\x12\x01*v\xb0\x9c\x14\xe3\x1a@\xce2R\xf9u\x00AH1\xd6{\x00N\x89\xec\xe49/\xb8\xecDK\xb4\xacu\xf5@\xae\x00\x08\x82\xe0\xd0$c\xbe\xa6\xfe\xd4K\xf76\xbb\xcc;S3\x90\x07WhlcDv\x1e\xa0\x00\xe0\xe3\xb8\xf5\x11\x04\xf0\xdd\x89{V\xea_\x99R\xaf\xc2\xde\n\x08\xccP\xfb\x0e\xe9\xe6vA\x10\xceLz\x00xI\x07-\x00`\x19\x0e\x97\xc7\x147y\xcc\x9c&lt;\xba\x8e\x01D\x04\xf8\xb2\xbd\xb5\x10\xce\xca\xa5\xf4\xd0)\xc4}O~D\xbaE\xe2\xc9\xb3\x14\x81\x9e\x07A\n\xe7@\x9e\xd0*\x08\x02\x85A\xc7\x00\xef\x83\x8a\x851\x90G\x80\x0b\x02\x0b%])\x11\x1b\x1f\x7fao$\x10&lt;\x10\x9a\xdeYe\x93\xab\x01\x82 \xec\xc4\xf2\xcc\xd1\xf5\xd7\xdc\'T\x9e\x81C&lt;F\xf02\x9bF\x10:\x91x\xc6N|\xfb\xbe&lt;`M\xa0\xdc\xa3\xf5n\x88\xff\xa4\xfd*\xdb\x81\x04A\x18\x86\xf5]3\xf4\x01l{(2\x1ct9c\xb9+\x0b\xc6\xd6_{\x87\xc3\xdc:\xf2X@A\xe0\x82\xd2\x9bB\xc7\xd8\xeb\xfe2\x01\xb8T\xd2^d=\x0cTn\x02\x16\x04\xa1\x01\x05\x17\xa3UF\xf6o]\xf0&gt;\xec\xa5\xefY\xef\x81\xf5G\xef\xb8\x82\xe8\xbe_f\xdc:\xe4s\xa6\xba\x08\xe7\xc0\x1f\x18\x07\x0e\x1d\x8d\xf8\xf5\x0b\xac3\x8d\xdc\x89\x9f\xcc\x14\x05A\x88b\xae\x19\xd0"F\xf3\x85y\xcff\xd7c\xbe]\xd8]Y\x1f\x0b\xed\xb1q\xd6\x93\xe6\xdc\xe76\x9e\xe9\x9a\x00:U\x83\x13\xd5Nh\x01"\x16G\xbcH\xdf\xa1\xee\x0eZ\x193\x92p1\xc8\xbb\x05\x0f\x8b\x11\xc6\xe5\n\x80 \x9c\x8c\x86\xab#\x88\xa4g\xd8\xe9\x0b\xf3\xda\x8dk\xcb\x03\x7f\x18\xd4\xf0\x17z\xc0{\xe0v\x1c\xc62\xdab\xda\x9c\xa5\x14\xa8\x9fX?s\x9f\xdbx\xae!\xd9\xf6\xa5[\xee\xa3\x86p\x18j\x92\xd2\xc0\x99\xb7\xc4\xdc\x87#Kf,D\x11\xf7\x10\x84\xf32\x8f\x18\xeb\xcd\xfe,91\x1a\x98\x03\x92\xa7\x08L\xc1\xa9\r\xa7\xe4\x1d\x98\xd5\xfe\xf5&gt;\x9a\xbf\xc32Q"\x9bk9\xf2:\x07\xb4m)\x08\xf0w\x07u\'\xa1\x02bs\x8f\xe5\x15\xe1\xc8,\x08\x82 \\\x12\xd30\xd01-\xbe\x87[\xca^\x13\x80\xca\x9a\xecBO\xe5\xe7\x82\xd6\x12i\x85\x1e\xda\xbc\xf9 &lt;\x14\xf5i\xd2\xde\xfa\x08\xdd8P[\xcf\xb9\xfe\t\x02\xa0\xd0\x1fz\xf0\x17\x04\xe1px\x93c\xad\xc3\x7f\r\xfbhq+c{\x8f\xaft\xbe\x81\xea\xe3\xbd\x92\x0f\x1a\xd1\xb6\x8a\x94\xeb?\xd9\xe1f\xc4\x82\xfc.A;sie.S#\xc0\x83)\x05\xf7I\xce\xec\x86x2""&lt;\xf0\x90~%\x9c\x14\x04\xc4kL^\xea\xe9\xd1\xf1S\xd7\xce\x8b\x00\xdf\xdfE[\xa1\x03\x99C\xea\x91\x87KA\x10\xd2\x18\xa3\x82\x95?\xf5M\xaa\x1ap\xec\x8c\xdf\xa2~^D&lt;\xdd7\x01(\xd2\xb2l\x16Q\x82\xe5\xc3\xad\xb9\xc11\xfc\xea\xc0=\xf7\xdc\xe46JI#\xea="\xb7G\x9b}\xb6*\xe6\x08\x031\xb7\xe3O\xba_\x84N\x18=\xc4\t\x82\xd0\x8ec$:A\x8e&gt;\x811\xa8\x9d\x00,\xe7~@\xe0\xf4Mr]\xe2\x1e\x9e\x024t\xa4*\xcb\x94\x16w\x04\xbf\x1a_\xc3\x8b\xa3\x87\xe78]8\xb3\x0fZ\xbd\xe9\xb8C\x80`\xf2s\xc6]y\xb8\xcc\x0f\x93\xe7\xc9\x1d\xc1\x82 \x1c\x8c5\xb4\x9d\xe0\x91\x17z\x98\xce\xae\x8evr\xf0\xf9\x838=\xc1\x07\xa67E\x96\x97\x15}\xc6R\xbb\x17\x99!b\xcfV\xee\\\xdca\xc1\x8aG^\x9e\x13D\xf4=\x89\x189Mdv\xc1\xc9Q\x11\xf1U\x00\xef/N+L\xac\x01\x1f@\xba\xa7 \x08g\xe44kW_[~A\x83|\xf5\xc0\xb8\xe8_\xb1\xa0\x1e\xb9\x0cp\x96\xe6\x10H\x94;\xadP\x83t7\x81@\xa4c\x1a\x9f\xcb\xfc@\x10\x04a7j\xaef\x98W\x0f\xfe\t\xe0:\x94\x93*\xc3~(\xf9\x90\x85\xf3\x1a\x02\xeb\xc7\xe3\x82\xf3\xfb\x98@\xb2\x88\x93\xc2z\xedB\xe8\x8d\xbf\xf9\x96n+\x17\x08\x04A\x10vfK\xa7K\x12h\xdf\x96\x80\xce\x9ci;\xd6\x8eX\x03\xb3 d\xd24_\x97\xc9\xc0I\xb0\xe2\x8c\xbc\tX\x10\x04a\x1fx\xaf\xe4\xef\xb21@-4+\xe1k.a\x9fI[\x13\x96s~\xcb\xb7\xa7\xcfF\xa9\xa6\xde3\xa2k\x9e\x88\x07v\xdb\xd1\xaa\x94\xac2\x08\x82 \xec\x0e\xc7\x1e\xfa\x0b\xd8\x88\x7f\xe2\xaa\xc5\x19\xa4\xca\x83\xa8qD\xf4\xa7m2\xbe:c\xf9i\x93\xbcg\x1b!"\xc0\x87\xed\xa8\xc0\xf1\x91\xc71\t\x82\xc0\xc3g\xee\xad\x80@\xc2H\xdc\xe7\x01\xa0\xea&gt;`M\xce\xa98\xe7\xf4\x86\xf0\xd4v\xb8\xe3\xb9\xaa|I\xac\xfdQ\xf3\xde\xea\xd6\xd4:\xc2k\x06\x9a\xf9\x8b\x97\x1e\x15\xb9\x16 \x08\x17\x84\xec\xd8\x1e\x07\xf3\x16^\x00X\x1e\xd5\x99\xd94\xd6\xf0\x1fh\xd9\xa3\xec\xe2\xf5\xea9W\xf1"\x9c\x16\xd1t\x84CWy{J\xed\x9eZ\xf4\x03\xd7\xff\xbdIq\x9d\x03\xc7\xf2|\xed\x0e\xf2\xa3\xf4ta\x7f\xe4\x1e\x00A8;\xcb\xb8\xa1\x0f {/\x1a\tV6\xa0\xe6\x7f\xf3S\x04\xc2.\xfc\xdb\x1e\xa7\xb5\xbd\xb5P\xaa\xc40\xdd\xe03\xee\xb4P\xacM\x0c\xd9$\xef\x86\x1a\xb2\x16\x95M\xe6=}\xbe\x02\x87\xd6\x0b7\x00\xd4\xc38\xf6^GU\xd6\xbe\x1c\xd0\xda\x82 \x08Bw\xe6\x0b\xc4?\x81\xdao\xcbU\xe3\'\x1f&amp;+&lt;1\x88\x08_\xdf\xb2!\x06\xd8%|F\x10\x00\xbfb\xcd\xf8\x98,ln\xea\x90&amp;\x1b\n\x0c\xfc\xbc~f\xc3\xdf\x82\xda\xa6\x7f\x17\xe6\xb2\x84\x0b@&amp;\x8b\x82pZ\xccM&amp;\n\x9c\x85\xff\x96{\x0c\xb0\xf5\xbbBQ\x9e\x9cH`\xb1\x12H\xb4\xe7\xc2M\xb6\x94\xf6\x97Q\xb4\xf8\xf6\xb1\x98\xfb\x1a09C\x9c7!^\x03@\xba\xb6P\x81l\x01\x12\x84\x0b\x06\xa1\xd1B\xe3\x94\xc8D\x97\xa5\xd6\xa5S\x8e\x92\x84\x00sj F*\xe1\x169\xeb\xb8\x1cI\x98\x99\xf1\xcb\xb2\xee\xb1\x98w\xe2\xa9.\xbb\x9e\xae\xb9n\xfc\xeb\x9a\xfd\xd3\xae6 \xfc!""\xbcD\x1cX\x10\x04a\x0f\xdc\x0b\xc4\x9e\x0b\xc7O\xaf\x8f\xd1W\x02@\x80/vK\x0ef\xe7\x94\x0b\xe5\xb1\xdcK\xae}g\x81\xf0eb\xa5\x12\x16\x07\xbb\xbb\xf1\xa8\xbeWh\xbe\xc7\xbd\xd3\xc3\xee\x9e\xe2\xde\xc20\xd0\xa3n:\xbc\x0b\x82 \x08\xedp\xd3\x08_zQ\x1e\xa0mi\xb0&lt;\xcb\x92\x90\xdc\x13\xc6\x92\xd0WV\xb12\xc0\xf0"\xf6\xb4@\x00\x84\x1f\xb3\xfc\xb9\xe1\x9d\x15\xb6\x7f\x8b\x87\xf3#&amp;\xcd\xc6\xf2\xc9\x9f\x8f_\xde\x15\xef\xdd\x8d\x0c\x83\xcb\xd61A85\x88\xb8m&amp;\xb6\xa3\xf1\xb2\xe3\xa0 \x0ex\x02\xfb\xf2(\xba\xe5)\x18\xf1\x1d\xcc\x9a\x80\xd0^g\xf4\xed\xf2\xb7\n\x96}\xd2\xc2\xc9p\xbb\x96\xec\xf3\xbel\x86x\xb2\xa7\xcf-cZ\xe1vG\xc4\xfe\xca\x0fb\xc3\xd1\x90{\x00\x04\xe1\xd4h\x0f\x88\x0cd\xff\xb7.\x90\xea]\xd6Y&gt;\xfbPP\x84\xa0\xaf?\xb92\xb0\xd2\x9fTC"\xba\xa0q\x92]\x07\xe2\xd5\x97\x8d~mv g\xb6\xd2\xfd\xe4\xca\xcb|\xc0\x10\xd9?H\xaf\x12\x04\xe1r\xf9TwcAi\xaa\xe4\x93D\x11\x18\xd9q\x14{\xac^\\\x81\x02\xfd\x85Sr&amp;\xaf8\xc9.\xa0\x83\xaa\xbd+Z\x8b?\x8eO\xeaS\xf9D\tt\x9c{x\x1e/=B\x10\x84\x0e\xfc\xa6\x9e7\x94\xa5\xec~b\x13\x80\xe8\x86~j\xa1\xe9\xd4\xa7J\x7f\xe1\xc0\x84}L\xf7\x99;\x1c&gt;\xf5&lt;\xc3\x04\xe0\xa0j\xaf\x10\xc2Z\xa1\xd8\xe4\x11\x8c\xc5\xed\xcb\xd1}\xa0\x9ck9#T\x03_\x12\x04A\xb0\xb8%&lt;\x0b\xc1\x8c&gt;\xc1\x94\xfd\xe3;L\x00|G\xd2J\x88\x86K\xfeg\xb0\x08#\x13\xf1\x8aL\x07;\x00\'\xab\xce!\xd9\x8c\xcfh\xff\xcbj\xd0\x81j\xda{\xb0\xc0\xe59\x16\xc6\x10,\x13\x00A\x10\x9a\xa2\xe7\r\xe8\xf94\x9d\xb2\xd3\xa4\xd3r\x94\xac\x83\xadS%\xbf\x17V"\xfec:\xfcI|f\xab\xd4\xb3NR\xa3\x03\x82\x00\xb7k S\xe8\xcd\xee\xf3\xae\x06\x93IA\x10\x04\x0fs\xea\xf0\x12=\xe41M\x00\xfcr\x82q\xedA9\x07{J\xa2\x1f,\xb1\xf54x\xdb\xbd\xc8\x85\x8e\xcd\xdd\xf2&amp;\xcc\xc2\xd1\x91\x15\xe2V\xec\xde\x8fvW@\x10\x84\x0b"\xbeV:\x7f\xfb\x83\xb9!\xc9\x97\xfe#\x02\xdc\x82~41{\xd3\x8e\xcfP\x8dz\xf0\xe1\x19\xb0\xa6&lt;*E\xdb\x1d\xb3\xbd\xe2\x08|d\xea\xe6\x99!\x9b[`fi\xeb\xab\xed\xad\x08##\xb9\xee\xde\x13\x00x\xe30\xa6\x10\x04A\xc8\xc4\x9f\xfdG\xb2\xb1\xdc\xe3\xbd\xe7\xe6\x0c!\x08\xf0\xa7\xe4\x83\x0f\xccHI!\xbf\x1aK\xbb\xffN\xf4\xdb\xf3\x10\xab\xce\x19\'&lt;\x82\x97\xb9\xa1q\xdd&gt;~x.\xdcu\xb5\xea_\xb4\x1d\x04A8\x03fR\x9e\xceA\xfd\xd9\x7fF(\x94\xb8\x19a\x0c\xcb\x14\xddF\x02\xaf\x18Cy^\xda\xcc\xca.&lt;\x8b\x1a\x83\x1e\xf6\xd7\xc3\xe3IZ\xfc\xb2]wmP\xe9\xc2\x82 \x1c\x117k\xcf\xcbr\xca\x96\xff\x85\xc3\x80\x08\xf0^\x99g\x1c\xd7\rb\xcf\x9ejY\xaf\x83\x9a\xeb\x0cts\xd7\x91\xfbE\xb1n\xc3\xd6\xa8\x03\xda\xd0\xf9h\xe9\xc2\x82 \x1c\x91\xb2\xc4\xfd\nK\xc81\x9f\xday8\x85;\xf3\x91\xf9\xcdz$\x93z/a\x85\xfb\x82\xdc\xc4yJ\x8e\x18\xb88\xa9X\xbb\x19wJ\xd3\x87\x0b\xaf\xbe \x08\x97\xc9\xa5\x8f\x9a\x17\xc1C\xb37t\x1djD\x0c\xe5\xff\x07\xaa\x82pD\xc6r\xb0b\xb7?B\x7f\x91qJ\x10\x04A\x10\xf2\x98\x86v\xea\xf0I\xce\x06\xda\r\xc9\xf9\x17+\xac\xbc?\xe3\x15\x16\xbfR\xa0\x9f\xc9\xdb\x1e5t\xe6$\xb4b\xc0\xa4\xd9\xafR\xaa\xfb\x8f&gt;\x01\x18\\=A\x10\x04A\x18\x8fu\xec\xa4\r\x9f/\xd5\x97\xcf#\xa7d\x8a\xcd&amp;\xeb\x89Rh]\x04\x88\x1dm\xe8\xcc\xa4\xbc\xa4&amp;\x17\xc9\xa8Y\xa9\xa9\xd2\xcbI\x9db\xe49\xc0\xc8\xba\t\x82 \\&lt;\x12\x9d\xc7%c\xff\x0f)\x15xWj\xb6\xdd\x0b\xd4\xfeM\x1d\x9a\xd0\xb9\xae:\x87\xbc\x7fF\xa8am\xee\x87\xa7\x9a~\x1f\xc70\xbbj\xec\xb6x\xda\xcc\x7f\x0f\xfe\xbfqB\x8d \x08\x82`\x80\xb8\xed\xbb\x900}L\xf4\x0c 0\xd6\xce_\x11\x8e\xa4\x97\xea/\x82C\xd4*\xd0L\x1d\xa2\xf9\xcd\x94\xfd\x14\xea\xf0)\x83\xe6OBC\x96\xb6\xfe\xe8\xc4\xc4\xb2\xafcl\x05Q\x92{\xfb\x98KJ\xb5ej!\x08\x82P\x836\xba \x02|\xde\xde\xfa\x08\xd9\x10\x16\xf5_\xc34Xn\xae\x82\x88\x00\xdf\xb7}\xf3\xca\x9a\xa5\xbe\xf8\x04\x80&gt;;-\x9c\x00\x10\x0c(\\,]\'\x00FYKN\x1f\xf2Lt\xe8\xa3\xe4 \\`\x95\x05A\x10\x18\xb9\xc9\xb2n$\xcb\x9f;S3\x9e\xa5\x17\xb09F\xcax\xc2\xd1`&lt;~\x939;m\xe5\x9f\x17\x9bB\t\x04\xf0\x9e\x1d\xbd\xc2\xef\x84\xb4\xe5\xffK\xf3\xde~U.-E\xf1\xaa!\x08\x82\xc0\xcd\x1a\xdd$^\xed\xc8&lt;\x96)\x00P\x05\r\x81\x88\xa0JN\x0c\n4\xfd\x01\xc17\x0e*\x05m\xddf\x19\xe1K\xcd\x92U\x08@\x87\x1a\t\xfb\x80E\xcd\xda;6N\xaeH\xed\xc8f\xfe\xdb\xb4\x8f\\6e\xce\x03WbWD\x10\x04\xa1\x8ci\xc9\xe4&amp;\xf6z\x92Z\xfe\x08;\xb2\xd8\xbfp\x08W\xac\xd9?\xb8\xfe\xe0]\x05k\xbe\x00\xa7&amp;\xc4=\xbbq\xca\xb5\xe4y+M\xf6E\xa4w]\xf7\x941\x1a\xe4\xf1l\x92\xb4./\xd9\x7fK\xca\x0c\x8b\xd2\x1e\x82 \x8c\x81,\x17\t\x15\xac\xee\xa3\x94\x91\xf7sO&lt;va\xeb\x1b\xa7\xa8N\x15\xcb"4\x9ce\xd6e\x04&gt;b\xdcs\xa7@&lt;\x8e\x818\x19u\xbe\xdcW-S\xef\x95gi\xaf\xa33_.@D\xb9\x02 \x08B\x7f|\xebU\xe6`s\xb2%&gt;\xa15\xfaj\xa3Z\xae70\xa5\xcb\xbb;\xa3dN\x1bJM\xe6Xmr\xf4\xbb\x83T\xe4\xb7\x00\xfe\r\xf7\x95zh\x17V\xd8\xfcm\xed\x80\x88\xf2(\xdb!\xd0\xddD&amp;\x00\x82 \xe8\xefCi\x1e\xa0\xa7r\x96\xb1\xc6(Q\xd2\x1c\xa1\x02\xb5%\xfe\xcb\xaf\xd52\xd7\xfd&amp;\x1fX-\x8a\x01\xe9 \x00\x00\xa0\xf4\xd9\xde\x99\xb2J\xd229b\xa3\xfa\xaa\xff\xdbF\xecR\xa1\xeb\x01\x88\x0b\xef\x8e\x1e\x1f\xf7\xd4C\x10\x84A\xe8\xf7\xa0\x06\xa3\xa0\xed\x11r\xdf\xaf\x95\xdbm*"\x08a\x0c\xff\xdc[\x19yei\x98\x93&lt;]\xfe\xcf\xa9\x07.\x8fDk\xf2\x8c\x9d\x86\x96&lt;A\x1b\t\x82 \x9c\x8c\xff\xd6\xefamf)\xc60v\x8aQ\\8:\xb8\xfd\xb0&lt;\xe3\x9c\xcf3\x11\xe0\xaa\xc6\xef\xf4N\xd7\xf1\x1a\xdd\xc1\xb8\xd4yQ\x93\t@f\xe1\xe2\x8d\x87F\xb6\x00\t\xc2\xa5\x83\xbf\xef~\xb4&gt;w\x9f9\xbe;W\x1d\xb7]\x1bE%\xc9\x08T\xcfK\xb4\x9f\xdfi/%Fa{\xa0\x8a\x02\xf5\x03\xf3f\x13\xc6k\xe5_\xf9V\xcdc\xefj\x94\x1cO\xe0\xb4\xadMl\xca\x08\x07\xc6\xeb-\xbd\x83!"|\xd6E\xce\xbe\x04A\x10\xce\x81\xefj2\xb6}\xb7\x11\x1f\xe3kx \x10\xee{\x88F/\xc5x\xa3\x9c\xb7\xa6\xee\x87\x8c\xd6X\xaf\'\xa0\xfe\x89l\xef\xa9\xe6\xeb\xf7V \x9b\x9a\x15tO\xbc\xee\xefB\xe2\xb7#Q\xd6\x10\xb2\x96 \x08\x82\x7f\xf5qYs\x94(!\xd4S\xf8\xaa\x1aN\r\x82N\x1eW\x8cU\xf3\xc7"\xbc\x1d\xe0\x0b\xf4B7\xbd\xe4\xb6\xd4\xea2\r\x00\x00 \x00IDAT\xbc\xcbam\xf5\x92F\x8f\xe6z=\x1f\xa0&lt;)\xa2\xa6N"\x0f\xfa\xdc\x0f\xcczA\xdb\x82\xb4\x96 \x08\xa1\xdcH\xe2\x83\xc0\x05r\xbf\t\xb8H\x03\x1f1\xad\x10{\xe5R\xb8\xe6P\xb1\x83\x10\xb5Y\xf9\xb8\xdd\x13\x11%z\xa4\xa9\xf2\xae\xd8$\xa0k.\x8e\x08j\xad\xca\xf0\x8d&gt;\xbf\xe8`x=K\xc8^\xaa\x90{\x00\x04A8_\xae/W\xa5G\x83\xfdM\xc0\xf9\x1a\xbc\xd9\xff\xf9\x18{\x18\x14%\xfb\x87\xf5\xd6\x1c\xdcUmR\xd1#Xul\xaaz\x84Z\xf1~\x9b/\xb0\xb4\xbd\xa6\xbbd\x0e\xf26ll\xfa\xa0\xa3\x9d\xc9\xb6\xbfL\x00\x04A\x00\xd0\xef\xc6]~\r\x1c\xd8 |~\xe2\xba7\x9a\x89\xedVNAXx\x97\xc8\x1c$\xe0-]\'-\xc7\xf1X\x05qm\x8f\x92\x0e\xee\x04\x02\xfc\x1e\xa3\xb8u"\xb0\xfc[(\x86Q%\x00\x18\xd3\x9f\x833&amp;A\x10\x04!B\xa3\xbb\xbe4\xb1#\x8e\x19\'\xe0\x92n\xd7\xa3{\x11\x0ev#cBs\xdf\x1d\x9f#\xa8]\x86}\x1b\xf4\x91\xeb"\xf8\xf8\xdb\xcbl\xd0#\xd5Z\xae\x00\x08\x82@\xc4xW\x17\xa3\xdc\xab0\xca\x12.\x9b\x9c+I\xca\xbe\xec\xc5\xa3\x80\xf1\x90\x9f\x9c\x13\x13\x9a\x9fj\xe9\xd2\xa9i\xb3)\xd8\xc8\t\xd9\xc8\xbaU\xf3\xde\'r\xd7\x0c\x8eTk\x99\x00\x08\x82\xb03o[c\xe6\xa3\xf6T\xe3\xbc&lt;\xd8\xf3\xc4\x99\x93R2\xfcN\xaf\xa1`\xb2\x8c\x99\xa63o\xc5\x9e\x84\xab;,\xbf\xffQ\xbe\xf8A\xd0^k0\xcd\xc1n\xd4\xac\xa4V\x82k\xd8f{#\xf7\xc7\x91u\x13\x04A\x10J`x\xfe4\xb3B\xb3\xcc\xff\xce+V\x00\x00x\xd1P\x1b]\xc6C\xf7\xea}L\x84\xba\x1e\xa4\x13\xa4A\x0f\xcc\xd2v\xcf\xa47\xdf\x0e\xcd\xbd_w\x10\x04A\x10\x1aP\x93:\xb4\x9b\x00L\xe2\x1b\xc8\x14`\x97\xec\xe1P8{\xeb\x7f\x1c\x01\xf0\xfb\xfbY\x0cu=\x08\x1d\xc1\xba\x13@8\x18\xb9\xb3\xcdS\xdc\xf5q\x02\x10~O\xec/\x08\xc2\x01\xb1\xb3\x9c:\x19\xcc\xca\t-9w\xab\xd5W\xcd\x9e\x01l\xf9Y\x07\x8b\xe9E\x10\x9bI&amp;\x00G\x07\x11\x11\x1eMm\xbb\x87Isw!na\x99\x83\t\x82pT\x8c\xa4\xe1f\xc5Ql\n\x82\xdf\xc6\xa9\x99\xd0\x9e\x83d\x0f\xe5\xf3\xd2\xda\x82\xbds\x80\xee\x83=9\xcf\x93\x8cPg\xb2\xc3\xe3\xf6V#\x8b\xbc\x86\x93\xec\xb3\x03\x84\x0e%M \x08\xc2\x01\xa9Kk\x9e^_~\xb5\x04\xe1\xec\xec\x9f\xe2\xfc\x9cs\x11\xa0\x9c\x92\x04\x9d\x9c\xd6\xb3hxX\x8c6\xba\x8c\x89\xd0%\xd4qg.\xc3\x91\x04A\xb8\\\n\x02\\M\xaaa-\xa9\n\xc2\xf8pxlc\xb7\xbf\xec&gt;\xb5\xff\xb5\x9a(\xbc\x13\xb3\xef\xe2\x13%$8]\x87\xfa\xccH\x94\x18\xf2\tY\x82 \x8c\xc4\x1a&gt;\xa2\xaf\x07\xf6~eG\x9e\xe91\x86\x8c\xba\tB#\x10\xd1uxD\x9c?J{\xb2\xe1\xfc-\x9e\xe2?\x15p\x99}\xca\x8a,\xa3\xbd$\xc1\xeb&lt;\xe5\xb2\x00`\xbc:\n\x87`\x89\x12\x1e\xe7\x91\xf7\x00\x08\x82@\xc6\xbf\x900E\x98!\x17N\x10\x8f\xfc\xb0\xf4C0d\xbbs\x10\xca\xb7\x96gv\xa6\x05\xb0\xaa\xe3+`~\x86\xfe%\xe6\x85\xcadoul\x18\x93\xff\xd3v0\xa1\'\xe2G\x82p\xa9T&gt;\xd2$\xb1\x99!\xbe\x15a\xef-@\x97\x13\xf8Zl\x84@\x80\x07\x06&gt;\x1f\x10\xfc\xe5~&gt;\xf6\xd6\xe4\x11\xfb\xb8\xfdp\xfba.\x96_\n|\x1eo\xa0\xbf6\x8f\xcd\r\x9e\xd2\xf4\x82\x86\xec\xbf\x15\x04\xa1\x0e\xca^[\x89/{\xd3`3\xf4\x17z\xdb}\xc4]\xd7\x00\xcd\x13\xee\xf2Wg\xb0\xab\x92,s\xb7\xd6\x91l#E$\x90\x86\xc2,\xcd\xa4W\xe7\xd3Q8\x07\x92\xfd\x0b\x82P\x8d\xc4\x91\x0b\xc5\xcdH\xd2S\xc1\xdd\xb8P/\x1d\xa9E\xb4\x05\xc7\xfd\x95\xa1\xd3W\xe1Pc\xbd\x0fa\x9dE\x10\xb2@\xbc\xdcg\x85\t\xc2\xa5\xd1\xaa\xb7\xcb\x98\xd4\x96y\xe0\x1f/Rk\x19\t\xe5B\xd0\xce\x1c.\xf5\xac\xe7\x81h\xb0\xb7:\xc7\x9b\x86\xd5+\xccU\xdf\xc3\x99N\x10\x04A\x18\x851\xf2\xb3\xdd\x158\x1ec\x8f\xfdh\xb1\xb7&gt;\x1d\x19\xa2C\xc5\x18\xb0ir\xd4\xe0R\xb8\xbc\x8d\xfe\x07\xd3\x04\xa0\xde\xf8C5\xa2 \x08\x82 \xd8\xc4F)D\xf8\xc5\x11W\xb2\xc7g\x8c\xc9\x9b\x1f3\xc5\x1cQ\xc3f\xac7\xd0\x7f\xef\xa83[\xadi\x0e\xd5\xef(\xf9.9!\xael\x1a\x9e\xdc\x1d\xe0&gt;5B^/\x13\x00A\x10\x04aH\xd2\xfb@\x0e\x97\x85\x0c\xc6\xcd\xf6V\xc0\xcf\x05O\x00L\xc6\xac\xfe\x8f\x1d\xb1]hW-vu\xb9\x90\xc3#"\xbcO\x93\x9d\x96G\x9c\xc8\t\x82 \x08\xe7\xc6\xdakp\xb8\x84\xe3\xb8\x8c`\xe7O7\x9b^\x10j\xc8\x08#E\xa1\xe6\xf3\x8b5\xd3\xcb\r\\Z\x89\xf4\x82I\xd5\x8f\xae,\xb0\xe8\xf4\xc3p\tu\x14\x04A\x18\x8a\xba\x98k\xe7\xff\x08\xf0\xc2b1\x95K\\\x172R\xc2H5=\xf4\x04`q\xb9G\xb0\x0b\xe6\x16\xb8c)\xdd\xc0\xabf\xfb\x12\xaf\x05\x88\xeb\x17\x9b\x92O\xb3\xf5\x0c\x9c^\xd8;\xac\xb8z\x0cJ#\xf9\xf1jzV\x86{\x7f\x9e \x08\xa3bG\xec\x92\x17pj2\x14\x14\xbe0\xd3;r\x0c\xf86P.0\xfc.\xf7]4\x99\x18A\x1f:\x8b\ro\x08\xf0\x7f\xf6\xd6\xa5\x15s\x1d\x81\xef=\xb4\xa9\xc2\n|\xa0\xb4\xf3"c\xba\xb2\xea@)w:V) (\xb0\x1e\x9c\xa7\xaa\xd1\xad\xa0K\xf3qP\x16\x97\x8e\x1bC\xce\xc7\x95\xf6V@\x10\x84\xa3\xb0\x05k\xa5\nc7\x06~\xae\xe7\xc4\xebIJ\x8d2P\x1az\x1c\xd2\xe07\xdf[\x81Fl\xeb\xa9=/I\xe4w\xba\xc1|&amp;\xad\x7fN\xd7\xe3\xa8\xdc`\x06\x8a\xa1\xd4?\x8c\x11\x96\x04A\x10\x84\x0e\xd4\xa6}\xceF\xa2\xe9Z\xfc\xed\xf3\xc4z\xa4\xc8=\t}8\xaa\xc1\x0f\xa7p\x06\xfd;BYY\xae\x9e\xe4\xad \x9c5\xca\xdao\x93\xb9_\xa5XOM\xa5\x07\x1c\xc8Qs\x97tP\xde\x15=\x0e2\x7f\x13\x04\xa1+\x91\xd0\x9f\xb5\xd0\xed\xca\x19e\x9d\xfc\xec\x1c\xf3"&gt;"\xae{+\x8e\xa23\x15\xab/h\x8d2\xd5\x9a\xbf\xbe\x98\xb1\x8b\xc6s\x96~."Vj\x88\x88\xda\x16\x1d\xd2f!\xa4m_\xc1\xae\x9bs&lt;\xa1\xf18\xfd\x0b\x00\x9e\t\xf0\t{\xeb \x08\x82 \x94\xf3\xdd\xedWh\x10\x00\xe1\xdb\xdd%\xfc"Y\xb2\x9e\xd4\x9d\xca&amp;\xebL\xe7\xd5\xf1\x9d\xf0?\x93\xb7Q\x95\xb1\xe8&gt;~\x96\xfe\x1e\x92\xba\xfeF\xae\xef\xdd\xa8\xa2{y\xbb\x1d\x10\xa7B\xe9\xe5~Y\xce\xf1o:q_\x10\x04A\x10\xa2\xfc\x92\x9b\x15\xf5\x1d\xf0\xc0H%e4\x12Z`\xb9\xf4e\xb9\x19"\x02&lt;\x83[\xea[\xca\xcc\xd8&amp;\x9f\xbes\xcb\x96\xa5(\xccV\xb4w\x02@\xaf\x1a\xdd\xb0\xeb\x91\xef\xbc\x9e\xf2\x0b\xe8=\xa0\xb0&amp;\xc2\xe8 \xc0;\xec\xad\x83 \x08\xbc$\xc7\x8ceU\xc9\x1ecJG\x1dA\x18\x1c\xf1\xeaA\xf0\xa5\xb6lb\xaf\x97\x96V\xd6\xfa1m\xbfr\t\x9e\xf9b\x03\\)4\x07\xc8P\x94|\xa07\xe0\xa3Qe\x99\x03\x9c\x11\x89\x84\x82pB\xb6\xc0\xfd\xde\xfe\xee\xed\x8f\xfd\xe6\x04\x00\xfe\x1754\xb0\x8f\xe5\x82\xc0\x0f\xbf\x97^\x94\xb7wX\xe1n\r\x02 \xfcV\x8b\x82n\xd5 \x97*5\x119e\x8f\xb6\x02\x02\xe9\xba\x87p8\xf4\xd6\xbc\t\x9c\xef^(A\xb8p\xd6\x1e\x1e\xba{,\x14\xd0\xd7\x1b\xf2"\xe7\xc6\xa5\x1d\xe8\t\xd6B)\xa4;,\x07$\xd9/r\xa5\xd1\x1e\x0c\x7f|\x10\x81\xb1\xa6\xe1t\xb2\xfd\xdd\xaeC\xb9.\xa6\xde\x18\xb0Y\x8a\x1eW\xe9\xd1{\xeb\x0e\xda\xdc\xc5:\x91\xb7\xcb\x081\x10g\xefl\x1bUpy\x10\xc2I\x1f\x86 \x08\x17N\xd9\x04\xa04\xc4\xdb\xc2d\xa8\xa0\x81\x8d\x9e\xcdr\x10v\xaa\xbe\xf6\x18\xa0\x8ba\xea\x9f5\xb5\xe6\xcd\x9bc\x0b\xca\x97\xd4#\xd6\t\x00T\xb6N\xe1\x83\x83\x96\xf3.\xc9\xe6C\x83\xd5\xcf\xc2"\x96\xa3\xfb\x9b\xbc\x08L\x10\xce\x8aw\xa4e\xcc\xfe\xc1\x1a\xbad(!2\x8d\xbd\x17|m}\xa7\xac\xe3\x12\x1dTi\x9d\xb4\xcc\xdfx\x8d\x16\x94vam\xa3\x9c\x1f:\x97\x7fa\xf6\x1e\x9e^1\xd1(E&amp;\x00\x82pQX){\xed;f\xd7\xd3\x7f\xc6\x11.\x10\xb8\xdc9\xc0\xde\n\\ C\xd8&lt;\x18o\x86\xd0\xae\x1f\xc5/S\xb7\xc5\x94\xca\xa8\x0f\xfe\x82 \x08\xc2@hwn%n\x02\xbe\xe0\xecs\xf7\x8as\xdd]\xf7\xdc\x01\xea"\x08Y\xa0\xfd\x87|\xeb\xea%B\x8a\xd5x\x99Q]nS\x16\x04A\xd8\xa0\xc4\xc4\xbd\x82\xe6\x8e\xc3\xfcV\xe5se\x1b;\r\xf9\'\xb1\x9e\xb0\x03\xae\xc7&gt;S\xd2\xb8 \x8ben&lt;\xfd\xb6\xb36{\xe3\x84;\xf1\x1cA\x10\x84\x05rv\xbbC\xd6\xb8c\xb0\xb6\x9fsG5\xd1\xe8+j{,\xfb\xc9\xf3\x01\x85r\x02\x9e\xf3\x95;\xa82\x16\xfe^|i\x8b\xfaQ\xeac\x9d\x18S\x10\x8433T\x80\xd3/L\x1b\x17\xa9\x97\x9f\x1f\xb2\xb7\x86I\x86\x9e\x06\xf4\xce\xc5\xd1\xa6S\xb9miW\x8b\xa7\x0c\xeb9\xbb"6\xb1qz\x13:?\x08\x82 \x08\xc2\x11prEc\xef\xcd\x1eK\xd7\xc5\xf8\x93\xdd1\xf4\xef\x99\x88\xfb\x1at\x7f\x16GB\x84?.\xd3\xa7M;&gt;a(+\t\x83c\xeflY&gt;\xe1w\x1e\xb3\xff\xce\xcb1\xec\xa5\x10u\x19 \x84^.r\x0f\xb8 \x08\x06\xd3`P\xf4V/\xd28\xa2\x94"\xbc\x07g4\xd0}t=f\xbe4\x8dW\x1f\x00\xe8\x1f\xc0\xdd\x06\x1e\xa6\x05\x17\x8f\xfa\x10\x80\x97\x0c\xa1\x92n+yG\xde.T\x84\xb2}\xc1\xe5\xf5k\x96\xda&lt;\xbd\xde\xea\xc5J)D&lt;\xa0\x95\x84Z\xe41\xa0\x82 x\xc0\xfce!\xfa\xe1\x81#G^\n\xf2&lt;2o\xfa\xe0]\xf6\xb9\x9dz\xb2a\xef\xa2]#&lt;c\x94\xe5\xed\xa5\x81\x1e\xe6~\xb5mB\xeb\xac\x90\xf6K\xcf\x92\x05\x00\xd8\xa2L\xa4\xd5G\xbd\x0e\xa9\x94Rn:~\xa2\x87\x17\x08\x82 \x08\xe3Q\xbc\xc7\xc3\xbb\xe7\xc7\xb7i\xe4\xfa\xdb\xcf\xfem\xaf\x97\x0c%#\xd9\x7fo\x89\xbb\x8b`X|\x1e\xd8\xb5\xf4\x9e\xc5\x1d\x86oo\xdd\x10_\x0e\xd7\xa6=`tx\x07^\xe0\xf3^\xa7\xf3\xee\x1bL\x04A\x10\x84\x11\xf0\xa6\xec\xa5g\xfa\'\x00\xb8k\n;\xf48G\xcb\xaaG\xc8\xbc\x17\x1d\xa6\x16\xfc\x1f\x83Z5\xec\x84\xc2\xbe\\pC\x94]\x8f\x9a\xccu\x05\x97\xc5\x8c\xfe;|[\x8c\xac\x9b \x08\xc29\xa8\xcb\x96\xb6S\x10-Q\xb0I\xd3~\xfe\xce\xf5F\xb7~\xcf\xb1\xe9TP!\x9b\xc5n4\xba\xaa\x07 4\x01\x18;\xdd\xd9\x8b\xae\x969q+l\x81.|\x08|\x02)\xe8a\xf2\nF)FG8iC\x08\x82 \\\x14\x95\xa1\xbcO\x9e\xa4\xcbG\x80\x7fh9\x01@x\xec0\xc3\x1ba\xd9\xde4\xfe0\x9a\x1f\x13\x99\x00\xe4`\xdag2\xd1\xd7\xe9\xb6\xba\x0c\x87\xac\xf6\x10\x9a\x8f\x91\xe47\xf4U\x890\x82 \x08\xe7\xa2&amp;\xa0\xf7\x1b\x0fz\xa5\xb9c%|9\xf5ED|\xc5\x18j\x1f\x9a\xc0\x1a\xaa\x18\xd6C`\x8e\xf43{\xea\xd4\x9bk\xd6G\x0c\xee\xc8&amp;\xbe*\x08\x82 4\xa4\xeb\x82\x90\x9eg\xbc\xbd\xd9u\x86\xd1\xb6\x1a\xcb\nt\x7f\xc4\xdat\xc4?\xe1\xeb\x19\xaa_l\xc6\x16\x96\xbf\xd4\xd6\xbc\xc0*\x0b\x82 \x14\xd2\xf9\x8ap\xdb+\x00\xb3\xe4\xd1\xaeq\xfbWX\x0fA_K\xb2m}&gt;\xa8\xb5\xf7#f+\xd2\x95\xab#\xef\x14z\xd7\xb0\xab\xbc\x90.\xc5\xec\xe3tS\\\xa5I\xd4\x9a\xd5\xf8\x036\x81\x82 \x08\xc2\t0G\xa9\xdeOHl\x95\x99q%\xd9\xcd\x16\xe4\xda\xcd|\x98p+\xdeU[F\xe3\x1c\xc1\xda\xc7\x00\x11\xe1\xaf\xa26&lt;\x86o\xffF\xe8\x0bV\xe5\x11\x11\xe1\xbf\x07\xa7R\xde\x82\x1a-[\x8c\xdd\x1c\xc2n\\\xb1\xb7\x02\x82 \x0c\x00\xce/\xcc\xecY\xe6\xf4\x06\xca\x06\x82\xdf\x0f\xd6\x9a\xd4ThQ\x0e\xe7\xd7dV\x8a\x9b\xd1k\x8d8\xec\xcb7\x95RV\xd3\xf4\xf6\r6Qk\xee\x83\xf2B\xae*\x12mbv</t>
        </is>
      </c>
      <c r="E524" t="inlineStr">
        <is>
          <t>&lt;class 'numpy.ndarray'&gt;</t>
        </is>
      </c>
    </row>
    <row r="525">
      <c r="A525" s="1" t="n">
        <v>523</v>
      </c>
      <c r="B525" t="inlineStr">
        <is>
          <t>steps_per_sec</t>
        </is>
      </c>
      <c r="C525" t="n">
        <v>5900</v>
      </c>
      <c r="D525" t="inlineStr">
        <is>
          <t>2.6006703</t>
        </is>
      </c>
      <c r="E525" t="inlineStr">
        <is>
          <t>&lt;class 'numpy.ndarray'&gt;</t>
        </is>
      </c>
    </row>
    <row r="526">
      <c r="A526" s="1" t="n">
        <v>524</v>
      </c>
      <c r="B526" t="inlineStr">
        <is>
          <t>Loss/RPNLoss/localization_loss</t>
        </is>
      </c>
      <c r="C526" t="n">
        <v>5900</v>
      </c>
      <c r="D526" t="inlineStr">
        <is>
          <t>0.1432008</t>
        </is>
      </c>
      <c r="E526" t="inlineStr">
        <is>
          <t>&lt;class 'numpy.ndarray'&gt;</t>
        </is>
      </c>
    </row>
    <row r="527">
      <c r="A527" s="1" t="n">
        <v>525</v>
      </c>
      <c r="B527" t="inlineStr">
        <is>
          <t>Loss/RPNLoss/objectness_loss</t>
        </is>
      </c>
      <c r="C527" t="n">
        <v>5900</v>
      </c>
      <c r="D527" t="inlineStr">
        <is>
          <t>0.006708751</t>
        </is>
      </c>
      <c r="E527" t="inlineStr">
        <is>
          <t>&lt;class 'numpy.ndarray'&gt;</t>
        </is>
      </c>
    </row>
    <row r="528">
      <c r="A528" s="1" t="n">
        <v>526</v>
      </c>
      <c r="B528" t="inlineStr">
        <is>
          <t>Loss/BoxClassifierLoss/localization_loss</t>
        </is>
      </c>
      <c r="C528" t="n">
        <v>5900</v>
      </c>
      <c r="D528" t="inlineStr">
        <is>
          <t>0.08445588</t>
        </is>
      </c>
      <c r="E528" t="inlineStr">
        <is>
          <t>&lt;class 'numpy.ndarray'&gt;</t>
        </is>
      </c>
    </row>
    <row r="529">
      <c r="A529" s="1" t="n">
        <v>527</v>
      </c>
      <c r="B529" t="inlineStr">
        <is>
          <t>Loss/BoxClassifierLoss/classification_loss</t>
        </is>
      </c>
      <c r="C529" t="n">
        <v>5900</v>
      </c>
      <c r="D529" t="inlineStr">
        <is>
          <t>0.04032827</t>
        </is>
      </c>
      <c r="E529" t="inlineStr">
        <is>
          <t>&lt;class 'numpy.ndarray'&gt;</t>
        </is>
      </c>
    </row>
    <row r="530">
      <c r="A530" s="1" t="n">
        <v>528</v>
      </c>
      <c r="B530" t="inlineStr">
        <is>
          <t>Loss/regularization_loss</t>
        </is>
      </c>
      <c r="C530" t="n">
        <v>5900</v>
      </c>
      <c r="D530" t="inlineStr">
        <is>
          <t>0.0</t>
        </is>
      </c>
      <c r="E530" t="inlineStr">
        <is>
          <t>&lt;class 'numpy.ndarray'&gt;</t>
        </is>
      </c>
    </row>
    <row r="531">
      <c r="A531" s="1" t="n">
        <v>529</v>
      </c>
      <c r="B531" t="inlineStr">
        <is>
          <t>Loss/total_loss</t>
        </is>
      </c>
      <c r="C531" t="n">
        <v>5900</v>
      </c>
      <c r="D531" t="inlineStr">
        <is>
          <t>0.2746937</t>
        </is>
      </c>
      <c r="E531" t="inlineStr">
        <is>
          <t>&lt;class 'numpy.ndarray'&gt;</t>
        </is>
      </c>
    </row>
    <row r="532">
      <c r="A532" s="1" t="n">
        <v>530</v>
      </c>
      <c r="B532" t="inlineStr">
        <is>
          <t>learning_rate</t>
        </is>
      </c>
      <c r="C532" t="n">
        <v>5900</v>
      </c>
      <c r="D532" t="inlineStr">
        <is>
          <t>0.0398439</t>
        </is>
      </c>
      <c r="E532" t="inlineStr">
        <is>
          <t>&lt;class 'numpy.ndarray'&gt;</t>
        </is>
      </c>
    </row>
    <row r="533">
      <c r="A533" s="1" t="n">
        <v>531</v>
      </c>
      <c r="B533" t="inlineStr">
        <is>
          <t>train_input_images</t>
        </is>
      </c>
      <c r="C533" t="n">
        <v>5900</v>
      </c>
      <c r="D533" t="inlineStr">
        <is>
          <t>[b'1024' b'1024'
 b'\x89PNG\r\n\x1a\n\x00\x00\x00\rIHDR\x00\x00\x04\x00\x00\x00\x04\x00\x08\x02\x00\x00\x00\xf0\x7f\xbc\xd4\x00\x00 \x00IDATx\x9c\xec\xbdw\xfc=MU\xd8?\xf7\x89\x15\xf5\x07\x16\xb0D\x03\xf6\x1a{!V\x94(X\xb0"\x1a\x15cA\x8dXc\xef\x1aQQ\x11k\xc4\x82F\x81\xd8bA\xb1b\xc1\x82\x05QL"V,\x11\x05\xecb7\xb1p~\x7f\xdc\xbb{gw\xa7\x9ci\xbb\xb3{\xdf\xef\x17|\x9f\xfb\xd9;s\xce\x99~\xce\xec\xec^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bc\x88\x88\x88\x18\xf3{\xb1\x04\xda\xeb\xfe4\xa1\xc4QQ\xebs6i(\x82\xd6&lt;\xb1\x08\'\xd4\xcb\x0c+2F\xce\x7f\x98\xfe\xea\x10\xe0(0\xb8\x00\x00\xe0\x08\xdca\xcc\xc3\x8d1\xa7\x931\xc6\x88\xdc\xdd\xb9\xc2-\xbc\xd8\xb9\xdb:M\xe0\xf6\x95\x15\xfe\xb0\x9c\xd3\x05\xb4k\xe2\r\x87LeR\x97\xe4\xd3\xe94\nQj\xb6\xe5\x9c+v\xc2\xcf_}\xf4\x8b\xbb~\xfe\x7fJ\x80\xe1\xd2z\xc9,zC\xbb\xe6}\x8c\xf9\xe0\xadm\xd8/\x07\xe8\x00]B\xbd\x0et\xb8Y\x03\x00\x00z\xce\xde\xed\xd9K\x15\x11s2\x0e\xa7u\x9c\xebOC\xa0pN\xe7\xf8\xcaJn]\x99\xf9\xc4K\xa7\xf8\x9al\xf8\xf24\xbdx\xb2\xe5\x04$X\xc5\xb9\xe6\xf0\x15\xeat2\xc6\x9c\\Ep\xdb\x16Mc\xa7\xf4\'\x16\x91K\\aW\x94]\xccl\x94e\x01\x80\x0c\xaa\x0c\xd2C\xe0\x9dW\x01\x00`\x17\xdc\xf1\x93b\x86}\xad\xd3\xe9\xe4\x9e\xd0O\x97\xaf\xcf\x7fMv~\xa6_\x99\xf3F\xf4\xe94w@O\x16\xb6\x0c\xc7\x8e\xfee\x7f|\xdc\x0e\xb7W\\\xef\x9e\x93\x88\x18\xf3\x83\x96E\x13\x03}\xd9D\x94\xfbXv\x9a\xc7DSG]\x84\xd3\xe9?\x0c\tOc\xe2*\x8e\xc5\xa4\x92\xcb`\x87\x0fjq\xa8\xbe\xf41\x07*\x8b\x97\xe8\xa9Nc\x0c\xde?\x00\xc0\xde\xf9\x88\xf8\x92f\x1dP\xf9\x16\xd7\xf9\x1f\x99\xfe\x19\x976=[\xef\xf8\xd6\x95@D\xe4%&lt;\x8f"\xf8\x16\xad\xc8\xd1\x9a\xd8\xc3\t3\xed^9V\x8e!m\xf6\x91\x9e\xa7g\xe5\x02\x80\xa6h\x9e\xea\x01\x00\x00\xd8\x1d\x81\xb5-\xbe\xec]7\xf5\xc7\x0f\xbe\x07a\x17\x17\'\x7fNr\xbd\x88\x0cw\x03\x86\x87\\S\xb0\x1f\x8a\xcd\xf3\xc8\x97\xa6\xaa\xd2\'\xe6\x1ax`Jb\x80#\xb0#\x97\x9a\x00\x00\x00\x00n\x81?\xb1&gt;\xbb\x96=\xdd\xfb\x7f\x9c\xae\xf0l\x8f\x7f\xb6\xac\x0eWf\xfb\xe8\xcb\xa7\x81\xe3\xfb\xf7\x12\xdb\xe3\x8f\x92%$\x9a\xec\x16\xb6\xf9q\x95\xba\x00\x9f\xb5\x16\xfb\x08\x00.F\xber;\xf9\xad$\x03\x00\xc0!\xb1|\xfdq\x8f\xdc}\x97\xc0\xf2\xef\xe7\xe7\x8b\xec\xc8A\xbb\x1f\xbf6\xaf\xa5\xf1}\xd3\r{r\x9e5p$R\xbb\xf4&gt;|V\xa8\x86\x8c\xcfQ\xb5R@w\x02\x008\x10\xce9\xfde\xeaJv\xf9"\xcb\x00\xc0:\xfa\x7f\xb9\xe8\x8a\r\xec\xf4\xe1w\x8b\xc6\xdf\xc4?I=\x0b9\x94L\xa3\x91_Rg\xa9B\xb6\x1c\x16\xf2\x95\xd9\xa0\xc2\t\x00n\n\xda\x1a\x00\x002\xa9\xeb1\xd8\xd2\x9c\x92\x17\x0e\xfd\xf5\x1b\xa7g?\xb9\x8d`\x8c1\xf7/\xf3\xab\xcey\xffr\xf8&lt;;Y\xa4\x96\xb2\x9d\x9b\x95g\xb01\xe6m\x92B#\xa8\x80\x18\xf3\xf7\xeb)\xbb\xb4\xef\xafpf\x03\x00\x00\x00\xe6\xcc=\xc8&amp;\x01@H\xe0K\x87\x12xc\x00s\xd7\x8c\xa7l}h_\xf5\x13,\xcb\xbe\xdc\xach+\xef\xab8\xd9d\xbf\xac\t\x00\xf6\x04\xb7G\x00\x00l\xdc\xa7\xf0\xeb\n\xaf%me_m\xe9\xee\x07\xcb\xf2W\xad\xed\xa9\x0b\xcb!\x80\x0fF\xc7\xba\xacR\xdb\xb4)\x00\xc0\x88XO\xe2jR\xa6\n\xdf\xfb\x11\xe4Y\xa9w]\x16\x00\x80&lt;\x98\xfa\x00\x00\x8e\xc6\xf2\xc1\\_\xba\xac}\x9au\x97\x8d\xfa\xab\x14GD\x00\x00\x98\x06\x01\x00n\x83\xcf\x9cn\xde\x8b\x88\xf9Z\xd6\x00\xe8\x9d}nU\xbe9\x0e\x16@[v93\x00\x00l\xcd\xde\x0f\xf3\x14\xd3}\xf1\x9b\x9b\xd7w\xf1\x07zo&amp;\x80\n\xd0\xc9\x93af\x00\x00\x80\x0c\xfe\xe9\xc6\xd7\x0f\x111\xe6\xbfnm\x05\x00\xe0\xcb\xe6A\xa5\x01\x00\x00@_\xe0\x9d\x00\x00\x00\x00\x80\x12\xc5v\xe0\x1f\xb1e\x08\x00\x00\x00\x00k\xf1\xaa[\x1bP\x87^o\xbbw\xffp\x02\x00\x00\x00\x00@;\x06o\xf8\xc76\xb6c-n\xfe\xe1lH@\xf7s\x1f\x00\x00\x00\x00)l\xef@ln\xc0\xba\x88\xc8\xad\x15y\xe06K]\x04\x01\x00\x00\x00\x00\xd4\x07\x07bu\xf8\xa92\xd8\x05\xf4R\x00\x00\x80\x9b\xe6\xa8&gt;\xeb\xa6\x85zZ\xf7\xbf\xd3\x0c\x00\x00\x00\x00\xb7J\xa7\xc7\xd6o\xee&lt;\xbd\xe8#\xb1\xee\xaa\xe5\xb6Z\n\x00\x00\x00`\xd7\xc8\xc0\xd6\x868\xf1Z\xd5\xb1\xcd\xa6C\x07\x1d\xf6\xcc}\xb66\xe0fa \x03\x00\xc0ayo\x853\xdd\xe1B\xd8g\x00\xf0\x05\xc3\x87\x0em\x03\xb0\xa1\x8b\x02\x00\x00l\xcfi;\xd5\x17_\xfat\xda\xd0\x06\x00\x00\x00\x00\x80\xdb\xe2\x0e]\xb2;7P\x8d\xe7\x0f\x00\x00\x00\x00\x00\x00P@\xfa)5\x8e\xe5\x00\x00\x00\x00\x00\xdc\x16\xc4\x00]\xd3\xe5\xa3G\x00\x00\xb0c\x94G\x80\x00\xe0\xb0\xdc\x07\xf7\x12\x00\x00\x00\x00\xfa\xe66=\xd6\xba\xa5\x9eH\x93\x84_\x84\x805\x91^_&gt;\x06\x00\x00\x00\xb0"\xf8C\r\x10C\xad\xf6\x07]\x1d\x00\x00\x00\x02\xe0\xc0\xd9P\x15\x19\xdcek\x03\x00\x00\x00\x00`F\xd0\xc5g\xb3\x10\x12\xa1\xc3\x00\x00\x00\x80\n\x9c\x86\xedj\x00\x17\x1f \x01\xc6\x0b\x00\x00\x00\xd4\x80\x8d\xf6\x1e\xa0\x15j\xf1\xa0f5I\x1b\xa5@]\x01\x00\xc0\xea\xb0T\xef\x99[l;zl\x15Dx\xc3\x0c\x00\x00\xc0\xcd\x82\x13\xb0ch;\x00\x00\x00\x00\x80[b\xd8\xc7-\x8d\x04\xb6\xdb\x0c~z\xe8K\xa2\xd36|\x16\x15\x0b\x00\x00\x00\xb0Gjy\xff\xdd""\x86\x93*\r\xa0J-\x8a\xaa\x82\x93T\x00\x00\x00\xb0&gt;\xbb\x0f\x00\xa2\xfe\xd3\xb1\x83\x1c%TB\xbf\x88\x98!X\xdd\xda\x14\x00\x00\x80\x08wlm\x00T\xe1d\xccik\x1b\x9a\xd3\x9bg\xb5\xd1\xa6\xef\xf1\x1b\xbac\xfc\xfe\xfd\xe9d\x8c9\x9dN\xc2\r\x01\x00\x00\xe8\x1e\x9c\t\xd8\x0bg\x8fj7=VDN\xa7~\xad\x15\x91\xb3\xcb\xba\xb5!\xbb\xe0\xea\xcfk\xdatL\xdds\x07\x00\x00\x00\xf0b\xedc\xb1\xa1\x05p\x1c\x0e\xff\xe8HEd #W#\x93 \x08\xd5\x0e\x00\x10!|\x04\xe8^\xd6g\xb6\xb2\xa0\x03\xf0\xa8\xa6d\xbb\x98\xa7\x13\xdb\xd3*\x92jx\x99\xb8B\x0c@\x9fO\xe6Y[\x1b\x00\x00\x00\x00\xf58\xd8C\x96\xbaG\x9f3\x12hki_\xbb\xd4\xeb\x9b*S\xb2\xf362o\x0f\xdcx\xf1\x01\x00:\x85\x87\x80\xfb\xe6\xd6\xd7\xce\xcf\x9e\xfd}\xa0]\xeb:\x8e\x91\xa7BNFWQ\xfb\xba\x0f\xb0\xb2\xad\xb3\x06\xdaO=u\xc4\xadO`\x00\x00\xbd\xc2\xa2\xd69r\xcbm\xd4\xc3s\xb4\x8dl8;\x97&lt;\x86\xdb3\xcb\x08\xedt:\r\r\xa7j5\x9e\x06\x06\x00\x80&gt;\xe1\x0e@W,\xb7\xcbn\xdao8\x86\xdb\xe4\xda\xe9\x1f\x9d\xc8#\x14\xf0\xa68\xa9o\x9ap\xf4\x05\x00\x00\xba\x85\x00\xa0\x1fp\x18\x94\xac\xfa\xee\x9a\xf2 \xe4d\xcc\xdc\xe0\xf3_\xbfO{\xb7\xe1\x8fZU\xac~\x88\xceR&amp;\x8emG\xe2C?Kp\xd4r\x01\x00\xf4\x0b\x1b\x90\x9d F\x8c\xf2\xdc6\xacH\xfb#Xg\xaf\x8e\xa6\xafI\x9dV\xf39\xdcI?\x05\x90\x94+,\x92\xe9\x1a\x00\x00j\xc1\x1d\x80n`q\xef\x91\xf6\xadr\x1a\x1f\xd8e\x1f4\x97\xb9\xb7\xbd\xfds#\r\xa42A\x00\x00@5\x08\x00\x00:\x01\x0f/\x13\x19\xffYS\xa1\x9fc&lt;\xbb\x02\x00\x00\x07\x86\x00`[lO\x02\xa7a\x13v\xb6\xef~\xdc\x83\xe0\xf9\xac\xfe8\xf5E\x97\x88\x18\xf3v+\xea\x05\x00\x00\xa8\x03N\xe7\xb6p\xae\xb7-\xe1\x97x^^\xe9hvu\x04_dO\xd6v\xc6\xb2?\x04z\x883\xd6\x9a\xbe\xb9\xd5;~\x1b&lt;\x03\x00\x00\x00P\r\xd6$\xb8qv\x16\x83\xf5\xf0\xdb\x087B\xc9C\xc0\xb3\xec4\x19\x00\x00t\x05G\x80\xe0\xc6\xc13\x03(\x82ci\x00\x00\xbb\x83\x00\xa0\x05o\x9f\x98\xfe\x8d\x9bX\x01\xab\xb3\x82\'\xc4^\xf2j8\xab\xfat:i\x9e\x1b\x19\x7f0X\xff\xc3aj\xf0\xb6\x01\x00\x00z\xe1\xbey\xd9D\xe4\xadE\x16\xef1\x04\x80\x0e\x10\x07\xca\x1c\xed\xcci!\x19\x00\x00\x00\x00\x00\x06t1\x80\x9d\xe0Q\xcd\xdct\x02\x00\x00\x00\xe8\x1c1\xe6\'\xb7\xb6\xe1\xf88\x1d\x02\xbc\x04\x80\x06\xdc\xcdyC`\xfa\xe7\xad\r\xbd~\xca\xdb\x8f%\x00\x007\xcc\xad.\x87+\xe3\xde\x8f$\x00\x00h\xc5k2\xb3\x01\x00\x00xhz\x16\x16\x00\xf6\x05S\xc1\x8e\xa0\xb1\x00\x00\xa0\x00\x1eo\x05\x00\xd8\x1d\xeey\xdb\xb1\xa7\xc3.\x0f\x00\x00\xc0Q\xf9\xc6\xad\r\x00\x80\xde\xe8\xd9\xef\xef\xd96\x00\x00\x00\xb8QpP\x9aB\xf5\xe6\xa3\xde\xd1\xef\xb6\x92\xb9)\x01\x00\x10\x81\x1f\x02[\x93[]\x93X\x8c\x1d\xf0{^M9B\xf5v\x7f\xba\xe6\x08\x95\x0c\x00\x00\x00\x00\xb0;z\x0e\x12\xb6\xa1\xfb\xd8\t\x00`c"w\x00\x98Fw\rm\x07\xb0!k\r\xc0\x8a;\xf1\xcc\x18\x00\x00\x00;\xa7\x85\xffAP\x01[\xb0M\xaf\xeb\xf6}\xff\x8d\x86\xe1\x81F\xf7a\n\x02\x00\xd0\x04\x9e\x018&lt;\x95\x17\xc2\xd3\x89\x83\xbf\xb0&gt;mz\x9d\xdf\xdf=\xbb\xc2}v\xf6\x03\xb9\xe9\xed\xe8\xb2\xe5\x00\x00n\x8cNw\xd1\x8e\xc2\xdd=\xd7\xa9v\xb8\t\n\x1c\xe2]\x0e\x90\x86\xf7%\xe25\xd9a\x8duh\x12\x00\x00\x18\xc3K\xd9\xb6\x83j\x9f@?\xdc#Q\x7f\xf7\xde&lt;\xaa\xb4\x16\xfb\xaag\x9ea\x03\x00\xd8\x18f\xe1 \xd2lK\x8fj\x87\xbd\xe3\xf8\xf5Yg\x8a\xd5\x0c\xca\xa4\x7f\x0b\x17\xec\xa3b\x01\x00\x00\xf6\xc8\xb0\xca\xb2\xd0\x02\xb8\x89\xb9\xa1\xfb\x18;\x8ba^hv\xf3R\x8b\x881Oo\xad\x05\x00\x00\x0e\x81{\xa9\xde\xc7\n\xbd\r\x04\x00\x007\xc1t\x8c\xbf\x00C\x1e\x00\x00\x0e\xc3\x9f\xb1\xaa\xd9(k\xa3&lt;\x00\xa0\xda;\x85\xe8\xae\x16\x87;\x8e\xf2\xdf\xb66\xe0Pp`\t\x00 \x81\xb3w\x82\x8f\xb2=\xdfA\x13$s^\xf2\xff\x91\x85\xff6\x10\x91=\x9e\xa4\x07\x00\x00\xe8\r\xfbe\xc9\xd2\xee\xdd\xc9\x97\x97j\x9b^_\xac\r\xfb\xc1zA\xfbi\xe6\xf7\x9f/\xe6\xc9\xe4\xf7\r\x00\x00\x00\xe0FX\xcf\xe9\x19\xfc6\xdc,\xc8a\xb9\xc7\x7f\xeeKg\xdf\xdd\xfe\xd6\xeabt6\x80\x0c\x1an\x06i-(\x88\xc9\x89\xe7\x01\x00\xd2\xe1\x0e;\xf4\x88\x8c\x84\x93\x19c\xcc[hRv\xca~-\x87\x03\xb1\xef\x1e\xc8\x89V\x00\x80d\x9a\x9f\xb2\xc5\xb9\xb9\x80\x9f\xa7E\xa6$eI\xd2\x92k`M\x08\x00\x92\xd8\x7f]\xed\xdd\xfeN\x90\xc5\x9f\xbf\xb0\xff\xbe\x01\x00\xd0\x10\xdf}\xd2\xedo\x01C\xf7\xac\xd1I\x16\xa7\xfc\xb5\x1a\xc7\x8c\xda\'OD:y@\x85\x03\x0c\x19Pi\x00\x00\x00z\xee\xf0\\W-\xa5Y\xbb\x95?\x92\x98\xbe\x15\xec\x0f\x15\xd3\xde\xdf\xaa\xd1FZ\x11\xdd\xb8\x8f8\xb2\x19Pi\x00\x00\x00\xab!\xe6\xcdq\xa3s \xfc\xd0 \x0b\xf2\xb2\xbf\x16\xb5\r\x00\x00\x000\xc0\xb6YSd\xb5\x17\xad\x1e\x12\xdf\x9b\x7f2\x04\xb0C|t\x18\\\x00\x00\x00Z|G\x80vC\xdf\x0fMN&lt;\x92~\xcd\xdc\x0f\x89\x8f\x02\xb76\x07z\x81\xb6\x86\x91\x8eW\x04\x00\x80^\xd8}\x00p:\x9d\xf6\xb2\xb9\xbb\x133{\xa1\xee*\xbe\x7f\x9f`\xef\xf6W\'\xf3\xe9\xf0\r\xd8}\xdf\xdb\x0b\xc3s\xff\x1d\xf7\x05\x00\x80N\xd8}\x00\xb0:%k9\xebR\x1d\xc2\xde\xde\xd9\xd7\xdf\xbf\xc7?\x83\xce3aO\xcd\x8bC\xba6T8\x00@\x04\x02\x80\xd5\xd8\xd2a9\x9c7\xec\xe5\xa0\xde?\xcc\xe9z\xcb\x1f\xb6\x81.\x01\x00\xa0e\xb3\x00\xa0\xec\xc7\x1a\x15?\x07[\x01\xa7\x9c\xec_\xa7/\xb1\xa4\x94\x839K3\xff~\xfc\xf3\xf0~\xff\xe1\x0b\x08\x00\x00\x00+\xb0Y\x00p:\x9d\n6l\x02\x19\xe5\xf9\xab\xf9H\x0e-\xd9\xcf\x1c\x0f\x1b\x96[\xfdF\xfd\xa1"\x80\xd9\xee\xef\xc9\\\x1af#s\xd6\xe3`\x81\x1c@u\\S\xf4\xf1g\x06\x00\x80T\x0ex\x04\xe8\xef\xd3\x92\xa7\xad\r\xe5\x1e\xd8\xf9\x88Jj\xa6\xc5\x95\xe7\x94\xda\xb1CN\x03\xcb/\x8cu\xfd\xd0\x87C\x0e\\\xb4:\xf4\xfdZ\xb0^\xd8\xa4\x8a\n\xfd\xf2\x02\x9b\x195\x00\x00s\x8e\x17\x00\x9c\xdd?\xfdR\x91\xba6\x14\xbet(\'\xefx\xc2\xc5\xbatsK\x9a\xa6\xdaO\xfed\x87\x8e\n\x00\xd2\xd8d4\xcc\xc6`\xea\xcf\xfaU\xb5\x05\x00\xe0\xd69^\x00pAD\xfaxQ\x88\xf3\xa7\xac\xf2\x96_+\xd7\r\xb8\xb39/x\xbd\x81j\x01\x13\xdc\x0c\xde\xd1{\x817e\xd5*r\xb6Wb+iS\xd3\x01\x00\x004\x1c2\x008]\xf6\xe9\xbbX\x06\xb46\xfc\xdf\xa0OS\xc9\x98\xfd1\x16\xbd\xe4\xd0\xc2-W\xe0!\x897\xa8\xc8ov\x11\xff\x831\x0c@\x00\x80\xfe`^\x86\xde\x19]\xff$7\xc2\xcae\xe8\xe77\xc8\xb9\x03\xe0z\x02\x00\x00,9\xe4\x1d\x00\xb8u\xa6\xb7\x0bv\xec\x02\x96\xbd-\xf7\xd6\x98\xff60\xde?\x00\x00@}\xf0NV\x81J6fx\xbb\x8b\xe6 \x90X\xac`Xs\x9a\x94\xe2\xbf5\x90\t\xd09\x87\x98\x10\x00\x00\xb6\xe7\x18\x0e\xd6\x95\xc47\x88\xae\xc2q\x1c\xd9b\xa6\x9e\xbd\xbbN\x8e\xe6\xfdCU\xe8\x15\xb7\x06-\x0e\x00\xe0\x81\xf9q\x07\xd0FW\xec\x18\xe0\xf2\xe1a2\xa3\xac\xc6\xa8\xed\xe3R4\xdd\xd112\xf8\xa8\xad\r\x00\x00\x007\xaf`\xcc?nm\x83\x9b\xddm\xde\xec\xce\xe0\x9d2\xf7\xf7+\xbf\xf2\x95F\x84\xba\xd0\xa3\x1a\xd5\x00\x15\x0b\x00pLvv\x90c_\xd6\x1e\x80?\xa9\xb3\xe5\x0f\xd0\x10\xa6\x85\x96P\xb7\x00\x00\xd0;\xacU;\xa0\xd8]\xa3\x95\xdd\xe0\x07o\xcdn\xea\x9f\xae\x02\x00\x00A^m\xa5u"{Ab%\xbb=$\xf8\'\xc0\xb1\xf1u\xf8\x97X\xd5\n\x00\x008.\xed\\+\x9c6\xc8\xe6g\xed\xfe\xf3\xeaD\x80\x07\x81v\x04\x00\x00\xd8\x98\xd6\x8bq\xff\x8b}\xff\x16\xde."r\x0f\xfc~7\xfb\xad\x96\xfdZ\xbe5\xcd\xde\xc9\xcb\xfdU\x00\x80lv\xfaK\xc0\xad\x7f\xe0\xb3\xff\x1f\x10\xed\xdf\xc2\xde\x88\xfa\n\x93\x04%\xbe\xc5\xe9t\xda\xe9\xb8j\xcf~\xfb\xed~-\xdf\x9a\xec\x9fd\xfe\xc5\xc8\x18\xa4I\x00\x00\x00 L\xf4MA\xf3\x00\x80\x97\x0b\xed\x1dv\x88wM\xb4\xf9\x12G\xe8\xce\xde)\x07\x00\x00\x00q\xc2\xbf\xfe\x9b\xfa\xdb\xc0\x04\x00\x00m`L\x01\x00l\x0fG\x15T\xb0u\xd4?\xa7\xc0I\x83\xf4\xe6\xcb;\xb3p,\xe8\xf3\xd0\x001\xa9]\xcb\x9a~\xe9\x93\x00\x00u8R\x00 \xd6\xbf\xf5\x84\x8a\x18c2\xcf\xb0\xa6\xe8i,\xff\xa6\tU\xae768\x87\x13\xeav\xaf\xfck\xc4\x9b#\x1c\xb1\xde-]\xf7\xc3\xec\x17*\xd7\x95\x07\x00\x00\x87a\xbf/\x9a\xe0pjkn\xf90O^\xc1o\xb6\xba \x07\xeb\xc8\\\xfc\xe0&gt;\xd3\x1d\x00\x00\xf4\x0fk\x15\x00@-\x9a\xdc\xaa\x05\x00\x80m\xb9\xe5\xadV\x00\x00\x00\x00\x00X\x1b1\xe6I[\xdbp;\xdcf\xb0w\xd3g\x18te\xbf\xdd\xfaiIw\xb5\xda\xfa&lt;\xcf-\x0f4\x00\x00\x80[\xa7/?\xe0\xb6\x0f1\xdfr\xd9\xb7\xe5w\xa8y\x00\x00\x00\x80\xad\xe8\xdf\tni!O\x15\xc3\x08g&gt;\x01\x00\x00\xea\xc3\xe2\n\x99\xf4\x1f\xa5\x00\x84\xb8\xed[m\x00\x00M9\xd2\xef\x00\x1c\x12\xde\xc5\x0eqd\x811\x92\xf4\xe3\x15\xaf\x98\xe6i}t\xa2\x81pL\xda&gt;\x00\xd0N4\x00\x00\xdc0\xac/p\x04\xe4\xf2\x1bd\x97\xed\xd2K\x00`E\x02[\x1b\x08\x07&amp;\xd0\xbb\x96\xfb\xf7\x89;\xfal\xff\x03\x00\x80\x0b\xfc\x9bN\xd8o\x13\xd4\xb2|\xcb\x1ap9U\xd7H\xe0\xb0\x87(\x8eZ\xae9{-fq\xdf{\xb9r\x13\x8a%\x00\x00@\xa7l8\xc5\xb3\xba\\\xd8m\x18v\x98\x00\xf2\x00Eh\xc3\xce\x83\x84#\xc7o\x11\x86\xd8\xf5[y\xe2\x1c\x00\x00\xa0O\x1e"\xe6\xa1\xac\xb8f\xf57\xa2h6\xf8_c\xfa`\x00\xec\x8b\xdbm\xb5\xf1$\xdb\xd6\x86\x00\x00\xc0\xee\xb9\xdb\xd6\x06\x1c\x17\xd6\xe93+\xd6\xc3\xe2\xa9\xdf\xcc4\xd07\xb4\x1a\x00\x00\xc0\x8d\xd3\xaf\x0f\xf7\x95[\x1bpl~|yI\xe3\xd9\x13\x00\xc4\xa0N\xda@\x97\x03\x00\x00\xd8\x07\x9f\xc9j\xbd\'\x16\x9e\xbd\xc3\xdf"\x00\x08\x10\xab\x10\xaa+\x1f\xfa\x1b\x00@\xe7\xf0\x9ay\xb8 "\xa7\x93\xa1K\x84\x11I{\xbf~;l\x07k0If\xcd\xe7J\x03\xd0\x9cs\xc7\x0bv\xb9y_]\x81~\x06/\x00\xc0\xe6\xf0C`p\xe1tb\xd3SI\xb7\xd54wnFw\x07\xb7\x07\xd6\xe4t:E\\\xedn\xc7\x10\x00\xc0m@\x00\x00#\xb7\xe0$\x96\xfa\x1d\x1d\xde$\t[s\xba\xaf&amp;\xd5\x9a\xe0\xfa\x1d\x96\x84c?\x84\xa4\x00\x00p\xc3\xfc\xd9\xd6\x06\xc0\x8eQ\x1e\xee\xef\xe946G\xc3\x8f\x89X\xbfE\xddT\x8f1\xc6\x98/i\xac\x05\x00\x00\xf6\xc1n]\n\x9c!(cgO[\xf2f\xf7[\xa3\xb8\xb9\xf7\xd4\xbd\x01\x00n\x927\xd8\xda\x80=\xc2\xda\x06\xc5l\xef!mn\x00\x1c\x94\xc9\xcf\x81\xd1\xcd\x00\x00`\x1f\xb4X\xb1\x1e\xdb@&amp;\x1c\x81\xf31\x8c\xb3\xb7\xc4\xbei%\xa8\xc6\x8d\xb9\xfe$\xf0\xc7\xd0\x16\x00\x00\xd0\x0f\xa13\x18\xacX\x00P\x97\x9b\x9bU\xde\xfd\x1c\xd9\xde^\xc1\x01\x00\xd6\x81\xe95\x0f\xf1\xffI\x95\xc2J\xeck\xcb\x7fg\x8f.\xb8y\xc8\xd6\x06\x00\x00\x00T\x80-\x16\x07Z7eph&lt;\xe9\xfdBv\xef\x06A\x0f\xfc\x97]\xf9\xd3\xe1\x97\x17\xd9_=~%\x8b\xa01\xbb\xea\x9f\x00\x00\xd05\x1d\xad(\x12\t\x00B\x19\xbb*\x08@]\x9c\xbe\xfepQ\x8c\xf9\x1ag\x96aP04J\x19\xe7\xa5M]\xf0\x03\xdc\xf0\x01\x00\x80\x9dQi\xe1yo\xdbS?\xc8b\xc6\xaa\x0c\xad\xd9\xda\xf5\x84/3\xc9\x1b\r+\xb5\x17\x1d\x03\x00\xa0O\x9a\xce\xcekN\xfd5tY+\xa8\xf5f:8\x0c\x15\x1bt\xb3\xbe\x81G\x05\xbb\x82\xee\n\x00\xd0#\x95f\xe7\xc39%\x9c\xdb9\x16\x95\x9br\xd3\xee\xd1\\/;\xfaP\x1b\xba\x13\x00\xc0\xfa\xf4\xbe\x96\x97\x9bW\xdf_\xb1N0\xc3\xe6\xe0\x8f\xae\n\xb5\ru\xa1G\x01\x00l\xc2\xe1\'\xdf\x02g]\xc4\x98o\xacl\x0e\x00@\x16\xf8\xca\x00\x00\x00Zd =\xebcJ\xd4\x06\xa3\x8e\xa81\xac\xf4PH\x95.D?\xec\x82\'\xf3\x03\xcf\x00\x00P\x95\xe3\xaf(\x05\x01@\x91\xdaX\xdd\x16F\x08I\x96@\x98#VQ\x17\xceb\x0f6\xcc\xf8\xcf\xc6\x98Z\x86\xf1D\x04\x00\x00\xec\x92\x9bX\xbd\xb6Y\xa4\xc5\xf3\xb2\xa0\x1b\xa8\xf0\xb5\xa9\xf0\xa0\xc8\x16J\xdb!\xc6\xbc\xd6\xd66d\xb2\xbf\x19i\x1f\x06\xef\xc2\xc8lT\xa5\xdb_\xd7\x02\x008\x04\x85\x93o\xe1\x0f\x03m4\xf5_b\x804\xed\x9f\xc2B\x05\x05t\xb2-\xad~\xf6\xa6\xb5\xa9{\x97_\x85]\x18i\x8ci\x18P\xf50(\x00\x00\xc0\x18\xf3\xfb\x89\xe9\x9dn\x8drNg\xea\x87\x00\x07\xeb\x1e\xdb\x07\x00\xfasw\x9b\x9b\n\x9d\xd1\xa8?\xf0\xde6\x00\x00-\xd5\xa7\xcbA\xa0\x8c\xdb\xf9\xdd\xfd8%\xc0\x94\x97\xda\xda\x80d\x86\xad\xf7m\x86\x8cXlb\xc0\xa1\xa1J\xb3\xa1\xea\x00\x00\x12h2if\xbd\x97S\xcc\xab\xdf\xfa\x0c\x9e\xefQ\xe1\x8d\x19c\xb4\x15\xf8\x0f\x93\xbf\xber\x7f\xf5\xb6\xad\xf3\xcdOd\xf4\x0f\xb3\x01\x00\x00\xec\x85\x15\xbc\x8ab\x15,\xab\xd0\x01\xec\xbeC\x04G\x90F\x87\x01\x00\x00/,\x12!p\xbc\xf6\xca\xd1Zm\xe5~\xf8\x0b+\xea\x82Z\xac\xd3I\x0e6\xb2\x00\x00\x8e\x89\x18\xe3|s\xe5\nz\xf5i\xf36\xaeV+\xd4B\x11\'"v\xc9\xb9\xd5\xderk3r\xb9\x0e\x93\xa4\xbe\xf7\xa5&gt;q\xe6[\xb7\xea\xc3\x8c\x9dv|\xc5\xd6\x06\x00\x00\xc0\xd6L\x1f\xddK?\xa0\xbf*\xa9\xce\xcd&amp;Q\xcd\xa0\xdb\xfdk\x00\xd0\x1b\xc7j\xa3\xca]N;\'p\x13\xacKh\x11\x00\x00\x98p\xc7\xf2\xd2\xe9S\x8d1\xa7tQk\xae1\xa7\xc5\x87X\xfa\x84\x02U.\xc8\xe9t6\x935\xb8sT]d7O\xb8\x9eR\x87p\xb8\\\'e\xfd\x9c\xd3\xed&lt;\x06\xd8\xb5\xf1nn10\xbb\xc1"\x03\x00d\x91\xbd\xfd\xbf\x036]\tx%\xe2\x92\x9d\xf6\xb4\x03\xb7\xe3\x1e\x9b\x03T\\o\xed\xbe\xf5\xed6\xf1&gt;\'\x1c\x00\x80u\xc0Om\xc3A#\xab\xa2\xe2\x88\x881\xcf\xaaeJ&amp;\x9fHl\xb6\x1dT\xfbZXg;\x9f\xba\xb5-\x00\x00p\x13\x8c\xc7\xdf\x9b\xbb\xbf\x1d\xbbq\x07\xfe]\xa4\x92\x12M\xf2nU9G\x0c\xcc\x00\xe6l\xfa$R@\xef!gE\x00\x80\x1d\xe0x\x06\xa0*\xe3\xe1{\xed\x19\xe2,\xc6U\xc4\xfe7M@U{&amp;\xbc\xd7 \xbb\xbc\xfc\xbdy\xabC\xb5\xe5\x99t\xca}SMMN\'u\xcf\xdca\x08\xd7[\x87\x81\xad8\x9dN\xe9\x8f\x85TS\xee\xfbbo\xe3\t\x00\x00n\x8f\x82-\xfc\x8a\x8ec\x9f\xfe\\\x15\x93:,\xd7\x84\xe9k\xb2\xe06\xa1\xe9\xabAt\n\x00\xb0!ew\x00D\x8c\xf9\xf1\x8cl76\xef\x9fjm\xbd\xf5\xbab\x16\x16O\xea\t\x01h\xcaV\x9b\xe8\x07$\xe1\xe6[\x1aL\x05\x00\x00\xcd\xa9|\xae\xb4\xd7\xbdU1\xa5\xef\xd1c\xe7\xb8;\x92\x9b\x83\x16\xec\x86\xcbh\xa29\xc0\x01\xbd\x02\x00\xa0="b&gt;\xf8\xe8\x13n\x1d?\x03\xf7\xb1/\xb2\x9a\xe3FZp\x07?\x10KD\r\x00\x00p+\x14.\xf9YNC\xa7\xc7n\x00\xea\xb1\xf7\x1e\xbew\xfb\xe1\xcc\xc3\xb76\x00\x00\x00\xd6f\r?\xdb:9\x90\xa2K\x9b\xfe\xf3s\xed\x02\x80|\xf6p7\xa0s\xf3\x00\x00\x006X\xab^\xe6\x12\x008V\xf1\x07\xd7\xb5\xe7\x1f\xce\x01\xc0\xd7%\xc8\xac\xf8\xee\x17^|Q\x05\xaaq\x87\x881b\xbe\xaaY\xab\xf5\x1e\x00\xf4\xc5\xb6\xf1R\xe5\x80\xed%\x98\r\x00\x00@E\xda\xe3\x83V\x00P\xe3\x00R\x8f\x9eJ\xff\x1b\xa8\x13\xf6em{vQ\x1b\xd2\xb2\x9b\xa5\x0e\xcf\x97\xc8V\x94\x9b\xb1#\xf6p\xc3\x04\x00\x00\xa0\tI\xee\xc2\xc7^&lt;\x0c\xf1\xdd\xa6\xd0*e\xdd\x85\x15\xf9\xa3\xe9\x9f\xe2\xf9\xec\xa4\x95\xa7\xdeF\xec\xb6\xbft\x0bg\xa8\x7f\x00\x80c\x92~z\xfe \xcc\x8a\xfc\xe1\xd7\xeb\xf8\x1c\xd0#tKh\x87\xbbw\xb1\xbb\x01\x00pl\x8e4\xcb\xe7\xbd\x08\xf2\x89\xc3\x87#U\x05\xc0\xcd\x83\x0b[\x04\xb5\x07\x00p\xd3\x1cy\x19\xb0v\xb9\x8e\\L\x80\x9d\xf3\xe0\xad\r\xc8\xe0C\xb66\x00\x00\x00`m\xea\xfa\xd3\xd1\x87\x02\xcb\xd5\xf5\xff\x13\xc8\xdc\xa3\x80\xda\xa8:j$\xcd?7\xdeho\xf6\x90\xeb\xbd\x1a\xc8,\xe3q70\xc0y\xba\x03\x00\x00\x94\xe8&lt;\x00\x19\x13\x1bc\xcc\x0b\xdc\xc4\x1ac\xbd\xd1\xe8\x89[\xdb\xe2\xe3&amp;\x1a\xe2\x96\xf9B\xfc\xb9\x1a\xf02\x1f\x00\x00\xb8)\xe2k\x9efi\x1c\x13t\xfcv\xce\x16\xdcTa\xa1\x80O\xa2\x93t\r\x01\x00\x00\x00\x1c\x9f\xf47\xf1\xffx3\xc9\x00\xdb0u\xf8\xc4\x98\xff\xa1\xcc7\x93\x92\x93\xab"\xdf\x12\x1dnw\xba\x1a\x81\x8f\xeb\x81\x00\x00\x00\x00:\xa1\x99\x1b-b\x9e\xd4n\xa9Kx\xbb?+nU\xa8\xcc\r\x18\xc2\xdd}\x07\xbd\x8c\xc4\xe2\xe6\xa3\x02\x01\x00\xa0#\xc4\xf5\xa7~\xad\x92\xd4\x8d1\xebX|\x05D\xc4\x98\xbbU\x11\x05S\xf0Wl\xf2kCD\x8cy\xe3\xb2\xec\x15\xa1Y\xf3Y/\n"\xdc\x02\x00\x80bj:\xdcn\xd1\xe9\x01@\xad\x15n*\xea`\xab\xe6\xb6\xc59Xe\x16Q6|\xde/,\xdb8\xce\xc5]?w\xbc\xf5^\xe7\xe9\xa0\x1d\xc1\xf3&lt;\x00\x00\xb0\'\x12\xd7\xad\xb4\x15N\xbd\xc6\xafp\x04\xa2\xbb\xb5YD\x8c\xf9\xe4\xad\xad\xc8\x81\xe74\xfc\xd4\x7f#m\xe0\xc1\x98\xf8\xe0\xfa.;\xc1;U\xb4-\xc8\'-\r\xf3\\9N/:\xe8\xf3K\x07+\x0e\x00\x00\xcc\xd9\xf6a\xc4\x03,3\xc9Eh\xe1.\xac\xe0\x82\x9c#\xc6#\xed\xdd6\xe6\x16+\xca\xe9\xeew\xd6g\xfe\x93\xb7i\xf2\xed\\?\xa3%\xa2m\xf5v\xd5v\x00\x00pC\xb0\x02m@\x7f~[\xe7,\xeb*\xb3\xf6\xecj\xa7\t\xd6\xa4Jm\'\n9\xde\xad\x03\x00\x00\xd0rG5I\x15\x16\xb0v\xab\xd1{\xea\xb4/\r8\xd5\xb7\xa5-\x07Z\xd1\xf7\xea\x80f\x99]y\x038\xb3\xdf\x9eN\'\xe7\xe7\xa0\xea\x9d6\xd3\x01Q4\x99\xcd\xb7u\xd3t\xa9q\x0b\x00\x00tD\xcf\xf3\xb2\xf2\x91\x00\xe8\x85\xdb\xbb\t\x90]X\xdf\xef]\xbc@\xae@\x1d7\xd7@\xeb\xb0M\x95\xee\xaa)wd*\x00\x00X\x88\x88\xf9\xb2\x0e\'\xf1}\xdd\x10\xc7\xfd\xbaEh\xf4=2\xbc\xf3\xe0\xc9\x99y\xdbC\xbf\x02\x00\x80\x16LV\x97^_[Q\xcb\xaau\x8a\x96\xaa\xa5\xc3\n\x07\xb8\x11\xc4|X\xe6\xf4\xb2\xdb\x00\x80\t\x07\x00\x00&amp;t\xbb0|\x901b\xfe\xa4[\xf3\n\xf9\xfc\xad\rXr\xd4\xaa\xb6\xe8icuz\xaa\xaa\xe1oq\xf4\xc7~\x8b\xa9\xb2|\xfe\xe8\xf6\xad4+\x00\x00\xdc\x1c\xfc\x16\xe9\xfeI~c\t\x94#\xe61\xfb\xaa\xc9}Y[\x8b\xa4_\x12\xbc\x9d@\x0e\x00\x00\xc0K\x9f\'p6\xc6\xe3"\xd4*E\xf3\x1f\x01\xe8\xf5\xd8\xd8\x1a\xac\xe9\xde\xad\xa2\xeb\xa3\xda\xabX\x05E]e\xf6\xdb\xc4\x1f27\xe6!\xc9*ZR\xbb\x17\xdd\xe8\xc0\x07\x00\xd8\x94\x7f\xceX\xc0\xfe\xbb1\x1b\xde\x86\x0e\xeb-\xb3\xaa\xbfS\x13\xcf\xaf\xb3\xa7\xa9\x03\xfd\xaa\xd2\xe2u\x90\x93S\rk\x05\x00}5\xae1\xc6\xb3\xbf\xdb\xaa6\xda\xd4s\x87\xb5Z\x85\xa3\x96\x0b\x00\x00 \x03\x11\xbf\xd7\x02!\xfeSb\x80\xd1E4r\xb5\xb9\xa6\xef("\xc6\xbc\x97\xa5a\xeb\xd0k\x0b\x03\xba(\xf8\x85\x1el\x98\xa0\x88U\xba\xb3\xf9ht\xd13\x01\x00\xa0#\xc4|\xa3\xfb\xccI\x1f\xdeL\xa7$y{\xfd\xb8\x86\xf6\xa3\xa5\xedt\x18\xf3\x85\x8d\x84\xa7\xd8p#4\xedZ\xb5zKF\xc0\xb9f\x0b~Q4E7C8\x9b]\x1b\x0f\x00\x00\xfbg?K\xe9.\x8cLd\x12\x00\x881\x0fn\xa0\xe1\x88\xf5VJ\xb7u\xf2\xb9\xfe\xaf\xc4&lt;\xfebv\xafm\xda\xec\xf8\xa2\xeb-LY\x95\xa0\xca\xf2\xacN\xab\x17\x00\x00\xa0\x1e{\x08\x00\xeei\x8c1F\xfeG\xc8\xd4\x1f\\\xcf\x9cF\xb4:\xac\xdfy\xe3n@\xbf\x0fFW\x1b\x89\xcfZ\x14\xb0\xcb\xf2jX\x8c\xfa\xcb\x94\xf5Y\x91SL\xcb\xb9b\xbc\xb2\xf1\x8c\xf7\x9fv\xdb\x16\x00\x00\xb0.M\xfd\x15\xe7A\x14\xdf\xd3\x08n\x01\r\xac\xca#\xcf\x92^\xdd\xc1\n\xf4\x1f\xddu\xc5\xe6uUb@;\x8f\x7f\xb3j)y\x8a=\x10\x00\xec\x81\x1d\x99\n\x00\x00M\x10#\xf2\xddm\x97\xae\xc2{\xf7\xb7\xbdV}\xc1j\xafO=L=\x1f\xa6 uY\xed\r`\x01-\x81\xaf\xde\xb7\xbe!A\xaa?\xc9\xbd\xab\x9f\xfa\xda\x8b\x9d\x00\x00p\xe1~\xb5\xd7\x98\xec=0}\xae"\x83w\xb5\xafV\x9f\x1b/~:\r\x1fw\xa6-\xfc\x8c\xce\xf4\xf9\xdf\'\xf9\x92\xade\xcf\x8fFS48\xa9E\xf7\x00\x00\x80\xfdP\x10\x00\xe4\xeb,\xc8\x0b\x90\xca\xffW\x96\xbd\xca\xebq\x8et\x8fe\xc9\xa1\xa2#\x82=\x00\x008&gt;k?\xb3\xb8\xab\xc5\xf5\xfd\xf7cj\x80T\x87\xa6\xe4lt\x97l\x7f\x0f*V\x9f\xd9\x8f\x97TIS\xca\x8eF4\x00\x00\x00d\xb3\xf3\xed\xff\xf6/\xf5\xefl\x131\xd1\x98\x04\xe3\xd7\x7fg|\x9e\x96\x02~Q\xaev\xe6\xb7\xa9\xaf\xa4b.\x0e\xf4\xbdr%\xd7\xc1\xf92\x1ce\x1c\xd8SW\x87(4\x16\x00\x00d\xd2r\tY\xc1\x99p\xaa\xf0\xea=@\x00\xd0-\xbb\xb8\xcf \xe6~\xa3\x9d\xf9\xd6z\xfa\xc3(\xf6{\xb3%\xb7@\x16\x84\x13\xaff\x18\xac\xc6\xb1n\x03\x02\x00\xdc\x10\x1f\xb7\xb5\x01\x9d\x12t\xc5\xf2\xf2\xc2\xeeH\xb8\x0bT#(\x95]\xbd%\xc6\x11\x00\x04{\xfe&gt;\xca\xa5\x1f\xbc\x0csc\x8c1\xf2:v=\xec\xaa\x03\x03\x00\x1c\x89\xa7l\xa7\xfaC\xb7S\xbd\x1a\xb7\xbb\xb6\x1d\xd4\xdd\xa9U\xa8\xe6\x95\xd3gl\x90t\x13\xa0\xb5-\xe9\xe9\xbf\xa7\x86\x1c\x9fpM\xaa\x0c\x9b\xb3\xf3\xae\xc1\xd6}\x00\x00\xe0F\xe9\xd1E\xd8+iG\x80\xb6\xa7\xf6\xd2\xdboI\x15T\x7f~#\x9c\xec\xdf+\xd5\x15\xd1e\x000\x0b\x01\xc25\xefIPP\xa8I\x85tX9\xd5\xe1\xbc\r\x00\x008\xb8\xf9\xe5\xa1\xad\x07\xdck\xf5\xca\xe5!Q\xf6\xdeD\xc4\xbc\\\xc2\xeb\x89\x12S\x9a\x82wY\xd6zM\xd0\xaa$\xdcvPt?\x11\xf9\x98E2\x19\x7f\x19 \xfd4\xf9\x9e_\xc0\xf5\x85[\x1bP\xce~+\x1f\x00\x00n\x0f\x111\x1f\x98\xf7n\xc4n\x17&lt;)pL\xf5*v@\xcbG\x12\xcb\xa2\xac\xb2\xd6\xe9\xe0\x80M\x05\\\xa5\x98\x9d\x1dj\xd6|\xbf\xe0\x10\x9bU\x9f\xadG\xd9\xbe\x9b\x18\x00\x00\xa0\x1d\xd1e2\xf8\xadrSs]\x7f\xcbr\x80\xdc\xdf\xc7r\xb75u\xef\xae\xa7\x87\xf5\x0bU\xf3\r\xa1\xa3\xdf\xbc\x97\xd6Y\xda\xb9u`\x93\xa4\x17\xef\x1c\x00\x00`[\xd6x\xe1\xa0\xcb5\xa9\xf1\xa6\x97b\t\xd0=\xabx\xb4\xd7\xfeYp\xdfc\xdb\xe0A\xf9\xf0@\x1f\xec\xe5\xf9f}\xe2\x1fI6\x04\x00\x00\x8e\xc8.\x96\xe13\xab\xd99*\xaa\xe5\xa6\xa4K(&gt;=b\xcc\x97\xad\xa3\x0b\xce\xac\xe3\xd7\x1e\xe0P\xd0\x19\x7fA\xc4\x98\xdfj\xad\xba\xa9\xfc\xea\x1c\xa6\xd1\x01\x00\x002\xd8v\t,\xb9-\xb0\xd3\xc5\xbb\x07\xb3{\xb0A\xc9\x9eN\xe6\\h\xf1\xda+\xddq;\xbfS\xfb\xf1E\xda\x15$\x06i\xdb7h^\x00\xb0\xb3\xae\x08\x00\x00\xd0%\x12\xfc35{-3V\xce~H\x9ef}\xce\xae\x9f\xffR\xc1\x90\n&lt;=)\xb5\xd7G\x141\xdf\x90\xf9\xe2#\xb5\xb7\xeax28\xfe\x9cO5\xa7V,i\x9fk\x1bQI~M\x12\xde\xcb\x04\x00\x00pp\xb6y`7-\xd3\xe8g\xd4zD!\xc5\xc1\xf2IH\xba\xbe)k;=%\xea\xba\xac\xc0,R;\xd8\xb7[\x89]\x87\xa0\xdc\xa2\\\xee~X\xafT\r\x00\x06u2\x11[\xe5\xb0M\x1fQ\xc466pZ\t\x00`\x1d:\x9ej\xaf\xcb@]#\xef:\x88_\xf99\xc2\x9c[\xf0u\xd7\xc2\x07[\xef\xfeO\x94&lt;$\xde\xc7\x93\x97#+\x1c\xa6\xbf\xaa\xf8\xda\xa2\xc6\n\xb4\xc8\x8e*&lt;\x8f\xbd\x17\xf0\xd2\x13b#\xab\xee\xa9\xa1\xbdW\x9a\x9b?%\x00\x00\x00\xb8q\xec5\xb5\x96Hc\xed\xaeu\xf3"\x91\x97\xf5~\xd3d-lS\xea\x9e\xd6\xecu\x1c\x88\xba\xfd\xe7\x167&gt;\xc7\x1f\xf3\xfa\x84q`\x9e\xff\xf7\xae\xea\xeck\x13&lt;K#\xaf\x13\xb9\xffP\xdb\x92c"\xad\xe6(\x00\x00\xe8\x1bk\xb3\xb9\xee2 \xb3\xa5\xa5\xf8Q\xc5:x\xe5\xb4p\no\xc1\xd1\xdc\xa7\xf7\x90\xde.{&gt;j2\xf6\xc3\x84\x0e\xf9\xfb\xcb\x93Bk\x93\xd8\xb5\x9aZX\xebL\xe0\nZZ\xb3\x0b#\x01\x00:\xa5\xdd\x1c*\xc6|bn\xc6\xbco}\x8b\xb4\x18\xd3\xd7^u\x98\x06^\x0e\xcf\x02\x1e\x84\xbd\x07r\xa9\xf6\xcf\xd2\x8bE\x03\xeb*\xd1\xafm\xdd\x1a\x96\xcaa\n\x02\x00\xb0\x11\xc3R\xfa\x93[O\xa9b\xfd\xcf\x98\xc7f\xdfR\xf7\x7f\xfb\xba\xfdl\xcbE\x12\xe7\xf97\xbd{EP\x83}\xb7\xf2K\'\xfb\xeeY\xee\xbe\xf8\xf7\x02\xe2\xea\xb6\x9e\t\x01\x00\x00V\xa1\xf6\x9a\x97%jz\xc4\xd6\xb5\xe4\xdbO\xa3\x06\xf4\xee`\xfd.v\xe0\xdce\xec\xc6w\xe9\xc1\x86\xc3R|\xbd\xea\x88\x00\x00 \x00IDAT\xd2\xca-"\x87\xf4\xb31\xfe\xc4.Q\x97\xa9 \xe5\xf9\xda\xd2*\xdak|\xd5Q\xaf\xa8\xc1\xebnm\x00\x00\x00\xac\xc3\xe7h\x02\x00\xef^\xa0\x88\x18\xf3\xe4z\xd6\xd8\xf1\x86f\x81\x94\x8cc6\xdd\xb8\xec7K\xd7\x95\xbf\x83\xeeQ\xedv\x84\x18#\xe6\x03\xdd\xde|P\xc5\xe3kh\x9f\xe8+\xab\xf3\xf2\xda\xa8\xf1\x9cR\x9a\xc2\xeb\xd4\xfaC\x9d\x06\x03\x00\x00p\\"\x9e\x84\xb8\x02\x80\x8bsP\xebL\xf0l\xe9\xbd\xbfIp\xc2\xf2\xfc\x86~N%\xed\x82M&lt;\xb3\xffS\xa0t\xa6wo\xbb\xcb\xc3\xf8\n~\xdf\xa8D\x1f\xd8Fl\x84\xec\x07\x0c\\\x19\x03[\x15{&gt;\xc7e\xaa?\xe4\xb0\xe7\xaa\x00\x00\x80b\x94~\xb61\xd6"Z\xeb\x89\xc0A\xc8\x8f-\xb6\x00\xf5\x92\x7f\xb7\xd0\x86:|\x8e\x0c?P\x1a\xf1\xde\xfad\xb0\xb9\x85\xd9\xd92+\x06\x1e\xbe#+\x9d""o\xb1\xe2;.;\xe0\xf9\xf3\xa6\x14}\xae\xf3)\xa3e\xca\x1a\'\x03W\xe3x\xed\x0e\x00\x00\x11TS\x7f\xe3\x8d\xf3QI\x15\x1fW\xcc5\x00X,\xcc\xff]+\xbc\x9b\xd3\xc3\xaf\xba\xb5\x01U\xe8*\x00\xa8h\xc0\xce\x02\x80\x18\xadoae\x1c\n\x9a\xf1\x97\x19\xa32;\x00HU4\x93\xa1\xd1R\x92\x1d\x00\x00@\xcd\xd4\xc3.v\xb8/g\xe5\xf5\x8b\xe5*\x8e\xf5\x18K\xfc\xc1\xact)1\xc6\x8e\xb6\xdb\xef\xb9\xb5\x01%\x9c+\xf9S\x1b\xab\xf8\xb4\xe9\x05\x99\xfd9\xbd\xfb\x94w\xcbh\xc7\xb4\x0eZ\x02\xfe\xb4W\xb5\xd7\xa4\xfb\xd5\xb1iS\xa2\x07\x87\x94-\xd2}\xb4\x99`^\xf7e\x01\x00\xe8\x82\xd3\xd6\x06\x84\x10\x91\xd3if\xa1\x18s:O\xf1\'c\xcc\xfc\xdb\xda\xea\x8dY\x180~sV\xdeu\x05\xde\x1aC\xbb\xac\xdd(&gt;\x9f#d\x89H\xdb\xde\xbb\r\xd2\xeb\x8887\xd0\x06\x1dcw\xb3\xc4\xd8\x99W\x1bG\x9aZr\xad\x05\x00\x00\x90\xcf\x1d[\x1b`\xa3\xb9\xd9m\x8c1\xa7\xd3\xe9t:5\xf7\x9f\xceZ&lt;\xdf\x9c\xff\x9b.\x94\xdd\xa9\x86\x9cN\xabz\xff\xd1\x13\xde"b\x1e\xef\xf9\xf6\x98\xdeL\xb7\x85:\xb5\xb4-4\xa8#\xfb\xd1\xc5\x9b\xf7\x83\x90\xca\x13\xcb\x9a\xe3\xe8t\x8a\xb7\x8e\xc7\x1e\xa6S\x00\x80\xfd\xb3\xc7\x87S\xd39|\x01}\x1c\xa6\xe0\x92\xc7\xca\xd65\x92\xdeF\xac^\x7f\rw\xb9#\x826\'\x94\xe8\xe1%MS8\xf1nW\xf3{lq\x00\x00\x80+\x87^\xc9\xca\xfc\x83\xde\x1c\xbbL\xf7?\xd1)\x1f\xd3\xa7\xe4\x1aS&gt;4\xa5@\t\xf6\xac\xd3\x16\x85\xfe\xe8\x0e\xd9\xb8\xb0[Tx\x81\xba\x9b\xeb\x1e\x00\x00\xad`2\x05P\xa2\xf4\xec\xe5\xcf\x16o\xa4M\xf4\x9e\xcf\xcf\xb8\xdb\x19\xc5\x98?\x0e\x9bf\xac\xc8\xa1.\x83\x8f\xd8n\xae\xd8p\x16JQ=}\xa3\x7fo\xd1i.\x8e\x0e\xac\xf9\xb6\xa0\xf8\x12\xfc\x13\x00\x00v\x00sw\x84\xc0\x06\xdb\xfe\x1d\x88\xbd\xdb\x9fB\xc2\xa6\xfe}\x03\x99J,P\xdaY\xa0"\x03\xb1\xfe\xcd\x15\xd1\xc5@\x88\xd80o\xbe\xd5\x1a4fT\xf5ah\x15\xca)\xbczc\xcd\x05\xf6\xd1\x1f\x00\x00\x0e\x8eo\xaa\xddz\n\xde\xdf\x1a\xe0\xf6\x06\x06/\xc1\xfdU{\xab\x1a\xb2w\xfb\xf5\xe86\xfe\xaf\xc9\x9d&gt;M\x8d\x18 dc\x1b\xb1Q\xb5\xde\x12\x89\xc8\x9f\xfa:\xbf\xfa\xf5\x94y\xd5\xa5s\x8b\xc5\xbc\xdch\xde\xc7\x84Mr\x8c\xe2\x98m\n\xe3E\xec\xd7\x19\xa7w\x8f\x96\xdd)\xa0\xe2VF=\x00\xc0\x91\xf1/![\xce\xf2\xb3\xe5\xb6x\x97\xeb\x9f\xabX\x15\xe3l\xf3\x97:\xae^\x8a\xf3Nu\x95Y\x7f=oE\xc9Nm\x8d\xe5\xf7\x807\x12v{\xff_\x1f\xf1\xed\x96\xe7\x1c\x1a\x07\x00f\xa6q\xad\xf0,\xa7D\xcaz\xc8\xad1\xe5ta\x1f\xb2\x12c\xde8jG\xa2\x19\x97&amp;\x08L_\x96\xccAE\x9d\x00\xe0\x81\xd56P\xfa\n\xf2\xd3\x8di\x1f#\x01\x00\xec\x12\xff\xe2\xd4E\x00\xe0\xd8x\xcb\x12V\xcd\xb2\xa9\xdc\xa5\xcbUl-\xf4\x85\xdb\xfd\x8f\xb5\xb23\xc14\xfb\xc6T\xb4!\xc3AWV\xc2\xbdt\x03j\x9c+R\xe5\x1bc\xc7\x18\xaf\x14M\xa6\x11\xb80\xaca$v\xb6\xea\xf7:\xe8N\x8d\xe9h\xe0\x00\x00@6\xe3$\xfe^\xa1D\xf3\x87 \x13x\xd1k\x96\xa7\xa5\xe6\xd5\xe3\x0c\x00\xf27\x9cX\xdb\xfa\xc3\xe7\xfd+\xbc\xd2e\xd7\x9de\xdf\x9c\x80\r\xcfo\xcc\x1bVP0\x14SD\xccS\x97\xc7HjU\xc2\xacV\x93+Y\x13cd\x9b\xa5)iv\xc7\xe8\xa6/5\xe2\xda\x7f\x8e^R\x00\x80[\xe0\xfd\x86y\xfc\x9e\xaa3\x00\xb9k\xf3\xebf\xe5R\xb3p\xef\xca%\x16KX\x99{\xd6\x16\xf8J\xe3\xa9\x0cm\x8e\xb6&gt;A\xc0\xff\x9f\x1d\xd5p\xd8\xec\x8a\x13V\x88\x01\xea\x88\xadd\x9e]W\xc9\xae\xad\xef\x9b\x99\xf4GLw\n:\x89\xb2\xa6fh\x03\x80ul\x9b7\x87\xe7\xc9\xa5\x95\x8c\x01\x00\x80-\xd8\xe4\x97;\xa5\xdb_\x0c\x15\xc5\x8f\xd2\x9f\x13\x1acDV\xfd\xbd\xcc[\xe0\\\xffC\xc5\x86\xfa\x89\x88D\xd3\x14\xf7\xb4\x90\x17t2\xe7_\xf3\xbd\xa4\x99u\x1b;\xe7\xd8If\xe2\x9at\x1e\x91J\xbf1\\g\x90\x9e\x8b\xac)\xe94e\xa4\xe9\xed?\xed\x86\x18\xb3\x0f\x8d\xa2-B\xd4\xce\xa1\xbfi\xb9\x08\xb4\xfe\x1fN\xab\x9bv\xaa`W\x8ew\x1e\x0b\x977\xb56\x00\x00\xa07\xee\xd8Bi\xd8ck\x84\xfe&lt;\xc0\xecO\xe7\xe6\xdc\xc9\x98S\xfe\x12\xf8J7\xbb\xbb\x16)\xf8\xe9dW\xac\xbfz\xaf\xcd\xd1\xce\xfbW\xf0\xe1\x83/5\xb7\xc4q0\xcc\x98\x85g\xdeb\x93\xd5\xd3\'\xd37tO\xb5\xccS\x8e\x12+\x99h\x06\xebi`\xc8\xf9\\\xa3\x04+$\xd3\x1by\xba\xe6\x0c$H\xe5tRt\xc2S\xb9\xf7\x9fr\x9b\xe52\xbe.]\xc2\xb3\x8b\xd1\xbd\x7f\x9f\xfc\xd8I\x13+\x00\x00\xa0\x8c~g\xe7\xb3\xf7\xff\x05\xa5\xa7\x84_\xc5\x16i\x8c\x18\xf3oJ-\xdb!\xb5\xcf\x15\xb4}\xde:t\x00h\xca\xd2\xe3\x9f\'X\x9cN\x19/6F\x8c\xf9\xde\xca\x12\x87\xa3\xf6\x15E&amp;\xa6\xff\x9d\xb0\xb4\xbc\xe34u\x0f\xe1x\xa4\xf5;\xd1-\xe1\x14\x10\x00\x004e\xf4\x9f\x0e\xbb\xdeL\xbd\x81\xb6nk\xd7\xbc\xbf\xab\xe0[\xf8\x19\x1a\xe7F\xe5\xfa\xc7\xde\xf6\x13\n\x00\x8c\xdd%2J\x10\xeaH2\x7f1NEd\x94_Q\xa0\xebs\x96,\x91\x07\xf4\xe3\xb9.\xee\'nd\xc7\xfa6\xbc\xa91\xc6\xbcu\x07\xe5\x05\x00\x00\xd8\x8e\xcc]I\xd8\x10M\x000\xf5\x83\xef\xe1\xcb;\xc4\tb&gt;\xd3\xceX\xc1\xc0\xc0\xb7\xc5\xf2KP\x14\xb0\xd1=\x90\xbeFY\xcd\xd8&amp;Q\x9d\x8f\xd0\xbb\xd7\xb2t\x8em\xddU\xcd\x03\x00\xc0-\xa2Z\x8a\xf0\xc8a\xc1\xfc%3\xba\x18\xc0%h\x16$\xbc\x9a\x8c{\xe7\xf5\xa2A1\xff6\xe7\x1d;!\x81\xd7\x7fK\x84\xb8_,3\x96\xba^\rt\xc1"\x14t\xa7jt\xab3\xda\x15\xed\xa4uU\x8f\xfa\xcd\xeb\x8b1b\xee\xb7Z\x9b\x1e\xa7\xf3\x00\x00@=\x82\xeb\xdc\x91&lt;\x8f\x8d8b\x05\xfe\xdax\xb2\xc5\xcc&lt;\xf5x\x00\xf0]^\x7f\xd7r\xcb\xe62W+Ymr-\xaf\x1d\x00(\x84\xacT\xcf\xba\xe2\xc8;\\\x9e\xbb\xad\xffl@\xcbN\xd5\xa4\x02\x15\xf1\x12\x00\x00@"\xef\xdcS\x00 \xba\xa3\x0e\xb9V\xdd\xec"\xba\xc6\x81\nm\x00\xe0\xdf\xf0\x9e|\x1b\xcbrKT(\xfe\x1fh\\^\x11\xf3\x1d\xfdV\xb5X\x0f\x87\xe4eO\xcf\x98\x94\xbe]\xd5\xf5\xdb(\x00\x00\xb0_\xfaZ\xb7\xda\xed\xf8\xee|/\xb9"\r\\j\xad\xff\xefj\x82\xab\x97\x7f=\xf8\x11\x8d\x19\xc2\xb6\x98\x86\xcf\xf5\xe63\x1a\xb6\xb5!\xfb#\xd2\x85R$$eZ|H\xc9+b\x1eV"a\xc8\x99`sw}\x1e\x00\x00\xfc\xecc\xca\x9e\x1f\xf8\xde\xd0\x94\\vgvE\x83\x1d\xcdW\xb7\x1dS\x02\x00\xff\xb9\x8e!\xc15\xb1\xf7(H\xc8\x92\xe9\t\xf2\xac26\xe8*\x19\xc1L\xa6\x96\x8b\xa2Wm\xad+\x91B\'\xd8\x0e\x113\x85dv\xf8\xc4\\%\xe1\xabSXR\xf22u\x00\x000\xa7\xd5\x0f\x81\xedc\xc2vYY\xba\xbc\xad\xbeVu\xff\x93=3\n~@-(t\xf8P]\xb6\nW\xb3\x9f\xeco\xe6\t$\xed\'{O\xd7\x9f\x94:\xff\xfb\x92\xe966\xa9\x9d\x93\xea\xb7\xae\xaah:\xff\xe7\xd7\x8d1\x8b\x11Z\xc5+\xcd\xc3\xfb\x03p\x1a\x86^\x91_\x81\xe3\xcfL/e+s\x06\xb9\xc6\xd5C\xa67|)c\x8a\x7f\xb6,1=\x0fn\x01\x00\x1c\x0b1\xe6\xd5\'\x7fo9\xcb\x0f\x9bRO\xe4&lt;\xc3\x85*;\x94+\xd2\xe4\t\xc8\x94\x9b\x003^l\x14`\xcc\x97;\xd2\x17\xfb\xac\xf9\xbb\xbf\x07\xc2_\t2\xfd\x9cP\xdb\xd7\xbb4a\xdeQY\xff\xee4"b\x9e\\\xde|b\xdc5\x10\x96\x9c\xea\x83\xfb:y!*\x81\xf4s\x00\x80\xe31Y\xa4\xbb\x98\xe5\x7fo\xb4\xe1\x9d7\xb4b\x15\xde`q\xe5\x8d"&gt;\xee\r\x9e\xf6N\x08\x00d\x96ot\xce\\\x89\xabYWK\xd4\xc1\x10\x11\xf3\xa8y\xe5\xa8\xabK\xd7\xcf?=\xa9\xf2\x1f\x92\x92XIr\x8f\xea\xb9\xc3,\x07\x11\x00\x00\x1c\t\xf7\x01\xe8\xf82\xf6r\xab\xad\rm~\xa2\xa83\x96\xb5\xad\xf5t\xdfV\xb3N{w={vA&lt;\xa8c\x80k\xd1\x94\xc9 \x8c]Qi\xa7\xff]\xddl\xb3\xbe\xd7\xac\xdb\xcb{\\\x03\x80.:Uq1\xbb(\x05\x00\x00\xb4\xe0\xf5\x8dkE\x8c\xaf\x91\xdeo\xf3\x16\xbf`\xae\xbb\xefe\x1d\xda\xe0\x81\xd7\x89/\xeb\xb3\xaa~\x05\xae\xd3"\xee^\xf1\x87\xfa\n\xb1\x9eEN\xac\xb4\xe6\xac\xa5Z\x8cy\x9d\x0f\xa9S\xd8\x8e\x86\xa1\x88\xbc\xd7\xa5D\x19g\xfd\xc7\x8c\xf5Kdw&lt;e\xfa\xea6\x9c\x05\xef\xe7\xb8 \x00\xc0\xad\xb3\xd9\xf3\xa3\xe7E\xa8\xce\xf3\xa0\xe7\xf5,Y\xd4y\xa1\xfa\x06c&gt; ([\xf6\xf6\x94m\x0e\xd9&gt;\xc1:\x95S\xb3\xb7\x14\x99P\x81\xd3\xc9\xac1\xee\x12\x1f2\xae\xa5\xd5\xc8\xd5\x01&lt;Y\xffO\x96\xe3\xc8\xe5\xbc\xb8\x1ec\x0f\xc8i\xc1!\xf3\xe9t\xaa]\x10\xb1\xe6?\xa7\xd8\xb9\xba\x9e\xe7\xb4\xa9m2\xf4\xe2N\xad\x05\x008\x1c\x8bW\x96\xb4\xd0\xd1\xc7A\x88\x98\r]\x18\xd9\x1c\xdd\x8e\xb58\xd3\xafc\xde\xf6;\x8b\x8f\x8cm\xfe+p\x88\x1d\xde\x12\xb4naJ\xf8:\xffW\x97}\xee\xd2^\xe1y\xad\xaa-\xb6LE\xe6\x16~\x81\xd2\x7fi7dRFG\x17\xdd,P\x03\xb3\xaf\xb2\xebj\xb5\xa9\t\x00\xe0X\xf4\xe0oU\xa6\xc7\xe2t\xb2DE|\xd6\xe0j=,\xb4\xb7\xb3\xdcV\xf5\xfe\x1b\x1f\x0eiO\x93\xad\x01_uM/\xca\xec\xbb$\x15\x19\x81}\</t>
        </is>
      </c>
      <c r="E533" t="inlineStr">
        <is>
          <t>&lt;class 'numpy.ndarray'&gt;</t>
        </is>
      </c>
    </row>
    <row r="534">
      <c r="A534" s="1" t="n">
        <v>532</v>
      </c>
      <c r="B534" t="inlineStr">
        <is>
          <t>steps_per_sec</t>
        </is>
      </c>
      <c r="C534" t="n">
        <v>6000</v>
      </c>
      <c r="D534" t="inlineStr">
        <is>
          <t>2.607536</t>
        </is>
      </c>
      <c r="E534" t="inlineStr">
        <is>
          <t>&lt;class 'numpy.ndarray'&gt;</t>
        </is>
      </c>
    </row>
    <row r="535">
      <c r="A535" s="1" t="n">
        <v>533</v>
      </c>
      <c r="B535" t="inlineStr">
        <is>
          <t>Loss/RPNLoss/localization_loss</t>
        </is>
      </c>
      <c r="C535" t="n">
        <v>6000</v>
      </c>
      <c r="D535" t="inlineStr">
        <is>
          <t>0.07799523</t>
        </is>
      </c>
      <c r="E535" t="inlineStr">
        <is>
          <t>&lt;class 'numpy.ndarray'&gt;</t>
        </is>
      </c>
    </row>
    <row r="536">
      <c r="A536" s="1" t="n">
        <v>534</v>
      </c>
      <c r="B536" t="inlineStr">
        <is>
          <t>Loss/RPNLoss/objectness_loss</t>
        </is>
      </c>
      <c r="C536" t="n">
        <v>6000</v>
      </c>
      <c r="D536" t="inlineStr">
        <is>
          <t>0.040513884</t>
        </is>
      </c>
      <c r="E536" t="inlineStr">
        <is>
          <t>&lt;class 'numpy.ndarray'&gt;</t>
        </is>
      </c>
    </row>
    <row r="537">
      <c r="A537" s="1" t="n">
        <v>535</v>
      </c>
      <c r="B537" t="inlineStr">
        <is>
          <t>Loss/BoxClassifierLoss/localization_loss</t>
        </is>
      </c>
      <c r="C537" t="n">
        <v>6000</v>
      </c>
      <c r="D537" t="inlineStr">
        <is>
          <t>0.14970157</t>
        </is>
      </c>
      <c r="E537" t="inlineStr">
        <is>
          <t>&lt;class 'numpy.ndarray'&gt;</t>
        </is>
      </c>
    </row>
    <row r="538">
      <c r="A538" s="1" t="n">
        <v>536</v>
      </c>
      <c r="B538" t="inlineStr">
        <is>
          <t>Loss/BoxClassifierLoss/classification_loss</t>
        </is>
      </c>
      <c r="C538" t="n">
        <v>6000</v>
      </c>
      <c r="D538" t="inlineStr">
        <is>
          <t>0.08504236</t>
        </is>
      </c>
      <c r="E538" t="inlineStr">
        <is>
          <t>&lt;class 'numpy.ndarray'&gt;</t>
        </is>
      </c>
    </row>
    <row r="539">
      <c r="A539" s="1" t="n">
        <v>537</v>
      </c>
      <c r="B539" t="inlineStr">
        <is>
          <t>Loss/regularization_loss</t>
        </is>
      </c>
      <c r="C539" t="n">
        <v>6000</v>
      </c>
      <c r="D539" t="inlineStr">
        <is>
          <t>0.0</t>
        </is>
      </c>
      <c r="E539" t="inlineStr">
        <is>
          <t>&lt;class 'numpy.ndarray'&gt;</t>
        </is>
      </c>
    </row>
    <row r="540">
      <c r="A540" s="1" t="n">
        <v>538</v>
      </c>
      <c r="B540" t="inlineStr">
        <is>
          <t>Loss/total_loss</t>
        </is>
      </c>
      <c r="C540" t="n">
        <v>6000</v>
      </c>
      <c r="D540" t="inlineStr">
        <is>
          <t>0.35325304</t>
        </is>
      </c>
      <c r="E540" t="inlineStr">
        <is>
          <t>&lt;class 'numpy.ndarray'&gt;</t>
        </is>
      </c>
    </row>
    <row r="541">
      <c r="A541" s="1" t="n">
        <v>539</v>
      </c>
      <c r="B541" t="inlineStr">
        <is>
          <t>learning_rate</t>
        </is>
      </c>
      <c r="C541" t="n">
        <v>6000</v>
      </c>
      <c r="D541" t="inlineStr">
        <is>
          <t>0.0398358</t>
        </is>
      </c>
      <c r="E541" t="inlineStr">
        <is>
          <t>&lt;class 'numpy.ndarray'&gt;</t>
        </is>
      </c>
    </row>
    <row r="542">
      <c r="A542" s="1" t="n">
        <v>540</v>
      </c>
      <c r="B542" t="inlineStr">
        <is>
          <t>train_input_images</t>
        </is>
      </c>
      <c r="C542" t="n">
        <v>6000</v>
      </c>
      <c r="D542" t="inlineStr">
        <is>
          <t>[b'1024' b'1024'
 b'\x89PNG\r\n\x1a\n\x00\x00\x00\rIHDR\x00\x00\x04\x00\x00\x00\x04\x00\x08\x02\x00\x00\x00\xf0\x7f\xbc\xd4\x00\x00 \x00IDATx\x9c\xec\xbdy\xfc\xbfO9\xe8\x7f\xcdWR\x1dGI\xd6$\x1d\xa2\xe4H\xf6S"\xb2\xaf\xc9Rt,e)\xc4\xb1\'?KB\x91\x93\xddI\xb2\x8bP\xb2\x9cC\x91}=!k\xe5\x10\x12\tG\xda\xc8\x92\xa3\xeb\xf7\xc7\xbd\xcd=\xf7\xcc\xdc\xb3\\3s\xcd\xdc\xd7\xf3\xc1\xb7\xf7\xe7\xf5\xba\xef\x99k\xae\xb9\xaek\xaeY\xee\xfb\x05pIp\x01\xe0q\xadeI\x04\xbd\x9c^\x04\x80\xde\xe2\x85\xc2HG4es\x04\xf4\xe8\xdf\xe1V\xd7\xe2\x99\xae/\xae\xaa\x90+pYk\xef\x83\xd8p4]\xff+\xd2\xa7\xc3!)D,\x08\x0f\xe9yD\xbf\xc1\x9f\xf9\x07\xb7HO\x80z\xd4C\xff\xf4j\x81\xd7\xc2\xe7\\\x17\x0f\xbeb\xbdc\xd2\xef\xe0x\xc2\x90\x8d\n\xa1\xe7\x84G8#\xa7[oD(G\x17\xe8\xbaR\xaa\x9d\x1c\x89 \xfe\xbb\xef\xeb\xf7\n/I\xa9I\x17\x93&gt;\x14 @\x7f\xea\x10\xd8\xb3\xd8W\xaf(W\x94\x98\xc2.b\x8fa\x84\x06\xa7j\x04\x81#J\xa9kf\xc0j\x8a\xc3\xe2\xaeC\x92\x13\x86/g\x12\xeblI)\xe8\xae\xf9\xa7S\xbd\xc8!\x19\xf7\xd3\xa1\xce\xb4!\xf0Gs\xb7\xd1\xack\xe0\xa6\t\x97G\xd6\x83\x04\x1e\\y\x89\xa5&lt;7\xb4\x16\xa06\xca\xfag\xff\xa8\x94Ddw\xbd\xec\x0f\n\xe4h&amp;9\x9auY\xddM\xf6\xd9\xab"\xaa.\xc5P\x83\xa3\xd01\x92\xfd\x97\xe4j\xca\xc5\xed\x7f;3,{^\x91\xbf\xfa\xa8\x97\xab\xa0;\xb5\x08\xd7\x84\xe9\xc9\xa2\xc9\x9bdO\xa0\x02\xa2\xeadv1_\x14(\x08W\xe5R;\x00\xcb;?\x9e\xddZ\x90x\xec\xd9?E\xc9J\xa9u\x0c\xc0\xf5?\x82\xc0\x1a\x85(\x0b\xc0\x82 \x08\x82 \x9c\xa1\xbf\xf8\xaf\xa3m\xfa\xf4\xf7\xfc\xa4V\x05w\xebF9\xc2u\xf9\xc2\x9e\xbc8\x03\xfc\xe0k\xbfk\xc8\xc35\x0c\x80\x1em(ynkY\x04A\x10\x8a\xf0\x12\xfd\x1fZ\xd4\xfb\x89F\xf2$\x90\xf1\xa2\xcf\x8c\x9a\nU1.\xa21\xa1\x00\xda\x9aEkQ\x84\x91\x90 /\x08\xc2\xb8\x1c\x07\xce\xbb\xce\xa9mw\x81/d\x0e@\xd0\xae}\xf9\xddiI0 \xe8A\x99\x10\xb6F\xfcQ\x10\xd2\x10\x97\x11\x84\x13\x86}\x00h\xcdZz\x7f\xc8\xc9\x9a~\xa55\n\xbd\x8f\xcd\x19\x15\xf5\xae\xb7k3wfV\'\xee\rB\xec\xa1\t~\x9f\xbd\x04\xf2\x1e\xc0\x8e@\xc40s]\x0c\x1b\x06NB\x04\x819\xc3&gt;\x04&lt;\xc6\x90\xe9\\|MY\x94\xc5\x932\x05Ag\x04\x07\xea\x1dq\xd5\t\xd1C\x1f,\xfd\xf4\xe7\xa1\xd7K\xc7\nB;\x86\x9d\x00\xc0\xfe\xfd6]r+gtLI\xffw\xf7 \xc0\x8fx\xbe\x06\x80\xef\x93\xd8\xdc14/\x88\xa2(D\xc8`u\xc1w\xbd\xb03v\x1d\xc3/\xca\x1b\x9f^!\xbd*\x08\xcd\x11/\xe4\x8b\x7f\xa9&gt;jn\xa3\x1d\x88\x9a\xfe\xb9\xfe\xad\x8c\x0b\x92\xab\x10\x06\x05\x11\xe5\x07"Z\xb1\xf9\xa58\xa3 \x08\x82@\xc8\xc8;\x00\x9ds\xb2\xe6\x17q\x92g\xf78\x84Z\xef\xd3\xfe\xb0\x17%\x87\x85\x84i#M\xb2\xff\xb6\x88\xf6\x05\x00\x00\xf8 9\r%\x08\x8208\x96W\xffX\xde\x054\r\x06\x18\xf5\x16\xa0]\t\xd3\xcf)\xf9\xaa\x10\x04\xa1\x15\xf7\x147\x14\x04A`\xc5\x92;u\x8f,-\xb1$x\xccW\xfb\xc4\xff\xf4\x9c@l2!g?\x04\xa1!\x88(oJ\x11\x04\xa1\x00(\x81%\x81a\xde0\t\x0c\x8e\x00U\x9bE\xf54]\x0b\x97\xf5p%q3{\xd2\x9ape\x06])\x9f\x8e\xed\xb5\x96B\x10\x84\xc1\x180ZV\xa7{\x1d6\x9f\x00\xa8bJ\xdc\x8a\x1d47\xb0"\xb9\x82pI\xc4\xf0\x05A\x10\x02\xd8\xce\xff\n\xf1\x8c4\xd44\x9f\x00@\x19}\xe2[k\xf9\xff\xfa\xc7\xd8\x07j\x07\xd8\x90\x12\x84T\x94R\xef\xdbZ\x06A\x10\x04\xe6h)\xd0\xb8\xe9P\x19\xb6\xf7\'\x02\xc0\x00s\x81Z\rX^%X\xa9:\xfdp\xdb\x92\xf2+\xb5\xbe\xfe\x92{\xb7\x95&gt;\xa9\x1f^\xbe\x9c?\x16\x04A\x10\x841\xd0G\x7fy\xc6/\nD\xe4\x9f=FQi\x07\xe0V\x00u\xf3H\xad.m\xba\xd6\xfdO\x83\xd9HxK\xa3R\xe1\xaa\x18M]\x82 \x08\x82pMv\xc3\xfep\xe9PQ\xc6\xd3V\xa5\t\xc0\x0b\x9bjN\x8d\xd8s+\xda\xfb@\xa3\tP\xcb\x1b\xa4\x95,\x08\x82 \x8c\x8b\x9c\x1e\xe9\x94y\xf1o\xbc\xc5\xd0\xf2\x8c\xa6\xb1\xd1\xda3\x06i\x0f*\xa4\x1d\xd79\xf9\xbd\xe1\xd7\x06x\xa1\x18\x89 \x08\x82 \x08Wf&gt;N\xdeX\n:8&lt;\x04|!\xa6\xa7\x90\xff\xad\xcc\x937%J\xc5\xbf\xa3/Sh\x84\xac\xd8\t\x82 \x08B\n_1\xdc\xab\x93\xc6\x99\xca\xf0g\xf7\xf0\r\xc5/v\x1d_\xa1Zd\x13@6\n\x07!\xe8g_\xe4\x97\xa7\x04A\x10\x84\xf2t\xf7Kd\x888TF4NK\xf8\xb3\x9f\x00\x80_\xf9A\x13\x80\xcd\x10\xb7\xcb\xdd\xd69\xd9\xae\xb5^_m#\x99\xbb \x08\x82 \x08\x82 G\x80\xaa\x11\xf9f\xcf\xb3\xac{\x7f\x81:}\xb1\xcf\x94\xe2;\x12}\xc9\xf1\x05A\x10\xc2\x18\xec\x1c\x80 \x08\x97\xe4F\xad\x05\xb8\x0e\xb1+\xe9\xc4\xbf\x91\xac\x16)\xa2j\x93\x99\x81 \x08\x82\x06"\x00\x0c\xf7FpA\x18\x83\xe9&lt;\x83\xb8g\x08\xfd\xee\x00\\}\rf\x1a\x85"n\x88\xff\xb9\x80\xe9\xb6\xf8[\x04A\x10Fe\xfa\xf5$\t\x8c\x82\xc0\x10&lt;\xfc\x11qo\xf0K\xd5\x07\xc9?%\x8a\xb1&amp;\xecI\x00 \xe8GGM2\xce\t\x82 \x08\x82\xd0\x05\t;\x00F\xfa\xe3\xbfw\xbdx\x80\xec(a\x07`\x90\xa9O\x17\x84X\x18b\xd6o\x81\xcd\x85\xa4\xd6.\x08\x82\xd0!2\x90\t\xc2\x80x\x9f\x85\x0c\xe32\x0f\xf9$L\x00$)\xacJ\xa0)#\xc2\x93\xe3\xac\x16\x11\xa7\xb7\xda\xe2q\xf5_\xa9a\xb2\xff\xabx\xb2 \x081\x8c\x11\xdf\x04A8\x92\xe8\xddJ\xddR\xa9\x1f\t\xc9\xba\x94z\xb5\xb4*\x04!\x1a\x0c\xe3,\xdf\xc5\xd3\x92\xd23f\xa6\x93f\x9eR\t\x82 \xf0\xe7\x99\xad\x05\x10\xa2\x90\xf1\x8e\x9c\xaf\xcd?a!\x08y\x04N\x00\x1cYx\xf0\xfcA\x10\x04A\x10\xe0\xa7eP\xe8\r\xe9/r\xc6\xce\x8e\xe45\xa0\x9d\x10\xf8RP\xdb\xceU\xa0\xed\xfe~\x9c@\x82p\x1d&amp;\x0f\x92C#\xc2\x85x\xcf\xd6\x02\x08\xb1\xa8\xafl-A[\x96\\\x87\xfc\x00\xf3(\'\xa2M\xfal\xd5\xf2\x93\xb6W"t\n:\xbd\xa3.\xf6.\xa0z\x9b\x90 \x08\x820\x06W\x1cj{e\x1d\xec\xf79\xc0\x85\xc0\x81\xde\xcfS\x07\xd9\x01\xe8\x85\xd0\xdf\x05\x9b~\xa4&amp;\xb5\x8a\xeeA\xf9\x11\x10A\x10\x04\x12.\x11Hq\x8c\xb1oe\xb4\xf6D"\xa3\x7f8}N\x00.\xd9\xbfJ\xa9rg\xfc\xc4g\x04A\x10\x84\xeb1\xda\xd8w\xd9\xc1\\\xd2\x98XD_\xd5\xa0\x9c\x96\xd3\xce\x03\xc6:\xfc\x83\x88\x12\x08\x04A\x10\x04!\x13\x19OGF\xfa\xb5\x12\x88H\xeaE\xe6\x14\xc0z\xec\xcf5OX2~y\xb4Q\x10\x04A\x10\xd2\xa1\x1e\xdc\xb9q\xf1#E\x82@@\xde/\xf5\xda^D\xb5\xbd\xa0\xea\xe3\x9d\x85\xcb+l\x85k\xe3|7\xae \x08B&amp;c\xbf&amp;R\x108s\x15\xaf\xeb9\xcaH\x06\xc6\x93\xabtJ\x9f^#\x08B\x17HxiI\xcf\xa9Q{nh-@&amp;\xb23\xc5\x1d\xc4\xf9\xf7\x87[\x0b"\x18\\\xc5w\xa6\xa7\xe7[K!\x08d,\x19\xcf\xa5\xadzR\xc2=\xdb\x8f,W\t\xa4\x1c)\xd5\xfb\xcd\x8d\xaa\x12b\xbb}\xa0\'\xd0}\x1d7\x94W\xf3\n\x82 \x90r\xd9\xc7\xb7\x96\xf3\xe8\xda\x88(#K\x0e]\x0f\xd0E\xf2"D\xecS\x1b\t\xf4\xbe\x03pMz\x9a\x9e\xaa\x85\xd6\x82\x08\x82 \x8c\x81rd\xff\x08\xf0Y\xb5e\x89&amp;\xfd\xc0\x06\xe2\xb2\xe8\xab\x0f(\xed7\x01ze\xd7\x11\x1d\xaaQ\xa9?\x9c\xff -\xf4:\xe9\xcaU\xda\xd9;\xfb\x99.H\xc79\x90\xf7\x15\x08\x82 \x9c\xd2,T\xe6,9#\xe2:\xfc\xf5\xbb+~\xc6\x8b\x01^\xb3JE\xbb\xfc\xbfS\x1dv\xbd\x83\xd1\x1c\xd9\x01\xe8\x02cj.\x86.\x08\x82 $\x82\x98\xf0\\V\xfb\x15b\xa5\xb6\xad\x8fg\xaf\x1f\xb6\x92\xa6\x14u\xb2\xff\x1eW\xfc\x05b\x86\xf3\x1d\xee\xa4\x9c\xdd4"\xb5\xcct\x05A\x10.\t.cH\xd6(\xd0t\xdd\x14\x97S&lt;\xb9U\x8f\xfe\x02\xfe\xe2\x0c\xb0|&gt;5!\xffX\xc4RN\xafzHCv\x00\xaa\xf2&gt;I\xaf\xc4\\mR]\xcf@\x85B\xc8\x8bD\x04\xa17p~\xa9\x1am\x89\xb5!{*LF\xc3L\xa6~\xe8Z\x8d\x8b-Q5A\x06D\xa1,\xdf\x93p\xcf\x92\xae}4\xb94\xc25\x91\t\x80 \xf4\x05j\xd0\x95$\x11@\x10\xec\xbf\xb5:&lt;}\xcd\xfcr\x9f[\xeay\xc3\x0b\x11{\x14[\x10\x04A `\xf7\xd8\xeb\xbf\x00\xdc4q8\x903\xa5\x82 \xc0\x95\x8e\x00\xd5[\xec,\xb3\xb0\xaa\xd4\xaf\x81\xac\xd7\n\x82 \\\x92]\xf0\xc7\x9b\x98\x9f\xa4!\xc9\x7f!\xae\xb9\xa2\xcc\x13\xd9\xecr\xd1\x97\xf7\'\xef\x00\x98]_\xf4M\x9a\xfa\xab\xca\xc8\xcb\x06(T\xb2 \x08\x82\xc0\x16\xaaQl+G\xde(]\x0e\xfd\xe1\xd4.\x1e0-\x99\xb7\xb4d\xdc\xd7\xc5\x12\xd0\xd7\x0e@r\xe7U\xedu\xd2GR\xcc\xb2\xc7\xf3OA\x10\x04\xe1\x8c\xdd\xa3\xb3\xf9\xb9Z\xc9qJXQ\x01\x0b\xcf\x1cV\xa6\x11F\x7f1\xa8$\xff\xd7\x05\xf7\xb4\x16G\x10\x04A\x10\x84\xc1\xf1g\x1d\xf3WO\xe3\x90\x93p\x90A\xa8\xcau\xe6D\xc6\x8f\xde\xc1\x95\xda.\x08\x82 \x08B}\xbc/\xf0@\x9cO6\xcb\x02\xb5P\x9d\xbe\x8e\x00\xe5\xb0\xf7\xae\x0fl$\x85\x86\xecE\x08BC\xc4\xfb\x04A\xa8\x80/\xb7W\xda\x7f\x05A(\xc0{\x00\xec\x8e\x01\xc1?p\x18\xfb\xe5E\xec\x82\xd0\x069\r(\x8c\x83\x98q\xd7H\xf7\t\x82\r"\xc7\x98\xf3l\xfc\xff\xe41\x00A\x10d\x02 \x8c\x82X\xb2 \x08i\\m\xe7i\xf7\x064Dy\x18@\x10.\xca\xa8\xaf\xbd\x13.E\xcf\xbfn)\x08BK\xae\xf3\x0c\xc0\x84R\xcf\xdf\xfe\x86y\xf3M\xd6N\x04\xe1r\xc8k\x10\x85\x01\x90\xb4_\x10\x04!\x01\xd99\x15\x848\xc4e\x04!\x9c:\xfe"^)\x08\x82 \x08B)\xe4\xc0\xb1 \xc4!\xceR\x03Q\xb2 \x08\x82 \x94D&amp;\x00\x82 \x08\x82\xd0\x172v\x0b\x82 \x08\x82 \x08\x83af\xb7\xf2\xa6u\x9d\xe3\x04\xe0j\x0f\x01\x0b\x82 TA\xc6\x1eA\x10\xc6\x81{4C4\x1e\x86\xc1\xf5?\xc2\x84\xf2\xfeS\x10\x04A\xc8G\x7f\xe3\xb0\x84YA\x10\x84\xb2L1w\x1foQ\xb2\\\x0f\xa3\xa9\xc6f\x01\x82 \xd0"Q\xf5\x8c\xfdJ\x94D$\x81\x01\xe2\xb6\x82 l\x8cy\x04H\x1et\x10\x84r \x02\xbc\xaf\xb8\x98\x17I\xb4\x04NL\xa7\x7fed\x14\x04ae\xb4aJ~\x16\xb1\x07d!\xaaod\x9f-\x04=\xd9\x12]\tm\x91\x91\x919\x12T\x85\xfa\xdc\xa8\xb5\x00\xc4(\xa5\x10Q\x9c\x88/\x88(\xbf^)\x08\x82P\x11\xde\x99\xa5,\t\t\x82 \\\x00\xd9\x86\x1e\x00\xe9\xc4\x10\xe4w\xd3\x04\xce\xf00N\x0e2\x90s\xd3\xd6\x02\x08\x82 pd\xbcp/\x08\x0e\xe4e\xa0\x02S\xb8\xccN9\xc8\x90A\xd7\xc2_\x85\xcemL\x10\x04A\x10\x04\x81\x0c\xc9\x8a\x84\x8b \xa6~\x01d\x9e\'\x08\x82 \x08\xad\x91\xb1X\x10X3\xd6k@%\xfb\x17X#\xf6)\x08B\xef\x04\xc61y\xaeW\x10X3\xd6\x04@\x02\x8e\xc0\x98\xef\x96\xfc_\x10\x04\x1e0y\x00@\x10\x04A\xe7$*M\xbfh\x92v\xaf 4B\x1e\x06\x15\x04\x81\x0b2\x01\x10\x84\x8b\xc3s\x07\xc0\xb7\x92?\xc5,w\xdc\x92]\x00\x81\'J\x8cS\x10\x04V\xc8\x1c@\x10.\x0b\xcf\t\x80 \x08\x82 \x8c\x01\xc7$[V#\x04\xe1\xe2\xc8\x04@\x10\x04A\x10J\xc1t\x91\x9d\xf5o\x03\x0b\x82P\x9c\xfe&amp;\x00\xd3O\x9aK\xec\x12\x04A\x10\xf8\xd3n\xb4B\xb8%\xcf\xc9\x87 \x08\xed\xe94\x8fF\xc4y&amp; \x08\x820\x06\xd3\x81l\x89l\x02\t\x8b9A\xb7\x03}O\xacOS\x88\xff\n\xbdp\xa3\xd6\x02\xa4\xa1\x94\x92\x85\rA\x10\xba\x03=\xd9\x98\xa4\x0e\x82\xd05\xe2\xc2BGDO\x00\xd8,*\x88\x9b\t\x82\xd0\x1b\xbe\xfc_\x10\x84^\x91\xd4_\xe8\x8e\xc4g\x00\x98&gt;\xd5t=\xe4]\xce\x82\xd0\x13\x92$\x08\xb5P\n\xfe\xd7\xf9U2|\x08\xc2u\x89\xfe}"\xc4V?i\x84\xde\x9f\x00\xbb"\xf3\x04\xe06\xa2\x13A\x10\x04A\x10\x04!\x085\xa5\xf3\x0c\x8e\xf4\x04\xb0\xacu\xcb^\xdb\n\x9b\x13Y\x82 \x10"G\x85\x04A\x10\x84\x82\xdc\xd0\xd3(\xb3\xe5\xfd\xb2\xe0=\xa3\x8c\xff\x15\x04\xa1\x7f\x10\x1bn\xb4\n\x82 \x08\x17\xe1&amp;\xb1\xc3\x0c\xca\xe0$\x08\x82P\x08\\h-\x88 \x08\x82 ,h\x83S\xdb\xf1I\x1e\t\x10\x04aL\x18\x04XA\x10\x04a\x08\x1eD3\x9a\xa0\x0eI\x89\x99\x92\xc8\x1c@\x10\x04A\x10(\x90QU\x10\x18\xf2%\x00\xd0~U\x88\xcd\x04\xe0\xd9\xd5\xf7"\xfe]\xc2\xa2 \x08\x820(|\x16\xf8\x84kqe\x93\xbb]\x80\xc7\xfd\x1e"\x00\xde\x82\x81\x8a\x98\x04\x084\x88/\xe1{\xa2f\x0e\x87\x8a\x10\x9ek\xbd]VP\x04A\x10\x84\xce\xc8\x1eR\x05!\x91\xd9\xe4\xfe\xc7%\xad\xee\xd7\xcf\xd7\xb2\xb9\x1d\nm/J\xe5heT\xb4\xfc\xfdL\xd7\x85\xa5\xe5\x11\x04A\x10\x042\x1e+\x13\x00\xa1\r\x177\xb9\x93U\xe32G]\xba\x7f}\xe4j1\x15\xde\x85\xaf\xd5\xa5\xd6\x0f\xac?J\x80\xf2z~A\x10\x04\xa17\x0e\xc3\x9c \x08\xc5@\x84\x80D17\xa5\x9c\x9c\xba+\x8f\xbewk\x01Ld]D\x10\x04A`\x8f\x0cR\x8c\x91\x14B\x00\x80u\xd3#\xc4\x1erw\x00\xba39\x96N"\x13\x00A\x10\x04\x811\x84\x0bU\xbc\x8e\x1d\x0b\xc2P\xc4\xf8\xa9$\x9f$\x149J%\x08\x82 \x08&lt;\xa0|\xe77\xcf\xc58A\xb8\x14%&amp;\x007\xd0\x16\xd7\x0b\x12\xd0\x04A\x10\x84A\xa1&lt;\xec\x8b\xeb\x7f\x04AhD\x89\x03\xfc\x17\x9c\x00\xf4\xf4\x18\x84 \x08\x82 \xb4\x05\x11\x10\x11\xee&amp;\xd3\x00Ah\x85"\x7f._\xb2aA\x10\x04A\xb80\x88\xae\x05F\xe3\xd4\x81\xbc\x1aH\x10\x86\xe1\x82;\x00\x82 \x08\xed\x91\x87\x91\x04\x16\xcc9\xbe\xdd\x14\x95\xa2_w\x14\x04\x81\x037j-\x80 \x08\xc2\xe5\x98\x92.\xf7\xc2\xab T"d\x0e*s\x00A\x18\x0f\xd9\x01\x10\x04A\xa8\xcd\x96O\xddH6\x01\x84\x96,\xc9\xbd\xa4\xf8\x82p-\xc4\xe7c\x08\xfb\xcd6A\x10\x84S:\xff\xc9U\x94H(\x08\x82\xd0/\x12\xc1C\xd1\x9f\x85\xeas\xc0\x16\x04\x81\x17\xcb\x0f\xbcO\xf1d\x8a0\x12[\x04A\x10\x84\xe2\xc8\x11 A\x10\x846\xec\x1f\xb0T\x92\xfd\x0b\xfd#\xbfW*\x08} \x13\x80hd\xf5_\x10\x0e\xc8\x90\x9f\x8c\x04\x14\xa1S,^?\xbfQH\xe6\x00\x82\xc0\x1e\x99\x00\x84\xa2\x94R\xea\x97\x14\x80\x0c\xd8\x82`"\xc3\xbd \\\x0e\xb6C\xa1\xc4#\x81\'\xf2\xea\xe7\xce\x91\xb5\rA0@D\x10\xbf\x10\x04\x01\xa6]\x80\x86\xd1@\xce \tL\xb9\xfao\xbf\x0c\x90(Hp\x11\x04\x03D\x19t\x05\x1b\x91V!V$d#&amp;$\xf4\xc27_\xcb\\\x97D\xa1\xeb6w-\xbc \xd0\xd3\xbfS\x0b\x1c\x90id\xbfH\xc7\x01\x0c\xb1\xc4)T\xa3\xf9\xb8Y\xfb\x0c_\xe7\xaf\xbe\x16\x04\xc1\x8a\xbc\x15^\xc8G\xacH\xe8\x18Io\x84\xbe\xa8\xfd\x10\xb0\xfa\x9a\xf5O\x99%\x0b\x82 \x08+\x926\t\r\xc9]\x8e}W*A\xc6G\xd2\xbf\xab\x82\x0b\xc9\xb7\xcb\x16\x9b \xf0B\\R\xb8\x0c2\x06\t.\xe4i\xa8\x00\xde\xb5\xf9\xd1\x17a\xa2\xcd\x8a\xcb\xfe\xf7/\xeb\xdd+\x08\xd7\xa6\xcc\x11\x8be\xc4k\xef\x95\x93 \xcd\xc5\x10\xc6E\x8ey\x08B\x16\x88(\xeeS\x15D\x9cF\xc58\x9dc\xd3\xa5\x0eO\xbd2w\x14\x84\x04\xca8\xce\xba\xa7\xd7z\xe9K\x96\xdf\x84\n\xdc^lL\x10\x84NH\x1c\x163\xcf\xead\xd1\xb0jA\x10\xa2a\xf1v\xaf!^2&amp;\x08="N\'\x08)/2\xae\x90\xe8\xba\xaa\xf0=\x04\xdcr\x8f&amp;a\xbbB\x10\x84\xe2\xfc\x93\xe3s\xa5\x94\xe2\xe2\xb2\x1f\xec\xfbRV\x16\x04\x81\x1cD\x909\x80pu\xb8\x8e,\xc9\xc9&lt;\xde\x8bk\x93\x04Ah\x01\xeb\x80\xf0\xd2\xf9$\x92SH\x99\x00\x08B\x01\x1e\xdeZ\x80\tqm\xa1)2\xb8\x08\x820.\xef\xdcZ\x803\xbc\xcf$H\xf6/\x08\xa3"\xd3{\xa1\x17\xc4VG\x86\xc33\x91\x82pI\xd6\xc7\x97\xe4y\x00\xa1\x1c\x08\x0f\x16\xeb\xe2\x85$UB\x1f\xc8c\xaec#\xbd+PB\x92\xcb~\xcbU\x0c\x12Q\x9f\x03\xe8\xbcW\x1b\x81N\xb8J\xbf\x8c\x84Dx\r.z\x90u7\xa1\x13\\#\x94 \x08\x82\t\xc1\x04\x80ht\x0c(\xe1N\xcd\x97\xde\xd1=\x07`\x18p\x19\x8a$\x08\xfd\xf18I\xa7\x84n\x90\t\x80 \x08\xb5x\x0b\x92%\x87\xb3\x12\xdc\x99w]\x98\x88!\x08\x82 \x08&lt;\xd0\xd7\x01y\xbc\xb6o\x04\xca\xfc\xc6\xaa P\x82\xdaO\xe5\xa6\xbe\x17\xec\xec\xa7\xb8\xf5\x84[A\xdb\xdf\xe5ED\xf9\xc9IA\x10\x04\xa1!\x8cF"}\x04\xf7\xfd\x0e\x80\x10\x03\x8b\xae\x15\x04/?\x90_DT\x10C\x80/o\xb9\x00\xaf\x98\xc4\\A\xe8\x1d\xd9L\x13\x84D"\xfd\xa6\xa8\xa3)m\x10\x97\xd1Q\x10\xfaA[\xc0O\xbc?{\x07 \xb4\x0e\r\xc9\xc2\x05\xa1s\xd6\xd0!\xbe,\x08\t\x84\x1e\x12Y\x07\xd0\n\xbe&amp;;\x00\x82\xd0\r\xd3\xa3\xb5\xc9\xcb\x03\xdb}u\x17\xf2d\xe1P\x10:G2\x7fA\xc8!\xc1\x7f\x8a\x8f\x9b\xfe\t@\xf3Wy\x08\x82@\xc2n\xfb\xbe\xa8W;2\x05\x89$\x82\x15\xfc\ryuc\x1f\xc8\x81:A(\x8eR\xb3\xa3!B\xe9q\xd3\xed\xcf7G|\xc9&amp;PQ!\x04A(\x89e\t\xbe\xa8S\xcb) !\x94\xc5V\xc4B\x04A\x10&amp;\xea\x1c\x04\xb2\xee\x00 \x00\xc0K%\x1c\x0b\xc2F\xc7\xe7X\x8e\xd9\x7f\xe1\n+&amp;s\xf2s\xbf]3\xbf\x8fB\xb2\x7fA\x10\x84\xca\x98\x13\x80\xf9A\x7f\\\xe3r\xd3\x97\xf8\t\x82\x90\xcb\xdd\x8f\xd9q\xec;\t\x12jU3\xa0\x1e\x05J=3\xa1\x84\x10\xa6IY\xbfS\xb3\x8b\x83H7u\x93y\xa0 \x14\xc5\x12g_\x13\x11\x01\xfe\xb0\x810\x83\xd3"\x94}\xd2\xd0?\x9d\xb3\xb4k\xc0\xa6\t\x82\x174\x88\xf2\x02\xde\x01\x01\x11\xf1Q|\xc5\xeb\x83V\xfdKhZ\xbc\xadT\x10F\xe5\xe2N\xf7+\xb6\xf14W\'\xd5~Ls\xb7\xbc\xbf\xfb\x05\x9f\xe1V\xfek\xbe\\I\x10Xa\xc4\x91(\x178\xfd\xe5/\xa1s\x9a\xbd\xe1\x91\xd4\xb4\xe6G\t(\x8a\x12\x04A8g\x9f3\x03\x80"\xf9\xcd\xafj\xa9\xf8\xee\x08\x90\xc4NA\x18\x12\xa5n\xbf\xfc\x11\x1dP\xe4\x88\xf6\xe84\xeb\\\xd2#\xa6JF0A\x10\x9aQh\xb1\xbe\xe6\xc6\xe6\xc0G\x80\xe6\xe7\x05\xc7l\x9a\xc0\x99\x9fn-\x80 \x08B58\x0f\xb2\xf8]\x92\x03\x08\x05!\xc9\x9f\xb5#@u\x0f\xae\x8f\x9a\xfd\x0b\x82 \x08\x82 \x08\xac\x90\x9c\xd3\x83\xac\\\x0b\x82 \x08\x82 \x08\xa3!\xd9\xad \x08\x82 \x08m\x90,D\x10\x84\xcb\x80h\xfd!\xb0!\x91\x17\x80\nB/\x88\xab\n\xa7|/mq\x88 \x86\'\x08\x82\x9b\x91\x8e\xe2\x8c\xd3\x92\x10d\x02\xc0\r\xe9\x11\xc1\xc2\xd0\xef!\x10\x88\xa0\xb6\x90w\x14\xab\x13\xc6g\xa4\xfc5\x10\xca\xf6\x8e\x14"Fj\x8b\xd0)\xa3\xdb\x9f\xfc\xf0\\&lt;2\x01\xa0cX\x1d\x16\xb0\x1019ap.\x18Wi\xdb;\x92\x02\xa7\xb6\\\xe7\x08Ps\x06\xb1\x1bR\xc6~o\xf7\xbb\xe1\xd5\xb6\xd9h\x11\xdd\xe50\xceP\xe5\x86\xb2\x85\xf2c\x17\xc2\xd0\x8c\x1f\x0e,\xd0:\xf5H?\x893R[:\xc0\xf6{\xd1\xc2\xe0|\xc1@\x0b\x06\xd5\xa8\xf6+\xe8B\xbf,\xe6!\x16"\x08\x81\xfc\x00"\xfeO\t\xaa\x82\x86\xcc\x00\x04A`\xc4\x9a\xf7/\xbf\xac.\x08\x16\x10\xb1\xba\x85 \xa2\x98\xa5 \\\x94il\x1a)\x02\xc8\x11 A\x10\x18\xa1mK\x0e\x12d\x851\x98g\xa6\xb2\x84*\x08WD&lt;\xff\xa2H\xc7\x0bBM\xc4\xe3\x84S\xea\x1b\t\x02\xe2\xfb\xcb!\nA\xb8$\xe3\xfc"\xefr\xc8V\xd6\xd8\xce\xa1\xd8kFY\xce\x14\x04A\xe8\x9d\x16G\x8f\x04A\x10\x88\xd0\x9e\xae\x93#@U\x18b\xd2(\x08\x82\x10\xce\x90\x8f\xeaJ\xe2/\x08\x97d\x908\xa67C&amp;\x00\xe7(\xa5r\xc3\xbe\xbcnI\x10\x84\x8bR*\xfa\xb5\x99]\xc8\xf2\xbf \\\x8c\xe5\xa5t\xef\xdfZ\x10\xa1\x01\x7f\xd2Z\x00A\x10\x04\xa19\xf2vZA\xb8\x1c#mfjo\xd9\x96g\x00B\x91C\xfc\x82 \x08\x82 \x08Wcz\x05pb\x12\xa8\xbd\xdb\xdaWB\xe0e\xd9l\xaf3\x96#@\x81H\xf6_\x98Q\xa6\xd7B\rd\x15V\x10\xce\x91\xa0*\x08$\xe4\xfcn.:\xfe6\xf8\x95\xd4\xf2cQ\x04\xc7\xda\x05\x81\x10\xf9\xe5Wf|\x10&lt;\x8ao\xf60\xce\xeb\xd8\x04\xa1\x18\x12T\xaf\x07\xbe\x83,\xa5\xb1\xe3\xf4\xb7\xed\xfb\xee/\x892B.\xb3{\x88!\xf1`\x0bX\xf7c\xd9#\xda)\xc6\xd6\xa2\x08\x02S\xce"j\x9c\xef|\xa0L\'\xd8\x83\x12\x18Y\xc2c*\xfe\x8a\xa3y\x90\xec\x02d\x9d\x8e\x12\x04\xfd\xcd\xb4bH\x0c\xd8\x05+\xd6=2\t\xcaYBA`\xca\xe4\xe4\xa1\xbe3\x05\x05\xd6\xd1\xe0\xea\xf4\x13\xb7\x85\xea\x1cg J\xd1&lt;\x03 \x96&amp;\x08#Q\xc1\xa1\x89\x96C\x94B[h\x13\x04\xe1\x0c9\x07&lt;\x16F\x14d\xb1\xea,\xf0\x05\x11\xa9\x1e\x02\x968"\xe4\xa0\xd9\x8f\xc4,\x0e\xa8\x9cg\x9e\x82* +Hb\x8f \x94G\x15\x8f\tB\x1e\xfb\xceY\xc6\xd1\x9f\xaa/\x88 \x08B\x0c\xdbs22\x01\x10bAy\x12I\x10X"\xe7\xd1\xeb\xb1\x8d\xa1\x12\x0c\x85\x03/\xc4\x1d\xad\xc5\x11\x84\r\x94\xe0%$#\x11M\xa8\x8f\x98\x9c\xc0\x0b\xc9\xed\xfa\xe6\xd1\xad\x05\x10\x84F\xc8\xdcT\xc8A\xccF\xa8\x8c\xacV\x08\xdc\x10\x9b\xe4\x89}x\x92\x9e\xea\x1f\xe6\xfe\xd6\xd1\x0e\xacL\x00\x04A\x10\x86\xe7\x13Z\x0b \x84\xf0\xc8\xd6\x02\x0c\x82;\xb1\x91T\xa7s\xb8\x9fZ\xe9,\x9f\x9e\xa6+wo-\x86 \xd4\xe5];\x9a\xa8\x0bB\x0e\xc9#\xa68HM\x10\xe0\x05\xade\xe8\x1c4i-\x90\x89&lt;\xd4O\x01"(\xe0\xaaL\xf9\x95\x06A\xe0O\xdcK\xd9\x05\xa13\xb6\x9f\xecH1\xf55y\x92\xb1L\xe8\x05\xeb\xab\xf7\x9bH\xe2\x82\x974BSp\t\xd1b\x15\x82 \x08\x02\x19\xcb\xef\x88Aj\xd6!\xc3\x93\xd0\x17f\xfe\xcf\xd0t\xa9~\x07@\xe8\x9e\xd5X\x19nT\t\x82 \x08\xfd\x93\x9c\x03)\xf9!\x02\xa1+v\xb6\xaa\xd4{\xb4\x92C\x10\xce\xe1|RM\x18\x9e\xd9\xf0\x9e(\xb6\'\x08\xa3"\xde-\\\x08\xc9\xa9\x84\x8e\xd0\x8c\xf5}\xc4^\x85\x9aH\xa0\x14\x04A\x10\x86\xe2\x7fR\x0cj\xe5FF\xd9P\x136t#\xcb8\xac)\x08\xb1l\xa6\'\xbb\xfc\x82 \x08\xc2\x0c\xeb\x97\xac\xd4`y~\x86^\x03\xf2\x0c\x80\xb0!\xb9\xd7\xc5\xe0\xb3\xdc.\x86\'\x08\x82\xd0/%_d\xfcs\xa5\n\xee\x82\x7f+V\xb2\x8c\xbb\xc2\x0e\xedmk \xe610\xf3\xa2\x02\xcc=\xdd\x9cr\x8b\x1c\x82 \x08B\xcf \xdfl\x04\x91\xc9\x18\x9a@\xafr\x0b\xe5\x90T\xec20\x8e\xaa\x82\xc0\x1en\xb3hA\x10j\xb2\xbe\xdc\xb6\xd3#\xac7j-\x80\xc0\x8e\xbe,X\xc8@:Z\x10r\xe9p\x1a\xdd\xa1\xc8\x82\xc0\x95~_]1\xf43\x00\x89\xbf7.\x08\x82 \x08~\xba\x1e\\\xba\x16^\x10\xda\xb3\x9d\x97^&gt;\xe9n\xf1t\xe4\t@\xc9gR\x04A\x10\x84\x0b\xf2\x86\xd3\xff\xc8\xe2\x92 \\\x19\xa5\'\xfe\xc1\xbfR\'o\xbb\xae\xc3\xfaZq\xd1\xb5 \x08\x82@\xc0:\xa6\xc8/W\x08\x82\x10\xcb\x124\xfe\xbe\xb5 \x83\xb3Dg\xe2\x00\xfd\xaf\xa4\xa5\t\x82 \x08]"\x0bL\x82 D\x82\x0f\xe0\xb1j\xc0s\xf1\x82L\xa62\x13\x00A\x10\x04\xa1\x03$\xfe{\x11\xcd\x08\xc2eADd\xf7\x16 D\x00@\x92g)\xba{ C\x10\x04A\x10\xaa\xd0\xf5\xf8\x88\xcb\xeb\xd7\xbbn\x85 \xb4B\x01\xe0\xc8\x0f\x01\x0b\x82 \x08\x97E)%o\xe8\x1f\x14\x05 {\x18\x82\x90\x8eR\xaa\xe8\x04 \xe5\x19\xdcn\xc3\xb5\x1c\x06\x15\x04A\x10\x84\x1a\xc8\x0e\xbf dRp\x020\x9d\xbd\x8c&gt;\x81\xd9k\x16\xadd/R\x10\x04A\x10*!Cn:\xbdfZ\x02!\xe5&amp;\x00\x89\xe6%V)\x08\x82\x90\x87\xc4\xd16\xc8\x8bA\xeb"3\x80D\xc4H\x05\xa8\xf0C`\xce}:y\x81\x9a \x08\x025\xcb\xcb\xcf$\xba\xd6f\xd5\xb9(\xbf\x17.\xdbS\x8e\xc4L\xb2\xb2kQn\x02\xa0\x94y\xa0\x1f\x8d\x7fX]/\xfc\x07\xd5\x04A\x10\x04\x9d}B#cyE~b?\xc0]5\xb3\xe4\nZ]C\x92\x8d\x85I!r\x92\xf9R\x1cbT\xa9\x1d\xcc\xc3\x8f&amp;FV$\xc1T\x10\x04\xe1\x04\xd4h-\xcb\xb5\xc0\x03\xd1E|\x94\xe7.\xe9\xcdL\xcc\xf4#J\xa5\xf2\x8boBaxXW\x99\xc1\xe3\x10\x16\xbfr\xfd;\xa4\xa2\x1c\x91d8\x14FB\xccX\xf0#\xe1\xae\r\xf9\x13\x80\xedFc\xadZ:\x94\x84\x0c\x1d\x8a\xfe\x85rp\x8a\xd8\x05\xd2\xe5CX\xc4\xd8Qj\xb9\xf8\xa59\x95\xc7\xdf+\x08\xcc\x90\x85(\xe1\x0c\tw\x94\xfcN\xe8Z\x95e\x02\x10\xb1\xc8e\x96\xb0\xde\x15\xb3R&amp;\x94B\x1c*\x95\x83\xe9\x8a1kX]\xbe&amp;\x87g\x00\xd4\xf4\xdb)\xc7s`\x84\x83J\xf49\xb3\xe5q\x82\x9b\'\xd5%\x08\xa3 \xbf|)\x9c!\x8fQ\x11\x82o\xbd\xfcq6\xfaYt\xbe}\x90\xb0\x1b\x00\xf0\x8c\xe5\x9c\xfa\xbe\xac\xb1\xe8#\x17\x14\x7fJ\xc3\xd8\xcd\x9a\xf3\\yE\x01\x1bB\xedz\xea\xb0\xe4qe\xb9=\xa2FR^\x1b\xe0\xefZ\xd4\xcb\x91\xd5\xf7$K\x10\x04Apa\xa4)\n\xce3\xc1\xcc\xe8\xba\xbf\x1d\x01\x14"R\x07j\xe44\x9d`%\x8c@\xcc&gt;o\xdc\xf9S\x91lp\xaa\xa0\xb7\xc4&amp;&amp;\xbb\xc6\xa5\x894m\x0c,\xc5Ykpf\xbf&gt;c.\xb4e\xe9J\xe8\xcfO\x04A\x10\xaaaN\x00\x06\t\x98\x92s\x0b5\x99\xedM\xf7\xa6Bk\xc1\x888vb\xa3-\x10\x00\x89\x02\xc3^\x03\x8a\x96\xbfv\xdf\xa3\xf3\xab\x05y\xbd\x14\x13\x14\x00\xa8\x0f\x1b\xd9I\x04A\x98\xb0=T*\x84\xa2g\xfc\xa3d\xff \x03\xb1P\x97\xf7\x9b\xfeg5;\xa5Je\x83\xd3\xf9\xf5\x02\x053\x8c\x9f5\xbd\xf8\xd9\xbb\xe7w\xf5o\xf4\x07\x9e*\n$\x08B}\x16\x1f\xef\xe21Sy\xda\xac\xd4[\xdd\x04A\x10\xe2\x91\x98\x9c\x0bq\xb2Ms\x04\x08\xe4H\x89 \x0c\x0e\x02\xae&gt;\x8e\x88\xac\xd7D\xe5A\x97\t\xf2-cV\x148\x1f/\x08\x82\xc0\x19\xca#|\x81\xbf\x04\xac\xd4}mC)\x1ag\x83dn\'\x08\x83\x82\xba{w\xf4\x9e\x19\tJ\x000\xa0\x1a\xa6\xb9\x8dln\x08\x82p%\xd8\x8c\xbc\x967\x1f\x0b\x82@\xc6oY\xde\xa3\xdc\x88\xde\xdeG.Ai\x05\xe1/:\xea\xb80d\xd0\x11\x04\xe1\xf24\x8c\x81\xc7\xfc_b\xf1e\x91\xae\'\x87\x99g1\x11#\x1c&gt;\xaa\x13\xa8a\xe4\x17\x02\r\xd2\x95B:\x1fq\xc9P\x90\x1f\x06\xb3v\x13\x8e\x15g\x1c\x0cp\xbd\'\xf4\x16\x00/I-S\x10zEw.y\xc0F\x10\x0e\xc8\xeb,\x05A\xb80\x88\x98\xf7\x9c\xdb\xeeN\x8c\xff\xb5\xaf]\x9a"9\x8a P\xb1\xb8VE\xb7\x92\x1f\xeb\x10\x04A\x18\x99\x844O\x18\x15\xed\xc7\xcaY\xbc/BR\x10AX\x915NA\x10\x04!\x13\xeb\xafq\xe5\x9c\xd7\x90\x81i\x04\xb6\xb7\x00\xdd~\xfb\xb0Y\xd7No8M?\xd2\xf4\xe4+\x9e\x03\x13\xc6E\x82\xac\x97\'\xcb)\xf0\xe1\xe8\xecYsA\xe8\x00\xc4\xdd;\x1b\xb3\x91\x81iL\x1a\x87]\xed\x99\x86\xe7\xa6\xdd\x0e\x7f\x9f\xdf\x84.\xb2\n\xfe\x12\nB\x05\xc4\x11\xd2yS\x96?\xe0\xc8\xef\xe9^V\xc2\x08\xe4p\xb37zt\x9f\xe2\xe7_\x82\x00\x00\xbb\t@\x8a\x81.7\xde&amp;\xcb\xbe\x11\x11\xf1Oy{\x08\xeeFn\xd6\xa2\n\x82\xc0\x13I\x05NADx\xae\xa8(\x01Mi\xcb\xce~;a|\xd8^\xa5\xc2T\xd4d\x0e9\xd5h\r\x14F s\x02`\x94\x03\xf0\x83\xc9\xb7\xb3\xf7\x10=`1\x17U\x18\t1\xb6a@D\x84\x1bK\x87:\x91\tR*\xbb\xe1\x89\xf9;[\xaf0\x0180|\x03\x85\x0eA\xd4\x83EN\x16\xce:\xe2\x08B0\xbcl\xb8\x87\xb9\xb1\xe0\xe6\xd3$*\x06#O#d\xb1\xe9\r\x19/\xff\x83\xfc\xa6\x04=\xe25\xdd\xc0\xeaa\x0e\x8b\x0f\x06\xbc\x01\x1d\x01-\xd7\xa4\xbe\xebJ\x1eo\x17\x18\x81\x88M\xdf\xcaeRW\x1e\xbbk\x0b\xe9 "\xaf\x9f\x95\x90x\x0b ofl\x8d\xe8\xbf0zb\'Jf\xc4\r\xe7\x97\xd4\xc3b\x198\xff\xc77A\xb7~\xa1\x94J\xf3\xe7\x8a\xab&gt;\xffP\xa5\x16\xa1oX\xadL\xd5\x9d\x8d(6y\xea\x18\xe0\xd4u\xb8[kik^\xd2\xbf\x9d2\xe4\xf6\xc8`\xcd\xe1\x83\x02P\xb9\xefx\x14\np\xa3\xd6\x02\xecXRv\x04=\xef\xd9\x16\x89\xac\xcbE\xb4\xf3v5\r\x8eU\x12\x8f\xffX\xa1\x0e\xa1kdQJ\xa0\xc21\xf2\x8a\x81\x99\xac9\x8ax\x9f\x931\xb38\xe9\xee\x82\xa8\xcdjd\xdf\xaf\x12\x88\xe8\xdf\xefe\xdd\rM6\xe6d7P\x10\x1cLscq\x8d.1\xd6\xdeX\x1d-c\xc3NIt\xa6&gt;\x17;\x96\xce%\x8d\x13\x04\xbe\xe8\xb1\xcc\x15\xcax\xed\x00\x18\xb4J5$\xc3\x11\x04\x0bc.\xfb]\x85mwu\xfa\xa3\xd2&gt;g7\x94;\x9c0\xe8\xa9\x07\xb1\x1eA\xe8\x1b\xf1aA\x08a\x1a\xc3\xc5_d\xd9\xaf_\xe6\'\xaa\xd6tTM\xbb\xf22\x0fp$\xff\x84+P\xb2\xb1,\x08BuN\xf2\x16\x89G\x82 \x08\x97`:\x12j\xe4\xba\x17\xcfJ]\x0b\xffc\x1d\xd7\x11\x04A0a\xf5\x16 A\x10jQ\xfb\\\xc2x\xef\x0c\xe9\x92C\xf6\xdfF\x0c&amp;\xb8\xb3\x7f%\xd9\xbf0$\xf2\xa3\x07\xc2\n\xebg\x00\xba\xa0\xe9\xde\xee\xe6\xc8\x17_\xc6\x13"\xc1\xe9M[\xd5\xccf~\x08\x12\xe4\xe09#\xd4\x03\xe4H\x97\x89\x04Ral8[\xb8\x9c\x94\x13:\xa3\xe9|\xda\xf8\xe1dA\x08\xa4\xc0\x8f_z\x7f\xefS\x96\x9d8\x80{\xa6\x8fZ\x0b\xd5\x92U\x15\x9f/\xf6)\x08M\x91d\xe62|\xfa8\x1d,\x13\x00\xa1\x1f\x1e\xb8\xfeU\xc0n\xc5\x08\xb9c\x99\x00\x08\xf0\xa9\x04e \xbe\x8e\xe8S\x10\xb2X\xe2\xd2\xb9+\x89\xaf\xd1\xe0\xdaj)\xf9\xce\x93e\xe4!|\xcb\xf2T\x1eQi\x1da\x1e\xe8m#\x85\xd0\rr\xe0\xe3\xda\xec\xb3~\xd9j\'C^\xaa*\x08\xd9\x04\xfe\x06\x1fV&lt;\xbc:6\xae\x87\x80\xa7\x9f\x8c/2\xcdZ\x0b\xbd\x81\xac\xfc\xcb&gt;\xb0\xa5\xb6\xb6\xdf\xbb\xb5,B=\x92\x97o\xaf\xe9&amp;\xc2\x82\xf4\x7f!\xda\xa7#\xb2&amp;*t\xcf\x96\xd6{7*\xe3\xb3\x7fF\xbb\xd3w\xbc\xf8V\xa1\xecA\x17 d\xd7L\x18\x87/k\xd4\xdd\xe2\xb6\xbd\xb3\x0f\xbfW\xe8\xca[\xb6\x16\xa0\x0eW\xe8J\xe1\x12\x148\xa9\xc8\xc8;d\x0c\x95\t\x80\xd0#\xd7\xc9\x99\x9c\x88\xdb\xf6N\xc3\t\xc0R\xe9\'\xc6\xdf\xfa|\x80\x1fO\xae4\xedFA\x10\xda`N\x00\xc4\x85\xc7"f\x02 F 0\xe1\x0e\x92L\x04\x9e&gt;*\xb0\x84#\xd0\xf0#\xce~)\xdeM\xa9\xc6 V\x04\xf0\x16\xb2\xc7+$\xd0\xaf\xcd\xbc\xdb\xe4\xf7\x80\x08\xf7\xec\xb7\x15B\x1e\x92F\x08\x023\x02&lt;q\xf5\xd9\xf7\x97\xa9;7\x1c\x115\xe8\xe5\x1b\xb5\x91\xf8?\xc3\xb2w\x04A\x10\n";A\x82\xc0\x8b\xfb\x86\xee\xddI\xca\xc2\x13\\\x97\xd6\xeaV\x9brO\xb1\t\x80L-\x04\xa1.\xe2h\xech\xfe\xee\x82\x13\x8c\xe8,\xef~\x12\x84\xa6  \xa0xb\xd7 \xe2\xfc\xde\x9a\x9a\x9d\x98\xf4\n\xdae\x00 \xb77\x19Y\x04\xa1\x1e\xab#\x03\x87Wf\t3\xae\xd7\x80\n\x82 \x1cQ\xc5\x92F\xd4\xfeO(\x89R\xd5\xb3\xff\xd4\xea\x94R\xea%\xc4\x82\xd8\x90}\x00\xb6 "\xc0\xc3[K!d\x81\xda\x1f\x88\xf8\x00q7!\x88\xe5\xf0O\xa3mk\xc3\xffM\x0c\x00\x00 \x00IDATa\\\xc4\x9c\x12\xa1W\x9a&lt;4\xcc\x8f\xbbRt4\xd5\xe9\xcd\xe2&amp;\'V\xc7\x169\xfd;\x00Gw\x13\x8f\x1b\x8f\x12\x8e:gi\xd7|\x12\xe0^\xe2$e\x900\xc4\x8a\xb5/\xdeT\xba\x83\x0b\x14\x1d\xd1\xcbx\xff*\xb2\x16 \x08\x05qL\x00\xc4\xe9\x84\x13\x9e-\x13G\x81\x1c\xb1\xa80\xea(G:b\\\x9e\xaf\xed\xdf\n\x82pI\xac\x13\x00\x89\t\xcd\xe9\xe1i\x8c\x83\x99\xc8\x03[\x9d\x93\xf48 \xb1\x08;\xa3jq$\xba\x03t%\x15u\xba\xb5"qmA\x10\x84\xc1p\xe5\xfa2\xf2\xb6\xa5\xcf\x87\x80e\xe2\xd83\xd3\x91\xae\xc6B\x98\x89\xa6\xc4\xa0\x13\x8a\xae\xd6\xa8\x85rU\x08B\x1dP\x1e.\x12\x84\x00\xd4\xfa\x1f\xa1\x11\xfc\'\x007=\x86R\t\xae]\xa3\x14\xc0C[\x0b\xa1!y\xa7 \x08\x84\xc8\x08%\x08:\xc7AV)%\xef\x03m\x0e\xf7\x0ep\xef\x1cq\x97\\\xf0\x82\xf07\x00\xaf\xd7\xb6\x13\x11\xf1\xe4\xb5\xc4\x93\xf9]\xd6\xd8\xf6G\x80\x80\x7f\xb8\x10\xc6\x85\xc1\xb9Az\xb6w\xa3\x0b\xc2\xf0\xc8QO"\x10\xf1\x1a#r\x0f\xcf\x8e|\x83\xac\xf8\xc4\xc3\xa2\x1fO\xcd\x89\x83\x90m\xf9\xfb\xe2\xcd\xbf\xb4z\x85+ aD\x10\x04\x9d\xfd{\x90\xe2\x82\x03\xcb4\xb8\x10\xec\'\x00\x9aH\xbc\x04c\x8d\xa5\x1f\xdb\xa8n\x16c\xdfq\x8b`\xdf\xce\xcd\xd8\x06\x83\xa7G_\r\xe9\x82\xd2h#\xbd \x08A\x0c\x1e\x91\xb4\t@d\xf8\xa5\x1c4o\x94_DYT7\x91s\xe9\x8e!\xb7\xaa\xa9Qj\x9fsO\xc6\x8c\xf5w\x06\'\xfbz:\xc0;\xee?\x1f&lt;\xfap\xe00\xe9\x92}aaH\xc4\xb0\x05!\x92\xd1\xc7_-(D\xc5\x87u\xd8$\t*!e\xecr\xa1\xfa\xb1\xccH\xc5\xfc\x87\xb6[\x80\xfb.a%[\',*l4RZ\xe7l\xb3L\xfc\xecm\x10\xacS,\xd1v#d\xd9B(\xc3rZY\x10\x84L\xd6A\x93*\xd5&lt;\x7f\x0b\x10\xab\x95P\x96O\x8e+\xc7\xdfB0J\xa9\x96\x89\x9f\xb5\xe2e2"]Z\x11\x94\xbd\x9760\xb7r9B\xd3-\xed,k\x7f\xccZ\x10\xcaQ\xc3\xc6\xb4\xec_Q\xf9U\xc2k@\xc5\x9d\x84\x02\xd0\xd94\x1d\x8a\xd0\xd3\xf2\xb0&lt;\xa8\xd0;\xea{[K t\xc2d\xfb23\xec\x93\xd6\xf1S\xac&amp;\x88G\xb7\x16@\x08\xa2\xce)\x89m\xde|x\xfa\xb6\x81?Y\x9f\xd4\xe4\x03\xc53\x19_@&amp;\x8d\x90\t?K\x1b\xf41M\xfb\xf3\xfd\xc35S\x10\x9a ~\x04\xb2w$\x0cD\xb5\x9f\xed\xda\xe5\xfa\x0c\xc6f\xf6\xf9A\xa6`l\xdbuI\xd8M\x00h\xe1al\x08\xf0\xa3\xb6\xc5\x85\xe6\x82\tB\xf7p\x1e+\x05A`\x8d\xb1\xe2\xce!\xf9\x1e{\x8dp\xc8F\t\x9d\xa2\xa5\xe35*\xaaV\x9d\xc0\x0c\xe9\xf1R\x98\xc3%\xe5\xe0"\xbd6!!KXy\xb7\xd6\x02$b?N\x84\xbb\xa7\r\xb6O\x1a\xbe\xe5\xe6\x98\x1f\xcb\xbb\xd5\x04\xa1\x00X\xf3\xf5GZ\xa8\x81\xf6\xc7\x85\x05a\x08d\xb8\x14\x84zt\xfb\xaa\xab\x1b\xce\x16\x9e\xb7\x99\x80zw \x1d\xa1\xe3f\xcf\xca\xfbO\xa1\x1fd\xd5\x849K&amp;^%\xa2\xa9-1\x11\x9f\xbe\x14\x12\x07\n"\xe9\xbe \xd4\xa3_w\xb3\x1d&gt;\xa9\xb2/\x1f\xbd));n#\xb0\x18\xdb\xe0\xe7\xec\x05\xe1\xda\xfcZk\x01\x04\x000\x1e\xe7\x13\x84\x01`b\xcc\xf7k-\x00\x05\x87D\xbf\xd6Q{\xb2\xc2\x99X\x83\x10\x88\xf4\x97 \x0c\x8e&lt;\xd1\xc4\x9d;\xc8\x12\x8c\xd0%\xd4\xcf\xb4\\\x9b\xc3b\x7f\xa1\'\x87,5\x1f\xfe\x10\xf8#\x9d%\x08\x82\xd01\x03\xbfNC\x10.\xce\xe2\xd7o\x1dq\xf5&gt;\xe3\x97\xf7r\x08\x82 \x08\xc2\x80|\xbdL\x00\x04aT\x10\xe7_\x0e\x8d\xb8\xc3\x0c\x07e\x1e\x03\xe82\xdc\xf4(s[^\xd2Z\x00A\x10\x84\n\xbc}k\x01\x12\x19h\x02\xc0\xae\t\xa3(V\xb8\x16\xd3\x0e\x80\xe5\xc7\xbfxZ\xb3\xecQ\x08\x03\xf0\xc9b\xc6\x82\xd0\r\xe6\xcf\xe3\xb4\x95&amp;\x83Q\xf6\xf99v\x01C\x91\xba@\x0e\xf7\x9b4\xcb\xc0\xcd\x19\x00\xaf\x8e\xd9\x0b\xc6K\xb6jP\xb5\xfa\xf1\xc1E\xf5?Z0\xe3\xf26,\x08\xfdp\x1c\x14{v\xdb*M\xe8X?BMd(\xb4R\xdaIo\x88\x92\xa5\x90\x10\xb1\x18\x82 \x00\xc0o5\x91\xa45\x04=\x82x?\xc4\x90\xb7vL\x17t\xfb\xbe[\x86\xe8:\x17\xbd\n\xb9p\x89\xcf\xa3\xe2\xd0\xef\x87k\xdfw\xda\x05\xa5\xc4n\x9d2\xf4\xdb#\xd7BO?\xa4\xc3\xaa\xe2\xce\xfc\xf8\xaev\xb0\x15\xacGD\x8d\xcd\x905\x0f\x81\x10\xb1\xa2\n\xfc\x02\x02|\x00\xd8cf_\xfa\xaf3\x80f\x96\x9c\x95\xc1/M\xeb\xab_\xae\xc8\xce\x14%\x8e\xd5\xc4\xafqG\x9e\xdd8Y\x14s\xa1E\xeb_Qfe~\xb9\xb5\x00\x82 D3\xc0\xe8\xb3\x1f\xd9y6$S0Y\xd5\xf2\xc1\xb8\xdf\x85ZL\xfe\xff\xdbas\x00\xe3\x13\xd7\x1d\xe5\xadJV\xac\x05A\x1029\t\xa1\xbe0K\x13~\xbbMAX\xe7\xcdAt2\x01\xc8\xe3_x\xb6\x8b\x03\xa2\x19*:^\x08Pz|W\xcay\x12\x19\x11\x95\x82\xe9\xa8\xf2z\x8b\xed\xfa\xf9KOQ\xc2\xd0\xa0\x9cg\x17\x04\xc6\xe8\x1e\xea\xf7V_0_F\x04\xc8\xf1\xf7\xa9\x02\x19,\x9a\xb0\x8d\xe3\x00P\xb6\x0b\xe4\xf91\xa1\x1b\x101*"\xcdA\x0cJ;Q\x11B\x1f\x02VJ\xad\x0e\xac&gt;y\xfa\xc4rY\xb7\x13!A\x10\x84\xd1\x99\x17\xf4\xd70\xed\x1f\xb1\xb4\xa0o\xf9n\xfa2k\xccS\x92\xfb\xb7C\xcdTH\\\x14\xc0}\x0bW!\x08$\xe0\xb5"\x92\xed\x88\x7f\xd0=\x87-$t&lt;\x1a%\x08\x82 0\xe0#9\x9f\xf7\x10\xfa\xa5\xe3S\x10\x82\xa0\x11m\xc6\xbc\x0f\xd1\x9d\x10z\x04Hg\xd9\xb7\x85\xddV2j\xcbJ\xb2\xac#\x08\x82 \x08\x97\x80\xf0\x90\x8f\x9c"6\x90S\xb5\xdc\x89=5\xc4\x87\x98\xdf\x01\x00\x80\xddkC_S\xfbP\xcf\xfe\xb3\x85\x12\x04A\x10\x04\xa1-\x88\x7f\x17\xf4\xb2\xa3\xdc\xc3`\xfb\xa2$\xe1\x15z\xa2\xd3\xec\x1f\x0e\x13\x80\xa8]\x8c\x97\x1c?R\xbeS\xa3\x82 \x08\x82 \xf0\x07\xa7g\xfa~\x03b\x87\xf4\xdc\xb3\x10J)YG\xd4\x10U\x9c!\xc7\xcf\x92\xc1=\xe1\xd7\x1b\x1f=\xb9\x87&gt;\xe8\xf6\xcd\xcd=\xca,\x08\x82\xc0\x1d\xa2\x87\xd6\xe4\xc97\xa1\x14\x88(\xef3\x15\x8a\x80\x07Bn:\x96PH&lt;Z:\x12Ug\xdf;?\xd1Z\x1cA\x10\x04r\xc2"\xf3w\x10\xc7\xf0%\xae\xde\x89\xa2\x90A\xd0G\x9c/\xec\xb1]=\xca\xec\xa3\xd3\x85K\xa14\xd9V\x914\x010K\xe8\xc5:\xbb\r\xd38\x87\x80\x9875\xc9\xbe\x81 \x14\xe63Z\x0bpA\nM\x00\xda\x17\xc2\x85\xec\x94\xa09\x9d\x8a\xdd\x96C\xa7\x8b\x02\xf9\x93}\xdc\xee\xe8\'\xd1\x0f4 \xcas;|\xb0\x06\xbe~\x1fR\x11\x04A`\x0e\x8e\xf5\x8bf\xfa \xa2:\x1d\xdc\x11\xe5A\x82\x18\xcc\xc4A\x81&lt;\x8f=&gt;7\xb2}\x18\xf9\xda)\xb1\x12\xe1:\xc8tW\x18\x01y\xb7`\t\x06\xd1\xea\x083\x99\x01\x9aP\x11\xcb\xb2\xa1\x0cs\x17\xe0\x86c\x0f\xef\x7f*2\x04\xb1\x12\xfe\xc8v\x1e\r8\xde\xf9R\xe1r\xa0\xc4\x03A\x10\xbcH^7&gt;7X\'\xca\x92\xe2\xf4\x8bc\xe1C\x9c\x99\x06\xa5\xd4\x08\xcbc\xc2\xa5\xf1\xbcf\xb1E\xe8\x7fr\xf7\xe3\xcd\x12\x15$2\x08# v|!\x8e\xcf\x01\xcb# \xdd"\xbd&amp;\x08\x83\xe0z\xbfB\xb1p\x8d\xf5\xdf\xe8\xd0\xef\x93\xa65YT\xf4\xb1\xad\x05\x11\xc6$\xffe0B\xbf\xc8\x04`\x18\x10\xe0UZ\xcb \x08\x02\x01\x8e\x91X\x0b\xd1s\xa0\xa6\x8a\xd5\xdft\x1a\xf9\xe7\xaag\xa9h\xea\xed=\xdb\xd0FL\x8a\xbe\xf0N\xf9r\x0b\x17\x04\x07\x03M\x00$}\x8d\xc42\x01pX\x80mz \xba\x16\x04A \x87[h}\x9b\xe3:\xd1\x10\x19C\x16\xfa\xa0Yr\xed\xec\xba\x1a\x16*\xc0&amp;\xfb\xcf\xdf\x84D\x80\xe7\xd1\xc82:\xf3Y/k\x97[\xcf:\xafWj\xdf\x0e\xf2\xea\x03\xe1\xaa\x88\x01\x0bB\x00\x87qB-i\xe9\xb5O\xc0\xe3\xfe\x9d\x93\\\xf4\x80\x88\xd7\xee\x17!\x8a\xd9\xbd\x9b?\xe4&amp;v[\x8d\x1bbo\x90&gt;\x11\xc6\x02\xe3_{%\\\x9d\xd6\x8bdm\xb0\xad\x12\x81R\xa0\xd4;T\x1e\x19\x98\x1dR\x9d\x1e\x01^\xffO\xa3\xe1zjD\xbd|4)4D\x01\x8f\xb7\xa7.\xdeT\x14\xb1y\x80\xf5w\x00\xd4A\x1fN;\xb0L\x0f\x13\xbb\n\x11_\t\xf0*\x1c,N\xb8.J\xa9\n;\x00\xb2\xc90\x14\xbf\xd9Z\x80\xe6,CF\x03\xab\x9e\xa7\xec=\xfc\xd0S\xc3,c\xa9\x9a\xbd\x8e\x046(\xa5\x96\x03\xf4#\x9b\xcd\x14@\x14\xf4\x10Ajq|\n\xa0l\xec\xe2q\xda\x8c\x15\xa2\x8a\x81\x91\xce\x152\xd9\x9d\xbco+\xc1/\x12&gt;\x04\xbc5\xeaS\xec\x17\xbc\xa51L\x94\x1e\xa1\x86q\xd5\xf0\xb3\xd4\xc34Y\xc8\x85GbV\xb4\xf6\xc6Q\x94\'\r\'\x00fE\xad\x8do$h_\x12\x12S\xaft\xe2\x0e\xd1\x86\x90\xcb\x1a3\x7f\xbc\x9ds\xd1\x0e\r\xe7#\x8e\xed+\x1e9\xca8\x90\'C\xd2;&lt;H\xe9\x82\xe6\xab\x0cB\x13\x8e\xd9\x7f\xf1\xee\xdf\x87\x89\xadF\x89\x1dd \x02\xfcu\x8bje\x00\xd8\x10m\x08T\xf4oK\xf7\xc6\xf5\x15s\x01KN\x8e\xaf\xac\x1f\xde\xa8\x94\xc8\x83\xb2\x8e\xf2\xd4F\xb5\xf4N\xdf\x86zQN&amp;\xe4\xc2\xa0\xfc\xd1!\x1aW\x9e\x02n\xf1B,/\x8b\x97\x18\xd3\xaa\x16H\xf8\xd0\x90x*\x08\x13\xbb\xc1%`\x02\xe0\xc8\xf5\x8f9k\xfab\xa7\xff\x92\x84b{\x01q\xd7\x05\x94\xe5\xce\x05&gt;\x93\xacL\xa1\x16\x01.)\x0c\xc81\xff\xaf?\x07Xx\xbf\xc1\xcc\xaejs\xb8\xb8n\x82\x00\xcde.\xc3\xd6#\x836P`@\x17\x06f&amp;\x16!\xd9\x86\xed+\xb2\x107\xf4\x04\xe0\x87\x02\xae\x89H\xf5\xc2S\x02\x16\x03\x90\x90\n\x8b$\x90\x0b\xdd\xb5\xfd p\x8c\xcfZ\xe7\x00\xf5\xf9\x88\x16\x95\x96\xa2\xb2\x0e\xb9L\x00"\x193Ef\xe1M\xc2\x15\x08\x1f\xaa[\xbe\x99\xc6\xea\x08gy\xc6\xd1qn\'O\x19\x05\x10\xa4\x9f\xd8\t@\x87\x19akiW\x8d\xf5\xa3\xba\xd6\x13\x80\xef\xac^\xa3\x8b\xddRE[QRx\xe6\xb9\xd8\xef`\xdd\x8d\x95\x94\x85\n\x99\x00\x9c3\xa8\xbd\x897]\x12\xce\xbd\xdc6\x81k\xf5N\x02\xfeD\xff \xcf\x19\xa1zN\x99\x00\x90&gt;0@W\x14[\x10\xb4\xd3Vqw\xb6\x1c5\x1a\xc5\n\x8e\x93\xcca\x87\xef\x1b\x10\x9f\x8e\xe8W\xf6\x80\xcd\xaeI\xf3\xdf\xd5\xeb\x00\xf5\xbdu\xeb\xa3\x88/1\x03\xa1R\xf0\xe0\x8e-A"@\x14L{\x19\x11\x7f\x0f[\xfed\xef\xfc\xf6m[\xed\xd4C~O\x16\x8b\x88\x88\xff\xde*\xbdP\n\xd4G\x06\x85\xa6\xe9\x1a\xa5\x14\xc1\xdb\xd3G\xcc\xa5\xdc(H}H\xc5\xfc\xa3*\xca\xf1\x83\\eSa\x9c\xeb\x00N^l(\x81\x8f`\x04\xf8\x96\xff\xf9M\xc5:c\xc8Yc1\xfesk\x01B\xb9\xd6\xa2\xfe\x15\xda\xd83\x81\x81\xbau&lt;w.\x1e_\xc8\x95\x1c\x14h\xfeu\x95\xc9\x90\xb4\xfe\xe5\x99\x83\x9dx+"\xc0/\xe5\xd5\xf0Z&lt;\x1b\xae\x91#\x15\xbb\xf3\xed\x08\xf0\xcb\xde#@&lt;\xfb\xa0\x0f\\c\x9e\xd05\x07\x1f\x11\xb8\xe0\xf5\xb8R=\xd5\xd6\x06"\xec\xb0\xb5\x9c\xae\xcf\xc5\x8f\x84\xa1I\xc9\xa3\xd8\xfaEq\xa9\x06N&gt;\x19\xf6\xa6\xe7\t\xe01\xfb\xa0*\xe1\xda\x13Us \xee\xe0\xac\xf8\x08;ZtG\xd3q\xfa\x87\xd9&amp;\n\xc1\x90\x08\xaf{b\xd7\xda\x10\x04\x00\xc6\x13\x80\xf2,\r\xbfb\xdbc\xc9\xb3\x10\xc4\xd3#@B\x1d$\x8flL\x8c\xc1\xef}D\xdc\xe4\xda4\x9d\x07\x8a\x05\x1ef\xe3WWHA\xae\x90\x12 "\xc0\xdd[K\x01\x00=\xbd8\x88\x1aW\xfe)I\xe9\x91t\x85\xdc\xe0\xbf[\xa9/K.Z\x88\xc4\xfex\x9c\xc0\x92]OI@\x12\xda\xa1\x00 \xfe\xb9L\xf4\xfe\xb3/\x0em\'yPU\xb84\x99\x07\xd9\x89\xd8\x1e\xc3\xbd\xdaL`z\x04\xd9\x98pJ\xf2o%#\xd6\xd9W\xfde\xf9\x9f\x86\xab9\xed\xb5(\xb3Q&amp;\x06\xd3\x1f%\xa2%"~jX\x99\x12\xa8G}\x8f\xb0 h$\xdbv\xb7~\xb1\xf7h\xf1qz\x1c\xc7~\x9af\xaeC\xfc:\xa3\x18k&lt;\xfd\xe9\x8a\xba\x97\xc5`:\x85\x</t>
        </is>
      </c>
      <c r="E542" t="inlineStr">
        <is>
          <t>&lt;class 'numpy.ndarray'&gt;</t>
        </is>
      </c>
    </row>
    <row r="543">
      <c r="A543" s="1" t="n">
        <v>541</v>
      </c>
      <c r="B543" t="inlineStr">
        <is>
          <t>steps_per_sec</t>
        </is>
      </c>
      <c r="C543" t="n">
        <v>6100</v>
      </c>
      <c r="D543" t="inlineStr">
        <is>
          <t>2.5222423</t>
        </is>
      </c>
      <c r="E543" t="inlineStr">
        <is>
          <t>&lt;class 'numpy.ndarray'&gt;</t>
        </is>
      </c>
    </row>
    <row r="544">
      <c r="A544" s="1" t="n">
        <v>542</v>
      </c>
      <c r="B544" t="inlineStr">
        <is>
          <t>Loss/RPNLoss/localization_loss</t>
        </is>
      </c>
      <c r="C544" t="n">
        <v>6100</v>
      </c>
      <c r="D544" t="inlineStr">
        <is>
          <t>0.07023158</t>
        </is>
      </c>
      <c r="E544" t="inlineStr">
        <is>
          <t>&lt;class 'numpy.ndarray'&gt;</t>
        </is>
      </c>
    </row>
    <row r="545">
      <c r="A545" s="1" t="n">
        <v>543</v>
      </c>
      <c r="B545" t="inlineStr">
        <is>
          <t>Loss/RPNLoss/objectness_loss</t>
        </is>
      </c>
      <c r="C545" t="n">
        <v>6100</v>
      </c>
      <c r="D545" t="inlineStr">
        <is>
          <t>0.025746811</t>
        </is>
      </c>
      <c r="E545" t="inlineStr">
        <is>
          <t>&lt;class 'numpy.ndarray'&gt;</t>
        </is>
      </c>
    </row>
    <row r="546">
      <c r="A546" s="1" t="n">
        <v>544</v>
      </c>
      <c r="B546" t="inlineStr">
        <is>
          <t>Loss/BoxClassifierLoss/localization_loss</t>
        </is>
      </c>
      <c r="C546" t="n">
        <v>6100</v>
      </c>
      <c r="D546" t="inlineStr">
        <is>
          <t>0.10488988</t>
        </is>
      </c>
      <c r="E546" t="inlineStr">
        <is>
          <t>&lt;class 'numpy.ndarray'&gt;</t>
        </is>
      </c>
    </row>
    <row r="547">
      <c r="A547" s="1" t="n">
        <v>545</v>
      </c>
      <c r="B547" t="inlineStr">
        <is>
          <t>Loss/BoxClassifierLoss/classification_loss</t>
        </is>
      </c>
      <c r="C547" t="n">
        <v>6100</v>
      </c>
      <c r="D547" t="inlineStr">
        <is>
          <t>0.033693276</t>
        </is>
      </c>
      <c r="E547" t="inlineStr">
        <is>
          <t>&lt;class 'numpy.ndarray'&gt;</t>
        </is>
      </c>
    </row>
    <row r="548">
      <c r="A548" s="1" t="n">
        <v>546</v>
      </c>
      <c r="B548" t="inlineStr">
        <is>
          <t>Loss/regularization_loss</t>
        </is>
      </c>
      <c r="C548" t="n">
        <v>6100</v>
      </c>
      <c r="D548" t="inlineStr">
        <is>
          <t>0.0</t>
        </is>
      </c>
      <c r="E548" t="inlineStr">
        <is>
          <t>&lt;class 'numpy.ndarray'&gt;</t>
        </is>
      </c>
    </row>
    <row r="549">
      <c r="A549" s="1" t="n">
        <v>547</v>
      </c>
      <c r="B549" t="inlineStr">
        <is>
          <t>Loss/total_loss</t>
        </is>
      </c>
      <c r="C549" t="n">
        <v>6100</v>
      </c>
      <c r="D549" t="inlineStr">
        <is>
          <t>0.23456153</t>
        </is>
      </c>
      <c r="E549" t="inlineStr">
        <is>
          <t>&lt;class 'numpy.ndarray'&gt;</t>
        </is>
      </c>
    </row>
    <row r="550">
      <c r="A550" s="1" t="n">
        <v>548</v>
      </c>
      <c r="B550" t="inlineStr">
        <is>
          <t>learning_rate</t>
        </is>
      </c>
      <c r="C550" t="n">
        <v>6100</v>
      </c>
      <c r="D550" t="inlineStr">
        <is>
          <t>0.0398275</t>
        </is>
      </c>
      <c r="E550" t="inlineStr">
        <is>
          <t>&lt;class 'numpy.ndarray'&gt;</t>
        </is>
      </c>
    </row>
    <row r="551">
      <c r="A551" s="1" t="n">
        <v>549</v>
      </c>
      <c r="B551" t="inlineStr">
        <is>
          <t>train_input_images</t>
        </is>
      </c>
      <c r="C551" t="n">
        <v>6100</v>
      </c>
      <c r="D551" t="inlineStr">
        <is>
          <t>[b'1024' b'1024'
 b'\x89PNG\r\n\x1a\n\x00\x00\x00\rIHDR\x00\x00\x04\x00\x00\x00\x04\x00\x08\x02\x00\x00\x00\xf0\x7f\xbc\xd4\x00\x00 \x00IDATx\x9c\xec\xfdw\xfc|\xcfW\xd0\x87\xcf\xfd\n(\xcd\x88\x82\x80`~\x8a\x82\x82\n(\x84"\xa8\xb1\x8b\x10\x1b\x08(( 6\x8a\xfeP\xa3b\x01+\xc5\x08I\xd0X B\x00\x1b\x16\x9a\n\xa2F!\x80h4(\xc5\x82R4\x85\x0e\xb6\xa8\x14\x85\x93?v\xef\xdd\xe9s\xa6\xdd\xb2\xaf\xe7\xf3\xf1y\xbc?\xfb\xba;s\xce\x9933g\xce\xcc\xbd\xbbk\x0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9e\xe5h\x03\x00\xe0E#"\xb7\x17\xcbR\x17\x8e\x9a+V)\xd1\x07\xc9\x9b=\xcbbD\xb4&amp;\xadU\x12\x85E\xa4\xb2u\x96O\xee\xff\xb7\xae\xf9\xa2l\x83S\x05b\xda\xef\x02\x17KM\xbc\xc0\xfa\xee\xd6\xccM\xe3\xe6\xd5\xd0\x03\xf7+\xc6\x98eI\x18\x10\xaf\x18-2olDm{\xf8\xda\x18S\xe9\xcfh\x95\xb0\xdcZ\xa0bdFm{h4\xa9~\xbc\x10\xb7\xa6]\xaf\x15\x99\x11\x0eWGD\x96\xe5\xdb\x8dy\xed\xa3\rI\xf2\x8a\xa3\r\x00\x00h\xe0\x91\xcd\xc8\x8a\xb2\xa2\x88X\x95\xc4\x98?\xa3PRf]\xc85\x0b\xbac\xf0\xcd\x9e\xed\xaa1\xf7\xff$\xacPj\xe3\x12\xfce\xd7\x88V\x0f\n&lt;\xacJ$\xb8k\xee\xae\x10h\xfc\xb4\xd5)\xf0\xa8\xfe\xf7|9)\xe11{\x12W$^ \xd4c\xd7M\x94\x17o($\x93\xe9l\xd7GGF\xce@\xab\xd3\xed\xd1\xb2]\xd3I\xc9i7\xa6j\x8c\x9f\x14\x11\x8d\x03\xce\xc8b\xef\xbf\x0fB\x1d9\xa1\x81\xf3f\xff\xe6\x8a;f\x00x&amp;D\xc4&gt;\x12\xae\xaa\xe8])\xa6\xdev\x15O\xe9\x9eGq\xc19\xf1\xfd\xa6At%\xbe\xd9\xd9v\xbb\xc3N\xbe\xa3G\xe6\xaeC\x16\xfbJ\xea\xac\xbaX\xcc~\xcb+\xe6\xd7\xb2\xd4/\xcb\xb2\x9dj\x87V%\xdb\xb6\x95Y\xef\x96\xac\xfd\x98\xbc\xefa\x8c\x18\xf3j\xc6|Gx\x8b \xd5\xa8L\xbf\xdcz.e\x99r/\xe8\x08t\xf8?D\xde\xca\xf8wi^G\xe4[=\xe1\x15\xa3W\xc4\xac\x8av\xb9\x87\x06\xf02\x99{\x07r\x08\xa76\x0e\x00 \xa0&amp;M\xf4j\xc66\x00\xcd;\x10Ol\xf1\x81\x10\x13K\xf2\xec\xd4\xcd1o-\x9d\xd1\x18UZeX*\xd3\xcd\xb7e\xcb\xe6\x13G\xda\xda\r\x80\xbe\x15\xb1=\x8c\xef\xdde{\x10$+\xbc\xb8\xc31\xd6\xa6+\xda5^\xeb\\9rK\xb0\xdd\x8dM\x81T7\xe5\xdf\x1aCd\x03\xd3&amp;\x86GY`\x0c\xcf1\x96N\xba\xbbv\xe7;\x8f\x00\x01\xc0\x95\x10)&lt;i\x9d\xc1{\x10\xc5z\xbe"\xafQ\xf3|\x85Nu \xc9Kmo\xa5\x96\xa5 \xf1V\xae\xac4\xb8\xe2=\xe5b=t\x14\xe7\xb1\x8c\x15T\x05\xb6\x19\xb3\x89\xdd\xdc\x1e|*\xc0\xbe(\xd6\xbf\xbe\x01A\x17\xdcO\xd7\x1c\xabt\xc3 \xfb\x90\xfd\xe3\xc5\xaa1l\x82\xd3\x1cO\xd8\xfd\xcc\xcf*\x9c\xc7\xeb\x0b#\xbe\x13\x16G\xc7[\xe7%\xb40(;\xc9\x7f\x18c\x88\nx!\x9c+c~2\xf0-\x00\\\x1a\xefy\xe8\x86\xea\x1e\xfd\xf6\x1c\xf1\x1c\xad\xaf\xf1M\x93\xcf\xafo|\xbf\xb0\xed\x96\xf1\x11\x87d\xda\x95j\xb5-0Z\xf1\xa7&gt;v\x1d\x0f\t\x99\xeep/F,\xcc\x902\xbd\xd0\xa2\xd6\x81\xb1\xd6\x92\xc0\xec\\\xf9\xa2\xcf3~&gt;b\xe0\x01\x1c\xc3\xb5\x06\xfc\xb5\xac\x05\x008\x05\xe5\x1cn\x90\xfc\xd4[vn\xaa\x948\xcc\xb8&gt;\xf2N\xbb\xbf\xfbh`9C\xd5\xeb\r^\x8b\xfb~\xe1V\x83\xd7)\xb7\xd7\x7f\xd4\xb9\x1e\x1f\x15~\xd6\x1f\xb4\xceju\xaeQ\x9e\xf6\xb6\xa3\xebM\x88v\xf4\x8a\x14u9\x05N3\xd2\xc6R\xf2\xd5s\xb6z/*\xbcG\xce:\n/\xec\x8c\x15=D\x0c\xb7\x03\x00\xe0tx\x8b\x90\xfe\xa6\xb0\xb8\xcf\x8fJ\xfd\xe3\xa4\x9b\xea\xd2C6r\xc5\xf8\xe9:$\xdf\x04\xf1\x9e\x83\x0f\xdfM_is\xce\xfd\x19\xfe\xd5\xd2\\\xd1\xc7\x83C\xe2g7\xe1\x83\xfb\xd6\xc7\x03L\xc60)?po[\x98\xf9\xf4HE\xf3\x15J[&gt;\t\xd00\xf2\xcf\xcd\xf1\xd3\xed\x8a.\xad\x1d9\r#\r\xae\x0b\x9f\x01\x00\x80\xd3\xb1\x84\x8fW+\xd8N^\xb7\x0b\xa6\x98H\xc6To\xafj\r\x98K\xcdaR\xaa\xd5\xeb\x97\xed\xac\xe7\xce\x05m\x8e\']\xe1\xe1\xa7\x84\x1d=J;cB\x9cOe,\xeb`\x88}\x96\xf7f\xc8\xe3z\xf0\xa1\x805S_\x9f\xd7\x0f?@\x12-\x9f1O\xc4\x98/\x92\x87\xadq\x81E9\x9b\xf7U\xf9V\xc3\\H~\xe9g\xe3\xd9aa\xb8\x88\xc8\x8f\x9c{r|\xfcd\xdc9-\x1er\x12o\x7fd\x05\x00\x00\xe0\xf4\xb4&gt;\xe5\xef\x96\x8f&lt;.\xa2\xe6;\xea\x8a\xeft\xdf&lt;\xd4\x12k`\xf6\xc3\x00\xeeS.\t5\xce\x834\x91w\x83\x92c\xf2\x15\xef!\x9cP\xa6\xff\x08\xd0\x7f\x19\x7f\xc8\',o\xd3c\xde\xf6p\x91Z`\xe61\xb3\x03hS]\xac%\xadOLu\xf2\xd7vv\xe3\x8e\xeav\x1e$\xb7\xe9\x13(\xe5q \x00\x00\xd8\x97\xda\xb4\xf2\xa8\x8cjG\xb4\tA*o\x8e\xbc\x9b\xc8\xdb\x12\xc9G\xe4)\xfc\xbe4\xc5\xab\xa8J\xa9\xd3\x05\xfc\xeb\xdb\x10Z\xab\xc8V?#&lt;o\xf1/\x8a\xb4=\xb9\xa1JmK4\x8a\xa6\xd1\x92\xa9{-\x8d\x16\xb8`\xb28~#t}\xae\xd1\x8f\xcf\xde\x0b\x00\x00\xa0\xa3\xffp\xb7(|\x86\xe4\xb2\xc6\x7f\xf0\xd0\xfbGZ\xcfn\xbd;!\x1a!\x89&amp;\x7f\xafX\xe8T\xd7\x99ZL4k\xa5\xa5\x8flGuhp3d\xd3x\xfb\xf3\xfb\xc6\x15],\x83y\xce\xc47w\xa3\x0c\x863t\x08\x9d\xab\x9b\x9eqv\x00\x00\x9c\x9f qT\x9f"k\x0f\xd4k\x0bG\x0f\x83k\x16\xadw\x19\xb5\xa24o\x8d\xa2U\xdc\r@\xdb9}\xa1\xca\xcc,a\xfa"\xed\xd9?j3s\x1a\x9e\xa9-)\x86\xcd\xbb!r\x00\x00\x00 N"q\xcc=%R\x9bkj\ng\n\xf4g\x03\xfb\xe6\x13\x1f\x98yOD\xfeL\xf0\x0cL\xe8\x9f\x81\xbb\x8e&amp;\x14r&gt;p\xfc\xa9\xf6\xe8\r\x0c\x00@\x0b\xc5#\xb0\xdd,\x01\x00\x98E\xeb\xc9q\xdd\xe9\xec]\xc5\xbb\xe7\xb2\xfc\x94\r\xf3\xa3\xed\xa8\xbc\xb3\xees\x17k\x95\xc8\xc7\x07\'\x1c\xe7W\x98\xa4\xd0K\xa6\x0e\xc6\\2\x13:pf\xc1e`\x84\x00\xc0\xf3\xb3[\xae\x99\x7f\xfa\xa5\xb4\x01\x98j^\xe4\x00\xde\xd4{f\x9c\x9d\x17\xccQ\xdef\xe4O\xf6\xcco\xfe\x90{JJ!-\xba\xae\xd2\xfbW\xb1\xd3\xe3\xa2f\xc3!0Z\x00\xe0Ii\xdf\x00T\xdf\x01\x08\xcf\xb9\xdd\xd7\xf1\xb7F\xa1\x96)\xf9\r\xc0\xcc\xf5\xe0wXN8v\xd59j3v\xd7r\xf8\xa2{\xac\x01g\xf0\xc0\xa1L\xbf\xe97Y&gt;&lt;\x0f/{&amp;\x02\xc0S\xb3e\x1b\x92\xfb\xe2\x97x\xbd\n5\x9fv\xe4\xc1\xf6\x0c\xd5C\xb3a\xb1\xfe\x05s~Wd\x86S\xf0\xd6\xd9\xdb\xf2\xd2 \xa5\x83\x1a\x18-\x00pn\x06\xe4\xa3\xbau\xf1\xf4\xcbg\xee\x1bxF\xaa9\xbb\x1f\xae\xcc9}k\r\xa1\x9a\r\x00@\x1b\x0c\xa4\xf3\xf2\x8a\xa3\r\x00\x00x\xd0\x9ax\xdc\x0e\xfe\xe5G)\x0b\x9f=\xc5Y"\x97"\xd7\x94$\xb7\rK\x87\xd0\xa2\xd2\xc6j\xe3\xbe\xff\xb4\xa6\xec\x84\xe7\xb5\x86K\x1c\x81mU\xa6\xf7g\x0e\x8c\xfd8\xf7\x1c\x7f!&lt;\xc3@\x02\x00\x80)\x88\xeeTr\x92\xc6\xe8\xbb\xb3u{\x97j\xaa\xd6\x7f\xd9\xd1%\xd3\xa0\xffm\x0f%7\x7f\x1e\xf0X\xd7a=\xf2\xe2\x1f\xcd\xbf\x12\x87\xf7T\xc9\x80\xd79\xdcB\x00\x00\xb803\x1en\xb1\xc5WW\x98\xbc\xaa\xc5\xe4k\x9f\\r\xeb\x0e\xf8*\x98\xc3?*z\xac\xf6\xc3=\xb03/\xad\xbd\x1b/\xb3\xd5\x9d\x14\x9dvb\xaf\x9e\xd60\x00\x00X9AR\xb2\xc77\xc3\xf43\xc7Q\xf3\x1a^\x96\xack\xce\x05\xba\xe6*\xacC\xa8m \xd1\x11\xb0\x13G\xaf\x08\x00\x000\x1fY\x9f\xc4\x98\'\xbf\xac~\xa7\xf5\xa6W\xd7\xa0\xafg\xd9\xa9\xb1c\xa4\x1c\xbf?\x8c\xd39h\x0f\xbf\xfb\xb1C\x15x"\xe8}\x00\x00\x98\xc2\x8bX`\x06\xa6\xb3\xa37N\'\xf5\xff\x997\x00\xa5O\x92\x9c\xd1\xec\x95\x96\r\x80\xb2#N\xd8_\'4\xe9j|\xe8\xd1\x06\x80\xcf\x071\xaa\x01\xe0\xd2\xbc\xc0G\xb1\x87q\xf6,s\x00\xba\xe1\xd1y\x12\xff\x9e\xcd\x953bO;\xa4\xcfl\x1b\\\x8eIc\x89!\x9a\x87Y\x0c\x00\xcf\xc0\x90Xf\t!,F(;\xf9\x94\xcb\x89f\x03p\xc2\x85\xb0aH\xab\xcb\xf7&gt;wD\xea\x00\xe7\x87!\n\x00\x00i&gt;d\xe4\xb7\xe2\x1c\xc5I\x12\xb23\xd8\x10\x85{D\x13\xc0\x99\x00\x00\x00pJ\xaa&gt;\xf3z\xa9\x04\xd11\xf5,\xd9\xed\xeb\x0f\xb0aJC\xd8\x00\x8c\x06g\x82\x1a\t^\x00\x00\x00\xec\x87\x9f\x02\x8a\x881\xdf^\xae\xa3\xc8u\xf6\xce\x87\x02u$dyN\xff\x99\xdaQ\xec\xd5F\xc6\x1b\xd4\x7f\x1b,a*\xcf\x19\xfcs\x06\x1b\x00\x00\xf6!\xf9+\xc2\xe9GG\x8e\xff\x89\xcdp3C\xe0\x86\x1dG\xe6\x10E\x8c\xd8\x17\x07a\xea\xe4\xe8;\xe8\x15S\xed\x00\x00\x98\xcfr\xff\xdf\xb2\xd8W\xb3_\xd18\xd7\xa0"\x8bgk`|\x99\xc3\xdb\x00S\xa8\x1c\x06\x07+\xda\xcdZ8\x15\x04\x9f\x93\xc2\xf6\x0c\x00\x9e\x1b\xed\x13\xe1\x1c\xab\x03\xbcl^h\x04\x18\xd8\xea\xe0\xe9;&gt;\x90s&lt;o\x11\xf3?_\x96\x00\x00O\x8eX\xb4U\x1fn\x12\xc0ux!\x9f\xa6\xb8S\x9c\xef\x04\x84Z\xc82\x0f\xe7U\x13\x1b\x80\xfd-\x01\x00\xd8\x8d\xc7\xda\xd3\xb8\x0e\x8d\xfc\xf5\xdc\x8c\x12b\xf1\x8b\xe6\xcc\x03\xe0\xa5&amp;p\xf1&amp;\xbfHW\xf4\x82\xd3N\xc8\x1fxt\n\xbd\x03\x00O\x88\xbf\x01\xa8y\x16\x88\xb0\x08/\x85\xecg`^\xe6\x06\xc0\x18\xf3\xf3\x8f6\xe0\xaa\x9c\xf0\xab\x14 \xe0\xbe\xc6\xbd\xd4\xd9\r\x00O\xce?\xde\xf2\xfe\x9f[\xf3 \xd0\x0bNz\x86\xa3u\xe3\x8bw\xf8\x91C\xae\xa4\xfa\x85w\r\x80C\xe7T}\xf1\xb1\x0e\x00`&gt;\xeeg\x00\xb4\xe7\xfa"\xf2\'\x89\xd1#`\xa9[9\xdf\xefK@\x04v\xfec\x98z\x86R\x92\xfc\xdalY7\x18\xcf\x00\xf0\x0c4\xc42q9\xff\xc2p\xcax\xddn\xd2)\x9b\x03*^f\xdf\xed\xd4\xea\x9f\xd0\xfa\x9d\x04\x17\xe9\x94\xc97Q\xaf\xe1\x84\x93\xd9y*c\x00\x00\xe6\xd3\xf9E@`\x8c1o\xd5\xe6:|~a\xe8\xbb\x07ox\x12W\x9c\xc4\x8c\x17D\xdf,\xa0\xbf\x00\x00\x0e\xe4"g\xffp\x02\x18$\x0f\x06\xee\x9c\x8f\xdaK\xf0\xe1\xe6C\xc0\xb1\x00\x00pU\xd83\xc0\x0b\xe7\x91\xfd\xff\x8c\x0bO\x84\xe2\x1e\x80l\xd5\x98\xc1?\x16\x8eK7p\x05\x00\xc0\x01T\x05_/\x1b\xc8d\x06\xdb[\x04w\x98\xc7\x19F\xd7\x13\xe4\xc7"b\xcc[e\xdee\xabo\x9e\xa2\xa3\xc1\x86\xde\x04\x80\x17M\xd5\xaa\xc6q \x9c\x8f\x13\x8c\xc6+\xcf\x08\xcd\x8c&gt;\xe1\xac\xcf\xdb\xf3\xf9\x13\xac=\x9b\x07f\xf3\xd2\xda\x0b\x00\xf0\xb28\xe1\xd2\xae\xe2\xaf^\xd0fh\x87\xee\x9eJy\x03p\xbe.\xc8\xd8\xa3\x8aic\xe2^\x93\x90\xabF]\x00\x00x"~\x15K\x91\x12o\xd9\xce\xf9m\xc4GB\xedG\xad:\xa5]\x1f&lt;p\x02\xf6\x1a\x87#\x07\xfct\x9b\xdb7\x00\xcck\x00\x008\x1b\xce\xcat\xca\xf3\xbf.\xda\x96^\xfd\x9a-\xdd_F\xce\x83\xd7E\x8e\xf6\xcf\x8b\xeb\x9a}s\xd6\xc9\x8aTm\xd1\xdc\x18\x89]\xd4\xdd\x7f8z\x00C\x1c\xed)\x0f\x00\xc0\xd3\xf3t\x87U=\xc7o\xc3\xfc\xf0\\.}&gt;.\xf3{R\x03\xc9\x8f\xc9Qq\xe0\x0c#_\xf9\xc9\x87\xcc\xbb?=!\xa1\xea\x98\xe0\x0c\xaeP\xb2\x9az\x19\x83\x01\x00\xa0\x1bg\xa1\xfa\xbc#-\x19\xc4\xb5\x96^8\x82\x97&gt;B\x92\xc7\xdb\xe7Fs\xac\xae&lt;}\xd7\xdc"\xc8\x96\xe9\xac^%j\'\xce?\x00\x00\x00`\x1e\x95k\x00k\x06\xec\xcd\x93\x1cT\x1f\xc8\xd1\xcd\x9f\xf7\x94\xfcH\xc9\xbbxI\xcc\'\x9fg(\x9e\xc7\x12\x00\x00\xd8\x9d\xa3\x93\x83\x99ps\xe0\xd9\t\xfb\x97;BJv~l\xbd\xbfS\xc2\x9e\x1d\xdd\xd7\xfbx\xe3\xba\x83\xf3\xba\x96W\xf3\x8a\xa3\r\x00\x00\x98\xce\xb2,\xf17v\xcb\x0f\xba?e\x9b$\xd12x\x1a\xfc\xd1K\xea_\xc3\x9e\xdeJ\xc6\x99\x91\xfc\xbc\xbe\xeaM\x16V;\xf1*Q)\xdc\\\xcd\xb0|\xe2\x10\xec\xfc\\\x07\x00\xc05\xe8{\x805"m\xa3\xc7*\xbd\xbe=\xb4\xc0\xb3s\xfc\xea~\xa1\x91\xbc\xe37\x81\xee\xd0)\xc7w\xfds\xf1\xac\xfe|\xcaF\x01\xc0\x132$\n\xcb\xfd\x88\xbd"\xa1\xdf{\x03\xd0\x85\x18\xf3\xb3"\x97_\xef\x12\xc6\xc3H.2b\x9f\x81\xf7\xa8\xf1\xb3\xe8\xee\xf2\r\xe9\xbb\x9d\x1fmj\xe6\x84\x03\xf5\x84&amp;u\xf0Lm\x01\x80\x97\x87\xf2;.\x8ab\xcco\xab\xfb!\xaa}W\x82\x7f\xd5\xac.\xef\x9c\xeeV\\#\x93\x80\x1b\xd7\xd9\xb2\xee\xcce\x1c\xa2\xdc\'\x0cRu\xb0[\x0e7 \xe4\x84&amp;%\xb8\x8a\x9d\x00\x00#\xd9#\xf6\xed\xbc\x12(69\xf1w\x8b\t_\xe7\xad\x8c&gt;?\xb0J\xd5\xd2\xe4\xb1\xb5s\xffQ\xae\x97\x7fc\xbbQP\xe2\x82\xfb\xae\x03\r\xbe\x96\xa3\xb4\\m\x00\x00\x00@\x9c\xfd7\x00\xf9\xf7\x93\x1b\x00\x85\xec\x0b=\xce\xb4\x1f\xcf\xe4\x8dgj\xcb\x19\xd1m\xb3\xaf\x94\xda\xee\x1c\r&gt;t\xd3\xf5\x0c\xbfI\x17\x8d\xa5;\xde\xbd\x01\x00\x80\xe7A\xf1;&gt;\xc3&gt;\x0b\x01\x00\xa62_\xef\xff\xa5\xadS\xc1q\x00\x00\x00\xc0\xa1h\xce\x0e9\xbf\x07\x80\x81\x10O \x03\xbf\x03\x00\x000\x9b\x91\xc7\x903 Q8\x00\x11\xa3\xf6\xfc\xbf\xbc\x17c\x8b\xf8&lt;\xec\xd0\x95\xbb\xfc.\x01\xecK\xc5\xb0!\\\x00\xc0ux\xd6S\xf0\x9aF\xfd\xa9\x89v\x9c\x92\xa7\xec\xf1\x0c\xebcZ\x95_1\xc9W\x00A\x01\x06\x06\xdcx\x84\x8b\xa3-\x01\x00\xc8\xf3\x08U;\x7f\xd2\xee\xe4\xf1\xf1\xe4\xe6\xc5\xa9\xeeA\x16*-\x97\xfa\x10*\xc0\xd5x\xb2@\x94o\x0e\x8f\x00\x01\xc0\xf1XQj1\x8d?\xdf\xf9S|\x99\xaa\x1f\xe5iP\xb4\'\x97\xbc\x83\xbf,\xa6\xce\xf2\xc5\x98\xa7[z\xe7\xb0\xf4\x0c\x89\xd4\x89 \x9ew\xf8P\xbc\xf1r9\xffCSU\xb3\xf5\xfc\xcd\x01\x000\xf7]\xc0-GyK\xd5\x0fj\x96nq\x96\xbf\xd7\xef\xfc;\x80\x17\x02\x0f\xb7\xec@\xea\x8b,q;@=_|\xb4\x01\xbd\xb09\x00\x80\x13q\xcbE\x8a\xe7\x16v\xca\xd2|\xc8!"\x1c\x90d\x10\x91\xea\xb3\xfc\x0e]\xb7\x17\xf4\x08\x00\x10\x9cw\x80G\x80\x00\xe0&lt;\xfc\x83\xdb\xff\xba\x8e$\x93\xbf\xd7\xe3_\\\x96\x85\'\xaa\x1d"?|\xb3\x93\xe6\xa7\\\xec/u\xb2~!S\xe1\xf99_@`\x82\x00\x00\x0c\xc7\xca\x93\xacGA\xca\xbf\xca\x19+\xa6\xaa\x0e!\xe7x\x02\xe7\x9f\x1em\x00\xf42d\x14\x9d`(v\x1a0\xd6\xfe\xc3\xbd\xf1\xd4\x1c?\xd8\x86\xf0\x1c\xad\x00\x80\x97N1\x96\xc5\x1f\x19\x17\x8bT\xb5\x11\xe6=\t\xdeN\xe9\x1c{\x00\xb8AG\x1c\xceY\xba\x80Y9\x95\xe7p/\xc7^\x00\xf0\xfc\xe4\xf3{&gt;Nzq\xe88c\x9e%)i\xe0\xc56\x1c\x8ec\x9f!W\xb1*5\xcc\x02V=\x00\x00C\x12y\x08\xdb/9\x1cl\x07\xc4\xb9\xcaw^]\xc2H\x80ZN1\xb0\xd9$\x00\x00\xbc,v\xb8A\xcc\x11\xd4h\xf6s\xe6\xa4\xbe\xbb\xf2x\xd8\xd9\xf2\xeb:\n\x94\x14\xba\xd8\x9d,\x8c\x07\x00\x00\x18A\xf4G\x0f\xae\x9c\x9fA\x0f~\xbf\xfft6\x00\x07S\xfe\xd4\xd3\x1eV&lt;\x05G=\r\x7f\xd6\x13\x90sZ\x05\x00\x00\xf39`\x01\xe8\xfb"\xd7qv&lt;#\x03\xfc#\xe6\x07;B^\xf6\'gF\xb5\xfaez\xcf\xe2\x8c\xe3g\xd8\xa9G\xa6\xe2\xed\xad\x1df\x10\x9f\r\x00\x00\x80\x07\xc5\xf8\xde\xba\x00\x1c\x90\x14\xb2\\M%\xff\xe9\xf9S&amp;p\xc7\x817.Hq\x187\x8f\xf3iav.\x99\xfb!\xfc\x10\x18\x00\xbc\x04\xce\x18\x9aGQ\xfc\xd1\x9c\xb6_\xd5\x111\xaf\x7f\x7f\xf1\xcc\xde+p\xbe\xb6\xf7tGa \x9c\xee\xd7\x97\x8e\xe4t\x1d\x0f%\xee\'\xf1\xd9"\xa5\x02IbQ4\xfce\xc9\xd3\xb1,\xcb&gt;\xbf\xe6\x0e\x00pF8Wn\xe0 \x8f\xd1S\x99\x13\xca\xfao\xb9\xfd\xf6\x89\xdf&lt;x\x15\x9e\xb8i`\xb3\xcd\x8e_Z\xfa\x9e\xe8\x9d\r\xabe=\xb6\x8f\xfe\x9e=\x00\xc0\x0b\xa09X[\xb5~np\x05\xc63\xd0\xbd?\x90\x9eJ\xc3\xb3:\x00i\xc4\x18\xf9\xde\xec\xc3\xfaWY\x08\\S;\xcd~\xa7\xab\xb4\x1a\x00\xc0\x98\xbe\xd3\x1a\xbeR\xed\xfc\xa4:\x97\xb5*C\xff\x11\xe6\x85r\xa0\x97\x08]S\xe0\xa5\xf8\xc7\x9b\xa43\xe6,\x9f\x01\x00\x80\x93\xb2=Q\xd9\x10\xfb\xdc\xc71y\x02r\x0ckG\x8cY\x8aR\x8f\xcc\x9e\xf3Q\xda\x1d\xd8\xe7S\x86\xcf\xeb\xdegH\r\x9f\xa1\rs\xd1\x8e\xde\xab\xefr\x9fw\x9e\x02\x00(\xb8\xca#\x9b/\x04\xb1\x98\xaa\x87D(\x83\xd5\x05xi/~/\xae\xbe\x16L\x10\x00\x00\x80\xa1\xcc\xde\x00\xb0\xeb\x833\xc3g0\x0e\xe3\nn\'p\x01\x00\xccBD\x8c\xf9\xac\xca\xf2W\xe5X\xe3w\xd1\x1e\xff\x18\xc0\xee\r\xbf\xf0 \x816\xae\xb5\xcf\x8c\x99z\x19\xe3_\x12\x97\xe8\x141&lt;\x1a\x0b\x00\x97\xe3\xb6\x10\xd6&lt;")\xc4\xba\xe1\xd4\xf7B\x8b\x12:\xce\x18#"}~\xc6\x8d\x11\xec|\xfa\xe6\xde\xed\xca\xb2\x98Kxl\x979\xf8L0\x11\x1c\xf8\x100\x00\x9c\n\xd5\x99\\\xe5\x92w\xe1\xa0\x7f\xda\x13J+g\xea\xb50\xd1\xc6\xd36}\x1e\xb9\xaf/\xec\x10{\xc2\xf1\x7f\xea\xae-:\xfb\x05\x0e\xcd\'\xe0\xea\x9d\xc6\xa7\x1a\x00\xe0\x99ae\xbd\x1a#\x9e\xd7\xff)\x89\xea\xbf\x90\xc1\xf0$\x9cp^\xc7&gt;j\xa2\xfd\x8c\xfby\x9aCR\xd8@W\xf7\x89\x18\xf3\x9a\xe3ly\xf0\xc9\xabU)\xf3\xce3\xea\x00\x00\xf6G\x11\x01\x89\x92\xbb\xa3Y\x99\x1a\xf6\t\'Y\xf0\xee\x96\x9f\xc3\x18PSN\xe2\xc31y\xadO\x05@\x1bt1\x00\xc0\xc5\xf8\x84\xd2\xf2\xcc\x17\xc8\x9c\x16\xfa\xa5\x15\xfc\xd6B\xc3\xa6\x94!\xfa\xc2\xe1c\xd6\x00\x00\xa7%\xb9BK\xc0\xbd\xf0\x0bZ\xd1\xff\xaf\xb1\xe2\x9e\xef\xe9\x823\xa7w\xe1Q\xb4\xfd\xd7\xce\xc6\\\x1e\x91\x0f&lt;q_\xc3\xa1d\xb6y\xe3\xc6\xcc\xac\xe1\xc7\xa8\x06\x00\xb0\x08R\xff\xcf\xf4\xde&lt;\xcc2\x9fy\x96L\x91|\x06\xd7\r\xdc\xc5M?\xe2\xd5\x08\x7f5\x95\x01g\xf0&lt;\xc0\xa9\x185)\x98\\\x00\x00\xcf\x81s\xea\x9f*q\x92\xb3\x93\x19k\xcf\xb3?\xba0\xbfi\xe7\xbb\xf5\xff\xd4\x1d\nsa\xf0x\x04\x0e9\xa9\x7fv\x8e\xe4|\r(\x00\\\x0e\xef\xc9]\xfb\xad\xe47\x1e\x9edM\xe4K\xbb\xeb\x99\xed1\x89i\xe8W\xfa\xc7\xbc\xe7\xcb\xab*\x1f:N\xce1U@\x8d7\xba\x082\x17\xe5O\xd0w\x00\x00i&gt;\xd5~&amp;$\xfa\xe8\x7fX\'\xfa\xe1\xe0\xc3\x0f\xce\x07j\xdf\xa5!\xff\xeb|\x15)\xa6\xb6\xae\x7f\x18$G\xddA\xf6\x94U\xe4\xd5\xb3\x07\x80\xa7\xe33J\x05\x18\xf3\x00\x00\xd7!\xdc\x00x\xc7\xae\xa9\xb7\xbcww7|4\xcf\xd1\x8a\x18\x9d}\x94\xab\xb8\x8a\xed\xdf\x00\xa4%|f\xe2zA\xdc\x81\xe9\xc8\xb3\x0e\xa4\x17\xc5\x93\x84\xb5]\xc1]\x00\x00\xd7\xa1j\x03\x90&gt;\xa6}\x86\xd0\xff\xacK\xbe\xdb\xa8\xb7\x1c+yj\xef\xf7\xf5\xc8\xb3lM\xe1 \x18&lt;\x00\x00p=\xec\xccLD~\xba\xfa\xdb?S\x1b\x80\xe7\xc8\xf2\x8fC\xe4\xe9\xbeS\xb5v`\xd4fTC6\x00)\t\x89\xebk\xf9\x8e\x8f\x1f\x00\xbc\x10^\xf8\x1e\xfb\x95\x8e6\x00\x00^4"\xe2}\xeci\x8b\xc8"fY"\x05\xc2\x92\t\x99\xdf9\xd6\xd4\x97\xcd\xb2\x181\xcf\xf8\x01\xb5\xdbC@\x9a\xcf\xde\xd5~&gt;\xaf\xef\xf3|\xcb\x92\xddoEe\xaf\x15\xfe\x8c\xcc\xff\xe84\x00\x00\x00@#a\x12\x9f?\xf8\x8c\x96L\xdf\x04x\xb9\xa7;\xa0!z\xe3\xe8@c\x94\x053\x85\xcf\xd0\x90+\xf3G\x8e6\x00\x06S\x9c\x11/v\xcapF\x00\x00Gr\x0b\xbe\xf6Y\xa9\x88,&amp;q\xc2\x19\xd46f\x89\x86\xef3}\x99\x9a\x88\x9c\xca\x1e\xb0\x90\x0b\xde\xd6\x10\x91\xfb\xfc\xb8\x9a\xe5\x00\xe7#\\\x83^\x08\xfc\x0e\x00\x00\x1c\x8c\x17y\x97E\x99\xfd\x1b;\x01\x8aT8\xc7\xb1\xae1\xcb\x0b\\Z.\xc3\x05\xba&amp;\x18\xc3\xcbmD\x1dn\xf9\x19&amp;\x17@\x0b\xf6\xd2p\x8b\x01\xe7X,\x00\x00\xa0\x85\xf8G\x81\xafB\xa7\xcdWl2\xc0\xb9\x11c\xde\xf5h\x1b\xb4\x88\xc8\x9b\x12\x04t\xf0\xb5\x10\x00\x00\x97\xe0-\xf5E\xf7\xfa\xce\x9f\xdfo\xeb\x1c$\xb3]\xce\x9cm\xcfHi\x17\xdd\x95\x1dJ\xb5\xbb,\'\xe3\xea\xbd8\xcd\xa8\xb6z\xff\r\xc6\x8a\x1d(\r\x00\x00@K&gt;w\xb4r_\x89=\xf6s\x85\xd5\xeb\xdd\x07\x1899\xc3\xee\x95\xfcdiD\xf4\xc3\xebS\x15\xaa\n\xb1\xcb\xda\x95\x8a_\x91\xdb\xab_\xe8\xfdN\xc4|\xc9\xe3\xeb\xa7\x8f5\x05\x00\xe0\xa5\x93?\xde\x0e\xbf\x02\xe8\xd3o%\xff\xf99\xc3\xb7|\xda\xbcue\x9a\xe4G\x17&lt;\xdd\xa2\xf8d\xcb&lt;w\x00\xf6\xa4\xea\x8b\x9b\xe0dL\xfcv\xa0\'\x8b*\x00\x00G\xd1\x12L\xcf\x1b\x82/\xf8\xf8\xe9-\xf5?\xf3\x01\xf3\x99m\x0b\xa9\xb1\xb6\xfa\xd7\xc7\x1a\xec\x816^\xa8\xb7c\xad~\xa1\xaeH\xd2\xe8\r\xdc\x08\x00\xd0\xcdI\x8e\xab\xcf`\xc3\x00\xce\xde\x8akm\x00\x0c+\xfd3p\xbd\x9d\xfcUx\xea\xd9\x91k\xdaS7\x1c\x00`/\xea\x83\xe9\xf8\xe0{\xb9\xc44\xca\x05[q\x98\xb5C\x8e\xf6+\xbd}\xad\xae9;\xfa\xc7\xfa\xbb\xbeo\xe0W_nN\xed\xc7\xc5=si\xe3\x01\x00 F\xc3\xaa\x7f\xf1\xc5\xecI\x10\x11c~\xdc^\x8a\x9a+2T\xce\x8e\xd3\xbf}\x8f\x89{C\x85@q\x12\x98\x89\x00\x00\x07\x91_\x08\x8f^&amp;\x9f\xf2\xb3\xb0\xcf\xcd\xb4\x15\x9dC\xdc\x97\x87\xb6\xc7\xbfX!\xc9\x19?\x8c\xa5\xe7\x80~\x04\x00h\xa2\xf4m3\xf3\xc3+Y\xdd\xf30\xbb+\xcf?T\xceo\xe1\xce\xb8\x0e9\xf8\xf3\xac\xee\x1e`\x84\xde\xebw\xf7\xcd!G\x8e[~\x93\x11\x00`\x7fN\xf1\xb8\xf9\x7f\xdbf\xc0\xd1fW3\xc4\xe0s\xb6\xfa\x9cV\xc1\x05(\x85\xa0\xef\xf2\xb6\x10]!\xeb\x0c\xe1\x0ev\x81\x8e\x06\x00(\xf0T\x81\xf2\x99\xda\xe2\xd0\xf0\xf5\x94=\xae\xd8\x7f\xaf\xf2+Fh\x84\xebQL\xe8\xa3\x1b\x80\xf3G\xad\xf3[x 8\x07\x00\x00\xda\x88\xae\x1f\x17H\x0b\xd4\x1c\xd9\x90\'r#\x1cO._\xaf\xcf\xe6\xaf\xb2\x01H\xf3S\xbb%\\\xb7\xed\x1bO\xd0\x04\x00\x00\xe8f\xc8\x87\xf3\xce\x95\x16\xecd\xcc\x99\x9a\x9ca\xc2\'\xb9\xaf\x9f\x08^\x8b\t~~\x9c\xe6\xcf\xde\x00&lt;\xcf a\xcc\x03\x00\xc0D\x0e\\cR\xaa\x15&amp;\x9dk]\xbc\xfe:\xfd\xcb\x86H\xb9=\x8f4\xd6\x1b\xfb\xa4A$[\x16{o\x00J\x9e\xd7\xdas\xd2N\xec\xfa\xfa\xda\xae\x02\x00\x00\x00\xd0\xc2\xa8\x94\xa2\xfbI\xfd\xa3h\xf8@\xc2h\x0b\xd8\x00\x9c\x84\xee\xafp\xc9&lt;\x1d\xd4#\xf9\xe4\xf4\xdc\xe7\xec\x94\x00\x00\x00\xf0&lt;\xb0\x1c\x06\x14\xbe~\xf1\xea\xd0\xe3\x00\x00\x00\x00\xd3q\x8f\xeb2\x87\xa3uw\xe7G\x9d\xa6\x93\x11f8\x83\x7f\x0e7\xa0\x9a\xcb\x19\x0c\x03\xb9^\xef_\xce\xe0J\xfe\xcd\xb37\x10\x00\xe0\x8c\xf8\xc9zo,\xb6\x1e\ro\x10\xc5Jp1\xd6\xc1s\xa9\x8e\xbb^\nxg\xc7\xbd\xd6\x89\\4z\x97\xfb\t\xe3D\xed\x81\xa6\xed\xd7\x9b\x83W\xe0zG\x1b\x00\x00z\xac\xd3\xfa\xa6`\x17\x84H\x82f\x02\xdb\xc3\x9fz\xa4!\xc7s\xe1\x11r\xf4\xf0\xdeI\xfb\x9cf~R[\xb53\xdc\xe6\x8a\xb2\x9b\xbftD\x00\x00 \x00IDAT\x8fU:-g\xf4\xcf\xd59\xe7\xa8\x03\x00\xb0\xe9\x88S\xe20\xce\xa4\xbb\xf4\xd1\x02;9\x9b=p6\xde\xebP\xed\x8c\xcf\x08\xa7\xdd\x00\xecC[\xdb_\xb2\xc7\x00\x00@\x83\x98\xf1_\xbe\xfe\xeb\xa6\xed(\xa0\x8d\xb6\x8exq\xdd\x97\x1f\xb1\xf3\xc7\xf3\x8bs\xb8\x9a\xe7\xf3\xcc\xe4\xaf\xfd\x99\xf0\x1b\x1d\x00\x00pr\xaa\xe2\xfe\x7f}[\x81&amp;\xe4\xebl\x00\xe0j0ba\x17jbc[ e$\x03\x00\xbc,\xaa\x9f\xe6?U\x9a.\xb1\x83\xabSYX\xcb\xa5\x8d\xf7\xe9h\xcb%\xfc\x80\x91\xad\x9c\xd0$\x00\x00\x00H\xf3\x07\xcf\xf5\xac\xce/=\xda\x00\x88\xd3\xfcX\x97\x88\x18\xf3\xb9\xd1w\xf4;\x8a3\r\xd1\x83\xb9\xa8+\x06\xdec\xe4Ko\xf6G\xfdeD\x97\xe6TK!\x00\xc0\x08\xae\x1c\xd7\xf6\x0e\xcaW\xf6\xd5\\\x0e\xf4\x0c\x9d\xb2q\xd1O\xd7\xd4\x99\xfdGJ%\xaf\xe9\x84\xe7\xe6\xea=\xd2\xfb\x9dx\x00\x00{s\xb1\xb0\xdbv\x84l\x1a\x9enj\xe3\xea\xcb\xd8Y\xc0\x8ds\xb8\xe8\x06`8\xf8\xe1*\xc4\xba\xe9\x8cI\xf6}D\xbd\xcb\xe9\x0c\x03\x00H0\xf2\xc6\xfalRq\x9f\x98\xfblD?\xce\xf1R\x19\xe9\x87{\x9a\x82o\xd9\xab\x97\xc0?\xb5\xe01\x00\xb8\x12Cb\xd6\xcc_\x03p\xb4d\xb4\xcf\xd3\x0b\xd0\xc0i\x9fYg\xb2L\x05\xf7N"\x15\xe7Gnh\'?\xc0\xc3\xd8\x00\x80\x131$\xbd\xd8g\x03\xb0\xf2\x03B\xfd\xf3\x95\x02\x9c\x08\x1e5\x86\x97Cae\xe1\x00\x08\x00\xa0\x81llU\x9d\xac\x88\x8bRi\x8d\x8d\x00\xe0\xc0]/\r"b\xde\xef\x05y\xe9y\x87\xc4\xb3\xb6\x0b\x00\xe08F}q\xc1\x8ew\x00\xc0\xb0"\xbep^\xc6t\x1b\x10\x94\x9e\xef\xd3\x0e\xaf\x91o\xd1\x98\xf6&gt;\x9b\xd3\xc6\x81g\x00\x00v\xe1\xd9S\x1c\xb0\xa1\xaf+x\xfa\xa9\xd1\xdf\xc0\xa7w\xd1\\\x9ea\x87yu\xfb\x01\x00\x9e\x9d\xeb\xaf4\xb5\xbc\xb4\xf6j\xf8\xef\x8e6 \x87{\xa3\x8c\xee\x83\'g\xd2-\xa6\x97\x17\xea\x01\x00 \xc1\xa8\xaf&amp;\x9c\xb4\xb44\x8bM?[\xf5\x9b\xcf\xb0\n\xaam\xf8\xec\x81\x1a\xcf\xd0\xf06\xac\xde\xbcj\x13\x00\xb4L|\xc6\x8c\xe9\x03\x00p\n\x06F\xf9\xf6D\xb9\xda\x86~\x9b\x8b?\x17\xfaP\xd5\xd9\xae1\x9f\xb2\x18\xc5\xa5\xb3\xf0i\x94\xf7\x9f\xf8\r\x9e\x80\xc3\xc7\xf0D\x03\xfe\x0e\xd3\x13\x00\xa0\x8e{\xdc\xcc\xa48S?Nw\xcc\x06`&gt;\xce\x97#\x9d\xc8\xe0\xf3Xr\x1ex\xda\x01`8\xbb\x8e\xff\xcbM\xb7W\x1cm\x00\x00\xc0\xa2+\xa5+\xd6\xa0~Y\x96Z\xe1\xb3l\x19\x89c\xe3\xf2\xa9mB&amp;\xacj\x19\xdf]l\x05\xad%\xb9\xd5\x9c\xd3\xee\xeaQ\r/\x051WJX\xff\xf3\xd1\x06\xa88\xe1d\xb3\xba\xf8*}\r\x00/\x94o\xb9\xce\x9at\r\xfa\xbf\xae1\xac~\xc9\xaf\x80&lt;\x87\xb5w\xa7\xadOd9&gt;&lt;\x87\x85\xf0\xf4\x8c\xfa\xe6\xe5\xbd\xb8`\xb4\xb1\xb8Y~\xac\xfd\xd7\xf5\x1e\x00\xbchN\xf6\xf8\xca\xa9I%\xeb\xdd\x0e|T\xbfI\xbb\xdc\x92\xbc\x8b\xb5Z\x9f\xb8\x9f\xcd\x88\xbc\x97\xa9h\xccg\xf6\x98\x087*\xc7\xc3\x95\x86z\x91kM\xde\xfcC\x8c\xf6f\xe6\xac\x8d\xca[uN\x9b\x01\x00N\x81\x04\x7f&gt;M\xd0|\xfd\xe1\x12\xfdUp|\xb2~I\xe7\xef\x94\x1c\xacZ\xf2\x9b\xae\xadG\xa2V\xe57\x00\x07f93\x8f\x8d\xf7n\x94\xeb\xc6K\x0e\xe9C\xd9\xf5\xe3X\xceg\x99&lt;\xbe\xec\xb1=\x08C_T\xc38c\x01\x00`_\xaeu\x82\xb53\x95Y\xdaE\xdc\xb8\xd77\xb4\x8e\x1aZ\xb6\x9c\x98\xcc\x8b\xb8\xdd\x85I\xf7t\x9c\xabC\x93Y~\x0b\xef\x13\xbd\xfaJ\x8ca\x00\x80\xd3\xf3L\'\xfd\xfb1%KSl*\x92\xcf\xb4\x8c\xd1\xbf\xcfH\xf8\xf4\xb1\x1b\x80\xed\x98\x9f\xd4\xf9i\x88\x1f6w\n&lt;\xe2C\xae\xfb\x0e\xcb\xfd\xc7?3\x0e\x00\xe0\xb2\xd8\xeb\x93\xb8\xbc\x8c\xf8^\xd7\xc6\x7f+\xf2w\x8f\xfb\xa6\xd4Q\xc9DV\xce\x1e\xcf\xf1\x8f\x96\xb3\x8e\xd8\x0fy\x8e\x11\xfb\x1c\xadh\'\xffpW\x9b\xc0\xa3\xf6\x87;\x04\xd2g\xd9\xfdz\x9d\xde\xd5\xa2q\x0ey\x02\xc7\x02\x00D\x88\x7f\xf3\xcc\x9e\xcbIJ\xddS,iu\xec\xef\xfc\xa8\r\x8a\x02\x1d\x16Nh\xa3f\xdc\xca\xb8\xdc\xe2\x1c\x9c\xb7\t\xfd\xfd+"\xc6\xbc\xf6({6\xa9\xa3\x05\x9eE\xefs\x86\xca\x9fr\x8aF=\xa7o\x01\x00fl\x00j\xab\xe76\x00\xbb\xde=\xffg\x1a\xab\xf4\x05\x1a\xed8z\x03\xe0\x90\xb2$\xb9\x07\xd0X\xde5\xc6z\xfcs\xb2\x9bZ\xe7\xb1d0\xa7\x19\xc0\'1\x03\x9e\x13y|\xc7@\xee\x86*?\x04\x06\x00G\x92^\x92\xdd\x9f\xb1\xaa\xff\xa9\xae\x88\xc4\x11Bnr\xe6\xfd*\x99\xcd\x9aR~OU\xade\xd1\xfc\x02T2[MmoZ~.m\x1e)C\x96%\xf1\x9e\xc6\xf2\xe5\x13\xd7Wm\x99b\x8f\x7f2\n\x0b\x0b\xf9\xe0\x8d\x99\x98\xffb\x9c\xb0\x93q\x96\x01|\xbe\xfc\x7f\xc8\x10\xea\x17r\x9a\x1d\x9a\x8d\xbc\xe9\x1e\xcf7N"3\xe0\xcf1\x17\x00\xe0\xc5R\x1b\x13\x8f[!\x0e|Nw\x7f\x8d\xe9\xbd\xc1\xb3s\xc8\xc3Nw\x8dw\xa5\xa9\xa7\xcer{\x80\x81\x96\x9c1?=\x13O6\x0b\xac\xd3\xe2\x13Xr\x0236~\xd3\x88\xdb\xce6;\x07\x963\xf4)\x00\xc0\xf5\x10\x91/y\xb6\x87\xb3Ud\xd6\xbck\xad(\xfb?\xc9s\x13\xd0\xacT\x82o\x98\x11\xc5\x08&lt;}\xa7\x9c\xcb\xbcCN\xa9O\xdcGC\x12\xdc\x0f\x1acK5\xe3\xf3\xe9\xa9=u\xae\xa7(\x01\x00\x9e\x88x\xce\x9a\x8c\xb9\xf9X|\xca`}B\x93&amp;\xd0\xeby\x11\xf9E\xd1\xeeS\x88=p\x91n;n|\x19C\xe2D&lt;\x93\xc3\xdbO\xb8\x07;Ak\x86S\xe6WM\xf9\xa4\xd3p\x99\xf5\xf2\x9fg\x80\x01\x00L\'sh\xbd]\xb7V;\xfb\x89\x8b\x04\x7fS\x14\x8fCh\xca\x0c\xe5}^\xca\xda\xe0\xf5\xa6\x88\x18\xf3}\xf4u\xa3\xe3A\x99a\xb4\'\x01\x97O\r/c\xff^\xf3\xee\xf2\xf7\xc1\n\x88\xa4&amp;\xcb\x11&amp;Tn\x00\x9e\x99\x17\xd2L\x00\x80\x02\xaf?h\x89z,3"b\xcc7\x16K\x1b\xf35\xfdJ\xbb%\x183\xe8\xe9\xd8Y\x8b}N\xe6\xd7{E\xf5"o\x857\x9b\x7f\xb2\xda\xec\xf2\xee\x0e\x92\xf0\x19\x80\x95\xa7z\xd4\'\xc9\xde\x1b\x80w\xf57\xf6\x87\xef@\x06\x11\xb3\xff\xdc\xdf\x9b\x0c\x00pv~\xb9\xbdHd\xbf-\xc5&lt;NpO\xf1\xa5\x16\xc6\x18\xf3}U\xc9\xe8&gt;\xc1\xba\xec\xc3hyu\xd9\xedu\x83m%\x1b*d^$\x9f8\xc3\xc3\x06\xf1\x8aW\xf0\xdelZ\x0e\xa4\xaf\xe87+\xff&gt;\xc0\xf8\xe2`\xbb\xa2K\xf7\x05\xff\x00\xc0S\xf3D\x07Ew\xbc\xb6\xec\xba\x01\xa8\xac\xd2\xaa\xa5TqZ\x93w\x18\')\x15z\xbd\x9a\x9d\xd8\x01\xa3\xfd\xb9fY\x86l\x1b\x9f\xbf\xf9\x1b\x07f\xff:Nk\x18\x00\x00\xf42\xe3@\x1a\xe2\xac&gt;\xfc\xcdSU\xac\x0f\x05}\xea&lt;-\x05\x03\xee\xff?\xefh9\xf3`&gt;\xada.\x87\x18\xf9\x01\x17q\x8e\x96\xda\xbb\x82v\xc56u\r\xb5\xa0\x06&lt;\x0c\x00\x97\xa1\xee\xe9\x8e\xaa\xebO@\xf3\n\xbd=C\x1fJ\xebw\xd7Q7d\xaa4\xda~\xab\xb5v\x87\xa6\x85*\xce\xbc+8\x1bG9*\xd5k\x17\xed8\xdb\xf2\xfa\t\xf2_\xe5\x05\xee\xccE\xbb\x00\x00\x00v\xe3J\xab\xf5\xd8\xf4b\x884q\xa9\xad\xba\xe7\x19\x95\x88\x98\x9f\x1b\xd9\x08\x99\xac+\x0e\xdc\xde\x88\xc8?\xbf\xce\xe0|\x81\\7\xd7O1\xb69z\xff&lt;\x85\'\xafn?\x00\xc0\x0b\xe3\x1f\xedt\xbe{\xc2\xe5a\xf0\x06\xa0\xb6\x8dY\xed\xd3?\x9f\x10\xb3$\xb7\x01\xc8\xab\xa80\xa0&amp;%\xda=+\xfa\xb2}\xd5Ur\xb24Qm\xcceo\x0b\x94&amp;\xb5\xa2]g\x1e\xed#\xb9\xb4\xf1\xaf8\xda\x00\x00\x80\x18\x8d\x07\xccZ~\xec\xb2\xcc\x10\xeb\xd1a{_\xab\xdf%S}\xb9\x11\xd7\xdabq\x9d\'\xb3\xda\x8d1\xba\x87\x9dDn\xa2\xaaT\xa7$\xd9\xad\xae\xf2@\x85\x01\xbb\x8c\xb7V&gt;\xefh\x03rl\x9f\xe</t>
        </is>
      </c>
      <c r="E551" t="inlineStr">
        <is>
          <t>&lt;class 'numpy.ndarray'&gt;</t>
        </is>
      </c>
    </row>
    <row r="552">
      <c r="A552" s="1" t="n">
        <v>550</v>
      </c>
      <c r="B552" t="inlineStr">
        <is>
          <t>steps_per_sec</t>
        </is>
      </c>
      <c r="C552" t="n">
        <v>6200</v>
      </c>
      <c r="D552" t="inlineStr">
        <is>
          <t>2.5959485</t>
        </is>
      </c>
      <c r="E552" t="inlineStr">
        <is>
          <t>&lt;class 'numpy.ndarray'&gt;</t>
        </is>
      </c>
    </row>
    <row r="553">
      <c r="A553" s="1" t="n">
        <v>551</v>
      </c>
      <c r="B553" t="inlineStr">
        <is>
          <t>Loss/RPNLoss/localization_loss</t>
        </is>
      </c>
      <c r="C553" t="n">
        <v>6200</v>
      </c>
      <c r="D553" t="inlineStr">
        <is>
          <t>0.13926613</t>
        </is>
      </c>
      <c r="E553" t="inlineStr">
        <is>
          <t>&lt;class 'numpy.ndarray'&gt;</t>
        </is>
      </c>
    </row>
    <row r="554">
      <c r="A554" s="1" t="n">
        <v>552</v>
      </c>
      <c r="B554" t="inlineStr">
        <is>
          <t>Loss/RPNLoss/objectness_loss</t>
        </is>
      </c>
      <c r="C554" t="n">
        <v>6200</v>
      </c>
      <c r="D554" t="inlineStr">
        <is>
          <t>0.02311689</t>
        </is>
      </c>
      <c r="E554" t="inlineStr">
        <is>
          <t>&lt;class 'numpy.ndarray'&gt;</t>
        </is>
      </c>
    </row>
    <row r="555">
      <c r="A555" s="1" t="n">
        <v>553</v>
      </c>
      <c r="B555" t="inlineStr">
        <is>
          <t>Loss/BoxClassifierLoss/localization_loss</t>
        </is>
      </c>
      <c r="C555" t="n">
        <v>6200</v>
      </c>
      <c r="D555" t="inlineStr">
        <is>
          <t>0.12615539</t>
        </is>
      </c>
      <c r="E555" t="inlineStr">
        <is>
          <t>&lt;class 'numpy.ndarray'&gt;</t>
        </is>
      </c>
    </row>
    <row r="556">
      <c r="A556" s="1" t="n">
        <v>554</v>
      </c>
      <c r="B556" t="inlineStr">
        <is>
          <t>Loss/BoxClassifierLoss/classification_loss</t>
        </is>
      </c>
      <c r="C556" t="n">
        <v>6200</v>
      </c>
      <c r="D556" t="inlineStr">
        <is>
          <t>0.05265122</t>
        </is>
      </c>
      <c r="E556" t="inlineStr">
        <is>
          <t>&lt;class 'numpy.ndarray'&gt;</t>
        </is>
      </c>
    </row>
    <row r="557">
      <c r="A557" s="1" t="n">
        <v>555</v>
      </c>
      <c r="B557" t="inlineStr">
        <is>
          <t>Loss/regularization_loss</t>
        </is>
      </c>
      <c r="C557" t="n">
        <v>6200</v>
      </c>
      <c r="D557" t="inlineStr">
        <is>
          <t>0.0</t>
        </is>
      </c>
      <c r="E557" t="inlineStr">
        <is>
          <t>&lt;class 'numpy.ndarray'&gt;</t>
        </is>
      </c>
    </row>
    <row r="558">
      <c r="A558" s="1" t="n">
        <v>556</v>
      </c>
      <c r="B558" t="inlineStr">
        <is>
          <t>Loss/total_loss</t>
        </is>
      </c>
      <c r="C558" t="n">
        <v>6200</v>
      </c>
      <c r="D558" t="inlineStr">
        <is>
          <t>0.34118962</t>
        </is>
      </c>
      <c r="E558" t="inlineStr">
        <is>
          <t>&lt;class 'numpy.ndarray'&gt;</t>
        </is>
      </c>
    </row>
    <row r="559">
      <c r="A559" s="1" t="n">
        <v>557</v>
      </c>
      <c r="B559" t="inlineStr">
        <is>
          <t>learning_rate</t>
        </is>
      </c>
      <c r="C559" t="n">
        <v>6200</v>
      </c>
      <c r="D559" t="inlineStr">
        <is>
          <t>0.039818995</t>
        </is>
      </c>
      <c r="E559" t="inlineStr">
        <is>
          <t>&lt;class 'numpy.ndarray'&gt;</t>
        </is>
      </c>
    </row>
    <row r="560">
      <c r="A560" s="1" t="n">
        <v>558</v>
      </c>
      <c r="B560" t="inlineStr">
        <is>
          <t>train_input_images</t>
        </is>
      </c>
      <c r="C560" t="n">
        <v>6200</v>
      </c>
      <c r="D560" t="inlineStr">
        <is>
          <t>[b'1024' b'1024'
 b'\x89PNG\r\n\x1a\n\x00\x00\x00\rIHDR\x00\x00\x04\x00\x00\x00\x04\x00\x08\x02\x00\x00\x00\xf0\x7f\xbc\xd4\x00\x00 \x00IDATx\x9c\xec\xbdy\xfc\xbf\xcfT7~\xc6\xee&amp;R(\xcb\xdd\xaaE\x92\xd2*q\xa7\xb2d\x89\x12E\xa5\x14J\xe5.Z\xb5j\xd1r\xb7\x906[\xf9\xa5"\x91\xdc*\xd1\x1eY\x8b;-"\xa2B\x85\x16$J\xe9\xfc\xfe\xb8\xaek\xae33\xe7\x9c9gf\xae\xeb\xf5z\x7f\xbf\xd7\xf3\xc1\xe7\xfbz_\xd7\xcc9\xcf9s\xe6\xcc\xcc\x99\xebu\xbd\x00\x0e\x1c8k`\t{\xd9&gt;\xd5\x1f9N\x94\x15\xfbkT\x18\xc4\x0b\xdb\xa9\x82(\x1c\x11`\xfa\x1c?l\x88\xac\x81\x16\x83\x7f\xfa\xa0N\x99u\xcd\xa2\n\x8f\xfd9\xb3\n\xd9\xd5\x93+\x9fpRw\xea\xc1\xec\x12\xca\x88\xdeuTz\xd5\xf5\x8f\xe5\x8e\xearE\x9bLD\x84O\xd8\xdfg\xfa\xfb\x97\x84\x94\xecF\xd2\x1d&amp;\xc9\x88\x08\xf0\\?\x87^0\x9e\xb3e\x10\x9e\rbs\xd7\xb6\xb10\x1c\xfd\x83\xebB01\tO\x02d}\\\x9f\x8f\xe9\x0e\x1c\x98\xb1\xc4\x94&lt;|\xbf\x11yHB\xc6\xfaw*j\x8f\xd1r\x16\x83\xd3l\xf0^&lt;g\xb6jj\xe4=\xda.8\x95\x16d\x17b#\x9d\xca\xee\xdb\x8a&lt;E|y\xa9\x93\xfc\xbe\x98\r~\x1e\xfc\x15\xd5\xe2\xadV\xce\xb7Z7\xc3\x88\x00\xcf#\xa2ri\xbc\xfc7I\xe6:\x07K\xce\xf8\x15$\x83}\xa2\xb4\xec\x8a[G\xd9g\xd5\x06\xb2\xaf\xf9\xf5\xb0\xb0!f\xb3\xe4\x1f\xb6\xd0\xe4\tAg\xe2?{\xc7\x84\xb8&gt;\x01\x84\xdb0\xd9\x16\xc2d$\x1fc\xd7\xc8\x05D\xb79\x87N&lt;p`F\xea\xc1\xc8^7\x07)\xbd\xd8\xbb\xd1b\xb5\xe1:\xcdIO\xddp\xb4\xa4\x92\xf7\x8ek\x1a)\xbb\xc1\x99\xda\xf4\x0fe&gt;f7\x00\xbb\x9d\x00\xf8\xdbx\x86\x1b\x00\x8a\xa7\x08\xd2\xc8\x9f\xab\xfcs\x8f\xfeL[\xb6\x1c\x14\r\xf6\xcf\xec\x9c\xf8p\x17U"\xf6}4\x0f\xd19\xb3\xd7G\xb8\x99\x11\xfa`\x91\x9c\xbfs\x881VbK\x18\x05\x9dj\xf5\x8fd\xeb\xbb}T\xa4\x06\xf9\xddxQ+\xdd\xe1?C&lt;\x90\x1d\x0e\xdb!\xf5\xcfz\xc9Q:\xcbaR\xa1W|\xd0\xc9\x84\x11D\x0f\x1c\xe8Et\xd3\x10\x02\x7f\x9d\x1byYa\xb6")\xc6\x8f\x05EH&amp;-\x04\x18:d\x10pn\xd4"9gh\xe1\xb6\x11Jc\x19\xc9\xb0VVM\x97\xd4\xe8m2"\x98;\xb4\xc4\x0e\x06\xbf\x03\xe2\xaf\xcaw{|Lm\x14s\xd3\xa3\x0b\x07x\xfeB!\x00@\xb82\xc0\xbf\xdb\x8a\xaf\x18\xd0;\xb2{p\x11\x83\xd6\x82\xd4\x028\xff3\x97\xfc\r\x80\xdb\x0c$\xac\xc7="|.(*\xe2\xda\x8b\x88[\xfa\xf9\x1a\xd6Db\xf2\xaa\xa4(\xdf\xe6x\xb8\xb4\x9b\xa9\xbb\x04\xf33]\xfc\xfc-\xe2\xff,.\x8e\x9ez\xea\xd0\xad$\xcd\xd7v\xc9\xce\xba\xb88B(\x84\xc0&gt;\x96!k\x00U#"\x8e\xf7.|\x0b\xc2\xd5&amp;\xc5\x9c\xe4\xd4\xa4\x93\xf3O\xc5.\x0b\xf0.E\xeee\x86\xb2&lt;p`0\xa2\xb7\xb3\x13\x86\xb2\xbb\xfd\xe0\xe2\xca\xb3\xe4ca\x95\x02\xcd\xb7\xa9\x05=\x98w\xe9u"\xc3\xd3\x1b&gt;\x81\xc1\x1f\xcb\x84\x08U\xa9\x11\x1eo*Z\x85\xb1r\x08\xf3\xff\xf2\xea\xe6LO3~\xadb\xcf\xf6\x99#\xcc\x10of\x97b\x9e\xc8 \xfb\x1f\xa4\x1bKuCn\x8c|@|G\xb5|X\xfe%\xbc\xbb;\xc5\xe0\xcce\x0e\x02S\xaf\\Rl\xab4\xc4[O\xab\xeab\xe3\xd0\xe8H!\xf6\xa5\xc6\x17cAE\x10_\x13\x11\xee0\xdc\xc9\xe7\xfd\xdd\x8b2EB9\x1b\xda\x86\xc3d\x13m$\xf4ej\xc7\x07\x87\x18y\xca\xd5?\x0c\x9dz\xec\xe4\x15\xbf\n\xab\xe7\'\xd2\x96\x811\x1e(\x1aa\xe7\x8d\x9c\xe8W\xcb\xfd-\xb6\x96\xe1\xea\x95\xe0&gt;\x7f(\x9cZ[\xfd\x1f8p.P\x8e\xab\xf230\xc3\x89XVK\x97T\t\x88\xe91\\O\x1b\x956I\xf4\x06\xa9\xcb\x15\x93\xc3\xe5\xad\xe03rQe;b\x8a\xd2\x06\xce\xed\xf8*I\xe9@0M\x18\xdb\xd2\xb9\xfa\x83\xf0k\xabr\x98G\x1a\x8c\xe2qU\xd4C\xd2\xe6\x81"\t\xf5\xc1\x1b\xfa\xe7\xd8NT\xfds\x80\xcc~z\xba|K\x81\xbc\xfc\x8e\x0fu\xec_W\x97yZ\x9bx\xd1f\x87\x06\xdfc\xaa\x0cr\xe0I\xd6~\xe6\xdd\xc0s\x0e\x1c\xb8\xf0\xa8\rf92\xd6JW\xe5T\x99\x81g\r1WQ\xc5~\x7f\xa2\xbd(\x89\xf8\'\xdb\x84\x89+\x89\xf3\x8aLf7\xb8:e;\xc5\x82qt\tmv\xb3\xfb\xf36\xb0&gt;\'\x9a\xd5\xa2\xae\xbb|x\xe0&amp;\xfc\x087\x0f\xc9u\xf4e\xbd9\xc4\xbc\xabo&lt;a\xf3\xce\x12=\xb3\xf3\xf9\xec\xd5\xbd;\x9a\xb08@\x95\xb2\xc2\xf3\xd4C`e\xb2u\x15\xbbX\xc6 g\xbddl\x0c}\xe6F\x89\xe9\xaa\x91\xbd\xb0\x89\x85\xad2\xe7\x86\xbc\x96O(l\x8a3}\x0c\xee\xc0\xa5\r\x88\x18@;\xa0\xa7\xe3!{\xa6\x99{\xb6!+,\xdd\x9c\n\xdc\x00\xe0\xaf\x14j\xf1\xe9|\xc3\xd9^"\\\xff\x8a\xc2\xa9\x1e\xeb\x9c@\xb9e\x169\xe5\xd3\xb1\x13\x13+\x81_\x05\xb8C\xbf\r\x95P\x1bBd4\xfeY\xd8I\xc0i\x83\xb0\x97\x7fi+}\xd8\xf6\x80r\x9b&gt;[\x86\x0c\x89$|\xc7v\xba\xf7\xc2d\xbf\xc7\x8e3\xdc\x00\xe0\xaf\xb6\xf2F\x07X],a\xfd\xa9eKa;%wu\xc2\xc3\xfee0{y\'6\xf1\xd8V\xd8B\x13\x96_\x8f\x99.\xaa\xcf\xae\xd9zJ\x9f\x98\xb6\x1e\x89]s4"\x9a\xb8}\x08\xe2\xcb\xe3\x1f\xd9\x83U\x83\xbe\x0f\xa3\xe1\xf8\x0e\xc0\x81s\x81\xbe\xe1\x9d\x1f\x88]\x1f\x83\xd3FB\x1c9\xdc\x08,\xaf\xbc\xca\xc0\xce\xf4d\x9f\xb2i\xcf\xf6\xf4\xca#\xaa;@W\x8cZj\xb03-!&gt;J&gt;\x83}0_`\x82x\x87);\xbc^h\xca\x96\xe9Ot\xea\x0c\xd8\xcf\xc3\x94\xef\x08\x1b\x7f~yB\x85\x8cK\\\xb1r\xea;\xf0\xe5\xff\n\x91\xae\xb4\xb7\xc3C\xbb\xf1\xed\xc5\x95\xf0\xa9\xf5\xd5\xff&gt;X\xbf\xa5\xc0]\xac}5\x81_\x1bu.\xe6Z\xaa\xd3\xef\x97x\x0c\xe8Qe\x17\x9b\x9b.\xfc\xc4iV\xff\x88\xc5\x17\xd4\xa4\x92\xdc\xac\x875c64\x8a\x99\xc876L\xd7\xfb\x18\xac\x05_\x9e\xfe\xb9n\xaamK\x97^\x9c\xcb\xf4s\xe0R\x8e)^\xfc\x1e\xc0\xad&lt;o\x06P\xb3\xf2\xe2v\xb9\xc8+\xc0\xa8\x81\x90.\xf1\x13\xb1{&amp;\x0e%(\tB5u7[r\xe3\xec\x97\x1b\xb9I\xe7\xa4\x0bxNlVa\xc6\xce\xaaMlp\x91\x82j\xda\x98\xaa\xb9\x98\xf4?\x97\x93\xb3\x88rQ[O\x00\xc04\xed\x1bWr\xe7\xe0\xc3U\xd8O\xe7\x88\xf1\xc1\xeb\x84\x1bE\'\x83?\x9c\xf8\x04\x0c\xc0}\x08\x10\xcf\x84\xb7g\xbe\xbfq\xac\'\xd8e\xe9\xf2 \xa8v\x00~\xea~\xaf!%\x89\xf1\xbd_`\xb6LR\xdd\xb0\x1a\xd9\xdf&amp;\xc7\t\xc0\x813\xc2\x8f\n\xd7\xd7\xa7!\x13TrLf\xb5\xa3F]B/\x7f\xd0\xe8\xa6\x83\x94\x8c@u%\x97\x16\xce\x1f\xd9&lt;m\xe4\xa6\xab\x8a\x84v\xd9\x84\xcb;ro\xc9\x1f\xd2\xcbW\xb2\xd5\x18#"\xb8\x12\xcc\x82c\x0f\x86\xa8\xa2\xaf#\x9b\xa6+B\xc3\xdf\xea\xb1f\xda9e^\xeaoz\xf2X\xac\xf2\xc9\xb1\x04\x9e\xbci\t\x9aO\xd8vB\xfd\xcd\x8e\t\xe2\xd7I\xb67r\xef\xb3jkx\xb1R\r\xcc\'K\xb5"\x14\x8c^\xcb\xee\x11\'3}\xe9\x85\xf9\xb5q\xb5\x93-I\xdc\xec7\xe5\x9dI\\\x08W\xb6l**\x16X\x0b\x9c\xd1\xf0?p\xa0\x0eu%\x84I,\x1b\xa7+\x15\x98\xffIG\x91E5\x16\xe8\xa7:\x14=\xdc\x10\x00\xfe\xc5Rw\xb3\x86\xc7\x99L\xe5\xa0\xabv\xcd\x85\x0c\xb2\x1fe\x02\xf8\x95fQ\x90\xcd\xd0\x9b\x81\xa8`\xb4x9\xb4\x8cSA\xb2\xae7\x15\xd5B\x92\x19\x90\x05,\xd2\xfa\xd1\xa3\xab \\y\xca0\xfe\xd1\xa6\x8e\xca\xea\x93\xb0?\xdc~\xd2\xa8\xa6\xf0\xcc3\\o\xf5x;\xf6\x05\xc9\xe1\xce#7\x01\xd7\xc7\xfd\xf8\xbbS\xf0\xa9w\xd0\x13y\xfb\xb4\xb7\x825x\x8f\xabX\xfa\xb1\xa1\xbb\x8f\x13\x80\x03\xe7\x05\xceqIZbDZ!\x84\x1f\xe6\x04\x86\xcfY\x08L\xc3\x87.!dn\x8a\x96\x01T7\x82?\x87\x11\x00\xe0\x1a\xa1\xfe\x08F\xb4Tq\xa3\x8c}\xd6h\x98t\x01\xb9(\xf1\x94\xe5,Z[\xe7\xa7\xbf\xcd\xc5\xdf\xb1M\xce\x84h\xc9\xce/&gt;\x9a\xc3}\xa9\xc5m\x87\x89\xa9\xf0p\x94\\M\xa5\xc7\x92\xa7\x1a\xbc\xdd5\x7f\xbd\xe6\xf4\x030\xe9\x976\xaf\xb3\xb9\xc6\xbd\xa6\xa2\xa4_:\x93\xc7\xf3\x7f-e{\x14\x8dD%\x9c\x0c\xdb\x18P\xcb\x9e\x7f\xbe5\x84\xf8?\x8fK\xb4F\xa4\xc9\xc6\xcd\xb5\xf5\x8b\x99\xd88G\'\x97\xf2"\xa6\xde\xf9\\\x9e@\xf3 \xc2\x10\xde%\x9c\x8a4\xc9\xfc\x83\xad\x8e\xdfO\x1f#\x0f\x1c\x80bv\x1cz\x80\x88\xc2\xe3\xe0\xcccy\xfa\x0c\xa1\xae\x7f\xf3\xaaR\x13p~:\x10N1\xfa&amp;\x8a\x83\x0fgS\x99\x85U\x89a\x9a\xbb5\xca\x88\xaf\xe5i\x90F{\xa8\xdb\xc1$\xa7j\x11\xd5\xd3#I\xa3\xbe\x10\xe0\xf1\xaf\x03\xc8\x7fJhq9\xcd\xdb\x87\xb4\x05[\x9f\xd4\x17\xb4\xbf\x02\xf1\x83\x01 \\\x0f\xf0\xf5N\x9e\xc6-\xd1\x06\xdb\xf4R\xf3\xfc\xc0x\xb7\xf3C\x197\x96{F\x9b{5\xf2\x9c\x111}\xd6m\x80\x19\xdf\x0b\x91\xbc  \x84\x10Y\x98\x9f\xcb\x9f\xa8\tU\xd8\xc4\x92\xef\xd9\x1fM\xd8\xf9}\xf9\xc7e\xbd\x91*\xdb]qa\\\xca\x9cP\xfd\xea\x1a\xd3\x0bq\x80L\xb78\x15 G\xc8q\xc0\xd6ik:\xe2\x88uAq3n\x11E\xe6)\xae\xed\xc7\t\xc0\x81K4\x96\xa4\x8f~\xb0\xb0^\xd2\xc7\xa6\xfa\xa0\xbc\x93\x97\xaf\xfc \xb4f \x1c2\x0b\xf9q\x9a\xed\x08\xaf4\xb5ix\xc5\x88$\x04\xde\xd4\xcc\x00 \xcd16=\t\xcac\xdc\xba\xedg\x00\xf1\xfa\xdc\xea\x84e\xfb\x95\xad\x0c\xc4\\\xeb\xac\xc8c\x19\xca\xad\xc8\xd1~\xc8|\xf7\xef&lt;\x04\x1f?(\xd3\xeb\x82\xacsz\xc2w#oq4\xd3\xfa\xf8A\xd6\x10\xe61\x86\r\xb2\xde\xc9\xea\x7f\xd1\xe3\xfa\x19\xf2)\n\x95\x91\xe1\xbd\xa7\xff\xfc\x1f^kc\x1c\xce\xb4\x84\x10\xe2\xdb\xa7\xce\x06\xadO\xabw\xa3\xdd\nj\xe8\x08\xdf\xca\xc8.\x93\xec\xa5\xcc\x10\xae=\xa5\x8dP}\x04gcS\x85\xf0\xa9\xf1s\xcdBK0\x89O"\xcc"\xe2?&amp;}a\xf9\xefR\xe5\xf3\xce\xcbA\x0f\x1cXQ&lt;\xbe\xd6\xe3\xab\xc9\x04\xe6\x17\x8b%\x1a\xeaTK\x1a\x98\x1c\x18\t\xac\x7f\x85\xa0R\xbd\xbb\xd7\xc6wz\xe2r\xce\xd65\xb8\xa2s\\$\x05\x8a\x01X\x9c\xd7\x0f\x18\xfb\x96\'\xff\x1d\xe3\xda\xa5\x94%0h\xaf\xcf\x0b\xb1\xb7\xe5\xbbl\xfde\xa0\x8d\xa5\x8dkb\xab\x18-\x90\x93\xd6\xe1\x00\x97\xccX-\x18\x84\xdb\xf2\xd9\x0c5|XE\xb1T\xbc\xa4T\xd7\xbb\x117;&gt;\xdd\xe3x\x88\xf8\x88\xb2kb-1H~\x8e"\xfc\xb4\xcd?p@C5\x0c\r\x93lP\xd1\xc0\xc4\xc5\xff\x18\x8a"\x16\xd3\r7Q\xda5=\x1b\x00w\xdd"\x92o\xd6\xb4r\xaa\x18\x0cyN\x12\x8a\x02\xe6_\xc6\xadJ\xef\x18\xfb\xa6/\xfe6\xf4\x82\xcb\xa4\x83\xfb\xfa\xb3D!~-\x08p\x17\x00\x04`_I\xe6\xe6\xdc\xd7Y\xb2n\xd5\xa9\xea\x1d\xf1\x07\xbc\xfd\xd7?\x9dv\xeb\xedA\'"\xc9=\xd4\x98\xe1\x92\xb9\x15\xe7\x9f\xael\x83k\xbcN\xd1\x8f)\x01W\xcf.\x12\x06\xd1&gt;\x96\x1c\x07\xce\x16d` \xc0\xbb\xe2\xe5!\xdeO\x06\x9ei\x03\x00\rc\xefI\xbe\x19e\xe4\xc0&gt;\x17\x8c\xcf\xdd\xae\x92\xbb\xc3\xb77\xf8*\xf4\x8c.\x94\xd5j\x99P\x8d\xf8\xbf\xa5p\x9c\xbf\x18:\x12\x8f\xe2Za\xdaE\x0b\r\x17\x93y\xf4\xcas;V\xde,\xd5\x1as\x86\xaa\xb9\xcb\xb2\xba\x03:Z1\xb5`\xd5\x8a\xac\xe9\x93\xa2\xc8!pwL\xdc&gt;\xdd\xba\xdbYM\x975\xcd\xd7\xd2\x9d\xad\xf1\xa9{\xf4\x02\xf5+\xd6J\x17\xc2\x1f\x00\x80\x1d\xb0R\x89=i\x9d\x15\x81\x03\x07\xce\x1a\xcc\xd8\x88cF]4\xa4\xb7\xaa\x03\x8c\x959\x06\xf6A\xfe\xd5J1\x12\x97\x07\xf3\xdb\x0ekZ\xbd\x8b3\xcd\xdc\xe5\n\x06\x04\xd0\xde\xf8+N\x8d\xbc\xd8|\x9dQL\xa8\x98Im#U.:K\xce\x1ei\xf2=\xa6\t\xf5\xc2\xf0\x9d\xd9\xb2\xfb\xbbL\xb5\x10\x01\xfe\x84.M,\xe4\xab0\x08\x91\x97\x86\x88O7\x1c\xdc\xf7\xf5\xa6"O\xdc\x00\xb4I\xd6\xb7\x13\x83\xf8\x8f\x87\x9b\x9e\xd9\rJ\x0b{|o8v\xe8\x05E~i1\x17\x93\xbd-V\xf5\x8a3\xf7j\x0e\x17\x88\xea\x81\x03\x03 \xae\xf9\x96q\xdb3\xc8\xb9y\x00\x11\xe0\xa7\x97\xac\xd8\x90\xf1\xf6\x7f\xccQFT\xfa\x105\xec\xee&gt;!\x11\x93\xaa\xb6\xf5.\xd1\xa4\xf2\x92\x01\x87D\xf0\xfe\xea\x12\x00\xeeY\x96\xcdV\xe7y\x95\x86L\xa4\xcc\x08\xba\x1d\x83\xb2RU\x99\xba\x9bm\xd1\xcd]\x0b\xe8\xe5\xbc\xce\xb8WWz\xc7ea\xb9\xfcr\xf1w\xc4e\x93y;7\x0f(\xf7\x8e\xeb\xf9c\xc6&gt;\xdb\xd7FC\t\x86\xb5\x10\xbba\xa1e\xd8\xee\xc5\xc9\x96/I\xc5v\x93\xec\x85\xddc7\xe5\xe0\xcf\x94\x9d\x86\xb6\xd4\xb9K\x0fN\xb7.\x9b\xdd\x04\xd5%N\x88Q\xbeW\x15rV/\xae:p)\x06\xe6o\x0f\x96\x86\xa5\xf8f\x83\xa5\x82\xf0\x92ru\x18\x8c|\x89\x1bVEE2\xbc\xde\xb5!s\xa9\xecN|\xab\x8e.\xdf\xd9(\x9c^U\xc8\xb0$/\xdf\x9cd.\xf2\xdb\xdf\xc2\xc9U\xd7\xecF,F\xdf7\n\xce^\x93T\xbc\x1f\xc0_\xd7+\xcb.D\xdfcS^dk\x97U*\xf6D\xc4\xa5\x0c\x95\xf5\x93\x00\xf7\xe75&amp;\x95\xf3\xcee\xa5\xabr\x0c&lt;\xc56Z\x91x~\xb0\x0c\xa5\x19\xafF|\xffJ\x11\x0f\x19\xde\xb5\x88\x05\xfe\t\xe0\x9al-:Lx\xd1\x9c\x17)\x06\x0f!T\xc2\x85\x0fe\x1f\xcd2e\xd7U\xeb\x1b\x89\t\x83\xa7\xf555X\xb5\xb3\xa2\xd6\xf2\x93\xabK\xc9\x8a\xfc\x8da\xf6\xff3\x00"\x86\x00pG\xc0_ix\x8b\xeb\x00\xed\xd3\x87L\x1d"\xea\xef\xe3\x8e\x08\xd3$w\x1e?\xdf\xb3\x8c\xfd\xd7\x03^/\r\x89\x8e\xea\x11\xed/f=p`/\xf0\xd9e\xfb\x19nE\xba\x0cO\x92\xe3E\r\xaa\x152\xfe\xfc\nX\x12`.C)\x96\x91l\xd5\xd8\x0br\'.W*\xa9\xc7&amp;s%2\x14^\xb3\xf0\'\x8a*,\xfe\xb3\xfc\xc9\xb6\xc5E\xfe\xb3\xb3\xf2\xc4h\x99\x19\x11~\xb9\xd2\xdd\x16g\xcb\x1b\xc5pFD|\x06+\x845\xcb#\xaa\xed\xed\xf0\xa5\xba\xfe\x8aM\x9a\x15)\x030\xef\x97\xda];ID\x04\xf8\xaa!\xfc%\x13\xad\x7f~\xb1\xc4\xe7\x87\x17&amp;ky\xfb\x90\x1c\xd8;v\t\x85:\xa3FW\xe1\xb9\x8a\xa7\xf0%\x07\xd7\xc3\xcc\x93\xd7\x8c;g\xf3\xed\xacT\xfa\x83\xc97\xce\xb6\xe3z\x06\xcb\xa8\x81v\xe0\xc0\xce`\xfcu\x907\xb3\x13\xd0i\xc6\xc6\xf6\xaa]ke\xfc\xd3\xc2&amp;\xcf\x92l\xc5,\r=\xadH\xcc\x9e\xaf&lt;\xb05\x1c[-)\xc8\x7f_\xa33\x88\x1e\xb4\xd6\xba\xf6\xb0\x19\xa5\xb4\xc6\xaa(S=\x95T\xc8\x9bm\xcb\xb4\xa8j[\xc1 z-\xcd\x86\r\x18+m\x14\r\xae\xc8u\xac\xf4\xf22C\xb7\xbe\x0b\xc3\xbfM;Z\xe1\xc6u\xeb\xf2\xd5\xfc\x97j\x9b\xa2R\xfe\x88n\x12\xe2\x9b(\xf0\x12\xba\x00:\x83\x85]\xde\xa1K,2\x87\x82\xc1\\\x16\x9b\\\xa6\xe6\xc9\xe7\x0ej\xc3\xa7\xfa\x08\x97\xa3l\xce\x1cmB\xf4\xc0\x81A(\xbd\x16\xcbC\x00\x80\x0f\xec\x97\xbf\xfd`\xd0\x14u\xcf\x7f&amp;\xed\r\xd3CNL\x9c\xb3\xb3\x88\xdf\xa2\xa4T\xbauh\xfe\x12C\n\xbc"\x827\x08\xdf\x96&gt;\xb2\xba\x9c\xad\x0c\xe5\'_1\x88\xb5\xce\xd0\r@\x8f\xa8q,\xc4Ej\x13\xc3\x9e\x90\xc5\x98\x855\x14O,\xefYf\x17\xaa\xb5\x97\x11\xd3\xdbME\xf5-z\xff,s\xc3\x7fYn\x0b\xfbI\x0e\xdf{\xcf\xce\xd0\xd0\x1d\xa3z\x90\xb8+\x7f\x93-\xfc\xfb\xad\xb9\xc5\xa6ZU\xa9\xd9\xb8k\xa8\x97t\xc1\xb8\xa1q\xe0\xc0\x06(\x1d7\x9dZ\n\xf7-\x93d\xb4\xd8\xf5M\xd3\x12\x00\xae\x8f\xf3"\x02|\xcb\x80\x96\xd4V$C\'*M\xfb(IE\n\xa1\xec\x1d\x9b\x9c\xb2\xa4\x10\xadvB\xd3R\xac &lt;j\x03\xb0\n\xf4\xcbAD\x84\xe7\xf6\x1b\xf0?\xcbF\xd5\x15OU~\xccZ\xab\xe8\xf3^\xda\xa7t\xa1\x15\xdf6\xbc]C\xd0\xc5\x87mQ\xea\xa20\xfd\xef\xd9\xbb\xb6tm\xc8\xf9\x19\xfcb\xc1o4f\xf5\x9c\xdb\xbf\xe3,\xd7LF\x9cw\x08\x93\xab\xf1U\xaf\xca\x8eT\xaf#\xad\x1e\xb8\xfe;\x0e~&gt;\xd5\x8a\x8c\x84\xe3\x9b\x01\x07\xce\x05\x8a\x8b\x93o\xc3\xae\xdf\x01E\x9c/T\x87\x86\xfc\x05\x9aY\xe7\xf2=!\x1c5"\xb2\xb6\x84\xf02\x80\x1b\r\x91\xec\xd2\xde\xfd\x05\xac\xcc&gt;\xb9|\xa3\x16Z^\x17e\x91vr\x14\xcd\x7f \xc0\xc3\xcb;\x9d_\x92\x86\xf85X\xe5\xab\xbd\xe9phV\xcd\x121~u\x0c\xa7/\xffy\xben\xce\x0e\xd8!\x9c\x15Q~\x9e}$\x08:\x9b\x96rv\xc7\xa8t\xf4\x81\xab:\xdb\xa2\xa95ld\x18\x8bb\xa0\x81\xf2\xcdlR\xec\xdc\x03\x88\x1dS\xeb\xf61r\xbb\x16\xd2\x07\x9dC\xcc\xec\xabkA\xe6e\x12\xeb+\x0f|\xdfe\xcf \x18$\x1f\x80\x1b\x05\x96&amp;\xc7\x96C\xab\xd0G\x97\xe9`x\xe0\xc0^x\xf8\xf4\xc5"\xc8\xd3\x0f\xd6\x8d\xb7\xf4\xe2 [1?\x8a\xa1\xfaa\xa3$\xcb\xd8\xe2\xa5fa\x82vO}\xb7\x0c\x97u\xd06\x0f\x17s\xf2~\xf8\xf4\x9f\x0e\xc3\x7f\xa6\x10\xb9E\x83\x14\xfd\xbc\x16\xeb\xb6\xe1\xd2\xad61!\x04\xe7\x9a\xb2r\xdf.*g\xb1P\xe7\x94\xa2A\xb5\x01q\x88\xed\x94iF\x80\xcf\x89\x9a\xdb\x8e\xf1\xa3AHO\xa1\x92@\xdd\x06\x08\xf0\x03\xb6\x82\xeb\xf1\x02#\xa3\x80\xd9\xd9\x8f\x93\x01\x1e\xf3\xc0\xe9\x90@-\xdby\x92\x97\xfc\x81\x8a\xbb+|\x03\xccA@kSe\xe2\x92W\xff\xf1\xe1\xa6\xf8w\xb7\xfd\xa8pf\xd1\x1f\x89\xa8G\x01(=\x16:\xbdF\xac\xe8\xa3c8\x1c8;\xb0\x07q\x88\xc9\x94\xc0?n\xa1@\x89I\xa5\xcc\x8d\x1a\xb3\x85|Y\xdb\x9ezM\x9c\x0c\xcf\xb4 \xbca\xab\x8e\x18\x8e\xd29\xf5\xe7\x82\xfc"\xcbg\xde\xf8\xb7\xb63WN\xdd\xe9U\xec\xef\xa8\xb9\xae\x07\xb9\x1f\x83aY[tu\xb7\x0eo1o]\x16QO\xdb\xb7\x7f\x7f}\xf6C\xa1Q\x162US8\xa2\xbaE\x8br\xef\xfcGG\x86n\xffqhiV4\xca\xdb\x85\x1e\xaf&gt;\xe7\xd3\x87\xdf\xb6\x90GD\x84+\xcc\x03!\xa30n\xdaJ\x08\xd8GA~}\x1d\x9b(\x89\xba(S\xed\x81K\x17dw\x97\xbc\x1f?V\x19(\xb5\x00Q-p!\xd0\xd6\xf6\xed\xe8\x94q\x87\xfd\xf3\xe2\xa2\xe6q\rm,\xab\xa3z\x17\xb6\x8d\xe0W\xdeP\xf8\xce\x8e\xda\xa9N\xa8\xae\xcc\xa0\x83[\xb7\xb1\xad\xfcK\x81\x1by9T\xc8\x17\xde\x9e\x87eO\xf3\x9f\xa0.\xf1\xb7\xf5\xb4\x8b\x8bn\xef\xba~\xb7\x84\x82\x86A \x19\x8cC\xa0\xcay\x02\x02&lt;\x9de;H{\xc1F\x86T\xd2(n#\xc2\x07\x0e\x8c\x00\xe7\xeb\xb5\xf8\xa2\x0c\x95\x7f\xd7\x95\r\xa7\xbf\x17\xbe\x98\xdd\xdf\xc3K\xd7\xfc\x84\\w\xd3V\xab\x11|\\\xf4\x19\x11\xcb\x9a\xab+\xc1\xb99\xc8\x8a\x12\xc6\xa9\xf0\x11\xd9X&lt;m\xc8\xfe\x1b\x00\x93R\xa6"\x89H\xf6\xba=\r\xdc\xb5\xeb7\x83d\x84\xcc\xaaR\xddK\x80\x05:\xb0\xeb\x01r\xbf\x88x\xe5\xf3\xfd\x9e\xef\xa7\xb1\xbf\'$\'\x00\x9b*\xda\xc1\xf3/7V\xdc\x81\x03\xbd(\x7f\xec\xb4&gt;\xc8\xe9\xcfe\xce_\x9d\x84\xf9\xe9\xc6+\xe9\x15\x1bI.\xc4V\xa5\xbb&gt;\xbc\x1e\xf5b\x08w\xa7\xdf\xc9\x83\x9bD\x1a\xda\xcf\x1f\x86\x80[\xbf\x00\x80\xef\xb3\xf0rk\xf5\x99g\x8d$\xf6\xfcvc{\xc5\xf4[U\xe5\xed6\x99\x99H\\\xbe\x88[\x0c\x88F\x7f\x9b\x87\x85\x99H\xb3\x93\xd0\x8aX\xfe\xd0l\xa6\xcd*tr\t\xf0\xd9\xb74+\x98\xbd&amp;\x90\x17\x0cd\xdf\xf3\x9b\xfaD\xb1O\xa2\xb7nHD\xe4M\xc1\xf2\xbfp\xa0?\xe0=\x19?\x8b\xef\xda3\xdd\xdc\xcf\x93\xa3\xfc\x0b\xaf\x04\xba`\xdbp8)\x960\xb8\xb5\x9e\x01^F^\xa41\xe3\xe7\xfc\xbc\x83a\xb2/j\xec\x89\xc9Js \n\xe1\xfe\xf4F\xcf\xb7\xa8\xe9{N\x88\xa2\x1c!&lt;\xa7Q\xc5\x81\x03\x17\x14\xc5\x0e\xd8\x10"\xb6M+\x9e$#\xc5?\x13\xb2}\x8a\xc5\t&gt;m\x81\x00\x08\xdfe\xd7kjZG[\xaaU\xbc)(\xd2\xd2\xed\xd3BM\x15o\xd0\xe0-m\xa0\x0c\x05wh\x198=\xdd\xdd=`\x07=\xd8P+#\xdc\xff\xc4\x9c\xbcz\x10J\xae&lt;q\xb7N7b\xa0\x1b\xb4:C"\xe7\xcc\xbf\x15\xd0\xdf\xcc\xddQ\xf57\xad@\xda\xb3\'k\xf5\xa4\x9d\xf5\x10\xc1{\xfb\xba\x89\xe9\xe5d\xb0o\xe7\x06\xc7\t\xc0\x81\x0b\x06S\xf6n\xdb\xf7\xa6ez\xf6IB\x90\x94*\xb2\xd7\x15H\x99\xb0zH\x89Y\r\xb4\xa5\xe4\xe5\xd0\xee\n\xe7\xa6dJ\x08\xfe\x84\x11\x00\\\x13\xf1M\x10+\xc6\xdcW\xc8\xdf\'k|\xb9[X\xb9\xec\x81\\\x91\xb1_\x00^\xd5F\xd1,\x7fE\xe63L\x81\xe9.@\x08_id\x10\x02\x14\x19F\x07#\xd2\xdd\x10\xdf\x11\xe8\x94\xd0\x86W\xb4V\xa4x^\x96\xa1e\xc7sz\x7f\xfd3\x06L\xdc\xec}\x85\x9db]\x07}\xa3\x8eD\xa6\xf1\xbe\xf9I\xe8(\xc4\xcc\xb3\xff\x10l_\x84\xc5\x1fxL]g\xa1\xdfu\xb8\xdb\x81\xc9\xbb\xe8\xe9\x1d\x10\x0f\x9f&amp;\x9d\xdc\x01q\x0e1\xd8v\x0e\xa0\xd7\xd9rn9^\x03z\xe0"\xe2|2"\xcb\xf37\xbb%i\xb2\x95\xb4I\xef\xfa"\xb1\xec\xbaa\xe6\xf5\xe5\x1e\xf6~\x8f\xe7\xf2T\x88\xa3\xc6\x9b\x18\x11\xc0\x19\x92\xcc\xb9\xe7\x8a\xf4K2F\xb67\x16RMl_\xb3\x0f \x19\xc9\x89wB|U\xdf\x8f\xd7\xc5\xcc\x1e\x15\xe6\xff5&gt;_5\xfd\xdb.\xa1\r\x88\x1fL8h\xcf\x0b\xe9\x05,\x08\xe1\x0e\x8b\xd2\xd2\xf6\x98-k\x06\xc2\xfb\x1eX\x00\x08\x01\xee\xed)/\x85\xad&gt;\x8b\x9d\xed\x1a\x9a\x01\xedR\xd2\x91\xa6\xc8\xbcD\x86\xa19uyR\xe0:\x05\t\x87\xba4\x7f\xc7l\x1e\xa5\xd3\xb9 \'\xb8\xc1i\xc5N\xceyl\x00\x0e\x9c\x05\x94@V\xc6\x933;\x11\x9dc\xdbU\xb6\xa2\x95\xae\xcc\xe2\xeb\xf7\xa7\xad\x07x\xcc\x91XrN\'\xd9\'QcA\xa9\xd8\xe57\x8aj\xbdf\x0fq\xf9\x15\x99?f\x94\xec\x8dq\xe7\xf4O\xd4\xde\x9c\xbd\x96\xfa\x93uM@\x9e&gt;\xcd$\x91\x1dE\xed\xd7\x1e$4\xf76\xa6K\x96%\xa1\xf8#\xeem6\xb1FC\x0b\xc6\x9c\xbc\x87\xcc\x80S\xd3\x8a\x13\x7fPc\xa0\r\xcfX\xdb\x98\x1f\x135H\xdb\xc4\xf5\xc3\xfc\xd3\x16\xe1\xffK\xfa\xa3\xa2\xab\xec;\xce\'\x13\xa75\x911\x96;34\x9c\x00\xe0\xf2{\xcdNh{x\xd7\xa1\xe0"\x8c\xff\xe9\x18:J\xc3\x92\x1dP\x14\xa4\xd9\n\xac|\xd1\xaf\xa8\xed*M\x94Z\xeb\x0ey\\\xa71\xe8\x1e8p\x11Q\x193\xdfZ$)\xff\xf1TK\xb3&lt;W*\xa5N7\xd1\'&lt;\x8fh\x0ej\x99(,\xaf\x03\xbc!^\x1c\xc5\xd9;1{5\xb9$+\xf6\x8c\x05bAx\xf1y\xef\x00\x04S#3\xdb\xdf\x83\x96\x97\xd6\x02\x8b1\x1b\\\x9a//xB]T\\\x13G\xe7\xf1{Q\xf9s\n9+K\x8b\n\x1f\xf6\xbaD\xf1\xb8\x00\xf3g\x85\x8f\xdd\x86\xf1\xee\xebL^Q\x112\x1a\x89X\xbf\x8f\x89RK\x03Q\xff\xd1\t\x9d\xf3.\x9f\xeb\xc3\x84\xb0\xc5z\x16\xb79-\xbc\xdc\x8cc\xa1\x87\xcc\x84;\xf1\xe3\x8e\xed\x96\x95I\xd9M;\xc3n\x93c\x8bq\xe0L\xb0\xfe~\xb7Z\nc\xe2z{J\x8a\xfe\x19!\x04\xb8:\xe2\x9b\xc9\x9f\xe3T\xb1\xcf\xcd\xa7*V:\xb6\xc7p\xf3\xc8\x10\xf2&lt;\xdc(\xfeL\x08\xea6\x8eD\xcfO\xfbT\x8f\x972\xe8\xb7\xb9n\xea\xe4n|t\xc2%\xd4\xd2q\xd5\xf2S\x81@\xfeo\x04\xae_B\xe8\xb4\x15?-\x8a\x03\x87+&gt;\xfc\xe5KL&lt;1\x14\xab\x96\\\xce\x07\xe9\t\xc8r\xda#5\x81\x0c\x8aE\x88H{\x14"\xc1\x9e7\xa8H\x8b\x9d\xec\xdb\x02\xe1o\x00\xde\xaf\xc8=Ss\x9d\x1f\x98~\x07\xda\x83\x88\xc2\xcb\xa3X)!\xfc#\xc0\xb5\xc62\x1c\x82\xa2\x17\xaa\xed\x92\xc6r\xdb\xf0LO\xc6\x93Pv+\xc4\xdfMUh\x0b\xfbsp$\xd7\x98:\x1e\x01:p&amp;\xb0=\x9b[9\x1b\xdc\x1c\xa1\xfc\xfc\x96\xe5!\xe5q\xb4\xe6\x0c\xc2\xa2%6\xb9P1\x9d\x97Z,gI\t\x0c4k.\xaa\xdf8\xf2\xf3--_\xba\xea$3\x04K\x9e\x88\xe4\x8a\x10\xe1\x11\xde\xbcQn\xda\xe5kjyvlyV\xdb\xd4\xf6\xf4\xa1\x15\'\xa5\x8fc\xca\xc7\xc3}\xff\xf3\xe2\x91JW\xafI\x8d\xc8\xaeg\xd9\xbc\x10\xdeI\x994i^\xd6\xe2c3\x82\xc2qD\x12\x1f\x13\xc2\xef\x04-\nL\xe4\xb0\xb8\xb4S\x16\xb3\xcd8\xb7\xa8U[]\'\x04i\xf5_\xc3\xdf4\x10\xdb\x10\xa9\x13J\x9b9 iu\x922kX\xfdcvn\xd3\x86\xaa\x84\xacY\xe16\xb5\xe2\x83b8"\x00\xbc\xa7|\xffw\'M\xe1\x01\x93\xd6\xdd\x06\x84\x15\x85a_u\x1a\x1e\x07\x0e\xec\x858A\x9ff,\x92\x15\xc2p\x02\xec\xa9\xe2\xad\x8c5\x01\x11\xe0\x07\x8db\x07/G\x04R\xf0\xe5\xa3\xac\x94\xd1\xceWmg\x17\x98\r\xe0;\xe5c\x074\x84\xeb\xebF\xb1F\tT\xd7\xef\x9d\xe5\x93\x06\xfc\x18P\x9fY\x8a\xcf\xe7\x00\xbc\xc7\x10\xed\x9c\r\xa9.\xc9n\x12w\xbc\x85\xc5\xd4\x93|\xa6\xe1\xbfU\xcaO\xd9\x02|\xb2\xb6e(\xad\xa7\xd3\xd0\x1b\xe6\x10%\xca(\xfb\xceT\xb3U\xf5\xe6\x10\x9av\x0b{]\xc8\xdb\xe8\x08\x057A\x84O\x9c\xf7\x12-\xecgu\x84\xccP\x14f\x19/\xd9\xa8z3/\xaa\x8b\x15G\xee\x8a\xab*\xd5\xcf"\x13v\xe0\x80\x1d\x99\x7f\x87uW&gt;\xc0\x99\xa3p\xfd\x1bHs\x99\x9b\x02\xfc\xbf!#\x88\x19\xe6D\xbfI\x85\xca&lt;\x97\x7f\xf2\x93Jlz\xc6\x00\x11\xa7\x1aSs6{~i,"\xb1\xdcK\xcb^\x1f\xf2\xd0\x05;gt\xf5x*\xb1\xfa\x98\xca\xc9\xbd\x8b\x85`\x16(\r\xbe8\xe7\x07\x00\xbcf\x07b\x16\xf0\xe4\xc9\xff\xed\x12B\xfe\xebf\xd3\xddx%\xfffm\xe9\xb1K\x194=\x7fB\xea*\xa1\xa9\xd3\xf3\x111\x04\xb8\x13\xc2\xd3\xad\xee\xb7ZT{,j/\x08\xc6\x11W\xde\xf66\x86\xe5-^\xf1\x83\xb9:\x0c\x9cXWB\x0bF\x9c\tSi06\xfe\xeb3T\xbe\x08\x81\xad\\Hr\x0c\x96IX_im%s&lt;\x02t\xe0\xa2\x03\xed\x0f6T\x04i\xbb\xed\xf59\x8du\xd6|I\xbfNE\xad\xe3\x81\r\x88\xcfF\xed&gt;\x93Y\x93\x1fIN\x0e\xd7k\x9e\xcct|\x86\x84ki\xb9p9\x17\xa0#\x01\x7f\x96K\xe7\xecO\xb5\xbbO\xb1\xfa7}\xdf.\x04v5\xcf\xb0]\xbc\xab\xb6\xfa\x7f\x80\xbd[{\xbd\x91\xb7\xaa\xe7y*\xf2\x98b&gt;vZs\x97\x81$_\xaa\x90\x8a\xc5\xa1\xdc\xe56S\xbb~\xc5\x1a\x00\x13\x17&gt;\x87H!\xb1f\x9bc\x1eb\xab5\xa6\xa7\x02_\x80\xe8\x9c"\xc6L\xac\x13\xb2\xb8\xd1\x9b2\xa7\x0b\xdf\xf8\xcf8\xe8\x8f\x1d\x96\x8f]\x8e\xd5\x1eO\xe7\xaa\xbd\xb5v\xf1h\x06\x07\x0e\x9c+68w\xd3\x8f\xf3\xf2\xeb\xf3\xe71!\x8c;L\xbc`\xa7\xa5\x00w.\x1ef\xd0vS\xdb\xf1Ii\x9c\t\xeaG\xc9\xcd\xab0I\xe0@\xf3\x1aeN\xd7\xef\x96\xb5\xc5\xd0\x11\x1d$}\xcd\x1ch\x19\xb3\x90L\xdd\x18\x8dc\x87\x8cO\xec)\x1f\x98\x19\xec\xcc\xf3\xd6\xf1%\xe7\x13(D\xf4\xf8\x0f\xa9\xbbQKMb\x07\x8e\xbeL`\xbf\x9c\x9e\xda\xc2\xe7\xd3`\xbb(q\xe0\xc0\xa6\xb8\xfa)\x95\x97\xc1\x89&lt;4\xb9\xd9\x88\xdao|\xce\xe4\x11\x01~\xbeZ\xb6A2\x0bc-\x80\xa7\xb94\x1a\xe9\x80\xed=\x80g\x80\x91\x133\xd7\x0b\xea\xb9V\x93L\xc9\xa4e\x81\xc5\xeb\xea\xce`aR\xd1X\x15\xb2(2X\xc6\xaa\xd4h\r\x9e\xa4\xa7\xd5\x9enuCo\xc8\x99\xa0\x8f$"\xe2\xd7\xb2]r\xde\xad\x9e`r\xef\xc6\xba;Y`\x0b\xb3\x9f\x8f\x90E\xce\x89}\xe9"\xfa\xf6\x81\x03\xfb\xcd@\xcc4\x9c\x12\xa0Su1\x96\xfe\x84\x13\xf9\x1d\xf4\xe1\x96\x8f=\xd3!\xd7\xb6h`:%\xbf"\xcc\xa9\x86\xae4OiV\x93\x96\xda\xe3\xe7\xf3\xec\x94:\x9c#\xe2\x05\xc3\'\x00\xb9{\xc5C\x00z\xd7f\xfc\xae\x0c\x9c\xa3\xb1~\x83\xb0bS\x8db\x03U\xd3\xcd\xe1\xe5\xb3E&gt;OEn\xdc\r\xecY\x96\xecP\x99\x83\x91\xda|\xbef\xab\xfa\xf5J_\xd8\\\xf4\x12\x82\xd8^:B\xd5~\xdf47q\xe1p.\x9c%\xeb\xdd\xefR\xec\xdb\x07.0v\xf3\xd7j\xf4\x91\'\t\xad\xfc\xb2H\xdd\x88\xff\xc9\xc2e\xd9\xfc\xb2\x9b\xd4\x99u\x0c\x07\x83U?\x83U\x9d\xf6\x8e[\xf3I\x1fx\xb0\xee\x8ac\x99mzA\xe9\xdeBr~k\x8c\x1b\xbcCu\x80\x94\xcfv\xcb\xe2b\x08x\x1e\xfe\xd1\x9cS\xad\xac\x88\x1a\xd0&gt;Y\xe3X\xe1\xa5\xa2A\x15\xdb\x8f\xb0\xa2\xc3l\xe06\'\xc1/\xc7O\xcaXH\xda\x9e\x9c\x86\x99\xde,\xd4\x85\xd4\xec\x9b\xab\x1b\x8d\x8d\xc6]\x1bt\x1a\x99\x93\x07\xb9\xf0\xf1\xcd\x81\x03g\x01\xea\xd0\xe3\xbe\xd6\x82\xb9\x10\xa2\xc6\xf2\x9e\x1f\n\xa1\xfcZv\xcb\xaf?"\xe2\xa8\x17\x1d\x146\xb1\xe8N_\xfd\x01Ec\x95x\xd4m\x96\xf7B\xfc\x87\xaa\x9c\x8c\xc0\xfaZ\x06D\xec\xe2\xe06\xd7@\xa4\x83\xa2\xe2\xae\xd9\xcf\x1eehv\x1e}\xa6)Y-d\x00 \xc0\xbb!\xbe\x95/v!\x10\xdb&gt;\xff\x8a\x96\xc7\x86\x96\x11A\xe4\x87\xc2\xd3\x96\x81&amp;\xac\x95\x16\x0f\xc7\xe9\xadX\x08\xf0x\x80/\x1c\xf6rt:\xe4\x07\xa3Yxg\xc5\x12!\x04\x80\xab!\xbe%\\\x1d\xe0\xad\x17\xd2E\t\xa66\x86j\xd0\xc0\xf9\xc52\xb3\xbf\xcdV%\xff\xafk"\xe3\xc2\x13Uf\x86\xcb\xe737x\xce\xb0h\xf5\x80&amp;`\xed%?\x1d\x82\xd7?\x947\n\x1eo\x01:pv\x98r\x131=\xd3\x911\xcaC\xbfQJ\xf6B\x9d\r\xde\xae\x13\x130\x0eFC\xc2Ma\x13\xaby\xbd\x0b\xc1qxCd`\xac0\xbd\xe9$\xfe\xd1GM\xaf\xfc\xb5\x1b\xa5\xb2\xb8N\xa9*R\x0b\xfc\xb7EB)\xd0\xdd\xbae\xb0\x04\x00\x80\x7f\xf5\xd6&gt;/\xe4\xae3\xa2\xab\xd9\x9fW\xe3\x06\xe6\xec\xb8\xb8\xd4\xca^\xf3\x85\xa4\xd6T\xe6^\x03\xd8\xed\x01O8eBSg\n6\x10\x00\x00\xe0[\x96\x7f\x06\x08?\x01\x92\xa71\x01\xe8ka\x04#g\xef\xb7\x99\xffT\x7f\xe0VQ\x1eO\x12T\xbcz\xd1\x18)\x9d\xf9\xea\x1f\x94\xd7\xca\xc5\x8d@\xa7\x02LN`j\x8f\x188p\xd9\x82[\x90z\xe9\xd8\x00\x1c8/\x84\x10B\xb8\xf7\xfc\x07\rn\xfe\xf84\xcd\x9a\xbd\\6X\xdaNM\xc1\xe9\xc3\xe6S\x0e\x7f\x10\xbc|\xac7\x8f\x94\xd0r\x1e\xb2\xadz\x1b\xb8\xbc\'\xf0\xe7\xf42\xca\xcdN\x022~`\x8a\xe1\xc6\xd2v\x1f\xe62\xebU\xe9\xea\xcd0\xcf\xd6v\x0e\xedON\x11\t0fsx\xf2eYX^Ak\xae\xd0p\xc7&amp;/\xdb\t$8\xa3\xf5\xab\x85\xc9\xfa@H\xb1\x1d\x9a67\xbc\xa8\xe6e:c\xb4\xc4\x98\xe7c=\x05t\xb1\x18g\x12X\xad\xe5\xcfXuf\x970_\xcb\x16\x05\xf0\xfd\x99Jg\xe4\xab:\xf6x\xf0\x87\x04\xe7|3\x103\x06\xf3\x7f/S\xa5\xf2.\xa0\xaf\xd7]\xfee=\xe2\xd8\x00\x1c8\x0b\xa4\xb3\xda\xff7\x7f.\x9e3!\x07\x02\xf5\x05Q\xb68\xdbf\x10\xf7&gt;\xae4G\xcf\xad\x02Ln\x84D\xf3d\xc6\xfal\x11\xc2\xf7\xd0?\xb4\xf2-+W\x90\x18&amp;r\x01\xbe\xa0V$\xba\x90\xa37\xfa\xa2{\x92K+\xc5R\xe1q\x8e4\x92\t\xdf\xca\xdc\xd7\x12EF\xca\xb6\x81\xd0n\x93\xd8\x84\x81.=zp\x98c\x88q-\x85\xcc\x10\x16j\x95n\xa0\xec,\xb4\xb5&gt;\xc7m^\tv\x83\n\xfe=\xff\x00\x89\xabz\xb5\xc0*u\xf1\x97\xf4\xea\x94o \x07\x1e\xa5\x0c\xa3g\xe8f$\x12-\xc2J\x0e\x12\xbe\xc2.\xc6\xa1oyt\x1f\xe0\xf9c\xc7\x99q\xcf\x905yY_\xce\x9fC\xb8\x16#\x99\x11\x02q\xeb\xd2\x8a\xc6\xba~g\xe6\xae~d\xa7\xd1E\xcfa\xd6\x02tRC\xc4w\xc9\x12\x8b\xa1\x9a\xf6\xe9\xf9\x9f\xba\x1c8P`r\xeb{c\x8eZ\x08\xc8\x97_E\x98\x8a\t\xa3\x00\x00 \x00IDAT\xf5\xd3\x02\x01\xae\x01\x9b\xf0\xd1Z\xba^\xdc\xd2\x0e9\x01^\xcb\x1d\xb3\xf2\x16\xc1\xa3\x18f\xaa\xc7\xda\x81s6\xbd\xa3\x91\xd6\x03\xf8zQ\x8eP\xdd\x0b/\x7f\xab\x9c\xcb\x1a\xdb\xeb\xc3\x10!\x99@\\\x92m}$Q\x1d\xc2\x0e\x1bv\xd2H\x05\xfeA\xab\x1cMrC\x9d\xba\xd0\xd2\x1a\xd3\xbf\xcf\xa6\xa9P\xe6\x85l\r\xact.Q\x8b\xb7fv\xc5\xa5\xba\xa4\x11\x8d0\xdf\xe5\xa2wY#^\xf1h/\xe9\xd4\x9b\xdfjv\xf6X\xc0\x91\xb2\x90\x98\xb0\xec\x06N\x13\x82\xcbi\x8f\xef\x92\x1et\xc84\xba\xb4T`\xe8\x888p\xe0\x1c\xc1\x8d\xc3Z\x95X\x86\x1f\xc6\'\x00\xd5\xbb\x11\x9f\xa2\xa5b\xb2a\x8d\x17\xc3c\x07gmQ\x05\xc7d\xb5\x12\xdc\x83%y\xb6\x91N\x0e\xedB\xa7\x14\xb6\x12\x05u*\xad\tq\xcb\xb2T\xf4\x9aO\x92\x19\xff\x02\xc0O\x18\xe7\xab\x8b\xf0\xc4\xec\x96j\x90\xb6\xb7yoF\x94\x9e\xa3K\xe7l\x0bsIU\x00\x1em\x96\x8a\xf0\xa1\xd4\x86\xd3\xbfWd\xca%v\x1b\xb3\xb7l\xf6R\xa1\xa2)\x91\x91\xf9\x8c\xc1C\xca\xf8\xa91/\x1d\xccH\xaaNZ]\xdd*U\x9dU\x92\xca\x82@i&amp;\xfd\x92f]\x8c\x9a\xac/l&amp;\x12z\xb0k\xf5\x0f\xa2\xcb\xb5o\x00\x8eG\x80\x0e\\\x144&lt;[\xa2=\r\xb2\xfdV\x99\x9d\xa2VJ\x05\x811\'t\x8f.tJ\r\xa5\xdf\x91\x88\xef\xf8\x11\xca~\xad\x97F\xfep\xc2\x129\xd9\x08\xc5\x9f\x11\xc7\x90\xfb\x84\xa9\xd6M\x96[\xd8\x96\x14n\x88\x8f\r0j\xa0\xa5\xc2\xdc\x17\x0f\xcb\xca,_\xcf\xb3&lt;|&gt;\xf2xw\x8b\xef\xbdx v\xd3\xe2B\xf0\xfc\xf1\xc7\x02qT"X\x84\x97/@\xe1\x8df5e\xe7s\xd8\xdb\xa1|~\xa6\xfa\xee\x97\x10\xa6\xaf\x7f\xdfO)B\x0b\x87\x10\xe0\xe5!\x84\xf4\x9b\xcd\xf8\xefz/\x0c\xe8\xff\x7f\xc2\xfe\xaf\x88\x95\x97\xab\x15W\xe6\xaaw\xa4\x96\x8f%\xe3jr}\xf6f\x08\xd6\x1d6\xb7\xcc\xa5}\xe1\x8f\xbf]_\xa5\x93\x1e+\xc5\xf4\x18\x9b\x8c\x9f\x9f\x12e\xf59\x8d\xf7\x8b@D\xed\xec\xd5u\xf96q\xd9\x9f\xf4\x9d\x17\xd3%#\xb1s\x8c8\x07\x0e\xb0(\xc7\x8f-\x04\xc6,K~\xe3\x0c\x16:\xeb\x1f\n\x99\xa9\x9c&lt;\xef\xb6,W\xec\x98\xb5C\xcbl\xc3/\xf7\xb5\xef\n\xffo\xc4G\xb0\xa2\x02yO\x85\xbb\xe3\x08\x8f\xc1\xd3\xa6\xa6*GW\x13\x00\xe2\xac\xef\xd5[\xd0\xb0\xacQL\xd2RQ|%oK\x0bo_&amp;\xf8\xe9\xad8\x8b\x0e\xd5\xa5\x11[_\x9bK\xe4s\xdb\xd2T,m\xb0\xa9\x99\x88\xcb\xcb\x16\xb1\xcf\x13.I\x98\x0c\x11\xda\xb6t\x86\'\xfb\xa3;\xc1F\x0b\x1e\xf4\xbe\xcc\x11\x11S\xe6\xcc\xd4V|\xff\r y\'\xac\xb9\xe1-O\xf6K\x04\x94\x02U\r\x03\x8d\xcfO+o\x06\xb8\x06\xffu,\x98\xc3&gt;\xd0H\xe2U\xd4\x166c\xadT\x14\xb7\x1a\x01~b\xa2\xfd\xb8F\xa7\xb50\x1f\xeb\x8c\xcc\x8f\x13\x80\x03\x17\x18\xc6\t#\x0e\xfbS\xcf\xb4\x08\xef\x93d~]\x94\xa4\xe9\xd1\xfc\xc0\x02\xa11\xff\xeb\x98p\xdb2\'L~\xecmbYD\x00a\xf5\xdf\t\x14&gt;{\x8d\xd0\x83\xf85\xb9^\x19\xbb`\xf9\x12\xbe\x83\xf0\xe8\xc3\x95\xa8W\xfa\x06\'\xb3@\xa7\x8fE\xb4\xf1\xa9m\xc3\x13\xb1\xb4\xb0i\xf9\xba\xa6\xf9\xc3\xf2\xedIG\x9f\xba\x9e\x168{ |\xf3\xfc\x12S$/3u\xc1\x15&lt;-)\xd8f\xf8$\x17\xfe\x9cy\x81\xe4\x15\xeb\xea\xffUF%\xeb\xea\xd3\xdd\xf6\xb4|\xf7\xe4Y\xab\xde\xef\xd5\xcc\xea\x1f\xd3O\xfc\xf2ZK\xd9&lt;q\xf90(i\xa2\xbd\xa6B\xf9\xae\x7f\xc1\x13\xe3? \x0b$\xcc\x00\xe0\xd5\x1c\xbdc\x03p\xe0\xcc\x81d\xc1\x9a\xc3\x16\x93\xc2\xba?\x0e7\x1e\xc6\xcb\x0fD\xc0\xbf)\xc2D\x08\x00\xf0$\xb5bs\xf0\xfda\x12U\xe8\xcaA8\xe6\xdd\x80C:\xd3\x85\x00\xf0n\x9a\x1c\xd4V`!&gt;\x12\x03\x00\x88\xf8g\xc2\xb3\xa1\\\x1aF\x94\xa9\x90\xa1B\xeb\xfb\x84Z\x99\x18\xb2O\xf5\xa8\x87\xbf\x03+Y\xd3\xf2\r4^|\xa5p@\xa48[|\xdfHy\x0bq\xc8fN{cL\xc8\x13\xb7\xfcu\xbb&amp;C)e\xc5\x8f\xc5\x9f\xfb\xed\n:\x97k\x88\x80\xdf\xddN7,;\xd4\xba\x9a\xfc\xc2y\xec\x01\xf2\xca\xa6RS\x8bC\x08\xf0AfgK\xba\xa9k\x91\x1dB\xb8\x07\xf9\xdc&amp;\xa4D\xc6\xc9\xc20\x8e\xd05I\xc0K\x06\x00\x9c\x17\xc8\xcb~[=\x7f.p\xcf\xae\x03\xe3\xf0\x8a\x92\x12\xc25\xfc+\x99:\x83/\xca\xec\x9644\x04\x00x\xff\x9a\x88\x03\x07\xce\x0cq\xe6\xfbC,\xf2_\x9e\xec\xf5\xba\xe0m\x17\xd2\x0fe"\xef\x9bJ\x19\xd0\x02_\xc4\x96\xd8\xc6\x02D\xac[2\xa9X\xe7\xc9\xde\xed\xd1\xde\x83L\xefn\xd6\x96h\xb4\xaa\x96\xca\x18\x04Jw+\x8fq\xfbm"\xf7\xef\x9e\xa6\xa6\x1a7\x14]CYt7\xcf\x17\xec\xec\xd7.5mD\xa3T\xbb%\xa5\xda\xe4\x0f\xc4v\xaeK\x04j*\x9c^T-\xf3cvzL\x07\xbd;\xb2\x05\\\x9e\xf0m5\x93Zl\xbe*\x8d%\xbf\xbb.\xadd\x9b\xe9\x9a?\xb8{\xbc\x9a\x05\x90j\xb5\x18\xf0\xc0\x81S"\x0e\x98\x07b:\x02}NL\x06\xde;\xca!\xba\x1fd\xa5\x9d\xbf\x03\x907\xea\x17\xe4\xd0\x937\x7f\xb3\r@\x93m\xdf\xb5\xd6\xca\xbbIL\xf6\xa7\xea\x9eu\xc2nEn\xa2\xe5\xcd\x0ek37b\xc2\x19g\xb0h\xbd\x80Q\xee\xaf8\xb9\x11\xf9\x0fW8\x0ew\xec=Qz\x0b{%z\xd1\xf8\xee\xf6\x90\xac\x9e}\x19\xe5IZ\x1e5:9\xb2\x9b\x89\x9c0\xbda\xa9KAe\x808,S7\xe6\xfd\xac\xad`{\xe7\xe7\xb5\x8es-\x97+\x19\x99\xaa\xd8\xe9\xeeu\xb2\xc2o\xae\' \x12\xb3\x88J\xb7E\xd6\xc0\xf9\x03=(\xd8\x9a\xc1\x81\x03\xadX\x07H\xe7\x81c\x14\xf4\x1e\x00\xff\x9c\xde\xda\xf9{\x01\x13\x13\xf6\xfb\x85\x13\x9d\x1e\xb1%\xb2o\x0eq\x05\xda\x95V9\x8c\xea5YZR\xa4\xae\x0e\xe3W0G\x82\x92\xe0^XQ\x89\xf2c=\x90U7\xa2\x97\x19\xc1\xaeo1vj/\xbfw[\x9e\xcd\xaf\xb7N\xf8e\x1f\xc4\xee\xaf\x98\xb3^\xad\xbb\xfa|w\x87\x86c\xf2\x85\xd7oG|HU/\xceo)9I\xa7\x88\xe3\xef\xf4\xdf\x08K\xa1\x87\x91\xb1\xf2\xfb\x15U\xc7\xfb?"^\xd3\xf5\x057\xcfb\xd8O\xbb"\xbf\xfa\x06\x0eK\x15\xc5&amp;c\x8doG\xba\xde\xc0\xc7 \xdc\'\xe3\xb05\x83\x03\x07:\x80\xfaS\xe1f1\xe2\xf0\xd7\x06\xe1\xef#\xfc\xaf-\x06\x08\xf2\xe3\xaek\xe9\xa0\xcfs\x95\xd5\xdb\xc2\n\x18b\x88\xd3\xcb\x13\xde\tp\x05\xd1\\\xac|N\x9a\x8a|wTH\x15\x9e\xfc\x96\xf6T&lt;\xc7\xd1a\x97lS\x81\xf3U\xc3\xd4\xb6\xf5\x1e\xa0_\xbe \x93Y\x97\xc3\xd0]%\x15\x9e\xbf\x07CzK\x0f\x8c\x88\x18\xad@\xef\x0ba\x04!\xf1s\xb9\x018\xed\xca\xd5\xdb@\xd2_\xd1_\xf6\xe6\x1f9\xef\xe6\xa5\r\x85\r\xf9\x8e~\x8c\t\xd4\xac\xa0\x10\x9e\x06\xf0\x99\xb4\x80\xb7\t\xf6M\x80\xdb8\xaah=b\xd8S*R\x0f\xda\xb7\x10\x1b`\x9d\xd6Y\x1a\xc7\x97\x80\x0f\x9c3\x1a_\xbb[\x88i\x91\x82\xb7\x04\xf5\xb4q:J{^\x03\x1b\xe1rGK\xabY\xe6\xe9\x0bd\xf1\x1b\x8eL\xf6\x02\xe2\x13\x89\x0fE\x04\xc0W\xad\x07\x87\x00\x00W\x98\x8b\xd9\x135\xee$\xcd\xc2d]\xe9\x14$\xf9&lt;\x8a\xa9{c\x91\xc1\x07\xaf\xf9w\xad\x94\xfb\xad\xf0\x11n\xda\x83x\xe4Om\x9a\x0f\x93\xd9\xb3\xec\r\'6\xc9\x81\xe3\xcd\x13\xae\xfe\x01\xe6\x17|\x0e9\xdf\x0f\xb1+\x17a!\x9cx\xf5\x0f3%\xc7\xd3\x1d\xc9\x9f\xc3\x07\x9f\r\xd1h\xd4s\x10!&gt;"r\x06\xf8\xf2]\xb40c\xa7\xb3G\xc8x\xfc\xcc\xecz\xb3(K2\x07\x07&gt;+\xa5\xea\x93_\x07P\x96\x0c!\x84?Z\xfe\xa4q\xa0,\xbd\xd78\x0eTy\xa6\xf3\xd4\xb1\xe4\xc0\x01\x0eO$O\xad\r\x14\x8b\x1c\xda\xe4\xfcyR\x91y\x1c\xd9E\xa7\x81\x83$Jl\xdd\xf5+ZD\x11f\x8b\xf5\x1a\x96\xaf[jo6\xd7\xfc\x10$\xdc\xe0\x04S\xbef\xcf\xb9\xbdC&lt;AT\xd73\x94\xb2~i\xf6\x90\x1el$v#\xa8v\xa8\x1b*\xeb\xb5\xe1\x86\x9d\xa4\xfd\x00\xf7-\x82\xfaz\xd0\xd3\xd1\x99Wl\xe7\x1e^l\xe1\xb4\xfeQ\xc6\xbf\x97b\x1f+\xf5\xea\xda\x98d\xe63\x12\xda\xc4z\x850U\xcc\xf3 \x95\x9f^\xdcm $\xb4\xf7\xf4\xb1\x03\x07\x1a`\x1af]r\x87\x8e\x81VQ\xc38\xb0\xedj\x10+\xc9\xb1\x8b\xed2\xec\\+\xafXh\xafJ\x96\x8a\xads\xad\x9b\x9b\x05\xd1]9\xf9\xa21?;\x9f\x1e\xbaYD!\xbd\xfe\x901_.\xbcW.6Y\xdbu\x8d\xd9mz\x07\x01\xae5Z\xa6\xa2\xcbTLn\xe6\xa7\xb2]\xf6^\xc3W\x0cD\x85\xcbO&lt;\x85\x13\x0f\x89WF\xb0\xe7\xf0\xaf\x0e?gF\xe2\xa8\xa1\xe7\xec\xa9\x92\x89\xb1#\\\n~4\x0eO\xf8\x90R\xef\xd9\x1c\x83\xf0PM\xd4kj{\xcdR\x02\xc0}\x95:\xcaD\xb0\xa7\xc1\xf9V\x1f\xab\xff\x03\xe7\x8a\xc5G\xff|\xb0\x8f^o\xbb \xdb\xb8\xee\x19\x12\x0b\x06DF\x8b\xd0GZ%7\x07\x17\xb1\xa2\xab\xcb\xe4b\xcc\x06`\\8\xae\xfb\x15\xdfO\xabvR\xb1\xdd-s\x02\x9c\xba\x96\x16eW\xa5:_2\xddmu\x00\'C\xb3\xc4\x8b4\xdb5\xf4T]\xa4\xa4\x08\x80\xbe\x88p]\xa6\xdb\x08\x1a\xb7\xe2\n\x07;\xb2A\xca\x8cn\xa7\xdd\x8aq\xd1\xcb\xf07\x8b\x11\x9d+\xb4\x11\x91%\x18\x10\xeb.r\xde\xc8\x89\xe74^\xbbn:\x85X\x0f\xe7:t\xe66\xbdE\xad1\\\xce\x7f%\xcd\x1b\xed\xeci\x1f\xb84c+\xefl\x0e\x1f\xe7\x8b\xa5\x15\xda\x08\'g\x7f\xf6\x91\x7fVV2\xc6n\xad\x18\xe2\x92\xa4\'\xb7\x1e\xcc\xb4\xae\xa1\xc9\x0e\xa7b\xe3\xb1\xadu.&amp;\xbaBW{z\xb4+%KW\x1cb\x01\x86\xcch\x99\xa3\xa4uCv\xb6\x1f7x\xe3\xb2\xdb\xb4\xb7\xa8\xd9W;\xedV\xd4}\x11;f\xedZ\xf4\x11\xe1m\xa6\xa5|\xf5V\x9ba\xab\xa2\xbc\xa8\x8a\x96\xee]!9\t\x1c\x87\x7f`f7\xb7\xb9\xd2\xf2?6.\xcc:8\x18\xa4*\x13G\xab\x8a\x8a\xd1\x8eo\x01\x1c\xb8\x14b\x1dM]\xef\x0c\xf9j\x84\x87\xc3i\x07\xd1\xd4\x92\xa9\x05Y\x88\x88o*\xc8b\x87\xef\xebY\x88\xb8\xc1\x1b3\xbc\x88M\xf8;\x80\xeb)\xfc\x97r\x0c\xe1\xb9!\xcc\x17\x8b\xc9E&amp;\xccZ\xcc\x95[\x18\xe2KO\n\x1a\x8a&amp;\xb3:\x0b\x93\xd4\x02/\x06\xb8)\xab07TJ\xcb\xd5\xefe\x8b\xb4\xb6 \xf7\xce\xab\xa9\x8f`\xd4\xd7\xd3\x10\xc7\xbf\x14\x08\x117|Kc\xb7\xc1!\x1b\xf2\x8a@\xec~O\x8b\xf0:\xe3a\xea\xaaL\xca\xb7\xe8\xc4\x97\x9e\xb9^\xecX|/V4\xacE -\x8c\xfb\xbd\x02uZ\x7f\xcf\x04\x1a\x96\x8b\xc6\x97\xe1\xa8\x9dx\x03\xc4W\xd6\xca\xb8\x90w\x05\xdb\xb4\xaa:6\xd8v\xf6K\xd7\xac*\xcb\x01\xf5\x15C2gm\xdc\x95\x17c_\x1fo\x01:p\xc9\xc4\xb2\xcd\xfd-\xee\xe6&lt;ZC\x00\x08\x1d\xc7\x97\x0f\x0f\xbbDv\r\x7f\xb9~d^\xec\xc3\xb6k\xb1\x8c\xad\xc9\xf3K\x19N\xfe\xee\x91\x99\x80\xb6\xfa\x07\xfa\x96\x8b\xa2Xx\x93\xf4\xe2\x98\xf5\x0f\xfe\xe8\xben\xa8\x8c\x14J\xb2\xb6G\xb8I|W\x0c\xe5\xf4\xd1\xd2\x0c\x85\xd9\x17\xc3\xa2\x1cF\xc8X\xa2\xc2\x1b\x93z_\xe3C\xf3\xfd\x9f.*j\x87\xed\x95S\x1eP\xc3wf\x12\xa7\xb3@\x00\x9c\x07\xad\xba\xc4ix\x99\xba~\xfb\x0b\xa7v&lt;H\xda\xd96g1M\x88#?\x1el\xa4\xce\xb0\xc0\xb0\x90\xe5v\xa6b\xdf\x94\x8d\x8a\x17\x10\x11\xba\xfb\xd4\x8c@\xc2_\x93\x97\x0ep\xecW\x19_\xc9\xd6\x0eC\x88.\xe2\xd9\xf8\xd5?\x941\x7f\xe5\xe0;\x19\xe3.\xb2\xea\xc4\x89xj\xa84\xad\xf3/\xfd\xb3S&lt;p\xe0"\x82?\x9b\xe3\xe6\x83qGxn\xa4\xa1\xaa\x89\x03\xa9\x8b\x</t>
        </is>
      </c>
      <c r="E560" t="inlineStr">
        <is>
          <t>&lt;class 'numpy.ndarray'&gt;</t>
        </is>
      </c>
    </row>
    <row r="561">
      <c r="A561" s="1" t="n">
        <v>559</v>
      </c>
      <c r="B561" t="inlineStr">
        <is>
          <t>steps_per_sec</t>
        </is>
      </c>
      <c r="C561" t="n">
        <v>6300</v>
      </c>
      <c r="D561" t="inlineStr">
        <is>
          <t>2.6071723</t>
        </is>
      </c>
      <c r="E561" t="inlineStr">
        <is>
          <t>&lt;class 'numpy.ndarray'&gt;</t>
        </is>
      </c>
    </row>
    <row r="562">
      <c r="A562" s="1" t="n">
        <v>560</v>
      </c>
      <c r="B562" t="inlineStr">
        <is>
          <t>Loss/RPNLoss/localization_loss</t>
        </is>
      </c>
      <c r="C562" t="n">
        <v>6300</v>
      </c>
      <c r="D562" t="inlineStr">
        <is>
          <t>0.021910986</t>
        </is>
      </c>
      <c r="E562" t="inlineStr">
        <is>
          <t>&lt;class 'numpy.ndarray'&gt;</t>
        </is>
      </c>
    </row>
    <row r="563">
      <c r="A563" s="1" t="n">
        <v>561</v>
      </c>
      <c r="B563" t="inlineStr">
        <is>
          <t>Loss/RPNLoss/objectness_loss</t>
        </is>
      </c>
      <c r="C563" t="n">
        <v>6300</v>
      </c>
      <c r="D563" t="inlineStr">
        <is>
          <t>0.0050368784</t>
        </is>
      </c>
      <c r="E563" t="inlineStr">
        <is>
          <t>&lt;class 'numpy.ndarray'&gt;</t>
        </is>
      </c>
    </row>
    <row r="564">
      <c r="A564" s="1" t="n">
        <v>562</v>
      </c>
      <c r="B564" t="inlineStr">
        <is>
          <t>Loss/BoxClassifierLoss/localization_loss</t>
        </is>
      </c>
      <c r="C564" t="n">
        <v>6300</v>
      </c>
      <c r="D564" t="inlineStr">
        <is>
          <t>0.14408088</t>
        </is>
      </c>
      <c r="E564" t="inlineStr">
        <is>
          <t>&lt;class 'numpy.ndarray'&gt;</t>
        </is>
      </c>
    </row>
    <row r="565">
      <c r="A565" s="1" t="n">
        <v>563</v>
      </c>
      <c r="B565" t="inlineStr">
        <is>
          <t>Loss/BoxClassifierLoss/classification_loss</t>
        </is>
      </c>
      <c r="C565" t="n">
        <v>6300</v>
      </c>
      <c r="D565" t="inlineStr">
        <is>
          <t>0.04220013</t>
        </is>
      </c>
      <c r="E565" t="inlineStr">
        <is>
          <t>&lt;class 'numpy.ndarray'&gt;</t>
        </is>
      </c>
    </row>
    <row r="566">
      <c r="A566" s="1" t="n">
        <v>564</v>
      </c>
      <c r="B566" t="inlineStr">
        <is>
          <t>Loss/regularization_loss</t>
        </is>
      </c>
      <c r="C566" t="n">
        <v>6300</v>
      </c>
      <c r="D566" t="inlineStr">
        <is>
          <t>0.0</t>
        </is>
      </c>
      <c r="E566" t="inlineStr">
        <is>
          <t>&lt;class 'numpy.ndarray'&gt;</t>
        </is>
      </c>
    </row>
    <row r="567">
      <c r="A567" s="1" t="n">
        <v>565</v>
      </c>
      <c r="B567" t="inlineStr">
        <is>
          <t>Loss/total_loss</t>
        </is>
      </c>
      <c r="C567" t="n">
        <v>6300</v>
      </c>
      <c r="D567" t="inlineStr">
        <is>
          <t>0.21322887</t>
        </is>
      </c>
      <c r="E567" t="inlineStr">
        <is>
          <t>&lt;class 'numpy.ndarray'&gt;</t>
        </is>
      </c>
    </row>
    <row r="568">
      <c r="A568" s="1" t="n">
        <v>566</v>
      </c>
      <c r="B568" t="inlineStr">
        <is>
          <t>learning_rate</t>
        </is>
      </c>
      <c r="C568" t="n">
        <v>6300</v>
      </c>
      <c r="D568" t="inlineStr">
        <is>
          <t>0.039810285</t>
        </is>
      </c>
      <c r="E568" t="inlineStr">
        <is>
          <t>&lt;class 'numpy.ndarray'&gt;</t>
        </is>
      </c>
    </row>
    <row r="569">
      <c r="A569" s="1" t="n">
        <v>567</v>
      </c>
      <c r="B569" t="inlineStr">
        <is>
          <t>train_input_images</t>
        </is>
      </c>
      <c r="C569" t="n">
        <v>6300</v>
      </c>
      <c r="D569" t="inlineStr">
        <is>
          <t>[b'1024' b'1024'
 b'\x89PNG\r\n\x1a\n\x00\x00\x00\rIHDR\x00\x00\x04\x00\x00\x00\x04\x00\x08\x02\x00\x00\x00\xf0\x7f\xbc\xd4\x00\x00 \x00IDATx\x9c\xec\xbdy\xfc\x7f\xcfX\xff?\xcf\x0fR\x92\x8aV\x11\x11\x15\xe1G\x91\x16\xbe\n\xa5\x88\xa8D\x91-\xd9Z()_J!\x12\x12YZ\x94\n\x15J%\xa1,)\x846\x89\x14-\x96\xd0bk\xf3U\xa8\xeb\xf7\xc7\xf3y\xce\x99}\xae\x99\xb9f\xce\x9c\xf3|\xdco\x1fo\xaf\xd793\xd7\\s\xcd5\xd7\\3\xe7&lt;\x9f/\xa5\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l\x05\xb2P\x8a\x9a6\x97W\xfa\xa4\x92:\xfe\x9bU\xcb\xacBn\x81\xd0\xaf&lt;\xc9\x17=]\xba$\x11\x91\xf2\xb4\xa8\\\xdb\xfaZ\t6\xbdT\t\xea\xe6\x0e\x19\xa9\xcf%\xa5&gt;Ko\xdaW&gt;\xa8\xa2\xaf-r\xfa\xee\x16X\x14h\xefB\x8a\x88\xee\xee\xb3I\xca\xd4J\xbd$ajf\x07\'C\x1d\x0b\xdf\xd1)\xcc\xea\x82\x17\xd5\xdezk\xb0\x97N\xe5D!\xb0K:\xc47\x00\x00\xe8\x04#IMT\x9c\x16x=2^\xbe\x8d\xb2\t\x8d\xac\xdeL\xfa\xd8\x17O?\xdc\xd7Hm\xb3R7\xfd\xd7cE\xaf\xe9\x02\x86\r\xeeL\xec\x8b\x17\x8f\x8d\x88G,\x91\xfa\xff"\xf9\xbaG\x9a\xa3a\xcc\x08~e\x1c\x83\xf0](\xa2\x98~\xd7*\x9aJ(\xf3\xdcX\x99F\x08\xdd?\xb5\xa8\x1b\xea\x89\xde*\xfcv\xe7-DR\x01\x00\xbc\xc0[\xba\x83\x19\x1a\x05A\x0c\x80-A\x0e\x05\xb5\xdc\xfb\xe2z\xf2\xa0S\x1e\xac&lt;\x89\xaf\x96\xe3Z\x05~P\xa9?.k\xce\xc8\xbf\xa3Y\xa9\xadd\xb00?\x9f6\x8coe\xf0NB\x7f\x9d\xa3eB\x19&lt;c\xe8\xdfb\x16\xd3{1\xfd{\xafX\x1am&lt;\xa9\xf0\xa9\x10\xe9\xe4\xc9,\xb6\x02\xdeV"\x0f+\xfc\xa4\xca\xbb\xa3|\xfa\xf5q\xb5\x9e\x7f%\xa7\x15\xc1\x89\x83e\x18\xac\xc4nS@\xf1I*\xce\xba\xba\xdd\x18\x1b\x00\x00\xb6\x84\x99\x19\xf3\xf99\xff\x06\x80H\xa9\xef\x14\xd1+\x94\xe1\x9dZ\x9cu\x8e\x85\x1b\xfb8\x9c\x13\x9b2\xac\x11|g\xe6:\xa1\xe6\xe2j\x1co}\x97]\xe0\x87S\xaa\x9e~\xd6\x95\x99\xad\xa4_\xe1t*.\xd38\x02\x9f\x8a\xbb\xfd\x0b\xc9M5\xea\xdf!\xe8.\xaa\xc9\x17\xdb\x000\x1e\x1aloI\xc32\x0c\xd6b\xaf\xbe\x97\x1fXvC\xd6\xd2\t\x00\xd8\x00OPJ\x7f\xab\xa1\x00=\x1d\x9c_iH\x8ab\x85\x92x\x93\xdc\x9c\xcc\xce\x80\x99\x95\xb2^\xe4\xb0u\xd3\xb1\xce\x8c\xcd\xeb~!\xc6\x95\xa8&amp;\xe6\xc0y\x8e\xf6\xad\xa6\xad\x0c\xdb\xdbMk\x03\xa0e\xdbwu\xba\x10(\xff\t\xc1\xed\r\xa3#\x81\xc7#\x8c\x11\'k\xac\xd9\xcf\xb24\x05\xc2\xc6L\x89\xd9\xe2&amp;\x01\x80\x95\xd8\xe4d9\xe3\r\x00\x00`o\x9c\x02\xd9GT\x055r\xb27\t\xcd\xb6\x19d\x03\x1b\x00\xa5\xd4\x9d\xac2fz\x1a={\x8e\xe6\xcd,\t\xea\x86\xca\x97\xa9\x07\x163\xfb\xba]L\xef\xda\xfc\xc3\x9dI\x11\xfd3\xd1\'\xc7\xfa\xf5\xaf\xa1^,\xf2\xeb\xd6WgG\xc4\xdcjr\xb6d!~B)R\x7f\x83\r\x00\x00\\6\x1a\xde\x15\x0e\xb9\x01\x00\xc0 \x11\x13I\xa9CQz\xf4\xb9\xe5*5#\x19\xfd\x8bV\x88\xac\xf2\xc9&lt;\x95^\x91T@{\xab~\xba\xf4\xefS\x12l\xbc\xe7\xe3\xdd\'Xw\x95z\x81\x9a&gt;#k\x95\xe1lQ\x1c\xf9]7\x00\xa7\x92\xac!;\xcb\x85?m\x99\xb34K\x0f2\x0c\x8b\xc4\xb4\x13\x9e\xe3\x1b\xf96D\x85\xcd\x07\x1cm\x81\xfb\x01\xb0!\x0e\x99\xe5)\xbf\x8aRS\\8\x1c\nZ\xdc(\x05\x86*\xb4\xad s\xf8&gt;\xea\xe1\xc6\xf2\xc3\xe1\xe0)|\x98u?8\xb7\x0e\xd3\xd0\'\xbbFD\xebz\x08\xcb\xfe\xec\xee\x94\x08\xdf2\xa3up4}\xf2(s\xb3R\xe7\x04{\x87H\x1d\x14Qs\xdf "\xb8\x1f\x00[\xe1\x82\xf0-\xed\x1d\x8f\xe5Res\x83\x87\x86\x06g\xf6\xbc\x8fC\x10\x91z\xa8\xf7\xd6\x03\xca\x9b\xe6b\x8b:(\xa5\x0e\x07u8\xe1+Lv\r\xb3\xd8\\\xeb\xb8\x1e\x1c\x8e[\x84\x84)\x0e\xda\xbfqU\x97\xd3\xfd\xe9\x1c\xae\xc4\x1a\xccG\x13\x16\xa5\xab[\xb8\xda\x0fW\x0c\xe5@\xe7m\xa3M\xed\x15\xb7\x91\x02\x1c\xe7\x9f\x88(p\xf6\x90\xba\xb1R\xca\r\xe6\xf2\xc0i\x01\xd8\x0f\xce\x06`\xdf\x8f\x98\x03]\x0bv\x99\xf7\xc6H\xc2b\xa7\x8f\x9f\xaa{\xa4[\xd1\x86Cl\x14\xf41\r\x8c\xef\xb4\x15\\n\xddX\xbf\xe5UF{\xf9\xc7\xfa\xafJY\xf3_\xfa\tg\x8f\x9a!\xab\xa2\xae\x18u\x13\x8aQw\xed\x0e\x9e\x1b+\x85G\x9a&gt;\xc5^\xfa!\x16\x00\x80\x05\xa6\x0f8S\xc2\xae\xff\xdb\x9dgE\xcf\xe6\xb2\xdaz\x8c[][\x80\x7f\x9c\x9b\n\xc4rP;in\xb1\x01s\xf2`\xff\'\n\xa2\xb92g\x0f\x10+\x99\t)\xf5\xe7z\x0b\xa9\xe2\xb1\x0f\x1eT+SK\xe5\x06 Q}\xf5\x1d\xce\x8a\x0c0\xb8\x00\x80-\xb2\xf7\xb3N\x00\xc2t\xf0\xfeUg\x97\xbf\xe9\xea\xf3`N&amp;\xedm4(\xcd9z\x17F\xcb\xd1%\xa5F\x15\x16\xef\x8b\xf9\x84\xc4\xffI\xe5}\xb2\xef\xde\x010\x00\x98_\xe3\xd0o,\x10W\xc19\xe0\xf9\x0c@\x99\xeb\x17\xd4\xca\xae"\x98\xee&lt;\xd1#\xe7p8\x14\x7f\xc4\xf9\xa8\x9a.\xa1RS\xa2E\x95\xb4\xa4\xe5M\x9b\x01\xb8Z\xdc\x8a\xe2/\x89.\x02\x0f\x87\xd3\x0bU\xd2M\x0c\x8a\xefC\x1a\x00\x00A0\xbf8\xf4\t\xb9\xfd\xc6\x02q\x15\x9c+n\x9e\xfd\xcd\xc9\x03\xdd\xfc\x83\xe4\xcc\xb3\xe7\xdf\x9d\xber&gt;\xac\xc3\x9a\xb4x\x9b|:\xcfN?\x01(?\t^\xf3\x08\xb9I\xbb\xbe7\xfb\xd7w\x0f\x00\x00\xe8O\x87\xf0\xfe\x93x\x0e\t\xc0&gt;(\xfeddA\x0e:U\xb9e\xb2X0\x03\xbeQ\xeb/cnJR\xf3/4\x8b/\x1f\xa5u\xac=\xc8\xf1?_\x8dM\x0f\x1c\x00\x05\x0c2I\x01\x00\x00\x00\x876/\x85\xa7[,.\xd0M\xd5\x94\x0e\xb9j\xd4\xa9}\t\xc3&amp;x\x17|\x0f`\x04\xc3\xec\xc5\xbdI\xa9G\xaf\xad\x03\x00 \xc1^\x02\x0e\x00\x99\x14?\x04\xa8j/2\xdf\xc6\xc8n}69\xbep^\xb4e\x92\xfe\xdcm\xd7!k\x82\xbc\xf2\x1b\xb3I\x1fm?kS6\xd9!0&gt;h\xc2\x08\xab\xe4~\x801\xc1yRw\x9c\x9c}\x10\x1eH\xa0#\xefp7\xfcJ\x9c&lt;\xe1\x9f_\xfa\xf9\x87\xf3\xa5\xab\x950(\x01`\x96\xb5\x80\xe5A+\x10\xee\xe4\xc0)\t8_\xe6t\xb6\xecE\xed\xb2\x99\xb3\xfe|k\x98\xc7#4\x03\x16Q?y-\xbch\xeb`\x04\x01\x00\x00\xec\x8a=\x1c\x81\x1f7\x00\x0fj\xd0\x91\x1d\x18g\x9bl\xc0\xec\xe6s\xa7\x98\xc2\x1f\x03/\x02\x00\x00\x00@KH\xfb\x97U~\x07\xaf\xc1\xd4~\x00z\xc3\xdd\x17\xfe@\xc2\xaa\xadkr\xb70"D\xa4\xbeh\x03z\x02\x00\x00\x00\x00\x98$?7&lt;\xc0w\xf5\xf0jo~\x1b\xb3\x1d\xb47\xcd\xce\x18\xb8\x1ch\x04\xe7CM\xf0=\x00\x008O&lt;\x7f\t\xb8\x84\xd3_$\r\xfe\xf1\xbc\x8d,2\x07\xa5\xd4\xe1\xf3\xe5\xe5\x0e\xf4u4\xc3\xad\xf7\x84\xbf\xb5\x89?:\t\x1a1\xdct\x07\x00\x00\x00\x06\xa4\xd9q\xec(\x1b\x00\x9c7\x8f\xc6@\x9b\xc3!\x80)\xf6\x07\xc6\x14\x00\x00v\xc2}\x93%VI4\xeb[D~&lt;s6v\x18\xa5\x9b\xa5\x06\x1fE\x7f\x00\x00\x00\x00\x80\xfe\x994\x11\x95}oiB\xa8\xac\xc0\xcd\xb0\x85\x8e\xef\xeb\xf8\xbc\xac#\xcf?_\x17\x05\x00\x00\x00\x00h\xc1\xb9&gt;\x13\xd8\xc6\xe7\xa1\x93J\xeek\x87\x10b7\x1d&lt;\x87\xc1\x02\x80\x0ff\x04\x00`\x15n\x8e\xd0S\xc43\xf6`7\xf6\x97\xa2\xd6w\xb6\xa1\xb96\xb1\x8dQ\xea\xf8\xbce\x0bz\x82}\xd2\xd4\xf7\xe0\xdb\xc5\xc0n\x00\x80u\xd8I\xf4\xe9\x9c\x02\xde\x8c\xd5\xdc\xe8\xb6\xad\xfd\xab\x08cP\xda\x85Uz\xbdmS\x03\x00\x00\x00`+\x9c\xc5\x17\x10\x1eS\xc0\x03\xbem1\x939u\x86\xe9\x00\x00\x00\x00\x00v\x83\xd0\xdf\x01\x00\x19\x90\xe83\xf1\x86\xc7\xc6\x87\xc3yl\x10\x07\xe1\xa1x\x02\x00\xb2\xb8^~\x15\xf8\x18\x00\x00\x00\x1b\xd6\xda\x90\xf3N\xc5P\x8b\xcd:/uh/\xd2\x1c\xff\xbb\xd3\xf1\x87\x97l\xff\xed\x1a \xcd\xe5\xd6V\x00l\x89\xc2\x00\xf2a\x84\x9d2`7\x00\xc0\xb9@\xea^n\xc8\xdb\xc4{\xe1\x1e\r;\x7f\x1b\xcc\xd1J\xcf\xa5\x18/\xda\xc5K\xf6\x00\x80M\x81\x8f\xe4n\x9e\x16_x\r\x00872^\xf1\x98\xde\xa4\xf7V$E\xcb\xbd\x01 _\xd7\xbc\x17s\x85\xf0j\x9a\xd1\xf9p8\xd8W\x94R\xe6E\xbcg\x0f\x00\xe8\x00\x11!\xdal\x1a\x8c \x00@\x06\xf6\xe9\xf8\xf1\xb8\xfa+\x9a+\xb4q\xf4c~\xcd\xb0~\x0b\xef\xe3\xcbv\x00\xa8\x02\xfe\xbf o\n\'\xbc\xfc/\x02\xcef!\x85\xf5\x02\x00 \x83\'U\xcd\xe5\xbex\xa6\xaccn\x00\xb8\xc5aCp\xb6\xc0\xff{\x83$r\x03x\x06\x08\xa7E\x00\x00A~q\xfa\xa1|\rFH:b\xbd\xe5\x9f[\xab\xa9n`l\x90\x01\'\xf9\xb8\xb5\x15\xd8\x19\xf0\xb7-\x82Q\x03\x00\x88q\n(\xa7\x1c\x94\x99\x86\xae\xfc!\xa4A\x83\xa0\xbd\x01\xf8}\n\x19\xcaL\xfa\xb3\xf7\x0c`\x83\xc4\x06\x17\xa3\xaf\x81\xbdP\x1bn\x05\xab\xee\t\x8c&amp;\x00\xa0\x8e\xe5\xe1{\xd6\x06\x00)K\x00r\x88&lt;\xc9\xf5\x15\xaej\x1c\xab\xc2\xb0$\xdfr\xc1l\x02\x8d9C\x07\xfb\xd2\xb5\x15\x00\x00\x80Q\x89\xe7\xa9\xc9\xaaMt\xda.\xbe\xec\x9f\x88\x94z`\xaa \x9e\x00\xb4\xa2\xc8\xb7[\xf0Ok+08#\x8c\x11\xa8g\xa4q\xdcjD\xdd\xa8\xda\x00\x80-a}\x13\xa5*\xfe\xe2K\xa0\xa2\x87\xb8\xee\xb7\xb6y\x0b;\xc5\xca\xbf\x8a\x14\x80\rAD\x88?\xad\xe9`d\xc27T\xcap\t\xa5\xfe}m\x1d\x00\x00{\xe6\x02#V_v5=\xf6\x8dwEd-\x93\x847Cv\x0f\xc6W\xa9\xd3t\xf0\xce\x88\x01\xed3\xa0J|\xdaf\xe7\x9b\xcd\xfeG\x1bSd\xff\x00\x80\xb6\x1c\x94v\x14\x8d\x13\xb8JB\xc9zhQ\xb4\xca\xfb\xec\x7f,\x80A\xd91x\xc8\x03\x00\x00\x00\x80\xae\\\xa0\xa6\xf44|\x02\x07Zq8\x1c\xcc\xbd\x81k\x7f\x0c\xca\xce!\x9a?O/r\x069\xfa\'ID;\x0b\xb8d}\xc1\x03\x00\x00\x80\xddS\x95\\\x1eS\x8d\xcd&gt;\xf3m\x02\xef\xcd~\x7f%X\xf2\x0c\x99&amp;\x91\xda\xd7N/\xf6XC{\xe4\xb8\xa7.\x0b\x82\x87B\xabPkv8\xf6\xda`\xe2\x00\x90A\xdelq\x02\x1c\x11E\x82\xdd\xfc\xfa\xca\x19M\xcb\xa2\r\x00&gt;9\xd7\x99\xd1\x1cro/zq&gt;l\x8a\xe3\x83\x10{\xb1\xcch\xb3\xac\rD\xca3R8\xd3\x01\x00\x8c\xce\x05u\xcf\xe2\x0f\xd1\x007\xbf\xberFA\xd05\x08c\r ,\x13}9(\xf5\xe7k\xeb\xa0\xb3\xcb\x17\xbd\xb6\xdd\xa3\x15\xdf\xa4\xdaK4\xa8\xec\xc6me\xb4h\x80\xf1&gt;\x95\x7f\xb4N+#\xbe\xdc\x19\x000.\xbb\x08O_\xbf\xb6\x02&amp;\xd6W\xfb\x7fJ\xd0\xc2K\x99=\x8c\x02\x003i\x7f\xfe\x88\x8d\xe7Fl\xe5\xd7\xef#\xd2P\x11h\xfe\xbcN\xe6\x9f\xcb\x84\xf1\x01\x00c\x82\xd8T\xc5}|\xc1\x9d\xf7\xe7\xbd\xaa\xd6\x06\xad"F\xd0\x0b\xcc\x02\x9ar\xd5\xe9\x87\xd1=\rih=\x15\x7f\xae\x11\xc6\x07\x00\x8c\x08\xf3)\xedy\xbc\xcdYD\xe8\x85]\xe7+&gt;e\r\x18\xff\xf4\x05\x88\x00g\x1e\t"\xb5\xb7\x0f@7!\xfc1!\x96?\xef\xe5s\x05kA\xe6+?,\x83\xcf\xd6\x96\xf8p\xb0&gt;\xca{\xfb\xc8\x10\x00`X\xf6\x7fzQ}B\xb3s\xfb\x00\xd0\x88\xdd\x1f\x8erz\x97,\x13\xb1R\x96\xf5h\xdb_\xc0\xba\x9a\xe6\xc6\xf1\x7f\xbe\xbbV&lt;=\xd8?\xc3\xdadX\xc5\x00\x90\xe2\x02F\x99\xe3I\xc3\xe7\xb7Ud\xdb\xe00\x06\x18`\xf1`"\xfedLTZ\x15\xc7\x84O\xa4\x7f\x87\x83:\\+t\xabi\xf0\x19\xc8\x9ek\x85Y{.\xe7\x1b\x1c\x0f^\x82\x0c\x1c\'1j\x00H1\xee&lt;?\x82\x8c\r\x88BJ}\xd3\xda:\x0c\xc7Y\xcd2\xf9\xcf\xf7w\xb5\xde\xb0#\xd5U1\xf2\xa1\xf2\x9f\\\xe1\t@\x08\xd8\x04\x80\xcdq\xd3\xb5\x15\x00\xa0\x05X\x8d\xce\x84\xd6\xd9\x98t\xf6\xaf\x14\x9c\xb3?\xa1\r\x80\xca\x7f\xf9J~C\x08\x00\x00kp\xa9\xb5\x15\xe8\nN)\xc0\x84\xeb\t8\xd8\xabd\xdbY\x91\xf7d\x17\xc7\xbd\xfb\xc0\xbf\x01\xc8\x1bY\xff\xfe!\x87\x9f\xce\xaf\xb23\xfelm\x05\x00\x00,\xfa/{\xcd[\xc4Z\x0e\x02\x90\xba\rR\xbdjvg@\'\xd5[\xb5\x83\xbb3o\x04\xd9\xc9\xe8\xdd\x00P\xceg\xa9C\x0f\x10D\x14\x13\x11\xb5\x11\xce\xaa\xb3\x00\xacI\xf9\x97\xd3O\x07$\x98\xae\xe0\x1c8\xb7ex/\xbc\x8e\x94\xfa\x8e^\x8d\xc1Iz\xd2c\x03\xc0\x1e\xd0\xe2\x8a\x00\x00\xb0\x0eK\x06\x9f\xf5\xc4\xb3\xe0\x80d\x0b\xec\xa9/@\x96\x9d\xb9:p\xb9\xa6\xa0\xacM\xe6\x7fc\xeb\x9c\xffNN\x9ep\xde\x06 \xf8%\xad\xd8\x00\x00\x00\xc6D\xfc\x0f\x81\xad\xf2W\x96\xa8\xee\xafb\xe1/C\x812h\xf2\x1d\xf8\xcf\xbe\xe9\x1f"\x86\xfacOCGH:}\xd7j\x13\r#\xf9\xfaA\xb1\xbe\x12\xd4\x95\x80\xef\x97\x04\x00\x8c\x00\xe7\xef\x00\xa8\x9c\xd8\xfa\xdcBE\xaa`\xaa\xf7\xd6\xf0\xad\xe4\xa9\x8c\xc0\x11\x0e\xce~\xf6\x02\xa9\xfb\xce\x7f\x17T\x8d\x9c\x1b\x9d-\xd2s\xad\xf7\x10\x8f\x11*^=\xfd0\xb4\x87\x1f\x0e\x87u4\\\xf2x\x9c\xeb\x03\x00\xc0j\xd4\xc4\xdfg)\xf5\xc0t\x03\xd3\xc7\x1b\xf0\x18\x17\xc0\x01V$m\xfc\xedO\xd2\x01\x94_]\x81&amp;x\r\x1b\xb1v\xf8\xfd\x1f*\x96P\xa3?\x00\x00H1\xf4\xd1\x8e(\x95\xaf\t5\x12\x05\x00( \xf9R\xcaP\xaf\xd0dCD\xcc7L\x9aj\xb1]\x03\n\x12J\xd9\xf9K\x80%\x01k\x07\x00`\x04\x98\xaf\x00\rN\xc6g\x94%\x9a; \x82\x03\xb0*\xc9\t\xb8\xd2k!\x82\xac\x1fdVW\x00\xec\x03&lt;\xf4\x00`D.\xbc\xb6\x02\xb5\x1csz\xc6Zy@\x18\x02\x00T\xd0\xefD\x1cG\x0c#s8d|HcZ\xa1\x9a\x0e\xe8\xb8\xcfj\xd8\x0b4\x00\xa07\xfbx\x02\xc0\xe2p\xc0\xc9=\x10\x81\xd4ia\xdb\xf6\x9f\xb0\x05\x99 z\x9c#\xee\xa2\xc1\x9e\xf4\x0f\xeb\xf0\xc6\xff\xd8\x1f+\xa0U\xd7\xdcw\xac\xd74\x00\x00\x8c\xcbe\xd6V`u\xaa\x96M\xf7\x83\x80\x00\x80\xdd\x92\xff\x8d\xfe}&gt;\xf5;\xf6\x07\x8b\x87U,\xc2\x16u\x06\xa0\x84\x16\xbb\xf3q\x1fG\xee\x942\x83o\xfbS\x92\x00\x00\xd0\x99\xe4\x97\xfa\xe3[\xffM\x90\x0c\x000.\xfa\xe4L\xcdU"\xc6\xab|H+\xb7\x02\x11q\xff\x96\rhD\xe8\xfd\xe0.\xef\r\xef\x00o\xc8B\xce\x01\x9a\xe3=t\xd7?g\x86\xc9\xab\x94\xc2d\x04`x.\xc9\xff\x8a\xe2x\x01\xbc\x12\xbd%\xbc_h\r\xba\x12\x9bt\x18\x17\x00\x00\x00\x004C\xf2o\x94\xfc2\xb2\x96\x12Vy\x89\x13\x7f\x98\x06\x00\xd0\x18\x84\x97]\x91Z/0\xdc\x00l\x86\x832\xa7\xb4\xef\xc1%\xde\xea\x11\xc7~0\xba\xd6+\x1fDt8\xa8]\x0f.\x9eA7\x02\x86\x05\xe0\x0c\xf1O\xfc9\x8b\xf0~(\x02/D\x010 \xc6\x06\xc0\xcd\x05C\xb3\x1a\xd4p\x06i7\x00\x00\x80\xb3e3\x07\x04D\xeb~W)\x00\xabq\x812&gt;\x05\x9a?\r\xf0\x02\t\x0b\xfbO\xc1\xc3l\xdb\x01C\x05\xca\x80\xe7\xac\x05,\xdf\x08\xee+\xa3[Y\xe0\xf0\x06,8o\x9e\x17\x9b\x00xM\x1c\x9c=p~\r\x84\x02\x00Vb\xf5\xb5\x98\x88\x94\xfa\xb3\x15\x15\x10gu\x93\x0208\x98\x1e\x00\xb4\xe0\xfdk+\x00\x00\xd8%X\xb5y\xe0\x88\x13\x00\xb09\x10\xb6\xb6O\xfa/\x89\xf6\xd1\x03\x00\xd0\x14\'\\cj\x0f\x026\x00\x00\x00\x11\x82\xa1\xa4M|A\xd8\xda5M\x97%\xacy\xd5\xc0\x80}X\xffo\x95`\xb2\xec9K\xdek\xbf\x00\x00c\x80\x10\x03\xb2\xd9\xf3\xa2\x0b@\t\r\xa6Cl\x8a\x1d\xf7\x1e\x1b\xf8\x83\x89\xadc\x05\x11)\xf5\xdev\xf2We\xe8\x91\x05\x00l\x82\xfa8R#\xe1\x0f\xea\xdaE\x10\x1c\x0e\xa2\x01\xff\xb4\xf6h\xfa\x80s\xa72\xf1\xe5T\x1f}\x03\xd0\xfeE\xf6]\x1cF\x8c=\x88\x00\x80\x81\xb9XK\xe1\x14~}\xa8={\x08\xee\x1b%\xf1\x1d\\X\xb18\xc0{\xf7\n\'\xef\xac\xceM\xf7\xe1&lt;\xeb\xf7b\xd3\xd3p\x17;\x1c\x00:\x81\xd4D\x90/=\x1as\xb5\x84\x0f\xb1/\xc8\xaa\x9f\xd3}\x17\x06\x05\x9c3\xac\x83m\xa4n@\x82\xd7"\xa5\x01\x80\x07\xd1S\x11sw\x05F3\x1f""\xfa\xb1\xdc\x89\x90W\x1e\xe3\x02\xce\x96y\x03\x10{M\x9f\x88\x94zv?\xa5\xaa9\xf6\xa8\xc1\xa6\xa5k\xac\xc0\xbe\x0b\x80\xb3\x01S},\xb6\xbdx\xec\x03Fv\x02\x00\x00\x1e\xac\xec\xf9\x8a\xdb[a7\xa70\x00\x00\x9c1\xe1\xcf\x95"\x9ags\xda\x00\xfc\xb6\xc8\x87\xbfa\xffMs\xef\xb5\x15\x00\x9b\xc3\x9c\xf2\xdb\xdb\x00l\x14R\n\xd6\x06\x00\x0cM\xa3\x08\x85\\\x93\x03\xc7Dt\xfc\xe8\xb6\xd0Z\x82A\xd9.x\x17\xa2=\xfb\x7f\xe1d\xdf\xbd\x1b\x8b\xbd\xfb\x12\x00,\x0ek+\x00\xfc\x1c#\xd4A)R\xeap\xc00\r\x0b)\x9a\xa7\x11\x86\xa9\x16ka\x86\xe7\x83\t"\x82?\x00\x00\x80\x18\x88\xa7\x833\xe7\x97mGjN\xbc\xb0\xc4\x82\xfe\x9c\xb6\xbb\x87\x83{6w\xa8s~"\x82K\x0f\ta\xf5\x01\x00\x80\x15\xb9\xa0\xe8Y\xd8\xfd\xe5\x15Y\x89\xe1\xbf\xca\xe0\xa0\x0e\x87\x0e+%r$\xd0\x1bZ\x98/\xcc;\xd09k\'\x9a?\xb8R\xf2\xf6\x1a\xb2\xffQ\xc1\xb8l\x91i\x02\x8e\xb1h\xd6\xaf\xddc\xaf\xfe\x004\x06\x13`#\x16\x90Ur\x13]\x06;\x86\xc8\xd9\x00D\xcai\x7f\xebt\x07\xae;\xf8\xa1\x03\x00~v\xe7\xb7\xc7\x99x\x97\xb5\xd5\x00`%v7\xa5s\xd9F\xf7\xbb=\xa98{\x7fH\x00\xfb\xd4C&amp;\xb9\xb5\n\x1a\xcc\xaf\xd2\x94\xe2\x8e\x00\x83\xdd\xd9\xf09k+\xb0w\x9eg9\x8c~\xb2\x00\xc0\xd9\x81\xe7\xb0\x9b\x81\x88\xa6\xd7\xa1\x05F-\xfcn4\xde\xcd\x8d\xb1\xc7w\xca\xbb\x8e\xb8\xfd1_\xc5\x7f\xff\xcc\xa8\xca\x1f\x85\x01\x87L\xfb\xcc\x03\xa8ag\xc1jg\xdd\x01\x00\x0c\r\xc2\xcd\x16a\xad\x13\x03\xe6=\xa5\x1c?\t\xbd\x8f\xbe\x9c5\xeeI[\xa6\x8b\x16\xee\x01\x86\x04\xd9\x9e\x18[\x88u\xfb\x1b\xee\xfd\xf5\x08\x80\xf3\xe2\x02F\x19&lt;\x1d\x1b\x8d\x8c\xb3\xcf"\xf9\xd7/\xaa\xd5\x8e\x03\x16\x1a\xa0\x94\xdaW\xc2\xb1\xa7\xbe\xac\xcc\xf0\xd9\xbf\xda\xe3p\xef\xa3G\xfb\xf8X\x11\x00%\xecc\x0e\x03/8\xa1\x01#\xe1\xdb\x8f\xe6\xa6n\xf8C\x01\xc0G$\xd6!\x0c\x02\x00\x80\x07\xce\x13\x00\xd0\x9c6\x1fB\x1aj\xd9\xdb\xea\x07\xad\x88H\xa9\x9f][\x8b]\xe0\xf5\xc7\x1f&gt;z\x05\xd77\x90\xf1\x03\x97hh\x81\xc3\x00\x00\xc0\xce\xd9d~90\xc2\xf6\xdc\xf2\x06\x00\x08@Q\xb8RnTT\x0b\xec\x1ax\x02(\x03\x9e\x03\x00H\x80l\xa3%W\xf6]\x84\xb5\xf7E&lt;\xfd\xcf\xff2\xd0\xa9\xd6\xbe\xfc\x04A\x86\xc7F\xa3\xf1F\xd5\xde\x1d\xbb\x8b\x1b\x00\x14q|\x05\x08\x93\x01\xac\xc8\x1b}\x17\x85\x1e\xdc\x13\xa9\xeb\xe8\xee\rW_\x87J\xbb\x07s\xfd\xcd\x8f\xa7\xd9\x01\xbc\xe0\xc4b\xab\xa3\x8e\x17\xd8\xc6\xe0-J\xfd\xf5\xda:\x000\x04\xcc`\xca*6\xd2\x99\x9c\xb4\x1ao&amp;\x9c\xcf\xb5\xa1\xb5Uk\xe4\x8f2\xe2;8;,~\x020\x1f\xf6W\xbd;\x04\x00\x00\'n\xb6\xb6\x02\x00\xacO\xd6\x1f\xd3I\x97\x9f\xd7\xe3\x9c\xbf\xef\xb3\x19\x98F\xd8\x07T\xff\xb7\x8a\x88\x12&gt;\xb0\x14\x10\xf9\xa6\x0e\xf9\xaf\xfb\x18g\xc4i\x03\xdft\x9e \x9e\xac[\xbd\x9b\xfb\x9bL\xf1\xb7n\x16\x97\x1d\x8c5\x00\x00\x80\xc1\xe1~\x0b\xd0\xb4\x1e%\x0e\xf8\x0fG\xd4\x0e\xb3\x7f\xa5\xd4\xe1pF\xcf\x00\x04\x060!\xc2\xf8\x9bN\xd5\x8d\x05\x85\xd4\x9c\x13\x1f\x0e\x07\xa5\x0e#\xbc3\xba\xfd\x8c\xb0\xc0\x808\xe0\x07\x00\xb4\xc2\xb74 \xe0\x803\x82\xff5\xa0\x87\xe9?N\xd9\xad\'+!\x0e\xbd\xf2\xb0\x11\xc2P\xe3\xce\x92\xf1\x7f\xac\x1a\xab\xa5\x83\x07"U:(\x7f!\xab\xcaf\xf1\xf8\xd2A\xc3\xbd\xa5W\ty\xe2.\x03\xcd\xf67{+BD\xa4^9B\xfc\xdc\x1ek\xef\xb7\xdds\x96\x82\x93\x17\xee\x9b\xba\x81\xceb\xea\x01\x00V\x86\x94\xfa\x81\xb5uh\xcd1Roc\xa9.\xfb\xce\x99\xe5\x84I_l\xb6\xd3kY\xca\xbe\xc0g\xb6!&gt;\x00\x00\x18\x10\x11&gt;\xacU\xc8\x00\x13\xcaP\xa0@\x1f~X\xb8\x03b\x08\x003\x98\x0c\xa03\xc7\xa5z\xc7\x8e\x17\xee\xda\x1f\xf6Ve\x08\xb2\xb3\xffPul\x00\xc0^\x80\x0f+\x15\xca\xf5\x13\x13\xdcs\xb74\xb6\xc4d\x02\xb0\x7f\xb6\xb9\xa0nNa\xa0CJ]n\x847\xec+H*\xbf\xdd\xae5\xa18wG\xf6\x0f\xf8\xc0=v@\xd3\'\x00\x00\x80\xad\xbf\xf1&amp;\xff\xc5/\x00dA\xf8\xce\x96\x1c\xf4\xe59\xd7n5u\xc1YA\xa7/1SX \xce\n"\xda\xebw\x90\x00 \x0e\xffC\xc0c\x82y\x0eV\x06\x99h\x160\x97\x0f\x9cY\xd6CJ\xbdk\xfe\xe5\xf4\xc1r\xd8\xf5\xcc8\x1c\x0eR\xd9?\x9e$\x80\xdds\xe1\xb5\x15\xe8I\xf5\xe3\x82cD@\x06\x03\x80\x0c\x19Sr\xc7\xeb1\x91:\x1c\xf00\xb3\x12\xd7z\x07X\x14\x00\x00Bx\x9f\x00\xd0\xe9\xdf\xd3\xebt?5]\xff`\'\xa5lM\xa4\xa8\\\r\xca\xbf\tr\x15\xaa?\x0e\x05j\xc1\x17\x92x\x99\xbf\xf9\xf3\xf8!pN\x15\xeb\xe5\x9f\x9d=F8\x1c\x0e\x05\xdf\x8a\x0b\x00h\xc6c\xd6V\x00\x80\x15p?iG\xf3\x8du5\xab@P\xf3\r\x19aC\xaa\x961z\x07\xb1\x07\x8b\xe3\x84\x9a\x87\'\x8bu\xd4\xee\x9e\x1d\xdb\x02\x9d\xc0\x9e\x1c\x84\xd8r\x86\x03@\t\x9e\x834"2\xcf\xd7\xe6_6\xf1\x90z\x13J\xc6\x98\xc3\xd0y|\x82m\xf3\xe3\x95\x80\x08\xef\x8c\xc5\xe1\xaf\xbb\xd5\x07\xff{w6\xd0\x03x\x91 0&amp;\x00\xdb`\x13\xfb\xe3K\xaf\xad@=\xd3+X\x9b0\xf8\xa7o\xfbk\xd7\xda+\xbfa\xe3t\xc3\xf3\r\xffM\xc6\x05c\x91b\xcbsy#\xc0\xc2.Mm\xb2\x91\x95\x14\x80\xb1\xc1,\x02\x1eF\xdd\x00\xf0_.\x1fS\xff3\x05_\xf3\x0f6K\xc2i\xe1\xd8\xabqw\x98\x1d\x80Z\x86\x9aE\xff|\x93=\x06S\xac\x10\x9d\x89\x1b\x1c\xc3\xb1\x17\xe8\x8d\x02C\tg\xc8\x03\x1b\xec\xe1\xd9\xea\xe8 2\x03\xb0\x1fJ\x96\x8a}\xae.\xfb\xeb\xd4\xb7wn\xaf2\xed\xc0\xd2\xb2O\x1eY=\xac\xfb\x0c8\x00t#4}\x1e-\'\n\x00\xb05\xf0xt\xd7\xb4~\xcb\x13\x00/\xe2\xbeAJ}h\xf9\x05!\xeb\xbc\xc0pW\x02\x03\x020\x10\xdd&amp;$f&gt;h\xc4\xd6\\\x0bY\xe3\x86!\xbc\xd6\x92\xcf\x08\xe6\xfa\x14\x01\x19\x98\xb9\rh\xbd\x8b\xc6.\x1d\x80\xd5\xc1\xaayn`o\x19bs\n\xaf\xc2\x9d\x18e\x92\x96t\x0b\xd4\x1a\xdf|V)5\x94?*$\x074\x053\xb7\x01\x8dw\xd4\xd8\x00\x00\x00\x00\x00\xfb"\x9d:\xd8w\x85^5DJ\x01@\x15"y9GH\xe6#;b\x8a\x05`\xeb\\\xb0\xb6\x02\xa0\x1dO\xa8\x96\xf0\x10\x01-N \x9e\x82|R\xcb0\xc3\xab\xfc\x7ff\xe8a\xb5\x0b&lt;\xfez\xd1\xf8\xe0CeC\xe3\xff\xbb~\x99O\x03\xaa\xff8\xa0G\xa4\xc2\xf4\x06`p\xf6\x1e\xdc\xaf\xbc\xb6\x02\x9bf\xdf\xbeq.$N\xeb\x89\x88\xe8=\x99q\xe0$\x13\xef\xf1\xdb\xc0\x1a`\x08~c\xe7+;\x00@ \x83\x1f5Lt\x8d_\x1b\xcdc\xda\xfd\x05x&lt;\xc0\x1d\x87\xb6_\xfd4m\x0f\xb2[\x996\x00\x19\xbc\x7f\xe7\x1b\x06R\xea#\xd7\xd6\x01\x00\xa5J\xbf\xc4Y;,\xd8\xf7T\x05`\'Df)&amp;\xf0\x8ei7\xb8]\x1f\xfa\xe3\x8bkW%\xb1\x01\x90\x1d\x9a\xf1\x07\xbaFCv\xdd\xd1\x8d\x00\x02|\xd2\xba\xcdk\xf3\xf4\x1b\x18eK\xe2\xaa\xb9\x01\xf0\xdc\xcf\x15\x08\x00\x0037\x14\x95v\xce\xf1\xa8]\xdf\x1f\x89\r\xc09\x81\xa3\xbe\x85:W\x84\x19AC\xb4\xbdz\xd2\xd3\x9e\xb2F\\\x85\xff\x03\xb0\x190]A\x08\xf8\x06\x00\x00\xe4\xf2\x19k+0CJ\xe1O.\x00\xd0\x9c\xd8{\xd8\xee.\xbc\xf8\x13\xf7GQr\x1f\xd8\'EJ\xc9\x7f\xfc\x7f\xf7\x1c\x07\x14v\x03\x00\x00\x00\x008_\xac\xaf\x01==\xa4\x0b=\x83+z0\xd7\xe21\xfd\x01\xd9\x7f\x11\x87\x91\xb2\xff\x1d\xbc\xbf\xb1u\xfdgv\xd3\x91Z\xf0Z\x97\x0b\xd3 \xf8\x03\xc9k\xb0\x96\xc1\xf9.\xd1\x1c8\x1e\x00e\x18\xe9`\xd6t\xe5\x1e\xe7\x1fe"_g\xd1\xee\xbbq\xc0\x80\x9c\xefp\x13Q\x83/\xf0\x16@\xfaYe\x1b\x88zF\xd4a\x07\xeb\xec\xc1\x93p\x00@9\xcb\x13\x80\xdc\xcd:\xf7\xa8\xec\x80\xd3z&gt;0\x14\x87\xdd\x1c\xf6\x9c\xefp\x0f\x9bP\x8e\xaa\x97\x89\xa1\xe5\xc8\xd3a\x84\xa3\xd9\xcb\xae\xad@;\x86_[\x89\x94\xbaT\xc7\xb6\x00\x00\xd9\x90K$p;%YMH\xe9\n\xc0F\x80\xcfo\x947\xac\xad@\x1eu\xaf-q*\xd6\x08\xc7,8gz\xbd\x02\x84\xec\x1f\x80\x02&lt;\xa9?k.\xe5\xee\x01H)R\xef\xc4,=\x07\xee\xb4\xb6\x02\x83\x00o\x07\xc2\\\xc5\t\xd7\xb7/K}\xfa%L\x98\x05gK\xa7\xec\x1f\x1f\xda\x01\xa0\x10\xdf\xd9\x7fI\xddv\x1a\x02\xb0\xcd4\xe2yk+\x00v\x85\xe7A\xad\xf6\xb4v\xd0 |\xe7!\xb5\x02\xed\xe9\xe3\x90H?\x00(\xe6\xe0N\x9e\xac\xd7s\xf5\xea-\xdf\xeb=\xdf\x8fK\xee\x82\xfa\xaf\x1f\x85\x03t\x00F\xf62\x88Y\x88\xc8\x8e\xb1Dt8,\xa7\xf9\xc3~\xb2\xa2\x01\x83\x0c\n(\x84|\x9f\xb6?\xfa3F\x16\x80&gt;\\\x90.\x12\xa5\xd7\x92\x83\x88\xb0a\xea^\xd1\x8cl\x1ep\xf0#\t\xd1&gt;&gt;H\x97\xf8\x08S\x99LQie&lt;\xc4\xbdt8\x1c\xf4\x18\x8c\xa3P\x9b\xbd\x19\xa4\x85o\xaf\x837s8\xfa3_\x88\xd0\xdb\xff;1)\x00\xb9\xd4&gt;\x01P\xda\xaa\xd3\xfb\xfci\xcd/\x18\xc5\xf9\xd3\x16\xc1\xa8\xc5\xf0\x9e\xc9m\x916\x1dY\xd7y&lt;\xc7\xff\xd5%\xcf\x81]Mym\xa9U{\xeaW\x19"o\x1f\x10\xbe\xe2\x16\x9c1\xf6\x13\x80\x82\xa9 1\x7f\x8a\xf6\xdfk\xfeU+\x84\x8c\xd6&lt;\xa9\x81L\x8cZ\x8c\xc3\xe1h\xa0\xcd\x1f\x86\x1d\x0e\x87\x06\x8b\xfaa-\xcbh/9\xc7\xce;\xf5Oc\xe1Q\xc0D\x96\x1b\xdc\xad\x95\x16B\x1c\x9d\x1a\xd9\xff\x91y\x8e\xd7D-d\xff\xe0\xac)\xfa\x10\xb0\x95\xd6 \xe3\x00\x00 \x00IDAT]\xa6\xd9\x07q\xb0\x8c\x9d-\x18\xfa5\xc0\'\xea\x06\xc3\x0e\xce\x81\xd1\xa9\xf9.\x87\x0e\x8c\xa6\xcf\x86y\xd3~,\xa9y\xc5~:\x05\xc0\x86\xf0\xbc\x02\xa4\x96\xd7j\xfc\x9bc\xf7\t{\xdd[@\xe1\xa7\xb4}\xff\xe0%\x00\xed\x90~\xd6\\\xff\xb9\xea\x88dL\xbaU\xf0X\xde\x8a\xcf!\x17\xaa\x7f\x93\xf3\x8c\x898\xfcF\xe7\xc2\xf0jO\xfe\n/\x05`E\xfc\x1f\x02&gt;f\xf8|)u\x938\\\x1b\xd1\x01\xec\x05\xe9\xa5.\xf0\x02\x9c\xc0Q+&amp;\xddZ0-\xef\xf9$("e\x01\x93\x19\x83\xb6\xfb\xa3\xad\x1eL\x8f\xee\r\xedN/\x00\x00|BO\x00bs\xd3\xfd\xae\xae\xd5&gt;\x07\x0c\x00X\xa0\xe9\x99\x19\xa6a\t\x03~"\xf0_\x89&gt;V\xfb\xf5\xa8\x9eW\xcf^\xdf\xc8\xbc\'\x86?)\xdf)\xe3\x7f\xdf\xc0\x80\xa1\x00\x00qJ\xbe\x06\x14\x19\x06\x00C\xb2\x8f\x0f\xf1\xae\x05i\xff\x8e\xc2\xc7\x05\xbf-1\xf8b\xbdDh\xbe\xab\x80\x8c\r\x80U,B\xc3\x89\xc0\xf9\x98\xfe\xea\x9f\x1bY]\x01\x00ZS\xf2\x04\xc098Yd0\xbf\xa8\x0e\x91\x17\x806\x9c\xe3\xb7@J\x1d\xd7\x8dy\xec\xc7?\xda\x1f\xff`\x15l\x87\x16\xcbt\x96\xcc5\xf3\x04L%p\x0e\\\xb8\xa0\x8e\xf3\xd1\xdc\xd3\x17\xe4\xb1\'\x0b&amp;\x15p\xc1\xb6P\x84s\\\xb3\xa4\xfa|\x8e\xb6\xeb\x02\xd2\xa9\r"9X\xe6_0\xe8\xa3@\xd5\x82\x02_\x05\xe7\x80\xf3w\x00J\xbeB{&gt;\xa0\xb2\x1e\x0b\xe0\t\x1a\xfe\xc4 \x9f-\x05\xdc\x8b\xc1\xb7A/\xf8\x01\xf9p\xb8\xf6xy\xcb\x94\xf9\xdd\xa5y\x13`d\x82\xa9\x05b)\x00kQ\xff\xed\xd1\xde\xba\xc2\xdfE\xdd4FT\nO\xfcm\xf6\xd1\xa2\xdb\xaa\xfa\xec%\xd6cs\x0b:3\xe0\xb7\xfb\xf3\xd9\xae\xe6\xa0=\xf5\xbe1\xe2\xdf\xbe\x00`|\x0e\xf9o\xf0\x1b\x98\x8f\xf6\xec\x0f\x06\x08\xffY\x80F\xd4\xfd\xb5\x81\xe9\xe9\xf6\xac\xf8pGp\xf8\xd6\xb5\x1c`+0:\xeeg\x15\xba\x7fz\xe1\xac\xa6\xc9Yuv\x8b\xe89\xcc\xe9\xffW\xd3\x05\x80\xedp\x81\xf5\x17\xbd*D\xd9S\xaet=\xea&gt;ue&gt;&gt;8\xdcQ\xbfF\xe0;\xe3\xcf\x99\xe0q\xd1m[\xdaj`\x1f\x01\xdb\xe1\x18\xb1V\xfd\xde\xcf\xb3\n)\xe7\xd3\xd3\x8d\xb2\xb8?\x1e\x03\x00\x90\xcd\xb0\x7fC~#\xcc\xa6{C\xa5\x14)\x85@\x04\xc7\xcf\x9f\xab\xdfD\x9a\x0e@#\xdc?a\x06\x80\x1c\xf0.\x00JIn\x03\x90\xa1z!\xa2\xd4\'\x01\xb8r\\\x0bc\xc9l\x00\x99?\xc0\xbc`\x1bL!b\x93\x1e\xbb\xbb3\xa6\xd1\xa2\xc78\x9a\x00\x006\x80\xf1-@\x87\xc3\xe1p\xf8\xb2\xe3\xcf\xaf7W\x9a9p\xef(|\x17\xe2O\xd3%$;\xdf\x93\xf0,\xa5h\xbc\xaf\xf5\x18\x1a\x9e\x7fN\xafP\xcc\x1e\xfd\'\x9eZ\x17\x8f\x8a\xc2D\xe8\x02\x8clp\xb0\xfe\x7f\xab|\xb2\xf7\xaa\x19Z\xc7\x1f\xfa\x83\xf6\xef\x08\x8c\xa3I6\xd3!\x1a\x00`@\xf6vxS\x89\xe7\x9c\x1e\xc6\t\xb0\xde\x81\xe5W&amp;2\xf8i\x8b\x1b\xd20\xb9\x01\xc0\x88\xb7\x06\x16\xde$\x81xH\xe6\xa4\x0b\xd5\x8aLI \xc3|\xf8\x91\xb9l5\x1a\x94Hv\x017\x00\xa0\x19H[\x8b8\x07\xa3\xfd\xbe\x9c\xa8\x87\xf3\x8a\to\xa2\x0ci;\xf5s\xec&lt;\xcf\x95\x1b\xac\xad@\x8c\x8en\t\xe7/\x83\x94\xfa\xae\xecS\x8c\xee\xa1\x06\xc1\r\x000\x1a\xabG\xa5\x0e\xaf\x9f\xae\xd0\xc7\x06\x1b\x80{h?\xaf&gt;j\xa03\x8d\xa6\xc9\xfa\x8e\x04\x7f\x06\x12\x8c\xeeB\xd8\x00\x00\xd0\x12L\xb0&lt;\xee\xd1\xbc\x05\xce\xe1\xd9\xfbdG-$m7\xbeAx\xc7\xf4,i2\xe2#$\xdf=u\xc0S&amp;\x00\x00\x00"`-\x891\xdewet\xd3\xe4\xbf[\xa55\x8bI\xc7\xb1*\x08"\xe7\xff\xad^Y&gt;+G\x1a)\x165\xe5L\xbaY\xccj\xf69\x1b\x0f\x04`K\x14,\x84\xe1\xb3\xd8\xb1\xf2\xb3?_\xb1\xed\xc16\x00\x0cd\xc6\xae~\xe7\x13T\x03O\x00\xb6D\xf9Ha\x88\xc1y\xb1\xb1\x95\x02\x00\xb0#\xb2\xa3\xcf`\xd9m\xe4\xcb(\xa2\xd52R\xde/\xc8j}l\x9a*\xfc\xc2\xcas\xfa\xfa3\xfe\xd4\xb8\xaf8^\x9bs\x95=1\xd4\xd9DS\xce\xa7\xa7[\xe7s%NL\x00\x00\xa0+#\xad1\xbe\xe8)\x1dU\x83o\xd8#v[\x90\xc6Z\x1a\xc4\x9c\xf3\xc1\xe9/(l\xa0y\x87\x0f|\x83M\xf3\x08u\xd9\xc1\xdcc\xe8\xc86O\xa8f\xdf9\xd6\x95\x91M\r\x00\x00\x0b\x17\xa4\x8b\x9c\x11\xc1\xd8\xbd\xf1\xbdA\xa9\xf2\xeb\xbf\xac\x9f\xfe\xa3\xce\x1b\x1f\x9a\xad e\xe4}\x0f\xd6H\x87)\x0bcje!\xac\xe1v\xc2\xc2V\xf4\x04\x00\xb4\xa5w:~#\xfa\x9f\xce-\x0e\x8f\x7f\xb1&lt;\xd3?\x00|8\xcc\xff\xac\xa5\x02\x9d\x8e/\xddq9\xfdz\x88\x8f\xcdgmh}\xdd\x90\xaa\xc5\xfc\xf5\xda\n\xb4eJ;\x87\x1a\xcaC\xc1\xfcm\x97@\x07$\x9fg\x84UF\xc77\xb3i\xe9\xcdv\xb6s\x004!\xf8a\xca\xba\xbf\xaf\xc4,\x8f\x97\xad\xfb#\xf5\xbd+\xde\x8f\xdbr\xb7\x9aCD\xde\xda\xcf!\x80A\xd8\xfdX\x8c\xf6\xddV9\xef\xef\xf5\xd3\xfcc\xba\xb4\x02z\xd1\xfc\x1dQ\xfa\xc9\xb1\xa6\x15\x00\xbda\xbd\xb9\xae\x85\xfb\xe3\x84\xf9\xb6\x94T\xe6\xbc\xc2w\xb6\xac\x82m\xf3\xfc8K\x95\x9fm@\x02\xbd#0\x94\xad\x99\xbfTm\x04S\xe7}\x80\x073\x1d\x94\xd2\xd8s\xe0\x99\x00\xb0\xc8\xfevE\xba\xcc\xa0\xb3KL\xab\xf6o\xb1\xb7;\xff8\x8d\xe6+\xa7\xac"\xbb\xa1A\x07\x17\xec\x9b\x8f.\xaaEJ]XX\x91\xbeh\t\xf7\xca\xf3n\x1cMz1N7\xc7\xd1d7\x9c\x8f\x1b\x03\xe0\xe7f\xda\xcf\xb2\x93\xa1\xc3\x17\xec4m4\xd5R\xd1\xf7\xd8\xe4\x7fQ}\xc3\x1e\x95\xaf\xe5\xf8\xba\xfd\x00u{\xb6\xbf\xc3\xf7\xfdE`[\xc6\xfdP\xc7E\xe5\xb5\xe9\x886O\xd7\xdf\x00\xac\xae\x03\xa8\x04A\x06\x00\xb0\x0f\xfc\x9f\xe0\xec\xd4vq\xf6\\\xda`iEi\x9e\xd73\x0f\x08\xb5\x95\xb7\x8f*M\x1f{2D\x92\x07\xc6\x03\xdf\x04\x0f\xca\xf8A\xefU"R\xean\xd6\xb5\xf6\xca\x00\x00\xc0\xae\xe8\x96\xb1\xfd\xceH\t\xe2\x08:\xe4\xb0\xee\x9f\x1d\xc8c\x13J\x8e\xc5FF\xb6\x9c\xedxo=g\xd2\xcdu\xa1\xf6\x1f\xb15\x9b\xc3\xb0\x020\x18\x98\x93\xb9\xd8\x0f\x1c\x1a,\xcc\xeb\x0eJ\xfe\x1bMv\xf5A\x9d\xca?Lx\xa5A\x86\xb5m\xe8\x19\xdcq&gt;5+\x01\xd1k\x9b&lt;9\x1c\xe1]\xbe\xd5\x15\x18\x96\xb6\xdf\x81\xa3\xbe|G\x13\x04\x00\x00"\xb4\xf8\xf8\xdaI\xa6\xc4"J\x1a\xf5\xd2\xfa\xa1\x9b\x94\xad\xf9 /\x13o\xcf\xda\xc0O\xfdKbc\xd3f\xbe\xe4MC|\xf2g\x93`\xc8t`\rpv\x08\xfe!0R\xea\x83r\xd2\xbar8\x1c\x0e\x87\x92?^\xb3\tVK\xa9u\x93\xe6\xfda\xb3\xf5\x07bR\x1d\xab\xc2.\t9\xd8\x10\x9b\xcf&lt;\x0e\x07\xa5.\x94_\xed\x8di\xa9\xdcix\xab\xc9j[3]\x8c=\xf5%\x00\xe1\x98\xe3\x04\x8c\x00\xc0\x868\x86\xadW\xad\xadF\'\x1a\x7f\xc5^\x81\xcc\xb6_@\xa4^\x94#\xbf\xd5W\'\x15}\x0b\xaa\x18[Z\x90\xf6\x91F\xec\xa3\x17J)\x8e\xf3\x10\x91\xfa\x03\xf1\xce\xee\xc3z\xe7\xc2\xf9}sk\x04\xc3\x08S\x1c\x80Y\xc0\xceY\xff\xa8\xb5\x8c\xe3\x14=\xe4\x9d+\x1b\x02\xd6\xee;)\xe2\x9e\x8b\xcfyIE\x7f\xa3\x9a\x0c\xe7\x06#\xa8t\xb2z\x1b\x9b\xef\x8ai2\xaa\x01F\xedDA| \xa2\x83\xca}T\x05\xc0V\xd1\xb7\xbb\x88r&amp;#,@\x004G\xf0\x15\xa0\xde\xf8BV\xe3\xaf\xd1\x94&lt; &lt;\xf0\x1f\x9a\xb7\x8c\xces\xa4\xfb\xe3\x91\x0e&lt;\x06\n\xbe{9\x15\x8eP\xdb\xc1\xc3\xe18`\x03\x8dZ\x01\x87\xc3\x01\xd9\x7f\x07\xce`Bm\x83yYA\xf6\xef\x00\x83\x00\xb05\xda&gt;\xc4o\xfdA\xb7U\xd6\xc5\xf9\x11\xb0\xbfwO\x15lG\xff0\xf3\xf1\xdaH[\x0e\x1b\xf1\x0f^\xff\xe2\xb8y\x8fD\x1f\xcd\x17\t\x88H\xa9\x1f\xab\x95YEn\x8f\x86\x1d\x1d&gt;[\xeb\xc2\xb83\x02\xf4$\xbe\xb0\xee\xe6\xc5&lt;\x00\xc0\x89\xeb(\xa5\x9a\xacXD\xeaw\x1a\xc5\x0b\x84\xa1z\xf4\xb7N\x99\x1b\x00\xcf\xd78vX\x12\xc47\x00#\xbfn{\xeacUOI]w\xaa~\xe1\xcd\xad\xd9\x1b\xfc\x8a-\x87\xad\xeb\x0f\x86a G\xda\xc1\xc4\x04\x00\xe8\xb4L\x83F\xcd\xb16\xc5=G\xb2\xe1\x87\xca\xaaU\xa7\xef\xe2\xf9\xfa\xf8_\x95(\xda\xd9-\xa1o\xf7\xb6\xa5yS`\x8a\x00\xbf\x8eU\xa6\x07\xc3\x9e\x98\x00\x00j\xe8\xf0.\xcd\xd9\x07\x8e\x8a\xe8\x19M\x83\xc67,)\x81\r\x80\xf4f2\xad\xcc\xf8\x86Mr_\xc9^|v\xf13\xa2\\\xb0\x01\xd8\x12\x18# \x00\xbc\x08\x00\xb0W\xa8\xeaC\x0b\xc1\x8a\x1bX}O\x89\xfb\x07\xabU\xed\x9c\x11\x0eo\xd8-Ptjx\xa3\xf3N\xfd7\xd6q\xf3m\xba\x0f\xaf\xacM\x9a\x8d\x99\xb7\x19/X[\x01\x8bO\xbc\xc2\xf9Ny\x00\xc0\xde\xa9\xdb\x03l\x96%9`\xf6=T\xec\xf5\x8cc\xfb\xad\xb3\xb7\xde\x95\x8f\xd7\xce\x07:\xc2\xc6:\x8eg5\x00\x00\x00@\x9c\x15\xbfYH@LQNF\xf9\xaf\xee\xf4y\xcfd\x15\xfeim\x05\x00h\xcdF\xe7\xe6&amp;\</t>
        </is>
      </c>
      <c r="E569" t="inlineStr">
        <is>
          <t>&lt;class 'numpy.ndarray'&gt;</t>
        </is>
      </c>
    </row>
    <row r="570">
      <c r="A570" s="1" t="n">
        <v>568</v>
      </c>
      <c r="B570" t="inlineStr">
        <is>
          <t>steps_per_sec</t>
        </is>
      </c>
      <c r="C570" t="n">
        <v>6400</v>
      </c>
      <c r="D570" t="inlineStr">
        <is>
          <t>2.607644</t>
        </is>
      </c>
      <c r="E570" t="inlineStr">
        <is>
          <t>&lt;class 'numpy.ndarray'&gt;</t>
        </is>
      </c>
    </row>
    <row r="571">
      <c r="A571" s="1" t="n">
        <v>569</v>
      </c>
      <c r="B571" t="inlineStr">
        <is>
          <t>Loss/RPNLoss/localization_loss</t>
        </is>
      </c>
      <c r="C571" t="n">
        <v>6400</v>
      </c>
      <c r="D571" t="inlineStr">
        <is>
          <t>0.08324604</t>
        </is>
      </c>
      <c r="E571" t="inlineStr">
        <is>
          <t>&lt;class 'numpy.ndarray'&gt;</t>
        </is>
      </c>
    </row>
    <row r="572">
      <c r="A572" s="1" t="n">
        <v>570</v>
      </c>
      <c r="B572" t="inlineStr">
        <is>
          <t>Loss/RPNLoss/objectness_loss</t>
        </is>
      </c>
      <c r="C572" t="n">
        <v>6400</v>
      </c>
      <c r="D572" t="inlineStr">
        <is>
          <t>0.020222358</t>
        </is>
      </c>
      <c r="E572" t="inlineStr">
        <is>
          <t>&lt;class 'numpy.ndarray'&gt;</t>
        </is>
      </c>
    </row>
    <row r="573">
      <c r="A573" s="1" t="n">
        <v>571</v>
      </c>
      <c r="B573" t="inlineStr">
        <is>
          <t>Loss/BoxClassifierLoss/localization_loss</t>
        </is>
      </c>
      <c r="C573" t="n">
        <v>6400</v>
      </c>
      <c r="D573" t="inlineStr">
        <is>
          <t>0.097955585</t>
        </is>
      </c>
      <c r="E573" t="inlineStr">
        <is>
          <t>&lt;class 'numpy.ndarray'&gt;</t>
        </is>
      </c>
    </row>
    <row r="574">
      <c r="A574" s="1" t="n">
        <v>572</v>
      </c>
      <c r="B574" t="inlineStr">
        <is>
          <t>Loss/BoxClassifierLoss/classification_loss</t>
        </is>
      </c>
      <c r="C574" t="n">
        <v>6400</v>
      </c>
      <c r="D574" t="inlineStr">
        <is>
          <t>0.072513014</t>
        </is>
      </c>
      <c r="E574" t="inlineStr">
        <is>
          <t>&lt;class 'numpy.ndarray'&gt;</t>
        </is>
      </c>
    </row>
    <row r="575">
      <c r="A575" s="1" t="n">
        <v>573</v>
      </c>
      <c r="B575" t="inlineStr">
        <is>
          <t>Loss/regularization_loss</t>
        </is>
      </c>
      <c r="C575" t="n">
        <v>6400</v>
      </c>
      <c r="D575" t="inlineStr">
        <is>
          <t>0.0</t>
        </is>
      </c>
      <c r="E575" t="inlineStr">
        <is>
          <t>&lt;class 'numpy.ndarray'&gt;</t>
        </is>
      </c>
    </row>
    <row r="576">
      <c r="A576" s="1" t="n">
        <v>574</v>
      </c>
      <c r="B576" t="inlineStr">
        <is>
          <t>Loss/total_loss</t>
        </is>
      </c>
      <c r="C576" t="n">
        <v>6400</v>
      </c>
      <c r="D576" t="inlineStr">
        <is>
          <t>0.273937</t>
        </is>
      </c>
      <c r="E576" t="inlineStr">
        <is>
          <t>&lt;class 'numpy.ndarray'&gt;</t>
        </is>
      </c>
    </row>
    <row r="577">
      <c r="A577" s="1" t="n">
        <v>575</v>
      </c>
      <c r="B577" t="inlineStr">
        <is>
          <t>learning_rate</t>
        </is>
      </c>
      <c r="C577" t="n">
        <v>6400</v>
      </c>
      <c r="D577" t="inlineStr">
        <is>
          <t>0.039801374</t>
        </is>
      </c>
      <c r="E577" t="inlineStr">
        <is>
          <t>&lt;class 'numpy.ndarray'&gt;</t>
        </is>
      </c>
    </row>
    <row r="578">
      <c r="A578" s="1" t="n">
        <v>576</v>
      </c>
      <c r="B578" t="inlineStr">
        <is>
          <t>train_input_images</t>
        </is>
      </c>
      <c r="C578" t="n">
        <v>6400</v>
      </c>
      <c r="D578" t="inlineStr">
        <is>
          <t>[b'1024' b'1024'
 b'\x89PNG\r\n\x1a\n\x00\x00\x00\rIHDR\x00\x00\x04\x00\x00\x00\x04\x00\x08\x02\x00\x00\x00\xf0\x7f\xbc\xd4\x00\x00 \x00IDATx\x9c\xec}y\xdcF\xdbT\xff\xda\xee\r\t\x17\x85Td(!!\xf3\xacDJe*\xf3\xd8teH\x86d\x9e\x87\\\x84(S"\\eJ*C\xfc\xc45g\x8e\x06\x94\\C!\x8a$C\x86\xd6\xef\x8f3\xeda\xad\xbd\xd7\xda\xc39\xe7y\xdf\xfd\xfd\xdc\xe1}\xce\xd9{\xad\xef\x1a\xf6\xda\xfb\xecs\x9e\xf3\x00ttt\xd4\x06\x06\xa0\x8e!"^\r1\xec\xbd&amp;5\xefHK\xd5\x0e\x83\xc6f\xc6\xf4C\xae\x99\xb6\xd3\xear:*@D\xdf\xbd\x15S\xcbIT^`\xe34.4\xa7\xe9X+IN\xbf,\x84\xa7\x00\xd0\x1b&gt;dMKK\'\x1a{\xaa\xaf\'\xa6\xfd\xe8\xec\xe1\x9c\x82G)m\xa3D&amp;\xa9\x07j\x96\x14\x97\xa73X\x0e\xa0j\t\xdc;\xb9krZ\xd8\xa5]\x05(\x1f\xbc\xdc@\xb0CV\x8b,\xc0\xf9\xe2\x1a+)\xea\xe8\xe8\xb0@\x8d4\x04\xc0\x07M\x15\x99\x1b\xedT\xc7\xaf\xcf\'\x0b*\xb8\xad\xe8\x8f\x03b\xa3\xe2\\\xe1\x8cJfV;\xdc\xeaS\xbb@\x1fIx\xce\xa9&lt;\xd9l\x1e\x02\x7f\xe0\xe4vo\x95\xffEb#F-\xc7\xdfj\xd9\xae]UD\x1a\xef\xb0,P|j\x93\x14\xbb.C\xec\xdb\x0eg\xdd?!\xed\x87\x9f\x1f\x1a\x9c\x8av\xfb\xb5\xd2f\xd2U\xa6\x8e\x1c5\xaaqTKK\xa1\x8a\x8e\x8e\x0e\x02\xe9\x916\x1f\xa7\xf6\xc0\xdc\x8e\xe8w\xc9(\xe8!\x8d\x1a\x85,\xa9\x93\xa1\xda\xb4\xfa&lt;\xb2\x8d\xd8\x01\x08\xf7_\xf9\x8e\xcd\x81c_\x93M|\x81+c\x88\xf8\xb8%\xb1\x8b\xf6\xda\xb3\xfa\xa6%7\x10\x1b\xd5\x17)Y\x82\x1e\xd9\x9as;:\\\xd6\xd0\x92\xa0\xd0nA\xb6\x87\x11\xa7\x84\xc0\x15N\x83\r\xca\x0b\xfe\xfd*K\xf3\xd1\xa8\xa2[C\x02\xf9\x1d\x1d\x1d\xd5!\x1bi\xc3qz/\x8dZ%\x8cGn\x91S\x14&lt;i\x9e\xae\x8bk\r,E\xc3\xea\xc38g\xd0x\xd6B\xa5\xbdn\xea\xb0\xb3\xc9\xe6Y5VE5\x9e\xd6\x98\xc6\xb8\xb6K\xca\x8dk\xfb9kU\xe17\x1e\xff@\x84\x1b;\x0f\xdbD\x85\xbch\x10\x15\x8a^\x04\xa6\xf0?\xa5wK\x8a\x11\xb8\xee1*J\xbb\x18Su\x91\xce\xa20svS^\xa4 G\r\x07xk\xcb\xc7\x8d:::\xaa#\x18f\xc9\x91\xf6D\xc1\xc8,\x1c\xba\xce\xd3&gt;z\x86\x87\x02\xe2\x91\xaa\x82;\xc5\xaf\xf3\x84\xaf]7\x0f&lt;:Gn\xb2\x11.O\x85\xa24\xad\x1d7\xdaYa\x93\xf1\x88\x85\xa3\xbb~\x142V\x15\x1e+\xaa \xa5\xd3&gt;l6~\x9c\xfe+\xb7 \xda\x98\xa0\xb1\xa8V\xa6\xc1\xd0\xebn\xc8\x1a\xae\x95%W:\xfc\xa9b\xdb\x08I\xbf%]a\xc5]\x9a-\xbb\xc2E\xb8\x8c\x9f\r\x99\xac+\xffr\x88\xe3\x99\x92|\xeb\xe8\xe8\x10B5\x93\x85]\xb8\xf6Z\x99\x02j\x87W=Spl\x19\xad\x9b\xb6\x8b\xf2V]\xc4\x11w\x99UBWB\xc0\xe2p(a"\x968\x9b\x10\x10\x1d\x97r\x9bC_\xcb\xa2\x1f\x947\xb5\x12\xcf\x19\xb6\xf6\xf8\xb5X\x05\x03\xbc&amp;\xed\x11g\x0cva\xf3\xe4\xd3%)%\',_\xae\xb1i\xa5\x80\x9e\xd3\xd4\x84\xd5\xe3\xd1\xe5\\\x16\x0ei_[]\xd6M\x83\xea#7q\x17+uI\x06\x00\xbf\x04a\xd0O;\x94\xda\x08\x90^!\xb4\xb2\xa5p\xa8vtt\xa4\x91\x1a\xde\x89.\x91V\xcb\x93\x00\xda\xd1\xeb.\x1d\x1cuG\xb8\x10\x8c\xfe\xfc\xee\x82\xde\xf4-\x85\xf9\xc0\x8a\x17\x00\x07W\xb5\xd7\x9al\x98;fD3\xa2\xa5t\x84\xdaK\xa82\x8b\xb2\xdc2\rUo\xe4\xda\t9\xff\xedT\x1eG\x17^\xc2\xbfv\xcd\x8fK\xc8\xc7\xb5H!9\xab"\x05J\xa5.uzi4:"\xa6.|G6\xafF\xed\xafn5(\x16s\xf8\xe8l\x85\x8f\x02\x9c;rz\xe6\xf9\xe7\xca\xfb!\xa5\xbcV\x87;~\xbd3\xce\xb8\xee\xe8\xe88,hk\xae\xd7&gt;2\xf2Us$)~oSB;\x94\x1b\x98\xac\xc2m\xbd7\xf0\xbf\x89\xbb\xd5\xba\xf5lw\xba\xb8\xe5:i\xc6N\x96\xde\x80rh&lt;p\xfa\xe3\xcf\x14\xf7\xd9\xbf\xea\xacn3\xb3"\x18\xe9:8\xdd\xa75\x84}\x8aj\xc8\x85\xa0B\\j\xd5\x93L\tn\xfbd\xdf\x90*\xa9T\xc3!s\x95V\xecy\xf5\xb4\x92\x1f\x9dz\x837\xc5\xc1\xa3:\xfc\xf7\xba\xb5\xb4\xef\r\xb7\xb3\x07\xb2\x05\xcf\t[\xd1\xeb\xe8\xe8\xc8\x813\x80E\xd5\xf3\xc3a\xa5\xfe?\xfa9\x93\xbc\xba@\xcc\x04ES\xc2a\xe0h\x14PbI\xb7%\x9d\xdc\x9d\xddv|\xb8\xc9\x92Huk\xad\xec\ta\xee\x0f\xe4\xf0I\xb8HQ\x16"\x02f{\xbd\xfbQdC\xaeh\xd4\x89\x0b]O\xfe$C2\x9b*|\x16)V\xfc\xc3\x87/\xf9\xa2\x08\xe7(36\xcf\x87\xedGq8\x00\xf2\xc3}\xd3\x8a\x8c\xe2M\xec\xb4,\xe3\xbc\x7f\xc4\xe3R\x18\xb2\x8e\x8e\x8e-\x90Qs\xa9Z\xedLQ\xf3\x1d\xe7\xbc\xa2@\xca\x0fg\xbe\x83D\xfc\xa1)\x1f\'4d\x92\x0fQ\x14\xf6\x11\xb2\xbf\xd34._y\x88\x15\x10Z\xbcSw\xb2O\x90-\x0b\xb9\xc0\xb2dY\xe3\xd6\xd0\xf4\xb0G\xfa\x02\x80\xe3\x93kr\xd0\xeb\x04O\x05\xf7w\x96p\xffJ\xf2\x92\xf6\xe1\x84\xac\xb0\xdcq\xde\xb8\xcer\\\x19Dq\xcbv\xcf\xfc\xb0\n\x83\xc7\xc6\xc4}-\xfcR\x8d\xa1\xc1\x0e\xd2h\xbf\xed\xa7\xa7\x96\xe5K2\x0b\xff|Eu\xf5Dutt0 f\x1dM\x17\xe7\xd1\xde\xcb\xfbB\n\xeaQ\xfc\x99\xddC\xc54\xa9Kf\x8b\x837V\r\xf7&gt;R4\xdc\xdb\xcf\xb5\x19\xa0\xf2\x99\xbe\x0f\xe0\x1d$\x85\x15rir\xc1CI\xb3\x0bE\xa4\xe7E\xab\xae\x9fF\xdf\xde\t\x97\x11\xb7\x16\x98(\xffk\x8a\x06U\xefb\xd5\x0f\xc3^~\x03\xdfv\x8d7\x9a8\r\x11\xf1\t\x02?\x94,\xa6\xcbR\x1a\x11\x11.Hx\xe9 &amp;\xa0\xef\xe7I\x86\xd5F\x0b\xaej\xad\x03\xb3\xbe\xca\x8e\x8e#\x8f\xb0^\x18#\x18k\x88`\xc0\x1e\x95\x9e\x1c\x91\x90:\xdc\x866\x94:D\xcca\x82\xad\xaa\xcdd\x8f13kNQ3\x0eG\x01\xa3\x1f\x8d\x9b\x81\x07\x82!\xb2Kj\xdb\xf99\x1f\xad2|b$\x10\x8d5\x8dWRG\xc6\xc5\x19\xc4\xad\xed\n5\x06|\xd6\xd6.$ \\\\F|\x0b\xb6{\xdd3\xe3\xf1\xa0h\xaf\r\xbb\x006\xa31(Y%\xd3\xd6\x05"\x0c\xe5#m\x1a9}\x94\xcd)\xf7G|\xd4\xf2i}\xf7\x9eae}\x1d\x1d\x1d,\x8cYa"I+\x98v\x8b\xdc\xed\x19wC\xec/\xb4\xdb\x15\x8d\xec\xb2\xa6d\x8c\xef`\xefd\x9f\t\x01N\xdb\x9a\x03\x81\xddo\xc3\xc51d\x97\xb1f\xd0\xc5\x1ec\x1e\xbe\x1a\x8f\x96^\xa4GP\xfb%\x03\xb1Kk4\x9a\xcb78\xbd\xab\x9d\x01\xf6\x92\xdd+N\xb3^\xb9|\x8b!kW\xb8}=\x10\xda\xf8\x82y\xb9&lt;\xd9\x92\xc5^\n\xec{\x154\xe6\xbc\x94\xad\xbc\xc96E\xa1\xb7W\xff\xf6\xe1\x12\x91\x05};::*\x03\x8b\x9e\xac\x88\xdd\xad\xce\xa7\x14\xbd\tN?5KBc\xd7c*\x91\xa7\xa9\xb6qT}4\xa2WnxVL\xeb\x83\xb2\xe2`\x1eL\x8a\x0f\xabB\xa1\xbe\x13\xa6\xb4\xd7R\x03\x00\xb8\x00""&lt;K\xd0\x97\x19\xf8r\xd5\x95\x1c\x12\x13\x12\x16%\t\xbc\xe7\xb5l\xe1\xe4\xc1\xc8\xf1\xcd\xe1\x1a\x15kU\xf1\x11\xa0\x07\xec\xc1\x03e\xb1h\x16J\xf9\x95\xe7\xa8}\xfcc\xfa\xbb6\x1f\x16G\xee\x86NG\xc7\x1e\x81\xd3n\x91z\xc4\xcd\xe5\xa0\xe2\x1d^\xbb\xc4\x84b\xb5\x05H~/\xbe\xfa-\xceI,\x00\x18\xc7(\x00\xf8\x11\x80\xbfO\x13[\x13-B\xc9HFD\x9d\x96E\xc2\x85\x01N\xdf\xd6i\xf6]\xf5%\xaa\xfb\x7f\xfc`\xceF\xad\xf3S"G\x04\x1e\x10&gt;~\xc0\x0e\xe8\xa4K\xe3\xa5@\x12\x91%\xaf\xbe\x00p\xae\x12\x87\xe0\xf4\xac\x8d/D_\xaf\x08\x1a\xce\x08B\xf69.\xab\xd9\xde\xb3\xd1\xc3\x98\x9c\x10yB2-\xa1\xaa\xd5\xa5\x0fd\xba\xb3X\xce\xd0\xd0\xcfJ\xd5\x1f"\x9d\x05\xda+\x84B-\x8a\xee\xfd\x11\xa0\x8e\x8e\xf50_\xe5\xcban\x0b\xa0\xbc\xe7\x0e\xe2\x9d\xe6\xff\x15\x885\xe3m\xf7\xe0\xb8\xb1\x9bl\x8a\xd0P\x03\xf0w\xc3w\xde\xf6\xb2\x7f\xec.\x1d\xda=\xaak\xa9\xba\x92\xa2\xa31\xe6e\xc3_\x1f\x1d\xe4dl\x8c\xd5\xf2\xb3\xed\x9c\xa7.\xd2\xf7\xb0\xe3\x08\x89\'-\x86q*\x0b\xb1\xb7\x1b\xcd\xcb\xe3\xb5\xc9\xc2\xc4&lt;;T\xbc\x98\x93D\xc4\x98\xe9\xbfE\xab\x7f\x18\xbdJq\xf6\x0c\x89\x9b\xf5\xea\x88tsO\x18\x1e\x07\x9a\xe4\x84.\xb2\x1e@\xaa\x88\x0b\x08\xf6\xefK1\x9aS\xca|\xa51\xa8\xf2\x06\x99\x14U\xe9\x8c\x98\x1e\x15[\x0e\x90\xad\xacIG&gt;6\ru0\x0f[O\xc7\x1d\x1d\x1d&gt;P2\xdf\xd3=\xf5\xca.,\xb8\xb9\xc9\xd3`os\x07&amp;(\x96\x89-\xee\xb4:\x0fB \xba\xf4Z\xdd\xde\x9d\xd5\xea\xe2(\x88H)\x1f\x0f\x00\xcf\xcb\x90d\x0b\xacK2\x17\x939\x7f\xbd\x03&gt;\x15\x17j~\xb0b-\xf9\xab\x0e)\x19W\x91\xb6\xfe8\xed\xa5\xb4\xad\x0e\xb4\xc6\xca\t6\x86&amp;\x8e\xb8\xedA\xe35\xe0\xd3{\xd5\x0e\xf2\x9cB\xb5\xcc\x17(ru\xf9\xd3\x10\xd3,[QMP)\xb7\x86\xde\x8e\x8e\x8e\xfdb\xbd\xa9\xe5N\x8a\t\x8f\x83\xd5\xfd\xc6\xe4\x19\xfbH\tYN\x7f\x96\xd8\x89\xdbH\xef\nyB\xd27\rt\xa1t\xa7+]\xe8\x11\x10\x7fY\xd0\xc5\xcf\xae\xfcy\xd1\x9at\xfb\x14\x05\xfe{6\xeb\x8e\xdf\xf5jBu(\x92\xf9\xfcd!\xca\x1a\x0eK\xe7!\xc3_G\xe5y\xb8\x02\xd3\x14\xc3\x15#2Q\xa2x\xee\x11\xbc\x03k\x8e\x08j\xe3\xc6\xcf\x1c\xeb\xf8\x7f\x15\xaa\xab\xee\xedd\xd6\xf1Q~wDfQ5\xde\xcdm\xf0\x8e\x8e\xe3\x84\xff\xf5\x7f\xbdk\x85\x12\xefh\x19G~\xce\xf8\xe7gM\x04xo-\xb6\x11\xf5\x03\xf9\x9fIx\xcc9\xfe\n\xe94\xcfk\x95\x04(3\x94\xea\xc6*-uRk\xee\xded\xce(\x8d\xce(\xe1\x94RbLb\xdbx\x07\xe5\x7f{X\xe5+\x0f\x88\xb4-\x08\xdb\xc2\xadE\xd4q\xa5&lt;k\x81H\x177\x7f\xe4\xb0u,I\x19\x01\x9eO\x10(\xc6\xa3\xfd[\x94\x83\xcc\xfbY\xdb+\x07\x95\x0f\xf5\x12\x98\x89\xd7\xeb\xaa\x08_\x07s\xb6;\xb6P\x9b\x08\x96\xd3\xa8\xb8[\xbd\xa6\xb3\x97\xce\xa6D\x96\xac#\\v::v\x00DD\xbc`P\x0e\x9a\x0e&lt;\xaa\x86\xde\xb0\xe4\x02`\xa32\x91\x9e\xbf/\x1f\xd2+#,\x88\x11\x86-\xf3t)\xb9\xac\x16\x0b\x84\xb6\xab\xd2\xa2k\xb3\xf3\xcf\xc4~\xb3h\t\xee\xf8\xf3\x95\xf4\xd4H\xb8=;\n\x88\x00\xf8\xa3\x88\x88\xf8\xfd\xc1:\xf8u\xa5~F\x9c*\x0c\xbc~o3:;~3&lt;\xe9G\xc4\xdd&gt;\x87 FT\x10E\xea\x98\xf6A&gt;\x94\xe3\x89\xbe\xa8\x9a\xc2WE\xa3{b\xc9\x9f\xba\xdb\'&gt;\x02\xfcl\x12\xcdP\xda\xd29\xc3\x97&lt;/E\xd54\xee\xe8\xe8`\xe0l\xf6`\xcd1\xccjt\x15qw\x00\x12d\xfcB\xdc\x92\xf0E\x9c\xbb\xba\xbfH\x92\x88\xdf\xeb\xf7\xfc\x9c\xc9#Q\x8b\xbd\x83D\x83&lt;\xbd\x9e~\x92\xccZ\xb1\x00\x80\xd3\xe2\xb3\xd1\x16\x18\x83\x9b\xb5E\xca\xee=#"\xfcq:\xf9\x17\x8d\xb1\xdcHph\x17\xbeT\xd2n\x0b\x8b\x98\xc7\xcdq\x88\x8467 \x14P\xdd\x04\x00d7n\x1b\x85r\xd6R]\xecaa\x1dW\xaf\x02z`\xa6\xb2\x94\x96\xb2\xdc\x02-\xf6FDWGGGu\xacZ\xce\x1c]\xe43&lt;\xa9\x8aC\ti\xcb\x96W\x91(\x8b3~\xc0zN\x03\x10\x01^\xab$\xf2\xf2T!\xe6b\xb7\xe8-\nn\xe0\x87\x90O\xcb\xc2\xed\xdfq\xde\xcd\xf4 Z\x1d\xf2g\xfc\xb8$3?l6w\xcfvK;\x7f\xa6\x92vc\xf8&gt;\x0c\x1e{\xb0B\xf3P\xa1\x9cl\xa8h\xc3\xff%\x16m%\xb7U\xe3\xdb.Z\xa9Z\x1a\x87\x02D\xfc\xa3\xc9c\xd7\xdb_nKA\xc4\x94\xcc%6K\xdd\xe3\xd5V\xff\xfaL\xeb\xe8\xe8\xc8\xc2\xba\xa3.5Qy\xd5\x87\xa2\xf4\xdb\x826u\xb9f\xf7\xf5\x0c\xbc|\xde\xf4LL\xf0D\x8bd\xf7\xca\x8e\xf2\xc5\xf21\xad\xa1\xc9\x9e\x87\xf62=\xa4\x8d\x1d\x1a\x9c\xc4\x9e\xff3\xcb\xa2?\xb2\xadK\x1aX\xd1\x15\x08\xf0\xb3\xc5BH\xb1cz\xec(d3\xdc\x02\xe21\xd4\x04"q\x05\x00\x0f\x8e\x9eN+\xf2\x86-\xd5x\x16\xf2\xb2F7\x18\xc7F\xfa\x02\xb2\xbf\xb8W\xc4\x95)\x8f5\xbf\x8b\xde\x1an&amp;\xb8W\xc5k\xean\xad\xab\xa3\xa3\x03\x82\x15y}\xf9\xe1\xdc\xc6\x94\x18\xe24=/\x9eO;\x89f2\xdfI=\x12M\xcf\xa9w\x08\xd6z@3r\xa4\x95\xa3\x88@g\xca\x89(\xc8\x15\x18\xe9\xf8\xd2i\x83-q\x91\xc0$\xb3\x88\xc1_\xedw\xa6\xdc)\xb1s\xd2\xae\x0e\x07\xc8\x1c8\xbb\xbc\xa4\xefI\xce\xf84""\xbe\x7f\xe8K\x07Y\x10n?\x7f\xc8\xf67,\x1czu\xc6\x17\x85\x7fj\x90\x9fV86\x86\xe51\xb4\x0f\x8d\xe9\xb4\xdf\xb1\x19\x83\x9b\t\xab\x9a\xd0(\t;::h\xb4+\xfd\x9e|\x80\x0fpjKnX\x07\xfc\xeb\x99\xd0Nr\x11\x91\r+\xe3V~\xf0\xcc\x7f@\xb6\x8c\xea\xbcb\x1b\xb7\xa0X\x07P\x99|,\xd1z\xac\xd1E#\xc6\xc4\xad\x00\xa9\x1b&gt;\x9eL[\xcb\x85\x91CT\xacs\x8a\xed\x82\x08\xa7\xef\xf1\x02\xa0\x05j\xf1D,y+\xb1\xc3\x04\x11\xe1\x7f\x96\xcdr\x80+\xa5\x18\xee\xd7\xc9\xc5\x99\xb0\xdc\xfa\xfb\xa8{\x0f\xa1\xbd\xea\x8e\x8e\x0e\x15\xa4\xf3P\xb9xz&amp;\xcb\x1e\xea\xfclZ\x07{\x9a\x14w\xc2\x04Q\xb6\x9cm\xa2\xb8F\xb6\xb4`\x15\x1e\xb6V\x81\xd3\xee\xb2B\xde\xdc\xf7l5\xb9\xee\x1fWE\xa8\xb7\xb6\xe3\xf0\x14]\xc5\xf0\xee\x00\x80\xb6BzZ\xf8\x92u\xaaRX\xfa\x9e\x92\x8a\xaa\xd8!c\xe3m\xd7\xaf\xee\xe0*\x16\x84\x08\xf0\xccR\x11-\x93vu\x94XD\xa67\n\xe7\x8e\xa3\xe8\xcc\x8e\x8e\xbd\xc3\x1e\xa8mDS\xf2%\x15A\xab\xad\xa2\t\xbb*F\xbb!\xb3\xf1m\x10x\xd8\x8e.\x00\x88g\x87\xbe\x1aN~:i\xbb\t\xf4\xaa\x18\xed\xb5m\xcf2_\xe24{Q"\x97\x9b\xcd\xc7\x8e\xa6\x1f`\x05\rUn\x10\xc5VK5\xd9P%|\x1fh\xc2\xf9H\x0e\xd8\xec\x01\x08\xccU\xaewR\xd2\xf9\xc4&lt;\xf5\x1d\x1d\x1dJ\x18c\x96{\xd6\x9f\x038\xb715E3\x03\xde\xc4\xb5 "\x801\x00 \'S\x8d\xf6\xde`\xbb\x11\x11\x13\xaekI\xa4\xb6@\x14\xca\xdc\xce\xe4\x08\xac\x81\x03\x00\x00xf\xf7\xb4F\x96r\xc2E\xc4}\xfa$\x1f\xe8\xfd\xad\xcfsI{\xad\xccW"^\x7f\xe8\xa8\xeaF\xab\x0e\xa3,\x93\xaa\xca\x8d{\x0fB\xb5\xae\x1b\xb9\x19\xf3\xbb\xf1\x86{~|%\x82\xe1\x12,k\xc8,3X\xd8\xdd\x183MU{\x1e\x8c\xc3x\x92\x92\x1c\xa6\x1b\x83\x085\x8cZd\\F\xd0\xf4\x08]Gut\x1c\x18\xdc\xad\xa9M\xf1\x86i#\xf0#\xdb0\xd9\xdd\xd6\xce\xde\xf8\xd4AY\xa6\x89w\xaa\xda\xf8\xcd\x13\x18n\xeejd\xb1\xdbfl\xf3\xed\x07i%,&amp;+&lt;\xb0\x12fb\xf9\x9d\x07\tg\xc3\xe0\x98\xcc\xc603\xdaxF(y?\xa1Y\x07\xb9n\xdf\xcb\xf0,H\x9b\xfc\xbb^\xfe\x97a\xc4w\xde\xe6\xeeg\xc8\xd0\xdd\xd1\xd1Q\x05\xf6\\\x9ch\xd8hf\xfa\xf1I\xc1E`\'\x95tc8\x9b1\x8aoV\xd5\x80W\xb5\xe7\xbf\x9fT,\xd9\xe8\xb6*\x7f\xc1\xca\xb1y&gt;\x11d\x9d1\xd7\xa8\xbeC7\x8c\x91\xf9\x13 \x18\x80\xbbO\x9f?\xa9\x8c\x8c\xb79\x17\xb0\xfd7@\x04\xf8\x1f=\xcd\x03\x801\xc6\x18\x18\xfe\xdd\x9a\x8b\x8f\x91\xd0\xdb\xf2:[\xe6|i&gt;\xe6\xd8\x88\x89\x0b9"\xb9s7\x9b\xa3%\xfa\xbd\x08D\xd6\x110\xc6\x98\xb7f\xe9\xdf-\xa2\xdf\x03\xd9_Jf\xc2J\x1bam\xca\xb1\xdcL\x83y:\xf0J\x80\xcbZ\x1e\x96\x15\xfc#\xe3\xf4\x8e\x8e\x9da\x1e\x8a\'\x87\xa78\xf0\xc2\x82\x96\xd5\xae\x01fi\x87\xfa\xc5\xd3\x16p\xfd\xbc\x1a\xbd\x0b{\x04V\xbf\x02q\xb5[\xb6\xcb&lt;\xf0\xe5\xa1s\xcdDZT#\xdcw\tJ\x9b\xb4\xc1\xbf\nd\xee3?\x0b\x80\x00\x0fT\x86\xf50@T\xc5\x0f\t\nlPZ\xbd\xb1\x0fO\xe1\xfcC\x1f\x8f{5\x18\xd7{\xc3\xcc\r\xe1\xdc5y\xdeB`xVB\xee\xd0\x9fk\x17\xed\xb0\\K\xbb\xec\xcbo\x1d\x1dG\x05\xfe,B\x9f\x0c\xe7\xa7\xf8\x80\xfcO\xbb\xaf`\xf4\n\x87\xf7$\xaa\xfe\xd7\x859u\xcf\x9d?\xdc\\a\xfe\xaa`\x02\xb4\xaa\xf2\xcd\x9e\xd4\xcc\xcc\xcf\xa5{u"\xb1\x85Z]M\xbeX\xfb\xc8\x83\xeb\xe8\xda\x0cK\x1c\xb7\xc8\xea\xec\xc7Z\x96\xc5\xcd\xf4\x98\xb5|h\\.j)\x9fU^2\x9c\r\xc9nQ\xc2\xd4\x89\xd5}.\x86\xfbZ-\xfb\xefJ\xf2G\x81q\xdb\x95J\xf7\xe4\xcc\xf9F\xa9S=\xd6Q\x9d\xe1\x84=\xb9\xae\xa3\xe3h\x01c\x05\xd4.\x85\xc1L\x93,\x19\\c\xf7\xe0\xa32f\x9a\x15*\xc2\t\xfe\x1c\xf0.\xdf\xfc\x1d!X\x06h\xe9\xb9s\x9eB\xc8\xd6\x0e\t-\xdf\x8c\xcf\xe2\xc3\x96\x94\xe2\xc2\xc3\x83\xfb\xb9XU\x0fpt\xcb\xce\xca\xfb\x94Y!\xf3I\x0eB~F,\x10\xc71x2\x00\xc0\xcfO]\xde\xce\x07=\x95lw\x17\xe9}6KfUH\xa8F\xec\xad\xcb6-3+C6Gk\xbfe\x92J\xd0@\xec\xcf\x00ut\xd4\xc7\\\xc2\xc8\x07I\x87\xb3\xc3\x19\xb2\xd6\xc5\x1f?\xb5\xeb\xe3\xdc\x92+\x9a\x06\xa4\x8f\xfaY\xac\x1a\x94\x05\x97\xdfD\x9b`\xbd\x9f\xf7&lt;\x8c\x0e\x01\x80\xe9\xed@ZnlP\x12r\x86m\xce\xa1%T\n\x07\x02\xca\x1f\xfa\x1c\x1a\x13\xc99\x07n\xb5\x97A\xc5W\x03\xf5\xfc\xf3a\x80\x8bF\xb2\x91\xa4a\xac\x7fW\xc6Ra4\x1c\xac4\xc6\xda\t&amp;R\rtE\x9a\xc9\x98\xc4A\xc4\x85,.\xab\x9bo\x02|\x9b\xc0\x10\xb7r\x02\x00\\\x1e\xe1]A\xb3\xc8K\xd5\x02\x92\x19Xo\xecxi\x1b\x99\x8cH\xc8\xe7\x8e\xcaX\xa2\xbc\x97\xb9\x80B\xe2:e\xb5\x91\xc5\x02\xd3\xef\x17\xea_\x02\xee\xe8\xd8\x0ee\xdb\x04U\xabK\xc3\x1d\x0bnKg\xf5\x8d\x1e\xddC5f\x980\xc7\xff\xe4\xcc\xfbd\x1f\xc9\x97\xb3\xe6oy\xc1E\x05\x1b92.\x9a\xb9|hL\xd0\xb77I\x8b)\xc9\xa8\xc4=_\x8d\xc5\x0f-\xdf\xac\x9b\xbeCg+\xa6\x17O\xd5rx\x1e"\xc2\xed\xcf\xcc\xad\xbb\xc9\x88[[iX\xbe\x9c\x15\xb9\xc0v\xa5/\x82\x12`\x1dD\xe7\xd8xUn\xd0\x1a\'\x92\xd5\xffLc\x1aZ\x06\xc0\xbc;|\xe3\xe4\xef6\xce\xedO\xb4x\x10\x88{\xe2\xa8T\xe8V\x9b\xd9u\xd4\xb6\x8c\xe3\x01\xdc\xa5\xd8\xcdVZG\xc7\xf1\x82\xa0\xc4\x13\xcf\xffH&amp;\x06\xb6Y\xfe=\\\xb4\x054(\xf71Jz\xb6\x15xh\x9e\xc6\xd9\x10h\x13\xde\x9eD\x98Z\xeb\xb2\xcaM\xef\x86,\xa6\xaf\xcd\x94rp\xb2Q!\xf0qy\x9a`\xfa\xce\xcf\x99K#Xm\x1c\x11\xe9D\r\xd2\x16c\x16\x11\xe1ElE\xaa\x9el\xae\xc0J\xa0\x7f\xb9/\xe4\x9f\xa6\xc4\x18\xbe6\xeax\xbb-\xf3\x17\xec\xcdi\x1d\x1d\x1d\xbb\x80\xac\x04\xb8\xf5\x02%_\xbd\xba\x82\xd3&gt;*0%\x8a\xee-m\x0c0m\xa8K\xcd\xdc\xfa\xb1H\xc7\xd5n\x80\xf6Y\xb5w\xc1J6\xc9I\xb3\xbd\n\x95\xe9\x11\xa9\x1d\xc4+c\x949\xfd\xe6\x8e+]MQ\x0e\x94\xeb]\x1a\x07\xe3\xa8r,p\xbb\x8b\xdeT\xaa\xc7\xba\xc9\x95\x94qt\xf4\x02\\\x99\xf0\x95\xce\x84\xf8\x18\xdf\xbe\xfedw\xad\xcc\xc6\xc5McN;\x0c\xf4{\x04\x1d\x1d\xf5\x81\xc3\xd7kR\xf7\xe0\xe6J\x11&gt;j\xcc=\xf7\x90h\xf0\'\x88\xb7p\x0e\xac\xf0L\xbf\xc0\xd2\xb3\x00|\xa5&gt;\x07\r\xec\xa2L\xbd#\x1c\xac\xb3\xd0\x0b\xa3\x85\xd8t6\xf8\nS_\x90\x888\xff\xb01\x19\xa6zZ\x9a\xc87\\\xe9~\xfd\x14)\x18\xbe\xe1\x81\x9alG\xc4\xb91\x97\x13\xb5\x82\x9b\xcc\xa8v M\x8b{i\xa9\xc9\xb0\xfas\x17\xc3\xe3\xf2A\xfe\\\x11\xf1\x1dA\xdb\xe4\x9c\x12\xa2R\x080\xbb\xa2&amp;\'\xc4H\x17U\xaf&lt;\x84\xae\x9b\x14\x1e\xa1*\xd7\xd1\xd1\xa1B\xf6\xde\x89h\x0bA\xb3\x97\xd3h\xfff\x91\x1f\xaa\xd8\xc1\xbeQ\x88\x98Cv\xb6\xe9U\x02+(\x16\xdeV\xb8\x9f:8\xe4\x9bs\xb8\x03GE=\xf6\xb4\x83\xdc\x1b\x93 \xcf\xae \xdd|\xef\xb5JB\x97\xad\x926\xda\xffp\xa8\xc4y\xfb-gMd\x0f#\xb7\xaf\x9d\x88\x8eeE\xa5\x07\xdb\xaa k\x88\xd9\xb9\xba"v\x95\x03\xfba\xd2\xd1q\xdcP2%\x14\xce\xa3m\xa6dV\t\xdc\xd1\x97\xbf\xcf\xe90\xceJ\xbe\x9aY\xe6\xc8}L\x90\x01(\x1b\x11\xe1\x81u\xd9&amp;\xe3\xbb&lt;\x1f\xf2\xef2\xc7\x1e &lt;\xa32:\xd1\xdeh1\x82\x1c\x8d\xce\x05\x80\xfa\xd2%\xfeX\x18\x00&gt;m\xbb\x07x\xcaAY$\xeaR^\xb4\xb3\xbb\xefDE#d\xd5\x8dw6$\xb4o\xe4\x14\xa5\x8e\x8e\x8e\x8a\x10\x8c\xc0\x8c\xa2\xa6S\xdd\xae\x04$U\xb4\xb0\xab\x10\xde\xea\'\xd2`i\xf9\x9dh\x9f\x05\xeb\xc9\xe9\x1d\x1a\x18\x85\xcd\xb6VV\xb0B\x82\xf4X&lt;\x1f\xf1\xbfL\xe7\xfa\x9e\x8f\xe8\xfay\xc7L\x99]\xa2\xe1\xd9 \xc7\xbc\x88\xb8Zr\x84p\xc8\x10\xbb\x16~T\xd2\x88\xb0H\xd6\x05\xa4\xdf\x89\x8aHh\x87\xdd\x06E\x82\x0c\xf2\x88\x88O\xd8\xa0\\T\xc1L\xbb\xf0!\x82\xd7\xb6 \xd7\xd1\xd1\x91@r\xf2 \xe6\xe3\xda\xaa}\x02\xe95\x8a\x94I\xa0b\xff\x15\xf6\x14\xd5\x8cN!\xbc\x00\x90ti\x8dQ\x85\xd2.\xae\xe5e\x8a\xf9,d\xca\xbc\x9d\x10[K\xa6P\xa3\x84\x92\x98U\xba}\xd6\xe0J\xb4tdb\xd1\x05\x00\xa4n\x02\xac\x19#\x92eaw\xad!V\x9b\x8a\xc5\xb0\xba\x03w\xf1`\xd5\xda\xfa\x16\xa5\xfb\x9f\xa4F\x14\x0e%U\x97\xfe;\x00\x1d\x1d\xadp\x16\x00Y\xddi\xf5\x85!G\xae1\xc3\x02v\xf8\xf4\xe5e)0\xd6\xc7\xf9\xd1\x80\x94\xd4\xb0\xc1\xfe\xbf\xf0\xf4[\xc5\x12\x8c\xfd\x1d?\xc1w\xcb\x06\x7f\xb6\x9bu\x86E\x98{\xb3E\xaa\x8e$\x8f\x88\xef\xdbr\xdd\x96\x829\r\x00\xc0\x98\x8a_L\xac\xd9\xd8|Q(jd/\xffM6\xfbC$@\xf3\xb2\x9cdk;m\\\xfe\xcb\xf4;BT\xbf{\xb6I.!"\xc0\xcdJT\xeb\xb3\xcb\xf2\xad\xa9U\x0c\x1bT\x8f\xfdV\xe9\xfa\xd7\x06\xc1OM\x00\x02\xc09k\xaah\x85\xc5\x0f\xc6\xfc\r\xe8\xc3v\x94^\xb2\xd0\xd1q\x90\x10]\xc1\xdf\xb6\xdd\xde9\xa77\xb9m\'\xa0\xe4\xb5O\x14\xee\x87\x03\xdc\xa0\xc0\x90jXu\xff\t\x00\xde\x83p:\xa9N\xe2\xb44\xbc\x90)\xc2\'\x10Y\xc8m\xdc\x07\x15\xa5G\x9e\xf0r\x19\x96\xb1gJ\xef\xc4\'\xa54\xba\x89\x07\x0f\x15\x8b\x95\x14\x1c\xf7\x01\xb6\x92p\xb3\xe5CQ\x19jb\x89B\xad\x1cv\x9c\xc9\x0f\xe4V\x10Z\x81\x00\x00\'\xd5\x1a\xb6\x9c\x8a\n\x05!\x9elD\xf2TTYO\xe6*\xa81|\xc4}\xfb\xc5BGG}x\xe5\xa6\xd1\x9b%\x07-*\xe1\xc9:\x98\xda^\xf5\x05\xc4\xdf|72\x8c\xb69*\xf8&amp;\xc0\x89\xa96\xa3\xf7\xcc\xcd\x00^R\xee\x90I\x9a\x19\xdf\xccX\xe6g\x1c\xb7\xc9\x8e\xd8\x9b:\x19\xd8y\x9c\xf7\xe6&gt;WBe\x8f\xa1\xf5\xceM9\x99\xf1\x85\x90\x10O\x831\xc83\x7f\x1dy\xb7\x00\x18~y\xd8\xfcu\xbaA-\xab\xa8q\x18M\xdcp\xb0\\WM#\xa9!"\xdf\x8e\xf8D\xa6\x1a\x93`\xfe\x1a$\x8f%"K\x11"\xea\xdeCj\xac\x7fs\xe1\x08\xee\xefw\x0e\xd1\x1f\x01\xea\xe8h\x8f\x16\xbb\x0fSmC\x04\xb8\x88\xf8\x8a\x9f\xaf\xdd\x17\x92\xac\x1e\xb3\x1e\xff9\x94\xbd\x972$W\xff\x00`\x06\xd4X\xfd\x0f\xd2\xc0\xfc\xa9\xfd\xa1D\xac\x81{\xd6 u\x98\xd1.y\xe2"\xcb\xe9\x92\xebp\x85\xe0\xf9\x015;\r\x98\x8d\xcf\xa5-\xa8tP\xe2V\x0evjg\xb4\xda\xf2np\x8dI\x96\xc4\x9f\x93\x89S\xa5\x16\xa2\xc0\xad\xe8\xfc\xaf2\x1eD\xab\xc3)\xc1r\xe0uL\xdfX\xb8\x02@q@\xc7r\xfb\x1e\xfd\x80:r8\xc8\xb2\xdc\xd1q\x90X\xe5\xfe\xa3\'_\xae"d\x97\xf9\xa4AZ\xef\x81\xdd~=\xb6@x\x14\x96?\x9eT5\xd6ms\xc6\xcba\xfd \xb2\xbe\x11\x9b\xa5\x1b\x10O\x93\x8e\x8e\x90\x98D\xef$\xfc\x16u&lt;IT\x8d(ZD\xd0qx[\x8d7\x8a\xd3\xb0\x94\n\xa0\xfc\x828Hm\xb1hT\xad\xb1\xed\x1cK\xba\x8e\xce\x9f&gt;kD`\x85&amp;\x1d\xa9f\xe3\xb1\xa3\xa3\x83\x005\x1d\xb6\xd52\xcd\x19\x08\xf7K\x0f\xf5\xfc\xe2\xfey\xb5]\xed\xcc?\x1ep\x96;\xadtT\x9a!\xcagnz)\xd0\x06\xf6\x10\xb8\xffzk\x8e\x13\xb5\x06\xda\xd1\xc9\x1azU\x8c"#c\x7f\xd3\xc3\x7f5\x10\xc0k\xb4\xd2\x0b\t\xd5\n_\\Z\xb3\xe4\xcc6d\x85\xdd\xa5\xb8vq\x8e1\xf1\xb2\x14\x85+Z)aq\xcb\xfa\xa8\x9d\tR\x8d\x18\\\x00,C\x12\x96\xbf-\xdfvtt\xb4\xc7z\xe3\xcd\x19\xdb/\x97\x97\xe3\xec\xa2\xa0-(\xeb\x17\xc7#\x03\xc7\xd5\x84\x1b\xab\xe5X\xad\x18\xb9\xd3\xb6v\n\xffY\x7f*S/\x02\xb4p&amp;Q\xf1\xb6k\r\x95\x1a\x03\xedf*\xb70-s\x86&lt;\x9c\xce\x85\xc6Y\xad\xca\x88\xa1[\xb5\xec\x8e\xdf\x10R\xfak\xdf4\x84\xeb\xd5\xdf\xa5\x8e\x9cBu\xb6$\xda\xaf\x95\xf3\xd5\x911v\x9c\x9b\x8d\xa1K\x0f\xce\x0f\xab\xb3u3pq&gt;=H\x0f\xc8\x93\x1d\x1dG\x01\xccx\xcb\x9b9\x14jWY\xc4\xe0\xc7u\x15?Q}&amp;\x9f\xbc\xbf\n\xb9}\xe0\xd2U\xa4D\x97\x1aUs\xa9\xd2\xee\xe9\x83\n\xe6\x9e\xd8\xd4\xe5H\xa8\x95\xe4\xd7\x18EM\x97+!#\x80\x97\x17kq%\x12\x9e\x91\xaf\xfe\xd1;&amp;Wg\xf5\xfd\x96~50\x86 \x16 \x95,\xb6\xa3nOAo\x88\x9a!w\xbeE\x8d\xcdv\xe9\xe6\xc8\xe4L%\xd2\xd5X!t\r\xac\xb8\tR\x88\x95\x03\x97JB\x7f\xcc\xf6\xe7\xa9::\xb6\x05W\xdf\x13\x83\xf3\x0715\xe5\xc4\xef\x9c"\x02\xbc\xbd\x98\xbc\xaf\xb2\xde\x95\x86\xcd\x99\x9eqkh)\x81M\xec=\xb2f"\xb1\x929\x83o\xf0\xc9\xaaSN\xa5h\xde\x98\x9a\xd5\x17\x9eg\x8b\xa8\x8e\xf5\x0c\x1e\x15@D\x80\x9b\xe6\xb2|C\x9b\x87b\x93\x02i\xa3\x12B\xe9\x96"\xf2\x8e\xae[\x0e\xed\xff@{\xb17\x8f\xcdhtn\xa4\x94G{`\xd6%\x17"7D\xc5\xccz\xb4\xa96\xeeA\xda\xe8\xb9%\xa5\x97\x08A\x06\xd5Zn\xccY\x88\xd3\x89\xc4?v\xc5yl/K\xdb\x06\tY\x8as\xef\x8fRG\xc7q\xc5[\x9cJ\xf7K(-a\xa9\xcaBV\xd2Il\xbb\x12\xa9\xb8\xe1\x9b(CO\x9d\x1a\xfc\x145\x8b ~s\xec{Jmb\x02Y\x8e\xf3?\xe68\x93\x98\x93\x1e\x96!9w\xf2^\xff\xbe\xb3\x04\\2\x06&lt;\x97\xa7G\x88\x88\x07\x1d\xc9\x0b\x80\xa7h\xb9\xc1\xbd\xad\x85]\xd5g~\xbe2\x8b\xbdub[\xce\x1a\x9bQ\xaa\xeeU}\x1e\xabO:\xee\xca\x81\x1d\x02id\xc5R#\xea\x042\x11n\'\xbd\x7f"\xd8ep\x1a\xdbL\xe0\xea\xd5\xc7\x17\xc2\x19\x11\x9e\xe33Q\xf9\xf3\xd3t\x14dT\xeb\x04\x91\x15.mW\xc4\xe1*\x96\xc9\xbb)\x80\x15\xdd\xd8\xd1\xd1q\xc8`\n\xc1P#\xb4\x85Ov\x85@\x97\xd4\xef\xd8\xb8$\x89\xcd\xe4\xcej\n\xbdj"\\\xf4\xda+\xad\xb9o8\xb9:V\x94\xcd\x9a\xafH%\x80b\x7f\xd7=|\xa9\\J1U\xf2\x96l\x1e\x06\xcb\x1dx&gt;\x9f\x15K\xc4\x8b\xb2\xd7\xd6\x1b\x90\xf9Cp\x1e\x01\x8aY\xa4\xdd\x91M\xb6\x8a\xca:\xcf\xd2,\xe3*%\xf7\xb9\x1aFX\x0c\xd9b\x93\x1a\x13\x9c\x99\xa4\xb2[\xb8\x03\xf67\xd4\xb4%4\x94H\xf8P\xc7\x10\x01\xe0\xd7\xfc\x94.!R\x1eP\x9d\x1cJ\xbb\xce\x84\x1d-\xfd;:::\xc4\xa8[|\xd9\x82\xbe\x87*\xb9.\x13\xbd\'\xc9\xeb\xb1\xe0\xa0}d\xecx\xfd\xa2\xa8\xc5\xa2\xbf\x9b\xd8\r\x18\xc8\xdcA\xb6.\x11\xe7a\x0b\xd3|\x99\xb8\xac\xef/\x1b\x90\x99\xfe\x89\xda\xa5\t\x04\x17P\xa1\xe1\x94\xd3\xe49pMg\xebZ\xd4%\r\x9aRU\x15\x15hq\x8d\xc6jp\r\xff\x92~-\x9a\x04\xae\x1b\x16\x16\x8f\\"\xe2\xe4N\x81\xbaP\x90#\xb4\xd83\xcb\xcb\xa0\x84\x1d&gt;\xe1\xe4\xf9:\xd8EE\xed\xe8\xe88\x16\x18\n\xdcS\x82m\xb9\xa0\xf2\x96\xeet\x92\xf3\xf4\x1e\x9e\x8f\xac4\xbb\xb4\x87\xeb\xbd\xf0H\x03CH\x99U\xa7\xe4:\x8d5\xf34\xbb\xb6\xa8\xb93\xcd\xa9\x0ed\x9eb\x9d\x9ci(\xf5^5go\xd5;\xae\xe8\x19s\x9a\xb4k%\xdf6\x12[\x8a\x80U\xac\xe5\xd65\x90p\x1a\xe9\xcc\xa49t\x08\x9c\xdbD\x92;Z\x8e.\xa1\x1b\xc5\xa0\x85T\x12~d\xd0\xbd\xd1\xd1q\x0cpn\xbb\xbc^\xcb^|\x84\x7f\x1f.\xf0Q\xd1\xad\xca\xd1\xfc\x7fX\xcb\xc6\xb2)\xff/\x82\xb9\xf0\x0e\xc1\r\x01KU\xf9\xa3\xe4\x01[oV\xfe\xf8~rCnfzy\xb1\x1c\xafzA\x95s\x0b\xa8*r\x97S\xf9\x0b2r1Wk=\xd7@f9\x02V1b\xbb\xb8\xffY\x9c\xe4\xa2q\xa4\tS\xfd\xc8\x86rv\x99&lt;G\x0e\xdd\xb1\x1d\x1d\xbb\x0475[\x1b6T/\xea\x08\xb1F\xcc\xbar\xa8_,\x04U~\xc5+\x9c\x85F5\x8d1\x81Y3\\\xa2}\x98-\x9b\xa1Du\xd4\x8aJ\x06Z\xdd\x9do\xcdj\x85TM\xd1\xd9\xa8/\xe4t\xd3{\x83-25\xe0\x08\xdc\xcbR\x83\xb3w\'\xf4\x1c\xb8\xde\xcba\xf8\x01\xd7\xcc\xf7\xb9\xb1\xb0l\xbf\xc4p\xa0\x1e\xf7\x0c8\x9b#-\x12\xf2\x10\xf0\x805\x95\xedi`vtt\xcc\xe0f\xe6\xa1\x1a\xfe\xd5P\xb5?\x12\xf6Z\xcah\xd8kz\xb0UZU\xdbW\x87\x9dM\xc3\xf5\'\x1bN\xe0]\xac\x15\xa7\xc2\xf0\x84\xaf\xc6([mN,5`#D\xa6\xff*+\x03zX\x01\xc2\x8f\xaa/\x00\n\x99\x90"\xd5\x17\x15\x99\xdaI7T\xb3e\x96\xf6\xbd\xeag\xd3\x1b\x82\xb5yw+!\x9b\xd8\xc9y^b\xf3\xdc:[\x95s\x0c/\x93:|\xff\xa1i\x85\x95-\xf5\xf2\xa1\xa3\xa3c\'\x88\xccS\x08\xcfDk\xdb\xd2\xe9\x14\xae\xf2Y!\x89a\x8f\xb8\xc6\xf6\x80\x8aR+\x0e\xf3\xf3T\xabM6y\x8a\x92\xbe:*\xb3fl\xfa\xafa#7"\xd2\xbd&lt;\xb7\xb7tu\xf3\xf0\xb1\x95\xa1\x9e9OK\r\xea&amp;\x0e\x8c+\xe5\xcc\xae\x1fD\xb4\xfe\x9b\'\x80c\xa5\xb8a\xc8\xec\x04\xcd\xe2W\xa9\x12J\x87\xb7\x0f\xcdN\x11V\x98\xf6\n\xf35\x9e\xa1.\x97\x8e\x8e\x8e\t&amp;v\xf2\xe4\xe9\xac7r\ru0O\x85\xb8I\x19L\xf4ck,\x13\xa2;\xcb\\\xbc\xb5bc\x8c1Bc\xe7)\x10\xed.\xe4\x9c8H5\x06\x9e\n \x96\x7f@\xb8\xbe\xb7\x14\xc83\xf1&gt;\xae\xeb\x0c\xc0\xe0\xb4\x04pn\xee\xa3\x8d\xa3\xb7\x0b_\xbd\xcc\xb9\x931QC\xacHTX\xe4-\xab\xc5\xe9_\n\x8cuu\x8c\x9e\x95\x8e\xf5\xa4\xcc(\xb6JH\xb9\x1aN\xc8TOTV[\xcbq\xc5\x15H\xb8~7?\x98\xe8%&amp;V\xb4~\xed\x18\x12\xa4B\xa2vttT\x06\xbbkr\x1f\xfbt\xd0\xed\n\xe2;\x00\t\xed\xeb&gt;\x1d\xb8~\x01\xca\xf5\xcc\xda\xf0\x89\xed\x95gE\x84\x11\x19oyU\x89\x94/\x84\x903\x9d\xbaGR\xcb\x01G\x81N\xfe\xb5\xf2\xaa\x96\xea\xb9/\x910\n\xe5X\xe9\xb2\xdf\xb9\x97\x88\xfbZ\x9e"\xc0\xeb\xad\x89\xe3v\xba\xce\x92\xa1\x17\x1c\x0f\xda\x87nOr\x8e4{\xc1\x14\xe8\xfd8\xb9\x08\x02\x87\xd4\xd7(\x8eEGG\xc7\x9a f)\xff\x0c7k\x12S\x9c#\xe7\x95I\xddG\xa6\xaaRp\xbd1\x7f\xcdnG\x1361e\x82{\xa8\xa5\xd2\x8d\xe1\xa5\xeb\xbb\xd84\xae"\xde\x0b:\xa7h\x1d\xe7\x84|Zj",=\xa0\x0b\x80\x8f|(\x96\x15\xe9G\x1c+\xa5\x93#\x95\xc8\xae?\xdd\xcb\xb0*D\xcaQ\xdc\xa9\xe8#|}\xdd\xb9)*\xe7\x7fGGGm\x04CT6oy\xf3\xfaq\x1f\xe7\xced\x93\xe5\x90\x95o\x89 \xfe\xbc\x1b\xc1"i\x826\xc5Zj\x82X\xa0\x05\xa8(&gt;qv5\xcf\xd4\twB\x87\xab\xaa\xc4\x9f\xf9$\x99\x80"\xc0\x8d\xf3D\x04d\x10\xe06*!Z\x13D\xb4\x8e\xcb\x1aW\xe5F2\xf4\n]\x99\x1c\x0f\x00\x1b\x98V;\xff;:o\x96\xa1\xa4\x00\x00 \x00IDAT:\xea\x83\xd8\xfe\x17\x8c[{j\x1c\xa6\xa2\x1fj\xca\x92$\xb0\x83\xfa\xc2\xd1P\xac\xfe\xd7\xb5\x82\\\x1b\x15\xc9\x127\xdb\xd1L@\xac\x14*\x07"\xbe\xb8\xaf\xa2\xebR\xaa%`\x9b(\\;|:\x05\xd1{g\x94Rcq \x98\xb0\xe6\xd0\x80\x9b\x14\xb9K\xa5:\xd9\xb2Y\xae\xee\nK\xbc\xca\x8c-\x08=#\xf0po_o\x97-x\xd3\xa3\x99\xa5\x1d\x1dG\r%\x05\xf7\\\xadH\xb9\xf0V\x18;x\xb4\xa6t2^w.\'\x9ew\x9f\xdc85P\xe0\xfa\x00\x08\xf0\xebB\xd5e3\xb1h\xff/W\xf8\xd4}\xf5[1%\xdd7\x9c\xd4}\x12\xc4\xc2\x14\xc7\x9f\xaf\xcb`XaDD2|m\x08+\xaa\xac\x0e\x90\xae\x8e5\r\x8f\xed\xfc\xbeA,\xa3\xcad\xd5\xe2\x06\xa7\xef\xda\x81\x14\xfe\xa9\xa2\x13:::\x8e$j\xd4\xdc\xa6\xd8\x1d\xb7\x87.\xeb\xb0j\x17\x00\x08\x88\xf0\x9b\xe8H\xf6\rG\xaf\xbfX;7\xbdNbw:C\x84\x13\xf9b\xb5g\xc8}wj\x82\x04\xaa\xc4f\xf2A\xd5\xb9\xccWl2!\x02\\\x00\xe0\xc9Jb\xa5|Bn;\xa8\x12a\xea&amp;\x9a\xaa\x04F\xda\x87\xe3\x85\xe8\xb2\xc6`\xd1\xa9\xb0+\x92\xdcuIi\x95R\xab\xa2\xa8Ua{\xd5-\x1d\x1d\x1d\x1d\x1d\x00\xc5\x0fP6\xc7%mb\x99\x9b\xd6UQ\xf8\xa8\xc3 \x82p5\xde\x8f\x08E\x18\x1ag\xf9\xab\xd6\x17Jk\x1e\xf1\n\xb3\xb8M\x15\xa9\xe7\x04T\xde\xd8\x15f\xf2\x17J^\xd1Q\x99\xa0\xc1\x8bk\xf8*\x9e\x9c\x99\x12s\xc9\x10\xc2vp5\xeb\\\xbd\x8b\xdaKB)s\xf5\xd2\x80XL\xe7\x94\x8e\xb5\xb0P\xaa4\xa2k\xda\xb8K\x8f\xa5\xc1\x8eSw\xde\x91\xcb\xabO\xb1\xa3\xa3\xa31D[P\xe1T\xb1\x1b\x10\x95kM\x9e\xbc.\x04\xc0\xdf\xcf\xa2\xc1\xcdp\\\xc9\xf6\xa3\xa3\x9f\x90XQ\xcd\x9fp\xadu\x01p\xa5\xe1\xe8\x94\x03KJp\xce&lt;\x08\x08F\x1f\x97\x06E\x8a*\x12V\xcaD\x80/gko\x88\x8a\xcf\x16\xc6\\\xe1\xab\x90\xbaN\xec\xeay\\\x04\x9d\xea$\xc0\x1ahH2K\xec\xfe=F\x81\x8e\xfb;\xfc\xf4\xcb\x10\xd6\x82mGGG} &amp;w\xc5v==\xfc\xa8\xcd*\xb8\xb5\xdd^\x7f\xdc-\x994\\\x8b\x90:\xe3\xbfe\xa8x\xb1NEy\x9d\x87\x01\xb2\xb4\x08\x12r9\xbe\xb7\xa4\x95\x83\x88\xcat\x8d\xf7\x00\xeb\xde\xfd\x1c\xfdLK\xb3F7\xfa\xc9\x19\xa1,\x15\xebd\x9d\x95\x84\x8b\xe1j\xc4{I\xd3o\xb6\xe2\x93\xb9OX\xb9\x94"x\x7f\xa8W\xccN\xe2j\xabAA\xa4\\i\xad\x07\x17uQT}D;wf\xeej\xab\xd32&lt;\x08H\xc6\xe9s\xb2n#7 \xdb\xd1\xd1\xd1\x04\xc2J\xea\xdc2nNJ\n\xafr\x85\x17\x00\xdfZ\x97\x00}V\xbbb\x88\xce\xc7\xadf\\b&amp;X)\xd0yZ\x10\x11\xe1\xdbV\xb8G\xb11\xb8y\xba\xde0\xcc\x93\x99N\x92\xe2\\\xb2(\xd5\xce\xf9\xc0\x93q\xe1\xaf\x0f\xc3\x00\xf0\xc8\x8a|B\x82 ~&amp;\x87J\x8c\xd85\x8f\x13\x8e\xb2\xbc\xaa\x9d\x8aR\xad\xbfZ5\x1f\xc8\xc15\x1a\xf5)\x99[\xd6wB1\x18\x93\xf3\xee\x00\x00\'\xa1\xa3\xa3\xa3\xa3\x11\xe8y\xabq%\xc279\x1a\xa7\xbf\xc9Z\xb90Q\xef\xab\xad=\xb9^7\x7f\x1d\x90\xc6\xfd\x8f\xd1\xc4\xf0\xbc\xda\xe9\xe7\xc5\xe5f\x95s;/\xe2[\xa4h\x05\xf8_\xa0\x8f\x98\x80\x88\xf0\x1e\xb4\x86p\xddU\x8evM/o\x9b\xa4\xe74Xz\xe1|C)\x8a\xbf\xa1\xfa\xae\x8bj\x81@\x84\xdbQ\xd9`\x0b\x17\xe8:\xb4Q\x00 \xcc1\xcd\x8e@=j\x1d\x1d\x1d\x1d\x02\xc8\xe6\xc8F\n\xabk\xfc\xf4*ZX4SZi\xb6&gt;\x10\x04k\x08\x84\xcbTp\xe9YF\x81\x97\xabB\xb2\x18\xdb\xa4h!\xd8\xb5^h\xc2\xbfRg\xeb\xa6\xf1 \x8d\xb9\xf6p\xb4\xe7\\\x00 \x9c\xa6\xdb\xbe\x9do\xf3Z\x06\x06\x12\\_Y\xf4V\xcd\x81Z\xb9\x87\xcc\xd5\xa0\xe5\x10\x05\x99\x12&amp;\xeb#=\x04R\xb8\xaa\x15\xfdT\x96Jp\x19\xe7\xa6_GG\xc7\xfeP\xa7\xf2\xd6B\xad\x99@\xa3gR\xa7\xdc1MM\x93\xbe\xfc\xe7\xae\xf7\x10Ns\xb81zOx\xfe(]\x1b\x94,&amp;\x0e\x08k\r\xbd\x9a C\xc3\x8d\xe5\xf6\x06F\xcb\x88L/kQ\xce\x98\xb2\x1e\x82\xa7=\x13\x1cL\x90\xf4\xfb*\xf9\x00gB\xdd\xd0P\xde\xcb\xe9_\xcedM\xc8\x07BR\xc6\x18\xdc\xbb\xcf}\xff"\'\xf7\xe0s0&gt;tt`\x9e\xec\xe88.(*\x94z=\x82Z\xf0\xa5\x96d\x88\xfd!\xf8\xcf\\E\xca\x9d\xbc\x1d\xd6\xc1\x89\xd8\xb7\x17\x8a\x81w\xee\xce\xb4\x8a\xa0\xd6\x13-\xed\xdd([\xda\x17\x81\xfa \x17=\x87eB\x08\xc6\xa2\x9c\xd5\xb6\xed\x8d@\xd4\xef\xc1R\x01\xa4[\xe3\x91\x8fB&gt;\x12\xaaUqwE[\\\x9e(;\xb8\xcd\x9a\xa7X\xf1\xcd\x1e\x0bn2\xa0ux\x8f\xf3WGGG\x19\xd6\x988-\xf9\xb4\n\xe6\x19\xd6\xda4\x98\xdb\xeb\x8dPe\nO\xe2\x9a\xd9\x92\xdbs;\x1c\x08\x1e\x08^%g\x9a~\xf7.%pG\x99\xa0\xe0@\x0c\xe9j\x01\xda\xcc\x15\xf5,r:&gt;\xdb\xa9\xc0\xd6m\x81\x93s.\x002\xc84\x1d;\xc5X&amp;)~\xaa\xda9\x10\x10\xe1\x89\xf8\xcejed\'\x05\xa1\xa3\xa3\xa3\x15\xda\xael\x923YX\xaa\xaa\xd6_\xe2\x96\xf7\\\xe8\x9bV\xb7uV\x8d\xae\xeb\x14F}\xc9\xa7\xb7\xc2\xfd\x9fC\xc5:\t\xf3\xd6H8\x12\xdeK\xb2\x12\x85\x80\x1fw\x0fJ\xc9\x9f\xba\x17/8\xf4\xe3\x85\xba\xadW\x08\xad\xa8\xda\xe3(0\xa7me&gt;\xd4\xc5n\x9b\xef\xe5W\x17\xbe2*\x15\xdb\xd9\x03\x87\xea\x87\x8e\x8e\x8e\x8d\x11L\xcd\xe1dSo\xda\xde\x19\xac\xc9{\x95=c\xc47/\x8bT\x91\xd2\x15\x16\x19\xf3-\xf59\xbe\ru\xb5Es\xce\xfc0\x89\x8d\x0e\xc9\xd8\x99\xc5\x9e?\xda\x92\xce\x87K\xaa\x1e\x11)\xf2R\xb0\xf0\x15u\x02\xf1\x1b6s8\x88=6\xe0)\r\x9ebo\x96{"\x1bw\x89Z\x9eA\xf7\xd7\xe7\'\x995\x12i;T\t\xe8\xe1\x9a\xdf\xd1q\\\xd1x\xc2`q\x12"\\\x99~\xbc\'\xc4H\xef\x9d\xde\xc1\x93d\xaa&gt;[\x8fuc\x94\xcd"\xccj\xc6\x0fn\xb8^AT\xecUWY3\xc5\xe5\xc3\xfc\xad2\x00\x80\xdf\xdb*E\x0f\x00\xcf\xb3\x87\x83\x8dh\x8c$\xe1\xa3\xc5\xf2\xed\xbcgE\x84\xa8\x90H\xe7\xd0/|K\x96;\xec\rI\x97\x03#\x9f\xa8mh\xadM\xdf87\xd2f;%\xb6\tZ\xcbo\x85\x1a\x9e\xa1\xa2\xb7$\xbf;\x04\x8e!l\xdb\x9fK\xf9\xb9\xd7\xf0\x8e\x8e\x9dA9wVV+k\x85?\x88\xe8V\xf0X\xc7\xef\xf7%\x1f\x97\xa2C\xcep\x94\x9f\xd99lc_\xdd\xd4\x8e\xef\xc2\xc4\xa2w\xa4\x80\x88_\x14?1\xa2\x0eM\xb9\xbb\xae\xab\xbb)4k\\9X~\x1a7V\x14!\x90\x94\xf0xr\xd0\x05e-Q\xe2Bu\xe4pn\x84U\\\xcd\xe9.\xea&lt;r\xfej\xae@\xbal\xce\xae\xd8\xc8\'[A\x94\xa2\xb6O\x8e\x99\x7f::\x0e\x01\xeb\xcc\x9d\x9cRaC\xf8\xa0|n\x9b\xda||5s\x9c\xc9{c\xa0G\x86\xf1Xl.\xabk\x88B\xa0\xc3\xc1]\x0fU`\xb5\x9f\x18\x01\x80\xf2\xc2{\xfdA*\xd7\x184{em\x9e\x12\x17\xd9i\xd3\x08^\xbcn\xe0\x9d\xd3\xc8H\x8c\xbb\x84\x03\xdd\xccYe\x14\x13\x04\x96\xa0\xac\x94\x93\xa5FQc\xed\x9c:\xf5\xac\xab\x07\xb1\xfb\xaa0-\x91\x1en8]\xdc\xda\xfb\x02T\x08\xa4\n\xf3\x88vtt\xc4\x10\x142o\x88\xb6(j\x19\xb3\xd4\xd2\xe5\xf1\xb2\x0b\x80\xb6S`\xa0\x13\xe0\xbeU\xe5\x91n\x97Xt{\xb7.\xb3\xae\xb0\x83\xce\xccg5 \x8f\x85M\xe0\xfey\xb6\x1f\x12T\x0e\x0f\x02D\xb7jDO\x10\xbe\xe4M\xa7#\x00+X\xb9\x06\xfa#m\xc2\x07\xa8\xbbvH\x17\xe4\x01\xff\n\x16\x13D\x84\xb3\xf9\x03y\x90\xe4]$\xe4\xd8-0\xa9\xbeX\x12o\xaer\x07\xa0\xa8\xfb\x1c\x97\xd0\xa5\x88x\xc2\x11L{\x1b\xceR\x1e\x11\xcf\x14\xb3\x97\x9et\xb2\xd4\x1e\xc9z\xd2\xd1\xb1\x03\xf8s\xc6\xb3\x11\x11?\x85\x08\xf0\xb3\xcb\xecR4\xfcb\xdb\xcf:9\xa2\xf6y\xc2\x97\xde\xdbo\x15\xd3\xfe\x91\x06\xc2\xed\x18w\xc5\xb8\xbc\x08Qh\x01\xcf\'\xd9p\x9c_+\x12Pb\x05\xd58\xed\x92K\x1d.h\\\xdbo\xb6\xba\x93tb\xb7\x8e`+\xb8\xc9Y\xf3\x02\xc0\x91\xe6\x9e\xbab4\xe2\x88\xf8\x15\xef\xac-\x13\xd1\x93\x96\xc1YhQu\xc9\x15\xc0^V\xe5\tK\xb8\xf1y\xee\xad\xd7\xa32\x04\x9c+\x9c\xf9\xc6WY\xd0\x95\x1dw\x9b`\x1d\x1dG\x00\xc1`&amp;n.\xd7\xd4\xf7\xfc\x86\x13R\xd1\xc3\x00\x96\xbd/\xde\xae\xe2\xb0+\x03Mw\xe7\x81l\xe5\x06\xf3v\xd56\xdf\xea\x8a\x14\x00n\xae\xef\xf2\xd7j5\n\x87\x0b\x1ao\xee\xb7\x05G\xf0\xdb\x1a\x0b\x8a\x9fB!\xe1-\xb3\x96\xe3\x9f\x89\x8c\x08\xc9VEp[\xa0\xd95@\x15I*\x9d_\x9ev\xe2\x97\x8e\x9eK\x19\xc7\xe6\x0e\x93\xff\x05@\x80\x17\n\x19\x1e\xe6(\xf0\xee8\xd9\xee\xdaljx\xed\x96SRG\xc7\xf1\x85\xbb\xe6`f\xac\xb8\x80{\xf9CW\xbe\xee\xc9DA\x95\x1fY\xfd1\xe2)\xee\xf3\x8b\x8dA\xbc\xc3\xd1\x9a\xb03lA\x80Gj\x9a\xc7V$\x87\x82J\xb4\xa37\xb5\x83\xac\x90g\xb2KO\xe7\xf0\xa01\xdd`\xbb5\x87\xb5\xf1Y\x9f\xc6\x1b\xabJ[\xd0\xd0i\\J\x04\x03\xcd\x8b\xa9{\xe4\x9ePT\xcdh\x9dm\x93D6\x16\x98~in\xbc\xff\x82{\x1d\xa1(\xffT\xc3*\xc7\x8d\xd3\x04\x1e\xbb\xede\xc3\x9cx?\xe2|v\x93s\x1bN\xfd\x02\xa0\xa3c\x0b\xcc\xd3O8c\xa5\xc7\xe4\x1d\xbc\x96a\xd5\xde\xedB\xb3\xf9|\x19\xf5\x83}|%G\x85\xa1\xb9\x87\xb0ScbR4\x9d\'\x82\xcc\xf5Wl\xc2\xee\x9c\xc0\x17E\xaf\xf4|\xd5\xdcS\x1f\x8ds5z\x12\x01\xee4\xa4\xeb\xb9+\xd3h\x97`\xf6\xc8\xaa\xf8\xec\x9f\x9f$\xdcY\'\xa0L\x82=\x06m\x92\xd9\xf8\x84+\xb9\x89K\xdf\x16\x90\x97C;\x8e"\x08:=2\xecw\xad\x06\xfb;\x8eo\xb3\x84S\xfc+0\xe4CO\x94\x11\xb2_]&gt;\x00\xf0t\x99s\x9a\xa6kGG\x87\x1ca\x9d}X\xa9\x88-\xf7,\xe3\x88\xcf(\x95\xe5\'\xb4\xf8E\xb0\x11%\x9f\x95\x15\x9a\x9fLp{\x80p\x8b\xa8\x1d\xf3\xd6 \xe25\xd8\xe2|\xfc\x80o\xdd\xe4F"\xca\x81(\xc5\xd2\xe7\xbe\xd4&lt;]6\x94\xa2}\xa3$9\xcfTA\r\xd3T\xaa\xb2W\x1bh\x0bI\x89r\x9b!\xde;\xe6\xc3\x9a\xfel\x8c\xd0\x04i&gt;d\x8c\x82\xa5\x0b\xdb\x91\xb8\xac\xaa\x9e\xa2\x13\xeeY\x9e\xabLw\x95\xc0\xd94\xe2\x9e\x92\x97u\x81\x13\xfc\x8f)G=\xd5\x96\xa6!\t\xf2\x948\x9c\xe4\xef\xe88\xd2\x08+H\xa1\x04a\xd1_\x1f\x8d\xa7\x8aPC\xd2\x0f\xf6\xa9\x9b\xb6,\x8b\x0e\xa5\xaf\t\x9c`3\'\xe3\xbb\xf4u\xd2\xa6\xd9j\xb5\x018\xbb\x90\xde\xb8E\xbb\'X_\xa7\x01\xb8](t\xbe\xbd\xa6Z\xfd\x84\xc7\xcb\rL*\xa6\x18F#\x9e\x83_\t\x85\xcf_\xc8\xf1&lt;_\xa0\x85@\x15\xc7\xd2i\x10k\xc8Bo\xc1~\xe0\x0e\x07\x91-\xc2\x89\x80\xf1\xcf\x9c\x12\x88\x00\x97\x83\xcbb\xd2\xc3U\xcb\x88\xe2R\xa7!(\xcfhl\x7f\x8c\xf7\xf9\xf6\x88\xf0\x9b\xe9\xb2\xa0w\xa6\x9d\x18\xa2=\x05\x8d\xf0\x8e\x8e\x8e\x16 \x86\xe5\xadKE\xecqx_\xc5\xe5v]A\x97\xa4\t\xfe\x16~C?\x94\xcemZn\x82\x0b\x00w\xb3\xbc\x80\xdby6\xc9\x196`\xc1\xc3\x1b\x05\x9e\xcf\xbf\x00(\xc6\x19\x922\xd9\x06\xcf"S%\xdf\t\x81"DD\xf8C\xea\x02\xa0\x05\xdeK/\x9e\xf8\x0e\xc4=\x9f\xa9\xcbmD\x1a\x11\xbf\x84\xf3J\xc8\xcb\xa5#\x80\x95\xac\x88\x8c\xd0\x08\x1a\xdcY\xda6j\xc4\x92Z&lt;&lt;\xd1*A\xb7\x04\xb8\xbaH_\xcexOG\x81\x0c\x96\xd1\xe8\xe8\xe8\xe8\xa8\x0crN2F&gt;0\x11\xc0\x90\x924B\xd6\xc2\xc41\xc9m6\x86o)\x9d\xcd\xcb\xfd  \xa3\x10bC"0b\xa71\xa6\x98\x9b#\xde\x18\x98\xd2\xa99\xa2v\r4\xc6&amp;\xad3\xd9fR\xd1\x03\x83\xd8\x0c\xf2L\xaa@&amp;1D$h\xfc/\xc0\x99&lt;\x85fR\x93\xa4Ue \x90Bh\xa7\x15\xab\xce\x8e\xc5\xd0u\xcdq\xb1-,GI\x0bl\x08\xa1\x9f\x9dq\x07\xd1\xdc\xab\x81q\xbd[C\x8b\xe7\x9aX&amp;\x0f\xff\xce\xb3t\x9b,\x12N.a\xb33\xb4`\xd3\xd1\xd1!C\xf9\xde\x86\t\xfe\x00h^K\x05@|lX\x95\x8c1FT\x02\x93\x</t>
        </is>
      </c>
      <c r="E578" t="inlineStr">
        <is>
          <t>&lt;class 'numpy.ndarray'&gt;</t>
        </is>
      </c>
    </row>
    <row r="579">
      <c r="A579" s="1" t="n">
        <v>577</v>
      </c>
      <c r="B579" t="inlineStr">
        <is>
          <t>steps_per_sec</t>
        </is>
      </c>
      <c r="C579" t="n">
        <v>6500</v>
      </c>
      <c r="D579" t="inlineStr">
        <is>
          <t>2.6225839</t>
        </is>
      </c>
      <c r="E579" t="inlineStr">
        <is>
          <t>&lt;class 'numpy.ndarray'&gt;</t>
        </is>
      </c>
    </row>
    <row r="580">
      <c r="A580" s="1" t="n">
        <v>578</v>
      </c>
      <c r="B580" t="inlineStr">
        <is>
          <t>Loss/RPNLoss/localization_loss</t>
        </is>
      </c>
      <c r="C580" t="n">
        <v>6500</v>
      </c>
      <c r="D580" t="inlineStr">
        <is>
          <t>0.24901995</t>
        </is>
      </c>
      <c r="E580" t="inlineStr">
        <is>
          <t>&lt;class 'numpy.ndarray'&gt;</t>
        </is>
      </c>
    </row>
    <row r="581">
      <c r="A581" s="1" t="n">
        <v>579</v>
      </c>
      <c r="B581" t="inlineStr">
        <is>
          <t>Loss/RPNLoss/objectness_loss</t>
        </is>
      </c>
      <c r="C581" t="n">
        <v>6500</v>
      </c>
      <c r="D581" t="inlineStr">
        <is>
          <t>0.036593217</t>
        </is>
      </c>
      <c r="E581" t="inlineStr">
        <is>
          <t>&lt;class 'numpy.ndarray'&gt;</t>
        </is>
      </c>
    </row>
    <row r="582">
      <c r="A582" s="1" t="n">
        <v>580</v>
      </c>
      <c r="B582" t="inlineStr">
        <is>
          <t>Loss/BoxClassifierLoss/localization_loss</t>
        </is>
      </c>
      <c r="C582" t="n">
        <v>6500</v>
      </c>
      <c r="D582" t="inlineStr">
        <is>
          <t>0.05313108</t>
        </is>
      </c>
      <c r="E582" t="inlineStr">
        <is>
          <t>&lt;class 'numpy.ndarray'&gt;</t>
        </is>
      </c>
    </row>
    <row r="583">
      <c r="A583" s="1" t="n">
        <v>581</v>
      </c>
      <c r="B583" t="inlineStr">
        <is>
          <t>Loss/BoxClassifierLoss/classification_loss</t>
        </is>
      </c>
      <c r="C583" t="n">
        <v>6500</v>
      </c>
      <c r="D583" t="inlineStr">
        <is>
          <t>0.063253</t>
        </is>
      </c>
      <c r="E583" t="inlineStr">
        <is>
          <t>&lt;class 'numpy.ndarray'&gt;</t>
        </is>
      </c>
    </row>
    <row r="584">
      <c r="A584" s="1" t="n">
        <v>582</v>
      </c>
      <c r="B584" t="inlineStr">
        <is>
          <t>Loss/regularization_loss</t>
        </is>
      </c>
      <c r="C584" t="n">
        <v>6500</v>
      </c>
      <c r="D584" t="inlineStr">
        <is>
          <t>0.0</t>
        </is>
      </c>
      <c r="E584" t="inlineStr">
        <is>
          <t>&lt;class 'numpy.ndarray'&gt;</t>
        </is>
      </c>
    </row>
    <row r="585">
      <c r="A585" s="1" t="n">
        <v>583</v>
      </c>
      <c r="B585" t="inlineStr">
        <is>
          <t>Loss/total_loss</t>
        </is>
      </c>
      <c r="C585" t="n">
        <v>6500</v>
      </c>
      <c r="D585" t="inlineStr">
        <is>
          <t>0.40199727</t>
        </is>
      </c>
      <c r="E585" t="inlineStr">
        <is>
          <t>&lt;class 'numpy.ndarray'&gt;</t>
        </is>
      </c>
    </row>
    <row r="586">
      <c r="A586" s="1" t="n">
        <v>584</v>
      </c>
      <c r="B586" t="inlineStr">
        <is>
          <t>learning_rate</t>
        </is>
      </c>
      <c r="C586" t="n">
        <v>6500</v>
      </c>
      <c r="D586" t="inlineStr">
        <is>
          <t>0.039792262</t>
        </is>
      </c>
      <c r="E586" t="inlineStr">
        <is>
          <t>&lt;class 'numpy.ndarray'&gt;</t>
        </is>
      </c>
    </row>
    <row r="587">
      <c r="A587" s="1" t="n">
        <v>585</v>
      </c>
      <c r="B587" t="inlineStr">
        <is>
          <t>train_input_images</t>
        </is>
      </c>
      <c r="C587" t="n">
        <v>6500</v>
      </c>
      <c r="D587" t="inlineStr">
        <is>
          <t>[b'1024' b'1024'
 b'\x89PNG\r\n\x1a\n\x00\x00\x00\rIHDR\x00\x00\x04\x00\x00\x00\x04\x00\x08\x02\x00\x00\x00\xf0\x7f\xbc\xd4\x00\x00 \x00IDATx\x9c\xec\xfd{\xfc~\xdf;\xd0\x89\xaf\xfd\x89\x0er\x8a\xd4\x8c\xd38}\rE\x0e\x8dRH%\x92\x84\x9f\xc3\x18R:b\xa4)EQI\xdf\xf9UNCSC&amp;\x1d\xa9\x1c\xa2\xc3$9E2J"\xa5\x91d\x14\x15\x8a\xc6Y$\xc65\x7f\xdc\xf7\xde{\xedu\xbc\xd6i\x1f\xee\xfb\xf9||\xbf\xef\xcf\xeb\xb5\xf7Z\xd7u\xadk\xadu\xadk\xad\xbd\xef\xfbe\x0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8\x88\xc8\xd1&amp;\xc0\xd10\x06\xce\x8dD\xe8"\xb9H{\xacH\xbaVQ\xc5\xfd\xc9:s\xb9\x1b,\x19\xbcb]\x94\xf8\xad\xa81\xb12"\xe2;m./\xce\xcfn\xc5\x80L\x89\x95W\x90\xa9R*\xd6vr\xb91\xe3\xf9yM\x93\xae\xd7\x84\x05\x80\x8b\xf2\xc2\xd1\x06\x00\x04x\x98u\xa96\x9595\xady\x83[\xfd\xcf;yy:\xbb\xed\xc24\x05\xed*\xd5VU\xc1V\xa3K\xdf}1&amp;\xee\x1c\xcb\x87\xab\x96\xed\xad\xc0\xb0L\xe6\xf7\xaej\x9bi\x9a\xdck\xab\xba\x8cX\xf1Za\xfd\x18\xea!O\x88\xbd\x8b\xf0\xd4m\\\x9dh{\x8c\xdb \x11\x91)8\\\x92\xa6)\nD\xb7d\x99\x9a\x0b_\xb7^)4o#\xae\xbe.\x00\\\x99\xd2\xb8\xb6\x07"2M?h\xcc\xcb\x1em\x08\x00\x04\xb0\x13\x8ei\x9a\x8c\x11c\x96\x7fU\xf5\x9d\x04\xfc&amp;p\x9a\xa6E\xf2d\xe5D\xa1\xf4k5A\x9f\x9c\xcdZL\xc2\xce{\x99[c\xa6iQ\xe4kYM\xdd\xdc\x92\xd9\xfc\x8c\xfc\x9b\x1dK\xc3m\xef)\xec\xdc\xa4|S\xc8\x99\x9b\xeb\xaf"\xf2m\xeb\x15\xa7@\xa4!\x1ba\x8b1\xe1lX\xc4L\x93\x88L\xb3 \xd7\xc4\x88\x91\x93\xeb\x84"\xb6]\x13\xcf\x82\xedq\x950i\x07\x02\xde\xdbZ\xa61\xc9oKzH\xa7\x85\xdd\x04T\xd5\x05\x00\xe8\xcd\x03?\x9a|\xd4v\xc1\xf9\xe9;\xf6\xf6\x19\xc9\xc9PP\xf6\xfe\x83u\xf4\xfe\xe1\xe9\x83s\x9f\n\xed\x89\xe3\xf9\xf9\x96\xd8\xd7\xcc\xfcJ\xccZ\xe0\xb7\xda\xe7\xe2\x81We\xe6\xff%\x94\x88s\xc1\xfbu\xd3\xe4lCr&gt;\x89\x8b\xfa\xcbZ\x15I\x94=\xee\xf4\x9dU\xfe3\xa3\xeer\xfe\x8d\tV\x18Y\x86b\xa4u\xab\x05\x00pj\x08j\x00\x90\xe3S\xefQ\xa2f\x03p\xff\xd5/\xb1\x14\xf4\xcb[\xb5\xc4\x181\x9f\x95\tS\xb1\xbb\x9e\xd8\xf5\xd7\xf5\x96\x88\xf9\x1b\xe2\x8a\xfa\xce\xd4k?A5q\xa5\xc6\xcet\xf5\xf16\x94t\xba\xfe\tJ\x13\x0f\xff\xbe^\xbfs1a\xa7}%-3i^V\xc8\xd6\x9e\xdf\x9c.&amp;"\xf2\x0e\xde\xeeK\xd9\x05A\xd3\xed_K\x85\x00\x00\x9c\x85\xeahx\x06\x965\x15\x00\xd2\xcc\xd3\xbc`\xca\x04\x93Zu\xb8X\x15\xb5D\x98\xb5nZ\xb5nop\xff\xf9k\xc2[\x8e\xfb\xaf\xef\x9aK\xf2,?\xfcAk/\xb1\xad\xf2\x95![\xdeb)\x13\xed\x85\x9f\x9a\xf2\xd5\xf6\x96\xdb\x1d\x9f0w\xb1OL\xa0#&gt;\xa9N[W_+m[\xaf\x85\xa9\xd6\x1bQ9\xcbo\xed\xb6\x01\x00\xf8\xec\x14\\z\x05YH#%\xa7\xa7p(\x0f\xdcMb\xfd\xeb\xdf\xca\xe4\x7f\xfa\xfc\xe9^\xecC\xcb\x0e\xbcS\xa2\xbc\x9f\x83e\x83\xb5\x8cm\xb9\xff\x83W\xcbS\xf71A\x93\xbc\xea\x81Cz\x111\xe6-\x83\x8d\n\xb7\xe0\xc3\xf2\xef\xdbl\x85\x84\x1dr\xb3\xed\x8du)\xaf\xe3\x843\xd1\xd9\xaa\xc6\r@\xa9\xb6\xb3z\x15\x00\xc0\x98\xe0+\x98\xec\x07FP\xba\xf0\xc8\xf2\x9a\xf2#p\xa2V\xe4]zy\x9f\xd7\xd8/"\xc6\xbc\x99\xa2T\xcd\x8b\x13\x15\xf6D\xd5+6\x00v\x9e\xe7\xa7\xe9\x0e\xbe\xfc\x04vQM\x86\x175x{\x90\x9f\x16\x12l\xa3\xb6\xb4"\xec\x9c5\xc8\xfc\xf7\xa5\x15\xd6n\x8a\xbf\x80\xd4h\x93\xde\x86\x1dw\x1a\x00\x00Ml\xd6K"Ww\xea\xbcJ_@)5\x03F=\xcc\x92\xd9U\xb9\xca\xcd\xab\xed\xd9|\xdaI\xe5#\xe6y\xaf\x1em\x9bvO\x10\xb7\xb7\xdc\xf2\x0b?w[X\xea\x13\xf7&gt;\x14\x04\x84\xd7\x9d\x8b\x89\x18\xf3[\xc6\x99t*Z\x02\xa63\xb6s{\x89\xa8\xf6e\x80\xd5\x99\x01\x00\xb0+\xe4\xfd\xa3Y\xdc{\x94\x93\xe9\xdf]Qx;\x9b\xce\x0e\xaa\xdb\xc8\xd2\xae\xea\x11\x15\xc8\xa7\xe3o\xb38U5\x82\x1d-N\x11\xff\xee\xdd\x99\xd1D\x7f-oW\xef\xf5\xa4(\xd2\xea7\xf1\xae[\xaf\x9eg{\xff\xde\x84\xea\x11\x18\xaext\x00\xf9/\xd9\x12\r\x16:\xfd\xfe\x1d\x15\xc3\x9b\x18\x0b\x00\x17#\x91\xfd\xb31\xe8\xc8\xb1\x1b\x80\x83\xdely\xde\x17aGo\x00\x0e\x9f\x95I\x1b\x92\xb6\xbd\xe0\xa6\xda\xb3\x9c\xc6\x16\xdd\xb3^\x07\xbd\xe5V\x95\xc8\x06`\xf3s/\xff\xbfP&amp;\xb3,\x8cl\xccN\x08t\xea\x18\xf3\x15\x81\x92\xdf\xf2\xb0s\xb9S\x9fn\x9e&gt;\xb5[\x05\x000\x90\xec\xa1\xd7Y\xf7\x00g\xb3G\xc3\x15mn\xe2|\xc3f7&gt;6\xdd\xf6\xe6iu\x06\xc7Fm\x88\xc5\x93X\x01}:\x9b\xd0h\xdf\r\xed.\xf4rrFD\xfb\xae\xbeS|\x87\xa4\x87G\xd2N\xc7\xb1\xeb\xa3\x83\xc6\xf9\xf8\x9c\xd3\xb9\xb0\xd5b\x8c1o\xf8\x8c\x8e\x02\x80\x8b\xe1\x1e\x97\x85\x16\xa1Sn\x00\x00\xae\xcd\xf5\xe7\x94z\x030&lt;\x86\xe4\xf7Z=\x95\rn\x8e&amp;\xf0j\r\xb0\xf6Ek\x95\x96\xb7\xe47\xbc\xe7"\xb8N`#;,L,\x7f\x00\xd0\x8b\xd3\xfd\rp?\xb4-\x7f\x1d\xdd\xb9\xb5\xff\x1fr\x07\x80\x91\xc8\xa0\x88t\x0b\x1dN$y\x98\x00\xb2\x04\xc6\x8a\x16i\\\xa1\t\xbc"\xa2\xd1\xee\x14k\xb1&lt;\xa1\xe4&amp;\xb2\xa0\x82\xc84\xb9U*l+\x1dWJ\x15\xb6\xd3\xac*\xae\xc1\x00\x00E\xbc\xb0\xfd\x95s\x05\x008\x8aQ\t\xcd4M\xfb\xa4\xfb\xd6+.\xaa\xe2]\x94\xde\x9a6\xa2}KF\xbbx/\xe6F\xa5{\x9db\xd3L\xa3\x99\x8e\x92\xd2\x814M\x931\x93\xbf\xcfYL\xd3\x9c\xb8\xcf\xbe*\xd2l\x96*\t\x15\xb6\xcc\x87\xd9\xb5\x02\xc0\xe1\xbc\x90/r(v\xbc#\xf4]\x8b\xc7xT\xfd\x00M\x00\x87q\xfb\x81Y\xacf\xccH\xc7\xf3\x96[\n[V\xa7\xf0c\xc7*\xa7\xf5\x9f,\x1a\x81\x1d\xba2&gt;\xcd\xdd\x8dA\xa2z\xc5\xa9\xfc\xd2qI\xdf\x06\x1f\xb9\x14\xe9\x01\x00pq6\x00\xc7\xa7\xd8\xdb\x8c\xdf\xb1\xe7x\xf3.\xcc\x11+\x06\xe7U\x17\xa4`\x9c\xf4\xdb\x1d\xed18\xc7\xec\xe5|\x99\xca\\|:\xf8H#\xa4\xdd:\x92\xcff\xa5a\x99\xe5\xdb\xfe\xf4G\x0b\xca\xf4\xb70M\xefZW\xd1z\xf3\xa7"\xfb\x07\x00\x80\x1c|\x02\x18@\xc3y\xe6\xc8I\xcc\xb8Q\xf8~\x8eVj\xf2\xd6\x89\x9a\x1f\xe4\xf0\x0e\xb2Czh\xdc\x1ed\x9em\xc6\x178Vm~]\xed\xdf\xcb\x93\xb1G4\x00\x00\x8f\xca?\xeb\xf2\xcdq\xb0\x1b\xf4\xd4q\xe0\xf9\x00\x0c\xc8sb\xf5K\xd9\xd3\xa7\x1d;4\xf3\x05S"b\xcc[\x94I,6\xfe\x9e\xf4\xb3\x08\x02\x00\x00\xc0@D\xc4|\xbe\xea\xab\xdf\xc9H \xc6\xa0\xd3\xf1g{\x1a\xfcT\x8d\x05\x00\x00\xb8\x08\xaf\xf3\x80k\xb3:\xe18Oj\xf2\xe2\xc4\xbd\xd3\x18\xf9\\\x0cr{2!\xbeLG\xef\x9f\xd6\xb3\x91\x00\x00x(\x88\xe9G\xf3\xcc\xfe\xbfFJ1\xd0\xc8\xf5\x0fZ\xa9T\\\xc2];P\xfd.\xfb\xc3\x1c\xff\x17\xb6\xa2\xe9\xef\xa69\xea\x1e\xc0{\x00\xd0\xc2\xd9\xbf\x06\x14J\xc8\x04t"\xfeH\x9e\xf9\x0b=\xde\xfch\x03T\x0c\xfc\xd2\x95\xc9\xdc\xd3\x7f\xdd\x0c{\xaa\xaf\x7fI\x84\x9d\x9ao/m0d\xf3\xcb^\xfb\x87\xac\x96\x92\xf6O\xc64}\x1f\xf6\xf2]\xae\xac\x05\x00\x00\x1a.\x10+5\x01\x9d\xa0\xdf\x15\x9c\xb9\xc2\xd0\xba}F\xf3&lt;~8\x8d%\x83|\xd2,v\xc7/\xed\xa9\xab\xd7\xd9\x0eG:_%\x04\x00\xb0\x0b\xc4Y89UCt\xce!N\x93n\x821\xa3\xbe\xf0\xf4D\\6\x7f=\xd7\x16\xf1&lt;\xc6\x00\xc0\xfe\xf0\n\xd0&gt;&lt;\xd1\x13\x7f\xb8"u\x99\xc0R\xe9\xf8wZ\x9aS\x99K$CJ#\xf7}\xb5f\x1f6\r\x9f\xa6\x9a?\xbb\xebJ&lt;\xe0\x03\xb8\xc6\x18c&gt;3\xabt\xb4U\x17\x18\xea\x000\x9a\x07[$\x1e\x10\x7f\x89*L\xb6\x84^\x1e\x84\x88\x1c\x9f\xf8\xc6\xd1\x9b\'"\xed\xe9\xd4\xc9\xc9xc\x9ef\'\xefP3\xff\x85\xde\xa3m\xd9\x99{\xf7t\xed\x1d\x11yNg\x02\x00\x14r\x89\x13\xb2\x87a9\x9d\xb2\xbf\xb4\xc1\xc6.{\x84\x81\x00\xc6\\\xe4m\x13\xcd\x1b#\xe7\x7f\xa7\xfca\xbe\xfa\xa6\x9c\xe7l\xf58\x9ev \x01\x00\xecKi\xa8M\x96\xffS\x91m\x00\xc0\xeel\x12\xeb7\xdcI\xe97\x17\x0f\xfb\xf3O\x16\xcd\xfe\xe4\xfc\xadP\xf2\x18\xad\xd8\x9f\x8e~{\x98\xb1\x04\x00\xd5\xf0\xf4\xf3T\xe8\x9eJo#\xf7\x99_Z\x00\x18\xc03\xbe\xd5\xb6L\xfa\xd3\xcfw\x11\xc9\x1a\xb9g\x0fj\xec\xb9\n\x8e\xdf\xd2n|\xc6i\x02\x00z\xf8\x10\xf0\x89X^C\xce\x94\xdb\x16\xe0 \x07\x0e\xe3\x98\xb1\xf7\x84i\xcd\xf8\xec\xbf[Wj,\xdc\xaf\x07\x977(w\xd38\x92\xbf\xeb\x1c\xfe$\x0b\xf3}\xff\x00\x00W \xfb\x88\xdf\xbe\xeb}\x1e\xc0\xabU\xf5\x84\x97\xd5\x02\xca`\xc0\xec\x84\x88\x08\xde\xae\xe0d\xef\xba\xec\xf1A\x91\xcd\xef?~\x9e\xb6\x03\xc0\xb9\xf0\x9f\x00\x9c*\\\x1ac\x9e+\xc9\xc8\x9e\x8c\x05\xd3}\xdfCRuX\xf8 \xcf\xc9a7\x180;1M\xf37_B)\x93\xff\xc8\xf4\xa05E\xa9\xf6\xbei\t\x95\xce\xae\xcen\xd8\x7f\t\xc6\x0c\x00\x84\xf17\x00\xe7\x8b\x17O\xb5\xecE\x1b\xfbW\x96\x1b\xd9U\xa4a\x0b\xf7L\xae\x86\x0e0`\xe0\xcc\x84#\xe1QGJ\xa1C\x99\xe8nD\xbcH.\xf7\xaf\xeb\x05\x00\xe8\xc0K\x04\xaf\xca\xb9\xbf\xe0\xfc\x11\xc9|\x01\xc84MfJ\xe7\xfe\xcbG\xbe\xc4lW\x1az\x13\x00\x9e\x92@\xe4;U0\xbc\xff}\x83\xed\xc5i\x9a\x82\x878\xa7\xb2\x1c\x00\xaeN\xf4C\xc0\xa7{\x11\xe89\x10\x11c^\xe4\xbc\xb7\xba\xc4\xfd\xe4_2\x9a\xeb\x8b\xfb\x14a\xc4\xb2\xc1\xf0X\xc0\x15\x00P\xc74M\xc1\xf8|\xbb\xa8\t\xdd\x8f\xf4\xfd\xb0\x00\xb0\'\xd1\xf8\xc2\xb1\xf1\xce\xe8\x8f|b\xb1~97z\xf8\xbf\xea\xba\x1f\xfev*P\x84\x99\xc2\x17\x0e\x02T2\x07\xed\x9a\x19\xb4=\'2LC\x00\xd0\xe3\xc6\x0b\xb2\x99CH\x9f\xdf\xf8\x91\xdd/?\xff\xf5\x00R\xb1\x9e\xc4\xa6\x03\xd3\xe4FK\xee\xb2;L\rPr\xff&gt;\xe6\xbd\xb4\xe5O\x19"\xf56\xb3\x8f\xa0\x04\x00E\xb8\xaf\x00\xcd\x11\x84\xe7\x89\xa7\xc2\r\xeb\x818\x7f\xbf\xc4\x9f\x08\xe8IlAe\xa1Ur\xa6\x11H\x97\x81\x92i\xd7\xd1\xb2\x04\x93\x92\x97y\xfc\xcf\x07w\xb7\x0b\x00\x1e\x9b\xd8g\x00\x1ep\xb1&lt;s\x88\x8c\xe5\x93\xb17D\x95_\x8dD\x9e\nC\x89\x8f\xcfsq\xe6\xb9\x7f\x18\x1f\xc0\x8b\xe3\xe7b\xfe;\x90e\x13\x8a\x0f\x00\x00@\x1d\x95O\x1e/\xb1\xea\x1fJ\xe6}\x03\xdf\x87\x81\xb7z\x92Nv\xca\xfb\x85\xe9\xa6\x1d\xc0\xc9\x97\x80n\xea\x01\xefP\rF\xa4\xf4\xef\xb7dW\x01\x00\x80\x18\xd1o\x01J@\x94Q0\xdcE\xef\xbah\x9a\x1e\xafGZ\x0e\xb48\x0c;\x88\x13\x1fC&gt;\xdc\x04\xd9\x9fg8e&gt;\xba\x85e\xcf\xd3\xdc? \xc0 \x07\x80\x87\xe4\xe8\xd0\xbc\x0b\xb2EYx\x1f\xdbv\xe5\x8c\x8d:\xa1I\'BD\x8c\xf9%G[\x01\xa3\xe8\x11j\x98A\x9d\xd9,\x16g\x8c\x99\x00pj838\x17\x9aG\xbaK\x99\xf9\x9b\x7f2"\xe9\xe5\x1cw\x8fv=BK\xbb\xfd\xf8N\xe9\xf5V\xcc:\x1a9\x80|p\x8e\x1f\xb4\xe0\xc0\xec\x03\x80j\xae\x1e5*\xbe\xaf\xed\xf4\xcb\xd8v\x13\xb0|\x07h\xf0O\x83i\x84\xb16d\xe9\xf6u\x96V\'\x9d\xda\xed\xb5\xdf&lt;\x18\x10d\r\xd6S7\x19\x00\x00\x00fj&gt;\x03`q\xf8c\xc7\x8a\xefk;}\x8e\xb2}\x13Td\xf3\xfc}*L\xb3\x06\xe4d\xd7}\xef(j\xf9\xf2U\xda\xad\n\xee\xd2R\xef\xf2\x9e\xc2{\xddF\xc54\xfd\xe0\xf2\xd3\xe9g\x16\xc0Yq^\xb2z\xd8\xd7;\x01\x00\xe0\xa2\x1c\xbb25\xa8N}\xb8B\xff\xd1\x0b\x8d\x82l\xa9\x13\xec\x9c\xfb!\xf2\x8f\xcf\x96\xa9\x9c\xcd\x1exrD\xcc=vEG\xa6\x9f\xfd\x97\x86#\xf6\x0c\x00\x00#\xf9\x99D\xd8\x81d\xd7\xb0\xea\x15\xce\xfb\x80\xb5\xfbgt\xda?N\xa7\\\x80\xf9\xc4\x1e\x00$\xf8\xa2P\x8cJS\xbea \x04\x01&lt;;&lt;\xb5\x7fpZ\xden\xef\xf9\xf9\x01\xddK\xe7\xe3&gt;\xb1\xe0/\x8d\xab"\xef\x1eo\xb3\x00\xc0\x85\xb8\xc7y\xd3\xf1\xed&gt;\x00xp\x1a?\x03\x00\xa7\xa6\xf1\x89\xf04M\xdd\xce\xaau\xcbR\xcf\xfdFZ\x91]\xb6\x8fBN\xd4\xe0\xba\xdcGo\xcf\xd7H\xde9!\'\xf0\xfc\xad\x8f\xd2\xa7\xe0\x8f\xfa\x97\xee\x9f:"\xfb\x07\x806\xdcO#\x1dh\nTS\xb4\xac\xc6J\xf6Z\x9b\xcf0\x8a\x94\x9f\x01\xa80\x95\x0c\xc6\xe2$~8\x89\x19\x17\xa3\xdfH.x\x83\xa5U\xe9\xa3O=^\x1a\x04\x80\x11\x04\x9f\x00l\xbe\xc3\xe4y_\x87\xa8M\x07\xcf\xc1\xfcD\xb8\xb0J\x8d&amp;\xa5\x97\xde\xf0\xe0\x0f\xbfN3\x07\xda\xf0\x04d\xdc\xbb\xd7\x84\xa2\x97kPM\x10U\x0f\x16|?[\xcb\xac\xbcn\x80.\xe2\x19\xda\x08\x00\x00iZ\x0f\xf5\xf5\xd2\x94\x1fD\xd3\x17S.\xd6\xfb\xaf\xe9\xedO\x00\xc27\xde\x8a\x85\xdb\xe59\x126\xd8\x89+\x9f\xd1hy\xf8\x06\x02\x00\x80\x82\x1d\x17\x83\xbe\x0bOuz]\xa4Bi\x88\xfb{\xdb\x06 \xc8o}\xb0\xaf\xfb\xec\xc4\xdbt\x1b\x00\xf8\x16.\xc1\xe7\x1dm\x00\x00\xc0\xb3\xc2\tJ-\x9d\xfd\x16K\xaf?\xa7S\x07)\x9fE\xfc\xa3\xb0\x19\x0c\x92\xe3\xf0\xbaC1g\xe9\xaf\'\xe1\xb9:\x9a\xd5\n\x00\x0e q\xfc\xf9hQ\xe9\xa7?Vs\xd2\x9c\xa6\xef\x82G\xecW\x7f\x88\x7fu\xfb\xf5l\x1e\x92\xf4{f\xf2&lt;\x0e\x84\n\xf6\x18\x1b\x0c?\x00x&gt;\xb4_\x03\xba\xc7G\'\xf7|\xb9\xe5\x87vSu\x02\x8e\xfd\xd8\xeb6\xbd\xf3?\xf0\xd7\xfb\x83\xb9\x07\xac\xe5\xcf\xf1\xb9b\x89\xfe\x12\xbcP*\x9d$\x0cB&lt;\xe0\xe4\x1a\xff2$\x00@\x96\xcd\x06\xe0\xe0\xefH\xe9\xa3Z\x15U\xf9*\x98\xf1\xc8\xf2\x9f\xc5\xd7En\xafZ \x0fXU\xa7\xa9\xe0\x0bO.\xc9o\xca\xa7+\xb7G\x02u{x&amp;#$\xb9\r\x8f\x91\x13{\xc7\x11\xb8\x9dIU\x7f\xb871\xcb\xf8\xdc\x11\x00\x80\x9e\xe5\x95\x86\xa3\r\x89r\xc5\xb3"\xe5\xeb\xf8JYg\xee\x9d\x07\xc6\xffx\xb4\x06c\xc4\x98\x8f\xadPD\xeer\x1a\xde\xe0h\x036$\x03\xe0\x8b\xbah\xe8!D\xadL\xc4\xfc\x8a\x82\x01o\xed\xbf\x7f\x89\x111\xe6_\xf7\xb0\xe2\x83y\n\x01\x00p\xc9\x0c\xfb(H\xd4\x9e\x83\xd7v^\xf1O\xbf\xee\x1f\xde\t\x14L+^\x8a8\'\x07~\xbaC\x8c\x11\xdd\x91vBK\xcf\xaf\'\x1e\xc0\xfb\xee\xab\xce\xfd\xf0\xd5\xbe\xda\x01\x00z\xf3L\x81\xec\xf8\xe4\xfb\xda\xdeNf\xb1v\xa9}\xcc9-\xde\xa1~q\x15\x111\x9f^\xea\xc6\x1f3\x07\'d\xd0\x93\xea~,\x1b~\xa92\xdd\xfe\x8c\xc9\x00x\xb0\t\x00\xd0F0\x82?\xeeA5\x1b\x80z\xee\xf9\xc4\x1b\xa5\x9b\xf0\xd4\th \x8fo\x930\xc2\xc8\xeb\x82C\xb2\xf4\x1d?\n\t\xf4\x08\x00&lt;#|\xfc\x0e\x8a\x10\x11&gt;\xb5\xf9\xb0,\xd9\xd2d\xfd\xbfE\xce,\x86\x01\xb33r\xdd\xd8."\xbd"\xccm\x1c\x12\xaf\x00\x00|\xb4_\x03Z\x0b\x87+\x0f\x06K\xe9C"\xces\x8f_jLK_\xdb)\x17!\xe0\x08.&lt;O\xfbf\xff\xea\x92\x8cS\x00x.&amp;c\xee\xf1\x8fc\x128\x1b\x1d\xcf\x02!\x81\x9f*M\r\xc7\xff\xbeX\xbd\xb4{\x8f\x8b\xa8\x1f\x1a\xdcT0HN\xc8\xc1O!\xf4\xc7\xff&lt;(\x00\x80\'\xe4\x05\xc3\xd1\x07\x9c\x15\x96\xe4\xe3\xe8\xe0\xf9\xa5\xf7\xee\x7f% \x89\x88\x98\xbfY\x11\x8a\xec?\xc2\xc0G\x0eN\xc5\xc1\x93\xb7\xe8\xcf\xda&lt;C\xa4\xe139\x00`s\x0f{\x8f}\xd4\xfa\xd8\xad\x03h\xc3\xcd\n:N\x16GtVr\xf3T\xbd\xf0\xbb\xef}(xx\xb2\xa9\xf6\xec~{\x02\xec\x07\x1d\xac\x89\x00p\xff\x0c@y,\xb8\xd2A\x02\x91\x0e4&lt;\xe7\xf1\x98\x97\xfd\xf7\x14^:\xf5\x9a\xa7\xeaS\xcft\x0ex/\x83\x881\x1f\xa6)\xd7O\xa1/\x8a\xc1\x02\xf0\xd4d\xd7KN\x86\xe0yx\xae\xd1\x1eL\x17\xfd\x14\xbc\xf1\r\xe9\xd2\x87\x00P\x87\xf5\x89\x0b&lt;|~\xee\xdd\x95\xec\xac\xecW\xaei\x84lJ/_\xc9\xc5\x13\x00\x00\xc8~\x0b\x101\xa2\x0f\x9c\xcd]\x81\'\x1a\xed\xb1\x01\xe9\\\xef\xfe\xf9H&amp;\xc2\x18\xc8\xfe\xaf\x85\xa2\x9br_\xb8\xbc\xcc\xa4\x82\xef;Z\xd43N\x00\x9e\x9e\xd1_\x03\nw\x08\xb8p\x15\x96oE\x1c\xf1g\x98\x98\x06#8nW%|\x87f\x1dSvQ\xd8\xdc\xfd\x8e\xb4\xb4\xc2\xef&lt;\x05\x00`\x03\x00p.\xce\xb1&lt;+\xbe\xb7\'X\xcd\xae\x15\x94p\\\xf3\xce\xe1\xd81L\x93"\xa1\x1c\xa4\xd9\xfb\x8eW\x119pGr\x19\xd4\x9d%""\xff\xb5\xf9\x95\xfew\xf5N\xd6\xcfy!%\xc6\x01\xc0\xe3\x93\x0c\x1b\x95_(qvx\xfd\x11\xa0(!\xd0\xbfdl\xd6?\xfd\x1b\xd5\xc0\xec{h\xf8c\xe1\x9dI|\xbaC\xff\xc1\x8fP\xc9\xe7\xfa\xc8\x13\x008D\x9f\x00\xf0\x85\x12\xf040\xd2\xbbr\xff\x94aW\x99D\xa3\x8b\x10\xca\xfe\xe9\xbb&lt;\xaa\xf56R\xe6\xfe\xb7\xf3\x92L3\xf65\xbdy\x00\xf0x\x1c\xfe\n\xd0\x01\xef\x8fr:\x05[\xce8\x1eFo\xc0\xa7\xe97\x8c\x14O\xce\xf7\xa4\x84\xa2\xeb\x19\xe7\xd7\xd9P\xadJ^\x995\xa7\xc7\xc7\x00P\x08a\x03\xe0I\xd1\xef1t{f\xad&lt;\xff\xadq8\x01b\xcc\xc4\xeb\x91\x00\x00O\xc2\xf0\'\x00\xbcI\x04\x85\x1c2`\x1ee\x94\x1e\xf9u0\xc6\xe8\xf2zB\xc2)\x99\xf6\x8c\xd5"\xbcd\n\x00p$/\x8c\x7f\xd3\xa0\xf5&lt;\xe9\x04K\xc5\xe1\x06&lt;\x15\x87\x1c@&gt;\xc8\xa9g\xd10U\xceM\xa5k\xa6\xc9L\xd3\xf4\x90_\x1b\xf0$x\xef\x88\xf7AD\x8c\xf9\xa3\xdd\xc5\x02\x00@\x13\r\xe9\xf5.9\xb1e^\xc2\xce\xe6\x04=X\x9d\xa4\xff\x8a\xfc\xf9\xa3\r\xb8\x12\x12g\x8c\xd4v\xe1\xf0H0\x12\x00\x00\x8ea\xea\xfe\x97&gt;\xbb\xa3y-U\xfb\xeaj\xe4\x8bM\x15\xd5o\x0b\xd5y\xbd\x04PN*\x15\xaf\x8e\t\x9a\xfc\xfe\xcc\x01\xe7Z\x1c\x18\xc0Ed\xba}t\xa0Z\xbb\xea\x9b\xa6\xf9\xb6J\x00\x80\xfe\xbc0\xe8\xb1oG4\xe6i\x9b\x10\xc9\xfe\xb3\xf5\xe6\xbfl\xc3y\xd5\x03\xf2\xc4\x07\xd2\xd1Y34&amp;\x9c&lt;\xe0\x80\x1e)\xf8{V!T\x95\x19-\x00\x00\xfd\x19\xf2!\xe0+fTI\x9b\x97w\x90\xf6\xb1\x05v\xa5-\x1f\xbd\xf6\x98\xd8\x7f\xff\x1f\xd3&amp;"\xb9/\x05&gt;\xf8\x83@\x87j?#\xb7\xbf=\xcc\xc9HGxA\x0e\x00v\xa3y\x03\xb0\x8dV\xf3*~%\x14\t\xd0\xb4\xf9\x0f\xc0\xca#\x0c\ng\n\x0c\xde\x11\x04\xa5\x8b\xc9o\xb0\x8fu\xf5I;z\xc0\x16\xee\xab\xf4\xba\xcd}\xf0\x9c\xd49W\xc4\xffk\xbf-K*\xdb\t\x00\x18\x85\\\x7f\x03\x00\x00\x1d?\xa4\x9b\xfa\xecoT2\x1f\x0e\xae$\xe64\x9cyq\xec\xaf\xbe\xa8\xec\xca\xdb\x9c\xfa\x03\x8c\x04\x00\x18\xc1\x13,3\x7f\xb6\xa4\xf0\xc3{c\x00d~\xe7\xa0\xdb\x1e\xa0\xfc\xcb\x7f\xac\x02\x8c\x84\x0e\xb0\x9b\x02{\x1e\x1em\t\x00&lt;&amp;\xbf\xfah\x03\x06B\xf4\xdc\x05\x9c|\n\xf4\xf9z\x85(m\xf6\xafR\xcah\xd9\x9f{\x071U\xaf\x02\xd9?\x00@=U\xd1\x93\x80{N$\xf9+t\xdc\x00\x14d\xff\xc6\x98OL\xbd\x1a\x04\t\xf6\xcb\xf0\xbal\x0baO\xe8,\x00\x00\x80gxW\xad\x9d\xe0\xc1}\xa9\xdf\xba\x08\x81&lt;\xfb\xf9\xf6\n\xdd\xf7\xedW0r$O\xde|\x00(f\xc8\xd7\x80\xc2ss\xc6?\xab\xccw\xcf+\x08\x7f\x9fLA\x8a\x19IGq\xfe8\xf6\xf0\xed\xe9\xbbOD^\xf9h\x1b\xba\xf2:\xa5\x15D8\xe3\x00\x00\xa8\xe7\xd7\x1cm\xc0\x03\xc0\x89\xef#\x90;\xc2\xffI\xf6\xa9\xf0\x88\xf3\xfe\x9c\x10\x06\xd8.\x7f0\x81\xb9|\x11\x88\xba\x00\xb0+\x0f\x16q\x88\xa1\xed\x9c\xf3\x95\x8f\x13\x9at~\xc2\xaf\xf28\x89\xfe\xeb\x8a]\xb2\xe3\xbb"\xf4W\x9a\xa8\x7f\xbav\xc1\x85&amp;\xceU\xec\x1c\x84\xae\xf9O\xed"\x00\xe8\x8b\xe6\x14jl\xd0i\x8f\xfbO\xber\xf4\xe5\x9c\x19\xc3\tM\xea\xce\x886\xe67\x00\xb7\xd9= S|\x86.\x1bA/\xbf\xcd\xdb\xb9w\xed"\rN\x02\xd3\n\x00\xf6\xe4\xec\x11\x87\x98\x08\x10$\xbf\x01x\'{\x9f\xff\x90\xf3\xe8\x1f=\xd0\x9e\xd6\xda\xb3\xc1\xb5\xa0\xe3\x00\x00j!z\xc2XN\x98&amp;\xf6bi\x9a\xf7\x04`\x0f\xa5\xd0\x87S\xeed@\x87X\xff\xc6\x0b\xd1\xbf\x00\xa0\x86o\x01Z\x1ev\x034\xf1\xbf\x1em\xc08\x96\xaf\x9a\xd9\xf3\xfb|l]d6\x1d\x08\x7f\xc9S+t\xcd.L\xd6\xbf\x00\x00\xd0\x83\xde\x0b\x18\xcb!@g.\x9ae\x8eyNr.W\\\xb4k\x00\x00\xe0\xd9a\x01\xab\x05\xbf\xc1N\x94L\xd2\xc7\x1e\x96\x8f\xdd:\x8f\xc1\xaf-\x11\xfc\x01\x00\xfas\xce\x0f\xcfe\xb9\xa8\xd9G \xc9_\x01\x1e\x923\xfe\x9d\xbbG\x85h\xac\x02\x17\x01\x00T\xb1\x89\x9e|QF-8\xed\x01y\x8c\xf4k\x97&lt;\xf2\x11\x1cu6\x88\xc6\x1af/\xe1(\x00\x00\x18\x0e\x8b\xcdS "\xe6\xb7\x9e\xa2\xaf\xc7\xe4\x82}6\x06\xb3\x90\xb1\x8ez\x99\';\x0e\x7f\xd4OP\x14}\x89V\xc9\xb0?\xbei\x00\x00\xf0\xc8&lt;U\x16\x02\x0f@|\xc4\xf6\xdcTd\xb3\xba\xc6\x89\xb3\xcf\xb7\xaf\x9e\x84\x87mi\xc9\xb7\xe8&gt;\xac\x13\x00\x00\x8e\x82\xa8\np\t\xdas\xa0YB\xcd_\xce\xaaR\xd4\x9dg\x0cVO\x1e\xa2I\xfd\x01`4\xcf\xf8w\x00n\x81\x95\xf0\n0\x88\xcd\xe4\x9a\xa7[t\xc6\xc5g\xe2\xad\xca\xf4\t]\x8c*\xfe\x0e\xf5\xc2\x08\xf1\xd1\xa5\xf2\xd5\x9c\xea\xdb\xdf\xabwSe\xec\xf9\x17\'N\xc845\xfe\xd5\x061\xe6E\xeb/,v\x00\x007D\xc4|;1\x11`\x04\x9b\\_\xb2\x1b\x80\xb4\xa0+\xe4.\xd6k\x1d\x17\xb0\xb6\x99gh\xe3%\xc8\x8d\xb7\xf9\xa3)\xcf48\x01\xe0\x00\xae\x12\\\xf4\x1f\xbd\x02\x80&gt;$\x8f\x8dK\xe7\xdag\xb5Z\xd3\x95m\xf6O\xdc\x80\x9d(\xfa$qd|\xb2+\x00\x80\xa7\x81E\x1a\xe0l&lt;\xca\xf1\xe4\x034\xe1y\xb9\xe0\x08,\x9b5~\xe1G\x99w\x00\x00Ix\x0c\n0s\xb6Yp6{\x00\x1e\x0fo\x96q\x1c\x06\x00\xcf\n\xfb\x81\x0e\xe0C\x00\xe8N\xa7\xc0\xf2\x18\xd1\xe91Z\x01\x00\x00;\xf3\xfd\xa3\xd6\x8f\xaf\xe1\xa1\nha\x9c\x1c\xcc\x85\xa6j\xa7\xa7\xb5\x97i\xaf\x02"-\x00\xf4\xe4a\xbf\x06\x94X\xb9\xe1\xe5F}\xa7\xde_\xdb\xfb\x0b\xfb\xb4\xdd\xca\x008\x15\x17\xd9\'^\xc0\xc4\x06\xae\xd8\xba\x9f\xdcV\xbdoh\xda\xdf\x81\x8b\xc6\xfb\xf4\x11\x91\xdb\\\xfa\xe0\xdct\xba\xc4|\x03\x00\xe8\x0c\xef\xfa\xc3\x0c\xc3\xe0p\xd6\xef"&lt;\xd8\x10hf\xafOR}8\xa3\xc5XI\xbc\x84HUc\x05\x04\x00xX\xa2\xf1\x9d\xb8?#R\xfa\xc7\x9c`\x10\xc3\xd3\x91\x8f\xbezG_\xc0\xfem\xf6\xf9\xddG\x9b\xd3\xc65&gt;\xffZ\xfc\xb7\xf3\xeew\xd9\x00\x00\xc0Qp\x02\x01\xe7\x80A\xf8\x14\xa8\xa3\xcd\t\xc7\x03\xe7\xb5\x10\x86Q\x01\x00\xe3x\xd8\xcf\x00\x9c\rBy9=&lt;\xf6\xd2\x1dd\xc0\x00\xca:7=}J&amp;\xd7\x9e\x9fWQ2M{\x7f\x90\xa6\x99\xc7\x8cf\xff\xeb\xd9\xf6\x87\x97\x1a\x13\x00\x00\x10\xe41\x97\xcc\x81\xb4o\x998X}\x1c\xfa\xf5\xe3\xbeC\xe2W\xee\xa8k\'\x1euZU\xfd\x8d\xc8\x81~\xf8\x0b\x8f\xe8d\x00\x80\xbd \x86^\x04/\xa5\xe8\x9ed\xfc\xad\xae\xd2\xe00\xda\xfe\x98wp\\\r\x8d\x12\x8f\x99.?\x1c\xc5\xddt\xdf\x08\xd1\xb9\x00\x00}a\xd5|*\xec\xee\x1es\xc4\xc8p\x820m;\n\xad\x92\xc1\xf2ao\xae\xf6$\xe4B\xa6\x02\xc0ss\xa9\xd8\x9a\xe2a\x1a\xb2\x0fG\x9e\xab\xf1\xd5\xda=\xb8\xdc\xb1\xe8n\xdd\xca\xf8y6\xf6\xeb\xf1\xac\xa2k|\xeb\x11\x00\x00&lt;+=\xce\xd5\x02\x12\xb22uJYA\x01*x\xda\x89s\x9e\x86_\xeby\x05\x00\x0c\xe7\x89\xbe\x05\xe8r\x07\x93\xcf\xc94M-\xdf\x88\xf2N\xeb27\xa2\xaf\xf9Z\x0e\x80\n\x9ev\xe2&lt;m\xc3\x01\x00\xce\x83\x881\xff\xf6h#`,\xb5\x7f\xa9T2/\x82_\xec}_8\r=\x87\r#p0\xfcuE\x00\x00\xb8\x04\xbb|~\xf1J\xd4m\x00\xd6Z_\x99\xa8\x88\x9f\x1f\x81\xe1O\x02/\xb9Q\xdc\xd5\xe6\xd3\xee\xa5\x9d\xb4|\xd3\x00\x00 \x00IDAT[\r\xdbD\x1e1\xbf\xe7\xa4\xcd\x04\x00\x80G\xe0\xb4\xabi\x17*R\xf9\xaalF\xeav\x0e\xa5:\xc6\t\x07%\xb7^\x18\xd7\x17\x97\xed\xe5\xfd\xcc\xbe\xac\x8b\x16\xc2\xf6s\x1c\x03\x00\x00]P\xad%-\xab\xe9\xf5W\xe22\x12+\xf4\x9c\xfd?\x97C\xce\xc3\xce_\xaa8T\xdd\x13\x7f\xdc\xe8\x1b\xba\xce\xa0s\xfa\xf0\x9cV\x01\x00\\\x93\xcb}\xef\xfbc\xa4\xce\x8f\xd1\x8a\x93\x81Kk\xd8\x7f\x03@O\r\xa1s\'\xd2G\x00\x00C\xe0;\n\xb4$\xb2\x93\x96o\xad\x01\x00\x18\x81\x88lC\x93\x10\xf0\x15\x88H\xdf\x90\x8e\xdb\x01\xe0\x8c&lt;\xd1\xd7\x80V\x93=\x9b\xac&gt;\xbc\xe4\x00\x1e`\xe5\xe2\xd3\xe1T\xd3\xd9\xcb\xfe\ri\xa8\x86\xbe\xd9\xff\xbc2\xf4\x1a\x18\xa3\xff\\:\x00&lt;\x11\xeb\x06\xe0\xd7\x12P&lt;\x8a\x82\xec\xd0W\x8aw\xed\x9a\xf7;\xfb08\xfd\xe2\xf7\xf3w\xd5vjW\x94p\xf1\'i\x931\xe64o\xff\xf3X\xb2\x8e\xbe~\x9b\xa6i\x9a\xfe\x89\x89\xae\x0e\xa5C\xc5\xb5\xed\xdca\x10\x00\xae\x03\xd1\xc4F\xb6\x18#\xde\xb5\x00\xa5J\x94\x96T\xd8\xff\xc0\xf4\xd8\x00\xfc\xfe&gt;\xa6x&lt;sg=P\xdb\x1f\xa6!p\x06\xfa\x1eXlV\xa2~b\x01\x00\xc0\x18\'\xd7w\xae\x1aIm\x06\xc2\xf2\xbe\xa9&gt;X\x13\xe5\x1dX\xf9`0\x1f{\xb4\x01\xa0\xe4\xe9\xe2\x80w,\x05\x00\x00\xfd\x88d\xf3b6\xd9g\xc1\x1e`x\xc2JB\x0c\xe7\x87\x94\xe5\x0eNx\x02\xfe\x89\x0c\xf8\x0b\xe2\x9c\xfd\x03\x00\x0cc\x8d\xb0N\x90\xf5cn\xc1C\x80\xeax]\x963\x89\x881\x1fS\xab\x0b\x00\x00:0(G\xdf.1l\x03\x00\x00\xfa\x11\xcb\xe3Ca7\xb6\x01 .\xc3\x0e\xbc\xce\xd1\x06\x14r\xc1c\xcb\xc7=j}\xd4v\xb5p\xc4\xc3\xdbj~^\x9da_\xd6\xd7\n\x00\xb8(\xf1o&lt;\x10\xb9\xfa\x97r\xd4a\x87\xfb\xc87B\xa8V\x04\xbe\x85\xa3#\x12\xf8N\xc3&amp;q\x8f1\xb6;\xbb\x05\xc2_\xd9\xde\xf4=\xee\xb7`1M\x86o\xe1\xbc*\'\r\x17b\xe4\xf2_\x9c\x05\x00\x07\x12\xfb;\x00\xf7O\xb9\xeej\xcb`\x92\xefM~w\xac\xca\xfc\x05\x0ev\xc5i\x9a\xc8\xbb\xf6\xe2\xab\xa5o\x9a+\xf2 c\xfb\x01\x9a0\x9e\xc2/\xe5\x0c\x97\x9d\x12\xf7\xd4\x10/\xb4\x1c:\xb0C\xaaO\x1a\xeb\xa7\x9ca\xc4\x07\x00H\x11\x88 "\xf2\xdd\xc6\xbc\xe2\xed\xf6Ic\xdf@\x96\xe5\xe7\xde\xf6\xf9w\xcb\x152\x7f\xe5w*\xc2&gt;\xa1\xebF\xd0\xfd\x90{&gt;\x91\xbd|\xef&lt;LC\x00lDd2;\xa7\xdd\xb7ow0\x86\t\x05\x00OC4\xd8]\xf6\xed\x82\xd6\xbf\xbb\xben\x00\x8c1\xd3\x14z#H\x8c\x99\xb2\xc7T\x8b\xf7.\xeb\xc9\xe3\xc1uQDd\x1e\xa2G\x9b\xf2\\\x88\x08\xef\xf3\xc0\x96\xd6E\x07\x00`\x7fb\xaf\x00]\xed dM\xc7\xfb\xbd+\x12;\xe3\xe7\xc9\xea^\\l\x10\xee\xc8\xf2\x94\xaa\xbf\xe8\xf7\xea:\xbe\x1f\xee=%\xb2\xff\xa7%~\xe83\xed\xb5*\xcc\xaf\xa4v\xfe\xb3b\x00\x00\xe7&amp;\xf1\xed:"b\xcc\xdf\xfc\xd3=\xc2b\xe4\x8b=7\xdf\xbcv\x0f\xc1\x89\xa2\x0f\x97\xf7\x04y\x92f&gt;\x15}\xfb\x94\x11\x02\x0fCn\x01\xda\xc5\x82\xde\xeb\x0b3\x14\xe0i\xb9\xd6QV\xe6Ik\xaf7F\xec\xb7\x80\x9c\xe88M\x13\xdf\x02\x04\x0f\x00\x1f!\x00h\xa6\xcb\xcb?Z!\x8ao\xa8+TL\x10\x00xb\xa2\xaf\x00\x9d\x92L\x9c\x1a\x11\xc8\x16\x91\xd67\xffl\xbe\x04\x88\xd8y\x14\xcf\xf3\xa4\xa5?\xf8\r\xa0\x03\x07\x86\x7f\xe5\x14f\xa6\x03@\x98\x978\xda\x80Ss;\x99\x99\xa6\xd0G~\xed\xdd\x86w\x973\x95K\xf1l\x9f\xe1\xf3\xbf\xd8\n\x00\x8e\xa2x\x1a\x96\xcc\xdcDI\xf6\x06\x00\x00!\xac\xb7-_q\xb9fD\x8c\xf9\x07\xf7\x9f\xdd\x82K\xf9\xcfp\xe4\xecf3T\xf0\x84\x1d\x94x\x9b\x19\n\xc1\x8d\xe0\xc3\xa8\x00\x80\xb3\xc3\x11\xe0\x8d\xc0\x19\xf0\xf6\xfb@\xedo\x89\x96\xe5OC\x06S\xc7\xed\xb3\x01^\xb2\x04(\xe0j\xdf\xfd\xfal\x8f\x8f\xa0\x81\x93\xfeQa\x00xF\xae\xf5\x19\x80q\x04\x82\xf2\x12\xa8\xc5J\xf4\x97\xd7\xcec_\xc5\xe6\xe4.\xf6_\x03\xe8d*\xc0CbM\x90+M\x96x&gt;w\x0f\x16\x17j\xcbP\x92\x9f\xd8i\xed\xf1\x81N\xee\x17\xba\x1f\xe4o\x90\x03\xc0c\xc0\x06\xc0\x18c\xcc\xc7\x04\x83\xf2Tz\x12\x19,\x7f\xbb\xa8\x17\xc5\n\x01O\x895AT\x93\xe5\x02\xd3d\x9a\xa6\x13&lt;\x1f\xe8\xfb\xb5\xf1\xd5D\xc3i\xfbg\xf9\x87\xb6\xaf\xdf\xf3\xa8\xc3G\x82\x0bk\r\x00\x9c\x9c\x83\xbf\xec%\xf9u\xff\x1c\xf2\x01\xc4\xb8\xc4\xb9\xec\x13\xf0\x8b\xce\xe9\xab\x8e\x7f;e\xff\x06\xbej\x85\xd2\xbd\xbe\xb8,\xb5$m\r8\xe7\xc0\x00\x00\xb8q\x92\x95\xfe\x99\xfe\xc2\xd7\x93A\x9f^\x8f\xd8Ld\x92^\x87^\xd9\xffQ|nE\x9d\xa37\x00\x9cX\x01\xc0\x89\x10\xeb\xdf\x07\xe1\xeaO\x06.m&lt;&lt;\x01\x9b\x94\xd19\xd4\xbcf6yn~w\xc0\xa5\xed\x89\xfb\x95\xb3\xff\x93\x13s\xe9\xe7\xe3m\x008\x17\xb7\xa8t\xad\xd8\xf4/\xe3\xd6^}a\xbb\xb4\xf1\xc3\xc0!\'e\x89\x1e\xfaA\xcb\xf0\xd6\x139\xce\xe8\x12"&gt;1(\x9c\xde\xe9\x01\x878\x00p*.\x1e\xd9\x97\xe5*\x9em\xa4\x9ek_%\xb1\x96\xd8\x97\x1c=1\x97\xe8\xb8\xab\x93\x9e \x91a\x99\x9d\x92\x11Q;r\xf1\xc13?\xa4\xed\xde\x8a`\x9c\xbcH\x90\xbc\x02\xb8\x11\x00\x1e\x9b&gt;\x1fq\xd3\x0b\x91\xfc\xe7\x01\xc2w\xaf\xfdX\xe0))\xfa\xc0\xdcU{\xf6D\xc3\xb2\xc1\x8cl+\x8ek\xe3\x9f\xee\xa7\xfa\x1c\xdd\xd4\x8bH\x9c|\xb4f\xee\xc0\xb7\x9ff\n\x03\xc0\x03\xf1\x92G\x1b\xf08\x9c(\xd3\x8apr\xf3`\x10\x8f\xd9\xef\x9b\xe9\xf6c}g\xdf1s\xf9\x8a\xddTh\xb3\x88\x18\xf3M\x83lyT\x1es\xfe\x02\x00\xc0^\x04_\xf6=\xc0\x88\x01\x02\xdf\x835\xf2\xd9\xd8\xbe_.\x9d_l;`8\xc5\xb7\x1c\xaf\xd6\xed)\xa8j\x9a\x9c J@\x10\x9e\xa8\x00\xc0\x93\xe0~.\xed\x18+\x86\xb2\xebA\xe3\xf1\x0f(\xc6\x1d\xac\xf2\x1a\xc6\xb3\x11\xfb(N/\xf1c\xc4\x06U\xa5uu\xcd\xf0r\xee\xda\xeb\xd1\x07\xb3\xac\x80\xdb\xe66\xf1\xf13\x00\x00\x87\xa2\xbf\x04|\xc2\x982%\x7f}\x08\x8a\xff\x1e\xf1e\x94E-\x18cC\x17\xa1\xac\xadg\xe2\xb0\x9e\x98\x1f-t\xc8\xbc5\xcf\xdcr:\xba\xfe\xbd\xe1\xe4\xec\xdbq\xf4_ \x98G\xbcq@\n&gt;MS\xe6\xefg\xbf\x88\xb0\x05\x00!83\x00\xd0\xc2L9\x05\x8d\xbd\xd0\x14\xf1\xfa\x9d\xb3^l,\r^)\xf2\xc2g\x03&gt;z\x98\rz\xc2\xd6\xd6\x8d\x8d\xf6w/\xbfys\xfc\x7f\xb1q\x05\x00\x87\xb1D\x8d\x9d\xb7\x01\x03\xd4\x9d?\xf0u\xb0PD\xcc\xeb&lt;\xcd\x0b-$\xdc\xc73\xe2S\x19-e:d9\xd5\xc1\xc7J\xb3\xbe\xa3\xc5\x80\xac\x9e\x91\xc2\xfb\x93\xc8zE\xc4\xbc\xbd\xae9\xda\r\xc0+\x04T\x9c\xc3cG\x9d\xa6\xd5nJO\xe14\x00x&amp;\xd6\xbf\xfc\xd5\xff{9D\xc4\x98\xf7\xe9%\xb6/\xa7{\xd8\xf2\x11\x8b=g\xb2j\x08\x0f\xdf\xc0\x01\x88\x18\xf3\xab\xbb\x8f\xd8\xb4@\xc5\x80\xbc\r\xda\x7f\xdc\xd7*\rO\xff\x9au\xb4\xd5\xc7\xfa\xe4Y\xbbc\xe5\x89\xc7$\x00\x9c\x08m\x18\xbaz\xc0:\x85\xfd=l\xb8\xd2\xe2Qig\xaf\x06\x9e\xe5\xa0\xf1\xf2\xa4\xff\xe0W\xb8\xd8}{\x7f\x1f\xae\x07\x8d\xd8\xe6\r\xc0\x85\xc7O\xe2\x8c\xff&lt;g\xf0\x07\xb1i\xfbe\xc2)\x00@W\xce\xb5\x01\x18\xa7\xa5V\xf2\xa9\xb2\xed5\xa9:\xda\x92\xd1&lt;|\x03\x8f\xa2\xd8\xb1u\xc9\xe2yN\xdf[\x0c\xb0\xda\xde\xdc\x8a\xe3vA\x1eO\x9e\xfd\xbb4\r\xd1\x13\x8cp\x00\x00(@\x19\xb5\xad$\xe6\x1cQ\xfe\x1cI\xd5hN\xd0\xc0\xc3\r8\x0b\'\xe8\x8b&amp;\xf4\xf6\xff$\xaf\xe4I\xf60\x97\xe6EGyO\xd5q\xcaO\xd3m\x1em\xd9\xe5\x13\xc3\xe3D\xab\x06\x00\x00\xac\xa8\x97\xa51g\x995\xa2\xces\xaa\n\'\x86\xb1\xb1\xa1\xf9\t@\xf1\x9bl\xd6\x0c\x95v\x1b\xd2\xaa\xc6w\xf7\x83\x0f\']8]\xa3\xee\xb9\xce\x83\x00\xe09(\xfa;\x00\x90C\xfd\x05\xf6\xdb\xaf\xba\xef\x15\xf7k\xbe9\xfb\x02\xdf\xb6\xad\xa4v\x0f\xc3\xe6\'\xc1\xfc\xaa}\xe50\xd9:\xf6q\x9c\xdc\xf2\xa7*\xa6ijzwp\xae9\xe8\xcfe\x88</t>
        </is>
      </c>
      <c r="E587" t="inlineStr">
        <is>
          <t>&lt;class 'numpy.ndarray'&gt;</t>
        </is>
      </c>
    </row>
    <row r="588">
      <c r="A588" s="1" t="n">
        <v>586</v>
      </c>
      <c r="B588" t="inlineStr">
        <is>
          <t>steps_per_sec</t>
        </is>
      </c>
      <c r="C588" t="n">
        <v>6600</v>
      </c>
      <c r="D588" t="inlineStr">
        <is>
          <t>2.6576295</t>
        </is>
      </c>
      <c r="E588" t="inlineStr">
        <is>
          <t>&lt;class 'numpy.ndarray'&gt;</t>
        </is>
      </c>
    </row>
    <row r="589">
      <c r="A589" s="1" t="n">
        <v>587</v>
      </c>
      <c r="B589" t="inlineStr">
        <is>
          <t>Loss/RPNLoss/localization_loss</t>
        </is>
      </c>
      <c r="C589" t="n">
        <v>6600</v>
      </c>
      <c r="D589" t="inlineStr">
        <is>
          <t>0.18286902</t>
        </is>
      </c>
      <c r="E589" t="inlineStr">
        <is>
          <t>&lt;class 'numpy.ndarray'&gt;</t>
        </is>
      </c>
    </row>
    <row r="590">
      <c r="A590" s="1" t="n">
        <v>588</v>
      </c>
      <c r="B590" t="inlineStr">
        <is>
          <t>Loss/RPNLoss/objectness_loss</t>
        </is>
      </c>
      <c r="C590" t="n">
        <v>6600</v>
      </c>
      <c r="D590" t="inlineStr">
        <is>
          <t>0.0064974553</t>
        </is>
      </c>
      <c r="E590" t="inlineStr">
        <is>
          <t>&lt;class 'numpy.ndarray'&gt;</t>
        </is>
      </c>
    </row>
    <row r="591">
      <c r="A591" s="1" t="n">
        <v>589</v>
      </c>
      <c r="B591" t="inlineStr">
        <is>
          <t>Loss/BoxClassifierLoss/localization_loss</t>
        </is>
      </c>
      <c r="C591" t="n">
        <v>6600</v>
      </c>
      <c r="D591" t="inlineStr">
        <is>
          <t>0.2487618</t>
        </is>
      </c>
      <c r="E591" t="inlineStr">
        <is>
          <t>&lt;class 'numpy.ndarray'&gt;</t>
        </is>
      </c>
    </row>
    <row r="592">
      <c r="A592" s="1" t="n">
        <v>590</v>
      </c>
      <c r="B592" t="inlineStr">
        <is>
          <t>Loss/BoxClassifierLoss/classification_loss</t>
        </is>
      </c>
      <c r="C592" t="n">
        <v>6600</v>
      </c>
      <c r="D592" t="inlineStr">
        <is>
          <t>0.08083221</t>
        </is>
      </c>
      <c r="E592" t="inlineStr">
        <is>
          <t>&lt;class 'numpy.ndarray'&gt;</t>
        </is>
      </c>
    </row>
    <row r="593">
      <c r="A593" s="1" t="n">
        <v>591</v>
      </c>
      <c r="B593" t="inlineStr">
        <is>
          <t>Loss/regularization_loss</t>
        </is>
      </c>
      <c r="C593" t="n">
        <v>6600</v>
      </c>
      <c r="D593" t="inlineStr">
        <is>
          <t>0.0</t>
        </is>
      </c>
      <c r="E593" t="inlineStr">
        <is>
          <t>&lt;class 'numpy.ndarray'&gt;</t>
        </is>
      </c>
    </row>
    <row r="594">
      <c r="A594" s="1" t="n">
        <v>592</v>
      </c>
      <c r="B594" t="inlineStr">
        <is>
          <t>Loss/total_loss</t>
        </is>
      </c>
      <c r="C594" t="n">
        <v>6600</v>
      </c>
      <c r="D594" t="inlineStr">
        <is>
          <t>0.5189605</t>
        </is>
      </c>
      <c r="E594" t="inlineStr">
        <is>
          <t>&lt;class 'numpy.ndarray'&gt;</t>
        </is>
      </c>
    </row>
    <row r="595">
      <c r="A595" s="1" t="n">
        <v>593</v>
      </c>
      <c r="B595" t="inlineStr">
        <is>
          <t>learning_rate</t>
        </is>
      </c>
      <c r="C595" t="n">
        <v>6600</v>
      </c>
      <c r="D595" t="inlineStr">
        <is>
          <t>0.03978294</t>
        </is>
      </c>
      <c r="E595" t="inlineStr">
        <is>
          <t>&lt;class 'numpy.ndarray'&gt;</t>
        </is>
      </c>
    </row>
    <row r="596">
      <c r="A596" s="1" t="n">
        <v>594</v>
      </c>
      <c r="B596" t="inlineStr">
        <is>
          <t>train_input_images</t>
        </is>
      </c>
      <c r="C596" t="n">
        <v>6600</v>
      </c>
      <c r="D596" t="inlineStr">
        <is>
          <t>[b'1024' b'1024'
 b'\x89PNG\r\n\x1a\n\x00\x00\x00\rIHDR\x00\x00\x04\x00\x00\x00\x04\x00\x08\x02\x00\x00\x00\xf0\x7f\xbc\xd4\x00\x00 \x00IDATx\x9c\xec\xbdy\xfc\xbf\xcfT\xff?/\xfb\x9a\x90\xa5(B\xb2\xe7+D}\xad\x15\x85$\xb2\x96\xbeH\x12*\x12\x92\x8a\x16\xca\x92h\xb1\xabHD\xa4\x8d,\xad\x14Zl_E\xf4\x93"\x95%\xfa\x16!q~\x7f&lt;\x9f\xd7u\xcd&gt;gf\xce\xcc5\xd7\xf5|\xdco\x9f\xdb\xfb\xf3z=\x9fs\x9d9s\xe6\x9c3g\xe6\xba\x9e\xcf\x97R\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c\xc2#i\xa1L\x02\xf9(W\xe8\xd2\xa4\xd4\xe1\xbfD\xb7\xaa\xa8\x97I\xbd\xe3\xbf\xcc\x8b\xf4QjW\x1dtX\x84\xd8\xc3\xcf\xb4\xc6r\xf9rI\xc2\xb0\x01\xe3[C\xa3g\xfa\x07K\x96\x88\x88I\x1d\x05\x8c\xbe\xcc\xae\x7fO\xa9g\x19b\xa3\n\xfb:\r\x9b\xd4\x14u\x1ci\xd8&gt;&gt;\xc9\xb1\xee\x02\x97x\xba\x0e\xf5\xe5\x9b\x0b\x9b\x1br\xaf\xf57\x99e\x06f?\xad?\xa3sw\x8e*\x82:\xdao\x1b\xb1\xf9|"\xe4\x8d{`\xe4\xa19N;\xa8\x9e\'\xc5\xa3\x8e\xc9\xe4\xc2k+\xb2EH\xa9\x8b\xad\xad\x03\x00\x1cXeSZ\x02\xa3\xaaK_\xaf\xe6\xff\x96B\xad]\xe5\x91\xab\x9d]f9\xaf\x18?\xeb\r\xf8\xd6\xb0j8MZ\xa0\xbc\xf3)\xa6\x94\xba\xefb\xc3\xf0\x86\xca\xe9(\xe4\t\x97\xb0\xe5\xdb\xdd\xf9.\xb7\xad\x11R91\xbfa\xc54\xc3\x9e;h\x1f\xe7"\xd7 Q5,\xb1\xdaD\xc4\xfab\x8f.tY`,\xd7\xd0\xc4\x1a-CW\xe5)@\x8aH}\xdbQHR\x99\xed\xb0i\xe5\xf7\xcf\xc6\xbdk\xa7l&gt;\xeaWc\xfb\t\x13\x9c\x10\xf5\x156y)\xbb\xd8\xfb~\x9dz\xb9\xd8\xc7\xe7!\r=Cv\xceJ\xef\xe7V`95\x99\xd1c\xe2\xb0\xdc\x14;\xeb\x13\xafk=\x9b\x8d\x98&amp;\xc7\x06\x8e5\xb4_\xed\xbb\x1fS\x1bO\xcd\xcd\xf1\x13\xb3\xe5\xd1\xc24U\xa8\xd6F+ mVl\x92\x10\xe8#\xa9\x80\xd3Q\xe0~\xc2\xefZ\xbbA.\x1e3\x06\x9a\x1c;\xba\xb7\xde\xd8\xdb\x17)\xf5%|\x05\xa6K\x9c\xee\xc4c\xf0\xbb7\xbd@nZyPHV,\xcb9\xc9:\xce\x96\x9b\xbb\xd6f\xed\x83B\x8d\xad\x99\x0e\x80\x12\x96\x90\xb3\xab\xb4,)\x9e\xbaJ\xcd\xa5\x1eO\rn?\x1c\x15\x9e\x97\x18\x88QD\x1a\x9a\x07\xaaO\xfd\x97\xd7\x11\x11\xd1\xf5rvG\xfe\x12S\xc5\xfaM\xa9\x14\x9a\xaf\xd8\xdci\x02I9\xd7\xbe\xc5\x95fOhb\x98d\x9a4\xa0\xec\xdc\x85-\xdc\xf1\x1f\xcfp\x83\xa3\xb3\xcd\xf5HK\x8e\xad\xc1\xd4Qpv\xcc\x13t\x8e\x05\xb8\xaa\x06;\xdd\x18\x99f\x19\x8dM+\x0f\n\xc9w\xda\xffi\xa2G\x17\x92\x89\xe8\xb4\xc8\xb1F~\xda\x07`k\xb8E[\x85\xd3kuU\xe4y\x86\xc0\x95\xcc\x0e"G\xefF\xef\xc6S"_\x19\xee\xf4\xb9\xfa\xb5\x91#[o_\x1c\x9d\x95ot\xfeb\xf4+&lt;g\xf9NG\xc6G\x0b\x14\x91\xfai\xbd\xeaU\xf1\xed\x966LR7\xf4\x0cA\xeb\xf1\xf0\xd6\x8f\x18\xc2c\x0ft\xcd\x17^\\\x19\xf6!\xad\xbd="\xcb\xec\t\x87\x89\xda\xdc\xd0|\xb9\x8d\xf3\xc0\xc0\xf0\xd5\x17\x1b\x83\xbaJ\xb8#\xae\x0f\xcf\xad\re~\x8bL\x0b\xf8/\x8a\x8c\x89\xd9\xef\x16\xf8\xbb\xba\xcb\xf9\xa6\xd8\x93\xd1\xc0\xeal\xd8\x9d\x12\x19\x15\x84\xb9\xed\x10F\x1bA\x07\xb0k\xdc\n\xacN\xd8\x94q\xe6\x1f\xde&amp;\xe6\xc4\x0c\xf5rO;\xcaw;\x81C}V/\xe4C=Y/\xe5\xcd\xb7\xb4K/\x9a*\xf1\xd5\x8b\xa2\x07\xcf\xb1\xe7^\x0c\xf5\x94z\xacY\xfe\x86T\xb2\x07u\xfc\xfd\'\xf5\x9b\x0cN\x9b7\x19[\xc4[\x91\xa7\xb1\xdbC\xbcV\xb6\xf4\xac\xc9\x9e\xa6\x04zi\xce\xb9\x91s/B\x05J\xf9\xd8p\xded[\xe3\xf29\xea\x03\x00\x8aI\xae2\x9b!\x92\xae\x01\x00;\xc7\xaa\x8a\xfau\x99(\x98\xde;\xb7.\xe8\xa0D\xab\xae\x10\x11\xa9\xab\xa7O\xe2\xf5b\xf1\x9c\xa1G\x8f&lt;\x8f\x00\xc5\x7fu^\xfc\x1c\xed\xe7\xf7\xea\x1b\x00G\xe7\x94m\xcd\r\x80y_\xc2|\xdfil\xcb0n\x10M?|"\xfe8P\xf4\x16\x8d\xde\xb8~\x03`\xee"\xb2\x16\xd1c{{\xd6|\x97_\xdcoF\xa5\xd4\xe7l\xc1\xcf\x85A\x99\xb2\'Pw\x8e\xc1\xe67\x00+\xeca\xf0\xd0\x14\xd8\x07\xe4\xb0\xb6F\xda\x0e\xc1S\xdarE\x08\xab$\x0ech\xe77\xa6\x833\xa2\xf3O-s\x87\xcf\xda0d\x15\xb8\xd6\x85\x1e7\xf3{\xdd\x8d\xbc\xed5\x81\x9e\xb2{\xbe\xfcuDJ}qP-y\xf7&gt;g\xa1@\xbe&amp;U:\x0f\x1f\x05\xd9\xa4GDDJ}{\x07UJ\x18!\xbbJ\xb3\xe4\xea\xa2O\x855\xd2\n\xe4`\xe5\xd8m\xb1B\xe9B\xe5\x95\t\x00\x83qn\xca{\x1c\xdf\xc2wam4\x1e\x05\x9eq\x84|\xaa\xa6\xa3\x95\xf9\xe1\xd4\xb3:\xbe\x9f#W\xf8\x8f\x96\xcd\x06\xbc\x17k\x08\x7fP\xc1\xa9\xfb\xcd\x12\x9f\xd4\x13\xcc\xb2~j\xafkh^5\xe9O\xf4\xbb)\x13\xf1\xdc\xdb\xfav\xda\xa9\x04\xaf] ?\xd7\xda\xc3\xb0\xa5\xd5m\x00\x12\x8fKU\xb2\xa7%\xb0r\xcf\xcc\xe4QEW\x8dKq\xe1\xd5\xbfh\x03\xbbD\xdb\x7fv\xe4\xfb\xb1\x01\x00{\xe3qZ)\x96\x81Y\xc3\x19\xafU(\xc3\xd7d\x948\x0c\x8f7\xf6P\n\'\x8f0\x8cy,\x82\x8d\x89x\xa0\xf7\x19\x9e\x80\x1a\x92\x1f\xa0$"\xfam\xf3a\x1b\xb7\x0b\xef\x1e\xe0\xf0\xef\xdfX%\xbe\xf6\xa8\xbd#\xd3xA@\xf9\x83\x9c\x0f\x91\xba\xda\xd4\xa3\xa9!\xa3\x8b\x90T}\x14\xab;mu\xed\xc53\xf8\nks\x19\x9bP\xb2\x9a!j\xee)\xd2\x1de\xd6R\xecoW\xea\x17H\xd0#\xc3\xac\x1d2\x004d\x8e\x9f\x87Pyu\xe2}\x8c{\x1dV\xea74^\x7f\xe1\x18\xb1\xb3uTl\xbd\x18\xec]\xab\xa1\x83\x8d\xcc\xe6sca\x8bY\xab{\xc8\x19|\x85\xb5[\xd3\xc7.&lt;\xb6\xf1\xdd(\xa8\xd1~\xde\x8a\xfc\x90\xd5QB~\xb0A\xe5\xfeA\x1c\x81\xf0\xe4\x8dh\xa8Q\x8f\xa1\xc9\xba:\xac\xef\x87\xb3\xef9\x9a\x8c0;\x00\x9c:\xeb\x9f\x11\x80\xce\x1csq\xf6\xda0\xc0y\x92\x9f\xa6Z\x05\x8b\xbcL1\xc1\xd2Vi\xa5\xb3\xd9o\xb8\x8b`IGJ}d\x11{\x0f{\x0f\xa0\xd4\x1f\xe7\xa9\xed\x91\xefS\x85Wb&amp;\x9a\xfd\x88\xff\xefy\x19}h\'\xeb\xd7`\xd5\xe8\x1c\x0c\xb1\x9e\xf2\xfd^\xfeQ\xab\xbf\n+0X\xa4T\x16\x82\xcc)^\xbd\xdcd\x93\x97\xf7\xca\xbb\xd9\xca-\x91\x0e\xbc`\x17vx\xec.F\x01\xc0\xc4\xa8E\x1d\x18\x8c\xbe\xe7\x9a\x83l6f5le\xaaMA\x93\xf8E\x8e\xb3\x01\x88\xaa\x15\xb0\x8fy\x8a\xcd\xd7\xb0\xeaq\x97\x8c\xbe\xb2TJ\xbb\\\xf2]v_\x0bw\xbb\x83\xff\x06\x97\xbb\x9bb\n\xdc&lt;}c\x7f4\x92\xf7\xee\x00\x87\x9e\xe6j\xd7\xd7F&amp;=/\xf9\x83\xd5\xa9\xff\xe0Y\t\x7f\x05?\x01\x1c\x9c\xf3\xd7\xe3\xcb\xcc+\xb3=;\xbb~5.\x0b\xbd\x9b)M\x05\xf6!7.\x95f\xcauT\xe5\x8f7g\x03\x90\x94YfjOwe\x12"\xbc\xd6\xffy\xdc\xde\t\xcb\x1d`\xa3\xf1\xba=\xb7\xef\x82\xcf)o\x00\x1e\x1ex\x1d\x00\xb0G\xfe/*c\x00\x8e\xf8\x8b\xbch}y|+\xa7\x12\xf5t\xa9\xd4\xb5\xb2.\t\x9c|\x84^/\xa3d#a\xff\xde\xachVvQ\xee\xbf\x83\xe16\xaf\xe9\xecv+\xe7Jj\\\x9ez|\xf8\xf46\x00J\xa9;\xae\xad\xc0P\xb4\x98\x9d\x975\x90\t\xc0\x0e\xe8Z\x91\xf7:\xe2\x01`|J\x8ax\xe3\xc9\x96\xa2p\xe2^\x95\xd4\xad`\xfb\x11\xefPNTY\xef\xacC}\xe7W\xe3{9\xb5w\xef;\xd9g\xa4#\xde\x8c)\x93\xdd\xdd\x85{\x19\xc78\x00\xc8@\xeau\xf0j\xb02(\xb5\xd7\x03\x96\x07)\x96\n\xbe{\xa0\x1e\xfb}V\xfa\x81\xf8H\x12!\xa2\x0bv\xd6\xfc\x9e\xc9\x92\xb4\xec6\xc2\xf1\x93\x03\xce[\xc9\xbf\x854\xdf\x07pm\xa5\xed\xee\x9e7L:\xe0o\x00\xf6\xffl\xfa\x7f\x8bJ\xcb\xde\x87\x8b\xf6\xde\x13\xc9=\xff\x1ek\x14\xd1o\xd3\x02\xa0\x9c\x97\xae\xad\xc0\x89\x82\x1b\x1d\x80\x81\xf1H\xc9j}G\x1e7J\xe9F\xe7\xe9\xad\xb9O\xe1+\x9b\xcfD\xe5\xab\xd4\xc0\xfe\xde-\xc1\xe6iY\xd6\xf4\xdf\tK\xf6\xd5}\xae\x07w\xad\x8cO\xdd\x14\\\xb5\x05\xb0\x01\x00c\xb1\xbf\xf5hX`j\xc0Ad\x03Pr\xe6\xadc\xbd\xee\xfc:\xda\xf3\xd9\xf7\xb4\xda\xd3\xf4\x1cN\xd4\x98\xdd\xa2\xf1J\xc6\xda\xbf\xb9,\xb0\xda\xc9\xe5\xd0\xfb%\x9eb\x97\xca\x95Z\xa2\xca|1\xbe\nsh05`,FN\xb0;\x03\xc9\x19\xb0\xd0kV"R\xd7\xcfw\x9a\xc2\xa8f\xee=V8\xe0\xcf\x1f\x8e\xd6&gt;t\xed\xf2z\xc33l\xf3?\x90\xc7\xf6\x17\xa7\xf3\xa5\xe6\x9d\xa2\xbf\x82\xfd\xb0}g\x06{\xe3K\xe1\x93\x9d@\x01\x00\xf8\x9cs\xf9P\xef\x89\xef\x1a;&lt;\x10\x95z\xea\xa9V|\x1b\xb1\'\xc2\xf6\xacg\xf8j\xeaO+\xa0(\x04\xe3\x01\x9f\x04\x00\x80l:?\xb4`t\xb4\xf1\xdby\x89O\x1d\xb4\xde\x03\xb4\x13.\xcbH\xaa6\xd7\x841\xd8q\xacq$\xcbWG\x9a\xcd\xc6\x9c\xceHw\x8e\xd4&lt;\xc2\x1f\xc0\xa9s\x8e\xb5\x15\x00\x82\x90Rg\xc7\x9f*W\xbb\xf9\xe00!\xe7\xccw\xe9F\x13\xabg,\xd1\xd7\xf9P\xf2\xa8\xf5\xec\xac\xbe\x97N\x9c\x9d\x9d)\xf5\x13\xf2r\xb3\xdc\xe6\xf8|\x9a\xbc\x16\xfb\xe22\xc9\x16\x1br&lt;\xb0o\xd8\x0b\x87\x94\xc7\xc2\xf3\x01\x00\xbb\xc0\xfd\xecl\x87&gt;\xbd:D\xf3\xf8\xd3\x18Y\xfe!\x95j\xb9:\xb9\xaf\xe6\xcb\xa81/\xe7\xf1\x9e\xcd\x15\xb3\xab)|\x9c\x8bQn7\r\xf7le\xfe\xdd\xaa\xb1\xf4\x07\x15\x8c8\x95L\x87\xdc\xe6\r\xe4\xcd)\x0c\x00\xd8\x1d\x1d\x1eS\xd1{S\xeaJ\x85Wv\xffF\x97\xc0\xc7\x18\xf2*\xa4\xc9\xb6\xdf+\xa6\x96\xc6\x1bF]\xf9RZ\xdd\xaf\x93\x1e\x16\xcbG&amp;F4\xda\xea\xe0s;&lt;`\xa2N\x0c\xb9\x01\xc0sD\x00\x80]\xe0\xfb\x14iqb\xe2\\\xf8\x0c\xa5\xfe\xb2T\xfe\x16\xd9\xd9g\x002\x1e\x10\x1frg2\xa0J\x03AD/$R\xea\x15u\x86\xda\xbd\x91w?@\x10d\xc8\xb4\x06\x00\x00\xf9\x90q&amp;\xfa\xa3}\xfaT\xeaK\x93m\xfa\xde\x97\xf0+\xa0\xd4\xd3d\x045\xf9\xcb\\\xab\xd0\xa4\xdfm\xae\xa9B:\xbf|\xc0\xdb\x11\xee\xa1@\xde\xd5\xa2\xca\x00\xa0\xb3\xbaw\xad\xae\x00\x00\x00\x081\x95_c\x15"\xebn\x00\x1e\xd9\xb2\xf7QO\xc7\xd7"\xb7\xdc\x1c\xc1t\xeb\xeeN\xdbC\xa4\xd4cJ/\xdd\xb5e\xc0\x8a\\\x07~\x05\x00\x00\x92\xe0\xa9h/\xadl\xe2{\xecJLv\x03\x99\x8dYg\xa7W\xd9\x1dK\xe7\xd2G\xeaG\x98\xc4[\xd7\\\x9c9\x9b?\xbe\xa1\r\x03\xb67\x004a\xb5\xbf\xda\x0e\xc0\ts\\\xd2\x84\xc3\x0f\x91\x1c\xa7\xcc&gt;\xbb\xb4j\xce\xe3^\x896W\xe1\xf5\xf8u]j\xb8\xcd\xdd%8\xde\t$\xa2\xabnIm\x00f\xba\xf8-\xa2\xa3\x01\xcd\x0e\xc5\x00\x00q\xa4cok\xa5O.\xeb\x0c\x8dm\xd2\x8dY^\xdb\x000\xce\xd4c\\WP\xabzj\xa2 \xf3B\xd9\xad\xfb\x08\xdf\x05\xb4\xba\x02`@F\xf0\x8a\x11\xa2\x03\x00\x00\x06\x82\x94\xfa\x94\xf9\xeb&gt;\xd1n\x98\x8c\xc9\xc8\xba\x85X\xfd3\xdf\x03\xb2\xae)0\x11\x00\x00\x00\xfc\xe0/\x01\x9f\x04\xec\x1bsgJ\x9dW\xbb\xaa\x9dFC0\xd8\xf8\x8e\xea\xfc\xea\xc1\xeeg\x9f\x95\x16\xdez\xb8\xf8\xa3\xb2.\xab\x9bd0\x1f\x07\'\r\xbc\x11\x00\x00zc\xff\x95\x80\xbe\xc7\xb4\xab\xe7\xfd\x8b\xb9:\x8cqVMj\xf9\xa3\xb6\xcb\xd3\xdbm\x8e\xd2\xdb\x0f\x96\xe8qCXu(V\xb4\x06\x9e\xc7\x05m)}\xe6{\xf0\x1b\xb0\x00\x00pZ\xb8\xdf#\xe4M\xd0\xd9\xb5\xe9\x00\x15\xa1W\xe1\x95KU\xf2\xe1\xbe\xba\xa2\x86E\xbcvm\x05\x86b\xdd\x12\\\xbc\xf7\xcdy#hKM\x82\xda`r\x1b\x9d\x91M:\xb2n\'\xcb\xeaw\xa8\xc1P\x1cB\xf4cJ]X)EDg\xcaz\xb2c\x89\xe2\xb33\xe5\xf8\xcf\xe1\xbd\x01\x9d\x8a\x88&lt;\n\x13\x91o\x14]\xb4\xc9d\x15=\x010!8!\x90\x80\x94:;\xa4\xc13&lt;9x\x02`\xae\xc7\x04\x9f\x01\x00:gJ\x9d\x1d\xaa\x7fu\x08\xd73\xabb^\xda\xb9\xa5\xc0\xc07u\xcf\xbc\x05tE&gt;\x92\x1c\xe7Y@\x0f\xfdU"\xe1N\x01\xc8gg\xeb\xf7\xbd\xd7V\xe0d\xd1O\x96\x90\xd6\x00\x00`\r2\xbf\x0f\x87\x88\xe8;F-\xf37A\xe8\t\x9f\xe9g\xffg\x15\xb6\xf98\x10\x00ca\x06\x11\x02\xcaC\xbb&lt;\xe3\xfb\xc0\x00&gt;\x0c\xb0\x1b\x82\x93\x88\xf5K\x14I3\x9eKP\x16\xd8 \xb4\xfc\x8f\x88q"\x1el\xe2{^\x08\xf0\xa1\xc9r\x9e\xdb\x14H\x9d \x93a\x1f\xc6\x1b\x81\xf9A&amp;\xd8\xc7\xc3\xd9\xd9-\x9aI\xf6\x1b\x1c\x0f\x96\xed\x18&lt;\xfc#\r,\t\xa4 R\xef\'u\x99\xe9\xcf\x06\xd5\x14\x9a\xd8\xe2\xa7(\xfft/n\x02\xac\xc6F\xbfH\xe7#\xaf\xc1\x9f\xe4\xac\xe0u\xb0^?\x90\xd6\xf6\x0e\xe6\xb7\t\xb0*\xa8C\xbf\'{\xa8/\xdf\x95\xfd\xf5&gt;\xeb{\xe1V\xd6\x0fg\x03@\x91]\x93U\xf1\xe3A `\x92\xfes\xcb\xf0\x96\x04\xb0\xcf:xW\rL\xc4~\x99\xa3\x0c\xe16\x18\xf8\x10\xf0\xa9c\x85\xe4\x97d\xd4\xd3t\xbc|\xed\xa8\xde\xca\xedE\xfb+\x93h^\xf4b\x06lS\xc6\r\xb1s\x03\xc5\x1c\xbe06\xd2\xe0\xcc\xfb9}\xa0s\x16\xfa\xf8=h\x8b\xcfs1\x11\xbb\xe5\xe2\xf3Ogo]Q\x8d\xd3\xe6g\xd6V\x00\x8c\x87u =}\x1e\x8b_\x1a\xe2\x941\x07\xf2\xa3~\xc1c\xc0@\xdb\x90\xb5\xf3\xa6`\x9a\xe8\x13\x87k\x81\x01\x9d\xfc\xb3\x98A\x00$Y!\x9a$\xb3\xca}\xd6\xcd\x06\xf6g\xbb\xd7\xd1\x02\x00\xc0\xc7\xf3PJ^\xe8\xd2\xf3\xc7x\nh\x13Dk\xfa\x8c=\x80\xdb\x10S\xd0\x96\xf7\x0c\xb7\x01\x00\xc5\x10\xd1{\xb6=\x9b\x9bV\xfeH\xcf\x80b\xf5\xb5m\x97X\x19\xa4G\x00V\xa48\xfc\xcc\xcar\x07\xd5\xfc\xc0\x99(\xf3P?c\x03\x80\xfc\x0b\x8e\xc0\x13R\x84\xf6\xdb}\xfa\xae\xbc~\xf3\xf9\xf9H\xdf\x94\x85\xa0\xe8\xcam\xd7V\x00\x00\xc0\x84q\x14\rD\xc8\xdd\x00x/\xf1LPT\x0281N\xca\x19~@T\xda\xf8\xd9o|\r\x81\x8b\xd0\x94%\xe2\x1a\x8e\x01\x00\xc8F+.\xdf\x80$\xa2#l\x8d`\xf5\xffy\x91\x8e\x18\x1b\x00\xdc\x81\x05\x1a/k\xb3\x99\x1f\xca\xc7\x86R\x06\x80\x01\xb8\xd9\xda\n\x00\x97k\xaf\xad\x00\x00\x0c\xb0\xa0\xf2\xb8B\xcd\xc5\x05w\x00\xdcKk\x14\xd8\x0e\'2\xcc\x06\xe4\xf9U\x9e`Ai\xadid\x04P\x0ffD)U\x9a\xe2\xa4L\'\x7f@\x00\xa4\xe91;\xf8\xee-\x90\x0b\x11\x19\xdf\xbcI\xf8S\x7flB\x8b_\xd2z\xf3\x85\xb03\x88\xb2\xb8\xd8\xd9\x99\xdaw\x86\xa7\xe8\x1f/\xd7c\rQ\x93\x05R\xfa\x98\xc4\x1d&gt;O\xd0\xf4\xe3\xd9\x99\xb2\x16\xf4,A\xfb\xce0\xab\xd2\xc3\xb6\xf8;\x00\xa7K\xd1\xf1\xd8\xf1\x8a\xac\x0b\x97\xc3\x06\x9c:\xf8\xe0\'\xdfp\xcb\xa4U?\xca\xd7\x07\xb0\x18\xf4 \xf3T\xca\xb6d\n:\xc3\xd7\xfc\x03\x8bAc\x96K\x8d?\x1b\xf1r\xb6P\xb0\xa0\x83lJ\xcc\xdb#w!?\x9e.\xd31\x8f\xcaq\x83\x13:_l\x84\x9bj9i]\xec\xec\x07H2\xf2\x01\xd8\xc8\xba\t\xc0&lt;\xa5&gt;6S\xd3\x9fF\x1b\x17R\xea\x8c5(\xa2\xd6c\xc1\x1d\x80(\x9b\x89,\xf6&lt;\xea\xcb\xfa6\x86\x06D\xc0\x1d\x80\x9d\x91\xbd\xd1\xcc\xdc\x9a.\'\x07\x03\'\xc1\xfd\xdcg8\xde\xa5\xc1\xf1\xcc\xa0\x0c\x1b\x02jl\xddd\xe0\xd4*\xc7\x82f\x03e\xcda\x93\x92.\xc0\x88\x7f^\xfb\xe7\x85y#r\xf3\xa4\xee\xa8x\x1f\x8f\x9e\x0f\xefK\xda\xa7_x\x05\xfd2\xdd\xb8\x15\x00\xc0i\x80\xe2\xb29^\xf3f|\x02\xb8~\x03\xa0\xc9\xc7D\xe7\x02\x8b\x01)&gt;\xc8n\xf9\xde\xf8\xdbZ\r\xbd\x86\x7f\xd6\xe5\xa2\x9c\x84\xf6\xa4\xe2\x8eN\x98\xaa\xef\x00\xc0\xe7\xe6\xb7\x0e\xe6\x0e\xd4C\x9eC\xf4\x97\xb4s\xac\xdd\xbal(\x9f\xda;\x80\xe0\xa9X\xed\x9f\rBB\xcf\xe7\x0b\x18m\x86\xdd6\x93R\x8f^[\x871Y\xf7\xec\xf9\x11\xfb\xc8r\xe1L\xe2[2\x02\x12\x06\xcbH\xe3h"@A\xf5o\xb5\x94\x9b S\xc2\rve\xe7q\x19(\xb2\xc0^\x18,e\xf7\xa3\xbehH\x99\x8e\x9ezl\xf0\x175\xbd\xc4\xfb\xdf\xd9"\x07\x02\x9c\xf2,s\xbfH\xb7\x87.~&gt;\xdc\xbdG\x9a\xc2?\xd90\xa3v\x8f\xbe\x95Qt\xeekA\x19b,\xce\xa1\x12\x9f\xdb{\x85\xd4\xa9\xf3\x0b\x96nu\xd2\x00\x93\xc4\x03\x05\xd6+\xc3?\xcd\x06\x06\x80J&gt;.\xbc\x03\x8e\xf12\xe8\xe7\xa2\x88\xd4\xc9\xcd\xc8\x89B\xf8\x08x\x82\xf4\xe72\xa7$&amp;j\xc6\xf6\x9f\xc7-\x86\xd8\x9f~fZ&amp;\xd2\x8c\x88\xb2&gt;f]\xb4\xa0\x1cj\x97\x11\xadMD\xd3\xd0\xd7T\xcf*\xef\x8a]]\x97\x83\xb4\xc3a\xbb\x05\x12&gt;\x04\x0c\xd2\x98Y\xe0tN\x94\xc7\x0e\xe6\xa1?\x87\r@O\x8c\x04\xe5=nlR\xcat.\x8f\xd8\x1f\x07Z,\xc0\xd3\x90\xf9q\xea\xb33\xffQ\xee\xd9\xd9\x99&amp;"\xad\xe14\x17l\xeb\xd1\xd0_\xbc3\xc0Wb\xc4n\xce\x9c\xccz\xbd:\xe3\xbah\x08l\x00\x00\x0b-\xc7\x1d~(\xce)[JF\xf8*qP\x8a\xa4\x9f\xbfJ)\xa5\xae)(p\xd7\x04\x03v\xedXf?\x93\x13\xc2\xa8\xb3\xe3\x1d\xe5Ie\xd7.\xac\xaf\x94\xe1u\x9a;\x17C\xef\x01\xd6\xc5\xebS\x97\x9f^\x8d\x7f\xcdD\x0b}N\x8d\xb3\xb3\xb3\xb3\xb7\xae\xad\x04\x00&amp;wl+\x1eG\x0bJ\xc1\x02\xc0K\xba\xce\xf3\x87\x0fb\xaa)\xeb\x9a\x97\xbe@\xfe\xd9w\x8f\xb4\xdc\'\xf23;d\x8a\x15\xef}\xdfq!\xf0I3\x97\xf9]\xb6\xa4\xa7V|\x90\x00\x00pB\x8c\x9c\x1d:\xe9\x86,\t\xe4\xc0\xa2\xdb\x96\xfd\x99\xd77\xa2\xd1\xaa\xb7A\xd4\x18\x87\x1f\xf3\xbd\xd8f\x03\x90\xe9\x03\x91]D\xaeB!\xf9\xa7\xfe55\x83\r\x1f\xf7\xd4@\x0bH\xfb\x84\xea\n&gt;F\x1d?4\xa9\xf5\x85\x9b\xd4\xa0\x82i\xb1]\xfbI\x95\xfdBDk\x9a\xb7W~\xa0\xe9\x91\xf9\xb335\xdc\'\xc8O:IN\x9f\x16\x15\xb6@\xa4L\xcfy\xbe\xcb/FP\xdbF\xc3\xdf\x16C\xc5#&gt;\x03p\xa2\xdc)\xb1\x17\xaf\xba\x83|\x10L\xc7\x1fV\xd8\xf2v+\xfe\x95\x91\xceF\x89j\xb0E\xa6\xea\x7fe5\xf6\xcc\xaa\x9f\xe8!\xaa\xf82\xc4\xac\x0b\x0f\x9f\\\xb2\xbf\xb9a\x10N\xca\xbf\x9do]\xcc\xf3@\x81Y\xe3;N\x87\xb3\xe9&gt;\x9f\xa9\x1b\xe6\xde\x97\x9fq\xaa\x7f\xb0\x1f$\x1e\xfa4/?\n\x9c&gt;\xb8\x96\x11T\xd6\r\xc4U\xa2Q\xaa\xd3\xaf\x8f\x89\xc2\xa7 \x80 \x03=\xb6\x01\x92\x94\xcdTN\xc6 R\xea5E\xbd\x04\x05\xee\xc3\xc164\x8a&gt;\xcfb\x85\x1e\x01\xf2&gt;!\x96+$S\x97\x0f\x14\xe8\x0f\x00\xa8\xa1E\xb5M\xcbrEt\xbb\x8cD\xf0\x08\xad2^\'SK\xa4]2,\x10\xee\xa9\xae\x17K\x94\x884r~\x00\xa3S\xf5\xc4-\xc8`C\x16n\xf0\xc0t\xce9\xce}F\xf5\xc6\r\x85\xc9\x10\x1b\x00\xf6\xe7\xb6\xa3\x1b\x80\xcd\xd8\x1c\x80\x13\xe4\xa7\xed\x17V\xcb\x92\xa4\x9e\xbcr\xb2\xc8H\xbb\xe1?n\xcfK\x9d\x95\xe7%\xb6\xa0\xe2\xcbuI\x12B@\x0f\xe6M{j\x03\x8fe\x98\xcf\x1a&amp;\xdaNI\xcad\xb0\xed\xe8\x036\xeb\xf9=\xd4\xe6W\xff\xf19\x8dn\x00\x00\x00\x80\xc1\xfaY\x83\x9b\xb9"%\xd7\x1fE\x0b2\xab+dL)\x1e\xb8\xb6\x02]\x81\xc3\xb4D\xe4\x11j\xd6\x04\xedo\x1e\x89\xe8\xb7W\x1e\xd1\xd2;3\x15\xef\x80\xd0H\xe3\x16\x88m\x00\x9c\x86\xb9r\xca\x07\x03V\x83;k\xf88\x02\xd8%\xc7OT&amp;\x1ae\xfe\x05\xfb\xa8\xa4\xe5\xaf\xa3\xe1S&gt;\x15\xb0&amp;\x0e\x80^\x10Q\xfa\xabT\x0eu\x92P2\x19\x02\x1a\xee\x0b[N\xe2\xeb\x83(\xf0\x151D\x14u\xc2`\xa1\x9e\xf3-@\xe1?\xf3\x0cv\n\xa6\x16\xec\x12\xd6j\xd1f\xd9\xde\xd9B\xb5\xb3\xe1\x00\x00\xd2\x8c\xb7\x01\x18\x8ci_8\x08\x91\xa3\xfa\xbc/\x1e2\xe5\xc0\x01\xf6\r\xbe\x06\x14\xec\r"\xfaL\xce}K\xe9{\x9c;\xcb\x98;\x1b\x0e\x00\x9bc\x9d\xc70P\xfb\xc5\xd8\xa3u\xde1U\xff=\x06\xb7\x9d\x87\x8b\xdc\x8fR\xec\x86\x1d:18q\xf2\xce\xae\xe8\xf0\xb7\x81\xd4(\xb10\xd8\xc1\x12\xc8\x81\x14e-\x9e\xc7\xf6\xd3\xfd}5\x8a\x13\x82\x91\x08?\xfe\x81\xbbs\xe0H\xe8\x0e@Nb9\xca\xc8?\xf5\xcf\xf6\xc3m\xdd_\xda\x96\xb6Y\xe0\x0e\xc0.I|\xd6\x07,t\xf9\xd3$\x19\x0c\xa5\xcc\x02|)\x80\xf6\xe72\x94:\xcb\x9b&gt;R\xeag\xd4\xf4M\xbb{=c\x02\xb5\x84\x13\xd4\x98\xb9\x02\xac@\xc8I\xe6\xa72\x9eT\xb9\x00\x00 \x00IDAT\\\xe3\xcc\x1f\xf7-Z\x7fr\x8e&lt;\x94R\xea\x13\x05}\x88\x92\xf1e\xb8J\x91\xfdW\xf5\xd6\xa1\xc9\xf2\xb0\xfe\xb0\x80\x1c\xcb\x07(w\xbcgm\xcf\xbe\xcf\xd5\nF7\xa7\x9e\x1d\x9b\xa5\x94\xc3\xa7\xbf\xeb,\x93\xfa\x84\x1f\x00`\xc7\x08\xae8\xfe;\x01\xd1J\xc0\xb8\xa4O\xcd\xb0\x9d\xfad\x17_J\x11~\xac`\xe3\x03\x03\x1azPI|\xbc\xb5*+\x85\xbe\xcd`#\xecr\x0f@\xda\xb02Gw|Pj\x7f6\xd9\x1f\x11\xd7\xdd\xa5W\xf7\x04\x06\x04M\x91r\xb0c\xaa7+{\xa5\x0b\x17\xfd\xc2\x9f\x1a\xb5\xeb\x87\xdc8*w\xfdP.\x1e\x01\xda\x15\xf6\xb7\xfe\xe6\\\xcayj(\xf0i\x18\xe7\x95\xcd?\xcd\xb0\xcb\x80?\xdc\xc8&lt;+\x19\xdd\x99R\xa7\xf4m\xdc\x9b\xe5\x10\xa0\xfe9"R\x98\xbe\n\xfc\xa6{\xdd\xe6s\x1d\x18\x07\xa9u\xe7\x98\xeauq\x87\xcc0}\xb5\xbf\xf5U?\x87\'aWY\xf5\xea\xab\xff\x13\xe7\xf0\x04)\xec\x00\x16\xf2&gt;\x03\x90\xf5W?|m\xec\xbf5\x88Jqw\xfc-\xfe.\xcc\xf8\xc4\xe7\x08s\x07\xc0\xc4\xa6c\x81\x94z\xe8\xda:\x80=\xb0\xcb\x93\xceSg^\xe99{z\xe7{\x7fU\xe93\xe2\xf3U\xac?\x9d\x03\xf2X\xfb!\x9c,\xa7\x02\x01\xf0\x0c\t\x00\xeb\xb3\xf1\'TA!\x8c\xcf\x1e\x9cV\x8a\xc6#@\xfbC+\xe8e\xce\xfcH\xc5N\xf4\xddO\xc9\x0c\xf6\xbd:\x9b\xc4\xb66\x05^\xef\x866\xa7\x9b&gt;&lt;\xcb\xe7\xe7\xcbngy/Y=.\xc6\x9f;r~\x00 \x97\x84\xf3lj\x85z\xd6\xda\n\xec\x07\xfb\xb9(\x8d\xf9\xee\xa9s\xa7\x14O4\x80\r\xb08h\xd6#=\xeaa\x14o\xaf\xbd\xf5\x01AuA\x18r&gt;kAJ}\xdbj\xea\x18 \x0f\x02/\xd2\x8eq\x12\x0f,\x9d\xc2\x18\x81K\xd6\xbc\xdf\xb1\x95\x16\xc0\xc4-\xfd\x03\xaf\x8f\xcf\x8b\xd6V\x00\xac\x80g\x0f\xa0\xd4%\xd3\x97\x05&gt;\x1bd\xbc\x97\x88\x81\xcdE\xc8h\x98\x06\x1c\xfai\xfba\x15\x1b\x9c}\xdbM|t\xfb6W[\x06\xce\x1e-x\xf4\xda\n\xe4qZ\xb3s\xbf\x81\x8e\xcf3,?\xf4\x12\xac\x94\nZ\x15\x1f\xd5\x03|\x8e\xbe\x92&lt;\xfe\x8f\xbb\x14\x11)\xf5\xe6V:\x9e\x04\xde\x8fV\xff\xbf\x15\x14I\xf28$\x97\x12\xa6\x08\x82\xf5\xe2\xfc\xcc\xda\np\x90\x9dD\xb8\xc4\x89\x91W\x9f=\\\xbc{i\x81\x91\xae\xdc\xbb\xd9\xab\x91_\x19\x0f\xa1v&amp;\xf8\xae\x0e\x90G\xe2h?\xe3i"\xc0\x02\x96&lt;I\x10A\x1c\x90j\x00hHA9^\x1e\x8f\xc1\'\x0b\xd6a\x105\x04\xb9\x97\xfb\x12\x8d\xb4\xe9\x02#\x03\x17\xd9=s. ukL\xf7\xbeA\xe9\x0c\x00\x88\xc3K\x11W\xae\xf8\x93B\x15 \x83\xd5\x83\x13[\x00Fd\x95}\xf9`g0\xa0\xe9D\xa4\x84\xf7[\x18v\xeco+\x0f\rK;\xa8\x80\xe1&lt;\x9e,\xb1m\x97;\xa9\x82\x18\x1b\x00\x00\xd6\xe2\x97#\xef\x05\xc3r\x9d\x1bvH\x10\xfb\xc6;\xbf=v\x83X~\x1a\xc3\xb4\xed\xf3\xdajq\xf2\x0c\xe6\xe7\xdb&lt;\xe8\xe9b\xc0\xac\x99\x1aiN\x8b\xc0\xf3?\x00\x8cG\xfco)t\x8b\xd8_\x94\x10\x82\xfc\xd2\x02\xf1\x8f\x96\xba~5\x1f\x0e\r;\x83\xc3*\x06N\x9c\xf4\xed\xb5V\x1d\xa7\xbe\x81\x83\x88\x94\xfa\xec:\x1b\x92\xab\x16\xf7\xd8\xef\xa0\xfa\xc4\x9e\x89\x1f&lt;\xc3\x03pzHd:R\x8a\xd4\x0fX\x7f\x1f\xa0@H\xb5\x1a\xc8/M\x101i\xbaV\x18\xfa\x88kd\xdd\x04\xd8\xf7\xe8N\x8d\x97%[\xc4\xc2\xed\xc6\xc2g\xd2\xdb*s{\xe6\xa2\xd1\x93^\x11D\xa4^\xb0\xb7A\x01\xb05\x88\x94\xbai\x97~\xa42\xe6\x9dE\x14\xa9V\x03\xc8\xc3:,\xfc\r\xcc]\x05p~\xc0\xae)\xb5\x1bn\x15&gt;\xb3S\x7f\x1b-\x8ev\xb6\xae\xedl8`0\x88\xd4\x0bq\x12\xdc\x89y\x15\x19\xe1\xee\xdev\x8e\x9a\xd6\xb7\x95R\x8a\xa7F\x9fd\x8d%A\x00\xd8\xf0\xe4a&gt;J7\x1f\xda\xb4p\x18|l\x0c\xc4\x18\xa1T\x00\xfbe\xfc\xc7\tv\xc5@\xc1\x8cI\xcf$1ww\xa1\xb2B\x81T\xc1\\`UPJ=\xf4\xe4-\x00*\xb8\x9d\x11\xb0\xb7\x0e7\xdc\xc3\x12y\xac#\xdf\xda,o|x\x05\xfb\x1c\xe7e\xe3S\x03\x00\x0b\x894\xa4K\xa8|\x0c\x1dt\xa3\xd1\xec`\xd2eizR\x08\x00\x90\x85\xb9\xf7\xdeGD\xd3\xd3\x8e\xa9\xe9\xcd\xcbKb\xe3Z\xc7DH\xb6\xe0t`\xde\xafL\x08y,\xa1\xee?%n\x18N\x91\x7f\x8c\xb3\x13a\x847\x00\x97\xc01?\x00@\x08\xe7\xb0\x1c\xd5\xf30\x1c&amp;\xe2u+k\x01\x06\x06\xe7\x8b\xa0\x00\xf8L=&lt;\xeb\x15&gt;\x02\x94\x90($\n\x8c\x0b\x1e\xf3m@\xf6gvO \xd6\x9c\x01\xee\x7f\xc8[\xa2x\xed8\x87\xb8*`&lt;\xce\x96\x1f\x11\xb7;\xe2\x18\xf67nT\xed\x9d\x9d\x9d\x9d\x9d\x9d\xa5\xdb\x81Z\xce\xd4bg\x99\'S\xe7\x99C\xbc\x07\xd1V\xcdM[\xc9\x1b\xa2\xaf\xec\xad\xc5~8\x9b\xfec\xb2\x03\x17J\xe2X\x03\x0b\xc3``B@\x0c|\xeae\x87\x90A\xe7\x9e\x9f\x81\xd3Gq\x88\xb6|x\xbf\x01\xb5g\xdb\x92C\xb1Hg\xe0\xf5v\xd8\x80%\xf7I\x91\x1bl6`\xc1\xa9\x83]\xc3\x89sX\xbd\nn\x04\xd1\xde\x9dg[\x03\xa4I\xdf&gt;:/K\x1e\xee\x11\x80\xf1\xb1J\xb43_\x89}vvvhV\xe5\xd2D\x84\xa0\xd80\xdbJ\xfb&gt;\x88p\x1a\xbcE\x88\xa8\x7f\xde\xc0#@\'\r\x91"*\xf2\xb9\xbd\x1fy\x10\xa9\xe1\x06\x19;g:&lt;D\xd2(}x\x8a\xa56\x1d\x951\xd84\x81\xb1\xf0\x9c\xee\x93\xf6|\x9b\xfb\xa0[\xd5=\x81\xe1\x1e\x9b\xf3\x8e\x02!\x13b\xa8\xb9+b\xfb#\x08\xaet\xf7\xaa\xf2\xdb\xf9\x033\x03~\xb6MJ\x9f\x01\x87\x06\xc6\xa5\xc2]\xf6\xeed\x9b\x8c\xa26\xc1\x1f\x93\x89\xa7\x80"\xc02\xabc&gt;\xe4\x93\x8a\x0e"R/]\xed\xb1\xbaN\x10\x11\xd1\xff\xdd\xe5\xd0\xc0N\xf8\xfd\x16B\xb7\xf6\x084GU\xe7h\xe3\x98\xb564L\xd0\x04\x9e\x13\xecu\x91\xab\x85\xd4[\xb6h\x16j\x16\xff\x01\x81\xdf\x0b\xff\x89\x10\xb3\xccn\xeb\xcb4\x9dF]\xf1\x94\x7f\xd5\x1e`\xf8i\xdd\xef\xdef \x0e\x16\xfeD\xb7\xeezudu\n/Z\x11\xdf\xbd\xcd%kajN\x95\xcc\xe9\x87\xa3\xf8\x18k\x81|8\xb3\x1d\xff\xb03\x8bH\xb9\xf0\xfc\xb1\x0c\xb5!\xf6_\x84\xad8\xc0\x8a\xea\xdfsy\xc1\xb5Y\x97t\x06%B\x0f\x9a\xf8@\xbd\xcc\x1f\x94\xea\x11.40\x98\x97S\x07\x1ep\xda\x10\xa9/\xe3\xfa@]*\x1f\xdc\xd3\xe6jlp=w\xc9\x03V\xe9\xd5\xad\xfeK*\xf2\xca\xcb\xc7\x06\xd5[7\x04\xfd\xa7\x97\x1fj\xbd\xec\xce\xf3g\xf6\x17\xd4\x05\xec\xe0\x03#\xa0\x8c\x83\xf7\'\x1d\x80\x8e\xff\x8c\xf5\xc96 \tU}\xf9\t\xd3\x91V\x83z|\xbbB\xc1\x97\x87l\xff\xfbFF\xc5\xbb\xb4\x17\xf8\x80.g\xb0\x8f\xf6\x82}\x83\xe4\x00\n\xc9Z\xef\xf0-@\xa7\x8bo\x95|\x99\xbf)r\x11\x08\xd2\xee\xdb\x87d\xe8R\xbaeW\xff8~jF\xdc\xb2\x85v\xc7\x84\x81B\xe2\x9e\xe3\x7fw\xe8\x8c\nF\x06\'\x15\x80\x05\x11)\xf5\xc2\xb5\xb5\xd84\x14\xf8\xb9EW\xad\x9fCxFK\xe1\xe5\\v\xab\x85\x97\xfd\x88\x85\xf3\xc1\x8c\x8d\x8ekt\xbc\xcf\xff\x14\xc7\xce\x8e\x9f\x02\x02}HyN\x1b\xbf\xfa(\xdc\x15\x00p\xd2\xb4N\x82\xd7\xd6:j\x9ep\xc7.AZY`\x8d\xda\xab\xd5@P\xf4w \xb4\x01(\xa</t>
        </is>
      </c>
      <c r="E596" t="inlineStr">
        <is>
          <t>&lt;class 'numpy.ndarray'&gt;</t>
        </is>
      </c>
    </row>
    <row r="597">
      <c r="A597" s="1" t="n">
        <v>595</v>
      </c>
      <c r="B597" t="inlineStr">
        <is>
          <t>steps_per_sec</t>
        </is>
      </c>
      <c r="C597" t="n">
        <v>6700</v>
      </c>
      <c r="D597" t="inlineStr">
        <is>
          <t>2.6328995</t>
        </is>
      </c>
      <c r="E597" t="inlineStr">
        <is>
          <t>&lt;class 'numpy.ndarray'&gt;</t>
        </is>
      </c>
    </row>
    <row r="598">
      <c r="A598" s="1" t="n">
        <v>596</v>
      </c>
      <c r="B598" t="inlineStr">
        <is>
          <t>Loss/RPNLoss/localization_loss</t>
        </is>
      </c>
      <c r="C598" t="n">
        <v>6700</v>
      </c>
      <c r="D598" t="inlineStr">
        <is>
          <t>0.1348032</t>
        </is>
      </c>
      <c r="E598" t="inlineStr">
        <is>
          <t>&lt;class 'numpy.ndarray'&gt;</t>
        </is>
      </c>
    </row>
    <row r="599">
      <c r="A599" s="1" t="n">
        <v>597</v>
      </c>
      <c r="B599" t="inlineStr">
        <is>
          <t>Loss/RPNLoss/objectness_loss</t>
        </is>
      </c>
      <c r="C599" t="n">
        <v>6700</v>
      </c>
      <c r="D599" t="inlineStr">
        <is>
          <t>0.024690015</t>
        </is>
      </c>
      <c r="E599" t="inlineStr">
        <is>
          <t>&lt;class 'numpy.ndarray'&gt;</t>
        </is>
      </c>
    </row>
    <row r="600">
      <c r="A600" s="1" t="n">
        <v>598</v>
      </c>
      <c r="B600" t="inlineStr">
        <is>
          <t>Loss/BoxClassifierLoss/localization_loss</t>
        </is>
      </c>
      <c r="C600" t="n">
        <v>6700</v>
      </c>
      <c r="D600" t="inlineStr">
        <is>
          <t>0.1154399</t>
        </is>
      </c>
      <c r="E600" t="inlineStr">
        <is>
          <t>&lt;class 'numpy.ndarray'&gt;</t>
        </is>
      </c>
    </row>
    <row r="601">
      <c r="A601" s="1" t="n">
        <v>599</v>
      </c>
      <c r="B601" t="inlineStr">
        <is>
          <t>Loss/BoxClassifierLoss/classification_loss</t>
        </is>
      </c>
      <c r="C601" t="n">
        <v>6700</v>
      </c>
      <c r="D601" t="inlineStr">
        <is>
          <t>0.12019671</t>
        </is>
      </c>
      <c r="E601" t="inlineStr">
        <is>
          <t>&lt;class 'numpy.ndarray'&gt;</t>
        </is>
      </c>
    </row>
    <row r="602">
      <c r="A602" s="1" t="n">
        <v>600</v>
      </c>
      <c r="B602" t="inlineStr">
        <is>
          <t>Loss/regularization_loss</t>
        </is>
      </c>
      <c r="C602" t="n">
        <v>6700</v>
      </c>
      <c r="D602" t="inlineStr">
        <is>
          <t>0.0</t>
        </is>
      </c>
      <c r="E602" t="inlineStr">
        <is>
          <t>&lt;class 'numpy.ndarray'&gt;</t>
        </is>
      </c>
    </row>
    <row r="603">
      <c r="A603" s="1" t="n">
        <v>601</v>
      </c>
      <c r="B603" t="inlineStr">
        <is>
          <t>Loss/total_loss</t>
        </is>
      </c>
      <c r="C603" t="n">
        <v>6700</v>
      </c>
      <c r="D603" t="inlineStr">
        <is>
          <t>0.39512983</t>
        </is>
      </c>
      <c r="E603" t="inlineStr">
        <is>
          <t>&lt;class 'numpy.ndarray'&gt;</t>
        </is>
      </c>
    </row>
    <row r="604">
      <c r="A604" s="1" t="n">
        <v>602</v>
      </c>
      <c r="B604" t="inlineStr">
        <is>
          <t>learning_rate</t>
        </is>
      </c>
      <c r="C604" t="n">
        <v>6700</v>
      </c>
      <c r="D604" t="inlineStr">
        <is>
          <t>0.03977342</t>
        </is>
      </c>
      <c r="E604" t="inlineStr">
        <is>
          <t>&lt;class 'numpy.ndarray'&gt;</t>
        </is>
      </c>
    </row>
    <row r="605">
      <c r="A605" s="1" t="n">
        <v>603</v>
      </c>
      <c r="B605" t="inlineStr">
        <is>
          <t>train_input_images</t>
        </is>
      </c>
      <c r="C605" t="n">
        <v>6700</v>
      </c>
      <c r="D605" t="inlineStr">
        <is>
          <t>[b'1024' b'1024'
 b'\x89PNG\r\n\x1a\n\x00\x00\x00\rIHDR\x00\x00\x04\x00\x00\x00\x04\x00\x08\x02\x00\x00\x00\xf0\x7f\xbc\xd4\x00\x00 \x00IDATx\x9c\xec\xbdw\xfc\xbf\xdf9\xd8\x7f\x9d\x88$\x12b\x045C\xf9\xa1Dc\x94\x12\xb5UQ\xd4^\xd1\xa2Ub\xb4\xa8\x1f?5\xa3f\xd5\xac\xd8\xbbU\xb3\xc4\xaa\x91\xaa\xa0\xf6.\x8a\x1a5R5+F\x85\xc4\xba~\x7f\xdc\xeb\xec\xfb\x8c\xeb\x9cs\x9d\xfb\xbe\x9e\x8f\xe4\xfby\xbd_\xaf\xfb&gt;\xe7:\xd7:\xe3&gt;\xf7}+\x10:\x82\x88\xde\xef\x95R-*!-V\x10t\x10@\xbcK8g\xc9G\n\x00$\x1d\tWa\xf5j\x05\x92\x06\x85Fl&gt;\xe6:Xh \x99\xcd\x03h\x8a\x11*A\x04D\x00\x12\xab*\xa5@]\x7f\xf4O\x14\x01B\x11\x88tIH\xe0N\x95\xa1\xd7Dt\xedl$\xdc\x92\x99S \xd5xCh\x8da&amp;\xc4\xa4\x8eW)P+\xb1\xc3d\x02\xe0@6\x10\xf7\x102\x06u}\xea\xf2\x8bm\x9f8_\xee\x9aO\xe2sf\xee\x00\x85dj\x93\x89RJf\x00\x0b2m\xbe\x12\x13\xaf\xb2m\x97\xe5\xdaV\x928\\\x15b\xecfJR\xe62\xf4\xd7\xceR\x91\x99\xc0\xb4\xee;1A#N\x9cM\x04\x06\x84\xaf\x186\xaa\nzU\'\x08\x17\xa1c\x90\n\x0bC7+"\xc2\x8b\x03\xfc\xf2M\xcd-\xde^\x83\xa1\xbd\xb3\xb1\x7f\xa2\x92\xadb\xe4\n@\x7f$\x18\x84&amp;(\xa5\xd4\x13G\x0b!\x08B\x98\xad\x9b\x96e\xd1n\x8c\xeep\x7fyp\xfd\x03\x91\x0b\x7f5\x1c\xeb\xf6\xe7\xa3\xff\xe3\xf3\xc7\xaeW]\x82\xb7\x9b\xfe#\xfd\xcfj!\x85l\xbc\xd6\x94\xdb\x89\x84\xa9@DqZA\xc8\xc6\xca\xff\xa3\xd6G\xaf\xbd:{\xed\xd6\t\xf7!m\xdb\x8f\xbeM\xc8\xfd2X\xac\\\x01\x18\x80e\x98m\x9e\'\xa9J\x98\x08qZ\x12d%\xf8n\xd8\x16\x97M\xd2-(\x1b\xfa\xe3\x86\x04\xa60\n\xfd\xc6\x89\xbc\xd1\xffOj\xa3\xff\xb4\xba\x1e\x98-\x9d@\x81\xacL\x08\x82 3\xa8\xbb\xc1g\xb4\xaf\x94\xba\xf6\xdc\xa3\xa6\x93E\x84\xf5&gt;Y\xb9\xc8yq8?\xcf:a\xf4\xff\xc9\xda\x1f\x8f\xd6\x7f8;\x91w\xcb\x85J\xd6\xdc.3\rA\x102\x91\xae\xa1\x15\xee\x98[RtS\x101k\x10/\x06\xba\x1b\xb9\x1e\xd2\x91\xf3\x19\xba\xf9~\x15}\xff\x0f\xe8\x8f\x0f\xf2\xb5\x0e\x11e\x0b\xd0\xcc\xbc\x15\x1ax\x8f\xc9Z\xe3y\x12\xe2\xe7]zMH\x10\x84\x04z\xf6\x85\xf7J8\xce\xfe\xcfQ\x82\xdc\x88\xac&gt;\xcd}h\xe2\xb5\xaf\x93\x08\xa0]\xf0\xb9\x10\xca\xf7\xf9bm\x9c\x87\xf80\xbd\xb2Lo\xe1\x05\xdb\x19\xcd\xe3\x11\xd7\xd7\x93\t\x82 \xb4\x01o\x99g^\xe9d\xe1F \xa1fO\xff\xe9\xe2\x9ap\t\xf8X\xd9#\x80;\xc6\xf3\x8d\xfa\x10\xe0?\xafov\x8b\xb5\xc5\xf9\tQ\xd6\x1f:\xa1\xeb\x9d\xea\x92\xa2k\xe6\xfa\x92\xd1\xb8\x1c\xb6\x94/N"\x08B3\x10\xf1\x96\x1b-p\xe9\x80\xef\xd7\xf0n\xec]d\x81w\x19]6\x88\x99\x00.\xfal\xa5\x1a\'iM\xca\xb4d\x19\xaf!\xae\x1f\xb6\xfd&gt;v[\x0c\x7f\xfe\t\x80W\x04\x90\xa7\x00%\x80\x00\x8f\x1d-\x83\x1f\xeb\xe5n$\xdek\xbdCNF\xff\x82 \xb4\xe5\xf4\x85\xf5\x17E\xa9\xeb\xbf\xb2}^\x8c]@\x03\xe5\x98\x9f\xe2\x8b0}X\x0c=o\n2\xb7/\xfd\xb1w\xf4o\x9f\xf2\n\xb0\\v\x9d\xb5\xcd}!\xb8%\xce\xbc\x02\x002\xb0&amp;B\xaeQ\x08\x82 \x08\x1e*W\xac9\xaf\r\x8f#{8D\xa2FD\x1cn\x05l|\xbb\xb0\xab\xa8\xc4\x8dI\x9aP!\xd9\x9e\x8e\xf8`\xf7[\xb9\x02\x90\x02\x81\xbd\xad[\xbf\xea\x0b\x14\x00\xe0\xae\xd7(\x98.\xa5\xa4\xf2=\x93\xcb/\x08\xc2\x0c\xa8\xba\x8bK\xee\r\xc1\xc2\xa8\x0eW\x01\x93g\xe8\xf6h~\xee\r\t\t\xf70?\xc4\xfdJ\xa9;\x0e\x9e\xc6\xb1Y5!\xa1\xc8c\xf8nM|\xc9\xa4hYk\x98Gy\xdar\xd7=\xdf7\x81\xc3Z\x9d \x08\x0e|.\x98\xf3\x91\x84\x11\xd6\xb8\xbf\xe0M\x1d\x91\x0b\x14\xde[F\xe5\n@G\x92\x96\x13&gt;r\xfb\xe0\xbf\x8f\x9b\xdf\xea/7y.\x857\xfe\x0b\x16\xa5\x10\x07=\xccN\xab\xf4\x10@\x16\xd5.M\xbaqy&lt;|\xa3\'\xb7j\xec\x95`\xf2\xa0\x98Z\xd8\xb4`\xb2K\xf7\xc9\xd6\xaf\x1a\xa19\x1ayrqQ\x1a\\L.\xd4r\x8d\x1c4=]L@\xfbl\xb2a\x9e\xf3\x9e\xd6\x03\xcb\x04\xe1\xe0N^q\x93f^\x96\x0b%\xb1y\x9b0F\xf2\xd5\xee\t\xa6G\xc4\x7fN\xe0!\xc7\xf3=s\xf1\t\xf9!F\xa1\xd2\x1dO\x8bXn&lt;=Mp![_\xa3\x15\x82P\x06\xc3+\xb7\xb7\x05\xe1\x93\x0bl\xf1x\xe9|\x87R\xa5\xfc}&lt;]^qJ\xd5\xb1QxI\xbdD\x13\x00\xbb!\xe2\xc9S"\x96\xe3\xc0=\xad\xf0\xe27k\xaf \xb8\xdc-\xea/\xcb[W\x0e\x04G\xfa\xc0\r=\xb0\xbe\xcf\xad9=\xe7\\\xd2\x81\x01\x1e\xefc\xcd\x98\x00\x9c\ng\x1e9\xd36,\xe10\x9bl\xa1\x1e\x84\x1ec\xf7\xb3\x82\xdc\x9b.\xdc\x17\xbc\xe2[\x90\x84t8\xf4\xbfx\xb3;\xecI:\xdc*\xc3m\'\xa7=\x00\xf4\x19\x00\x9e\xa7m\xd6\x90&gt;\xa3\x88\xbe\xae\xce(f\xd7\x83\xdc\x04&lt;\x13J)\xf5(\xd7\xc4\xb7[\x12\x18\xc8\x9dr\xaf\xcb\xad\x1b/\x08\xc2%\xd9\xd6D\xdf4~\x98R\x9f\n\x00J\xbdk\x17\xa1B2\xcc\x94\x84\xabW\xc4i\xc66\x8b\xca\nU\xb7&gt;\xba\xe5Y\xd2\x1e\xa4a\x8f\xfe\xeb/\x08$\n\xadT|t\xf2\xc7\xc7\xeb]\xa7r!!\x85\x1fl7\r\xb8\xe15\xc7\x04D\'\x82p/8\xec\x00\x11ZP\xb9\xc3\x84+\xffr\xb4\x00\xb0\xa8\xb6\xea\xe4\xea\xfd?t\xbc\x0b\x12\xed\xef\xcf\xa4j\xe7\x0f\x00\xc2?C\xe3OA\x10\x04A\x98\x8e\xb1C\x01\x06\xa3\x10A\xa8\x85\xd3\xa8:\x825\xc6\x1d.j#u\x9d\x95\xf9o\xa3C\xff\xd3\xd1\x7f\xec\x80\xe1*\x15(a\x12\'\x82\x0b\xf3T+\x08\x93P4jIY\'\x93\x08\x15n\x03\x83\t\xc0\xd9X%y\x8c\xdb\x8d\xea\xc1UaC~ 6\x01x\xbe\xd32C\x07|\x84d\xbc\xcb!\x13\x00\x96\x8c\xcf\xb6\x82pg\xce\xa2O"TH\x80\xc1\xb8\x99\x96Q\r9\xbd\x04a\rs\xef\xcc\xb7"\xc0\xbf\xd9\xe7B\x9e9@\xd9\x90O\x14+\\\x80I.zH"\x13\x04\xbe\xc8PCHA\xfc\x84\x8a\xb8&amp;\x9d1\xee\xb5\x08\x0cZN\x17)&gt;+0\x07\xc8\xd7\xd2Z\xce\x033\x05\x17.\xc2\xee.i\x0f\xb7b\r"\xff\x87\xf3\xa8\x19f)\x82p?.8\xbe\x10\x04\xee\xc4\x9fE\xa3T\xf0\xe2\x04^\xe0i\xbcE\xc2+\xb5\x8e"^\x14\xe1W}\x07x5\xe3\xfb\x12\xc1=Nh\x06\xfemv\xab\xd4\xee\xdc\xf1\xfdF\x8bT\x0c\x9f=\x82\x82 L\x86\x99\x06\xff\xf1hq: \xd9\xb2\x8a\xf9\'\x8c\xbb\xb7?u\xb4$\xf9\\\xf5\x9a@\x907\xf7}\xf9\x02\xe1\xcb\x00\x8br\xfco\x11\xdeb\xff\x13\xf7\x82d\x0e\xd0\x1e\xcd[S\']\x88\xd0ra\xde\x1b?\xd1\xb7H\x08\xc5\xaco\x11\x19,\x85 \x08&gt;\xf4d(\x8bb\xc2\r8\\\xbe\x91\xc3c\xcb\xb7\x95\xb9K\xdaM\xab\xe3J\xe1$\xc8\xda\xf1!/\x02\xf3\xf3y\xc6\x84\xa9\x0eu\x90|\xca\xb2\xa8\xad\tP\xb8\xd3+\x83\xfb\xcc\xa9\xfb\xa2\x10\xc7\xddk%\x08B\x1a\xb7\x1bB\x08\xd3@\xdb}\xe8C\x91\xea\x92}\xc3\xa4\xa6\xc3qk$u\xa7\xab\x01:9\xe3I\r\x19\x8d$\xe1\\4i\xca\x87DD\xd8\x04\xa0\x9c\x00\xecE\xbd\xda^\xe6\xbc&gt;1\xe6\x82`F\x8d7\xbbd\xa9s\xcfV\x0b\xd3`^\x1f\x17\x04!\x8f\xe1\xb13\\\x80\xa1\xc4\xb7\x02\x05\xd9O\x1e+=_\xd8t\x0cF\xed\x84\x13\x80\xbf\xbc\x8a\xed;\x9ai\x9f\x8f\xbdW\xf6\xd0v\xccM \xfa\x04R\x10\x04\x1b3\xcfK\xa4\x08B6\x0c\x86I\xf5p\x18\xec\x15\x13{4\x90L\x00\xca@\x0c\xae\x8b\xbf\xc7\xf4\x8a\x9b]~\r\x8a\t@R\xdf\xbfW\xf46eu\xf9\xe3\xb0\xa1!F\xcc`\x11\xe0\xdd;V\'\x08y&lt;\x93\x19\x11G\x8c\\(%\ny|\xaf\xcc\xfdn\x8e=2\x9e\x91\x84A\xff\xa3G\xcbx\x1d\xa6N\x19\xcd\x87\x9e=\xe96\x01\xa8M\x13\xb1\xc8l\xc5\xecIM\x10(q&amp;\xde\x12 \xc2X*&amp;\x9fW\x18\xb62\xe1:\x9a4Z\xf1\xedp\xa48\xbf\x9b\xc9}Ow\x04/\xf0$\xdd\x83\xd5\xe1K\x9b\x83\xe9Q\xb0\xe9\r\xca\x02\'\x92_\xaeb\x0bA\xe0\xcc\x11\x82\x12q\x02\x07\x8a\xfbb\xab7\x11\x7f\xaeaW\xe6\x05\xd4\x88\xce3\x91\x1014h\x91\xa7\x00\xdd\x91\xbcG\x12q\xa7\xe2\xf9\xa5\xeb\xdc8u\xde\xafT\xd5{\xd3\xa2:\xbf\xc3\x03\xc8\x85\x83+\xac6\xcd\xc7\x9a\xf9.\x94\xfd\x84K\x90\x9f\r\xc4\x85\x05/nrS\x97\xda\xf4-\x08T8[\x02:\xf1l\x9eWut\x15@\x18\x8fX\\\x10\xa6\xa3E\xd8\xd6\xee\x02\x82\x87J2\xa9\xe2\x06\xbd\xf0\xdf\xfc\xc0+\xb7N\xb8/\x15n\xfdU,\xc6\xdf\x97\xce;\xdd\x10\x1d\n\x82 \x08\xd9p\x18\x06\x0cA.#\tS\x83\x885\xdbr\x8c\x90\x97\x8d\x01\x82 \x08\x82p+\xaet\x0f@\x16r\x0f\x800+\x143v+\xdao\xb7\x00 \x08\xdci\xb8,\'\xf1.\x08\x94\xbc""\xc0G\x8d\x96"\x9be\xd8\x7f\xb7\xd1\xbf L\x8cv\xd9\xae\xea\x19\xa0G9\x97\xbd\x02x\x9d\xa7\xbe\n\xb7\xe1\xb7\xd7\x7f)\xef\xd2\xd1\xcb\xb9\xe3\x15\x7fAhJ\xf2F\x1a\t=aB\xee\xb9Q\x8c\'\xc7\xc0\xfdM\xeb-r\xed\t\x80&lt;\x05@\x98\x8d\xc3c_\xba\xe2.I\xab\xc8#{\xefk\x07\x88\x08\xaf/\xd1!\x08$$\r\x90d\x10\xc5\x04\xb9\xe4\x91\x85&lt;F\x9a\x17\xd7z\xa1\x81@B\xc6\x8b\x1d\x04N\xec/\xf4\xd8\xbf!\xb6#"n\xcf\x0c\xde\xea\xda\x96"%\x87\x08\x82p7$\xeb\x9db\x8c\'n{\xb3\x88 L\xc2:\xa2\x1b,\x85\x90\xcf\xf6\xc2\x1a\xe8`&gt;Y;\x10\x04\xe1\xe6\xc8M\xc01\xb6\x9d\xe1\x9e\xcbU\x97\xb8\x86u\x81&amp;t@\xb4D\x0e\xfeb\xbb\xf0\xf9\x7f!\xeb\xe5n\x02\x1f\x94R\x00\xaa\xcf\xe4m{\xa9\x9f \x08\x82 8\xb8O\x87\xbd\xd2\x9b\x9b\x06\xbc\x00K\x10\x00\x9a\xdeq\xf1C[x\xbe\xeb\xfc\x11*\\\x11qKA\x10\x04\xf6x\xc6\xfa\xfa\x04`\xe4\x08\xa3~\x12r\x91i\x8c\xc0\x9b\xb7\xef^\xa3&gt;E\x17\xf7\x16\x18\x91\xbext\x99e&amp;!\x8f\x04\xa3\x8bW\x08T\xc8E\xd0(\x88\x08\xd6{\xa6(\xef\x03\xde\xcbz\x18\xc0\x9fd\x96Vq7\x82\xde\x04\x10\x1f\x10.\x86\xd5A\xca&gt;o\x81\x07\x86c\xc6\xddRn6\xbb+\xe7\xcf0@D\xf1\n\x81\x04\xb9\x07 \x8aR\xdb\xb6\xd4\x95\xfd\xd9\x11\x95\x11h\xad\xee&lt;\r w\xb52M\x80/\xf6U\xbd\x97\x002\xfa\x17n\x80,\x98\t\xe3\xc9Z\xb7U\x92\x9do\xca\xb9\xcde\xf4/P!\x9e\x94\x81&gt;d\xaf\n\xc2\xc05\xbc\xa22\xe3\x0b\x06\x9e_emI\x08s\x85gh:W\x00\xe0\x02\x8d\x12\xae\x82&lt;\xa5J\x10\x04\x16\xc8\x15\x80b\xca\x97\x15I\x17$\xb3;\x12m\xdc/+\xa3\xc2\x81\xf6\xcc\xab\xb9\x1d\xc3\x9a\xd9\xca\x8e\xd9{\xc1\xdd\xde\x9d\x1es$\x08\x82\x10G&amp;\x00\xe9\x18\xfd\n\xa2\xfdM%\xe7}\xc2g\x17\xdc\xd7\xe8/u\xdd\xd9$\x08&gt;\xb8\x8f\xa0\x12\x10\xff\xe6\xc1\xf2\xa4\x84\xbe\xfe$\xa6\x17\x04AH\xe0\x81\xa3\x05\x98\x18D\xd2\xbe&amp;^\xd6\xb6\xad\x01\x11\x94J\xd9\xa7qz\x8ct\x93\xb7#\xbe\xfbK\xcd\xbe\xf2o\xa2\x14 \xc2\xff\x05x\xf8\xc7\x8d\x16\xe5\xbe(\x04T\xc4\xa9\x06\x11e\x82wG\xb6\xf7\xc4\x89\xe9\x05Ah\x8bg\xe1\n\x1d\x00^\xae\xa4h\x1f\xe9\'\\k\x9c&amp;\xf4C\x9e-(\x08B\x19\xc3\xf3\xc6p\x01\x04A\xb8\r\x81\x17\x00\xa7\x8e\xdaO\xca\xce\x18\xd3SU*\xdc\x9d7\x929\xa4 \x08E\x8c\xefz\x86\x0b \xf4F\x06&lt;M\x91\xabi\xc5T=\xcc!\xe3Q\xe5\xbe\x08H\xbc\x02\xbe\x9c*\x97\xcb\xefGl\x9b\xc4\xfd\xbc\xe2\n\x8f6\x12\x92 \xde\x97)\x08\xc2H\xe4\xa5\x07M\x91\x9b\x80\x8b){\x98\x03""\xbc\x1d*\xa5\xd4\x0bm\x05\xc57\xff\x17\x88\xb6\xb1\x15,s\xe8\xbb\x11\xcb\x99\xf7\xcb\xa7\x8a\xc1\xe2\xa5\xd0\x03\xdc\xffs\x1d.\xd6\x9c\\n\xde|\x18\xaa\x81\xf1\xca\xbf_o%\\\x9a\xfcm&lt;\xf6\xdd\x02\xef \xa3\x19A\x10\x04\x87+no\xbbXsr\xf8i\xd9\xf5*\x08\r\x91\xd9\xd5\x1c\xe8IP\xe6\xc4\x82 \x08\x1eXo\x01\x92\xadh\xd9\xdco\xbf\xa2 \x08\x82 \\\x05\xf3\xce\xe3\xeb\xad\xd1\n\xc2\x19\xdf&amp;+\xd9\x82 \x08\x82 \xdc\x87\xbf\x90\'\xd8\nB\xe1\x04@\xf6\xc0\x08\xb3#\x99\x9f-r\x13\xb0 L\xc3\x94\xc3\xe8\x07\x1e\x97\xefe$#t\x82\x9d\xabU\xbe}\x9d[sVd~\xd2\x92\x8b(\xf6+\x19\x86\xa3 \x08\xc2L&lt;5\xf5]\x10\x88\xc82\xe3&gt;j\xb4\x00\x820\x19\xcc_\xff\xb2\xca\xc6U&lt;\x81\tl\x1d\xf8\xe6\xc8\xbd5\x820\x0bk\x16=[JL&lt;L\x10\x04\xee0\x7f\xfc\xc3v\x93.\xc8XB\x10\x04A\x10Zp\xc9\x15\x94\xf7\xeaX\xd7l[\xa7\x84N\x0c\xf7\x8a\xd8\nz\xfa\x0b\xe3\xaf\xc8\xdd\xda+\x084\xc8%\x17A\xb8\nI\xdd\x7f\xfb\x80\xa7\xcf)\xdd\xc64\x08\xb2QA\xe0\x8b\xdf3\x7f\xcc|\x03Lg\x99\x86s\xc3&amp;\x0b\x82 \x08\x97\xa4\xbc?CD\x80\x17\'\x14%XMl\xc01k\x7f|\xe35T\x81\x17Y\x83Z&lt;\x89\xc7\xcbs\xc3&amp;\x0bB?\x1e8Z\x00A\xb8\x0b\x88\xa0\xa0\xf0EE\x9d\xb6\xff*\xa3\xcfED\xb3\xde\xe9\xb7\xf9\xb2~O\x94p}\xcaG\xb4J}\x1a\x9d\x18\xb3p\xefX\xdd\xe6|\x0c\xef\xfd\x10\x04A\x10.\xc4\xbaI\xe6\x82\x8b\x8e\xd7kQ\r\xd7T\xc2o\x147\xaa\xab6r\x95/N{g\xc4\xfa\x82 $a\x8er~i\xb48\xc2d\x98\x9d\xcd\xc5\x86\xcb\x17kN\x15\x97\xdc\nU\xda\xa8\xefk\xb47\x8c\xca\xd9\xc4o\xf9\xf2\x1f\xc5.\xc2\xdc\xc8\xa5\xa5K\xa1w\x15r\xddP\xc8\x05\x11\xaf\xfaD?\\\x9fWx\xc1\xa6\t\x8by\xf3\x8c\xeb\x0c\xab)|\x03\xf7\xd8!\x0c%q]\xa6\xc8\x86Bar\xe4M\xc04\xf4\xbc\xc50R\x91t\x12B\rJ\xa9K\x8e\xfe\x01@\xa9\x9f\x97\xe8\xb8.\xf9\xb6m\xec\x0cj\xffO}Q\xe2\xb7&lt;\x11\xbb\x08\x93#\x1eL\xc3\xbe\x9c\xd4&gt;Y\xa3\xbc\xe6I\x98\t.\xebd\xf9\x8b\xc4\xc2\xa5\xb1\xae\x01\x88o\x08\x82p+\xe4\n\x00\x01zG\xd2~\xbf\xa6\xaf\x97\xba\xe2\xa6^\xe1"\xb4\x1dW\xe5n\xee\x970\x11\x98 \xae(\x08\xc2Hd\x02\xd0\x80\xafj\x9b\xd9\x95R\xf6b\xd5uwn\x08B\x84o\xd9B-a\x0e\xa0\x08we\x08\x17`\xec\x8a?\xe25\xef\xc6\x16\x84\x14\xe4\xeev\xe1*\xa0\xcdh\x81\x04\xe1.H\xd0\xdd\x94\x1f\xaf\xb28.\x03p#iwv!DDx\xb0\xf8\xadpG$is@\xd6\xc3hp]Yv\x94\n\x17c}\x1a\t\x00(\xb5\xfc\xc1\xc6\xc9\x11p\xf4\x8a\xae\xd0\x17D\\]\xb1\xf4t\xb0_|\x070\xc0\xa5Qza\xe1\x86\xc8\xb3\xad8 \xda\xa7A&amp;\x00\xc2\xe5\xf1.\xd8\x88\x9f\x0bS#\xa9[\x10\x84{"\xf7\x00\xd0\xe0\xec\xca\x17\x84\xab\xe1u\xf1\x89.\xe3\x0e\xdd\xef\x91\xcb[\x8f\x16\xe0.\xec\xb7TI\x06\x17&amp;\xe1#B\xe9k\xa2l,p@r\x9e \x08\xb9\xfc_\xc0g\xdd\xbb\x9aY\xde\x1d&amp;\x8f}\x14\x04\xe1\xaat|\x16\xb9p\x11\xc4Q\xfa\xd2j\xe7\xf4\x12\xf9b\xcdV\xc8\x86\xc5(s\xeccv&amp;\x000\x85\xd8\x82 \x08)H?%d![\x80\xba\xb2\x0c@\x1a\\\xa7S\xdcw4\\\x82;\\`-\xda\x1e3G\x7fc\xf7\x8b\x972\xe6\xa5\x1a#\x08B\x01\x9eG\x84_\x89\x1b\xf4\xbf\x9dy\xe0h\x01\x04"\xae\x1b\xf5\x1cP\xea.\xc9g\xe6\xfe\xe3\xfcY@Z\xeb.f\xcey\xad&amp;\x08\x82\x90@4\xb7\xcb\x0e\xa8\x02\xe4\n\xc0e\x10\xa7o\x8a\xba\xf8\xe2J\x15\x0f\xe1\xf10\xfe,\xeb\xa8\x9b\xcc\xe8.J\xa6\xf1\xc6;\xa7 \x08=\x90HOG&amp;\x00\xf9L\xf0\x08\x11\x81\x18\xc9)Q\xfet\xff4XQ\xc93\xb4\xefD\x84\xe1\xd2\nUd\xd8n=T\xcc-\\\x1a\x06\xab0\xc2L\xc8\x16\xa0,^\x0f\xe0\x99\xd7\x97\xc7\x14\xad\x05+\xa5$&gt;\'\x05\x11\xe5\n@\x00\xe3}J\x888\xf0\xfe\xda\xc4\xf7C\xbd\xcem\xf6t]\x14\xf7\x15^\xe7\xccq\xaf\xfa\xd4 \xca\xe3T\x87s\xcf\xaeJ\xdf\xa6{O\r\x14 :\xca@n\xb1\xbf72~\x88\xc1\xe4\x19;9A\x8a\x88\x12\xcewa\xec\xbc\xf4\x1e\xe06\xfe\x17%\x0f\xe3\xce\xa3\x14\xbd\x0f\xba\xa7\x06\x84\xa6\xc8\xf55A8g\xbd\x12=*X$H\x13\x98\xe1mh\xc2d\x8c\x8czA\x18\xde\xf5\x08B\x1b\xf0g\xc4\xa7\x85y\xa8\xdf\x8dz\xdcX\xdc\xca\xf3\xef&lt;\x9f\xd7o\xdaf\xa8\x84\xf7\x1e-\x80 \x08S\xf2\x8b\xf7\xcd\xea\x02S*\x87\x1a\x8f\xda\x9eb!\x9e-\xdc\x05\xd4hW\xc7m\xd7\x8axO\x00\xa8\xb9\xab\x95\x05A\x10\x84\xb1\xd4\x0c\xdfq\xfd\xdf\xf3J\x1f&amp;\xdc\x0b\x1eO\x17\x15&amp;G\\H\xa8\xe1\x11\xb2\xf4&amp;\x08B9\xb2/M\x10\xf2\xf9v\x19\xba\t\xf5\x88\x17\t\xe5H\xdf-\x08B\x15\xb2\x90)\xf0\x87\xa5\x97r\x93\xa79\xfcL\xc0\x8b\xc8\xd5\xd4\xcd\x81_\xc5\xfd\xa5\xb5T\xc25\xf9q\x86)Q\x10\x84\xc9\x90\xcb\x88\x02w\xb6\xf1\xd3\r\x1d\xf5}F\x0b\xb02\xed\xae\'\x0e\x02\xe3\x8d\x1dX\x10\x04A\x10\x04\xd6\xb0\x1e\x9d\xdct\xfc\xc4\xe9\xe1qSN\x00X\x08&lt;\xe9\xdcI\x10\x04A\x10\x84b\x98\xf7\xfd(\xcb\x93\x9cA\x00.\x13\x80[B\x13\xbc2\x01\x10\x04AH\xe4\x01\xa3\x05\x10\x04"\xd6W\xff1\xed\xfe\x99\x8a%\xac(\x00\x05\xf3\xbd&lt;2e\xd22\xc5\x9cS\x91\xbc\xb9s&gt;\x03\n\x82\xd0\x1dY)X\x90\t\xc0\x08d%\xb8\x11J\xf1\x7f\x0b\xbd\xa4\x1d\x81\x8a\xbf\x8b)\xfe&gt;6":\xbb\xbbR\x00\xf0k\x12c\x82 \x04\xd7G\x14\xcd\x82\x83 \xe4#[AnI\xfb\xd7Z\t\xf7\x82\xbb/E\x1c\x9e\xb9\xe4\xdc\x11\xed\t\xc2)\xd2\xdb\x9e!W\x00zbu\x87\xc53P\x9a\xcd\xb27\xe9E\xd8\x8c\xb9e\xc9A \x85\x83SG\x89x|\x83``\xaf\x0e2\x10e\x06%\x08\xa7\xc82\xff\x192\x01\xe8\xc9\xea\x8cJ\xd5\xf4\x7f\xcb\xd0\xbd\xea\x02\xc2\xd2y\xe01\r\xb8r_\xc2)\x07\xac\x92H\xe7\xcd\x136s\xc58\x9b\x84\xcb-/#\x04NWT\xa7K\xed\xaf\xb1f\xc5\x19\xccW\xcb\r\x9a(\x08T\xc4\xb3\xcf\xddc\x89\xcf\xd8\xe8&amp;$m\xda\x8d\x16\xa0]A(\xedZ\xbd\xdd$\xa7\x81\xf2\x95\xd9\x95/\ng\x85f\x17\xe8\x91\x18\x11\xb1\xc8\x07\x169\xf7\x13\x11Q\xfd)\xc0C\xbb\xfa\xd2*\x03\xb4\xb8\xeb\xb6,C"\xe0\xda\x99\xdf \xacVW\xbdAK\x05\xa1)w\x0f\xa5\x9b6{j\xf4\xe1;\xe1\x1c\xe0\xb61\xd0\x19\x12\xf3\t\xb4X\xe1\xd0\xc5.E}\xcf&amp;\xe81\xf8\xdeJ!\x96.A\x8e\xc4\x99\x925ci\xc9\xa1\x1bA\x10\x84S\xb6\xec\x04\xf7\xcc\x1bwl\xf3\xfcxV\xf0\x8b=\xf8\xe6\x010\x04\xb9\x08\xc0\x8d}I\x1b\xbb\xc6B\xf6jw\xb3\xd9c\xf5\x95\xc9P\xb9#\xa6\xbb\x12_\x82 $\x82\x88\xb7\x1d\xff&lt;p\xb4\x00W\xa5U\x87\n\x00F\xbfV\xbd\xe9U\xfa\xc8\xfe(\xa5\xee\xb0Yy"\xf6(p\x82\x01\xf79A\x8bj\xdb\x14\x9b\xcb\xbe\x9c\x7f\x01Vk\xad\xd1u\xa1\x86\t\x82\xd0\x82;\x0f\x81\xe4&amp;\xe0J\xbcw\xd0.\xf7\xe8v\x19\xe1)\xa5\x94\xac\xdf\xcf\x87\x9a\xeaA\xc47~\x80\xe9\x8co\x07\xcbE\xdbJD^to\xed=\x05\xe0\xc8\x85\xdb\xd3r&gt;&amp;\xf5\xec\xe4g\xa3\x99\xe1\xe0=\xe5\x9e\xf1"\x08\x82p\x03\x8eQ\x91\xd1\x13H\xd2\x17.\xc7}\'\x00\xbc@\x13\xc2b[&amp;\xae\xb8\xb4\r\xea\xfdm,UT\x92\x1e\xf6b\x7fky\x9c\x9a\xaf\x8a\x1b\xcf\x99\x05A\x10&amp;\xe5\xe3O\x16\x81\xec\xbeE\xcf\xf2\xbf\x95\x9f\xf1_\x02\x11\xf1\x83\xa4\x9f\x10\x98\xf3M2\xb9e\x80\'\xf3\x88Q&lt;\x18*"\xcf\xae\x1fhd~\x99\x00\x08\x820#\x97\xbf\xba\x9d\r\x9e=\xb3\xc2\xcd\xe95;p\xf6\xd2\xda&lt;SO\x10\xa8hz[\x8b\x90\x8awL9\xd1v2:F:\xe4\xd6M\xc0"\x03"zL\x80\x85Oz\x15\x04A\xe8\x80\xdc\x03@Bq\x8a\xff;\xfb\'Y)\x12x#\xe3\x18\xbe\xdco\xa5\xb9Q\x8bs\x0b\xdd\xdf\xed\xe8\x8b\x8e\xa9\xee\xf3\x11\x86r\xb7\xf8\x15\x04~\xa4\\5\xa6\xbd\xb6+W\x8a\x0b\x10\x8d\tw\xe6\xf0\xff\xe5\xc3\xff\xbae,|\x1eU\xab\xf5\xcdTYe\xdeR\xed\x82 \x08\x97$}\x02\x00\xaf@\x98\xfd\xa5#\xc9c1\xc1Se\x0e \x08B5\xadn\x15\x10\x04A\x10\xa6!\xe9\xd6:Y~\x1e\x8f\x98@\x10\x04*n\x9cOn\xdbpA\x10\x04\x1bI\x88\x82 \x08\xd7@\xf2y\x1c\xd1\x8fp\x03\xe4\x81i\xc2\xec\xdcx\x99\xaa\x19#\xf2\x82\xdc\xc3 \x08\x82 \x08]\x90;-\xfd\xc8S\x80fB\x9e)AN\xb7W6kU\xe2\xf6\xaf\xe4#A\x10\x04A\xe8\xc1wp\xees9\xcb&amp;\x8ca\xbf\'\xe1\xc7\\\xe7\x10w!\xa2g\xe0\xa1A\xbfz\'D\xb4$\xf0D&lt;S\x10\xe6\xc2\x8a\xd9W\xe2\x17\xbc\x92O.BM\xdf\x80\x88\xdf\xae=\xe0\xcf\xc28\xf4O\xe6w\x97\x1bz&lt;\xe7\t\x00"\xbc\x06#\x91\xf8*\xeaF \xbc\xa6(\xdfF&lt;S\x98\x90\xbb\xfb\xaa\x1e\xb0\x12\xb9B+\x8a\xfb\x06\xdf\x98\xdf\x1a/\xa2~$\xb5\xe0\xb7b\xa8\xf6d\xf4\x90\x86\xe5\xf6Bg\x12\xbc\xf4\x8e\xd6q\x13\xb2 p\xe5\x87\xd6\x7fi\xba\x9b\xd9\x1d~v\xf9\x05\xf6\x14\xaf\x0f\x9dN\x00\x8e\x02\xdfSF\x90\x95\x0cV\xddD\x03\x08\xc3\xfd\xc4\xe5\x84\x89!\x7fw\x18y\xc9\x82@\x89\x0c\x12\x04\xa1+\xfe!{\xc1\x99V9\x88/\xa9\x956\xcb\xf0\xb1;\xf3\xcc\x8b\xe6\x903&lt;\x0b\x15\x86"\x86\x18\x8b\x99\x81\xc5\x16\x02C\xa6Yf\x12\x84\x8b`\x0e\x95rc/q\x91U\xc6aAd\x90J\xc8\xc9\x95(\xc1\xe2]D3\x04L1j\x91@\x10\xd8#\x97m\xaf\xc3\x96\x15\xcf\xad)y\xe9\xfaL\xd1G\x8eC\x94C\xc6\xd6\x85  \x82l\x04\x8a!\x13$\x1a\xe6\xd0\xe1\xa7\xb1\x97P\xb8=\x13\xc4\x91\x90J\x92)\xe7H\x9eB%2\x0e\x13\x04n\xe8\x1b\xf6F\xcb2\x8c\xfa\xee\xa7\xf4\xf2\xa9 \x08\x062\x16l\tG\xddfY\\^\x046+\xdb+\xc18\xba`[^BF\x06\x9d\x11m\xa7r\xbc\xa9\xef\xc6\xef\xecS\xea\xe3I\xca)\x18\xba\xb4\x19\xee\x88\xff\x0b\x93\x82o7Z\x82K\xc31\xc9\xcb\xebb\xefB\xe3\x85F\xa6\xdd\x9e\xec\xb2\xe8\x8bh[\xe8O\xd9=T\x8d\x1cU\x9c_\xe8\x08\x9d\x0f\x8f\xea+{\xd5(\x81Y\x8b\\\x01\x98\x18\xa5\xee\x18\x01\xfb\xf4VF\xa5]X\xf5-\xda\xa6\xe0\xe2:\xa4\x1bm\xa8\x85\xd8\x1a\x9b\xa7\xa2FK_\xb2\xa2&amp;LN\xc7\ru\xb8\xbd\xc9\xb4}U\x12\x98\xb5\xc8\x04\xa0\x9e\x81\x9d\xbajy\xb9\xa7\xb6\xe4V\x0f\x8d\x91+\\}Y|L\x94NA\\\x8b\xfa\x9a\xf7\x9bw\x90\xa6\x11\x1d\xe6\x8a\xab\xa6\x9ca\x8d\\\xfe\x16\xa6\xa7\xdc\x87\xed\xb8;\xc2\xa1{\n\x8f\xa6\x80\x8b\xaf\x83L\x84\xa4K\xa1\x15\xfa8\x80\xbcc^\n\x97\xfe^\xb8\x10k\xc4\xb0\xf6jD\x0cK\xb8\x87|\x87&amp; \xa2\xccL\xeb@\xd1\xde\xa5\xd8\xd2\xc7p1\x96,\xe0M\x02=S\x84p\x8a\\\x01\x10Z\xd14\xbe\xb7\x1d\x02\x82p\x05\x96q50\xe8\xbe\xa3\x9c\xac\xed\xaf\x17\x8b\xba\xb4\xe1d\x83\x90p\x8eh\xefZ0\xd9\x12\xbc\x85\xbf\xf7\xe2\xbf\xf8\x1c+\xc4\x1c\x85\x14\xae@G\xd7\xcf.\x89,\xd4\t\xc25\x90\xd5\xbbL\x10Qt%\xe4Rse\x86\xcbU\x9d\xa6\xd7\xff\x05*\xe4\n@\x19\xa5o\x80\xdf\xe6\xc6\x94\xb2\xb4\xa7f\x1f\xbf,\xd4\t\x82\x97I\xef\xab\x96\xde&lt;\x919\xcd+\xd0P\x1c\xddun\xc3%8\xf5A\xbf\xa9\x8a\xe1Q1\\\x00F\xc8\x04 \x1f\xd4\xb7\xea\xe6\xc6\xdb\xd9\xa3-\x183\xe9xE\x10\x183SLm\x9d\xfa\x94\xe9\xab?\xb2\xf0)\x94Q\xde\xd5\xc6OD\x84\xff1*\xe10It2\x8a\x11*\xf9\xd9\x1b&gt;\x19\x1d\xe1+\x10\xe0\xb3G\x8b!\xa4\x80\x00o1Z\x06A\x10\x84;S|\x05\xa0|\x80\x119\xb1\xd5C\xf9\x12\xe4\x91\xb7z\xb3E\x96(J\x90G\xd04\x83\xcb\x16\xc6\x99\x11\x1d\n\x06r\x1fN/\x10P\xf6H\tuD\x9f\xa2\x93rj\xfc\xf1;\xb0\x16\x0e}\x12\x82\x0c\x96\xe8X\xfd\x82\xb0D\xd9\x02$\xb0B\xd2D=\x97\xd1\xe1\x90\xebl\xc3\x17\xabjj\xf7\x9f+\xa3\xff^(\x19\xfd\x0b\xb5TxP\xba\xf7u\xcb\xac\x97x^\x1f\xf2\xb8\xa1\x87~\xf7\xb8L\x00J\xb8\x84Os\xe3eS\x0fd\x11\x8aB\x07\xc6\xc4\xd8X\xffB\x84\x8a9@Ha\x92\xac\x04\xa17e\xbb_*o\x02\x96\x91I\x03.;\xb1\xbff\xab\x84\tI\xda\xb8\xb2^O\x04\xb9\xce&gt;\x00D\xbcG\xef"{\xa8\x8a\x11\xd5\t\xc2J\xc1cs\x8d\xa7g\x02q7\xe7y*\xff-\xf2\xf9MX\x1e:\x0cY\x19X\xae\x00\x08\xe9\xf8\xd63\xc8n\xf1\xc9\xf0\xda\xdb_\x02\x18s[\x15mgDX\x165L;E\xe6\x0f\x1eX2\x01\xb3G\xfe\t\xc20r\xdf\x8bg\x05\xb8\x04\x8f\x90\xcc\xe6;\x99N#\x13\x00!\x1dO*[\xbd\xae\xdb\x86B\xed\xbf7F\xc1\x98\x9d*$\x8aG\x00|w\xe9\xdc\x8a\xe09\x07X\xa6\xa3Zv\xd8\x85\xbc}\xa4\n|@\x04xr\xe7:\x93G\xff\x9e]\xe6\xe4\xab\xf3\x960\xd4W\x17\xee\xf6hDFl\x0f\xa6\x97\x9d\x11\xec\xb8~HdE\xbe\xe4\x08\x1a~\x7f\xdag\xab\x89\x03d\xb2\x1b\x9ag\x17k=[\x90\xa1\x84\x82\x00Z\x1c\xf1\x04\x1d\xe0\xfb\x13\xa5\xcdm\x14\x02u&amp;\xe9\xff\x80QAG\x94/\xccA\xb5\xa7\x8a\x97\x13"\xca\xe4\xcf\xd1\xb3""\xfc\x063\x93\x8dx\xb88!\xf3J.4f\x80W\xd8\x13\x80\xe4S8dr&amp;b\xb0\xa2Wz)\xcf\xc0\x0f$\x97E\x10"\xdc\xfe\xae#\x0e\xbb#\xf6\xbb\x85\xe0!\x88O\xbf\xbbE\xa8ht\xff\xab\xda}\x86c\xec\xa8+t\xfax\x97\xbb\xdb\x85tT\xff;\xda\x95:\xae\x8f&amp;\xfa\xa3R\n\x91\xc5\x9d\xf7\x12A\xe3p\xb3\xb0\xbc\x90D\x108\x82\x00\x8f\x19.\x03"\x02\xbc\xe2h1\x84D&gt;l\xb4\x001.p\x05`R\xe1\x85\xb6\x8c\xf1\nq\xc5K!\xb9E\x10\x04\xa1\x05\x92[\x19\xb0\x0c\xa0\xa5\x9f\x13\x04A\x10\x84+\xf1\x08\x06+d\xb2Pwc\x82v\xe7\xb3\xff\xf5\xf6\x88\t\x04A\x10\x04\xa1\x84\xd0*\x1a"\xe2\x07f\x0c|\xdf\x90R(\xf3\xb6$\xda\x92\xcb\x04\x91\xa1\x86\xa0\xc3\xc39\xfbs\xb7\xf66B\xd4(\x08s!c\x00J\xe4.\x01\x16\xec#\x18\xe7N\x9a\xdc{F\xa9\xee\x07\xda\x1f\xeaw|5\xfc.\x1f\xb9WOpYb\xe7\x0e\x8e\x81\x88\xcb\x9b\x85\xee\xd3\xe4\xa6\x88\x1a[\xb1?d@\x98\x1f\t\x93K\xb2\x8c\xa6\xe4E`\xe3\x89\xae_~\x17\x80\xca\x19\xd3\xd3D\xe9z5\x02A}\xf7V.\x83\xf0\x97\x1c$\xb8(\xa5\xee\xe3\x18\xb7\xbb\xd4\xd1\x12\xa5\x1es\x1b\xc7\xe9\xcd\'N\xef\xa9\xb3\xcbO\xc3\xfd.\xae\xde\x021+\x17\n\x1e\xfd[_\xe7iv\xbb\xeb\xce\nA#f}q\x8cQ8\x8f{#\xe6\xdfR\x17(l\xdc*\x9dN\xdeX\xe9\xfe\x16\xf6\x91\xc0;\x896L\xa6\xf6\x10\xd9P\xcd\x05t`\xb1\xcbM\x9e\xec!\xac0\xf0F\xa1\x1b\xcf/\xe6n\xc5\xbc\xc3\x85"\xe6n\xec\xd4\xc3;B\xd8\xdc\x04(P\x82\xdb\x00O\xae\x80z\xe9\xf9f\x8d`d\xddgc\x83\xc0\x9b\xc5A\xc5\x1b\xef\x00"J\xe6i\x04\x8b\x176\tB:\xfa\xe8D\xd2\xc2\x95Xo\xed\x18-\x06O:g\xea\x89\xe6\x00\xd2\x87\t\x82 \x08\xc2\x1dX\x07\'\xfc\x86"B\x15\x8b]\xe5&amp;`/\x9d}\x9dop\xd9\x1b\x93X\xbf\x93T\x10\x04\xa1!\x15{!d\x07\x850#\nx&lt;\x02D\xb0\xa9\xdb\x97\xa5\x14\xdc\xe8\xe9\x19\xbcY\x96\xd5mkr\x88&lt;\xd7\xc3\xc4g\x04\xa1\x0c\\\xf6\\J\x04MK\xf1#\x11\xe5\x11\xc6\x82 \xd4\xd0\xa0\xfb@\xb9\x020\x1eDX\xe6\x00v\x0f\xc1\xa0\xc3P;\xa3%\x11\x84\xd9QJ\xc9\x06\xba\xa9Q\xa5YY\x12\xa8 \x08\xe5l\xc3D\xea"\x85t\x1a=8\xc9\xbd\x94\xc3\xd72\xad\x05K\xd10[\xe5\x08\xc2T\xf0\xcd3l\x91\xa7$\t\x820\x02\xeat\x8d(W\x00\xb2P\xd0\xe4\xf6\x00\xb7H\xbe\xebEM\x05{\xfd\xe4G\x8fJ\x1f\xdc\x14Q\xef-\xc0\xdb=\x9b\xb2\x9e/\x14\x85\t\x820\x00\xeaa\xa1l\xec\xe0\xc2\xf6\xd0\xfd\x9b\xf7-\xe9\xcf\x1b\xbe\xb9\xa2Z#\xea\xed\xcf\x80\xe7m\xcb\xbb&gt;\x84\xd6\xc8#\xe4\x9b1^\xab\x973\xee\x95\xda\x92\x84\\\x01`\x81R@\xbf\xc3k&gt;T\xf2\x16[\x99\xb96E\xd4\xdb\x1b\xb3\x1bm\x9a\x08\x8eA\xbfR\xea4\xdeh_\x18)S\x8e\xbb"F\'e}\x8f\x13\x8bEC&amp;bPp\xda\xf1]\xa3\x99\x072\x01\x08Ql\xe9\xb2\x13\x95\xdc \x08\xb0N\x01\xce\x0e\xbaX\x10^l\x11E(A\xbf\x1a\xfbfm\xddA\xe5\x17O\x99\x98\xc4\xd7o\x88d8J\xb4\x0ec\xacb\xf7\xa7\x834\xb8C\x95%\x97k\xa6\x0c9\xc9\x91Wi6\x04\x8f\xc5K\xb8\x86\xf7\x16?XP\xb8\x1e,\x9d\x81\xf6\xdd\x7f\x92\x1e\xef\x05\xea\x97\x9b\x04"\x18\xbe\xa0\x97e\xee\x12N\x90+\x005x\xe7\x82\x12\x02=\xd8\x96\x1c\x10\x10\xe1\x99/5)\x17n\x0b\xcb\'\xee\xd2\xca\xc3\xb0\x81B\x17\xbeA\xb24\x19\x12D\x82\xd0\x88\xcblh\x1b\x03"\x02\xfcQ\xcb\xe2/\xb6gF\xfcMh\x87\xec\xb9\x17F\x82\x1a\xa3e\x11\xda"\x86\x9e\x0e\x99G\n\xc4 \xe2e\xf6\xe7\x08\xc2\xdcl\xbd\xb1,\x19\xde\t\xda][\x95\x1c\x03By\r\xf6\xd5Ym-\xd9f\x16d\x0b\x90\x01\x8f\xf9\xeb&gt;\x8d\x1e.I\x01\xcb\x1b\xef\xd3\xe2_\x1e\t"\x08MQJ\xbd\xfah\x19\xee\x02\x9bT\xc6F\x10\x00\xd0\xfb\x02^r\t\xf4\xa4&lt;WL`\x84\xd8\xca\x80\xc3\x8d,\xd6\x0cDi\xffgN\xae\xf6\xb6\xe3a\x8a\xd6\t\x82 \x84\xe0\xd0w\xecr\x8c\x17\xc3`_\x18\x06I\xf5\xc2x\x10e\x9a\xb2 W\x00&lt;0\xb8\x08p\xb0d\xce\xd1R$\x91\x19S\x8c\x94,\x08\x82\x83D\xe8|\xbc\xech\x01|\xec7\xb7\xcf\xd1\x91\t\xd7\x06\xf7\xff\xdc\x1e\tH\x83\xf1\xcf,\xf3M&gt;\x98-\xe7\xd0\x818\xcb\xc5\rA\xb8\x1f\xac\xb6\x92\x0b\xc9\x9c/p\xb6\xd8\xab\xady\xcbz\x15\x02\xc4\x7f\x04\x813\x12\x9f\x06\xc3\x1f\xaf\x1b\xba\xf8@!\xcc\x90\xee\\\xc6\x10\x82\xd0\x19\t:!\x06u7\xa7\xdd\xe6\xab\xec\xbb\xba.\xbbzu}$\x8d\\\x9f\x07\x8e\x16\xe0" "\xd1\x18\xbd\x15\x88\xa0\xa0\xff\xd67\xc9 \x82 \x08\x97\xc0\\\xa0\xda\xd6\xf8\x95\n\xefT\x95\x1b\xbd\xe6d\xb1\x1b\xc9\xa8F\x18B\xd2\xfcM\xee\x01\x08\x93s\'\x00U\x94\xb4\x0b7\xb9?_h\xc0\xa4\xcf\xaa\xba6\x12\xe6B\x0c\xa5~`\xff\xfc\x84\xe4n\xce\xf3\x80&lt;\xdc~Y&gt;n\xdb\x8a\xdc~\x06\x11$QL\xc4niV\xf7C\xde\x98\x1a+\x88\x05\x93A\x13&amp;bH\x10\n\x8c\x11\xe7\x14\x84\xc90:\x97\xb4\xfe\xc5\xd7+\xed\'\xe2\x0f{\x9e[\xed\x9e!\xb9b\x0e\xc4d\xbc(\xb6\xc2w\xc9\n]\x0e\x81\xec6L\x96\xd12\x08\x82 \xdc\x93\x0f\x1e-@[rGx\xf6P&gt;\xe9\xc4\xc8\x9cA8g\xd4\x10\\F\xff\x82 \x04\xf9DI\xe5\x82\xc0\x08\x89G!\x93\x9cA^\xe9B\xbe\\\x04\xa8b\xa0\xc6\xc4R\x82 \x08\x82\xc0\x1d\x19Z\xe5\xf0\xf22Y\xdax\xe6SU\xf8F\xf0\xd9\xa7\xc8\x04@\x10\x04\x81/r\x89vr\xc4p7G\x1c \x81\xe00\xf4\xd7\x06\x08\xc3\x1e\xff\x08\xfel\x10\xff\x83\xf1\x19\x80\xcc\x01\x04\x81\x07\xf2\xbc\x08\x01\xc0~24\x0cq\x0c\xa4y\x94\xeae\xc8x\x0c\xf3n&gt;Q\xe0\xcc\xec\x16\xc7\x06\xefi\x12\x00B\x91r\xfe\xe6\xac;\x12\x19\xa9\x9fzf|\x94/\x8e-H-\x89\n\x00\x00 \x00IDAT\x08\x1c\x90\xc7\x80\n.\xc3\xb23\xeb\xc5\xa1\xaeWH\x96\x85\xb6\xd4\xba\x9e\xa7\xa9,\xac\xb9\xd2\x82\xe2:\xfa\xdf]\xecBM\xe3MA\xc2\xbb\xb7i\xfc\x17\x04\x92W\xf7\xc5\xb1\x05\x81\x032\x11\xf7\x80\xeb\xbbKn\xa4\x1c\xf3\n\xc0\xc0\x86\xf3}\xfb`\xcfU\xf6\xa3.h\xf9n\x88\x19AD\xdb\x04|}\xa6\x86\x1bf\xa1\x0e\xc8\xb5\xb2t\xd2\x87\xe9\x9a2\x11@\x9d\x9e(iM\x108 W\x00"&lt;e\xb4\x00\x03h\x93\x96\xf1wR\xfb\x12\xbe\xbd\xc2\x10\xc9\x90\xd7\xa3i\x07\x13X`\xe4\xeb35(\xef\x1b\x95nO\xe5&amp;\xf2E\xa9J\x01\xc0O\xd3\tuM\xd2\xdd/\xdb"\xe2\xd8\x82\xc0\x00\x89C?\xee~\xf4\xfc\x059\xdcv\x96N\xa0\xe4\xc6\x0bc\x8b*&amp;\xd0\xc3\x19}\x16\x9b\x83\xfd\xe9\xedW\xce\x10\xf0\xe6\x1a\xb8;\xdc/\x8c\\\xebv\x82\x9c\x8b\x00zt\x9e\\\x04\xe0k&gt;A\xb8\x13r\x05\xc0\x8f\x95\xa1\xbeH\xdb\xe6\x98X\xc2\x8c\xbb\x1c\xdbee\xf5\x07\xcd\x8a\xeeJ\x9f~+\\\xcb\xdd\xfbMu\xa5\xd1\x95\xb0\x90\xb5\xa8\xcf\xdc\xfc\x13f}*\xd4zye]\xa6PJ\xa9o\x1f-\xd3%\xb8\xb1O\t\x8da\x9eN\xd9\xa0uP\xa9\xab\x17\x9e\xcd\xca\x9c\x91\xb5UV\x046\xbbt\xbb\xa0t\xad\x85L\x81/\x9b\xa7\'\xa6J\xeeW\x00\xaeE\xe2\xc4,b\x0eo\tb&gt;\xe1: \x82z%\x80\x1f\x1b-G\tr\x05 \x8d\x82\x845\xd9b\xe5d\xe2^\x1d\xa5\x94\xf2e\x94&gt;6BLZ\x97}%Y\x9d\x12*\x899\xd0\xedoz\xb9\x00\xebM\x17\xe67\xc3\xa4\x11\x84j\xec\xd7Y(5\xe9\xe8\x1f\xe4\n@:\xf2\xf8\x08\xa1/\xf6\xf0\xbb\xa7\xe3%x\xbb!\x9e\x04E5\xd7|\x96Q\x02\x88x\xdc\xdc\xf2s\x88/\xbd]\xe6\n-\xf6\xcb\x0bCz\x92r\x11\xe0\xdc\x1c\xeb\xf5p\xb8\xab\x93\x0b\xd7\xe1JCA\xb9\x02\x90\x8aR\xea\xd5\x13\xae\x04\xa4\xbc(Q\x10\x16\xd2w?3\xcb4\xb6\xcc\xf2`\xef\xdb\xf2\xa4\xdaw\xbb.\xfb\xc6\xd7\x11\xff\xdf\xf0\xdc=e\xff\xed\xf4\xbb\xe2{\r9\xed\xf2R^\n\xb6/\x96RH$\x08\x03\x91l#\x84\x91W\x9d\x0b\xe9\xd8\x17\x13\x03\xbf\x0er\xaaP\xa5\xc73I=/\x03\x12\x8a\x98\xf7\x19\xaft\xfei{{Z\xc9oXP\xfb\xb8\x98\x9a\x0f\x8c\x92~\xe6\xa4\xee]\xc5=[}u\xae\x94:\xe4\n\x001J]\xe1\xc2\x90 ,\xdbw\x83\xbfm\x07lO\xfe\x10\x9f\xaf\xe5\xafO\xd6\xa7\xec\xd7\xc1\xdf\x84\xa6\xb8\xc8\xa3oc|\xdb\xfa\xef\x97\x96\xa9o2\xa5\xcf\x82o\x88t\xbb\x14\x81s&gt;\x0cP\xb8\x0f\xb7\x8b\xc9\xa1\xe0Do\x06\x10\xfa\xf0\xbb\x88\xcf\x13v\t\xbd\x1b\x95\x89ecF\xee\xc2\xc7k=\xdc\xa6\xa89\xc6\x98Q)\x95\xfc\xfe\x90\xf51B\x05U]F\xe1a\xd6\xa6\xd6\xb44\xbe\xde\xa9\xbf\x06x\xb7\x97{\xca\x1d;\xbe\xed\xee\x96\xd1r\x08\x82\x1f\xb9\x02\xd0\x93%3\xca\x86i\xe1\xe0\xb9\xd7U"\xbfK\xc8\xcb`\xfb\xf1D\xb8\xc0z0\xe7\xcb\xd3g\xb2\xad\x9e\xae]DMt\x7f\x95=\xc6:.]]\x1c\x12_\x88\xeb\xca\xda\x10\x14\xb6\xf2\xf5\xb5m\xa3\xf2=S\x10:"\xde\xd9\x95=3\xdeq9D\xf0\xb1\xad\x95\xfe*\xc0_\',\x15\x00\xc4\xc12I\\on\xc4_\x00&gt;S\xfdN*-\xc3\x8c\xb4\xfe\xe6\xd5\xab,\xfa\x970Z\xb6[\xa1\x19\x82@\xe7YsK\xa5\xcd\xa7\xc5\xe2\xc2%A\xc4\xfd\tf\x82\x90\x82\xdc\x18$\x1c4[\xb2e\xe2c\xf8\x13G\xeb\x98\x88\x14\xe0\x0b\x16C|\xc7h9\x8aI\xbfq\xb6\xbd(\xdb}\x9f\x88\x08\xf0\x8e\xfa\x97(\xb7\x8c_\x82\xf8\xcd\xc1\xc3=\xf0vl7\x1c3\xbb\xdf\x9a\x8f$\xf4HB\x13N\xcdoeCV\xc1)\xc4\xe9c)\xde\xfeP\x97\xe04\xe7\x1f6&amp;\xf8\xfe\xd4z/2p\xe1\xd0!\xed\x13\x00\xfdA(2:\xbc\x1ebM&amp;\xecQ\xcf\xc7"\x97\x0f\xf6\xd9\x13\xda\xa4b\xf3"d~Y\x1d\x99\x9fvf\xc2\x89\xa6\x82\xbb\xd3~A\xbe\xdf\x1e\x03\xc1q\xe4D\x1c~\xa7q\xe4\x1c\x06b\x88ktI\x80#\x11\x85_\x1c\x8e\xeb\xd0w\x08\xf6y\xdb\xb8\x88-[\x97\x9a\x10r\x08\xa5\x00\x11\xd4\x03\x01\xferj\xcd\x8f|^\x8a\xd0\x19\xdd\x99\xe7\xbcw\x05K6\xf7\xe3\xf2\xee\xd2\xd9\x1a\xbbY\x8b\x9b\xe4VJ\x94\x8d\xb3\xc2\xf5\xd8\x9d\xbcs\xf4\x8d\xaa\xf7\x8c#\xe8\x99\tF\x08\xce\xf8h\xc7\xdd0\xf2\x14\xa0\nJ\xa6}J)5\xf5\xe8\x1f\xd7\xb5\x86\xc4\xf5\x06\x04\xf8\xd0\xe62\t\xbd\x98p\xa5\x03\xca\x9e\xa5T\xd5\xd01kB\xc6c\xc7\x99/J\x15t&lt;\xbe\x16=\x89@\x14A a\xdc\xc5C\xf5\xb5\x00\x1c\'\xd4k\xde\xe5\'\x18!j\xba\xd1?l\x16\xb9\xb4]\xda\x13\xbd\xf4\xc3`\xe7O\x9b\xad\x17Y\xcd\x99\xf4\xea\x98`q\xcb\xcd\x1b5\xe13BW\xff\x11\xad\xb4\xd3\xa1\xce\xad\xa2\xcfH&gt;\xb6B6\xcfY\xbfVR\x8e \xb4`\xf7\xed\xe7k\x16z7J\xbf\x820\x80\xdc\x00\x0b\x1f\xef\x9f\x00\xf4\x0b\xe0F5\x1a\xcd\xf9\xab\x93\xc2\x97\xc3\xbe\xf0"i\xeb\xdfE~\xab\xb4\xf2z"cE\xddo\x02\xe0%\xbd\xf9\xfb-\xb0\xe4%\xc7jt\x12N[\xf2+\xaa\xcbH\x88\x8d\xd65\x04\xa1\x9a\xef\xec\xdc\xc5\x0b\x82@\ty\xaf\xe9\x9b\x03t\xa4I&gt;\xd2\xda\x92\xd4\x9c_\xb9BN&lt;kl\xa5\x953U\xea\xf2\x99\xeb\xbf\x0f\xcc8]\x06\xf4\xb9\xb0\xd7\x98\x9bo\xda\x8eH:O\\\xcb\xe2\x0b\x11\xe1{8[\xad\x80\x8b5G\x98\x1a\xee\xabWw\xa3C\xe6\xbf&amp;-:\xf8\x91\x13\x806\xf4\x19[\xf0!\xc5v\x86\x89\x0b\xadL\xb0\x06\x9c\xe3c\xf72\xe2m\xf0\xce\x01\x1aV\xd6\xff\xaafn\x88\xad\xa7&lt;\xa8DN^I\xfb\xd06\x1b\x91\x04\x1a&amp;7\xe8\xb7N.?5\xc3\xf3F\xa2\x00r\x17\x80\t6y\xf4\x87n\x89K\xdc\x0e\x8f\x887z\x8e\xc7n\xbe3\xdb\xad\x07\x8e6q\xe23\x9aviA\xf2\xc0\x95p\xf3\xfeh\x87$\xe3\x88D\xc8H&gt;\xcbY\xcb\x13\xd8 S\x1b\xfb\xb9\x1cbd\x13F!"\x13\x91\x04N\xc8\xd3\xf9\x98\xc0d$p\x8e&lt;\x05\xa8\x07\xfc\xfd \x13\xa5\x94\xf2u\xc0o=@\x96\xf6,\x0f\x91I0\xa2Z\xe8!ST\x8c\xcc\xc3\xbe?\xb1\xdc\xe1\xab\x1a\x97`\x88\x02\xaff5\x04k\x7fc\xac\x81[T\x96\x04\xe6\x16\xcf\xc3\x83\x1a@KA2\xfa\x17\\\x96\xf7\x80\x8d\x96\xe2\xbeh\xfd\xa3\x02\x00\xf5\xdcc\xc5\x11J\x90\xadl1\xe2C@\x19\x1d\xce\x85\xb9K$\xf5\x99Nb\xe5\x1a\xfa\xec\x99\xa1\xd8\x90\xc6\x91\xc0\xee\xa6\xf7\xf4\xab\xd4\xd7\xf6&lt;\x07\xbe\x90\xea\x84.\x8c\xdcT\xd96\xd8\xaf\x95IZ0pKmq\xa7\xfc@Z9\xe6G\xc9\xc2J\x02\xfeK\x8d\xe3\xd7\xbe\x85\x1c\x94\xbe\x82\x8a\xa9\xe6\x9b\xdc\xca\xe3\xaf\x92\xa7\xab\xba\x9e\xcb\xef\xd3C\xc4\xc5\x8d\xddV\x1ekq\x1ay\x17\xe8\x14 b\xb3kz\xe3]Qh\xc2@\xc3\xb6\xabW\\5\xca&gt;\x04?\xd2{\xc7D_\x9c\xa3d\x0b\xd0\xf4\x0cX\x97\rVu\xdb$1\xe7\xd2\xc8\xba\xb5\t\x12\xb7G\xd4l\xa5\xe0\x01\xae\xef\xb0\x1bQk\xe7JW\xae5\xfa\xf7n\xb1;:^\xe7\xe0\xfa\n\xa1\xed\x85\xcd9\xf3\x86\x10$\xb49\xb6\x9f\x00-K.+\xfcvN\xbe\xdd\x01\x00\xfc\xdb.\x13\x00\xb6\xe0/d^Nr;\xaa\xf0\xc4\xa0\xf0B\x95z\x02\x00\xc0o\x17\x9c\xa9\xd7}\xb9m$\x13\xb7f\x19\xd0\x0f\xee\xb4\xba\xa1\xd4\xa0+|\x98\xee\xf6r\xa9\xfd\x0ce\xdek\xb3MK\x7f\xc0wdW\xc12\x99z.-0\x83o\xd2\xb8\xad\x93\xf3\x0cp\xb6~"hh\xeb\xfa\xcf\x96z\xa8\x99\x02\x9c\x9d\xb2\xc6\x8f\xf0\t\x85\x8f\xaa\xd46\xba\x15z\xd2\x05\xb7\x92_\xa9-\xb7\xe0_\xc7\xbc\xf7\xd5\xc9\x9d\xd3\xbbs=v(I}\x1d\xdd\xf2\xb2\xfe?pK\xb7@\xcb\xcc=N\x8a\xe4\xd7\xeaRg\xc3\xc9\xf0b\x0b\xa1\x8a,\x1f:\x99\x00,?\x1d\x9f\xcb\x1d\x94\xc4\xc5\x11\x11_W\xb2\xd5-\xe0h\xe5\xa8\x03\xbf]\x8b\xd1\xf3R]\xf2\xd4\x97\xa0\xea\xbe\x13\x00\xa1\x1bb\xd3bDuB+\xec5\x9e\xe6K\x9c\xe2\xcc\xbca\xb0\xce\xed\xfa"\xc1\xf4\x94A\xbb8\x80\x00\xbf4\xb2\xfa9\x16\x1b\xf8\xba\x8a%\xd8&gt;\xe87\'\xc9\xad\xaa\xeb\x02G\xb5se"]!\xc0\x9b\x8f\x96A\xb8\x0c\x13y&gt;ozO\x00h`\xb8E\xe9\n\xb8\xb6\x1f\xf4xx$\x7fc\xd7\xd2\xb4\xb1O\x17A\xc4\xc1\x8f7\xd1\xde\xa15\xa8\xfe\x86\x0eF\xa9\xdeMP\x06\xafGp\xd8\x9e\xd2\xe0\xcd\xd4\xb4\x02\xefUp\xd4\x83P\x82\xfd\xa8\x17\xec\xf5r.\xf1\xa5\x9b\x80\x8d_B\'\x8eD\x8a\xa7\x1b\xd1\x14\xcb\xf4\x91_r\x13p\'\x8a\xa6\x83h~F@\x84\x7f\x9bU\x0e\xfdC\t\x94\xf1\xcf0H&amp;\xd7\xe5\xcb\xe7\xcc\xee\x9a\xa5\x1d\xac.\xff\xffF\x92\x05\x8c\xa0doHPx%\xc6k\x95\x8c\xaf\xdb\xf5\x88S,\x0b\t\tX\x1e\xb2\xec\xb1\xec*\x81\xf8\xd2\x1d\xf8\xf7\xd5F\x8ews\x8c\xba\xb1\xb91\x14\xa9\xbeb\xf9\xf7{\xbc\xbf\n\x17\xc7\xbb!\xecB\xf9z\xba\x86x\x04~\xea\xccFi\xba\x05\xa8\x8b\xbb2\xdb\xa1\xde`\xdb\x8fS\xfc\x84\xfe\x86\x08\xef5F`"]\xf5\x13\xbe\x97q/\xd9\xa1\x08\x07\xbbY\xa9L\xdc\xa2\x8f\x10\\\x9c\xc0\x14\xb5\xdf\x17\xef\xe8_\xbca\x00\x914:\xb5Q\x9a\x0e\x02\x9ak\xe6]\xc8"b\x8aa\xd0a\xac\x19\xa4\xdd\xc9\x18kR\xb7\x8e$gN\xe1\x1b\x99\x1c\x8et\xc5\xd6]\x91l7\x16\xb3NI\xf7\xc1\x9e\xf8\tk\xdc\t\x800\x82\xd9F]9\xcc7\xa6\x04\x00\x80\xcf\xb5\x82\x03&gt;\xb3\xa2\t34\x7f\xda\x0c\xb0vf\x89\xc2\x13\xb6Q\xd2\xe6\x19\xa2\x9c9\xe8\xe6\xc6\x12/c1z\xb4.\x17\x03\xdbWqK\xc8\xa3H:\xb3"D]g\xf4^r\xa0\xe3]\x17\x81\xef\x13\x17\xba\x81&amp;\xb4Wwfu\xec\xae\x88f2\xf9\xd1\x0b\xbb\xd3}r)W:.\xf8\x8a\xad\x1b\xd2\xa0\xd7\xc9\xf5\x89\xaf\xban\x9e\xe2\x0f\x07\xcdc\xe0\xb3y\x10\xb7KL\x97\x1c\xaeu\xcd\x06\xb4\xa3\xde\x89m\x91\xe8\xd5\x1d\xd7\xdb\x84\xe9\xe1\x92\'\xe9Y\xeeA?i\x1d\xbb\xfe\xe2r\xf8\x96-Z\xf4\x89\x99\x16|\x13\xb1\xf8x\xbe-\xcf\x0f\xbe\xf2\x8ac\xa9\xe9\x19\x90@?=&lt;\x1ct\x12\xfa\x00\x87A\x1f\xfd\xc5hH\x83\x16\x85LF8\x9c\xa50\xc4p;&amp;\x8d\xfe/\xe8r\x82PB\xc6\x04\x80At_\x10O:j\x90\x9d\xdeb5\xdf\xa7g\x89$IR\x00\xf8F\x89\xfc\n\x98\x8dt\xc7\x8f\xbc\xbd\xc3\xffVb\xd4\xbc\xc1\x9a\x1d\x87\xae&gt;\x1c\xad/)\x0b\xbf4\xac\x82Q\x10\x06\x93\x10\x08\x12)M\xe9\x93\x8b\xb2\xca\x97\x0c)l "\xe2\xb7\x88\x1fT\xc0l\xcc1x\x02\x10\x18\xff7\xda\x92\xc1G\xed4\xb8\x8a\xa2R\xdd\xc5\x14\x15\xc2q\xfe\x8b\xb7\xb7\x88w\x1b-\x80\xd0\x8b{D=s\xb8M\x00\xe4\xe6\x10aG\xba\xc9\xab\xc1t\x02\xd0\xb8:\xf1\xe18\x8e!\xea\xd5\xc5\xb1\x0b\x91\t\x80 h\x90E\xc1\x9b\xe8a\xc5/\xf0y\xf3\xf1q\x13\xbcs\xa9&gt;Ws\xbcd\x81\x89\x83\xd9[\xdeOF\x07"ty\x15\xfc-9\x1cX\xde[\xee\xb0*\xa7\xbff\x82i\xa5\x9d$k\x94Az\xa0!b\x0by\x10Q\xb1\x8d\xf7\xcd0K\xc3)4\x80\x88\x84f%*\xcd\xf1\xbf\xeb$\x07DV\xef\x1ag\xcb\xee\x02|\x83\xb1+H\xa2\x04=\xb0\xae\x13S\x0c\xa8I\xc5UF\t\xe4\x93\x07\x94\x89"h,VY\x1e\x97=X\x94[ Z\xb6Q\x0b\x99g\x11\xa8\xd1[i\xdb\x0eC)\x00\x95\xd3\xc9-\xcd\xfc_\xebg\x02\xe7\x99a\xc0q\x98\x00\x01H\xe6?\xea\xd9\xab\x8b\xd0K\xa3q\x92\x0b\x0fM\xae\xdb\xb2F \xc2\xed.\x01\xbd\xa1\x9b\xd0H\xfcFF\xff\xad\x18\xa6O\xb1c\x13\xfe\x87\xbb\xf9\xe1f9\xa8\x17=7\xba\x0c\xda3\xd7\xcfy\x085i\xfb?\xbb\xe9\xd9\x87\x19R\xd1M\x00\x983\xc8\x87{c\xe7\xdf\x1b4\x995\xa3w!v\xae},\xed\x1a\xce5\x99\x0b\x0b\x7f4Z\x80{\x90\x10W\xd2\xfdt\xa2\xa7\x92\xff</t>
        </is>
      </c>
      <c r="E605" t="inlineStr">
        <is>
          <t>&lt;class 'numpy.ndarray'&gt;</t>
        </is>
      </c>
    </row>
    <row r="606">
      <c r="A606" s="1" t="n">
        <v>604</v>
      </c>
      <c r="B606" t="inlineStr">
        <is>
          <t>steps_per_sec</t>
        </is>
      </c>
      <c r="C606" t="n">
        <v>6800</v>
      </c>
      <c r="D606" t="inlineStr">
        <is>
          <t>2.637389</t>
        </is>
      </c>
      <c r="E606" t="inlineStr">
        <is>
          <t>&lt;class 'numpy.ndarray'&gt;</t>
        </is>
      </c>
    </row>
    <row r="607">
      <c r="A607" s="1" t="n">
        <v>605</v>
      </c>
      <c r="B607" t="inlineStr">
        <is>
          <t>Loss/RPNLoss/localization_loss</t>
        </is>
      </c>
      <c r="C607" t="n">
        <v>6800</v>
      </c>
      <c r="D607" t="inlineStr">
        <is>
          <t>0.23171043</t>
        </is>
      </c>
      <c r="E607" t="inlineStr">
        <is>
          <t>&lt;class 'numpy.ndarray'&gt;</t>
        </is>
      </c>
    </row>
    <row r="608">
      <c r="A608" s="1" t="n">
        <v>606</v>
      </c>
      <c r="B608" t="inlineStr">
        <is>
          <t>Loss/RPNLoss/objectness_loss</t>
        </is>
      </c>
      <c r="C608" t="n">
        <v>6800</v>
      </c>
      <c r="D608" t="inlineStr">
        <is>
          <t>0.013431851</t>
        </is>
      </c>
      <c r="E608" t="inlineStr">
        <is>
          <t>&lt;class 'numpy.ndarray'&gt;</t>
        </is>
      </c>
    </row>
    <row r="609">
      <c r="A609" s="1" t="n">
        <v>607</v>
      </c>
      <c r="B609" t="inlineStr">
        <is>
          <t>Loss/BoxClassifierLoss/localization_loss</t>
        </is>
      </c>
      <c r="C609" t="n">
        <v>6800</v>
      </c>
      <c r="D609" t="inlineStr">
        <is>
          <t>0.24566306</t>
        </is>
      </c>
      <c r="E609" t="inlineStr">
        <is>
          <t>&lt;class 'numpy.ndarray'&gt;</t>
        </is>
      </c>
    </row>
    <row r="610">
      <c r="A610" s="1" t="n">
        <v>608</v>
      </c>
      <c r="B610" t="inlineStr">
        <is>
          <t>Loss/BoxClassifierLoss/classification_loss</t>
        </is>
      </c>
      <c r="C610" t="n">
        <v>6800</v>
      </c>
      <c r="D610" t="inlineStr">
        <is>
          <t>0.27885795</t>
        </is>
      </c>
      <c r="E610" t="inlineStr">
        <is>
          <t>&lt;class 'numpy.ndarray'&gt;</t>
        </is>
      </c>
    </row>
    <row r="611">
      <c r="A611" s="1" t="n">
        <v>609</v>
      </c>
      <c r="B611" t="inlineStr">
        <is>
          <t>Loss/regularization_loss</t>
        </is>
      </c>
      <c r="C611" t="n">
        <v>6800</v>
      </c>
      <c r="D611" t="inlineStr">
        <is>
          <t>0.0</t>
        </is>
      </c>
      <c r="E611" t="inlineStr">
        <is>
          <t>&lt;class 'numpy.ndarray'&gt;</t>
        </is>
      </c>
    </row>
    <row r="612">
      <c r="A612" s="1" t="n">
        <v>610</v>
      </c>
      <c r="B612" t="inlineStr">
        <is>
          <t>Loss/total_loss</t>
        </is>
      </c>
      <c r="C612" t="n">
        <v>6800</v>
      </c>
      <c r="D612" t="inlineStr">
        <is>
          <t>0.7696633</t>
        </is>
      </c>
      <c r="E612" t="inlineStr">
        <is>
          <t>&lt;class 'numpy.ndarray'&gt;</t>
        </is>
      </c>
    </row>
    <row r="613">
      <c r="A613" s="1" t="n">
        <v>611</v>
      </c>
      <c r="B613" t="inlineStr">
        <is>
          <t>learning_rate</t>
        </is>
      </c>
      <c r="C613" t="n">
        <v>6800</v>
      </c>
      <c r="D613" t="inlineStr">
        <is>
          <t>0.039763693</t>
        </is>
      </c>
      <c r="E613" t="inlineStr">
        <is>
          <t>&lt;class 'numpy.ndarray'&gt;</t>
        </is>
      </c>
    </row>
    <row r="614">
      <c r="A614" s="1" t="n">
        <v>612</v>
      </c>
      <c r="B614" t="inlineStr">
        <is>
          <t>train_input_images</t>
        </is>
      </c>
      <c r="C614" t="n">
        <v>6800</v>
      </c>
      <c r="D614" t="inlineStr">
        <is>
          <t>[b'1024' b'1024'
 b'\x89PNG\r\n\x1a\n\x00\x00\x00\rIHDR\x00\x00\x04\x00\x00\x00\x04\x00\x08\x02\x00\x00\x00\xf0\x7f\xbc\xd4\x00\x00 \x00IDATx\x9c\xec\xbdy\xfc\x7fM9\xf8\x7f\xcd]J*I\x0b\x15\x91B\xbe\xd1\xdd\xae\xf8\xb5 \xa5\x905T\xb2D%\x14\xca\x1a*\x91\xbe\x84H\xfa\xa6d+J\xd9\xd2J\xd6P\xcaRi%m\xb8[m\xed\x8a\xba~\x7f\x9cmf\xce\xcc9\xb3\\3s\xcd9\xd7\xf3\xf1\xe9\xee\xf5~\xbd\xce\x99\xb9\xe6\x9a\xeb\xba\xe6\x9a9s\xce\x01\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06GZ\xcb!\x08BK&gt;\x13\x11$\x0e\x08B"\x98@S\x81\xbf\tnG#\tY\x03\x03\x8f\xa7R)"\xc01"\x1e\xe6\xb7eQ\xe0k\x8e\xa1\x13a\x1f&gt;\xc1\xa8\x0egh\xe3\xb9\x19-\xd9\xd7\xd1\x87\x89\xf8\xc4hA@\xf4\xc3\x0232\x9f\xb6S\xf0\xa3\x11\xe1/\x11n\x90\xa6\x84\xc2z\xdb\xcb\xefw\x01\xf8R*9\xb6\x1a\x1b*\x8c\xfb\xa4]5F\x15\xbb[H\xf0\x81\x9e\xea\xc2j\x8c\x940\xcd\x90B\x8cv}L\xe0Y\x8f\xf4\xa9\x02\x86\x7f\xaf\xc6\xf0\xe5\xdd\xad.\x0b\xd0\xaa\xda\xad@\xe0\x89\xde\xd9J\x1d\xbe\x1fQl\xf5\xe8  \x80\xc7\x92\x07k?\x81\x9dG3j\x06\xbc\xaa\x13*cFf \n\\W\x03\xb8\x88\xa2\x9c:\x0c\xe1\x9as\xd0F\x00\x80?\x04\xfc\x9c\x94\x93\xc9\xba\x15\x117\x9d70\x0b\xd7J\xb0\xcf\xd8\x16u\xbb\xfc\xe0x\xbb\x15\xba\x03k\x0b\x8f`1\xfe\x85\n\x01\xa3:K+\xdd\xd5\xfc\xe1G559\xa6d_5Ku\xfa\xcf\xf3\x97O\x00\xb8kx9+\x99w|\xf0\x82\x1d9\x05\xae\xb0\x8d\xace8Ys\xcf\x88\x92\x146\x01\xa5\xce\x9c\xfd\x17Z\'\xce*V)\xa5\x14\xa8\xd1\x9c\xefI$\xcf\xbfR\x94S\r\xa5\xfd\x97\'\n@\xc1\xad\xbd\x12*\xbfK\xd1M\xea\xc6b\xf2\x8d\x18a\xdc\x15\xe3\xc8\xb0/\xdc\xac\x7f\xa7\x1d\x81\xa2\xa5\x87\xeeA\xcfJ=#\xb8\x84\x1f\xd6\xff@\xd4\xdb\x8c\xe6O\x88\x08\x1f\x0c\xde\x9d\x04\xd3\xe5\x98\xcd\xdfG]\x87\x96\xe8\xe1\xd9V\xd6~\xfb\xd9\xa8\xd4\xca\xb4\x86\xec\xff\xcb\x9c\x95\xda\xd9\xbf\xa3\xaa\x1d\xadrvQa\x8b\x93]\x01\x10N\r"\x9e8\xcd\x15j2/\xf2\xf1\x81\xf3R:+\xa2\x15\xe5L\xf9\xf4P3_a\xd3\x16|)\xfbb\xba\xb6\xe9.\xd6\x12\xef&amp;\x00\x7f\x1d\x99~\x06LW\xbci/\xe5T\xc7U\x8dV\xfc\xfe\xd5\x83\xa5oqK\x03C\xbf\xed\xad\x8b\x87\x89\xe7\xbe\x02\xa0\xf4cW*\n\x8a\x1enU\x00\x80\xba\x05\xc0\x9f\xaf\xaeB\x8c\x7f+SW\x1e}\xc6\xf5W\xe3+\x00Q[\xcd\x04?G\xd5!2\xd8\xfcM\\\xbb\xd8\xfc\x9a]\x85(%\xd7\x07\xb6yTk\x01\x8e\x02G\xd7&lt;\x86\xe5\xe3\xbc\x82Z\x0c\x02E)s\xf1\x7f\xb8\x9e\x83\xdao\xf9U8\xab\xf5\x08\xf3a\xf3\xe7\xbb\x01\xfc\xb5\x1a\x04r\x1e\xe9\x08\x90a\x19\xbcR\x9e2\x8b\x1b\xde\xa5\xc6\x9b`\x836\xbb\xcfi\xbdWZ\x80\xf1\x9a\x80\xf1\xcd\x8f\x06\x89\x12\x92\xfd\x83\xa5\x907\xc1tA\xe0b\xf3\xae\xfd\xa1\xf6\xbd\xe1\xccU=\x02\x00&lt;W\xff\xd9\x9a\xcch\x85\xbbS\x08O\xadO\xdb\x16\xa6%=$CL\xc5\xd3\xef\xfc\xb8\x0ew\x1dv\r\xadn\xc3\xef^:\x11\xa2\x10\x81\x0b/\x14S,\xc2\x10\xf7n\xc8\xd1\xd3\xc7\x98\xfcX\xbfl\xe5\xa7.\x9b\xb8k\x9fW\xc7nk\x1c\xea\xbb%t\xb7\x0e\xebvR\xd2\x9ez\x8a]&lt;""&lt;6\\T[*Wyn\x9cE9\x0b\x8fT\x1d\x02 \\\x07\xd7g\xc3\xe5vNw\xcb\xa9W\xea\xfa5\xb9\xb1\xbe\x9f\xe4\xd9q!\xf0\xd4Q\x82\xbd\n\xb1\x14\xd1\xaa\xf4\x97 \xf0\x05\x11\xe0\x05\xad\x85\xe0Lb*\xcc;\xee5\xbf\xceL\x85\x9e\x12\x84\xb7($\x95$\x12\xcb\xaa"T\xda%\x0f\xde(0\xa4\x15Z98\xaf\xa6g5\xdf:\x11\x11\xe0\'b\xb5\xf1h\xd7\x03|\x962\xaf\x84\x00\xaf\nh\xac-\xf6J0\xfb\xfbc\\[&lt;\x1f+\x0b\x95\xdb\x00\xa8\t|\xb2\x81 \x08G\x82d\xc3=\xed\x8d\x04\x8d\xee\x01@t\x04@\xc4\x9c\x87\x9f\x1ce;S!\x12\x9e-\xb3\xb6\xb4_\x07\xbcSX!\x08\x00pc\xc0\x17:~\x1bv\x9fS\r\x82\xeb\x94Z\xcbX\x96\x1f\xfdi\x0cj\xfb\xe0\x95U\xa0s\xdf\xbf\xaf\xb4\xc0\xe4&gt;&amp;\xa12\x8aL\xbd\xdf\x00\xf4\xfe\xb2\x0e\x18\xca\xdc\x96\\\xdf\xb5\xe6,G}\x18\xc0{\xedr\xe4)@]r\x8c\xc5\n\xee\xb8\x1d\xd9=\xd5\x16\x04\xe1\x10\x90d\xa8\xffAQ\xc8D\x9b`\x83nMd\xdd\x18*\xd9\xff\x9ay4A\xc4i\xa7{\xf8\x10c\x1c\xf5I\x00\x00p\xe7\xcd{\x15\x8c\xd5\xe2O@w\xf6?\x1d8\xae\x90\x07I\xb2\x89%\x8dR_\x13[\xc0t\x93\xc3t\'\xac\x1a\x8bU\xca\xf1\xf0\x1c\x15\x97\xc1\xbb6\xe5G\xb4\xda\x99{G\x82\xde?\xfeq\xbbn5\xdd\xc3\xa1\x96+\x1aw\\\xaeoh\xbcW\xbc\xef\x18\x04\\\xfa\x11\n\xa1\xe9\\\x10\x04\xa1\x02\x12m\x0e\x0b"\xc2\x85\x08p\x7f\xf7&gt;\x9c\x80\xcd\xf1\x00\x08\xf0;\xd3\x96\xee\x9dd\xc0\xcc\x19\xa6;p\xf7\xf7\x96\xe4\xb7Ro\x91{\xb3;\x85\x9d\x87\xbcX\xd7\xb5k\xdf\xb5\x17(\xa6\xda\xb9i\xef\x89;\xc7\xeak\xc4\xc7\xb8\xf5\x1f\xb6UiU\xe0\xfa\xb0\xf46:\xdb\x00\x80\x00\x9f\xe7k^f\xe9d\x1c+E\xde1\x02\xa1$\xa2sA\x10\x04\x81\x88y(y\xc8~\x86\xe7-A\x7fw\xac\xebv\xcf\xf9\x93\xb7Xw~\xe9)0\ng\x81\x08_\xd8.\x8d\xb1\xea]\xaaN\x96g.\xc7w\x96s.\xe7\xd5y \xab2\x9d\x07\xe0\xc6\x01\x99\x17\x05P\x7fB\xeeX&gt;\x80RjV\x1f\x87\xbd\xe9\xe8z\x888"r\x90-\x81\xb5iv\xda\x10\xe1\xc4|=\xc0/\xcd\x7f\xb0\n\x17\x82@M\x93\xbd\xef8\xed\xe1\x17\x9f\xea\x88\xa9\xd7\x96\xdb\x01\xcc\xc7\xcc\xbbo\x12X\x92\x02\xff\xd3\xeb\x8d#\xd7\x87\xf9R\xde\xec\x98l\x17\x9c\xfc\xa8~*,\x814\x1f1~\x89\xba\r`\xe8\x99?\x00\xb8\xed*\xcf4\xeb\xf2v\\\x02k\xefv\x167\x1d\xb6\xea\x88\xec{\x00\x94\xf6_\x98\xfb4\xabM\x05p=D\x9c\x97\x849H\xce$t\xc8/9\xbf-\x16:\x86\x15\x9d\xe3x\xfdQ\x90\x1e\xf1\x81w\xcf\xf3\x05f\x83\xb0\x10\x88\x1a7\xb5\xcf/\x946y\xa9\xf3\xa49\xfb\xf7\x94i\x96\xef\xce\x19\x1c\xaf\x11\xa0\xb9\x01\xd8\xde\x9d\x0f`\xfb}\xe5\x1cF\xaf\x8dv\x86|\x1b\xfb\x8b\xad\xab1\xc3\xb4!\xfd~\x1a\xd7\x1d\xce\xce#\x11\x01\xfe\xcc1\xb4\xd2G\x88\x80\x8b\x14|`+\xd8\x0e\x86z\x05\xa1?l\xbb-m\xd2C\xc9\x9f\x8f\xcbNJ\xc6q\xe9,&lt;\x15\xab\xcd\xca\xba\xebk\n_\x90\x01\xa21\xb5\x82\xcc\x0b\xb4\xe0\xf9i\x94\xdbu\xe8\x1c\x07\xb5\x7fvE\x00w&amp;\xaa%\x17;w\x8d?\xf9\xb9\xe6Y\x8e|\xd8\xdc\xaf\xe5Ru\xf0#\xff\x11\xe1uv\x1f\x85\x9d\x9a\xda\xc60%l\xb4M\xa0@\xb4*\xf4\xcd\xd6\x04\x80&gt;*\x01\x00\xfc\xc7\xb8\x1b\xf23KW$\x84R\xa9\x0b\xbc\x93\xbd\xcc\x10ZVr\xb1\xcf\xde\xa9\x96\xfc\x10\xe7ZV\x8aY\x8c\x7f\x88\xb6p\x04\xafT\x08\x8e9F4\xd9\xc3\x90%\xc6*\x13v\xa6\xc7\x8e\x95\xf9 \x1e\xb7\xf4\xf8\xfd\xe3\xce\xccj\xe3\x0e\xbf\xeb\xb9\x11A\xa8\x83\xae\xeaGg\x0fr\xb4\xf0\x91D`E\xf1\xa8\xe4\xabLl\xb2%5\xf4\x8f\xf0\x8e\x12U\x14\xb7Rf\xa1\x9b\t\xedt\x12m\xab5B\x99Q\x13Y@\xc3\xcd\x02\xebw\xc1\xf6z9\xe8\x17u3\x95@\xa1I;\xf5\xbdh\xb9\x13w\xd5\x0c\x9f\x85\xfc\x89\xfbH\x1f\xcb\x94#\xee&lt;O\xed\x14\xfc\xf3\x13\xabT#hL\xaa\xbe&amp;\xea\x7f\xf2\xe8\x82L\x19\x98\xb4B(C\xad\xa8\xb4\xae\xb3BE\xe1\x8c"}=/\xa9:\xa7\x8c2\xf9\x19\x0fo\xa6\xb5\xdb\xac\xee\xf8\x06-&gt;|/\x99hA\xa4\xc4\xa5\xec\xf6FT\x84\x8bz\x1fGY\xa2\xb5zk\x84\xe8:\xf6\xef\xc8Y7\xa4\xd2\xc4{mfu$\xe2\x9ak\xdfN9\xb5\x9d?\xe3g4\xc5\xf0\xa6\xf5\xa0}\x08I\xfd\x01\x10\xe0\xf1\x00\x08\xf0\xb5\x00\xd7-\xde\x83\xff\xe3h\xa4P\x04\x9c67\xaf\xbf7-\xa0\t\x1b\x02\x04\xd9\x06\x8fVT\xe6\xb8\xcdt\xad*\xad\xba\xf8\xff;[w\xeba\xbd\xb50\xc2\x1e)\x96y\x9d"\x92\xf4\x00M\xf4\xc6(\x1f\xa1t\xa2S\xfa\xe6\xba\xc9\xebl\xb2\x96\x10.\x16\x01\xa6o\xeeN!^f\xd3,!\xef\xad-\xcf{Z\x01\x00\x00\x8f\x9e\xaf\x12&lt;M\xcf\xf8\x07I\xde\xe9m\xfe\xd2G!$7*\x83s\xf9L\x03B\xcc}\xb1\x80F}q\x8f\xad}{\x01\xfc\xee\xda\xf4\x85N\xf1\xf5 \x1aV\xfa\x9c\xb6a\xab:-\xcd\xbb\xd9\xba\x00\xc9v\x05\x02Aj0\xf4\xec\xc3[\x8b\xd1\n\nw\xd6}\xa4nXh\x9dE5\xc4\x9d\xfd\xc7\xeb\x81fA}%\x83\xbdX\xde\xbc\x9b\xb6\x05v\xc9\x0f`\xdf,&gt;].{\x01\x02\x00\\q\xe3D=\xfd[J\xdb\xacK8\x10\xc1\xe6n\x9aBk\xf7H\xb0\xc5\x955?\xbe\x84xB\x15\xdc\xbdo\x1a\xf3\x93\x82m\xfb\x18\xe0\x99\xdaK8&amp;u\x92R\x9f\xa5g\xbd\xe4\x9bw\xbbl\xc6\x1az\xce\x8a=\x04\x87\xf0W\x90\xa77G&amp;k\x9a\xc1\xe3\xcc?\x11\xf1a\xb9}\xf4\xea\x8cs\xb7\xe5]\xcb\x0f\x00\x08\xdf\xe3\x14\xd8\x9d\xcd\xaf,\xff\xd1\xebt\xceQ\xd1\x99\xed\xf6\xa8Xf\xe1\xf31\x9f\xe7T\x96V\x97\x04\xee\x99R\xfb\xe5\x1c\xceS\r\xf1\x9f\xe2|\xe1\xa9C\xd5\xf7\x13\xad\x88w\x00i\x14\n)\xa1\x90Q\xfdX\xcc\xc1\x0f) @O\xe4\xc7\xedv\tM\xabA\x87\x1b\xb1z\xb0\xb7\xa6\x04\x9drG{w\xe8\xc6\x0ex\xd7\xae\xa4\xec&gt;J\x8eKk\xf1&gt;\xe0\x11]\x93v;\x0c\xaeNI\x10d\xa79io!@y\xb9`s\xd6\x06\xe1|\x9b\x86\xcfnj\xbf&gt;L\x93#\xb7jD\xa4~\x7f\xc7^m\xf2\xb6\xb5rL\xc1\xe4u\x88\x1f\xbf~\xf3\xa5p4\xe6H@\xe1S!#\x11"\xfd\x0bq\x87&amp;\x88\xa1\x86\x92\xdf\xe9\xd6@V1 \xe3\xd4\xdb\xa7\xef\xeeq\xe4\r\xd4\xc3\xf8\xd2b\xbd\xdf\xfc\xe7"\xc0x\xa4\xc3U\xcd\xbe\xd7\x0e\xf8 \xa0B\xc7\xf7\xe9 b\xd2\x18\xb4\x88\xa8\x96\xff!\xc0b&gt;:J)\x80\x8fB|\xf3t\xac\xbb\xba\xa1\xd0K\x02\xbc?\xaai\x84\xb9\x96\xc0\x13\xcf\x9c\x12\x00&gt;a5\xe1\xf3M@\xdb\x88L\xb7xSi\xc5\xb4\x91\xba"\xe0/a\x18DK8\x02\x7f\x9e\x92\xdf\xd1\xe1\xd6\xb2\xbf\x0c\x96T\xbb\x10\xc3w\xe7F~c\xf0\xaa\x1a\xee~\xa4b]\xcc\x89\xd2\xbc\xb1O}k5\xda\xcaL\\U\xf8\xf3\x96\x8d\x97\x03$\x91\x12+t\xc9\x83\xcf\xb5\xf31B\x93n\x95\xe3\t\xb5\xf0\xe4\xf4\xd3\xae\xb2\x9d\x03\x0fa\x1cE&lt;\xc7[Y\xf9*r8D\x87\nB\x04\xc1\xa3\xfe\xa7F\x0e\xcc\x02K\x0e5xuJR\x9e\x1d\x9e\xdco\x0e\xe8\x1b.Lk\x0f\xd7\x8e&lt;~;\t\t\xdd\xdeCk\xd5\xe1\xa5]@X\xab\xd0\x96\xf9*\xeb\xea\x1b\xf7\xe1e\xa5)\xcc,=b\x84\xb9\xa7\xc2\xfc:\x9abs\xa5\xafo\xa3\x12L\xd8\xf7f\x88\xd5\xbf\x14\x00:h\x8a\xb0\xcd\x1c\xe1\xb8\x84\xbaf\xfcy\xb3\x9a\x15\x80\xbaO^\t\xab\xces\x8c\xdd\xce\x0eV~o\xa75\x88W\xc5\x9e\xe0\xdfz4$&amp;\xee\xd0\xf3\x80\xccZwD\xe2\xe7$2q\'\xc4\xbb\xb0\x1fpK\xf8t\xd8_5\x91\x9c\nG\x8b\xc4\xc0\x04\x81\x10\xd6\x0b\xe7\xc1W\xff\x10\xe1\xbdl[!\x84\xc1\xda\x14+\x82\x08\xbf\xdd\x99\x1e\xb6\x16\xb9K\xae\x82\xb7g\'\'\xb9\xc7t@M\xdb\xb6\xea\xfa\xf5J\xd5\xfe\xf6!;\xb8\x1d\x14\x13\x80\xbe\xf14\xaa\xfbv\t\x02\x1bx;\x94\xf8\xfby\xe8\x7f\xc0"\xa2G\x9b\xf7\xa6\x1c\x1d\xa6%S\xbe\x1e\xbb\xe3\xdf[Ze\x9a\xd9\x0fE\x07\xf7a"5\xe8a\x02\x80s\xed%l\xee\xa8\x13\x1bA\x10\x04A8\x10\xefp~\xdb\xe1\xd8\x8d\x96\xd4\xbe\xa6\x85\xf1\xf9v\xe1G\xde\xc8\x90\xdd\xb0~\xac\xa48\xde\xf47\xe0*[\x055\xba\xaa[\xd7x\x9b\x9c\x89\x81L\x00\x04n\x18v\xf8\x11b\x8a\xcd\xe9q\xb9T\x10NE\x7fY\xef\x03\xf7s\x1b?\xfe\xbb\x9c\x13\x0b&lt;\x0f\x92\xe1\xcd\xc4\xa6\xbf\xae#\xbf\xa9\xb2p\xce\xc3\xe0~I\x1d\xfa\xd3&gt;\x05\x88y\x08\x8d\x10S\xe4\x84\xf4\x82 \x08\xa5@\xfc\xca\xb4P\xef;\xd8(\xad^\xd4\xe2w\xb3\xf0\x16\x83^\xfa\x92\xb9\x08\xba\xcd\xa9Y/[\xb7~\xdbVZ\xeeEZ&gt;\x7f\xd0\xc5\xb3\x8e\xd9\xbbi\xdd\xee\xf7\r\x97\xab\xf6\x820!\x92\x83;\xefl\x93\x1f\x02\xf0?\x00\xc0\xf3Q\x0c\xa7a\xee\x0e\xe9\x85\xe32\xbcj\x8a\xba\x7f\xb1\xea\x8b&amp;\x038X\xe4\xc4N\xdare\x80\xb7\xec\x89\x8a\xd3\xcb\xcb\x08\xdei8\x16\x05U\x1ft\xc5\xee1\xa0\x9b\x13\xa0\x8dGA\x9d\x0b\xc3\xe0\xd4\xc8\xf6\x19\x01\xdf\x14f\x1a\x92c\x97\xe5p\xbcH\x888\xfd_\x01\xe1\x84\xc2 \xc0sZ\xcbP\x1e\x05\xf0\xbfJ)\xf5\xa7\x87H;\xbbw4\xaaNx\xa7\xc4\x9c-\xda\xec\xe2@\x04\xf8\xbfEJ\x05`d\xfb\xbf;\xaa\x96\x8d@\xc9\xe02\x86\xb7\x16e\x17D|K\x80\xda\x95"K\xd7\xa7,\xee\x10#G"r\xdd6\x8a\x08]\xd5\xdb\x9f\xe0\xdd\x9c3L\xed\xecov/xm\x95\xe7\xae\xa2X\xd3\x04\xc1\xc7\xb7\x1f\xd1\xfczi\xcb\xc1\xd4\xde\x17\x15\xc6\x14o\xd5\xf4%R\xb4\x85:\x0eT~Rd)\xba\x1a\xa6\x93\xcd`\xcej\xfa\x80\xd7\x15\x00}\x93HC1zaY\xf8\xdf\xf4\xa8\xaa\xb1y\'\x99_}\xa5v\xae\xea\x88\x1d\x08=\xf0\xd3\x07\\\xbb\xb9Gk\x01B\x91+\xc3\xcdh\x97\xea\x14\xa9xp\xe1\xbc\x1d\x1d\xc3\xe3\xefh\xe4\x01\x80\xc9\xbc\x8fe\xe1\xdc\xc7\xf5a\'N\xac\x94S\xa6\xd5O_\xf1\x9a\x00,\x9a\xe3n\x1f\xbc@\x98_\x88\xbb?\xb7VE\xf7\xc5F\x97\xbc-\xed\xad\xe2%\xed\xc7\xf9\x84c1]\xd0:J\xf0zLk\x01\x04\xeeh\xb7\xa2\xd1\xef\xc6\xd9\xac\x17\x01\xe0\x96\xf4\xc5\xe6\xbfU\xfd\x91\x00\x00W%\x11\xe7\xc0\xb0_,QJE\xa6\xc7\xa8{C\\e\x1d\\\x12\xa9\xc5_\xf4q\x85\x88\x1b\xce\xcd0\xc6\x01\x00Oo&amp;\xca\xce\xa6\x1d\xca2K\xb7N\x10\xdc\xcc\x16x\x1c#|Ok\x01\x04\xf6\x0c6\x7fQU\x9b\xdf\x0b\xf5\xc9\xc2\xd0$\x1e2\x0c\xf9\x98:\xee\x90\xfa\xc9\xd9\xa9\x85\x00\xbfD,N\xc7\x88\xff\xa4\xc2!\x1b.1\x01\x08/\xb6h\xd3\xce\xc4\x8d[\x0b\xd0\x1bb\x81\x82P\x85\xediv\xba\x1bn\xa4\xa7\xe2\xd74\xe0\xd7\x89&amp;\x85=\xc4D\xf2h:\xcf\x0eJ\xd3\x9f\x9e\x90\xb2\xcb\x04 \x8d\xd45\x89\xc3.\xd5\x08\x81H\xef\x0b\xbd1\x0f\x04\xf1c\x81o\x10\x99\xbe\x14w\xd0I\x1dV&gt;Q\xd4(\x08\x07\xe6\xa6\x9b\t\xfa\x12^cc\xb4L\x00R\xb8c\xfa\xa6\x14\x19\xf3N\x8e\xf4\xbe\x8eh\xa3\x072&amp;\x00\xd3\xf32\xd0\xfeJF\x16\x8bd\x85\xc8TJ\x10\x8e\xcfV\x82\xfe(\xfaB9O\x00\xae\xde\\$\x96j\x11\x84n\xe0\x1a[\x845_\x95\xd9Y\xf6\xbds\xda\xc8"\x060\x90&lt;\xbf\xeaw6U\xa1\xf7\xbb\xd3\x89 \xf8)\x90\xa0\x87d\xff\xe2Ek\x8et[\xaa T\xe7\xc1\xe9\x19\x8fP\x9d\xccQ\xe0\x99FQ\xccW\x97\xda\x90|\xb7\xeb\xa4\xc6\xce4Y&lt;\xbb\xe8P\'\x82\xb0\x07\xfd\n\xfdv\xf6/.T\x8c\xa7\xca\x10X\x94o\x95\xb9+gdq\xa1#H\xbai\xceqe\x02`q\x8bI3\x1f\x97pr\x9fj\x9cz\xff~Xf2 \xe1E8&amp;\xa4\xd9\xbf\xb3D\x89\xce5 \x9e\xbf\x01\xdc\x88H\xb0\x83 \xd3W\xee \x02&lt;\xa5\xb5\x10B\x08\x84\x13\x80/\x90\t\xc0\x8a\x13&gt;\x1cb\xec\xfd\xeb\x14\xca7\xc4\xb4\x84\xa3\xc2`\x02 \xae\x95\x0bU\x0f\xcaP\xea\x03O7\xa6\nB\x17\xbcX\xa2\x96\t\xc2\x87\x9fM\x0fQ\xf9FJ\xf9tEE\xc3\xedM\xc0\xc2a)\xf8\xfaa\xef\x8b\x05\x07?m\x1e\xb0\xfe\xb0\xb5\x00\xbc\xe0\xfe\x12\xc8\xea(\xa5D+\x0c\x90$O\xb0\xb8^k\x01\xb8\xa1\xe0\x1dg\x8bT\xbe\xc4\xe5\xcdT\xe5\x13\x95\xb3\x83k\x0e#\xe1N(\r\xb5\x9dEL\xc7y\xec\xac8\x80\xa7\x91\xacy\xc8B\x9a\xc0\x191N\xc6 \xc0\x9d\xdbT,W\x00\x82xE\xefc\xdc68\xe6\x12]f\xcf\xeeK\x18b\xd2B\x87tg\xc4]\x08)\x08gG\x9c\x94/\xafExX\xcd\xde\x91\x9b\x80c9\x8fr\x10y,,\xee\xb2\x91\xf7\x8bI\x0b=\xe2\xb4\xe0\xeb\xb7\x96j\x87\x93y\xdayZJ\x88(\x8d\x03\xd2\x0b\\A\xfc\xb4Z!t\x19Y\xec\x15\xdf\x13\xf3\x11}\xa4\xbc\xc2\xc0*GB\xc7\xb7b\xd5BG\xb8m\xba\x0b\xfa\x926\x97S5V\x10\x84\xd2T\x8d\xf9\xf3\x10\xf3Gcz\x84p\x83\x93\xc74&gt;\xc9"\x07\x19\xb8\x13\x95)\x9d\xed~\x0e\xa1S\x8c\xf8S\xf4~b!\x97\xa1\xab\xa4\x8f\x04A\xc8f\x0e\xfdu\xc2\xbeV\x1dH\x82\x040jDA\xe3\x90^\xd9\x0c\xfaEO\x95vmX\x9e\x02$p hf\xaf\x00\x94\x12\xffg\xcf3\xc7+\x8e\xad\xe5pr\xf2\xc5&lt;a\x0b\x1e\xcb\x9c\xfdR@{\xd5{\xe4\xc1\x00\x00\xf0\x1e\x00\xc9\xfeG\xd4\xf0\x942\x16\xd9?\x9c\xd4IS\x9a\x1c\xf2p\xb9\xd3\x988"\xc8\x84\x9e/8w\r"6_l\x10r9\xe0E\x00\x94\xe8qtp2[\xe9\xe8h\n-\xd06Z\xf7\x1d*=\x9b\x19\x94\x0cqSG\xa6\xf5\xa3\x95\xf4\xb7\xb88\xd3\x8bI\xc4\xc9y\x92+\x00\xc3\xed&lt;\xf0\x963\xce\x1d\xbb\x80\xbf_\t1\x1c\xf0\xb9\xf6Gk\x8f`1f\xff\xad\xc5\x10\xd64\x9a\x91\x9d\xe9ja\xd1M\xfeF\xd9\xb9\xd5\xb40\x86\x1e\xee:\x1cE&lt;\xe0\xd0K\x80\xdc\xf5,4\x00\x11~\xad[\x93\x13\x7f\x11\xce\x05\xc2\x83\xc4\xe0\x05\xe3&gt;J-\xef\x13\xdbH\xc4\xb8\'5mL\xb9f\xde\xe9\x99\xb0\xc8\x1e\xbdS\x10y\xaa\xcf&gt;\xa2 \xa1:McV6y\xfeR\xb9\xc9\xfc\xd7g\x04A\xe8\x02\xf3!*\xd3\xb3\x80\x10\x11~\xab]\x90yW\xa1\x10W\xa1E\x11\x0f\xa5\xe1\t\xf58\x9e\xa0\x84-\xed%O\x00\xce\x96\x0f\x9f\xab\xb5BsN&lt;\xed&lt;a\x93\xcf\x80t\xebi9O\xd7\xaf\'\x008m\x91i\xa6\x84\x87\x14\xa8\xbd\xd6\xd8dM\x00z\x84V\xf9\xa5&amp;\x00I\x92\x08\x82P\x8ay\xfc\x10\x04A\xe8\x97\xf3\x04\xb1)\xef\x1f\x92\xaaW2\xd9\x02\xd4\xef\x04@\xcfP\xcfcE\xc4dw\x96h^\x10\x04A\x10\x84h\xce\x93@\xe8\x9b=X\xe5\xac\xf4\x13\x80\x8a\xdbS\xf9\xa8\xf1t\xc8\xecK\x10\x84&amp;\xf4z\x0b\x84\xc9-Z\x0b \x08B\x1d\x8e\x11\xb2B8I3\x8fF\xd2\x9e\x1f\xda\xdb\x18\xda \x93\x18A\xe8\x8b~\xf7}\n\x82p6\xf0\x97e\xb9T`L\xde-\xbf\xdd[\xf5\x11\xda \x08\x87\xc3\xbag\xce\xf8\x89\xb6"\x89\x00\x82 \x14\xa2\xe7{U\xa38C\x1b\x0f\xc9\xab\xfa\xbf\xa9Z\x10\x84\xe3\xb0~hF\xd9\x9az\xbf\x94)\x08\x02O\xce\x92W\x9d\xa1\x8d\x87\xe4\xe2\xc6S\x95\x1e\xe1\xefG{\xeb\xbf\xeb\xc8^\xdf\x196\xb8\xa8\xbc\xb3\xdd\x87\xe8G\xa8\xc6&lt;^V\xb0\xb7\x9au\t\x82P\x9e\xc1\xa3\xb9\xb8\xf39\x86N\x1c_\x1a\xcbF\xedB\x08\xbe\xa9\xe9\xda\\\xf5#\x95\xbf\xa3/ \x12\xac\r\xa7\x98\xa9\x0b\x02c~\xbdnF&gt;Tr\xf0\xd1Y\x10\xce\x83\xec\xe9k\x89\xa8\xfe\x08X\x99\xf0*1&gt;\xdcx)[\xa0\x02\x10\xe5\x08\xa5\x91\xcd\x88\x82 $\x83_\x82\x08\xf0M\xad\xc5\xd0\xc17\x1c?\x9a\xc9\x0bj\xba\x047\xf1\x1d\xb4Q`\xaf3\x03\xf3\x02G\xaf\xad\x10\x84\xae\xd16\xe4\xc0\x14L\xb0\xcf\xa8\xc2k\x1f\x82 \x9c\x03\xf1;A\x08"d\x95M)\xc7V\xff\x8d\x0c\xb9\xef-@\xc2q\x90\x05\x89\xfe\xd0\xfbK\xad&gt;tG\xbf\x92\x0bB\xa7(\xf1;A\xa0"\xf6\xdaU\xaf\x13\x00sJ#\x89c\xff(\x19\t\xfab\x7f=Bv\x07\t\x9d\x10\xb2\xfa f,\x08\xc2\xa1\xe8u\x02\xa0\'\x8b\x88\xb1w\x03\xcbb\xb3 \xa4ce\xf5\xbdo\xc1\x93I\x8a\xb0^}x\xb4\xf5\x10=Y\x9e\x10\x04\xe1Xt\x1c\xd4\xd6\x83v\xe0\xcd\x00\xe7x\xce\x97 \x14\xc2\xcc\xfeak\x06\x80\x88\xdb\x07p@\x02\x82`\xa3\xd9\xb8\x18\xc6)\x91\x89\x9f\xc0\x8b\xb4e\xaa\x8dg\x80B\xcfW\x00@\x8d\xb4\x96C\x10\xceDT\x14RJ1\xcf\xfe\x81\xfb\xf4D\x88\x85\xe0j\x8e\\\x10\x12\x00\x06;\x10[\xa8\x8c(\x9c\x96\xad\xe1\xad\xe3\t\xc0D\xf4\xe8\xadd\xc8\x17\x04*\x8e\xe0J\xb2\x90p\x1c\x90"i\x9b\xcdA\x0c\xe3\xbc\xa0\xe4\xff\xe4\x84hS&lt;\xae\x1e\x17o-\x00\x01*\xd6I\xe5\x05x\x82\x90\x8d\x02q%\x81\x17\xe3Ur\x82G\xd1J\xe6\x7fb\x8c\xa7\x8c7\x94\xe3X "\x80\x02\x94\xf5W&gt;ty\x05\xc0~\xb4\x88\x82\xbb\xc9\xa2\xbe Ta\xf03\xa56\x1e\xdc\xf4;U\x05:\x17\xb2 \x19@\xc4X0?\xa8J\x14+\x00\x0c\x06a|!\x89\x05\r\xfa+c\x84:\x1cR\xd7\xd6\xb3\x05\xe5Q\x83\x82P\x0b\xc4\x9d\x9b\x00\x06g\x14\x7f,\x84(v\x9fG\x87\x1f\xaa=\xa9\xb6\x82be\x9a\xd1\x01\xe6+TS\xfaK\xa6\x94B\t\xb6_\x03\xec\xa4\xb5\xc8\x85\xd0\x1bv\xf0\xa6\n\x02\'\xf6\x06\xb6\xa3\x87\x1e\xe1x\xa0\xe7s\xd1\x8a\x04\xa6d\xe7O\xd3\xb9\x12\x03\x0b\xf2\xc4\xd6\x024 &gt;\xfb\xdf\xb7\xc0\x1e\xef\x01@\xe3\xc2\x86\x02\xd9T\xd6\r(]\xd59a\xdd\'\x9d,\xf4C5c\x15\xaf\xe8\x89\xb4 6\xa7\xfd\x04\xf7\xa1\x1c\x87K\x01\xbc\x97\xae4Q\xad\x97\xed\x87~\xae\xe9\xf0\x1e\x00\x04\xab\x85\xb1m\xb6\xca:&lt;L.G\x1ewY\xf8\xa0\xcdJB)\xa5\xd4_I\x80\x16\xfaD\xec\xf6\xec\x0cw\x7f\'\'\x15j\xf5\xe1\xe4 "\xe2{d\x94\xcc\'\xec\xb9\x04bw\x06\xfe+q\xa7\xd9\xab\xc0\xa4\x99L\xc4\xa0\x85\xa8Q,fh\x82 \x8c+\x15\x87\x8bTB5\xc27`\x9c\x00\xf2\rQ\xa8\xfd;\x1f\xdb{~\x9evJ\x9d\xec\xe1VJ\xde&gt;\xbf\xbe\xe0\xe3-L\xc4 \x83\xc4\x84\x0e1`\x9c\xc7\x9b\x98 \xaa.B\xd4\x0eZA\x106(\x90e!\xc0\xcd\xce\xec\x9b\x99\x9b\xfe\x8fE\xb8a\xad\x8e\x94|\xa5\t\xaf=\x96\xce)\xac\xe8\x08\xa9\xb3\x19\x86\x84\n`\xbb\xc5\xb0#\x0f6\xb3\x19\xff"\xe5\x9a\xa5p\x00\x0ek\xf3\xe5\xa0NL\xbfr\xf7)\x14\x87G\xb2\xff$\xd6\xd1\x1c\x11\xe0\x7fZ\x88rn\x0e\x96 R8\x1e\xf6\xbf\xe5@&amp;\x00\xd5\xc1\x8fh\x17\xfa\x0f&lt;\xde\xc8\x80J\xcd=[\x0b@\x83\x047\x1eH\x17l\xcc\x01\x06\x9e\x19^\xd4y\xee\x188\xed\x9d\xe3\x89\r\x1f\xecI\xde\x87)\x841\xc6\x9f\x8c;\xf2\x85H\xa6\x90/N\xba\xc7\x15\x11\xdf6\xdf\xda\xb9\x0b"\x86\x1f\x9c\xc7\x19F\xa5#\xb4q\xce\xae\xc4\xd7\x04\x0el\xcfE\xc3\xad\xb4\xc3\xa7\x00%rR\xbf}*B\xaf\x93\xe6\xab\xc8"\\G(\xa5$\xfb\xaf\x8b8G(o\x83\x18m\xcd\xa6\\\x98\x93\xf4\xdf\x01\x02\x82\xbc\xc4V\xe0\x85\x92\xcd+B\x08\xfd^\xcb&gt;\xc0\xc6\x18A(\x898H8\xdc\xc2\xa0\xfeXt\xe9Gx\x1d\xc7q\n\x87\xae\x19\xf7W\x9c\xbe\x8f\x04f\xf8\xb6\x02\x89\xa1\n3b\rB}\xae.V\'\x9c\x86\xbc\xe4U\xc6l~\x89\x8b\xdcd)\x14\xe2\xd5\xb4\xc5e\xce\x01z|\x13\xb0\x10\x83\\\xb6\x14\xea2E\x1f\xecg\xbf\xec\x11\xb6)\x0b5\x19\xee\x13X\x86\xd9\xbcW\x9c\xff,\x81D\x02\x19\xce\xf4\t\x11\x94\x92@!$\x83P\xc0\x8a\x94R\xeet\x1f\xf3B\x92pV\xea,\xc6 \xc0\x15\x0bW!\xb4\x81\xdfz\xde&amp;\x97\xc7\xcf\xe8ET\x81\x07r\xd9\x9d\x16n\n\xf4n\xad\xe0$\xa4\xd0!\x08?Q\xc2\x84\xfc\xe6*\x16\xdb3M:o\x8et\x8foQ\xbbp\x00\xba\xb9b\xde\xf9\xc5\xfd~%\xef\x18O^\x18\xdd\x112&lt;\xf3\xc5\x9b\xfdK\x7f1\xe4\xec\x9d\xb21_\xdd\x9d\xc4\xca5\x02\x1dD\x94\xe7|\x01\x00\x02\x1eq\xef\xd0\xb5\x10\xfe\x89I\xa3\xe4Rr{\xe6P(./\x04\xb2^\x03N{\xf2\x95f{)\xa7\x0b\x85\xc1a\x0c\xb4\x90@\xc1\x92\xb3\x0f\xa69\x17\xa6zW\x1cm\xdf\xcb\x04\xe0\xd0 \x02\x8b\xe1\x16\xa7\xedy\xcd%9/z\xd0\x14\x97\x17\x021\xcc\x06\xd2WI\xc4\xfcx\xe3\x98\x00H79\xf8_\xc4\x8b\xc9X\xd6\x9e\xe49\xc0\x01\xde\x03\xf0\xfdtE\x89\x8b\xeb\x1c\xee\xca\x1a\x9b\xeeU\xf3\x7f\xce@\x1f\xfb\x1c\xeet@\x83\xf7\xb0\xba\x10|\x96\x86gc*\x8a,\x9e|\'Q9\x02\x15\xea\xbf\xf4?\x94d\xff\x0e\x10\x11/6|\x14\xe54F\xccs\x9bg\xb4\x16\xa0;\x8e\xbd?\xf5\xd8\xad\xe3\x06\x89\xaaoDQ\xc8\xc2jO\xe4S\xbb\xca\x83\xb3\x0cxh\xf5\x8f\xcd%\xc8\xe6\xe606\xb6\xd2\xe6\x14%\xcag\x89\xf4\xce6\x04^ \xd0\x12{3\xc0i\xba\xef,\xed\x14\xc2\x18M\xff\xcfZ\xcbq\x06\xa2\\/\xd3Oc\xd3\xe2.\xe7\x81\xd9\x89\xe3\xfa\xf4\xfe\x94\xd0\x04\xd2\xb1S&amp;\x00\xc2i\x11\x83\xaf\x81L\x00\x04Ah@\x93\x103V\xf7]\x1c\x83\x1a\x92=\xf2ES\xecW&amp;\x16(Ig2\x84V\xfd\xa72\x06\x0b\xe7\xa4\x1b\x9b\xefEN\x1f2\x01\x10\x04\xa1.\rC\x0c]\x9eM\xc2\xb2\xc4N\x97s\x93\xac\x1c\x13\xaa\x88\x8f\xb6\xeb s\'\xa1\t\x07\xb2\xba\x8fD\xb8\xa7\xf8Q-d\x02 \x08B\x18\xb9\tt\xeb\x10\x83\x87\xdb\xd1n\xe5\xfa\xf9\xd9?\x00\\\x8a@\xae\x91\xe3)\xdc\x07\x02\xfcIk\x19\x04\xe1\x00\x10.\x88\x08\x82 \xf0\xa2\xdf\xd0\x96\x9b\xb2\xe7M\x00\xd6\x07#\x00\xc2\x051Y\xe6P\xa9\xacmT\xe2\x0c\xda\x9e,\xf9\xe0\xcd\x14B\x10\x1b\xb0@\xc0\xd8U\x00\x84;\x8a\x1a\x85l\xb6\x16\xc3d\x8ayX\xd8w\xebym\x8f|\xf9\x1f\xa3\xd3\xaf\x07H\xbaV\x91\xe3_G\xd6\x8c\xf9\xe0-\x15\xf6\xf8&gt;\x84G\x9e6\xb6\xbby#\xc1\x8eDAHa#\xcf@D\x84\x8b\x89E\x9e\x16\xe9\xfa\xda\x18y?Y\xaa\x84\xf0\xe0\xe8\xe9\x84v|\xae\x18$mY\x849\xda0y\xf8\xec\xdf\xb4\xea\xf7\x1e\xac\xfb\x844\xf0\xf3d68#sc\xa1\x19[\xc3\xbcX\xe4\xd9\x18{\\\x16$\xeaC\xba\xea\xef+\x18\x01~\xbc\xa60T\x13\ts^t$\xb3\xfc\x97c5\xc7\x81aKW\xcaz\xf7\x82$I\x87\xa1@\xa0\x13\x84\x06\xc8\x0b\xc4\x84\x830Dd5\xa5$\xf2\xeeF\x17\x88X\xe4\xcd\xed\xfapH\xacy\xad\xe8\xc0\x92\x89\x84Y\x8a\xc9\xd4\x98\x95+\x94\xd0\xff\x11@Dvnkt]\xa6-1k\x9a\xd0\x92q\xb4\x92P 4\xe5\x82\xd6\x02\x08\x02\rJ\x81R\x00\n\x94\xbc\x19\xdb\xcd\xd3\xb5l\xa6\x9f\xe5\xab)o\n\xed\xd3\x1b\xb0k\x9a%9\xe9\xd2\xe17\x12\x96\xd5\x16v\xddf\x92\x97\xbe+\xc9\xfe\x05\r\xe6\xc6.\x0cH7\t\x89\x88\xe9T\x05\x11\xff\x16\x11\xe0\xdd\xad\x05a\x0e\x1a\xb7\xd5\x12\x96K\xb9\xff\x07\x7f&gt;\xb5\x1cs\xf3O\xa60zQ\x17\xcb+\xca\xbe9\xfa\n$\x8a*\xb2\xe7\xaa!\x0c\x1b\xf2\x0bQ\xb6Ddx\xc2\xd1!\x8bQBQ\xa4w\x04\xa1\x07\x8e\x95\t\x95\xa6D\xe2HX`\xea\xb8H?\xac""&gt;\x86\xa2]\xb8\x02\xe0\xa9\xb9\x85\xfe\x03\xf3\t@\x94`\x9fTJ\x8aLb\xf6\xee\x8f\xdd\xc1\xb7G\x04\x16\xd0-R\x08\x82 \x9c\x1e\t\xa610O\x1c\x13\xf9\x8c"+\xe2Dv\xb5\x9e\x01\x10]-\xa1($\xa6\xbe%\xc7\x95L\xd7\xe6\x90n%\x90\xf3\xe7\x0c\xaf\xdd=\x98\x99&lt;\x82 t\x8f\xc4\x14v\\|I\xe0j\xb3])\xd9B{~9%(3\x01\xa8\xcd\x01\x9aP\x12Q\x88\x10\x06\xb1\xef\xdc9s\xa9B\xdcY\x10\x04Z\xbeM\x16\xe6\xf9\xc1\xf1a\x94tv\xc2}\x183\xb2\xe7=Q\x19\xee\x130\xb3\x7fF\x82\x15\xe0\x93\xb5W\x9c\xbe\xb9\xb50\xc2)\t\xf4\xb5\xec\tyH8\x12\x84\xfe\x90\xa9m;\xf8d\t\x1cd\xe0\x03\x93N\xd1\xe1&amp;O!\xd6\x17\x01\xbc\r\xe7\xb9\xd0~\x9eD\xe1LS\x1d\x81%\xb7\xb2,p\xeb\xf2)\xb7@!\x08\xf4,\xfe\xf0\xd9\xb1Of\x10\x9a\xb0\xab\xf9\xa0\xa5P\x81\x9a:\n\xf7\xbb\xde)\xbcr\xd5@;\xff\xdf\xb2|\x9e\x13\x80\xd3\x80\xa2\x7f\xa1-\xab@!v(\x10\xd3\xd9\xc3\x89\xe7X\xac \xf8\xc1\xe0\xc8\xf0\xfd2)\xe0\x11_\x1d\xb2t\xe8\xb1\xda%\xc0b\xb1\xben\xc5c\xf7\xb8\xab\xf9v2\xb9c\xf6\xc3\xd1\xfd\xc7\xae\x1eI\x19k\x04\x81\x8e\xf5\xccSFI\x81\x96n_\x04\x16\xee\x05\x07\xc8\xfd\x8f\xcb\xdc5\xb2\xcav&lt;\xd4\xce\xeb\x8fh\xfd\x92\xa9\x01\x99\xa3\xf8\xd2d\xa5\x86\xc8\xb4\xa9\x84\xf1\xe5v\x0c\x99\x97\xc6\xaf\xd1Z\x92R\x18]%T\x85\xa9/WF\xccN\x10,\xd2v\x8c|_\x11YN\n\xf1\x8e\x9d\xe0]\xb69\x95\xca\x88R\x81\xb6JF\x80\xe7\xb7\x16\xc0\xf8\xb3\xfa\x06\x92J\x9b\x04\xce\xb39^\xf6\xff\xb4\xe1\xe8v\x15C\xe8\x8e\xc1\xea\xf0\x91D\x10\x84Z4\x1a\x143\x87\x84\x93F\xab\xbfd4`\x1c\x9c\xb5_TN\x91\xfd\x8eI\xfcb\x84Z\x9b\xe3\xc5tO\xcb\x1f\xb5\x16\x80\x11I\x13\x00\xf1\x1dA\xd0\x91E\x85\x0e\x91\xfb\xf0rx\xb1\xa8\xae\x1a\xae\x15\xf1\'#\x02|\xb0\xa2\x10\xb7w|Gm\x03\xbfRi1RW\xa6\x18\xb0p^\xeeg\xcc\xb8\xc5\x17\x04!\x91\xafh-\x80\x10\x85\x04\xbe,Du\xf5`\xba%f\x92\xea\xd3\x08\xa5jr\xf5O\x10N\x0b\xdb]@\x82pB\xd8\r\xf3\xbd#OB,\x82\xa8\xce\x876\x94\x92)\x07\x11\xe1b\xbcT-\x06\x90G\x8ey|\x14\xa5 \xc2\x99A\x1b\xb92&amp;P!7\x9a\xa7q\xf0\'\x18\xb2a\xc9^\xe4aNI\x88\xa1:\xd0s\xe2C?Y\xef\x92\x00\xff}\xdc\xd6U \xc5}\x10Q\x9e\x1c*\xac\xb0li\x08A!FbO\xe1\xa7\x90\x85\x80\x80\x07\x8f`BY\xc4nzD\x0b%\xa7xR\xb8d\xb1t\x8c\x06\x03\xf3\xd0qB\xcc\t\xc0I\x95\xd0\x96\xb9\x0b\xb2\xf5\x1f\x9eH\x91\xe3\x8bK\rE\x12\xd8\x92&lt;\x01\x18\x0f\xd6\xd6\xc2\x86\x13\x9b\xaf\x8e\xc9\xb8\xdc=\xdd\xbe\x07\xe0\xd4h^W\xf2I\xe1Q[\x08Jn\x80\x96(C\xc6\xeb\xc6\xc1\xc4\xd7U\xe7\xba\xac,\x86\xd5\x043\xa4d\x99\xdc\xb4)\xba\x95\xdd\xbe\xca\xb5Sh\xef\xf5\x0e\xc2\x19Q\xab?#^f4\x1f\xbc\xac\xf7\x9b\x8f\x1c\xcb\x93-\x9ew\x9ck\xa48*\x12\xa7\x04\x0f\xda(\xbd{\x91\x91n=O(\xcf\xd4[\xeb\xceB\xc43\xf4\xa0\\\x01h\x88\xb5\xa0\xa0\xde\x01p\xb9\xb4.\xc0y\x1e\xdbz\xcb\x8d,\x85\n\xd51\x06\xe8\xfa\xe6\'6\x9f\x032\xb9\x02/W\x00\x0472\xc1?*\xbf\xeb\xff\x89ADj\x85\xd8{#\x12\xb3\x7f@\xfd*Vc\xc3=\xaf\xdb\x08\xcdPJ=\t\x94\xbaD\xa3%\x0c\xb1\xf9d\x10\xbdW\xe0k#\xbd\x082\x97\xf5\x80\x88\xf3\xc0z\x0c\xfdHG\x03\x8c\xcb\xfcpfU\xb8\xae\x00\x88m\xd4"\xe6\xd2bH)e\x8d\xf9\x147Y\t\x82P\r.\xcb\xff\x82p"\xe4!\xca\x13_\xdbZ\x80\xc6\xac\x1e\xa8\'t\xc8\xc3\x10\x9eW\xa1\xd5\x12\x08\xec\x00\x00 \x00IDAT\x07\xc5H\x04A8&amp;2\x0b)\x81\xac&amp;\xb2\x04\x11\xce\xbd\xf2-\x0ch\xb7\xac\x80\xd8\x83 \x08\x82pB\x98\xdf\x03\xd0\xe1\xea\x0b\x9f\xed]\x82\x85\x92\xa7s\x08\x00\x077\x82\xc7\xf5\x173\x05/\xd2\x95\xc2\x9a:V\xd1a\xf6%\x1c\x8a\xdbW\xb8L\x7f)\xea\xf2\xc5g\x04\x81=\xd7=\xe4~0y\xf5\xaf \x90\xc0\xd5\x89\x1c{\x17K\x88*\x91\xe4\x14\xf0^\x0b\xab\xf1\xa0+\xb9!\x83\x15\xb2{J\x10L\x82\xefC\x95\xa7\xf1\n\xc2q\xb1^\x076\xbc\r\x00\x0b\xbc\x0cxu\x87\xbd\xec\x9e=(\xac\xb7\x00\xa1\xef/\xda\x89\xa9X5#\xa43\x04\xc1 &lt;\xd8\r\xce\xa3\xd4g\x95\x12E\x10\x84&amp;\xe0\xea\x19\x16\xda\x0b\xf0J\xbc\x0bO\x01\xa8\x9bY5\x8d\xb5\x01|1m]\x82\xe0\x00M\xf4_\x9a\xc9$\x08\xc2yxr_\xa1\x06\x01n\xd0Z\x06A\x10\x88A\x17\xfa\x0f\xc5\x92\xa2\x87\x8do\xdbF\xd4\x85x\x8d\xec\x0e\x12J\xe3\x9f\x00\x08\x82 \x08\x82 \x9c\x80!\x05\xfa\x80\x9e\x0e\xcd\x19Q\x9d\xbbu\x8d\t\xc0C$\x1f\x13* \xd9\x7f\xd7 \xe2/J\xdf\t\x82 \x08B&gt;\x8d3"\x1cw#\xc9.\x0c\xa1\x18\x7f\xd7Z\x00\x81\n\x89\x14\x82 \x08\x82 \x08\xdd0\xdcr\xd2${{o\xc5\xba\x0e\xf94\xc0\xb6H\xd2/\x08B\x14AAC\xae\x06\x0bD\xc4\xad\xa3k;\x11\xdeVT,A\xa8\xc9\xd6CW\x06\xf7\xe8\xf0\x89r1\x8f\x92,\xf2\x14\xad^\x90gn\n\x82\xd0\x1c\x9c\x9et\xba\x1d\x8e\xe6\xc3@\x02\x97\x90\x83\xf6\xc0\\\xd8\xb5%k\x9e\xd0aF$\x08n\xb6\x1e\x03\xaa\xee\xd9\xe5\xf3\xf1=\x8f\xc4\xf2\xac0)\xa5N\xfb\x82\xd8QQ\x08\x80?*\xbb\xfa\x04Ah\x83\x02\x00\xf5\xd6\xfd\xc3\x94:g\xa4\x16hy\x8a\xf69\xc1\xa0d\xa0\x14\x0e\xc2\xa6\xf5\x1f\xf0\xed\x0f\xb2\xe6m\x81\xc6\xc7\x1e\'|\x1d\x80\x88\xb2n$\x08\xa5\x91\xf0.\x041\xedn\x80\x10\x83\xb1\xaf\x00\x00\xf3\x81\xf2\x92\x00\xefk-\x83\xd0\x07\x9c\xedX\xa8\x8c\x0c\x9fE\x88\x1al\x04AHE"\x98\x10\xc8\x90\xd3\x07Z\x8b1\x05\x90\xa5\x1cA\x10\x04!\x88\xc2/j\x11\x84\x1c\xc42\x05\xe1\xc0\xc8}\xf3\x82\x97\xad{\x00\x04\xc1&amp;"\x91}TYI\xfaA\x8dKF\xc9\xebF\x12\xbe\x85b\xbc\xb4\xb5\x00B"\xce\xfb\xdc\xa4;\x05\x1b\x1e\x17,N\xb2\xd0\xf0m\xad\x05\x10\x84R \xbc\xf0\x0c&gt;\xcc\nY\xbf\x11\x04\xc1\x06q\xfd\x00\xeb\x93\xe4X\xf9\x88\x96V\x94\xbdF\xbd~{\xb1 \x08\x82\xb0\xc3\x17J\xd0\x14Z\xf0bF\x86\'s\xe0\x15\x8c_\x89\xc0S*a\x8b\xd2\xd99cs\x15\x8e\x82L1\x0b\xf30\xd2\xd2\x86\x15\xac\x97\x90\x96)\x08\xfc\xe9$F\xb1\x19\xb0\xbf\x88\x8d$|\xe0\xba\xa4\xcaS*A\x10\x0e\xcb\x0f\r\xd9\xa4\x84\x9e\x8e\xd0\xde\xad(\x08\x0c)e\x99\x12\xa6\x04\n\x98\xbe\xc3^B:K\xa4S\x84\xc3\x82\xf0V\x99\x00T\xe0\xeb\x08\xcb\x92\t\x80pN\\\xbb\xb7\x05\x1f\xa2\xa8\rD9B\x10\x92\x1a\tN\x0e\xf1\x14 \x04\xbc\xd2h\xddG\x19Xy\xba\xebU[\x0b \x08\xdd\xa3\xbe\x80\xed\x8b\x84\xb8\xc5\x1cd\'\x11kDY!\xf0\x1c[Kp\xcd\xe9\x03\x02\x00\\\xb9\x9d \x02Wx\x8eCq\xd8/\xea\xab7\xb8"\xe9\xdbs\xe7\xb7\xd8\x8c\r\x9a\n&gt;B\x1f\xb9\x18\xde\x8f\x0b\xc7m\xa0 \x089D\xbd\xad\xe9\x9c\x0c\xa3\xc6&lt;d\x88\xaev@\xc4\xd3\x0c:SF\x81\x88\x1d\xbc\xc0Xh\xc0\x11\xae\x00dXu\xd6J\x809\xef(\xb0\xa8p\xf0\xa5\x8a\xe1\xf9\xf8\x12\x92\x04Ap"\xf1!\x8c#\x0f\x13\xc4\xe4\xbd\x92\xa5/\xa6f\xfe\xb7\xf1Wu\xc4:\x85\x15\xd4\xfb\xbf\xd7\x0f\x9a\xfdn\xba\xc2\xbd\x95\x96*vl\xc8\xc1g\x00\x82 \x08B6r?U%&amp;=_\xae\xb5 q4\xb5\rIc\x84\x15\xdd\x07\xac\x8d\xbbj\xa8\x9a&amp;7\x0b\nB\x1f\xc8 \'\xb4E\xcc/\x10\x04\xf8\xda\xf4\x93\x97gW|\x18\xa1L\x82 \xf4\xc4\xc6\x04\x86\xee\xf96\x9d\xcf\x91\x04A(\x02""&lt;\xf6\x1c\xc1\xe1Cer%P\x91;4\x8f\xa7\xcb\xb8,\x08\xe7f\xe7\n\x00\xc9\x04@F&gt;A\x10,\xba\xbf|\x1a\x03"\xc2\xd3\xcf\xd2\xd8&gt;\xe8\xf6\x89\xdb\x14ks\x1d5\xfc\x1f\xce\x13%\x844Nr7\xcc\x19\x99\x9d\xff\xc4\x8f\x86X\x02\xe0i\x9e\xfc p\x06)\x8c\x10\x11O\xf5L\x0fy\x16\x10/\xba\x1dY\xf4\xe1`W\xf2\x03X\xdd\xff\x00^\xfc4QBH\x81\xdfS\x80\xe69\xfa/\xc8\xe45\x1ds\xea\x8f\xab\x0f\xd1\xe5eIC\xc9\x86$\x1d\xad\xcd\x08\xe7\x01\x9d\x1fsP\xea&lt;\xd9?\xc8\xb3\x80\x04\n\xe2W\xc3?\x06:\x1fP&gt;\xe4LQB8\x04hR\xb3\xe6\x8au\x95\xc6\xd2!\xba\x9e\x92\x14W\x16\x1b\xfd\xf8\xc4p\x1a\x0cj\x8fTJ+V\x10\x845\xf7f\xec2l\x05;\x08\x1d\xee@\xb3\xd2\x8am\xe1\x11\x10\xe1\x9a\x81\x03GMB\x84a%\xb0\xc0\x1dv\x13D\xcb9k\xed\xdc@\xc4\xee.h\xfa1\x95\xa8\x94\xf6\xa6\x18\x88^;$\xbe\xe0;\xbd\xfd+\xea\x9c\x00\x1b\xc8\xdc\x17q\x80\x0b\xbe9\xd0\xbe\xd2N868y$K\x83I\x890G`\x08\xd4\xc7\x19\xc5\x08Y\xa5\xfc\xfe\xbcb\x1a(\x1503\xf2\x90\x14\xe5\xe4\xa3\x98\x10\rC[\xb1\x9dU"Z,\xabI\xd4\xac\xc0\x94-\xc8\xb4\x13\x00\x8c{\x11\xe3\x1c\x8e\xc5\x06\x04\x81\x03\xa8\xa5\x19\xe2\x95\x8c\x98&amp;\x00 \xfd\xb2f\xbd\xea\xef\x1dS\xa6\x95\xa4\xf5\x0f\xc3y\xb4\x82Ep\xd6\x99\xadP\x0e~\xf7\x00\x98\x0e&amp;\xf6\x9e\x80RKpS\xb9\xea\x9c\xb2\xffL\x99\xe2j\x1c+%\xba\xce&lt;]\xf6\xed\xec\xb2\xb5 \xb0d\xbc\x03\xa1NH\x10\x9f\re\xea\x12\x193\xf3P7s\xea\xb0\xfd\x00"\x1d+P\xc3\xd4\xa6\xba}\xce\xc0\x01\xa1\xbe\xb2\xbc{\x15b\\h\xd1\xd7lrj\xd7\xcb\xb94\xc0{\xc4\xa2\x04\xa1\x07d\x14\x10\xc8p\xec\x02J\xd9\n+\xa6(\x1c\t\xb1\xe63\xd3\xe4\x9af\xe86$c\x02\x00\xe9;\xd4\xfd\x1b\xa2\x04A\xe0\x8bL\x00\x04R\xb2\x9e\n\x8d\x88\xad\x9f\xbd\x9b?^\xb7\xde\xc5\xd4\x12\x92G0\x1f\r\x86[\x80Z\x11r\xcb\xff\xb7\xd5\x10\xa4\x1am\xaei\xa68!\xce\xffI;u\xe7\x1b\x92b\x05A\xa0d\xc8\xb5Zd\xff\xe2\xdd\x87Dy&gt;\x87\x9d\xbc\xf3\xec\xdd\xb26\xa3mbM\x7f\x96wv\t\xbd\xd2\xdfc\xab\x84\xda \xc2\xe7\x05&lt;,\xf2\x16\xfaS\xbd{\xdfY\xce\xed1g\x06\xf6\x83\xdb\x12\xf4\xac\xec\xa7\xbf!\xe2_\xd1\xf4\x17_\xbd\t\x82\x90\x0e\xaf\xa7\x1e\x0b\x84\xa4?\x0b;\xa4\\\x80k\x8c\x7f_\x8b\xb8\xfc;\xacF\xb1\xf8\xd1\x10\x977,\x9d\xce\xb6{\xcf\xd3NC\xd3\x07\x0c\x07=-^{\x90\xb0\xfeY(\x82\x1d\xf5\xf2N\x97\xfe\x12\x84M~\xb1\xb5\x00\xed\x91\\\xe1\x88\x94\x1d\xaf\xcdb\xe9\xab \x1a\xc5\xa6\x13o\'\xe6-p\x84\xcd\x0cu\x10\xe3\xb3\x1d\xbbG$\xa1\xac\x8b\xa5\xe7\xf4\xa8\'\xfd%\x08\x82pV\xb0\xe0\xd4\xce\x18\x9bjL\x00\xa6\xeab\xc7D\x86o7+\xc4\x19\xdaH\x00\xaf\xbb"\x90\xc7\x93\x8cg\x07^o?\xd5}\xbb\xb9\x9c\xe7\x00\x93_a\xa6\x171u\xd6\x99\xef\x82\x12\x04A\x10JC|\xbf\xe9zF!\xb7\xc5\xef!\xb7\xfc\x06q\xf1\xd6\x02\x18\xf07keL-\xb9K{\x08\x94R\xb9Y\xbbfW\xd2e\x82 \x08B\x08iC\x8f\x8c2m\xf9p\x80\xefo-C\x1f\xc8S\x80"\x11\xd7n@\xb5\xb7\x0e\xf9@\xf8\n\x1c\xaf\xb7\x9e\xe5\x12\xaa\xd0\x1e\xd9\xb1&amp;\x08\xad\xc0e\xd3P[\x1f\\-\xff7\x91\xa2\'\xde\x0ep\x9b\xd62\x08\xdd\xb2\xb7\xe3\x1c\xe5\xb1R\xbc!\xef\x9dq(\x18\r\xe3\xcf\xa5\xeb\x85\x1a\xa0\x96\x83\x08\x82P\x116\xf7\x8c9o;$[\x87j\xdd:\xe1\xa0tlX,\xdc^H\xa4L\xe0\xc6\xe9\n@\xcf\x86-\xf4\x05\x97\x14D\x08\x05\x9f&amp;\x9du\x10\x98\xb8\x9e+\xfd\xa7Z\x17\xb8\t""\xfcQ\xf36\n\x02+\x1e\x8d\x00Wi-\x84\x90\x82\xebQ\t\x82P\x94\xf8gr\x07\x1e\'f\xdc\x19\x08O\x95\xce\xea\x9a\xc9\xdd\xda\xfb\x9d7\xf5\'\x0b\x0b\x12^\x04A8\x12e\xae\x93\x0e|1]Q\xc2\x91\x90\x114\x13\xd9\xe6t\x0c\x0e\xd0\x89\\\x9a\xe0_\xf5\xe7"\xa1\xe0G\xbaI\x10\x9a\xf0\xe4J\x97n\x19\\\x1d\x16\x84H\x9a%\x10N\x97\xc4\xe5\'\xf1\xa6\xee\x91\xa4\x87\x12=\xe9\xe7\xb1\x19I\x08\xe6\xf7\xa5\xb3\x84f\xc8hZ\x01\xb9x*t\xc7\xbd\xe1\xcem,v\xc8`\xfe\x8f\xc4%A\x88@\xfcE\x10\x84(d\xb5\xa0\x0e\x0f\x94\t\x80 \x04!73\x08\x82\xd0\x1b\x12\xafv\xb8\xaf\xe8\x88\x1d\x07\x1fh\x0f\xdc4\xe1\xc0\x9c\xdane\x0f\x83 \x08\x9d\xb1&lt;\xfaOp3\x84\xf5\xaf\x8f8Z\x86\x81\xe2\x88\x86\x05\xa1\x02\xe1\x8f\xe3\x90]y\x82 \x08\x1d\x81\x7fp\xf0\xb5T\x80\xca/\x95\x1b\xb2\x7f\xa5\xe4Mv\x82 t\x8d\xb1\x94!1M\x10N\x0c\xf6\xfc~\xde!\x90\xf5+\xbf\x90\xce\x055+SJ\x85\x8d\x94\x07\x9fu\t\x89\xfc\x97\xec$\x168 \x172\xe3\x10}\t\xc7\x05\x19\x8cH\x19O\n\x92\x11\xf5\xc4T\x9d\x00\x04\xd3n2z\xe4\xfc\xb2\xf7v!^n\xf8\xbf\xd6\x82\x08\'\xe7\xbe\xad\x05\xe8\x8a)/\x11\xbfe\xcb\xc7\xb4\x16\xa0k\x14\xb4\xbe\x00\x981&amp;\x0e\xbb2\xe8D\x11\x84&gt;\xc9|\xe0.\x02|\n\xb1D\xc4t&gt;\x00\xdfS\x7f\t\xa2 4c\xf5JNa\x03\xba\x17\x97\nE\x18nP\xb9\xc4\xdeQ\xd2}|\xc9\x88Er{\x92 \x0cPz\x11\x89S\xb5\xf2\xcc\x1b3\r\n\x92r\t\x0c\x90\t@8\xa2\xa5\x030\xbf\x91\xaa\xb5 \x82\x9b\xb1\x83n/\x1d$\x08\x19\xa4\x8cU\x8e\xf5\xad\xce\x07&lt;\x1e\xe1^\xf2\x06\x81%\x92\xfd\xc7\x80\x88\x88\xbf \x8a\xea\x19\x99\x00pGb\xd1\x82\x9d\x8c5\x13\xa4\x07.\xdeZ\x00^$&lt;\xcd\xe3\xfd\xd3\xa9z1\xe35\x81\xd6[\x03\xd3\xb8\xb0\xb5\x00\x06\xdd\xaaQ8&lt;b\x98\xfb\xc8\x03\x92\x0e\x83\xf4$[\xc4\xcbl\x10\x96mk(\xea\xf1!z\xc9\xc7\xf1\x14-DT\xca\xfe\xb2\x1f\x10q;\xa4\xd4x\xea\x19\xce\xb7\'\x89\xf7\n\xbc@@1\xcbs"\xcfL\x14\xceIG\x8f:\x1d\x9f\xcb4/\xfe\xcb\x04@\x10\xe8\x91\xdb\xfb\x04A8\r\xc36\x98G\xb6\x16C\x10\x1c\x14\x1e\x8b;\x1a\xe5\x07?\x95]\x9a\xfb\xc8\xc4H\xc8\x00\x11C\xa6\xd7\x83\x13\xca,\\\x10\x84n\x19\xafIv|iW8.S\xaa\xab\xb4\xff\t\xc26r\x0f\x80\x90A\xcc{\xdd\x12\x02\xd24\xe2J,\x13\x04\x81\x07\x1dm\x85\x10N\x88d\xffB0&lt;_\x04&amp;\xc4\xc2z\x1fNZ\x02/\x17\xef\x04A\xe0\xc3\x10\xc6\xcc\xdd\xc5\x82\xc0\x83\xe1\xca\x94z\xe0*\xfb\x0f\xd8\t#\x8fx\xa2\x87\xa1&gt;\x11\xe0\x11\xade`K\xdf&gt;\xc0_\xf8h\xf1\xe4I\x8b\x82 \xf0b\x1c&amp;$(\t}\x10\xf2\xcc\xe2;\xb7O~\x8e\xe4P\xaf\xea(u\x91KE\x13\xe3&gt;u\x10\x9dp`v\x1e\x96O\x01\xc2\xe9\xd9\xa4\xdc\x04\x13\x04A\x10\x84\t-\x0f\xe5\xba\x99\x16\xa7mu&lt;\xc5\x8bC\xcf\xfb\xb9*|\x912p\x0b\x10\x02\xfc]Ai8\xa0\xd4!\xcc\xefp\xf0\xeb\x94\x1e&amp;\xf6\x82 \x08\xc2\xe9)\x93\x83\xbe\x94\xf0\x01\x80\xc3C;\x0f7\xaa\xb2\xcd\xfe\xa3\xafM "\xdc\xffp\xfdC\xcf9UT\xe66\x92\x80\x8bhh\\\x8e\xaf\xa7\xfc^\xae\xee\tq\xc8\xd6\x0eA\x10\x0eG\x89\x179S\x0f\x82T\xb1\xb7P\x00?\xd4\xb8\xf0\xf1\xb3=H\x1aC\xc7\xfeN;!\x8e\xbd\xec_\xb4-\x10\x12\xf0R\x0b\x99!\x08\x82\xd0\x15\x85\x06\xca\xe</t>
        </is>
      </c>
      <c r="E614" t="inlineStr">
        <is>
          <t>&lt;class 'numpy.ndarray'&gt;</t>
        </is>
      </c>
    </row>
    <row r="615">
      <c r="A615" s="1" t="n">
        <v>613</v>
      </c>
      <c r="B615" t="inlineStr">
        <is>
          <t>steps_per_sec</t>
        </is>
      </c>
      <c r="C615" t="n">
        <v>6900</v>
      </c>
      <c r="D615" t="inlineStr">
        <is>
          <t>2.6380053</t>
        </is>
      </c>
      <c r="E615" t="inlineStr">
        <is>
          <t>&lt;class 'numpy.ndarray'&gt;</t>
        </is>
      </c>
    </row>
    <row r="616">
      <c r="A616" s="1" t="n">
        <v>614</v>
      </c>
      <c r="B616" t="inlineStr">
        <is>
          <t>Loss/RPNLoss/localization_loss</t>
        </is>
      </c>
      <c r="C616" t="n">
        <v>6900</v>
      </c>
      <c r="D616" t="inlineStr">
        <is>
          <t>0.09429338</t>
        </is>
      </c>
      <c r="E616" t="inlineStr">
        <is>
          <t>&lt;class 'numpy.ndarray'&gt;</t>
        </is>
      </c>
    </row>
    <row r="617">
      <c r="A617" s="1" t="n">
        <v>615</v>
      </c>
      <c r="B617" t="inlineStr">
        <is>
          <t>Loss/RPNLoss/objectness_loss</t>
        </is>
      </c>
      <c r="C617" t="n">
        <v>6900</v>
      </c>
      <c r="D617" t="inlineStr">
        <is>
          <t>0.021556215</t>
        </is>
      </c>
      <c r="E617" t="inlineStr">
        <is>
          <t>&lt;class 'numpy.ndarray'&gt;</t>
        </is>
      </c>
    </row>
    <row r="618">
      <c r="A618" s="1" t="n">
        <v>616</v>
      </c>
      <c r="B618" t="inlineStr">
        <is>
          <t>Loss/BoxClassifierLoss/localization_loss</t>
        </is>
      </c>
      <c r="C618" t="n">
        <v>6900</v>
      </c>
      <c r="D618" t="inlineStr">
        <is>
          <t>0.24647573</t>
        </is>
      </c>
      <c r="E618" t="inlineStr">
        <is>
          <t>&lt;class 'numpy.ndarray'&gt;</t>
        </is>
      </c>
    </row>
    <row r="619">
      <c r="A619" s="1" t="n">
        <v>617</v>
      </c>
      <c r="B619" t="inlineStr">
        <is>
          <t>Loss/BoxClassifierLoss/classification_loss</t>
        </is>
      </c>
      <c r="C619" t="n">
        <v>6900</v>
      </c>
      <c r="D619" t="inlineStr">
        <is>
          <t>0.079219</t>
        </is>
      </c>
      <c r="E619" t="inlineStr">
        <is>
          <t>&lt;class 'numpy.ndarray'&gt;</t>
        </is>
      </c>
    </row>
    <row r="620">
      <c r="A620" s="1" t="n">
        <v>618</v>
      </c>
      <c r="B620" t="inlineStr">
        <is>
          <t>Loss/regularization_loss</t>
        </is>
      </c>
      <c r="C620" t="n">
        <v>6900</v>
      </c>
      <c r="D620" t="inlineStr">
        <is>
          <t>0.0</t>
        </is>
      </c>
      <c r="E620" t="inlineStr">
        <is>
          <t>&lt;class 'numpy.ndarray'&gt;</t>
        </is>
      </c>
    </row>
    <row r="621">
      <c r="A621" s="1" t="n">
        <v>619</v>
      </c>
      <c r="B621" t="inlineStr">
        <is>
          <t>Loss/total_loss</t>
        </is>
      </c>
      <c r="C621" t="n">
        <v>6900</v>
      </c>
      <c r="D621" t="inlineStr">
        <is>
          <t>0.44154435</t>
        </is>
      </c>
      <c r="E621" t="inlineStr">
        <is>
          <t>&lt;class 'numpy.ndarray'&gt;</t>
        </is>
      </c>
    </row>
    <row r="622">
      <c r="A622" s="1" t="n">
        <v>620</v>
      </c>
      <c r="B622" t="inlineStr">
        <is>
          <t>learning_rate</t>
        </is>
      </c>
      <c r="C622" t="n">
        <v>6900</v>
      </c>
      <c r="D622" t="inlineStr">
        <is>
          <t>0.039753765</t>
        </is>
      </c>
      <c r="E622" t="inlineStr">
        <is>
          <t>&lt;class 'numpy.ndarray'&gt;</t>
        </is>
      </c>
    </row>
    <row r="623">
      <c r="A623" s="1" t="n">
        <v>621</v>
      </c>
      <c r="B623" t="inlineStr">
        <is>
          <t>train_input_images</t>
        </is>
      </c>
      <c r="C623" t="n">
        <v>6900</v>
      </c>
      <c r="D623" t="inlineStr">
        <is>
          <t>[b'1024' b'1024'
 b'\x89PNG\r\n\x1a\n\x00\x00\x00\rIHDR\x00\x00\x04\x00\x00\x00\x04\x00\x08\x02\x00\x00\x00\xf0\x7f\xbc\xd4\x00\x00 \x00IDATx\x9c\xec\xbdy\xfc\x7f\xdbT?\xbe\xf65\x0f\x19\xa2\xccQ\x84\x92D\xa6\x8c\xb9\xe6\xe1\x9a\xcaX\xca\x90\x8c\xd55&amp;cE\xa6B\x88\x84\x10\r\xa4o\xdc2\x13}\x8d\x99\x89HJf\xbad\xfa\x19\xbe\xc6\xf5\xfb\xe3\x9c\xb3\xcf\x1e\xd6Z{\xad=\x9c\xd7y\x7f\xdc\xf5\xb8&gt;^\xefs\xd6^\xeb\xb9\xc6=\x9c\xd7\x00\x90\x10" \x02`z}O\x848\x14\x1e\x02"\x06N\x90\xd5aL\xfe\x82r\x08&lt;9\x19\xae\x83(\x92R\x88\x85\xfa\xa4D\'\x84\x93\x84\xab\xb5`(a+#L\xc2\xad\x0c\x842LU\x8e\xca\xb5\xd7\xa8\x10\xc6&amp;\xfc\xdd\xd3Or%\xa1%u&gt;\x04\xaa\x8f\x0f\xaf_\xa4sE&lt;,u\x91\xff\xf3\x84~JH\xccY\\t\x0e\x17\x12#w\x1dC\xcf\x82H\x82\x00[\xd7+\x9a\x12f\x1a\xf2\x02"+\xaa\xa4Q\xd9e\x1cP\x1e%2P\xa1\x89]\x84\xb9V\x8b\x8d\x05JU\xcftAY\x9d\xc6\xed\xfd1\x93\x9e\xc7r\xe2!"\x9c}\xd7\x0b\x1bx\xeejN\xe61\xed\xc4\xd4HD\x98H\x87\x9f\xa4\x8axU=v\xa23\x90n\xccI\xd5\xaf\x8eG\x03=\xbd\x8f\xd5\xd1\x12T0\x04\x11\x1f\x1e]\'\x92\'\x19\xb8\xdc\xfd\xedT\x90\xe8\xa9L\xad\x89\x7f[Z\xb0\xcd\xff\x9aF\x05\xb9[\xce\xe0\xb40\xc0o\xa2T\xf0\xa2h\xf5\xd8\x00\xc0W\xcb\xcb&gt;\xa5\x16-\x8d\xcf\x81\xc0\xbdR%(\xe5\x00&lt;H\xbc\x9b/\x82\x0bK\xf94\x01\x98!\x94d\x11\xa8}+n\xcc%\x19\xa4E\x9f5(\xb5k,\xc2\xc0\xf8\x8a\x18\x94\x11t\xfe\x91\xc2CBD\x84s\x92}\\;\x1c\x83\x9e\xf3\xb4\xccKwe\xb3\xee\xf1J\x7f"+!\xa3\xd3\xb5\x9f)\xacq\x17\xb1\xc9\x98\xf9\x04+*\x16\x87\xf0&lt;R\xd1\x85B\x84+*\x0f\x1b\x88\x00O\x1d(\xd4\x8an\x16"\x08\x94\xa3@\x8e;\xe4\xaa\xb4L\xcbN\xe6@P\x11\xf1G\x99\xd5d\xec\xe4\x1bI"\xd4Y\xda;\x93#\x10\x00W\xd6\xb0i\xd2\xb2\x98u\xb1s\xfaZ$\xa77\xa1\xb1\x989\xb4\xa8R\t\xa5P\x86\x19\xdcL+*m\x80\xd7a\xd6\x92;w\x9b+ROV\x0c2H\xb0*Rbi\x19\xae\xf1X\x85\xa5\x82\x14\xbd\xba\xb5\x11C\xb01X$\xf8?{\xbb\x14\x00\x10\xe0Yu\x03[\xc1\xdc\xb0\xd2\xc3\x15\xd9[\n=q\xea\x99\xe5\x00\xb5\'\xec\x92-J\x1b\xcc+\xce\xb2h\xb2w\x0b\xea\x0c\x92\x13Y\x92c)\xdd\xf3\xad\xeb\xd1\xd2C\x9e\xe1\x0b\x973L:\x93\x04\xc8\xfd#\'\x80\xd6\x03\xbaa:\xc1\x9c\xf0\xdco\x1b\xcd\xaa\x0b$\x0c/\xbc\xd8\xe4\x90\x92\xf0@H\xabQ\x05\xcf\xea\x02\x1d^o\xc4\xb3c\xaa\xf0\xb66\x93URj\xd8\x10\xe0UF\xcc\xb4l\xd3\xbaB`\x00D\x80+G\t|bM\x06\xb6\xd0P\xe1\x84\x1a\xdaw\xdb\xda\xdcB\x05CHz:\x1eWoH\xe8\x877\xd5\x0f\xaeZB\xc5\xc3\x8b\x12L\xcc\xcd\xf4\xe2\x82Q\x1a$\x8f$\xf3\xcd\x1e)c\xa2R\'1\xbb\xcc\xf6\x12\xbd\x18\xe0\xd7\r\x11\x1fU\xd7\xdcA\xa6f\xa8D\xc4Z\x9cd\xebI\x89dz\xd19__U+\xf3\x96\x92\xf9\x82.\x86D\x1bW\x99H\x8b\x8a\xda9\x87\x8c\xa4B\x94e\xd8\xa2\x07\xe8e\x90b\xf5_vq\xb5\xb1\xb5\x03E\xa1\x02\xaaV\xc0\x84\'\xea\x812\x025\xf2S\x9e\x99-|\xbd\x1f2\x9cW\x8a\xccVo\xe7\xfe\x89\xafZ\x82X\xc2\xb6J\xbe\x14\xa6})\xe7\xa9\xda\xcc\x08:\x13[\x94\x9b\xc6&amp;\xb6^\xa0\xc7vWQ\x07\x99\t\x88\x88p\xa5^\x98\xd8\x89G\x93s\xf9(\xca\x10\xd6\xba\x96$\xcb}r\x95\xaa\xe3|\xe5\x90\x13\x03~\x9c\xca\xd5\x90\x19\x08_[\x86++\xd9\xda"\xb33r\xdb\xf0\x0c\x00\x91r&amp;\x99UY\x94\x9c\x98\xf6\xebA&amp;"\xba!c\x05\x8d\xed\xcf\'_\xdd[\xfb\xa6\xa08\x1b\xfb\xd8\x9b\xc1\xae\x88E\x8e\x0eqzZ\x8d\x08\x9f\x0e\x00\xb7g\x8b\x11\x87\xdc\xb50\xae\x85\x92\xd5t\xa2Veo4\x9e\x05\xc7\x10\xc0\x95*umM\xb4\xc7*\x86SNP01\xda\xe7\x8b,\xf3\x9d\x1aL\xeeI\x146\xc2\xf0\x8e**\xa5\x9cLl_\x99\xad&gt;\xd5\xb8\x186Tu\xb9V\x0f(\xc8\xd4%\xb4\x9c:\xebr\x91\x91X\xc2\xc3\xc2z\xc3\xbe\xe5\xc8\x15\xb1\x98\x1a\xa6$*S\n\x0e4\xa8\xf6&lt;\x7f3&amp;Ozx\x80$\xa7T\x0f\x0e\x00\xdc\xe4,\x07\x00\xcey`\x00\xe0\x9cK\x07, Cf+\xe5\xb1\xc9\x15Q&amp;\x04\xda\xcd\xaaI\x81\xebuDd,"\x12I\xaf=w\xac\x0e*\x14#\xc8\x04\xa8p+f\x99@\x19&lt;\x89\x88\xce\xb9`xe\x02\x84\x18H\x92%\x93#\xcdAq\x8f\x05\xb8\x7f\x90Q`rEgBD\xda\x04D\xec\xec\xe7\xc4RD\xac\xb5=\xad\xc7&lt;\xf1&lt;\x87\xf3i\xcd\xe8Z\xc6\xfa\x8a\x8c\x11R\xddqD\xc8Bge\xf2\x05O\n\xede\xe2\xa1{\xd7b\xf5\xa3\x00\x1e\xd8\x0f\xf8\x8a\x8d\xea\xb4p\xc8&lt;\xefC\x98\'\t\xc1\xc4\xf7\x97%\x04R\x0bZ8Y-\xdc\xe0=x\x98\xe9\x90\xe0\x81UML\x055U\x86G\xfd-j \x8b\xf0\xa9\'\xac\x05\xa6\x98\xa3\x95\rs\xedN!\xff\xb2(2\x18!\xca\x9f\x9c\x1c\xe8\xba\x8a\xfcn\x82\x80\xb3\x0f\x8cX\xea*VQ \x91\x04\x0b\x98\x8c9\xf3\xaab\x11\xa8Pc3!A83\x16U\\\x0c\xe0?\x9a\xa6`I\xb8\x7f\xdd6\xcbG"\x9d\x83\xe3T\xcc\xce\xd7\x94s\xce\x85\xa55]\xc8d\x07\xaf\xfdY\x88\x1d"q)\x92\x83\xe4\'\xd1+W\xff\xb7\xf1\xfb\xab\xf0\xe3\xbf\xe1\xbek\xb6\x82\xb1\xc4-d\xd0\x19\x0c\x9e\xfe\xcf6H3@\xc0$\xc3\xfd\xd34h\x86\x08\xba\xc0\x9e\xe6|\xad\xf4iU\xca\xc5\x8agA\xf7\xf7\xbb \xaa\xd5\x8e&gt;\x19\x8a\xe9\x96\x9c?\x9d{M\x93\xe0tj\xf4\xff,\xf7s\x9e\xe5:\xed\x01\x7fV\x91\x8c\xca\xe3\x12^\xc1\xf5"\xcd\xbf$\xed\x14\x8ce~\xba-Q\x9bAA\xf6o\xca\xf1z?\xba\x95{\t\x11\xce\xbf\xacR\xa2\xcb\xeb\xa3\to\x0b\xa1\xeb\x84\xf5j\xe3\xea?%wn\xe0\x8a\x94nu\xc2\xc9\xdf\xdeh\xf2\xee\x0c\xb9\x06\xb0\xf7\x087\xdaM=\x81(\x96\x88\xb8\x0f\x89\x8f=S~\xf62oEg\x87^5\x11Gw\x1f\x7f;\x93\xd6\xd8\xc3\xdb\xeb\x0f#\x08\xd1\xcc\xb5\xdep\xf3\\\xe1\x1c&lt;r\x10\x8e\x15\x10\xf6\x8e`&amp;\xec\x8d\x812\xe2\xe8\xd7\xbb\xc0\x00\x03\x8b\xcfB\x03\xd7\xf2i\xbf\xb0\xca\xf75\x941\xf7o\xd7Q\xe6\'\x8dN\xb1\xb4p\xfa\x85\xd6\xa0\xd5?\xdfo\x9b\xf2\xcf\xb9\xff\x1cu\x00\x81"\x85\x8cub\xfcmzI\xb24\xbe\x8e\x98\x11\xf1?\x08\xfc\x05Q\xa6[\x1bS\xd1K\x1e\xea\x15\x10\xe15\x07\xc7\x9c\xe7@\x01\x8f\x10J\x93\xd2e\x8d+,s\xb9\x81\xbd\xe9\xc7\xead\x16\xaal\xfe?\xc9\xbd\xec\x07\x9d\xf9X\x90n\xc7\xe4\x06\xcd\x97\x0f\x14\x9c\xd9\x1a\xe2Zz?\xab\x8e\xb5\xa2\x84;\xb9\x98\x87\xa6\x1du*?\x97y\xad\x90\xe1\xce\xc2\xf0-\x9c\\K\t\xce7IP\xb9p\x11\xfe\xa7\x18\x10\x15s\r/a\x1c-*~\x9e\x00lA\xd2c\xbf\x97\xe8\xeam8\x12-\x88m\xd7U0\xd8\x94\xe8\xb3\x19N\xf0di&amp;\x84I\x9fH\xa6\xc4\x0by(\xa7\x15%$Y\xc7\xb2)\x80W\xb7\x9d&lt;\xc9\xfd\xd8\x17\x02 \xc0W\x16\x0c\xff\xa3\x96y\x00b\xcc\xefSJ\x95;\x00\x14\xdf\x0f\x80\x88\xe7\x05\xf84\xa7\xd2=\x02\xe0!\x13\xdb\xb7\x01N\xcbo\x9b\xbc\xb5\x93\xaa\xe5 \xb6\xfc&lt;\xb7\xe2\xa1\x98\x9cX]\x1e\xbb\x84*:=\xc7iE"\xbf\xd1"!\xb5Wq\xe8;.\x160\xe5Gr\xdc-\x9d\xf3\xa7\xe5\xa9i\x08\xab:\x18\xde\xdf9E8\x1a\x8d\tf\xff\xd0?\xbd\x1e\xfba-7\x8c\xdek\xe1\xaf\xcb\r\xca9\xe2\xcd\'\x1c\xa7\x80\xdak\x0e\x859\xf7F\xc4\xab\x88\xc3\xeb\xe9V\x88\xcf_\x15A\xe2\xe1\xb0\xbe\xf8\x14*\x98\x9e\xbd\xc3\xc1M\x7f\xb4\xbe\x1f#\xc6@\xe5\x06r\x9dVN\x86\xbe\x14\xf8\x90z\xe3\x87j(,\x12\xbe\x0cp6-\xf7:\xca\t\x0ck\x14\xd0\xfaV\x10\xef^\xd3\xa8z\xd2\x14\xe3\xd8\xf9(\xf3\xe0\xa1\xde\xfeT\x9c\xf8J\xe3\xd62\x14\xe5 \xa2YE\xf4\xcc\x89\x89\x14\xd9~\xf3\xeb\xb4\x82\xda\xe5G&lt;\x10\x14F\xe5\x05\xd8\x14\xeb\x86\xb6\x83\xf1\x8c\x00\x0b\xf8\xe4\xfaF\xa9\xa8\xee`\xf9\xa0\x95\xa2\xb7\xd1\x82~.x\x12\xc0\xa9\x01\xeenQ-\x83b\xdb\t"\xe2\xf2)S\x9a\xe0=\xb80fB\xc43\xe9&gt;\xe8y\xd8\x81v|\xfd\x80\x83\n\xe3\x16v\x14\x15\x91\x04;fr\x03\xdd\xaa\xda\xbes\xb5\xc2\x10\xd3\xcf&gt;\xb8\xe2\xb8(S\xba\x9c\x17\xc2%\xd5\xa2X\xd9\x10\xc5\x88\xe0\t\xffZx\xa4\x82\xe5\xbc\xc4\xbbN03\x8c2\xcd\xc6\xc9\x97\x999\xdc\xb0\xb8WT\xd7\xbd\xee$x^)J\xc9\xf3\xbe\xa2\xbd\x9c\xbb\xba\x1d\xa3\xbe#\xf5L\x04\x03\xd9[\xe7\x1e\xd9\xc7\xf2\xc0\xc9\x99\xc0\x8d\xd5\x0c)\x86\x80\x96\xd9j\xfej\xdah\n\xddX*\x10\x12R\x17\x9c\xb9\xf7\x0e3\x0fjR\x88\x1c\xe5\xbdT\xcc\x81&lt;{k\xe8I\x86\x9c4\x19a\x87T\xa9\x88\x19u\x1bcF\t\xa2\x00\xfe)L\xdd\x82\x9c5\xeb\xcc\xae\xeb@U\x1a\x99\x1c(e )\xc8\x8c\xb8\x88\x8ae8\x87\xf8]ik\x16vh+\xf4.\xa2BPem\xd4i9\x1cek2\xcd\x98n\xba\xa5\xbe\xa0\x1a\xae\x04\x13k1\xeb\xa5\xf3\x96\xe1]_^\x03\xa3\xca\xfc\xb9\\\x08\xfe\x14o\xc2\xc2\xf3x\x1b\xb0`\xcb\x1a\xcb\x89\xffL\x99%\x99\xb1\x9f\x89[2esdt\xfdM+\x1b\xa7\x9c\x13\xabB.\x83\x84\x8eK\xe7\xd8\xed98\xd5*\xa7l&amp;q\x1d\xbbu*Zx\xee\xcc\xf9?\xc4\xb7\xa5\x9e\x1c\xd1\xcd\xb2\x90\xc5+0\x93\xa0r\xb8\xd9\x14*0Y\xad"\xd56\n\xa9Rtj?o\xd2QN\xde\xfe\xd7+\xc4\x88p\x1f\xf4\xaf73\xbf\x0b1\x19\x82\x00W\xcd\xfcCdo/\xa5\xe4\xddj\xf92\xdd"\x98Y\xac\xb6\x141\xa3\xba\x90o\xb4\xf0\xdfD8gQ\xba\xe2\xf4[\xe7[\x02\xaf&amp;\x1f&gt;\x91\xa7\xdc*\xef\x1c\x06ij\xceU\xd9\xf55\x1b\xdc\xb2\x9c,\xde\x86\xf0\x17\xa1^\xa9\xce\xad\x94\xa8\x1e\xb5\xb4\xf7\x8e\x16\xd9\xb8\xed1\x0cf\xb4\x81\xae\xfc\xa2Q@M\xcb\xcb\xcb^#J\xcf\x83\x88\x17H\x96_Tw\xa0Qi\x90\xc7+\x00\x99\xc8\xc5\x84\xf7\x80\xd5i\xa2"\x83\x84E\xb5M\x9a\x96\x94\x1bB\x95$\x95\x8d\xc3\xea\x94V\xda\x18\x94&gt;\xb0\xc6k\x99\xe9GH\xbbR\xa5E\x86\x12\xa5C\xb60m\xd5CG9\xdc\x9f/\x9fSG\x80w@lo/$\x04\xac\xca\xb9{\xf3y\x96L~\xd2E\x7f\xd1\x98\'\x92\xce\xfcf\xef\xe3\x8cL~\xf0G\xfbn\xb0\xc23r\x9e$9\xcc\xe6\xf9\x01\x16fY\xec.\xc0\xc3(TY\xea\xb1.\xd9\xa5\x03\xcd\xf4\xa9\x95\xe1\x13,\x02.w\x07AWR)\x93\x8ei\xfa\x139\xcf\xc6R\x9a[\x1d\x16a;\x8aWn]\'{\x93\xb1\xcb\x9f\xd9\x15\xcf\xf3\xf2\xacxW\x06\x1e\x83\x8c\xb3dTre\x9e\x1a\xff\xa9\x14\xa3L#\xa3\x82G.\x00\x0b\xc72\xb0g\x11\x02@\x06\x7f\xb7\xc4\x8bp\x1e\x80\x0c\'8\x92\x0f\x07\x00\xeb\xa7\xa8\xd4(\x0cv\xd5\x07\x8b\x12\xbeQ\x07\xd3\xf8p\xe1I\xa7\xe9\xde\x81ND\xfdJ\xa7\xcc\xdf\xc2\x93\xa5Z\x88\xcf7\xfb\xd6u\x16\x88\x87d\xf1\x1a@\xf4IPi\x94\xf4\x03\xf6\x91\xc7t\x9eY\xf9\x1f.\xf3\x932G\xe4p\x910O\x16)R5\xa9\xd2\xed\xe9\xeb\xfa\x01\x02\xd2GnQR\xf7\xe9\x93Pf\xf6Y.8\xc8\xc7\x80\x00\xb1\xdfG\xe8\x9ai\xf2\xcf`&lt;\xab\xc3\x97X\x0eU\'\xc3\xf0\xe4\xdcK\x00N8\x08\x92\x11\x94Z\x07\xeb\xc7\xd6\xd7\x8b\x15\x9egZ\xd7\x0f\x00|5\xfb\x90n\xf29\xbf\xfc[\xcc\x95\xdfV.\xfcjDN.\xf8\x1f9B\xact\xccoey"}~\xba\xba\xb3\x87\xed\x88kn\x19\x80\x11D\x18\xb5\rU\xf4p\xa0&gt;\xf0=\x88\n\t\xa9l\xe3\x88\xd8u\xae\xa9\x9d\xbc\xc2\x1a&lt;\xdc\xec\xc3;\x8d\xb0\xeb\xed\x88\x97\x9d_\xf6\xc2\xbch\xe9\xe8\x01&lt;\x1b\xc2\x97\xb6[K\xb0\xfd\x86\xfb&amp;\x80\xae\x1f\xd9?$\x05\xed\x02L\xfd\x9c\x14R\x92C\x8cj\xfc\xfa\xff\xad\x16\x9c\xf3OQ\xc4\x13\xb1\xac\xfa\x90\xcd\xe1\xb8\x14BB+\x9e\x13\xa3\xcb\xba/\xbd\xf7\x0c\x14\xe7\xb6\xa6\xfa\r\x93\x80\x19\x11\xfec\xc3\x9d\xe2\xb21\x1c\xb2=\rv\xbd\xeb\xd7\xfa\xc6\xbf\xe1@\x0e\x0b\x0e\x1bF\xbb\xe2\xd8Y\xfd\x03D?\x88\xe1\xd7\xc4a\x85L\xcb\xf5:\xb9y\xf9\xfc\x7f\xf3\xff\x07\r\x8e=\xcbv\xc1b\xd7\xaa\'a \xd2\x07\xe53\xf4\x19Z\xc5-\x00\x80\x7f\x8d\xfe\xba&gt;\x83*\x85\xee,\xcd%\x1c\xb8\xf9Y\x11\x1c|\xf5\x0f\x00\x7fd3y\xfd\x05\x86-)\x0c\x8d&gt;H~b\xed\x05aye\x1d\x19\xfd\xd5\x03L\x15\xa9\xbe\xf5|\xa6`\xf5\xdf\x1dG\xc7\x07h\xf0\xc5\xd9\xbd\x87\xf3\xaaL%\xefm5\xdb6QXpb\xf2ks\xc5\xb4\x1c\xd7,5\x8b\xb4M_G\x04\xf88d\x0b\xde\xfd\xef\x00\x11\x11\xf1\xe4\xecq\xf9rG\xfb\x18E=\x83\xd6Ec\xf0\xf4\x8c\x08\x0f\xd8\xf2\x99\xd1\xaf\t\xbe\x9d\x9a\x02\xf5lH\x05/\x10k\xec/~\xe0\xc7;{\xc0\x94HEa\xbb|\xbfVZ;\xf1#\xc8N\x80\x89\x94Xg\x91\x18\x00\xf1@\xbf\x1f\x04/\xbf{ \x1a\xf2du\x0e\xca$\xeb\xed\x9a\xab\x9b\xd0\x17\r8K6b\xf0\xf4\x9fc\x1b\xee\x96Ui0\r\xd9s\xa3#\xce\xfa\xac8\x8a\x195\x06\xed\x1cD\xee\x9e\xbd\xab\xcf Og\x1exCA\x9a\x80\x84\xee\x11\xeb\x90t\xa6\xd6\x1a\xd0\xeb\xcdBCHn\x17\x95\x82\x16w\r\xdd\xfc\x84\x98\xf3\x19y\x886o\x8eN\x91\x9cB{ u\xe0\xb3,\xe9oI\xd7:)Wx\x1f5^\x0e"\\,\xcaxNWZp\xe1]=\xbc\xc5WO\xd9Sgi\xf6*\xef\x99!\x84\x00x3E2#\xb1y\x96V\xe4\x9dQ2\x940t\x02\xb0\xd1\xe2\xafJ\xd1b\xb8\xff\xaf\xbc\xac\xc7\xf0\xc1\x971\xbb\xb6I\xc2\xbe\x94\xe6\'\xe5\xe7\xf9z\x9e\xbdy\x86\x8fE\xc9\xecc\x0f\xe2\xf3H\xfb\x1fv\xdcqu@\xd5Q`(\x96I\x8f&gt;\xe2!\x0bn\xed\xe4n[9%v\xf9?\xf3lW\x88\x99\r\xf1/\x00~0d\x89@\x16\xe5\xec\x97\x12\xe7|\xb3E\x94\xef\xcc\xf1b\x86=\x941f`\xce\xff\x81\xe5\xc5\x7f\x0f)\xc3T\xa6a\x03\x90w\x86\x01i\xa0\x12(0\xc9\xc8\xe8\xee|\x84\xb2\xf9z+\xd4|\x86\xeb\xa3\x8ek.\x8c.)!\xd6\x8b\xd1\xf5\x1bw\xc29\x9e\x9a\xbc\x8a\x00\x00w\xd9*\xcd\x0c\xf9\xbc\x86ub&gt;\x13\x12!\xa6\x027\x06k\x9ai\xb4\tI6\xee\x89\xda\x92\xe4\xe3\xc9\xd2V*(\xe1L\xaf\xa0\x86\xf0\xf3Q\xa1\xc2\xba$0*\xb1\xd1\xec\xa5J|\x8coG\xeb\xb5\x01S?\x85\xa8u\xda\xc4\xf9&gt;\x8dp\x9d@\x0b}\xb71\xd0\x85Q}k\xe7\x9djQ\x89EQ4\x1b q\xe9\n\xf0\xc7J\x01\xbb\xef!\x83JO(\xa8\xe3\xc0\xa2\xee\xcb\x85\xf0\xdd\xa6\xb6\x0c%"dfS\xbf~0\x18\xba\x8a\r^\x81M\'d\x0f3\xe2\x98\x98\xc5\xb7\xc9\xe3\x84\x90\xcd\x9c:\x9c:\xd6\xb1\x15\xbb\xde\x0b\xd9 Q\x18\x07E\xcd\'wmn\x9c\x83_\xe0\xaa\xb5\xd7\x90^\xddZ\xbdI\t\xd0\xb8\x99\xbdtG\xa8!\x0c\xde\xed\xfb\x9fu\x14\xc46Mf\xe7\x9c\x8f_\xfd\x93\xba.\xba\xfb\x02N\xe0f&gt;Tfc\x1f5\xc9\x11]\x98K\xa3a0*\xe2\x8b\x87\xd9\x03\x98m\'\\\xa6\x19\xa85s`&amp;P\xb0c]\xdc\x17\xabGC^+\xb3\xf4\x9d\xd3\x95l^u\x96N?\xdd\x08"\xf9;a\xd8\xa0Wtql\xe6\xcc\'[\xd3\xde\xaa+\t\xca\xe2+\xad\xae\xcb\x0bYJi\xe9c\x08%\xf3\x8e\xfa\r\xc0\xb4\xe8B\x84/u\xfb.\xac8\x99\x0b&gt;\x01\x00\x07g@\xf8F\xf8=\x1b\x90}d!2\xa1\xff\xe7\x94Q\xf3}\x0e8}\xba\xba\x13\x864(:\x818y\xc6\x0f\xae\xfbI\xea1\x9fF_}S-aB8\xe2s\xe8\x89\xbb\xed\xbf\x91\x9eV\x87\xf1\xab\x15\xb0\xda-\x19r\xc3\xd7\xe3\xccC\xa8\xca\x13=\xf0"\x80\x9b\xe9\x11z\x08.\xfb\xd2\xa1\x04\xc3!\xbf~d$!\xa2s\xef\x01\xb8t\x8b\x04\x88\xbfn\x88\xf5d\x10\xb8lT\xa5j\xeb\xb7a\xc4xF\xc4\xd4\xb7\x02iV\x9a\xee\x8e\xfcn\x8d\x15\xc6\xfc\x11\xf7\x0c\xcc!R:\x9e\rA\xd1\x882\xe0\xba\xf6\xb5\x98\xafbn%:\x99\xa9:\xc8\xbe\xcd\xef\xce\x00\xcf$\xa5%\xfc\x15&lt;\x06BD\x80K\x02\xbc\xdf\xf2\x95V!u\xcad\x14\xfaC\x97\x8eQF\xa0\x98\xb3\x94\x12.\x08\xf0q\x97\x96\xde\x06+\x84Y\xd1O\x00\xfc\xbbV\xd7\xec\xdbyd&gt;\x8a\x8e|{\xf7&amp;d.\x00\xaa\x16\x8a\xf5X\xa6\xd4\x0b\xd6\x99.\xc4\xe7\x82\xff\x85t\x1c~\xbdx\x9e\xed\x9c\xfb\x7f]\xb1F\xe4\xb7-\xe2n\xef\r\xc9\xe1[\x9b\xce\xba\x88D\xdfh\xa4\x16\x81I\x9e\\\x1c\xbd\xbdf\xe2\x07:\xe3w\x9f\x10\x12\x9c\xb3\xf8\xa5\xf6\x80\xe1\x8b\x00j\x9cW#\x1fK8g\x9d\x11\xeb\xdd\xe2""YJgNfH\xd6\xd5?\x00\xb8?\x11\xee\xb9\xe4\xeb\x88\x8e5r\xce\xc9\xab\xffRo\x99\xb3)\xec\x96\xb7T\xe9\xed\xd3\xd9\xcb\x8fg\xc5GO\xed\x00\x92Z\x0e\x17f\xe2\xa8\x0e\x9ae\xf2\xdf!\x17\xfd\xe5\xef2\xa3\xba\x1d\xef1\xa0"]\xa5\xfd?\x00\xd5\xacTY\xb3\xd4\xec\x01\x0b\x97N\xefd*~\x065\xae\x0c\xda]5\x15\xdb\x142\x07\x00\xf0~\x99\xe7\xcf\n\xeb\x9cz\xed\x8c\x90\xeb\x8d\xd1AQ\xb4\x9bri\x92\xea\xc5DQ\xf8X\xf6Tc\xd04\xe2\x9c\xbbJ~\xf5\x83z\x01~\xd9\x9bA\xbc1\xdb\x0c"\xc6\x86\xdcKu\x1e\xa6`\x1d\xb8s\x02\xdc`\xfe\xc3eH\xae1w\xab\xe5\xb9\xca\xdf\xcc\xd7\xd7\xc5\xb7\xd87\xaf\x17&lt;\xe3\x18g\x84@\x7f\x17?g9\x08\x86\n\xca\x01\xb7\x98\xb0\x13\xdb\x13\x13\x06\xa0\n\x03\x9d?\xcc2\t\x18\xfd\xd45\xd4\xf2\xe6\xe4\xa1\xe0\xd4V6K\xda\xb8Dl\x8fP\x8fUR:?\xc9\x16\xca\x93\x8a\xa5^\x15&lt;&amp;Fg\x9d\xeeg\x8f\xc2\x91\xcc\xb1\xae\x88\x88\xd4\xe5\xa8o\x82\x05\x91\n\xed\x8d\x80\xad\xaa?M\xa8\x1e\xe9\x19\x0eHPke\x8dl*j\xb2t \t\xda\tc\xa3\xeb\x959\x90x\xaf=\x9dp\xfa\xb1\xd5\xa2\xb6(=\x0e\xecv5\xf1)\x9d\xc5\xa5V\x03\\\x04\xcfM\xe56\x11\xfaa\x94\xd5Tz\x9d\x9b\xd4\x10\x11\x1e-9\x87\x8c~*\xdcj`\x84\x93\x16\x0bWn\x8d\x8b\xc9\xff\x89\xebV\xbb8\xf3\xfd\x00Y\xc7VIp\xc2\x12\xe0TK\x7f\x00L\xaa\xb5H#/G\x07l\x95&amp;\x98F\x8d\x8e\xd1\xd8\x15mZ\xa8I*W\ta\xa2\xfc\xd6N\xcb\x17\xa2\xef\x1cd\xe5\x9d\xda\xfb\xba=\x7f\xb5\\J\xa3\xd3\xa9\x14\x91(\xa5\xc5\xb4\xe9\x0cP\xc64G0qN\x9a\xd8\xfd\xd0x\x99\xbf\xa9\xdc\x00\xe8\xa4\xad\x9ed\xc7\x86\xcc\x9c[d\xd5\x1f6\xc2\xab\xa76\xb7\x08\xf2\xe2@\x8f4!\xd0\xe1\xf5\x7f\x8aWGZ\xd7\xe2\xe7\xeeaB\xb1T\xdbc\xb49M\xe6\\\xa8\xb4\x04\xb4\x1a\x85p\x8e`\xc1J|K\x04\x9f\xd5\x07\xda\x00d\x17\t\x18\xaf%\xa3OZ\x91I \x95\xea\xe1z\x1f\xa6\x8d\xab9\xcd\xaa\x92\xf6epW\x92-\x91\xf3w6\x1d\x95\x0e2\x92\x08\x03\x01\xbe\xf1t\xc4\xe4\xdd@\x9c\x0c\x7f\xa8P\xb4(\xe1\xa9\xb3\xd1\xe8\x1c\x83\nc\xf8\xb9\xa6L\x8d\xadMP\x13\x9e\x06\xe1x\x9f\xd5\xab6\x8dyVs4\xc2\x84\x83\x12f\xa5\xae\x19t\x98\x1dK\xa0\x7fL8\x1eW\x19\xf1C\xa4G\x8ap\xfd\x93B2\x0ea,\xb9\xf0\xa3\nJ\x8b\x16\xe6\xf4O\x81\x9bLH\xe5\xdd\xd4\x84\xfe\xb9\xcd:\xa4"(\xdc@\xc1\xd2^4\xab\xd0\x99@\\/\xc5+\xa6\xec\x87\xfc\xe6\x81\x0f\x14\x00\x1a\xa6TD\x80;\xf2Cb\xeb\xc4U\x01\xaf\xa41\x16\xfa\xe1\x11TM\\*ro\xe5\x8f}\xc2$\xf5\x16\xcd\x90T\x17_\xe4\x166\xc4\xea\x7fI\x86R\x8a\xbe\x8e46Z\xca\x93\xa1\x8f\x99\x07\x94j\xe7\x10PB\xd4a\xde"\x03b\x18oV\x0e\xcaw]h/\x1b\x0c\xb2?\xe7\x93+\x7f\x950v&gt;\xd65e\xfa\xe2\xf4\xe7\xa3(6+\xe6\x81\xc6N\xe2\x03\xc9+B\x93\xc6&lt;\xb8\x02\r\xb1BMc0\xcc\xa6\xfd\x9dV\xf2!7\x00\x83b\xd1\x1cq\x84\x8b\x987\xea\xb5n$\xe0\x05\x7f\x92\x98\x87\x86\x8cPG\xb9\xd1\xb6\x01H\x87S\xeb]\x85|IoU\xa0\xcdtB\xc12\x93\xea\x82C\xba\x83\xcf\xb53\xc1\x05M\x82)\xad\xaepK8\xd1\xf0\xc9@+\x13 \x08\xc7^a (\xa3\x1a\xc3a\xb1"\xd4\xae\xf0\xb0\xbf\xfbWd\n\xf1\x8b:\xb8\xf7\xd2^\x98\x05\xb7&amp;\xb8]\x89\xf0\x12\x8baM\x0c\xfc\xc3\xd6\xad2ioT\x1ap3z\xa1\x15\xf3w%6\x04\xfd\x14\x1d(\xcce0\xd6!\xc1)f(\x01\xe1c\xd2\x96\x86\x8c7\xc0?\x12\xf2\x19!\xf0\x8eU\xc2\xbf\x87\xd2zzR\xd8_\x1a\xd2"\xcfik\xb8\x0f\x91*\x95Z\x04\x90\xfbIx\x00\x00\xb8\xfc\x08\xa1f\xd3F\xa5\xaeIs\xbfp\xa4\xc5\x8d\xb0\xfaD\xbb\x010\xe1\x89t\x99}HC\r\xd0\x9a\xe6\xf5\xfe\x94\xb9S\xe3\x99\x85\xedl\xf1\xa8\xc7# \xfe&amp;\xb5\xa5\x89\xedj.\xfca\xfe!\xbd\x919G\xa1\xbd\xe0\xcc\xcd\xb6\xe5\x19x"\x04\x9f\xcd\xae\x10#\xe5\x93uE\xce0\x80,c\xab\xe3\xce\x86\xb2&gt;\x91\xfcp\xb3\x15+\xff\x0fW9!\x11Rb$G\xf5\xf3C\x13)\x00 "\xfe\x10wWQ\x8c?N\x1bK\xfe\xb8g\x8e+\x8f\x0e\x02"\xfc\xb9_\xb6\xd5\xe7O\xa2\xcb\xbf~V\xa7XL\x9f\x13\xbe\x0c\xc0\xbb\xba\x88k\xa6\xd5\x87n\xf9*\xa5\xd2W\nL\x03\xdc\xfc\xda\xfcm\xa1\x08\xe0&amp;\xad\x81F(~\xe3\xe7K\x11oP\x12\x1d\x7f\x8b\x85\x92\xd0\xff\x13\x8e\x9b\x80p\xdf\xe5\xb4\xf0\xacV\xb0\x92\x17c\x03\x90\x0c\xff\xac2\xfeB\x81dl\xc6\xb0-\xe1%\x11\xdeW\x03 \xb2\xc3-_\x93\xd9\x0fXWB\xcd\xf7\xe4\xe6\x83\x0c\xdf/\t\xb1G\x82\x81Y"\xf6!L\xbfME\x99\x93\x06\ri\x83\xac\xfb\xd2^\xfd\xc0|\x965Y\x11\xfb\xdf\t\x9d\'g\xb6j)\'F\x9cr\xe4\x02B\xa1\xf7x\xff\x1d\xf0J\xc0\xb2\xd5\x1a\xa8\xa0\xb7\xb1\x81\x94\xeb0\x8d\x15"\xdaA\xd5\xc7\xc2\x98(\x87\xddr7\xe1\xa9\xae&amp;\xd8b\xbaI\xbfKqU\xdd&lt;\xcbXE1E\x07\xe6|@\x14\xd6\x0c&amp;\xed\xb0\xd17ZV\x11\xe2\xff\x00\x9c\xcb}\x02\xe0G\xa2\xab\xb1\x1d\x9c\x03\xb9\x85\x8d\xd8\xd53\xe1\xe0\xf3\x93\xed\x10\xd2\xf2lY\xfa-\xdff\x8b\xe1\xb2\xc47\x8ad\x85\xdcH\xc7\x01@\xfb\xea\x9f\xdch.\x1b&amp;\xf5\xc6\x91\x10\x80P\xee\xb6\xe1\xd7_:\xe3\xea\x1f\x96\xa8\xad_\x9d\xe5\x9c\x9b{\x80\xd8\xb3\x8a\xab\x7f\x00X\x8e\x02%\xfc\xe4\xces9\xa8_\xff\x9b\x99\xc1\x0bD\x80\xaf\x04b\xde\x0b\x80\xceIUn\xdd\xc0/\x18\xd2\xa8\xa4&lt;}v\xa2\xf9\xf6Z1\x00\xe1_+\xd5%_\xec\xe9\xc0\xd9\x8f\xcc7\xa1\xd9/\x0b0D\x84\xb7\xea\x17\x1f\x86\x06\x11\x7f\xdd\xe9\xda\xc5\xb0\xe1[ki\xa2\x84\xf5\x9fU\x1a\xbac\x9d\xad\x8d\xdd8\x1e\xed;\x0f\xcd|:\x8a\xb9H\x18\xf6\x11\x91mI\xb9k\xc0\xab\x88\xae\xe1T\xde\xc5\xf0\x17\xa0\xd6J\xbb\xd3t\xeb\x0e\xc2\xc8\x96\xef\xf8\xd5%*\xc2\xbfos\xb8&gt;\xa9\xb8\x98\xc0\x11W\\z\xf3\xa0_\x02\xea\xa9\xe0\xa8`\xea\x94x\xdc\x8f\x06iC\x9c\xa7&amp;\xfc\x94\xb4w\x16\xa16\x93\xfb0\x9d\xdd\xd1)\xaf"s&gt;\xc8f\xa2\xa9\x97\xde\xb4=\x03\x8c\x13\xc1:\xe8\xa8\xd1\x0f\x03 ^ \xb8\xf0\x93\xb9\xa7o\xc4\xae\xcb\xe7\x7f\xe7/wV\xd9\x1fO\x99\xe1\xb7\x81"|\x9a\x1dE!\x98\x16~\xcb\xbd\xf7\x01\xc0m\xfd\x89o\x99\xd6\x85\xe3\xa1hQO  \xf7\x06\x9c\x90h!\xfc%\xd4\x8f\xedL(\xa9Nq\x06Vg\xabyD\xc4\xdf\xcf\x84\x90lutuD@\xfc\x9d\x08L\x02o\xd5J\xeaW\xf8\x00\x97\x0ce\xa9\xde\xd5\x816\xf3\x80\xb6\xa4\xffh\x0c\xfe\xc1}\x0c\xe9AHd\xd4\r\x11\x01\x1eW-\xb1\x1aC\xbb\x9f)\xc9\xa14\x0c\xf4\xf4J\xa7ES(\xb3(v\xe1Is\x9b\x1cHCM\xac0\x1a\xb2\x8e*c6\xd8Ec+s\xe5\x8d\xcab\x91\xe4\x99\x01\xb1N\xd5\x88ni\xd3N\x98@\x9b\xf6\xc4\x9d\xf4\x13\x15q!\x0e\xcc\xfcM~Ik\xcc\rEF-G\x87\xc1\xbc\xa3\x96o\xa2\xe8+\x11\t\x88y\xb8\rH\xea%$&amp;\x8f\xf4\x80\xa0?O\xf5\xdd\xd2\xc9AF\xb1k\x15\xfbTX\xe3\x01D\x84\xb3\xd3m\xa1\xa8\x81[H\x03"\xfc\x0b=5\xec!:\x8a\x89\xaa,c\r^2z\x93\xd3\x9a\x14\ry,\xadH\x85\xc7z\xa6\xf3"\xc2\xbf!3z\x08y\x1f\x8a \xa3!\xef\x10wnJ\xdc5\x0en \xa3\xde\xf81\xca\x0b\x0e\x0c^M\xdd\xfc\xbc\x8c\x1do\xa9\n\xa4OT\xe02\xab3\xa0PriIM\x8f\xe2\xe5\xca*+\xe0\xa6\xf3\x01\xf5\x19\x00\x80\xe7\xda\xb5\xe8\x9c\x1c\xab\xce`T\x12\x1d\xe6\x1e\x92IE\xfe\x8f"\x9c\n\xed\xb4\t\xacuG\x94\x10\x00\xbf\xa3\xb0\xa5\xc2XK\x02\x8c\xefZ\x0c\xf2\xae\xe9\xda\'1^70\x9d\xa4\x8d\xdf\xd1If\xbc\xa9xLYmBe\xf4C\xbd\xc2\xca^{\x1e\x11\x1f\xc9e\x9fF\xe8yHg$Y\xf79\x17\xc4\xbf^\x96\xb3;\xca a\xad\xaf\xc5\xbc\xecK\xebVJ\x07\xaa\xc8\x99\xca\'&gt;\x1c\xb3)Y\xf4\xa6n!\xdc\xb5/Zw\xbf\xccZ\xd0.q#K9\x97N\x7f\xbe3\xe1\x13*b\x14,I&gt;"\xe2\x99\xed\x8bi\x81\xa7\xc7i\xd3\xda\xf4Ci\x1c\x9b^6\xc0\x0be6vo\xf6\xc1\x9a\xe8\xf0\xa1.\x80\xc7\x86\x89\x8d\x1b\xabH\x86\x02\xbd03A\xb4\x8eW\xa1\x0f\xdf!H\xe3\xa8\nOR^\xda\x1d\xe9STG\xe7W\xa7=\x86\xdfA\x92@\x02\xb8x3\x12\x8a\xfe7\xaf\x14C\x91\xee\x8a\xd8R\xdc&lt;\xd3\x8cz_c\x12\x9bo\xd8\x00NkEXK\xb1=\x8a\xfcx~\xd1\x05\x91\xb3v\xd5\x11N\xec\x03F\xce\xcb\xee\x04\x88\x00\xe9\x8f\xad\x0b\xa8J\x11L\x85G\x7fnMV\xbd\xa1\x8d\x94\xaf\xec\xba\xad\x88M\n&lt;\xc8\xf3t\xf3\xf0\x06\x91\xfau\xd1\xa5d\x9a\xf1\xd9;\x86:\xc9G@|`\xfc\x10\xa3\x03\xb8I2\xf3\xf8\x8e\xfc\xd3\xec\xb1\xa0r9\x86@`\xc7\xd0\x04\xc3\t\x81\xa5\r\xc0y\x1b6\x00\xe2\xbbR[\x8cJL\x10\xa8\xf8\xd0\xa9\xd6\xab\xc3I\x11\xa9\xf5\xee[\x8f\xd1\r@w\x81\x9a\xb4\xe7$\xf4\x02C\xd1\x85su\xc5\x04\x1eK\xcd\x85\xd9\xee\xf3\x06\x1a\x97\xe1\xe1\t\xef\xe6\xa1\t\\\x19\x9eN\xf5\x11[\xf6\xd7u\xf6\xbc\x87S\xc9\xd9\x8c\xe0\xe1\x08\xf0\xee\xce\x06&gt;5\xcc9b\xd4"j_==40\xf5\x92%\xb26_UR\x0co\xad\xf6\xda\x07\x91v\x005c\x12\xafR\x0c\xc4\xd3v.u\x07\x11""~\xb0Q~\x1c\x82a\x98\x11\xe0\xa4Pc\xa0\x82\xf4\x98\x12\x00\xebg&amp;\x14!\xf3-\x04\xa1J\x8dv\xe4\xf5\x8e\xe5\x84w\xc9\xb7x\xach\xe0\x91\xdd\x00\x00{0\xe7\xf2\xfb\xf5bw6Y\x8c\xa3b\xf2w\xf5Fz\xdab\x96\xfct\x04\xb8\x04#\xb9;-3\xdd\xf4\xdf\xa5\xfc\xc4W!Ih5\x1b\xd28\xd5\x888\xbds\x1b\xc9\xb7\x15\xd9t\xd5}\xd8{\xb6\xc8\xcd_\xa0H\xc8\xc1\xe9[\x08\xa7/2z\x0e\xc0\x1d\xca\xdf\x1aQ\xf4\xd2\xa2n\xb3\x0f\xa8\xa7\x90\xea\xbeY\xe4\x80\xfd]\xfe\xdaP\x88\xb1u\xf9V)/\xb0\xdf\xf7\x85\xf9\x88w\x0c\xfd\xfau\xb1\xcb\xf7\x82\xa9\x84O\xd6\r\xff*\xb4\xc5\x89\xe1\xd7qvI\xc5\x81\x84\xa5/\x9b\xfb\x12\xc2\xd9r?\xd3\xc51\xce\xba\xee\x11\x14\x13\xbeK\xc6\xe2\x05\x10&gt;&gt;\xab\x90\xe6D\xd5W\x04f\xfe^`K]*\xfb\xfa\xc5\x95\xd9C*~\xff\xa3Zx*\xa0\xc7$U\x80T\x9b\x0f+6\xd9\xcc^_\x8e\xb9\x17\xc2\xf5\xabW\x11q\xfc\xb7s\x1e;D\xe5\x1e\x84\x1b\xaa^s\\\x90Zo\x00\xb8Z?\xe1\x08\xdf\x068M\xf7pg\x13\x1c4$\x15U\x8d/\x00\xb8u*\x90^\xbb\xb6S\xa2\xbfou\x93\xad\xc6\x7f\x85=\x18\xbf+\xf6\xb8*\x0c\xeb\x97(\n[V\x8f\x13o\xaf\x92\xa9T\xadc\xa3I&gt;\x8f\xe9\xab\xab\x17\xb5\x80\xc09@l\x90\xa6 \xba\'\xa79Z\xbdi\t\xbf\\\xb3\x99\xfc\xc1\x93\xdfE\xf7\xdaJ\xb9\x15\xe8|\xb6\xae\x12\xee\xba\x9aWP\x13~}[\xab\xdd\xeb\xf8Q\x07o\xc5/\x9b;\xdbt\xb7\xec=\xfd\xf7d\x1f\xe0\\\'\xa3\xd9*\x1ar\x97Tq\x9fp\xfe\xfb4%\x81\xe1\x13\x82&lt;\xb8\x9c\xb3\x8a^t\xe7N\xcd\x0b\x99\xad\xee\'\x0c\xc8.u\x89\xe9\xf9\xe6\xd5\x7f~\xa7ExR;\xabtmr\xc7\xa4\xf9\x9d\x80\xf8u\xbbg:\xbc\xa3#\x1c\xaf\xfe\xce\xc4SHCm\xb3\xfd\x1a\xd9\xf0[(\xaf:\xdf\xe5\x07\x1a\xa6\x03\x048\xb5\x1fT\x95\x90\xf4\x04\xf4/f9\x02-\xf3\xa7s\xebWu\x06\xab\xffu\xea\xe8\xba\xa8XE\xc7X:\x8a\x974{CL\xf5]\xb7\x01XI\xa8\xff\xe9\x8bQ\x83\xadB\x93\xa3\x9b\x17^\xeb\x12R\xbfn\xd8h\xc1G\xe8\x05\xe7\xde\xe4\xb3x\xa1k\xd5a\x99\xb7\x00L\xebw\xce\xc1o\xf6Y\xfd\xcf\xda\x96&lt;l\x102\xc1\xc8\xaf\x99\xec\x97Z\xdee0\xcc\x07#\xb2\xed)H\xc4\xf9\x8b\x8a\xad\xb4\xf4\xdc\xe8\xd7\x0f\x0eC\xbeO\x11\x89\xb6\xc9\xf6J\xb8iN\x85~\xb9#\xcc\xa6\xd7$\x1b\xd12\xc3\xad\x7f\xae\x82\x10\x00n\xbe\x8a\xaeJ\xf1\xa9\x7f\xc3\xff(\xf6l\xec\x1d\xb2\xe1\x80{\x9f4\xda[\xba\xe4l\r\xf8O\xb9`M\xde\xa9\xc2\xd7#\xad\\\xde\xf2e\xe0\xc6\x04vdd\xbd\x1a\xdf\xa2\x96\x83\x8a\xe6\xdd\x11v\xc8\xd8S\xd6\xfb\x95tQ\xf9\xf8\xbf\x89\xde\x8f\xf3\xda\x06\x00\x00\xce\x1b*YO&gt;\xd3\xe4\x99\x93\n\x00\xce\xb5fZN\xf3z\xf9\xa2\xcb\xb2\xddwn{2\xc6\xc7\x14\xeb\xeb+Z\x05)\x88&gt;\x93\x1a\xfa\x0e\xd3Q\xa2\x03rb\xcf\xf0X:j\xc4\xafT\x18\x96\rQ\xec\x17\x91$\xb3jF\xf4+\x03\x99\xdf\xb6\x88\xa5 ar\xdd4\x9c#8Y\xb9\xa5\xd6\x8b\x8c\xe8\x8c\xf4\x9b\xc6h\xe9z\xff\x902\x82.\xd1 eB\xd2K\x0eq-\x8c\xe0\xb7\x1a\xb5\xec\x9b\xee\xd7\xc5\x931UH\x0b\x0f*\xa8\x12h\x93f\xc7\x93\x0b\xb4\x8f\xe9\xf38\x05Y9\xd1\xf5\xe3i\x9eO\xa4\xdf\xac\xeacM9y}}"\xd3+\xf8T!\xa3v-\xd1,.\xbe\xaaF\xd4=\xac)\xf8\xf7(\xe5\xeb\x12\xf5\xafI\xff\xb4 _\x87\x97B\xa3\xa0\xc7\xcf\t\xd0\x00)\xa2V&lt;\xf0\xf9"\xc7\xfb\xb13f\x99:\xa5\x1c+\x19\xc7\x98\x93$[b\x05\xa2\xff\x08V\xa8\x17\xc3\x91\xeb\x15\x1e6Iv\x8c\x89\x13\x1a\xc5\xda(R\xd1U\xcb\x96Vx\x85pGL\xaet\xb0\x0b\x11\xe3_T6\x0b\xc83I\xe7\x8b\x8bC\xde\xa0\xbb\x10FKv\xeb\xd8\x14\xd2u\xc9o\xc2\xc9\xc5\xd2\x99Me\x89\xb5#h%3\xea\xca\x82-`\xf6N\x99\xe1\xd1\x1a\xe8\x90\xc86\xa4\xd5\xde\xfb\x1fr\x1b0c\xb8\x94=35b\x8f52x\xc6\xb7\x91\x90\x9fqr\xc8\xc61(Q\xa9\x80)995\x17\x0f\xcc\xc99j\xa5.&amp;p\x12\xe2\xb4Td)\xe3\xcc\x9c\xbf\x06v\xa4\xa5v\xacW\xdd\xabRd\x87\xa8$hul\xb5\x07h\xb6\xa8 YJ\xb9.\xc2\x83?\xf4\x03\xc3\x0b\xc1\xeb\x8fi\x16\x1aV\x84\x99\x1f\x9a\xc4V\x90,\xffK\xc2\xdd\xdb\xcbI\xb8\x9d\tE\x04\xadB\x1a\xc7Sn:A-\xe0\xf6\xcdf\xf0eV\x96I\xcc\xa3\xb4\x825\x89\xe7\x19\x82\xe3\x11\x8b\x07\x01\xdec3N/\x9dU\xea-\x95\xed\xeav\x06\x7fp\xf2\xde\xf6\xf4\x98c\xc2\xae\x83P1\x8b\x8ac\x11\xd3-4\xaeM#O\xd42\xfd\xc7\xb1\x17M\xbafU#\x19\x19\x89\x9f\te6Lf`\xb8M\xaec\x00\x00 \x00IDAT6J0\xe7\xea\xac\x00Hop\x12XfN\xe3\x178\xe1\xd4Y\x18-d\x83\x1c\xee\x19\xb2\xb2O\xec\xd2Hwm\x90l\x89\xce!B\x87ZQ+&lt;v{"\x81+\x82r\xf9\xf0\x00\xf3\xb1Mb\xbbR\x11@\x01\xd5\x81r\xf5\xdd\t\x86Q\xbf\x17\xa1\xa6V\xe3[&lt;\xd8\x98FT"\xd2\x0b\xe5\xf8:""\x9cT\x98z5\x92\x1b\x90j)\xd8\xb1\x9c[\x10z,\x1d\x93\xf3\xaex_y\xb0B|\xe9dn\xa3\xe3\xabj\xa5\xa6l\x8cS\xa2f\x03\xe0G\xa5\tF\x04\xc8(y\x12\xae\x18\x1e#\xd9K\x86\xf3\x89\xdaMZ\x95\xb1\xd1\xc9\xa2\x05\x9b\x0fJ\ry\x15\'S\xbaL\x9e\xe1\x1c+H0:\xad-pm\x816)\x01xJGi\x99\xa5M\xb1\x166\x00\xfb)\xd2\x06\xeaoB\x14\x02\xed\xf9&amp;1\x1a\x1e\x95e\xe09\x98\x94\xaeHo\xaf\x9d\xca\x19\xaaj\x0e0]\xe6f\xb6H\x18\x82\x91\xd1\xb8\x89\xae\r\xa9\xda**\x93l\x02\x92\'\x00\xa4\x10\xe2b\xc6I\x97N\xcf\x14\xffd\xfa\x8b\x94\x16b\xed\x8f\xe9\xcfk|\xb8S\xb2\xba\xc2*U:\xd5;\x02\xb3\x97\x1e^\x93-\x8b\xcf\xaf \xdd\xc6\xa2W5C\x0b!\x8e\x19\xf6\x12\x9d\t\xcf\xedu&amp;h\xc5\xb5\x88\x8a\xbd\xc4\xb8\x97\x95y\xb36\xfc\x81|\x02\xbfI\xb25=f:)7P\xdb&lt;e\xcf$\x03\xc5\x16\xd1-9[\xd3\x89\x92\x17\xacBjs,\x00\x97o\xc8M\x9e\xe4D\xff\x1f\x02\x12\tu/}@M\x96d\x06\x08\xba7\xbd\xa5\x17\x14\x8c@\xec\xcf"\x15&amp;\xb4\xa7\x81D?\x93W/"\xbcm]\x10jT\xaf\x037[5\xedd\xf2*\xc5\xa6s\x0eI:\x0c\xc5@\xcb\x98\x82\'\xc8\xc9/f\xccT6ey\xcf\xd3\xadtA-h)a \xe9\xdb\r\xde\xdb3qN8I3\x96\x0b\x87\x18S\x04\x00p\xe9\xc71[l8\xfaTL\xbf\x98\xa9\xb6\x84\xd3(\x97v\xbc,\xc3\x8c\xe1j\xb2Fx\xd2\xfa\xeb\x8cT\x8e\xb1\xcbG*mRCZ\xfb\xfb\x02\xe3\x8c5\xfe\xcc\xdd\x88\xf9\xad\xa2{y\xbd7\xb5\xd9\x18\x88\xe2\xebNa\x89\x14\xa0\x16b\xf7*\x85Q\x91\x0f\xfbB\x8a5\xd9\x80EC9\x89\xb0\x1c\xeb6n\x00\xb8\xb1\xb7\xac:\x8b\xf5\xcb\xdc0\xca\xa1csu\xd5\xc8\x0fJm\xc9\x1c\r\x91\xd6om )\xad\x81\xff\xa7\x17\x17\xd0&gt;\x8b\x1bBB\x7f\xb0\xa8\xde\xc7r\\K=\xa1\xb2\x0ez\xec\xd8\xe0]\'\xc1\xd0CQ\xda#\x12\x81\x84\x8a\xb8\x02Ki\xc4e\x89a\xaf\x99\x014S\xd1|\x8d\xfaAO\xae\xfb\t\xa4\xcf\x18\x90h\x94\xc24\xf3\x11\xc1\'\x8c?\t\x9f(&lt;\x7f\x14\xe8.-\xf85\xe9\xd7\x87t\xa9\xae\x12\xa29\xdaP\x94[\xf0\xbar\xb5\xb4y\xf2\x10V\xac\xf7\x00\xf1\xdf\xd8jJ\x05\xc8\x1a\xa0$G\x94l\xd8\x000;4\r}N\t\x0c\x00\xe0\x92]\xb2\xae7\x99\xf3-\x1a*\x08L\xe8Z\x1d6\x00\xed3x\xda\xf6a\xf9\x97R7\xae9+\xc5"&lt;\x01\x01\xeeU\xaf\xc0^A\x87\xa4\x08\xf0\'Kk\x9e-\x0cdr9Q\xddA\xcd\xd1\x08Pw2zpG\x1f\xe9\xcb\x91\x13\xb6\xc4Y"\xe5\x10"\xc0G)=\xcf2fFy\xa71,\x9b#sz\x96G \xbd\x8b\x10\x0c\x8f7\x82\xe9?v\xb5\xc6\x04[\xddR\xd2\xbaG\xa1\x82\xd4\xea\x1e\x18/\xf5J\xef\xaaW\xdb\xe2g\xf7\xad\x0c\xaf9&gt;\x0cG\xe7\xd9B2,giB\xb9\t\xb7,\xcf\x97\xabm\xa9\xa1r\xba\xcakwz\xe0S\x99\'\tEo\x93\xd2\xf5\xcc\xe4Y\x80fJ&gt;\x88\xe7\x87\x08\xed,VH\xe9zY\xd0\xd5\xe1A\x94#\xaf\xc6\t0j\x03\xa0\x12\xab&lt;G\xa3\xab#Ofv\xf4?\xedfM5\x11"\xbeQ\x05\xe9\xe7\xeb\xfa\x83\x15L\x91\xac"\xb3\x06\xd8\r\x7f\x88\xea\xd3\xfb\x08\xab~\xfaW\xf0\x8d\xa9\xc6~\x94\x14\x9b&amp;y\xb8\xf4\xc5\xf8?-\x80p\xea\xad\xa6\x8e\xde\xd8U\xb0lfb\x12MI\xa0\xfe\xb8\xf1T\xfc\x13\x00\x1d\xb6\x85A\xa1Wc\xa6\xde\x84\x80\x8d\x04\xcc\xda%\x8b\xed\xb1\xfe8\xc8\xb9\x80T\x9b\'SxR\x8f\x05\xdd_ \x05\x90\x03\xd8\xae\xccUap)\xdf._\xe3\n359_g\xc8n\xe9o\xc7\x89N\xf2|~\xf1\xd1\xfa\r@\xb8I\x038c\x17\x8cd\xe0\xe2\xe8g\x0c]\xb7\x1fR\x82\xcd\xfd\xe1\xef\x15\x0b\x00BT\xc1\x8a\x8c\xb3(\x9f9#\xdb\x80\x10\xce\xc8i\x8cKuT\x1b,\xb4\x88b\x97X\xe88\xbf6\x83gT\x0b\xb1\x81\xac\x0eV\xeb/\x01\x07\xb0\x98\xa7\x84\x11\x93V\x9c\xff\r\xdcV\\\xa3\xc89\x17\xae\x8f,C\x11\xd6%\xc5\x8f \x80\xa2\xf03\x11S\x15\xecf:R\xfd6\xdd\xa1\xa8\x8c\xcb\xffn\xb8\xc0\xb2\xbc\xf0O\x8c\x8b"\xbf[\xef\x90(\xa94\nM\xee\x9fK\x95\xcdZ\x0c\xd8\x84\xfb\x818\xb5^R\x16\xd5\x19I\xdd\xe7\xc1\xe8\xd7.\x07\x91\x07\xf3\xc4\xe5J\xf0\x9b\xb2\x19\xfd0u9\r\x86\x93$\x18\xa8g\x89)}8W\xc65\x01\xdc\x7f\x9aE-mA\xfc\xede|\xab\x0eI#\x89\xd5m\xf6k\xa1v\xf6D\x08p\xcb\xd1:\x9c\x03\xf7\n\xb8\xaf\xff\xfbB\r\x89\x1a\xb9\xf0\xeb\xf5rVzs\xd8\xbf\xe96\x94/\xaa{(\x86\xf5w[\x8b??~3\xc52 \xfd\xdd\xe0\x0c&amp;\xa7e5H\xb0,yF\x82\x08gV?\x9c\xec@\xafb\xa3\x9d@\x1e\x86&amp;\xf5\xde\xad\x00\xdc\x8f\x06\xb7\x95I\x8d\xdf\x9d\x849\x07p\xe7L\xc7u\x95`\xb8-+\xc7\xffT\xa5\xdc\xbe\xf4\x88\xe9\xff\xf2\xfd\xcd\xc8\x8d\xdan\xe8w\xcb[Fz\xbb\x96\xbd^\x1eC\xff\x92B\xeb\x93*\xb5\x92H\xb6&amp;Fco&lt;Cl\xf4\x91\xbaI\xaddE\x08\xc6\x86\x0c\xf37l\xa42Y\xbd\xc4d\x80\x90\xba\xbap\x04\x95\xf5\x04\xda4Z\xd4\xd9\xfa\xf9A\x80\xa80$\x1c\x90\x0c\x0f\xb6O\x8c\x9c\x1f\x19\x13Y3\xd5\xaac7\x85\x95\x023\'\x8c\xf2\x03\xef\xf6N\x1a\x9b\x82xT\xe7\xca\xd5\x81M\xc9\x8c\xe1x/\xad\x0eO4p\xfe\xf3t\xfe\xcf\xd5\xd5\t`DZB\x07\xc2\x17K\xcbnDD\xf8\xf3\x15\x86\x1e\x80&amp;\x8d\x89\x84g\x84s\x05\x12\x8c\xf2\x03;\xfa\xa7,JmB]\xee\xb1\x8a\xba\x98\xa9t~2\x84\xd9\xa6\xf2\xd1\xd9\x96\xd2\xb7%\xa4^\xeb\xe7\xbey\x81\xd2\xd7Bu$t\x92"\xdb\xabI\xbf\xe6\xe8H\xed\x1e\x90\xa1\x86F\xb1\x1a[\xf1\x10\xa1\xeco\xe3"\xed\xd2\x88\xcf5\x87,E\xb5\xb6\xaa\x9a\r@\xa3E\xb8xl]\xbe\x17\x01\xc0\xf9T\xfd\xc8\x8c\xed\x12\x86l\xcct\xf5\'/\xfcg\x8b\xf2\x17\xce3`\xda\x03=\x03\xdba\xd8\xc8\x12L\x15m\xaaG\x92\xd8\xa9:"\xc1^\xb4\x1f\x9aL\xc5?j|~\x8c\xd1\xc6i\xd0\xe0\xd8\xe5p\xc1\xb7\x11m\xf2\xc7\xba(\xedQI\xc6w\xf3d\x18\xd8U\x98\x9b\x8f\x08T?\x14\x00\xef\x18\x811\xb4D\x92\x99\xe94\xb2dn\x10)\xa7\x89\xd4rT\xaa\xdbQY\xbc\x94\x0eU\xca\xd4\xc1{\xa4F\xd6Y\x96J\xd9\xb4\xcc#Kfc2\xf3z$\x07\xa3\xab\x8f4}\xa2h\xb2\x13\x00\x00\xce\xc0iQ\xd21\xba\x01Hq\xcbfX\xe5\x93c\xab\xbcJ\x88\xcew/\x8d\x98\xe3!\xd2\x02\xf1j\x92\xaen\x95\xc5\xc0Xv\x08\xeb$\xc4\x9e\x18\x9d\x98\xc2\xbb\x83\x15\x03\x13\xa9\xf2\xbeH\xa3A\x0f&amp;\xd7\xa2\xe7$\xb1\xa1\xd8\xb2\xf8\xe0\nw;\xccF\xdd\t\xe3)\x00\x1e\x82\x00\x1f~jC\xddu\xa4\xd5u\x8f\xc2\xe8\xef\xd9\x9f\xf7\xd0K\x1a\x86Q\xa1\xbb\xd2\x99\xca\x1a\xa9 !\x1bM\xe5\xc9\x8e\x8f\xe5\x08\xa2\xfel\x1a\xe4\xff&gt;\x9f\xa8:\x91)\xd7\xe0XB\x04\xb8`\x08*\xb0b\xbd"B\xca\x90\xbf\xc9\xb0\x01(Y*\x8c\xeb\xe41\xa3\x90\xb2\xdevH\xb1$S\xbf\x8d\xf9\x11\xe0v\xc4\xdd\x15\xde\xcd5"\xf5\xda\xd5\x9c=(\x8f\x01\x19\x95\x8e\x91\x08\x847\xb5\x95\xaa\xdc5\xeb\xe5ti\xa8(\x1b&gt;\xd2\xe1\x83\xbf\x16\x8d\xdd\x88\xd48_qZ&lt;)\xf8\xd4\x96\xec\xe0\xa7u\x1e\x12\x94W\xf8\xd0:d\xb5\xab\x7f\xb0V\xe7&lt;\x85[m\x03\xfc\xb8\t\xa7\x1d!\xe9FN\xd4\x1atRT\xbe\x8d9\x8d\xbdc\xe8\xc3\xcafC\xc3N^\'|\xa7\xb4"\xbc\xad\xc9\t\x1d4\x97!\xa5{KsV\x10\xbde3\xdaY\xd0\xf9T\x9c\x0f\x0b\xda\x12\x958Ud\xe2\xf5\x81\xc6\x1d&gt;Q\\\xec\x87P\xbb\x13Q\xec\xcb\xc5\xf4\x17E\xc8\xe1\x04\xf8\xdf0l\x00n\x7f\xc0\r@8\xf6&gt;\xc9/`\x18\x00q,[u\x9e\xbc!\x94\xd7oJ\x8f\xcdl;+|\x89\x10\x11\xe0\x9f\xc3?\xb9 i\x84%\x05P\x9fj\x19\x9eX\x9ai\x8f\xb5v%8\x8d4\xd0P:6H\xd1&amp;\xb2\x17\xc9v\xf4\xab\xa5\x82F\x05\x1e\xb2\x05\x9c\xdc\t\x1e\xadEf\xb2\xcb\xbe\x8d\xc6\xcc\xad(\x9a\x81\x92@\xdb@F\x1ek_p/\x7f~\x86\xde\x96(\x80a\x0eIi\x91\x18}dY\'\xfeg \xc0\x1b\x8a*8\x11\xa2lEN\x1e\x8a0&lt;\xd9\xda\x1a\xde\xa2\xf7n\xc2]\xb5\xd3\xb4\xe0M2\x1b\xa2\xb6\xe5:F\x07\x12\xd7R\xca\xf9\xc3\x12\x86\x1e\xc9\xb0*\xea\x9c\xf6\xc4\xd2\xc2\x96\xbd\xea\x13+\x11\xc3\xf2\x8a-sA\x85\x1e?)\xbeh,=\x8a\x16etB\xa5\xcf\x8b\xabAD\xd4\xbcu\xb3\x03Q\xe0\xaf\xde\xb3\xc9\xa8\x9d\x83\xf0v\x84W4\x99&lt;\xe4\x9b[|x\xa2\x0f\xbf/W\xa7\x8b4O\xd4G"r\xd0\xf2%\x18\xafC\xfc\xf9H\x9aI\xd4y\x11?\x15\x83\xe1\x87s\xf85\xe4\xd2O\xf9\xf7\x12,h\xa4\xd5\x05\xd1\x11 \xe9(\x06\x9ejL\xee^\x17\xe0U\x12\xa4\xb64(\xd2\x8cf\x90\x16.\xe7\xdb\xa5\x1a\xc3\xb4\x98\xe9\\\xfc:\xe2P\xc8Ls\xd2jW2~\x1a\x1d^\x0b\x05\x86\xccEEs\xb6,l\x88x\x1d\x80W\xebF\x01\x9d\xf6\x18^\xc9\xab1OlE\n\xd1\xce\xcf\xae\xfb?sT\x1a\xc2\xb3 |\xa5\x7f&gt;#\xfc\x14\xe0\xfb\xa2K\x1b\x7f\x15\x18_P\xc8e\x11\'a\xe1\x84\xa2\x87\x11Q\xd1\x1f\xa2\xae&amp;\x0bd\xb5\x8cr&amp;"\x82\xa3\xd6\x17EG9\xc7\x96gw\xea9\x07\x154LZ\xb4_\xf2\x12\x8f\x82Fl\xe4\xbc\xee\x0b\x9f\x14.\x0eQi\x91a[\x97\x1a\xa64\x88\xdb\xb8\x04CFE\xae\x1b\x87\xa5\xcaJ?\x82\xf8\xb1\x15CGuk\xac\x93\xc9\x8bd\xb6\xcc\xbct\x16M\xd4\xebk@\x134\xd3\xbf\xe4w\xe1\x01\xfcz\xb4\x81\xe3^gB[\x10]\xa3e0|:\xd5=d1\x0e\xc2\x96o\x94\xc2"\xb5\xeb-\x08H\xca\xf8\x95\x02c\xf9\xcb:\x9bi\xf9\xf2\xd9!Z\x96\xf9\xac\xafP\\\xff\xcdn1\x87%\x11\x04z1\xe3\xdc\x85K\xdf\xde\xd8!\'\xb3&amp;\x0e\xeb\x06\x8c`\xb6I\x0e\x85;\xe7\x8a\xab\xffXQ\xce\x1c]yp\xa6.\xfcs&gt;\xc0\xc1\xec]j\xff\x8d\xd98\xf2+\x02\x93\xeb\xce\xb9I}\xddR\x12\xbe&lt;\xfd_\xe7Ce\x07\xef\x07\x00p\xd7\xeb*\xb5\x9d\x88\xcc|2\xcdE\x1cc\x97\xc5\xeb\xfa\x83\x0b\xfe\xab\xa1\xe6\xb55{\xce\xba\x9c\xc3\xd1c\xca\xb8\xda`U\xd1!t2\xd4{"\x96\xc5iW\xffE\xca6\xc8%\xfe\xfc\xca\xef\xac_\x97\x1dV@\x9fM\xa0u\xcb\xc1^\x1c\x9e*\x1f\x0f\x1a\xb39\x14\xd2\xa3\x8fh\xb6rN\x14\xad~Z)&gt;\xdb\xc3\xf9,#\xbc\x92}\xd5\xec\x10\xcaw\x81\xc5\xb4n\xdcl\xc9\xdbG\xebpAB\xd3\x13\x00`\x1a\xec\xb0\xf5\xbff\x97\xd9X\xe1J\xcf\xb7\x9e\x8e\x0b\xa9\x1b\x9c\xc5\x16\xce\xd5\xe2\x87T\xddi\xd9\xd9?\x06\xe0\x01]E\x02P\x98E\x97F\x0f\x01(\xbfI\xc7\x06`\xa9\x08\x99\x98\xd3,`r\x0f\x01^\x01p\xfd\nEz$\xdaV3\xbd#"\xe7\x17\xab\xb5\xba\xf3T\x1f\xffS\xc7\x9c\xc9S#\xf4\xff\xd8\x17x\x18v\xef\rN\xe0"\xdd\xf4S\xc1\xfcx,C\xc5\xc7\xc8\x9e\xc6\xb8\xf4\x9e\xd3\x03|3\xb9e\xf6\x06"2\x18t\x0f\xe5\x12I0\x0f\x08\n\x8a&lt;\xcb\x0fi\xb7\xbf\xe8R&amp;\xb1\x81G\x0e\xc9\x16Q*\xab\xb3\xb4\tW/\xd5~\x8b\x96CO\x00\xb8\xb7\xad\xf1.H\n\xda\x8dG\xef-Ow\xa5\xb4\'`\xcc9\xaf\x85\xc4.\x93l\xd4\xf6Xu\xcd\xb4\xb7\x02\\\xd18\x08\xa0l\x05.C\x92F\x1d=%X\xa5\xf1\x8f@9\x03\'\x8e\xe8\t\x00\xf6\xdf\xe0\x16\xa8\xf831\x000\x1f\xca\xb6\xcd+.\xa6"\xffz|B\x1d\x14\rj\x91\xa7!\xae\xfd\x07\x00\xdeo\x84\xb22\r:\n\xa7\x8f\xac\xc3wk\xd4\tE\xff\xfbV</t>
        </is>
      </c>
      <c r="E623" t="inlineStr">
        <is>
          <t>&lt;class 'numpy.ndarray'&gt;</t>
        </is>
      </c>
    </row>
    <row r="624">
      <c r="A624" s="1" t="n">
        <v>622</v>
      </c>
      <c r="B624" t="inlineStr">
        <is>
          <t>steps_per_sec</t>
        </is>
      </c>
      <c r="C624" t="n">
        <v>7000</v>
      </c>
      <c r="D624" t="inlineStr">
        <is>
          <t>2.6437016</t>
        </is>
      </c>
      <c r="E624" t="inlineStr">
        <is>
          <t>&lt;class 'numpy.ndarray'&gt;</t>
        </is>
      </c>
    </row>
    <row r="625">
      <c r="A625" s="1" t="n">
        <v>623</v>
      </c>
      <c r="B625" t="inlineStr">
        <is>
          <t>Loss/RPNLoss/localization_loss</t>
        </is>
      </c>
      <c r="C625" t="n">
        <v>7000</v>
      </c>
      <c r="D625" t="inlineStr">
        <is>
          <t>0.23607959</t>
        </is>
      </c>
      <c r="E625" t="inlineStr">
        <is>
          <t>&lt;class 'numpy.ndarray'&gt;</t>
        </is>
      </c>
    </row>
    <row r="626">
      <c r="A626" s="1" t="n">
        <v>624</v>
      </c>
      <c r="B626" t="inlineStr">
        <is>
          <t>Loss/RPNLoss/objectness_loss</t>
        </is>
      </c>
      <c r="C626" t="n">
        <v>7000</v>
      </c>
      <c r="D626" t="inlineStr">
        <is>
          <t>0.040921114</t>
        </is>
      </c>
      <c r="E626" t="inlineStr">
        <is>
          <t>&lt;class 'numpy.ndarray'&gt;</t>
        </is>
      </c>
    </row>
    <row r="627">
      <c r="A627" s="1" t="n">
        <v>625</v>
      </c>
      <c r="B627" t="inlineStr">
        <is>
          <t>Loss/BoxClassifierLoss/localization_loss</t>
        </is>
      </c>
      <c r="C627" t="n">
        <v>7000</v>
      </c>
      <c r="D627" t="inlineStr">
        <is>
          <t>0.25659117</t>
        </is>
      </c>
      <c r="E627" t="inlineStr">
        <is>
          <t>&lt;class 'numpy.ndarray'&gt;</t>
        </is>
      </c>
    </row>
    <row r="628">
      <c r="A628" s="1" t="n">
        <v>626</v>
      </c>
      <c r="B628" t="inlineStr">
        <is>
          <t>Loss/BoxClassifierLoss/classification_loss</t>
        </is>
      </c>
      <c r="C628" t="n">
        <v>7000</v>
      </c>
      <c r="D628" t="inlineStr">
        <is>
          <t>0.24184746</t>
        </is>
      </c>
      <c r="E628" t="inlineStr">
        <is>
          <t>&lt;class 'numpy.ndarray'&gt;</t>
        </is>
      </c>
    </row>
    <row r="629">
      <c r="A629" s="1" t="n">
        <v>627</v>
      </c>
      <c r="B629" t="inlineStr">
        <is>
          <t>Loss/regularization_loss</t>
        </is>
      </c>
      <c r="C629" t="n">
        <v>7000</v>
      </c>
      <c r="D629" t="inlineStr">
        <is>
          <t>0.0</t>
        </is>
      </c>
      <c r="E629" t="inlineStr">
        <is>
          <t>&lt;class 'numpy.ndarray'&gt;</t>
        </is>
      </c>
    </row>
    <row r="630">
      <c r="A630" s="1" t="n">
        <v>628</v>
      </c>
      <c r="B630" t="inlineStr">
        <is>
          <t>Loss/total_loss</t>
        </is>
      </c>
      <c r="C630" t="n">
        <v>7000</v>
      </c>
      <c r="D630" t="inlineStr">
        <is>
          <t>0.7754393</t>
        </is>
      </c>
      <c r="E630" t="inlineStr">
        <is>
          <t>&lt;class 'numpy.ndarray'&gt;</t>
        </is>
      </c>
    </row>
    <row r="631">
      <c r="A631" s="1" t="n">
        <v>629</v>
      </c>
      <c r="B631" t="inlineStr">
        <is>
          <t>learning_rate</t>
        </is>
      </c>
      <c r="C631" t="n">
        <v>7000</v>
      </c>
      <c r="D631" t="inlineStr">
        <is>
          <t>0.039743636</t>
        </is>
      </c>
      <c r="E631" t="inlineStr">
        <is>
          <t>&lt;class 'numpy.ndarray'&gt;</t>
        </is>
      </c>
    </row>
    <row r="632">
      <c r="A632" s="1" t="n">
        <v>630</v>
      </c>
      <c r="B632" t="inlineStr">
        <is>
          <t>train_input_images</t>
        </is>
      </c>
      <c r="C632" t="n">
        <v>7000</v>
      </c>
      <c r="D632" t="inlineStr">
        <is>
          <t>[b'1024' b'1024'
 b'\x89PNG\r\n\x1a\n\x00\x00\x00\rIHDR\x00\x00\x04\x00\x00\x00\x04\x00\x08\x02\x00\x00\x00\xf0\x7f\xbc\xd4\x00\x00 \x00IDATx\x9c\xec\xbdy\xfc\xbf_=\xe7\xff&lt;\xdf\xbeB%DJ\x91DI\x19\x06E\x06\x95-KH\xa2Q\xc6\x96\xdd\x18\xe3g\xc9\xae1do,clYF\xd6d\x89\xb1\x8c!T\x96P\x18B\xd6vj\x94P\t\xc5\xf3\xf7\xc7\xb5\x9d\xeb\xba\xce9\xd7\xd9\xcf\xf3\\\xd7\xe3~\xfb,\xef\xf7\xebu]\xe7&lt;\xcf\xf3&lt;\xcf\xf3&lt;\xaf\xb3]D\xc5\xe1\x81\n\xd9\x98\xb2\x9ds\xe7\xdd\xe5\xee\x0b\x8c9x^\x99\x9b\xf2\xda\x13\t\xfb\x14\xbc\x8eu\xb9\xb3w\xc8\xb95\xb3 Q\xb7F\xba\xbb\xd7\xf6\xb9_\xa2\xf6|\x9a\xaa\xb4~\xfb\x92@\x98/\xaa\xc3F\x12&amp;\xfa\xb4\x83\xeb\xdb\xcb?41!\n\xcc\xcdQ\xa7\x16[p~bpo\x08\x00\x00r9\xf0hQ\xfe\xeeC\xe8\xfd\x99\x98o,\xe7"\xdb\x87_\x1b*w\x06K\x94\xecY5"z\xac\xffg\x8d\xec\x93\xbbUWPn\xfa\xca\x95\xc5\xeaz\xed\x16\x1b\xe1\xd2^\x1c&amp;zZ\xe4\x8d\x12\xd5\x1e`\xb1R\x8c\xc7`\xde\xa7\xa1d\x0b\xe5\x8d\x05\xfeI\xb6\x94\x01\x00\xa0&gt;;_\xc9\xc6/\x03\xc3\xb2\x8f\xcb\xe5|\xcd)\xb4\xef\xbdVYW\xeeM\xf7=\xdc\x1d\x8f\xb2\x0e\x94\xb0\xdc\xa3\x821\xd9L\xbd533\xbf\x97)\x85\x9d\r{\xcfE\x98&gt;,\x15^\xf4\x84\x97\x85X\\G\x94\xc6f\x03f\xa6\xa7\xb7\xd2yR\xbb\x90d&lt;\x9a\x00\xa72\xe0\xa2-T\xd3X\xf3\xc1\x14\x00\x00H\xc7\xd9\x13$8\xd0\x1c\xbd\x8b\xd3\x83\xd7\xf7\xbfL\xf4\x15d\\N3\x96\xf4\x87*\xc9a\xe8\xe1&lt;g\x00\x02\xd2O\x16\xd3\x97\xa0\x82\xa4\xe4\x13\'\x8c9\xa6\xc8\x1f^\xf4\xc4\xaei;\xf5\x13\xa3"\xfd\xdee\xd8\xb5\xebhU\x98\xf1H\x90!+9\xcd\xcf\x95\xfa?\x8e\x9e\xe1Gr$\x0b\x00\x90\xce\x8d\xad\x05(\x8e""\xa5\xf6\x1f\x1b&gt;\xf3O\x91\x8di\xe6\xa2\\\xca\x079\xaa}\xe6\x86\x8fd\xa1\x02%lW\x18)\x06\x13\xa21\x16X\xfb\xccli\xd4\x99\xd2\xd7\xca\\.\x86dZ=\xb8IT\xb4/\x16\x1d1\xb7\xf2\x1eJ\xf5\xad\xd05f\x1bL\xe8\xc0\xac\xa9\xbf:\rz\xfb\xefYR\x06\x00\x08\xe7\x86\xd6\x02\x14D\xa9\xff8\xfc\x971\xcda\xe4\xe5(I\xdf\xa8\xa1X\x0c\xf3\x01\x91\xf7)e|\x02\xa8\x86A!\x9b@\xc9tS`\x1ea\x97\' k\x00R\xa9\xe1\xcfR\xc5\xea\xebI\r\x9f\xdb\xee\x91U\x02"\x1a\x03\x16\x1eW\xd0\x15\x91\xaf\xf0\xd3d\xd5\x06\xf5\x8cq \xfc\x01\xe5\xb2\xb8\xa9-\xfe\x9f\x16\x96G/\x84c\xe6[G&gt;\x81)\x93+;\tJ\xa9\\\xd1\xff\xfe\xe1\x82\x89\xe8_\x7f9O\xe2\x00\x00\xe0\xc7zB\\(\xb3xN\t\xdf\xcd34)\xb5\x18]\xc6D|$\x96\xe5\x04y\nR.j\xdcg\xd4i-\xac\xc4\xfe\'q\x92\xeb\xe2}B\t\xc5\xae-\xc4\xb2\xf8"\xd1&amp;\x0bZ\xb8-\xa7\x12\x89\xcf\x99\x18\x8e\xabr\xe8\xcdO\x98\x1e\xdbN9\n\xd9\x89\xdd\xb6\x01\x00\xa0\x06\xf0Ay\xe9T\x9f\xbf\xb7\xfa-*h\xf0\xa0\xce\xa6\x0b]\xed\xc25\xbf\xdd\xf6\'\xdcf\xd6&amp;q$a\x8e\x9d\xfa\xa6\xa6\x94O3\x85\xf5\x9c\xb5\x1e\x03\xdb\x8e-\xbad&amp;\xfa\x9dL"E\xd0\xe9v\x8b\xbcnP\xe3\xb5\n[8\x00@*\xed\x97\x00\x1d\x9e\xf2RG\x8c\x18\x84v$\xd1\xf3\xc3m\x8b\xf3\xd6\xab\xdf\xd6E\x98\x96|\xa4cP\xcd\xb4\xa8$\x1b\xba\xa4Bm\x84h\x0e\x0ey\x1c\xf5\x1e\x04]\xc4\x95\xb9~BM\x1c\xae\xf1\x18\x03\x99\xe3\n\x88\xa8\xa1M\xbe\tu\x9cq9\x875\xf9\xc4\xf4\x1fAt\x97\xff1&gt;G\xf0[m\x03D{\xe2\xd3j3S\xfeo\x9b&amp;R&lt;\x83\xc1\xb7\xf6u\xe1\x94\x13\xfa\xa5\x06\x03\x11\xec\xb5\x00\x00\xfda\x1dV\xd4\x87\xf4V\x83\x10\x9b\xd1\x08\xffa?@\xb4[\x08\xd4pIR$\xb3\x19\x94^\x18\x96}\xc4k7\x9c&amp;\x90\xef6\r\xfb\x11\xd9\x96^|\x91\xf0\xe2\x18\xf0\x12\x98\x99\xde\xdf]\xa2\xbd\x9e\xf6\xd7\xe7\xd7\xc9\x98\xd1\x81l\xe5a\xa6G\xcfO\x86\x11/+\xe0\xe5\x8f\xe6\xd8\x0b\n|(PW6L\x15\x9d\x89\x9e\xcb\xe7\x9a\x0e\xc2*\x975\x00\xa0\t\xd5\x86\xf9\x16\x07b:\x84\x84W\x07o\xac]\xcd4@\xb1\xfa\xbc\xe8\xb0\xd99`f\xa5\xc6\xde\xd6G]\xc3\xf5rF~\x87\xfaV\xea\xb6D/\x9cb\xac2\xb2e&gt;\xae\xc4f\xc0R\xb0\xf5\xe5sC\x1b~\xb3\xddR\xf4\x04\x9e\xbc\xecMzW\x10:\xae\xf7\x9d\xbe*T\xe8\x9cg\xdb&amp;\xc9\xcc7%z\xe5P\xde\xb5\x1e\x16c9\xd0\x06\x13\xd3\xfa\xc6\x96\xc63y\x95&gt;\x0c\xb8\xae\xed\xf1\xd4Y\xd0\xca\xe4&amp;\x19D\xf5\x0e\x00\x80t\xaa-\x01R\x96\x9f\r\xdf\xaa\'-\x9fj\xfen5\x97\x8d1\x89C\xf4\xf3^\x8eu5L\xf0K\xd2\xe8\xb4x\xe0\xfd\x89\x88\xe8s\x8b\xf6=\xbbU@\xd9\x14!\xab\xc3\xb4\xb7\x1a\xadm\x19\x96\xd6\xe8Q\x87$\x1b9@\xad\x97\t\x99\xca\xee\xf1`\x9cU$?\xd8\xf8c}\x14\xd1+\'9\x0c\x82\xb0\x87t\xdb\xe8\xff\x9d\xb2\x08\x16\x8dza/O\xafD\xb5+\x7fZ\\\xb7i\x14\x1d\xe9\x0b\x00 \x15\xcf\x90}\x9cp\xbc\xbb\xe9\xe2\x9f\xab5\x1fz\x1a&lt;u%U\xa5\x11\xab\x0e\xc2\xf3X\xd2\xe7\xa8\xa5S\x8e\x04\x1b\xb2\x91\xc1u0\x8b\x8f\xa8\'hw\xa1E6\xddT\xa9\xec\xbbL\x1b\xeb|#\xcf\x9bN;F\xcc\n\xb1\xd9X\xb7\x96\xd3\x8a\x88vZN\x96\xe6F\x08\x008=ng\'\xc4\x1bvChx\xb7\xff\xbc\x8c\\\xbe\x14\xae\xee_ k\xb8\xd2\xb7\x8d\xadc\xc7\xfb\xa6\x97\xf1\x04:\x99\x08\x08ev\x8a\xaaU\xf6}\x1d\tx\x9e\\\xad\xe9\xb7^\xe50\xb3\xde-\xa76&amp;\x1d\xfepk\xa1\x00\x00\xa0$\xdfq\x1cg\xa0/)\x8f\x80n{\xee\xf9\xee\\0\x00J\r\x8e\x05\xa2\x17\xe15\x0f\xc2\xb2\xe0$\x0b\xca\xed\'I\xa5l|\xe3\xd7\xe2sS\x1c\xfc\x00Pc\xa7\xb2!W\x87\x99\xb57\x9b\x1e9\x8fG\x02\x00\x00\xd0\r\x12\xfa\x1b[\xe7\xe7\x11\x96Eg\xa2ew\xcf^\xbb[G(\x86x\xc2\x13\x0fEe4\xc2\x03\x01Bg-\x88\x98\xe8\xdd7\xab\xda\x0e\xb3\xc9(0\xcc,\x1d\xb3&amp;\x7f\x1c\xca\x04\x00dC\xe8\xe4\xac\xad\xe7\xf8\x9f\xcc\xdf\x82\x1e\xa5\x06\xed\x95\xcc\xc6\x93@\xad\x81Q\x9c\xc0_\xb6\x0bV\xba\x8fZ\xee\xe2\x88\xc5\xac\xda\x033\xbe\x8a*\xa7\xc6\xe8j\x9an\xb9\xfb\xbc\\\xc7U\x16\xfd\xf3\x1c\x06\xef43\x18[\x18h\xb6\x00\x80\xb2d\xf4\xfe\x991y\xba\xa7,N\x10\\\x88M\xa5\xf3\xce\x0c\xf6\x9f\x84&amp;\xae\xf7\xacg10&amp;f\xba\x9d-\x908G\x19\xf3#@Q\xf1\xb9\xefbDc\xbd\x7f\xce\xfe\xbb"\xa2\xcf\xc2l\xa5\xaa@\xff\xe6mi\xb6\xaf\x8b\x96\x0b\x00\xc8\xc2\xe8\xa3{\xf1)\xcfE\xf8"\n)\x15a\xb2\x8a\xcf7&gt;C\x1a\xef\xce\x1a.\xb4\x8d\x1d\x8d\x18\xa3\xc0\x1e\t\xd8\xb4\x10\x9f\x87\x00]Eg=9s\xc3\xb3\xf1*"\x9f\xbe\xac\xb3~\xa9\xa7.F\x12w7=\x00\xb4\xd6$\xd3\'b\x16\x02\x80s"\xbda\xbf\xe5\xe0\x04_)]\xceZ\xb4\r\xe6\xe4\x84\x92&gt;]c\x83\xad\x90\xcd\x1a\x143}\xb09\n\x8c\n \x1e\x93Q\xb4\xf203\xd3\xfbFj^D\xf5Ec:\xcb\xab\xc5\xf3\x8cfl\xcc\xff]\x8a\x97\xe8\x8co3&gt;\x00\xb4G\x82\x0c\x00\x00pu\xb41\xb6\x93\xd1g\x04\xd6\xe2\x01`\x9b\xcb&gt;\xf7\xe1\xd7\'\x04\x1b\xc9\x17\xcd\xf7\x12}[\x1ea\xbd\xc8\xb3!5&amp;\x9d\xae\xa3\x7f\x03\x0fk\x17&gt;\xfeh\xa3\xc5?g\xe1-\x8d\xd1?4\t\x00\x10H\x98{\x82#\xcbF\xd3\xc1\xa1R\x99J\x1a\xf1\n\xa0z\xbc5f\xf4NK^\xb9\x04X\xa7\xd3UED\x17\xbfQ\xac\\\x94q\x15~\xa6\xa6\xeai\t5\xde\xe2wn\xceh\x8a\x00\x00)\xdc\x905\xb5a \xdag\x03\xe5\x1cQ\xe4\\x\x9d/\xa9\xfePJ\xcd\xffV\x85y\xfb\xea\xf8&lt;\xdcC\xb7\r\t\xfd\x9f\xff\xd8[\xedZx\xed\xf1\xff_\x9b?\xc9\xa5\xad\x07\xad~\xcb\x94\xea\xfd\xa9\xe4\xe19\x1b"\xaab\xbe\xa5z[*\x87"R\xa4T\xa62\xa9\xe3d&gt;\x96\x99\xaf\xed\x91\xb3R\xdf\xaf\x03\x00@ \x96\xb1\n\xc3Df\xd6\x81\x8dj\xf1\x04(MQ;I\x17,\xe8\x8ej\x06\xb9\xd6R6\xd5i)$\x8f\x1f\xaf\xe4\x99~\x90\xdbf;\x9b\xee\xa8\x8b\xeel?\xdcz\x85\xb0\xf6\xdb-P\x1d\x00\xa0\x087fN\xcf4\xf8\xe9\xf0\xfe\x99\xc6J?v\xca\x88\x06w\xd9` \x1c\\\x80@\xb3\xaag\x84J\x8d\xf1j\xc6HkNj\x98[J*\xcdol\xc4\x1a\x1a\xa8\xe4\xc8&amp;\xad\xbc\xa7f\xb2\xb4\xc10\xbe\xdf\xe7\x16\xe82\x81\x10\xe5\ru\x83\xee\x0f\x00 \x83\xd0\x01\xdd\x98\xb0\x00\x03N\x16\xc4\x8e\xb0Z\xb1X\xcb\xed[\xcb\xd5\x05\xa1m\xed8\xad,\xf6\xb3\x16\xa63\x83\x04D\xe3\xcaN\xa2\xfb\xadgo\xecW\xc3\x1b\xc7s\xc7\xe8;\xa1m\x00\x80?5\x86\n\x06\x974\x8e#\x92{\xc98O\x03Ka\x82\x19\xbd^D:=\xb3W,3\xd3\xb03\xa0\x89@\xc9D\x1a\xc3\x95\xb14\x848\x05\xe6\xdb\xdd\xf1\x12\xe6\xd7\x19$!k\x9a\x18\xbc\x14\xccz:h\xfc\xd1y\xe1\x8aZS\xb2L\xda\xc6\x83&gt;]\x07O\xcd\xae;\xc9\x01\x00\x9d\x91w\x13\xb0\x19\xa5\x94Z\xf6\x9f\xb9\xfd\x9a\xcf5\xd6\xdb\x9a\xc2m\x87\xdb\xf7\xfd\xee\xf8I\xc7\x11\x95n6\x12\x118\x9e\x9d\xa8\xac\xbfZ\x8d \xe6\xd3\xfc\xeb*\xa5\xc8^\x9b\xcb\xd4\x80@\x95\x02ZU\x9b\x9a\xfelh=\xfa&lt;LK\xac&gt;h&amp;K\n\xd3:V\x9f\x0b\xd1X\x00\x00\xf1\xd4x\x00\x08"r\xachz\xc8\xd8|\x9a.\x8f\x9d\x07k?\xf3\xf4\xba\x9b\x92\x19:\xc1\xb6\x87\xca\x0c\xc1\x8e\xad\xc6\x9b\xadxI3\x837,hH\xd6d7:\xec4n#\xa2\x97\x9cx\xc5\x8b:\x98J&lt;*tq\x9d\x983\xb8y\x97u\xc1\xf3?\x96\xef\xe7EX\xb9O\xd2\x03\x00\\\x08\xb1Q#O+\x02\xe2\xd7\x02\xad\xa7\x80\x0f\xd73\xa4,xX\xb2\x95\x13\x88\xbf\x8a\xf9&amp;\x92\xe49\x13k3\xdbjx\xd3%\xe7\xad\x82iA\x9d+M\xb7x\xa20\xafY\xa2\\3Wz\xa3\x8et)\x01\x99-\xebdD\xeb\x9c\x0c&amp;J\x89}\xc1a\x18ZiA\xceZ\x8e\x0eW\x01\xcdVJ\x8e\xc5r\xeb2\xf6U@\x00\x80\x14J\xcf\x00D\x0cNd\x1bD\x9b\x12\x99\xc7Kl\x89\x1e^p\x88\x8f\x0b\xae=\x18|\x93\x9a\x99]\x15C\xef\xbb\t\xad\xf2\xe7\xd8\xf3\xaa.?\xf2\x9d\r\xbcM\xb4\xa8\xea\xd4D\xc1&lt;r\xb0wt\xf3\xf9i\xb9P\xea\xfeJ)\xa5~\xb3\\\x16\xb6\x8c\xe7\x1f\xdf\x8d\xa8\xb7\xe8\x9ff#rI\xae\xef\xc3P\xf7-/\x12\x00\x00\x84\x11y\xeeG\xd2\xf1\x11\xdb\xc3\'x\xf3\xe1^\x92\xed\xf5)O\x1e\x07\xf7\x0e\x02\xbc*&gt;\xfd@N\xbb\x1a!\x8a\xbckr\x1c\xf6\xb96\xbf6\xfa\x8fl&gt;\r\xd8\xb5\xd8lz\x1b\x93\xfa\x83Q\t\xcf"\xe6\x8f\xef@!\xc51k\x9c\xf9\x11\x89\xca\xd9x]Kni\xb2\x83\x12\xcc\xabW\xf5?\x00\x80\xf3\xe3\x98\x01H\xf2\x02\xfb\xb1\xb7\xf0\xdb\xc2\xd7\xff\x84%o\xb8\x83S\xe2f\x1fi\xb9\xde\xb8|\x17\x83\x91#\xc5c\xe5%\xf1,#\x91\xca\xbe$Zi\xb4\x1a\x80\xece(\xdaN\xa2\xe4\xb7\x9a[\xf0\xdd\xc6\x16\xfd&amp;L\xf4\xed\xc9b\x9d\x98\x7fM\xbc_)\xf5\xa9\xe3\xff\xf3g\xc6\x07\xe4\xc4|@\x12[O\xcb\xc3\xcei\x9e\xbei\xbb\x93\r\x00P\x13[G\xcb\xc9\'0.Q\xb4\xff\x8a^=\xf2\xd6r\x1fNF;Na\x1f\xb8+E\xb4&gt;\x1aB\xa97"z\xbe~\xd3,\xa3~\x8a\\\x81\xc5\xa3\x87*\xf5\xde\x840\x9e\xee\xe9H\xaa3\x98\xb9\xf4j\xdd\xd96\x94Iu\xda\xb7\'Qi\'l\xbc\x04\xe5\xb1\x01\xfb\x13|\'\x8b\xc2S\xf6#YRl\xb1F\xdf\xec\x90;\xd0\xffIa\xe6Mw\xac\xd5\xd0\xbafPG\x00\x9c\x1f\xf3\x0c@\x8e1\x00\xa5\x14\xa9\xc1\xd5\x84\x07Uz?1\x0eQ\xcc\x93\xc8\xa1\xc2m3\x7f\xde\xee\xeb\xf9\n\xc5\xab\xcfK\xe0z\xe2\xf2d\x18\xad\xa9\xb4\xa6\xf6@\x90&lt;T\x18,_\x8f\xca\x9b\xa3\xff\xe1\xb7\x98\xd4\xc3W8\xd8-\x99\xe9\xc1\xd7\x19\x82\x9b\xbd\xc4\xb0\xb3!\x93\rL\xc9\xc8\x98\x06IY\xd4t\xe3vI\x86gR\x7f\xb9\xba\xa6I\xf4O\xa3\xfe\xb3\xa7\nbQ\xda\xbf\xb4\xffy\xf6\x8d\xa83\x00.\xcd\xc1\x8b\x1e\x0bej\\\x01lX"|x\xf8\xe26\x1d\xffE\xa8\xcd\xd6\xaazg\x8a\x05\xb5\x19\xe1\x8d\xd1\xc4=\xfbF\xdck\xbc\xc5b\xbd)&lt;4\xb1h\x07tc\x84|\x9bF[2\x92[k\xf0\x8dSv\xffi/\xc3\xd6\x91~]FK;\x90\x07.\xab&gt;;\x9d3}\xf6\xbe\n\xb0\xe8\x1f\x00\xe0\xcb\xa7\x97\xf1\x17\xd3\n\xc4\xed\xa4\x84\xa5\xebr&amp;\xc5\xcc\x8f\xdd^\xe3\xe9\xe6\x04wT\x0f\xddh@\xa4\x90~\x94\x8aG\x83\xb9;e\x08\xbb\xe3\xee5\x98\xd9\xd6\xc8\xb3\xd4r1k9\x81\x1dzc\x08\x9b\xfc\xca\x1e\x17\xfb2=\x9e\xa7|C\xf7e\x1a\xac\xd1\xe4?\x99\xe8\x07)X\xb0\x18\xd6\xf6|\x01\xc4\x14\xf3J-\x14\x00\xd07w7}\x18\xf1\x00\xe0\x83\xa5[\xcd\x96~$\x0f\xb6\xfa\xebSE\xff\xa2J\x91jW\xf9l\xa6\x8c\xa9\x17A\xbe\x84\xb90\x16\xd3\xd7\x80c\xb4\xf4\xfb\xc3\xf5\xef\xbb5\x83\xe3\x14^\xd7\x92\x9d]\x86:m\x90\xf92\xd1\xff3YLa_C\x96\x9b\x05\x00\x800~\xcc\x18\x13\xe5y\x00 \x93g\x9c=f\x13\'n/]\x0fA\xa1\x89\xef\xdd}"\xae \x89\xf2d,\x8b\xc5\xd8\xa5(Jg-\x9b8\xf1&amp;&amp;\xc1&amp;Q\xbf&gt;\\\x93\xdb\x8a`\xa6{13?\xca/)f~~P\xa6V\x038H\xc4i0ML\x88\x89&gt;\xafz\xa651\xa8TN\x83\xed\xa1y\x02\x00\x80\x9dv\xf1PbF\xff\x9d\x99\x89n\x1f\x91\xa3=S\xa6W\xcf\xe2\xcd\xf5\x14\x9e\\\xf8\x08N\xde\x07au\xeb\xf1\x18\x7fy\x8c\x97e\xedem\xf6\xce\xccL\xd3\xbf\xee\x9bs\x88\x11,(\xd1\'\x07\xdd[+(a"\xa2\x17oD\r\xcb\xdaZ\x1dE\xb0\xd7~\xe0\x9de\xc4\xf3e\x90\xe1\xe6\xad\xc5\xa8\x8f\x10\xfd\xeb\xa2\xe0\x01\x00\x00\xd0#5\xbb^C\xeeAKo\xf5\xc8\x8c\x8fb5\xc3\xfd\x95\n\xb8\xcf\xa2R(\x96\xa9*\xe7\x1b\xff!\xbbp\x8e\xef\xc9^A\xef\x9du\xc6\xdf\xac\xa6\x8d\xd2L\xd9Ul L\xffk+\xd2\xbf\r4\xf5\x9aA\xc9z\xef\x0c\xdf$m\x9e\xa7\x88\x92\xa7juU\xfa\x8a\x8f\xb0\xcd^\xba\x8d\xa4\x1a\x12d\xa8\xc2\xd6\x92k\xb5AO\xf8\x95\x97\xa8\x05\x00\xc0\t\xd9t\x81\xd9\x1dY\xde\x04\xbf|\xfc\xffk\x82\xfb\x80\xc2\xc54dT.\x0bw\xbeIQ\xd4\xf36\xf1\xcd\xdd\']\xfdH\x01\x91g\x0c\x91Y\xc9\xec\xbc\x1e\x02\xdcw\xd4\x17Mv\x90\xb1QN\xb4\xa8E4\xecQ\xdb\x86\xf5&lt;\xe3\xe7\xcf\xb5~U\xda\x12&lt;\xe0\xbb\xb5\x1f~.\xff0l}\x00\x10\xd2"\x9a\x9b\x01\x00@*\x93\xb7z\x8b\xec\tSPX`\xee\xae6\x9d\xd9ge\x15\xb0\xdck\x0f\x93\x96\x19d\xed9\xac\xd1C\xe5\xfe\xc9/\xb2\tKd\xde\xaa\xc1\x9c\xe9\xc0\x1c\x03\xb7h\xb3ri\x9f\xa3K\x80j\xe2Y\xe5\xa9\xa1\x93\x04vf#\x8a\xc0\xa6\xe1\xbcFN\xa5\xd4\x95\xc1X\xb3\r\x9eK\xe5\x99\x99(a\x00\x00\x82\x18\xcf\xdcd~F\xc6D\xc7\x08\x81\x96S\xd6\x8f\x1c\x90\xcdO\xaf\xdfH\xc2_3\xff\x94!\xe0\x1b^A\xf4\xd5\xba\xcc\xb9\xbcd\xf0\xbbT\xe6\xf7\xe5d~#\x0f[_\xc2\xc6LefTv}0\x11M\x05TY_\xb5;\x86\xfd\xabWHe/\xd1K\xdb\xf4\x9ck5M\xef\xc92\xd3&amp;\xccS\xf4V-\xb2\xcd\x81\xb4\xf7\x1cm\xdb\xc4A3Q\xea\x89\xe3\xffE\xa5\xca\xc7\xd3\x8a\x0f\xc3\x8fM \xeb\xc4Lj\x02?\x9fC\x8at\x10\xf9\x03\x00l\xcc\xe3y\xd9\xd3\x0c\x18\xd3Z\x86\xa5\xff\xa3\xf1\x9b1\xd6\xfb\x01\xfd\x99"\xf3\xd8\x92\xb0a\x9b`4\xf9y\xa54\xd3e\xc5F\xe6\x0c#\xd3\xd6+\x7f?T\x00\x93Em73X\xd3\x8c\xab\xdf\xff\x12l\xc9\xd9Y\xf2\xb2\tPQ\xbcm\x16\x8dt\x12\x81l9c\x8c\xd3xq++u\x89R\xfa\t\xd5^\xdeX\x7f\x9e\xa6\xc0\xe1\xde\xb8\xad&amp;\xd9\x89\xf3{\x00\x80KP\xa0\xab\xb0\x04MsF\x86\x1c\x1d\x0ew\x1d\xe1}\xca&amp;\xb5\xa2\xabe\xfa\x82?XS\xef\xd4\xefV~\x00(\xca\xde\x96\xf6Ex\xa8\xfb\xe6\x94\xa5Y\x12Tg)E%\xf1\x8cY4\xd7\x897C\x8b\xf8\xc9\xd6b\x0c\xa4\xab\xcbh\xcc\xedM\xd4$I\xf1\x19\x00\x955\x97d\x1dzNP\xd7\x88\xcbkU\x01\x00\xa0C\xb2w\x15\xb6\x98i\xe0S\x07\x7f\xa4g\xfa\x99\xfe\x9d\x96\xachL*\xc7\'Ez*\x8d\x99\xe9k\x04\xa9w]\xe9&amp;\xc1\xec]]\x9c\xa9\xf4bo\x15$|\x82-\x0bGu\x14!%\xa3Y\xce\x86\x95\xc8y4f\x98\xe2\x93\x15\xe7In/\x07\xa8]\'\x95\x9fr\xdb\x96\xd6\xd9\xec;\xdc2\xd9\x88\xb2=\x00@\x03\xcc\x11\xba3n\x0b\t\\,i\xf6\xd8\xc7\xb4$X\xcf5\x84J\xa7\x84=\x18\x0cX&amp;\xae&amp;\x969\x83\x86z\xd0\x0b\x18Q\xd7\xe3\xed\x9fRH\xbaj\x98&lt;\xaaX\xcb\xec\x93\xb3D\xb4U\x1al\xa5\x87\x19\x00\x80L\xbej\xb3:\x7f\xd39\xb9|P@`\xb1\x0b\xc7\xa4\x87e]p\xb0\x9ed\xa5g\xc1\xaa.$g\x17e\xaf\xc0\xaeQ7\x96!\xbc\xf9\xff9\xfdlq\xe1+\xb8#C\x93D\xf8\x95\x9do\x16\xa3\xd2\x95\x9dG\xcea\x16\xf0]IR\x01\x00\xce\x83\xde\xedE\xf9\x85\x80\xbe&lt;9$M\xf6Y\'\x0c\x047%\xfa\xac\xf1\xc3m\xfc\x1f\x1arUE\xbe\x846\xec2K*\x8b\x80G\xa0pkd\xfa1\xa6\xd0#\x89\x93\xc5+\x1a\x12\xed\xca\xfe\xd2ry]\x97\xd6\xa6\xaea4x_\xf1b{\xc9\x00\xa12\xa7\x0c\x00\xa8E\x96\x93\xe4F\'\x90r\xc2\xe3\xecG|\x12\xd1\x9d\x8eg\xa6{?\x15{\xe0&amp;3\xe7&lt;\xcb\xb2\x07\x86\x15\x17\xab&gt;\xa7\xb8\x06\xd8~\x82\xa9\xeb\xa6\xd9\x8aH\xdei\x8fV\x1c\xc6?|\xa5\xa8\xa3C\x1f\x0bb\x8c6\x1c\xcaY;\n*j\x12\xd5\xf2\xaaY(\x1f\x82\\w?ps\xc5\xae\xd8\x99\xbeo\xd53?\x9f\xe8\xf6\x19\xab\xc6 \x89$E\x01\x00\xbc\xb9!G"\x19\xe2\x13\xa5\x86\xb3\xce\xbdR\xd1/cf\xfa\x92\xe3E\xed\x86\x8f\xd8\xfc\xb9G\xe6W\xf3wj8l\x7f\xae\xa3\x1a\x1aP\x14Q;jBV\xe7}\xc4\xa4X\xc7\x15\x01\xa9\x9dxX\xce\xac\xa2\xa3\xe8\x7fr,\x95\xa2\xff!\xcfry5\xca\xc8\x8c$K\xcb;\xf1"\xcc\x81\xec\x8d\xdc\xb3\xacJ\xdd&gt;cQ\x10\xfd\x03\x00\x9a\x13\xb2\x0c\xc0zOy1Ai\xf6\xbd\xfe\x89\xd6\xa4\x06\x1b\xaa\xd5\xbc\xf7\xcb\x00:m\x02s\xe9\xbe\xd2o\xbfP\xcd\x95?\xd5TZ\xa7\\&gt;D,J)/\xc9I1\xf4_\x01\xbd^.!\x9aW4\x00\xe0\xea\x98\x1e\x00\x02\x0e\xb7)!Q\x814\xc1\x01\x9b\xdal\x17\x04\x14\xe9\x17\xc7\xb2&lt;3\xf6\x01\x80y\xf3\xe1,d\xbf\xd1\x92g{\xaf\x17\x98\x86\x06d\xe7\xa2\xb0\x15\xfd@\xa0 \x830\x9fUL\x9e\x86\x98wd\x1d\x9a\xdc\xfab\x00\x00Xh2\x7f\xc7\xe9{\x06\x8cs\xcf\xee\x04\xe7;\n,\x9c\xe5\xebm\x0c\x10\xc1P\xa7\x93\xe6\x17\x9b\xa8Z\x17\x9a)\xe6\xcdw]\xbaPY\x88&amp;+g\xfd\xd7!5f\x96\xb1\x82&lt;\x08\xbdt\xceu\x87\xba%P\xf92\n[/\x9e\x9f\xfa\x05\x9c\xfb\x08"R\x93\t;d\xd0j\x9c\x1c\x86\xd1%K\xcfe\x8a\xf7\x1d\xfea\xeb\r\xce\xa5\x16\x00@"Y\xf6\x00\x84\xa1\x8f\xd8\xc6\'\x92\x90k`g\xe61|\xc2\xab\xff\x12\xc1\x80M,c\xb5\xd6\xee\xe7\x8a\xe5\x96\xbe\xddb\xdaA&lt;\xa7\xb8\xf9Ax@\xe0j\x08\x9f\xe9\x9bDFyl\xccj&lt;\xdb$\x806\x99T\xadh\x0f\xda\x05\xae\xf3l\x96\x97\x00&lt;\xffs\n\xf4\xe8\x1f\x00\x00Z\x90\xab#\xdd\xcc`\xc6&amp;k\x9a\x0euwQ\xd1Q\xf5\xf1\x14\xea\xb3\x0c\xb9\xc7\x17\xb0\xdb\x07\x00&amp;za\xed,e(J\x88\x18\xe4Z\x1a\xb7\xb2\xcfM{\x91#\xff\x8a?\xd85\x04\xdf\xc6\xbe\xba\xb6\xdar\xf9\xdcyU\x13\x9e\xb5?Z\xde\x06[\xaa\x00\xd3\xb6\xe2\xbcj\xdc\xbb#\xe8\x85/\x18\xfe\xd3\x0beo\xdd\x06\x1aU\x1f\x00\xa0\x7f\xd6.#\xa7W\xcd\xd2\xb5\x18\x13)\xe4\xe3\x8e\x12\xd7}\xf1\xd3\x8c\xd2E\xe4\x19/\xeea\xd2\x9eR\x85\xd5x\x9b\x9e\xe6\x03\x8fz\xc1\x0b\xe2\x13\x1ft\x13\x100\x13\xbd\xa1\xf6\xfb[\x07\xd9X\xcf\xa1O\x8d\xd6\xf4\x15C\xfa\xecz\xe3G\xedv\xcd\xfb\xf7\x9aM\xb9\x1fL\xc3:\x84\xf4\xffP\x0e\x86G\xf7mu8\x15R\xbd\xfa\x84\xeb\x13\x00\xb0\xe5`\x11\xad\xd2W\x0cS\xae\xb5\x95f_\x14\xb2\xda\xe1.\xcc\x7fl\xfb.\xfb\n\x90Y\\c\xca\xa6o\xb7\x05\x94\xb3\xf8R\x97\xcc)\x153\x07\xd4\xf8\xa6\xc0\xd5\x16\x973\xf3\x94\x95\x14\rKa\xaa\xbf\xf9\xf7\xfeU\xb4X\x99\xa7e.m\xd3\xefzQ\xb8\xddN\xd6\x1c\xbch\xb6c\xe4-\x99\xff0^\x00\x1e7\xd2x\xde+\xa4\x99X\xdd\xaf\xa7\x03\xdfWm\xe9&gt;\x88\x99\xe5ts\x00\x00\x1f\xcc{\x00\xb4\rXD\xda@D&amp;ln\xe2\x8b\xbdS\xf8\x13\xe7\xb7\x99\x87"|\xfc\xda\xfa\x12\xa1~0\xa4\xc3WJ=%:f\xaa\xb6\xe6\x82hVv\xdc&lt;\xc0yg\x0f\x0c\'\xdf\xf7ZR\xc3\x08\xa6\x9fa\xeaO?\xdd\x15?\xe8\xd5(\xb5h\xd0^\x86\xe8?\x19Qj&lt;\x80\xed\xf6:\xbe\xe5\xa4\x84at&lt;]\x06\x00\xc8\xc9v\x13\xd6\x91k\xb8}\x90\xef0\xcf/\x87\xb8\x9e\xa0y\xeau\x16\xc35\x83\x8b\xf5\xcf\xd4Q\xbao\xb6\xdd\x10\xb8\x8a\xa68\xe5f\x84\xebN7O\xeb\x95\xb5\n\x9d\xeb7H\x00\xdd*J\n\x0cb\xf1n\xe3\x87)\xa0\x8aw8\x9c\xa8I\xe7Kci#e\xfd\xac[\x91\xa3\xbc\x9b\xf6r\x9c\xd4r\xf1]\xa2\xf2\xbd\xe3Uj\x07\x80\xd3\xe05+\xba\xcc\xbc\x1f\xbft3,\xc1\xad4\xde\xa3\x1a\x8e `\x9f\x88\xf1\xe2\xf9H\xb5\xfb\x13\xfdt`\xee2af\xf7L\xb7\xae\x87\xbc\x13\xfa{\r\xd7Y\xb70\xcc\x92\x9b\xeb\xf7X\x80\xed}\xbd\x1b\xc0\t\xb1\xb4\xf3\x88\xa3Q\x03\r\x9e\x99;9&amp;\x95\x99\xe3\x9b\xf3v\xc5\xcb\xe1\xc3U}\x9d,\x9d\xcb\x94\xfd\x05`\xe2\x0c\x85\r\xea\x97\x03;q\x00@\xf7\x1c\x1f\x03\xaaE\xffeEq\xf3T\xbfa\x0c\x93\xf3\xb2\xec\x83\x9c~\xf8\xe9\x04\xa9\xe40\xb8ow\xf7=.*\x18\xb5t\x06/?\x14\xd7\xf6Xzp\xef\xd1\xf71\x02\x81H\n\x8e\xd0O\x87\xa9F\x18\xfcn\r\x95\xb0A\xe8\xa0\xd9\x10\xd3`\xf0V\'j\xc3\xe6[\xd3-\xd5\x90\xa5\xfa\xb2\xa8,\xdd\xad\xe6\xed}.\xde\xd79\xa6\xce\x0083A\xef\x01\xb0\xfa\x11K\x7fa\xc6\xd1e\x19\xbb\xb3\xa1\xdfz\xfbq\xc1\x8e\xcb\x19Y\xf2W\xfa\x05\xa3O\xbc\xe3y\xc7\x92\x0eB\x02U\xa2\x07\xf7\x9cu\xc9\x93\x95\xe1\x17S\x91n\x7f\x94\xd0&gt;9\xd0\x80\xa7\x87\x1ew\x19Ue\xa1\xf7\xec\xbd\x193[\xf7\x120\xf3\x1dj\x9d\x92\xb9^\xda1sP\xc0\xf9\xe2a\xa0\xc077\xcd\xad\x8fk\xcf\xab\x83\x16\x9a@\xca\x83\xc4h2\xc3*\xcb|"\x01\x00\xa4p\xfc\x000\xec7\xaa8-x\xe8k\x86\t}\xa3&lt;\x96\'\x80\xe5\xf9D\x8d&gt;\xf1\xd9S\xe4\xa8\xe8\xde\xf1\xa2\x8aAs\xd0\xa3\xd3\xb6\x8e\xdct\xef\xca\xe7\x02\xa8\x87\xd1\xe6\x8dV\x93\xad\x92"\xa2\xe7\x1f%\xb4\x98\xc4\xc8C#\xf6\x99J\xe6O\xa3G\xefj\x1a\xc9[\x85\x0f,7\xa9\x1a\xb5\xfba\xc5\xb3\xcb\xaeV\xd7\xc3\xf7\x9dd\x1e\xfa\x98\x1d\xe6\xf4\x7f\xd0\x01@mWCm$\xef\x9d&gt;6\x1d\xe9\x96&amp;]V\x00@/\x1cl5;\xba\xdc\x98b\xb8K\x9dS{\xc0\x9c\xc3\xbdz\x1d\xe7X\xeb\xc7\xa9\xab2\xd1\x89I\x8e\xe2\xfb\x80\ryG\xa6\xb5\x929i\xe3\x9d\xa8\xa1\xb2\x84\xba\x96\x12\xa08\xfd\x83\x08\t\x07&lt;\xfcXj\xe2\xf6\x8c\x04\xe9\xa1\x0c\xa7(\xe9\xa6\xd6$9\n\x0b\xd5\x9c9\x00\xa0\rAK\x80\xf6d\xf6\x0b~\x0b\xf8w\x1f\r+{\x02w\xf8\x8d&lt;\xe2\xf1\xf3}\xbf^p\xe1J4\xc7\xcew\xbf)\xd6\xbe\xb8\x85\xa7\x8bzgW\x86&lt;\x8bf\x93\xfa\xe5\xb7`\xd7k9\xe3\xd3\xf5\xe5QDL\xf4n\xf3\xef\t\x83\xb6\xad\xb6\x88\xf8k\xe9\xc1\x05\xa5\xc8\xc2\xff\xccS\xe3_\xb3\xb6\x9c\xcd\xcc\xe7i6\xf38X\x14\xf0\x9fZ\x8a\x91\x82\xc1\x89wPi\xfa\xd2\xd9\x0e\xc4\x05\x00\xd4c\x19\x95\t\x19!\xd8\x8f`\xb9\x87\xb2\xfc\xaf\x8c\x10\x9e\x99\xe9\t\xbc\xc9\'1\xe5\xac\x98\x87\x8bt9\x1f\x1f&lt;\xa4T\xb0\x80\xbbj\xea\x82\xbdu%\xa5\x14\xf0y~\xbcs\xf9q\x1f\x91\xd2&amp;Cr\xd0\x93EmD\xcd#\xad\xad\xec\x9d\x0f\x87{\xa3\xab\xf4\x8e\xc2\r\xc0B\x89\xfe\x0b\x00\x00\x9a\xa1\xf7sA}\xf3\xde\x1b\xba\xdd\xa2\xfd\xe2\xd4\x12l\xb2\x93\xe9\x9a\x8dRi\x1f\xca\x8a\x8dr\xd7Q%\xd62\x1fn\x1d8HioB"M\xcbG\xa4\xc8\xe5C\x9a2\x1f\x15\x95\x82)\xad\x04\x05\xa6\xa7\xe0\x99\xcfj\xf5\xdd\xb7\xa5\xe4\xf5\x13c\x8asj\x0f\x13e&lt;\xf58r)\x1d\xa8\xa5@\xe7\x05\x00\x00\x19\x88\x99\xda\xd3]\x9867\xe8y\x04\x90\xcb\xfd\x19\xa6\x1a-7d\xdf\x94\xf64\xe6\xb7\x97x\xec\xb7\xe1@h\x1e\xcf5W\xeb\x8a\x10"\xf9"T\x1f\xc7\xa8/\xfa\xa4di\xc7\xb2\xef\x8e\xd2\xa3L\xe9G\xf3\xcbD\xf7\xd1e\x9b+\xc9n6\xf1\'\x91/\x89S\xea\xceMMNJwVSReja}\xbcN\x96\xea\xf6\xa8\xa6!\xcf\x0eZY\x04\x9b\xba\xdb\x99\x13\xcf\x1f\x8b\xa5\x9e\xf9\xd93\xef\xc5\x0f\x03\x00*sC\xca\x80\x84\xe6Y|\xfd\xcb\x91\xfb\xbb\xe7\xee\x06kJ\x9e9z\xf2\xf6"W\xd3\xb2eY\xf9\x10\xc5\xad\xaf\x142\xc6\xac\xc6\xb3V\xfb\xe9u\xa6\xa3\xb2\xd3\xa55\xed\xba\xf0\xef\x83\x0b\x0eT\xdfw\xaa\x97A\x86\xc3]%l3&lt;\x1f\x1e?\xff\x94\x1c\xeb,\tH0m\'z\xb5\x05\x1fkd\xe1\xe8xe!M~O\x16\xc1\x8eR\x90Yt;\xea\x11U\x87i\xe6\x8e\x1dS\x0e\x00\x003\xb1\x0f\x00\xf1Ne?%z47\x1atq:\x82\xfc\xa5\xa5\xa4o\xa2\x7f\x8b\xc9eI\xac\x0e\xa4\xd2\xea\xe5\xb8j*\xd6\xa33\xa3\xe9\xab/\x97aN\xa3\x9c9\x8exr*6\xcf\xb6"Q\xde\xa3\x1dL\xf4s\x19Rq\xd7\xdd\x17\xca\xd7vK\xcf\x8c~\x01\x00pHm\xef`\x0e\xe7\x9d~*\xe8\xe2t\xf1\x88\x1e](\xf1P\x0eJ\xba\xc4F\xb2\x1d\xbdd\xd9\xb2\xb3D\xabA\xb6\xfac\xe5m{\x0e\x98\\\x19I\x0b\x1a\xd2\x85\xe1\xa5\x998\xbeO\xccE\x96\xd2*R\xf4DK\x87\xc3\xbf\xad\xf8\xe8\x9f\xa8\xe9c\xa1\xa6\xb7\x0e\x14\x05\x00\xb8\x08\xc6x\xfe`?\xe2\xee\xe2bN\x8d\x99\xe8\xfdJ%\x1eHHI\x0f\xae|f\xe3\xce\xe0*\x9d\xd0l\x9f\xdfj\xb0mg\xb4\xf4\x87\xd3\xc5\xc5\x1f\x00\\Q\xbe\xb8\xa0\xe1}\xcaJ\x92\xc7\xabD&gt;B\x88Qr\x1c\xbe\xde;5\x13\xacb\x89\x05z\x03\x00Xi\xb3J{\xdfa\xf8-\x8e\\/\xb2\xcd!\x87\xf0\xd7K2s\x96e\xa3\xba\xc2\xc5l\x17&gt;+\xc3\xf6\xd9\xf5\xfb\x19|\xb7\xdeN)\x94n\x98\xccl\xde\xa4\xfbr\xe6\x9b]\xcaB\xd6M\x83\x12\xb7\x1a\x07\xa6\xe0\xaah\xce\xb67\xbd\x14\t^\xa5\x83\xfd\xbb\x00\x00pn\x12_\x04\x16\xc9\xbc\xb7\xedh\x97\xdb\xf6\xbe\x8c\xaf(\x1a\x86\xad\x9e({l)&lt;\x143\x17\xe7J\x11]s\x0c\xef$\xdb\x8d\x92~\xaa\xe3\xfe\xf5q2e\x98\x9a\xdf\xee\x8b\x9b\xcb\x8d\xfeE\xcdK\xac\xd1\x94\x16\xa4\xbd\x83\xe8\x9f$\xef\xe0L\x91\x8c\xab\x18\xf9i\x91\xdb\x10\x00\x00\x1d!\xb5\xb3\xb7\x92k\xe8h\xeca\xd3O*\x14\x053\xab\x17\x12\xdd\xd6\xf0Fe\xd3\t\x95\x05\xc5\xa8\x96\x97T\\\xcb"\xdc\x9aaf\xc9\xe3\xbe-X\x94\x99\xdf\xa8\xa6\xb4\x93u\x9esT;\xcb\xbcDa\xf4J\xa10\t\xad\x13P\x00\x00\x00*\x91e\x06\xa0\xd2h\x84\xb6@:[\x8eLD\xf4%\xb9Rk\x8eR/4E\xff\xb4&lt;\xed\x9c\x12f\xa2\x97\xb7\x16bM\x82\x85\xaa\xdf\xce\'\xc6\tx\xd3\xa2+\xcc\xf5\x8aJl\x1f\x12\xcf\x11.\x89\xb2\xfc\xec\xc1\x8b\x890\x88\xedI\xd9}A\x00\x80\xeb2:\xee\xbe\xd6\x9bR\x86\x81\xc0Uz\xa7\x1f\xab\x1e\xeb\x97j\x0e\xb9\x95_\xc8\xbe\xca\x8b\xa4\x99\xae-n-R\x0b\xc3\x90\xaa\xe0\xf6\x1b\xcd\xb6\xe1Sf\xed\xb5h\x1a&gt;\x94\x9c\xf4\xc8\x063G\xa9n\x99u\x11[4)xo\x1c\xca\x96\xe1\xf9|\x08\x00\xc0\xc8\rD\xcbj\xce\x0b\x8d2lK\xfa\xc2&amp;RT\xa6n\xf5\xfa\xed\xea\xcecs\xd5\x06_W\xc7\xfc\xbb\xd16\xbal\xbf\xc8/\x97"\xaa\xb3y\xa0:J\xa9\xdbh\xbff/\xde\xb8\x05I\\$:\x18\xcf\xbb\xef\xc2\xbe\xf7\x9e\x96\x80\xd7\xafh&amp;\xfa\x8a\x1c\x89\\\xa8\x9fIg\xde,W-\xc3Z\x19\x01\x00\x04\xb0&gt;\x08O.\x19\xe5\xe4\x1d\xf5:\xd4\x16{\x19\xbb\xa8\xdf\xd6\x18\x9fFV\x9fp\xd2t|\x05\xfd\x9fww`3\x1f\xf5Qu\xb3sb\xf0Z5r%z\xfah\xbd\xdb\x1c\xc3\xc4\x98\x9b\x0f\xdc\x11\x00\x00\x88`q\xc7\xe2=\xb2\x16\xacg{9h\xe5\xde\xa8U\xb7\xb7\xaa\xe5\x062\x08\x8fM\rM\xc0\xf0d\xc8\xfc\x8e\xe2\xdb\xc8Ii\xe4\xa3\xe4x\xc5\xea.\xeb\xd0I\x86\x8a17\xa8\x0fm\xd6\xdd\xecZtrz"\xdc\x1aO3\x93\xf7ff\xfe\xe0\xa3\x81\x0c\x00\x00 \xdayy\xa27n-\xd1!\x1c:\xf2\xb4\xbd\xdf\xdc\xb1E\xa5\x16\xd1\x8d\xb5~\x00H-\xf2.M\xcfk\x89&gt;&lt;1;\xef\x8c"n\xda\x868\xcb\xafB\xe2\xbfkS\'\xe4u\xe6\xdb\xd2\x0c\x8c.\xab\xa86|r\x0c\x17\xa3qS\xca\xad\xb7\xf6\x861I\xb1\xab\xa6\xdd\\M\x1b\xd9\x00\x00\x82\xd9\x9e\x02\xc4\xfc\x9c&amp;r\xb4%\xfe\x05@\x11\x9e\xb5\xd1jc\xd3\xc9\xa0)\xd3\x11\x11\xfd\xe8\xf7\xc7\xe6\x15J\x90`\xab:\xdcW\xce\xfbg\x90\'\x10\xd9\x8f\x1cZ\x84\x91YN[pV?\xee7\xc9\xd0\xb0^\x1e\xde(_""\xf3\xeb"\xa6\xaf(\xcc\x9fUu}[s*P}\x12\xb6\xdd\x1bK\xc5\x9b\xdf\xce\xb8;\x08\x00\x90J\xcdQ\xa5L\xe83\x001\xd2\x1e\r\x96D\xc8#\x07\x970\xc6!\xbd\x9f\x8f\x9c/\x0e5\x18\x1en\x92\x17\xdd\x8eVt\xc7\xb5E\xb5j\x11\xf6\x1c\x05\x8c5\x8el\x96q\xe7\x91\xca\xa6p.\x90W\x9cl\x99M\xf7\xdd\xbc\x8bcl\xb7\xccw){&lt;\xeaJ&lt;[[hX)\x87l\xab\xacQ\x8b.\x8d\xc5:\x98\xe8\x836\xdf\xb7\x95\x13\x00 \x8e\x9d\xd78p\x13\x02\xbc\xc9\x12\x7f&lt;&lt;^\x18\xd6\xfe|S~\x19\x9b\xe1[}\xebJ7\\\xe4\x93WhT\xd4\xdar\x8c\x0c\xf2l\xb5\xd1\xce\xce\xe5FTk\xe6\xcd$%\x1e\x00x\xff\xa9\xbcG\xc7D\xc2\x96\xce\x1f7\xdb\xcc\xfc\xea^\x86}\x15\xf8t\x19\xed0H+\xd2\x05%1\x17\xea\x1e\xc6\x16\x84\xd5\x8c\x00\x00\x1b\xbbN\xc5\xe9#\xaa\xf6@\xder0\xffo\xb86o\x8e#\x89R\xf5\xbbOVB\xad1\x99\x87\x9f=\x9a\x03\xc8\xc6\xce&amp;\xd7\xc7\xc5H\n\xda\xdc\x92d\x0c\xb3\xb6\x8f\xa6\xac\xe9\xc4 \xc6\xd3J[\xacmu\x96\x9c\xaa\xd9`\x98\xdb\xccdHr\x8a\xcc\xf4\xcf\x07U \xb2\x11\x01\x00\x04\xf0\x84\x90^\xf6 p\xac\xc8q\x14[ \xbb\xa2YTf\xad\xba\xed\x8e\xb1\x02\xe5\x15a6k\xa6@\xf3\xa4C\x83n\xacq\xe4\xee\x9a*j\xd9\x86\xb9\xb4~\x06\x10\x13r\xcd6c\x8e\x86\x17\xf9\x933"b\xa27\xa0_b\xcfd\xed\xcd\xb9$\x85\x97!\x15\xb7@ff\xfe\xe4S7|!]6\x00@ \x8e@\xd0r\x9d\x88^\xd9.In\xf1\x9c\xdeS\x9aK\xfd\x95\x88\xa5\x05\xb6\xaf\x1e\x95\xb1\xc3\x90\xd8\t-\xf2\xc8\x93\xad,\x9e1\x81g\xe8Y@\x06\x8bs\x9f\x00\x00 \x00IDAT\xa4\xcf\xd9\xed4\x10\x81So\xec\xfc65\xcf\xc3*xc\x11n9\x1f\xbc\xd1g\x91BI3\xb0\x12\x941K\x00\xc0)\xf0\xec`xG\x1d\xf1|\x04\xd2\xba\x87\xcc\xdd\x86\xbb\xbc"\xf4@D\xf4\x07\xcb\x8fcU&gt;\x83|&amp;\xe8\xad\x17\x14\xaae\t\xba\xd2\x98\n\xe8]Ra\xf2\xfb\xb2m\xdd+\xabv\x14\xfc\x95~\x97e\x11q\x9b\x91$W3\xe1\x14I\x88\xc0\xb9\xb2\xfe\xb2L\xe9D\xf2C\xdb\xbe\xa6\x90J;}^\nh\x92\x02l\x12\x00\xd0?\xbcu\xcaR\x84\xd1\\!g\x14\xf20\x9d\x92=S\x1c\xab.3E\x03\x91:\x14`\x181\xbc\xc1q=Z\xb4!\xcd\x00\x0c\xec\xda\xc8x\xe4\x91_\xfdV\x08\xc26\xf9\xf06\x98\x16dQ\x0ea\xa48F""\xfaR\xd7\xfc\xc9c\x0f\xab\xb2\xc81\xaf\xa1\xacMT\x82V\x05\xb0m\xb9\xde^K\xeb"\xa1L\x00\x00E\x9ca\xacw\'\x8a\x9a\x9dj\xbf\xef\xd5\x94&amp;\xc9\xfcm\xb2\x84\xcc\xbcJY8\xab\xdaQ\xc4\x1c\xaf\x81\x8d\x86}\xd2Y\xe7\x1e\xaf\xb4?b\xbe\xeb\x94\xc2\x90\xa6\x84*X\x8cJ\r\xbf\xae\xbe\x95 \xa1\x15f\xde\x9eY\xbe\xd4U\x86\xb3\xcc\';KL\xc4\x11\x95\x88V\xef\xc0$\xbf\x84\xb3\xe1\x89x&lt;\xfc}\xd7r}|\xa3\xdb\xbb\xb6\x80\x05\xa8T\x06\xeb\xba946\xcdk\xcd\x97=\x83\xf9-|\xee\x05\x00\x9c\x9b\xed\x8b\xc0\x0e\x99\xfd\x88R\xcd\xa2\x7f\x0b\xa6%:\x07q\xc5q\x82\xb2\x8a\x18\x86R\x8e\xb7\xf8\x1c\xdf\xfc\n\xfdW\x9e\xff)\xcf]\xe7L\xa7\xba\x930\xaa\xfavDD\xa4\xd4\xcb\xa9\xf0\xd6G#IC\xcb\xea!\xbb\x8f\xbeE\xff:2\xd9|\t\x10\x1d\xb6\xb4\xf6\x06p\x80\x1ai\x1dTMc\xbds\xeb\xb7E\xf9\xf3?\x9e\xc9\xb6dS\x84\x8e\xc6\xb0s\xcb\xb9\xad\xcc\x03cS\x8bY\xce\xdc\xd5z5\x00\x00\x1c\xd1\xde\xf9\xf2\x0e=(\xdb~u\x19\xbcK=M\xf1\xbb\'\x91\x83\x97a\xe4R\xf8\xf6p\x1ei\x95\xb87\xbf\xdf\xca/!k\x81N\xaa\x12v\xab\x05x\x89\x14%\xb1W\xacL\x03\xa8\x82\x7f\xbb[\xdd\xe2\xd6\x95\x9fVy\x1a&lt;\tH0D\xce\x14\xfa\xb1\x87Q\xce\xe1Q+\xe3\xd9P\xc4\xcc\x7f\x9f\x92\xda\xff\xed\xe8\t\n\x00P\x8a\xe0\x19\x00\x99\xbe\xf7\xd64\x0f\x85l\xfdl\xc7#\xf8\xc5`\x1e\xba\xf7\xa3\xeb\xd4\x82\xdfL\xc2~\xb4)\x0e\xd5]\xb5\xdd#gb\xe3\xc4\xd5\x183\x94kq\xea\xfd\xcb\xa4\x0b2\xc0\xd3\x10}H\x84=\xb4\xd4\xa0\xc6cLv\x98\xc7\x98\x9b\xbe#\xc1\xff\xbe\xfc\xf8\xf9\x1c\xf2\xd0\xa2\xc7\xa0\x01\xf6-\xb0\xf71\xf2\xcaU\x85\xe5\xda\xc4\xa0\xa6\xa5[\xea\x96)n\xf6m\x9a\xcfS\x01\x00\xda\x13\xf6\x00\xf0\xe1\x1c\xe3\xb2\xa3\xae?@i?(\xf5\x87/\x9af\xde\x99\xb79\xa5\xad\x02:3\xd3\xf2\x80\xc2=\x81&gt;\x0c\x16\xc0\xd8\xcf\x8d\xbf\x08\xeb\xad,!\x91\x1e\x00\xa5\x98\xdc\xaaRV\xe3\xf6\x91)/\xab\xc1\xb5,\x88\xe8\x7fE\x08\x07\xea\x10\xbdv/\xec\xf2ckr\'\xf8\xe7\xcb\x8f\x8f\\\x1eZ\x0ex\xdc\xe61!@fa\x9e\xc0\x06\xdfHD\xcb:\xfb\x94\xc5\x98\x00\x00 \x80\x98\xd9\xde[\x16\x9a\xb1\xd5\xa7\xa7\x97\xc4\xbf\xd8\xba~\xe0ws\x0b \x94cmW\x9d\xb2?\xed\x12\x0e\x93\x8d\x99m2_\x0e\xe7\xd4\xa4\x8e\xbd\xc8g.\xf5\x8eq\x81V\x89z\xcf\xaeX-\xa9\x8f\xf1{\xdaO,\x91c\x86\xe1\xe5-\xed\xe4\x13\xf5\xb2K\\_\x07\x00\x00)\x04;\xb5b\x81\x8b\xb5\x1b\xbb`\xd8\xe4\xcb\xac\n?m\xa4\xab\x8eW9\x9e\xa9\nv\xd65j\xe9\xfd\xb3[\xda\xa5\x8c\xd9P\xd2\xf3\x16v\x8d9\xe8/V\xe9C{\xfc\x94\xe4d&amp;\xd9~\xdd_\xbc[\x9f\xaff\xb5:\x9a\x1e\x00N\xe5\xee\x00\x00`\xcb\xb1\x8f[u`\xb7\xc9\xe6\x13w]#\x9b\xbf\xb8@\xcc\xe4\x89Y]\xf9\xaew\'r\xba\xee\xb0\xaau]\xc7\x98\xafS\xd2\rv\xbf%Z\x0f\x8d$\xfc\xd8\x8ay\x19a\xa2\x9b\xad~?\xad\xa3\x03\x00\x9c\x96\xc4e\x89\xecy\x08\xf1\x92_\xb6\x85\x90\xab\xb4\xe7d\x1d\xfdPH\xd6&lt;\x9f\xa4\x17)\x9d&lt;6\x9a\xf1?@\x9a\x12\xf4`2\x80\x83|{!\x8b~"\xf2\xa2\xa6\xef\xdfH\xe5\xb5\x99\xfev\t\x91\x0cz[\x17\xf5L\r\xd0\xcda\x00-R\x15f\'|\x01V\x9bjj\xba\x82)\xf7\xeb\xa8\x1a\x00P\x8a\x1b\xd3n\x8fy\x8fX&amp;\x17\xa9\xe6\xb1\x96\xf5\x81\xf5YPD|2\x17\xab\xd6cS\xcc\xbe1dJu\r/#\xdb\tr\x06j\x86;J\xa9u\xa8U-\xe7\xac\xf8\x8c\x12+\xa5\x10\xdf\xec\xb8Ph\r\x9c\x0cmH\x91\xb7\xfb\xce\x94\xed\xd4(a\x88\x00\x9c\x87\xe0c@\xa5\xa1\x88\xe8f\xf9\xbd\x92:\xdfT\xaeR/$\xfa\x12"\xa5\xd6\xa7\xcc\xb8o\x9a\xff\x89\xceU\xeb\xa8\x10\xc7db\xd0\xe3];3R\xb5\xc5v]U\xa9dpTf\xe9:\xb9r\xd3^\x8e\xa4\xab\xa5\x84\xfa\xcd\x9e\xfb9\x80\x15\x00\xe0I\xd2\x0c\x0037\\\xd1Qt\x08v\xdc\xc9\x95m\xbeB\x04\xb7\x9d\xcb\xe2Q\xa6\xf9\x04\xce\xf4|\xcf\xa4\xc3V(\xa56C\xe8\xcc\x7fDDJa\xbc\xbc\n\xcc\x8b\xa2K8=\xa5\x94e\x8aD~\xf3Q\xdfF\xd5\x8cp\x1a\x02o\xfb\xcc\xb1\x1e \xaa^C\xd5\x8b\xae\x14\xf1z\xd7\x03\x00\xe0\xda\xf0\xd1I\x0e\xf5w\xb3-"\x99\xf3e\xa2G\xf8%#z\xef\x1d\xb8&amp;\xcc\xfcZ&lt;?\x9c66\xd1\x0b\xedz48\x93B\xa5\xe6\x7f\x0e;\x1e\xa7\x95\xf2+\xa8\xe28_g\xb7rN\xb3\xbcP\xa3\x03\x00H\xe60\xf8(\xf3\x00\xf0p\x7f\xf1\xb6\xbd\x14\\\xa7\x15\xa8\xa5\x07\xb4s\x06O\xf3\x00\xb0)EH\x9a\xf9\xca\xee.\xcb\xde\x895\x1e\x1a\xc8\xebQ\x03\xf2\xa5Gn\xcf*\xad\x98\xfb$\xc3TM\xf6\x9e\xe5\xacQ\xf23\xf1\x00\x00\x00\xe8\x02c\xfc\x1f\xed\xb9bz\xdf\xd5\x03@\xfbn\x1b\x80\x04\xd6-\xa8z\x1c`\x1cd\xcd(\x00\xd3\xaa\xc1\x1a\xf3\xdd\x05yyZ4\xaf\x1c\x85\xeb{\x01\x0f\x00\xd9&lt;jr\xc6Us?\x10h\xf3\xcd\x7f8i\x94\xdc\\\xe7\x00\x80\xd3Pt\x13\xb0a\xa1b\xf4\xe2E\xdd\xe9}\x8d\xf7]\x8f\x193\xbd\x19\x111\xd1\xe7Df.\nx\xff\x8b\xb2\xa9x\xa5\xfc\xf7rg\xc8\x9c\xcd\xdb\x003\n\xf0\x7fy;\x0f@S\xb0\xad\x07\xde&lt;\xeeH\x1c\xa6\xf4\xfc\xce\x16:\xe0\xb1\xcb\x8f\xa6\xc4L\x9f\xfd\xdf\xd4&lt;\xa31\x99A\xd5\x8c\x1f\xb9\xca\xbdR\xe6F\x94R\xea\xe9\xa4\xd4^\t\xea\xfb\xa4\xef\x9b\x88\xc4\xb9{&gt;\x15!\xcfu\x00\x803\x10=\\\xf4\xc0\xdd\x95\x11\x89\xe8\xa3z\'\xf2k\x95\x8a\xc0"\x86\xd0\x98&gt;\xbc\xb9\x0c2h\xdc7\xef\xb2\xfe\x94\xcc\xe6a\xf4\x15\xfb\x0f\x8d\xc4\xe7z\x8f\xc3\xd4,9\xca\x18\xf9\xae\x9f3\xd1;\x8f?\xb4V\x82\x07L\xf4\xef\x92\x13\xf9\xb4\x0c\x82\x94\xa2`\x03\xf4\xbf-\xa3\x0c\x00\x80\xca\xd8\x1a\xf0?%\'\xbc\xefY\xbd\x9c\x85\xd1\r1\xf3\x87\xc7&amp;\xe2\xed\xd7\x9e\xe8\x93rk\xea8\xdcV\x11\x86I\x08\x11\x8f"\xadyE\x8ex7\x1ef\xe6w\xb5\xae\xcc\xd9\xf3\x98\xc0\xfd6\xc6\xa6jk\xc4A\x8d\xda+W\xeb\xf3U\x81LAW\xec\xcdXD\xd5g\xb7\xc3\x08\xf3\x9e\xdbi.\x19\x00\x005Ql:\xe9rh\xffiS\x8d[\x1f\xe2\x7f\xac\xa4~\xe7|\xdc\x1b\x87\x1d9j\xf6`G\x87\xc7q\x0f\'*\xd6\x10rV_\xf9\x05\x06CF\xe6\\V\x96 \xfe0\xc4\xd2L\xad\x92\x9aX\xa9o\x03\\\xb7&lt;\xcfZK\x8cc\xe2m\x83\x99\'\x970\x8b\xb0\xf2\x12v\xc9\xe4\x1bd\x81V|\xc1\x17B\xb9\x1cT;\xd8l\xae\xe9\xc9Mx\xd8\xccx\xd3i^\xee\x0e\xc0\xd5\xb8A\xa9_\xc8\x9d\xa6u\x04aZ\xc2\x1b\x92\xd6\xf4C\xd0\x8agG\xa7\xed\xbc\xcf\xfd\xad\x90\xa1\x8e{U\xcb\xa9\xc6K\xed\xfd4\x8a\xee\x85\x96\xe5\xbf\xad^\xbbA^O\xef1i\x87\xdd\xb4Y\x05\x9d\x14\xdd.*]\x12YIcI[|\xf0\xbf!\x8f\xe3b\x1evjgI\xec\xf4\x1c\xa8\x89\x93\xd6PY\xcc\xb5\t\xed%\x00\x00\xc4a\x0b\xd5c\x9b\xb5e\xba&lt;x\xea&lt;e\x8a\xd3,\xc3\xe7\x9e\xc1QUZ{Po\x91\xc3a.B\x9e\xbb.\t\xf3\xefN\x8d7n\xe9\x9dO\x88cl\xad\xccL7]9\x90\xe4\xc2\x04\x88a\xfc\xfc\xa5\xcc\xc4\xfc\x8d\xfd,\xfe\xb1\x95(=A4I7\x1e\x8a\xcaR/\xfeK\xf2&lt;\xd2ZY\x8bOj\xbb\x06\x0b\x00\xe8\rC\'\x9d\xd2\x9e\r\x1d9m\x1e\x00\xaa\xf6\xe5grOCA\x1e\xdb\xb2,\xcc\x1dl\xfeK\x04!\xceHD\x0b\x8ahw\xc6\xd6\xca\xda&amp;\xe0\xd4b\xf8\xb1\xcaz\xbd\xfb\x88\x99\xbf&gt;L\x8c\xb6\xc63\xc8\xbfw\xc2\xc9\xe9\xd6r\xe0\xbd\xe3\xa1vf\xe6/\xcbh\xdb\xbf\x98%\xa9P\xdf~\xb6\x1e\x16\x00\x90\xd4\x9ew\xfd\xe8\xbe_\xaf\xec)\xce\xe3\x9eD\xb8\xda\xac\xb97(\xce\x91\x1d\xeeC\xc0\x91/:\x83\t\x05\x11\xd1r\xb7\xad=\xf6\x01\xa0\xc9C\xa6E\xec\x1f\xf7wY"\xe2\xa1\xa5\xb2\x8c\xfal\xe5\x87/\x80a\xb4\xcbqm\xde*h\xfc\xccy\x8e\x1e\x16\x80\xabs\xbf\xb4\x0el\xd3yG\x04\x04\x058\x87oj\x1dXLbdL\xaaz\x89~r\x1b\xceZ\xa6\xbf6R5\x8cJ\x1b\xb2k\xb9\x15\x1f\x00\x9a\xb4\xd9)\xf77\xcd\xb1\xf20\xbbtArl"Q\xcb\' \x1b\x163v\xddq\x96\x8e\t\x00\xd0%\xc6\xbdl&lt;\xed\xee\x8f\xd9\xe9v[\xe6\x17h7n\x9c\xe0\x89N\x0c\xe0\xea\x05a\xe6\x8a\nd\x1e\xf3\xe1\xf9\xdc\x8f\x9b3\xbf\x8c2\x1e*2\x19G\xcd\x03Uf\x83\x9c2\xdd\xd6\xe3\xee\x02MN\xaa\xbc\xfds8t\xa5Y{\xd95\xde\xb0#\xbc\xe2n\xf1\xbf\xb1\x18Km\x87\xdd\x16^\xf6"X\x02O\xa5F\x83\xd2&gt;9\x87+n\x8f-\xd6wj8\xc4\xcc\xb4\x0c\xaa{!\x00\xc091\xbe\tX\xa5\xbcnP\x8f\xfe\xb3\x8c\x98J\x1d\xac\xaa\xef\x82\xab\x1e\x02\xb3\xd38\x13\xbfl\xfc\xf1s2U\x87\xc1\xc6\x8aW\xb4Ro\xa7\xdeT\xef\x9872\x98\xf6\xd5\xcd\x17\xd7\xedw\x99\x05\x8d\x10\x16\x0b\x16\xe5\x14q\xa6\xd9QK\x85Q\xf4g\x85Rn1i3\x8f\xb2\x0bX\xced4\x97\xa3\x16\xf3|\xdf\xd4\xd7\xfd_\xa1\xa2N\xfd\xec\'\x97I\x1e\x00p\t\\\xeb\x7f\x1e\x1d\xbe\x8eB\xea\x03\xc0\xc9af\xfa\xcb\x9c\xbb\xc3m\xf9l\x92\x7fB\xe3\xba\x16\xb4F\xa2\x96\x0c\xae\xbd\x10\xda\xea\x11\xbf\xb4\x02\xb5g\\8\xd1\\\xf3q\x88)\x82Q\x9f\xbc\xff&amp;{\x86\xd5\x02qy6c\x92\xe7\xdeyD2We&gt;2\xa5\xdfe\x9b\x05\x00\xe4\xc5\xe8\x9c\xe3=\xb5\x00\xe7~E\x98\xf9&amp;\x15\xd4\xbe[j\xdf\xba#\xf1\xec\x0b\x99\xe8\xe1U\xe5\xaa\xcb\x0f\xc76\xd8\xd0\xbb\xd2\xfd\x83\x1cJ\x07j\xa1\x92\x101\xd1\xfd6k\xcdK\xe8\xb9V\xa9\x9d}Jk\xb3\xd1%\x89\xd2\x86\xf5\xca\xb2\xad#K\x03|j\xc7\xcd\x16\x00\x90\x0f\x97\x97\xae\xe6&amp;\xe0\x8c\x92\xa9WS\xc2*\xeb8\xaa\x90\'\xf3\x8a\x1c\xb2=h.&gt;\x13\xbdu@\xdea\xa1O+\xffP\x82\xbb\t*\xcb\x81\xfe?.wn\x9b&amp;\xf3\xf4\xbc\xe9\xefsYe\xc7Lo)\xc1lF\xb3\xcfn\x03E\x8d\xca\xd2GK\xd0\'\x00\xa07\x8c\x0e\xa5}\x8f\x0820W\xe2\xa3\xf3\xa6\x99/\xb5U\xca\xd1\xdd\xd8.\xa0\xb9 s\xf4\xefW\xfc\xe1\xe2\xe0\x00\xc2\x12\xd2m\x92\xed\x84\xa8@\xaaP\xbc\xc5D\x9f9U_q\x05\xae\x8a\xfcwE\xd7\xa8w\xd0\xa1\x94\x90\xb0T\x91\xbf\xde\xac\xd526\t\x008;fo"\xd2S\x830\x1eT\xa4\x13Zw6\xb9:\x1e\xef&gt;\xccT\x96\xfe\xac\xf7\xeb\x8c\x12\xfeZ\x82\xe4\x01\x0f\x00\xb3\x96f\xee\x1b\x90/\xd3\x7fc2(\xfc\xbb\x96\x07N\xad*+VJp\xfa\x11~\xafp\xb0Ui\x83l\xa5J\xe9$B\xdd\xda@\xd6T\xf3\x96zo\xb1]h\x18\x00 \x84\xef\xd8}\x02?rV\xb2\xf7jc\xa2K\xdc\x90\xcd`|\x131\x16\xc7\xd4\x17J\xc6\xa1\xb4X\xc9\xe7x\xee\xb8\xec\x8e\x00"4\xc3\xe9Ff\xa2\xef\xa3[\xb9\xe3\x93\xd2\xbe%"e]\xfe\xf9\x07\x8f\xeb\</t>
        </is>
      </c>
      <c r="E632" t="inlineStr">
        <is>
          <t>&lt;class 'numpy.ndarray'&gt;</t>
        </is>
      </c>
    </row>
    <row r="633">
      <c r="A633" s="1" t="n">
        <v>631</v>
      </c>
      <c r="B633" t="inlineStr">
        <is>
          <t>steps_per_sec</t>
        </is>
      </c>
      <c r="C633" t="n">
        <v>7100</v>
      </c>
      <c r="D633" t="inlineStr">
        <is>
          <t>2.5165856</t>
        </is>
      </c>
      <c r="E633" t="inlineStr">
        <is>
          <t>&lt;class 'numpy.ndarray'&gt;</t>
        </is>
      </c>
    </row>
    <row r="634">
      <c r="A634" s="1" t="n">
        <v>632</v>
      </c>
      <c r="B634" t="inlineStr">
        <is>
          <t>Loss/RPNLoss/localization_loss</t>
        </is>
      </c>
      <c r="C634" t="n">
        <v>7100</v>
      </c>
      <c r="D634" t="inlineStr">
        <is>
          <t>0.016823824</t>
        </is>
      </c>
      <c r="E634" t="inlineStr">
        <is>
          <t>&lt;class 'numpy.ndarray'&gt;</t>
        </is>
      </c>
    </row>
    <row r="635">
      <c r="A635" s="1" t="n">
        <v>633</v>
      </c>
      <c r="B635" t="inlineStr">
        <is>
          <t>Loss/RPNLoss/objectness_loss</t>
        </is>
      </c>
      <c r="C635" t="n">
        <v>7100</v>
      </c>
      <c r="D635" t="inlineStr">
        <is>
          <t>0.006801081</t>
        </is>
      </c>
      <c r="E635" t="inlineStr">
        <is>
          <t>&lt;class 'numpy.ndarray'&gt;</t>
        </is>
      </c>
    </row>
    <row r="636">
      <c r="A636" s="1" t="n">
        <v>634</v>
      </c>
      <c r="B636" t="inlineStr">
        <is>
          <t>Loss/BoxClassifierLoss/localization_loss</t>
        </is>
      </c>
      <c r="C636" t="n">
        <v>7100</v>
      </c>
      <c r="D636" t="inlineStr">
        <is>
          <t>0.090651155</t>
        </is>
      </c>
      <c r="E636" t="inlineStr">
        <is>
          <t>&lt;class 'numpy.ndarray'&gt;</t>
        </is>
      </c>
    </row>
    <row r="637">
      <c r="A637" s="1" t="n">
        <v>635</v>
      </c>
      <c r="B637" t="inlineStr">
        <is>
          <t>Loss/BoxClassifierLoss/classification_loss</t>
        </is>
      </c>
      <c r="C637" t="n">
        <v>7100</v>
      </c>
      <c r="D637" t="inlineStr">
        <is>
          <t>0.0499407</t>
        </is>
      </c>
      <c r="E637" t="inlineStr">
        <is>
          <t>&lt;class 'numpy.ndarray'&gt;</t>
        </is>
      </c>
    </row>
    <row r="638">
      <c r="A638" s="1" t="n">
        <v>636</v>
      </c>
      <c r="B638" t="inlineStr">
        <is>
          <t>Loss/regularization_loss</t>
        </is>
      </c>
      <c r="C638" t="n">
        <v>7100</v>
      </c>
      <c r="D638" t="inlineStr">
        <is>
          <t>0.0</t>
        </is>
      </c>
      <c r="E638" t="inlineStr">
        <is>
          <t>&lt;class 'numpy.ndarray'&gt;</t>
        </is>
      </c>
    </row>
    <row r="639">
      <c r="A639" s="1" t="n">
        <v>637</v>
      </c>
      <c r="B639" t="inlineStr">
        <is>
          <t>Loss/total_loss</t>
        </is>
      </c>
      <c r="C639" t="n">
        <v>7100</v>
      </c>
      <c r="D639" t="inlineStr">
        <is>
          <t>0.16421677</t>
        </is>
      </c>
      <c r="E639" t="inlineStr">
        <is>
          <t>&lt;class 'numpy.ndarray'&gt;</t>
        </is>
      </c>
    </row>
    <row r="640">
      <c r="A640" s="1" t="n">
        <v>638</v>
      </c>
      <c r="B640" t="inlineStr">
        <is>
          <t>learning_rate</t>
        </is>
      </c>
      <c r="C640" t="n">
        <v>7100</v>
      </c>
      <c r="D640" t="inlineStr">
        <is>
          <t>0.039733298</t>
        </is>
      </c>
      <c r="E640" t="inlineStr">
        <is>
          <t>&lt;class 'numpy.ndarray'&gt;</t>
        </is>
      </c>
    </row>
    <row r="641">
      <c r="A641" s="1" t="n">
        <v>639</v>
      </c>
      <c r="B641" t="inlineStr">
        <is>
          <t>train_input_images</t>
        </is>
      </c>
      <c r="C641" t="n">
        <v>7100</v>
      </c>
      <c r="D641" t="inlineStr">
        <is>
          <t>[b'1024' b'1024'
 b'\x89PNG\r\n\x1a\n\x00\x00\x00\rIHDR\x00\x00\x04\x00\x00\x00\x04\x00\x08\x02\x00\x00\x00\xf0\x7f\xbc\xd4\x00\x00 \x00IDATx\x9c\xec\xbdy\xfc\x7f_5/\xbe\xce\xb7y\xa4tQQQ\xa4\xa2\x9b\x12eh\xa4d\x0e%\xa4\xdcBH\x192$\teHQ*\xd4MD\xa2\x94\xcc\\\x92\xab~I\x92(C\x89\xa2\x14\xddB\x03\x11I\xeb\xf7\xc7\x99\xf6\xb0\xf6\xdek\xed\xbd\xf6p^\xef\xd7\xf3Q\x9f\xef\xeb}^{\xafy\xad=\x9c}\xce\x0b`\x00\xe0\x8a\xf5\xc2o\xd9\x7f\x06\xdb\x9b\x00@\xbfIU\xb1\xcfh\x82Sr\xe2@\xbaxI7"\xe5\xd3\xc8b\xa7F\x19\xc5\xea\\\xa6j\x00\xc1\x88@{\x8c\x08\xf7\x99\x1b\x9c\x92/\xc8a\xb2Z\xd6\xe7!(\xccr\xfd\xba\x91^\x9d\xb5\xf8P\xd4\xab\xe7\xa3\xb8c\x05+`\xd6|Y\xffm,\x90QQ\x07\x81+\xdb0Y\xd6\x1d\x1cC\xecA\xc6\xac\xd7)\xb2\xf5\x1cpv\xed\x19\x87G8\xcbJGV\xc5\xd2&lt;\xceL\xa5\x04\xbb\xa9on\xd9\xfc\x04\x86\x8a\x91\x1c\x84\xfe&lt;\xc1\xbc\x121rr\xaeS\x19\xdb\x14J\x99uh\xda\xd4k\xe6\xe4\xf2\xfd\xa7U\x98W\xbb\xc20\xf2\xa2{\xe0u\x14\xa06\xeb!\xa2%"O\xbfT\xa5\x053?\x0f#\xdb\x91`\x19K\xc5|\xe2\xc0\x95q&lt;{\xd7\xc4\xd9\x1a\xc7C$\xcb\x10\xf1\x7f\x9e\xeb\x97&amp;\xbe"2\x15;\x0f\x15\n\xf8\xc5\xb8\x81S\x16~{_\x8fX\xb7,\xf4\xa9\x8f\x1cxM\'\x97\xf5\x18\x9d\xe4b\xa0\xfb\xbc\x7f\xc7\x12\xae\xc6\x92~\x04\xd9\xf6&lt;\x1a3\xb9, \x8c\xba\xd3\xb4\xb9SS8\xa9\'\xdcf\x02K\x8dh\xd33V\x10q5N\x05\xe9\x88Hj\x0cY\xbf\x8e\rg\xf4\x1ax\x9cHaT\x99\xa3\xd3\xdc\xa4\xc0\xc7\xf7K\x04\xf7.\xb1\xcc\xe9\xe1\x99J\x8a\xa3\xfdy\x00K*\xf8t\x0cE\xd2\xf8\x9b\xde\x02\x00\xc4k\xce\x88\x05\xe4(\xce\xd5\x01Q\xca#e\xdd\xfb\x8a;\x06\x9c\xd4Pqr\xa0\n\xe2\x89\x0e\xf3BD\xd47\xe7\x07\xa3\xd6\xb2\xa3\x02\x8de@\xa7\x8a\\\xc2t\xf0\xac\x89\xcctY\xdd\xc9QcL&lt;U(g\x81Y\x9a\xe0Y\xb5\x84q3\xeeS\xb7\xd4+%\xac \x9c&amp;\xca\xdd\xaae\x99#A^"\xbc\x9e\x83gVm\x0c\x1c4N@#\xc0\x1d#\x8d\xfd\xbe,\xd5\xd6\x13`\xb9B\x02"\xc2\xf3\xc64\xe0\t\xc2\xcc\xd2\xcf\xbeP\x89*\x01"&gt;\xa38\xb09\\\xa2\xdf\xbf\xb5\x1e\xeb~xYo\x01\xf2q\x84\xe1\r\xe15\x08\x80\xf0i\xab\xa8CK[\x02\xf1l\xe3BNS\xd0\\\x00\xa8\xea~9\x93K1\xb5b\xfc\x7f\x86jY\xda]\xa4\xa8\xd8\x91\x1d\x12n\xafv\xa6\x1b\xceA\x8b@u\xf5\xff\xe8\x1c\xfb\x16\x89\xc4\x08\x8b}\x91P\xb6\xecf\xad4\xd4\x90\xc7k\xb8\xb0\xcb\xc4\x85\x1b\x02\xc7\x05"\xc2_\xea\x1eC\x1av3\xe2\xf08g\xcd\x90\x10\xb9\xe3\xde\xb6\x13/\x82\x1f\xf7\xc9I`\x01\x90i\x04\xd3\xecm\xf2"\xc5\x02\xdf\\\x96\xa1\x173\xc1\x0f\xa7\xf5\xb8\x99\x8b\xeb\xd2\xd3\xb0\xe6\x9fn\xdf\x95\x10\x86\xfc\t\xc1\x01`\xc4\xdf\xf5Cmn\xb04\xf8\x9a\x12\xfa\xe1"x\xe1\xb0\xc6\xea\x08\x16\x18D\x0c]\x14i\x94\x1d\xa2\xe7\xd8\xae\x87S5l{\xa5\xfa\x99q.z_ya\x0e{lj\xd2c\xdf\xfa\xe1_\xb2\x08\xa3\xfbwu\xb7&amp;]f\x8a\x91_9O/\xc7\xc3\xf8u\xfb\xc1b\x00c\x1e\xdb\x03G\xb6\xbc\x1d@K\x82\xa9\x106\xfem\x8a\x91\x92a5\xec\xed|y"B\xd2\xcf\xa7\xb3\xf3\xfc"\x0c\x12r\xe8\x86\xc4\x85\x18\x89\xf3\x90\xbf9W\x96\xb6Mni6\x87a\x96\xfc\xdb\x95j\xd2\x0c\x84#\x1e\x13*\xdd\xe2E\xc4\x8f9\x9e\xd6&lt;|\x8a\xb5\xeb\xff\xb0\xf0\xc0\x97_(\xbc9\xe2 Sgg\x02\x96\xd1\xb1\xeb\xf4\x97\x89\xba\x12\n\xe7H\x9a\x9c\xdb\x17\xd8I\x93\x98a\xadibQ\x9e{\xa4\x1a\xa3\xb2\x9c\x00\x88\xc8\x93\x10\x119\xe2\x81\xba\x84\x12$\x85t$\xec.p\x0c\x888\xab\x82\x08\xd3\x04\x1c9\xb7\xb8cF]1\xf4\x03r  .\xea52f\r\xe4;h\xabH\xcd\x83\xaa:\xcc\xc1\xac\x9fR\x8b\x14\'c\xd5\x03\xc1\x9f\xcd\x9c\xa2\x17\x10p\xae]k\xa4]\x19\xf0\x9d\xfb\xd7\xd6\x98\xb2\xc6\xa2\x98\x87;oA\x83R\r\x93\xa2Q\xd2\x12\xb3\x91\xbc\xfc\xe2\x17\x87\xee\x85q1&gt;\xd4\x1a\xa1\x9c4\x199G\xd8\xf3\xd8 .\xd1\x12\x05\x80\xf0\x87\xd2\x12J\xa8!\x83#\xdbjS2\x19\xb6sO&lt;\x825\x90\x10\x12`\xb2m8\xd5)R\n\xc0\xe5\xce\xec\xe2Cq\xec4Z\xaf\xb7\xb0\xde\xf3\xb5wb\xbc=\x9e\x00\xf1i\x9a\x8c\xbb\xe6\x8a\x024D\xbe\x83\xa6)\x99Mg\xc4\x10\x8f\x99\xa3\x06T\x11\x06\xd5Y+\xce\x87-\x14\xd3\x04\xd3\x04\xf0o\xde\x17\x9b\xb4K\x8b"l\xda\xa7f\xff9\x1b\xf3{\xe7uXL\x99z\x9a\xa6\xa1\xe7\xac\xe5XJt5\x1d\xcd\x01@\xdb\x92\xca\x03\xfaN3w\xb6\xa0\xba\x00X}\xe3X-Y\x1dT+\xc8:\x85l\x01\x93\x0b#P\x86\xac\x92\'\x80-\xe2N\xc9\xbe\xb7\xad\xa9\x0e\xc6\x83\xb1\xc3\xf01\x9c\xeb\xe6\x88:\xa1\x81t\xd96\x9b\x1eRu~\x90X\xb8\x1f\x7ff"\xde\x93\x00\xb8{\x15Ar1O\x10\x15c`\xb2\xdc\xda\xfb@#.\x9b\x17\xab\x14\x96t\xb3\xd6\xd5\xe4\x8b\xef\x15.\xe2\xa9S.k\xbc\xf6\x99\xa6i}\xb7\xbe\xd6dl\x90cQ9\xa0\xe6\xb1\xe5@\x04\x80\xcf\xd2\xa59\xbb{\xc9\xba\xff\x1e\xec\xf8V:\x02d\xf1\xc1h\xdc\xf4\x04\x9b(\xbe\xa5\x95\xf1\xa1\xcb6-o\xf9t\xc84\xa3\x90}\x02\xef\x94\x8c\x00\x00W\xafy\x07\x80a\xa8\xf6Au:\xbe\x1b\r\xc6m\x9f\xaa\xc4\x91U\xa2+\xbc\x82=\xafbHq\x1f\x97\xc5\x10\xbfFd!\xed\xe5\xbaYfx\xa1\xcf\\\xc4\x8a\x04J\x00\x958\xc9\xa2\x80\xbf\xba/\x02\x9e\x90\xc7\xb6\xa1\xfb\xd4H\x9d\xd2\xa0\\\x08eS\x98\xd4\x86\xb5\xb3b\xbe%\xe9\x9cJ\xcc9S\xb5t\xda7S\xd9\x13,\xf8}\x9c\n\x93O\xc6\x19 \x88\x89wZ\x10\xeah:\xee?X\x1d[\xda\xb0\xf7\xc6\xe1\x89\xa3\x96y\xadj\x80\xdb\x02\xa0\xb1+\xfd\x82\xd9\x84\r/\x89ZZ#\xabf*\x0b\xd0\xc6\x17L\x016\xe3\xff\x02"\\\t#\r\xa4\\\xe0\x03N\xb2^\x15\x99e\xa6`\x90AD|\xfc\xc9\x0f\xc4l\xd4L\x87a\x8d\x8c\x88\x88\x8fK\xd5\x82H\xd8\xf1\x0bJ\xc7\xba\xa3\x8cu(]t\xf9\xb1\xb1\xd4\x89{$\xe9\x02\xce(\x95\xebD\xf7\xadGr\n;\xff\x81\x93j\x81\xacX\xb3\xcc\xd2GeNH\x84\xba*\x8br\x86\x04{D\xad\xbb\x9bdAh#C\xf5\xe2\xefryb-F\x99\xe8?\xf6\xa5|Q_6\x8a\xbb\xfd\xa7/c\xcd;c\xc7\x03\xc2\xbf\xe6\x8e}?\xb6w\xf4*\xc3\x19\xd5+\xe1\xd0\x88(\xcfIEF:\x99DN\xc9\xd0\xe3\xea\x12rJ\xf7@/\xac\xec\xd5g\x12z\x10\xc99\xac^\xd9\xe3D*\xd9\x97\xe7\xe6\xbe\xc0\x9e\n\x8c\x9cS\xc7\x823\xc6\xfb\xd1e\xd7\xf6Jf\xb7\'su\xc3;;}*\x07^\x0b;\x8b\xa4\xe8Uj\xc8\x9b\xc0O@D\xb8\xe2\xe1\x16\x00\xb2\xc2^\xc6K\x05\xbb\x0c\xddCQ\x0bu\xb48\xbcY\x94\xa1\x12\xc1\xc3\xa4\xc1\x19\'\x80A\xe7\xca\x0eDc\xd8!4\x12\xc1\x9e\xf4,\x95\xda\xd0\xd1\xba\x0e\x00\x00\x0f\x83\x01\xde\xfb~\x02\x8e \xe7O\xbe^\xdb\xf0Y_\xdf\xb1\xed\xd9bN\xfcDDd&lt;\x06P1\xfc\xd0\xe1^p\x0f\xb6\xc8\xa1aS\x13\xd3\xff\x01\x16\x00\x86\xdd\xc8\xbb\x16q\xdcno\xbc\xfe\x9b%\xb2&amp;\xda\x96\xb8u\x08\xb0|\xaa\xc4\xbd\xc2\x02\xa0\x99e\x8e&gt;\xcadB\xae\xf6\x854\xd3\x19\t\x1c`\x96&amp;]\x00\x8c06\xa8\xc2\x1b\xc8o\xb5Y#\xa4ig\xb7\x9e\xc0\xec\x1f\xe6X\xba\xb9\xad\x08=\xa3:\xbc\xa6\x1a\xa8&gt;\xdd\xf4\x99\x05-\xdfJ\x0c\x00\x80\xab\xe5N\x9eh\xf9\x05\xa4B\n\xb6Y\x00\x88)#\xfe{\xe0\xd6\x19\xa7\xf7{=\x8d&gt;\xa5w\x85iZ\xe2\xd6\x80w\xdd\x9a\x7fWy\xff\xab\xca\x88\xd9pi\xb4q&lt;\x8dq\xa7\nN\xcf.\xa7\xa7\xd1\x19$\xf8\xe3\xc4\xe9\xe6\xff\'\xc9U\xfb\xa8Z\xb2\xa4p\xba^\xd0\x9eZ\x9d\x94\x95l\x9b\xdc\xa1\xa7j\x9f0\xcb\xf0Imd\xd0\x9av8A\x95OP9J\x01\xc8\x9b\x15\xe5r\xe6\x11Q\xd5\xeb0\xd8\xf4}\x08\xe1Y\x99\x11\x96^\xe13\x8d\xc3".\xeaE\x0b\x89#\xe0i\xac\x1b\xb5g\x9f\x9d\x11\x057BN&lt;\x96\x0er\xde\xf4\x84\xbd@N\xad\x06R\xb6\xab0c\xda\xa4\xbe0\xd1\xdf\x1c\x14\x11*\xb5\xde*F\x8b\x10\xfd\xcc\xbc\xd9\xa7\x8f\xec)\xac\x96\x00\x83a\xd5+t\xe3\x11\x11\x00_\x8d\x88\x88\xd7\\\xd4\xff;&amp;e\x87\x16&lt;j?PTA\x11ep"\xf9\x10\x8a\x9c\xb1\xa0\xd3h\xf1\x7f\x1a\xf22PU\xc7\x13\x89\xfb\xa2{\x91\xa3\xcd&lt;..\x0e\xe2\x82\x8cP\xa1fVC\xccB\xd4f{Ezu\xa9\xe7\x84\x18\x96\xd82yjK\x9e\xb2\xcf\x1dT\xacG\x86\xe8\xfee1}H+"!\x95avC\xaf\xef\xd0\x90a\x14,Jyg{\x942+P\xbe\x8eP\xb1\xc7\xa8-\xa3\xc2\xad\xd7\xf9[\x08MqA\x9c\xea\xa9\xf9\xd9\xba\xe4\xbb\xcf?\xca\x80\xa0\xb1\x1a\xbc\x08\x81t\x86&amp;~\x0e\xe1&gt;Y\x01s3\x7fv%\x9b(\xe70\x8d\xd1\x0b\x8c\xeb\xb9/\x80\xcf\xce\xc4`\xaf\xc6\x93\x8c\xdcS%\xbb\x90\xcf\xadUT\xb3\xfd"fC\xc4CC\x01\xf2!\xb8\xd9+\tQ\x04\xb8k\xb6L\x12.\xf5\xa64\x1c\x9a\x9f\xb6\xed\xf4\xd3$\xc8\xc0\xf8\x97\x91\xe3aA\xe1\xf4\xe0\xe4\x11L\xf8\xed[\xbaQ\xb0KS\xa1\x1b\xf3\x8d\xa1\x82&lt;\xcav\xee\xe7\xaf\xaa(\xd4h0\x83\x04\x1d\x84\xa3\x0f\xc0gp`\xe6`\xe7\xdd\x96p1\x1f\xa5\x9e{"\r\x16\xff\x8bl_/\xef\xf99\xc3\x96\xe2E*/$\xb0\xe2bL\xe18\x10"\xde\x87+^\xb2\xd9\xebr\x13![\x11rh\x1e(6\x06)\x14-1\xf5\x16\x00\x01\xa6\xd5\xc4\xd5\x851#o\x9a\x16v\xaf@\xbc)\xc04\xbd\r\xf1jN\xfbi\x9a\xc8.\xcd\xb0qo\xcf\x9a\x00"\x02L\x13\xe8z\xca\x1f\x1e\x8aY\xec$\x87\xb0\x9b&gt;\x90a\x1f\xb3M\xa3\xfc\xe2\x03\x11I/\x87\xae\x9fqF.\xe8\xf9g\x8f0[$\x99V\xf6\xde7\'U\xaf\x1c\xbb\x0f\xab\xda&gt;\xc8\xce\x7f\xd6\x11\xb5\xb8\xb2\xb9aLDQ\x169\xb1\xb2\x88\x05|\xd7\x14\xd8)\\\x01\xe0]\xb9\xd44\x11Z\xa6\n\xed\x83\x88\xa5\xae\xa9\x0c\\\x1d8\x01\xc0%\x1d\xe5\xd8\x1e_D\x04\x80\x87q\xba\x14.\xc8H\xa7\xdct!}5\xa3\xd9\x02\xe337\x0et7&lt;\x86)\x9a\x8bV\xd345Y\xa7\x15\x12X\x12p\x18\xebu\xc1d\x7f\x1e\xca\x148\x01P"\xcd7\xe2\x00\xee2\xe2\xae\xe1\x19\x9ah\xe7\xdfP\xe4\xf33\xe2W8\x8d\x18\x95\x7f\xadG~]\x8a\r1\xe7D\xa8\x8b\xcd\xec\x157{q\xadl\xf97\xf6\xbd\xbd\x92\xf0\x9c\xb5.\x8aF\xd5irg5C\xcc\xfe\x1dl\xf2eL!\xe6L\xd6\x95G\x11\xfb\x94\xfb;\x02\xc1S~\xd7\x83}\xebdm\xc3\x8bc\xe7\x9e\x9d\x96l\xd4M\x9fB\x9cR\xc9\xd6\xb5L\x9a\xc5E\xb8\xef\xc6F\xf6\xfd\xe8\xbb\xd6\x1d\x1b\xea\x10\xd7N\xc33\xc6\x05\xae\'.|GW\xf3~fay\x8cu,$\x18\x9c5\xe2\xf6\xb8\xb9PaT\xad\x89\xca\xa2\x12#\\\xc1Y#\x15Q/\xe68\x1b\xb5\xdb\xa1"6\x0b\xb6v\x94\x82\xe6\xd7\xd9\xf1Q\xc7|\xbbT\xba\xb1\xeb\x91\x95\xe2\xa9[&amp;\x9f^\xe8\x10e+j\xf6\xbc\xd2\xe6D]a\xe0\x1d\xd6\x05H\x8e\x14\xeb\xbd2\x99U\xeb\x1a\xa1\xe6R\x10\x10a\xaa!\xfc=\x8e\x19\x15\'\x88\xadJ\x1c1[C\x02\xdb\xba\xa8\x8dM\x87\xb3\x0f\x00\xc2\xc3\xc8:64\xaa\x8aJ\x98\x03\xf1GJ\x19\xa9\xec\xd2\x1e\x02\xca\xd9\x14R\xdc\x18d\x8fb\x19\x19\xacI\x05\x00l\xf7:f\x8bL\xef\x07\xf8\xcfn\x9f\xdcs\x14\x9cc\xcaYtgQk\xdcd\xc9;\xdc\x16\x88\xa6S9\x7fB\xa8\x17&lt;\xcbh\xb4\x8d\xa8\xef{\x904a\x86\x01M:\xdb\xf3\x1b\xc7q\x04\x02&amp;\n\x8f\xf2\xc1e\xccy\xa8\xe3hV]\x80\xbd\x9f.@\xc4\xc3\x19\xad\x12\xfc|O\x9e\x9aE\xc4\xe9\xeb\x00\x1e\x07\xde\x19\xe2\xfep\xd4\x99\xa6\xe5 \xb9\x16\xe5\xa3&lt;\x15\x83\x88\x9b\xa4\x8e\x87\xff\x1b\xe0\xd2#\xb9\x8cD=k\x07\x068}F\x03@}\xe2\x87Z)oO\x0f\xc0\x91\xd3\xf6~\xad\xe9ko\xd8\xc6D\xb4\x9e\x01\xf0g\xff\x05 \xcc\xc7]q\xf6\xda\x1c\xca\x8b\xb0\xf28\xf9\x90\x91\x97\x9b\xfb\xe3\x10\x1b|\x9f8\xae\x8aN\xfe\xf7\xbb%.\'\xbb\xa3\xc4\xfb\xebrvZ\x8e\xfeOk\x1e\x0f?\xe8\x98\x98`\xfa\xf8\xd8\xd7\xaa\x0f`\xdcz\xdb\xab\xe4&amp;\xa5\xf3\x9b&gt;\xeaA\xfb\xd8+\xda\x9b\x13\xbah\xf3\xf8\xca\x19R\x04\x8f\xc5\x1bXB\xf5\x87\xacK\xbdv\xe9\x8cm\xc2\xe5\x82\xd7d\xd2\n4\xa3\x92\x1d\x00\xd3r\x13\x93()]g\xff\xdc\xaa\xb2\x0e\x1c-E\x1dy\xe8\xcf\xc3\x04\xf0r\r:\xb3\xcbn\xbd\xc5\x92\xeeT0Dl\x9d{\xc2)\xba\x06\xdc5\x8f\xf9\xd9\xbe?\x12&lt;\xa0\xc9\x04Rcy\x98\x9aSO\x1daF\x05\xea\xc89\xb4\x8e+0\xac,z\xe0P\x08\xb4D\x00\x80W\t\x8e\xbbDi\x8ebX\x91\x8b=u\xaah\xc1\x8f\xdb\x80\xe3\x94\xa5\xe2\x84\xd0\xb1q\x92Jeaq\xb1\xcc\xd1O\xd9zo\xb1b\xdc\xaf\xefi\xdb\xb7\x9dv\xdcJ@\xd6\x8a\xdb\xa7\xcd\x82\x88\x08\x9f\xdc\xb9\xd0U\x05i\x99\xeeR\xd5AD)\xb1\xbe\xba\xb6\xb2\xa8}tl\x1as\xcb\xd3t\xcd\x8c\xa0jV%5*\xac\x10_\xe4\x84x\xe6\xecg\x9c\t\x1c\t\xad\xb8\x1c_\xd3\x19\xa1T\x94T\xb4\xfc\xf2\x17j\x1c\xae\xaa\x98\x1f\xc0\xfdQ=\x05\xf8\xf4\x03\x16&gt;\xcc\x02`\x90b\xa2\xab\xd4\xa1\x917(D\xbf\x92\xd9\xf6\x0ft"\xf9\r\xde\xd6\xd5\xf8\xa8\x9b\x08\xe1j\xcc\xed\xaa^\xb1\x9f\x8c\xb5(\x0b\xf16\xcb&amp;\x88\xe6\xfd\xf03B\xd0\x1d\x14"\x91\xe9~u1\\S\xf1\x98\xbe\xc5\xc6=C\x12&lt;\x0e\x8b\x87:a\x1cQ\xc4i\x08\x00C\xdc\xc9\xc5\xf9\xd8w\xe9\xa3\x0e\xa1\x13\xfcI\xca[c\xe1\xadmD\x0c\x10\xa7\n\xc34\xf5&gt;+\x8c\xcb\xdb\x80\xfbp\xe7@\xf6\xc4\x0b\xce\xba\x18\xee\xabuLv\x9a^\tp\x13m\xaa\x87))g8p\xf2\x9b\x1aJ@\x9ehf`dt?*&gt;\x11\xf1\x855s!9\xf4sz\xcf\x1e\xd1\x9a\t\xc4\xe3\xa7%\xac\x81\x12\xd6Q\xea\xa2\xd6\xa5u\xee\x84\xd1\x91\xda\xf2^\xd5`\x18\'NZb\x7f\x06@k\x8d\x05\x00\xd3\x97x\x97L\xca).\xed-\x9f\xbd\xc4\x94\xcc\xfe\xcd\x0f\xa5|\xb3\x91\xcdIKD\xe37\x16Dnv\x9fCp(\xda\x17\xf2\xc5S\xc3\xf8\'\xceef\xda\x8ejWTj}fCk\xf6\x7f\x90=\xd93\n\x10\xae$q\xdf\xaf5h\xfc&lt;\xd5\xc06\xd0\xbcp\xbdP\x89\xcb\xf6\xd9\xfc-\x1d6\xf6\xa1\xe1\x9d+\xa9w\x97\x0e\x8e\x03\x95\x00\xc2\x1a\xbd\xc6\xaa\x9b\xf7\xbe#:\xbb\xf5\xc7\xe2s\x1fg\xf6_E\x0e\xf2i\xa2!\xa6\x10\xad\xa1z\x97\xdc\xbb\xd5\x82\xce\x97N3-\xbe9 $\xd4\xa5\x8d\xf0!h\x1c\xeap\x1b\xd4\xe0K\xc80?\xd8\x92im\xc7\x9f\xc1\x95L/W\xba\x02\x8c\x10W\'\x8bcY\xb5\xf7PwF\x1e\xca\xf2w\xabxg\x00\x80S\xc0\xe1K\xc6?mO\xce\x1c2\xe5\xd9\x05\xeb\x1f\x12\x9d\x07J\x00\x80?\xef-\xc0&gt;\x0fyq\xe4\x1cT\xa5I\x85\x1f\x15\x888\x84_\xf8\xa8d\x90*Dc\x94\x0fe\xf4&lt;\x10\xa1\xa6L&gt;\x12\r\xa1(\xbf\xabT\x0c\x8fN\xe4\xfb&gt;\xf3-\x87\xfb\xf6\xe7\x00e\xee\xb4"\xbc\x9f\x8b\x8f\x8dS\x8a\x81\xea\x98S\xe6W\xf2-FW\xdd\x0b\xeb\x02\xd7\x1a\xc7\xb0C\x91\x90\xde\xc0\xab\x96\x80\x85\xa4l\x17\xe0\xfb\x9aO\xac\xb5C\xe7\x00\xe8;&amp;\xd2Qq\x8c\xa4\x98\xc1\x17\x15\x01~&lt;\xfa}\xcf\xa9\xdb\x89\xcd\x8dh\xc4u\xbc\x84\xfd\x8c\x14\x00\x00\\\x9d\xaclq\xd6v\xb3\x1c/s8\x0e0\xb4\x98\xaa)\x17}\x91\x18\x94\xb9N!\xc89!w\x06\x85\xd34\x9az`[\x01Vh.\xaf^\xdd\xee\xf0\xa1\x1b\xae\xba\xf1n\xec\xf1\xc2\xef\xc4\x12kP\xc3.Q\xa4.^a\xd8\xff\xb8%\x0c".\xbf{\xb8\x93\x1d\xd1\x98g\x9c&amp;&amp;3\xd4.\xc8s\x0f\xe3`3\xfe\xf6;8\xb8&lt;\xf9\x04\xe6\xc9\xd4x9\x88\xfc\x86N\xa9s\xe7\'Y\xa9_\xa7\x1a?Tv\xdb6\x15\xd5\xf5U\x94\xbb\xa8qg8\xb22DE\x0c=\xb7\xed\xb5&lt;\xeds\xd8\x9dB\xb1.\xd6J\xa5\xa9\x91]\xaf\x9e\x02\xf0\xe5z\xd4\xcc\xeaz&lt;/\x90!\xc4\x8b\xab\xcc"\xc3\xb7\xd5\x11\xa6\x10\xb3\x84\x03\xca6\x17Iz\xb5;\xaa1\xcf\xd8\x80\xe6\xbb1B\xcf1\x03\xc0&lt;\xd3\x1e\xd0\xa1\xfbC\xc0\xe3\xc9\xa6\tc\x1b\xa0\xd2\xda:M6"\xc0\xb6\xf0\xcf\xe1\x1c\xf6\xdc\xf6M\xde\xaf\xea"\x00\x06~\x9bv\xd4]\x9f\x1d\xcd\xc2\xd9\xd8\xad$\xed!0\xd1\xc8\xf6\x9c!~\xae\x8f\xa5\xd1\xe9\x95\x1ek?\xaf\xb70\x87\xc14M\xd3//\xbf\xe5W8\xfb\x07\xaa\xfa\xad\x94\x0f\x80\xd0=\x10i\x89\xc8\xdeb\x90?\xc2;\xb2m\xeb=\xea]\x98\xddS\x8c\x86J\xe9\xd0\xbc\x07\x92\x7fv\xa0\x98\xf5h\xb0n\xe3\xac\x1f\xee\xbd~\xb3O\xf3\xe6&lt;\x1e\xd7\x02\xa7\xe7\x9e-\xe6\x9e\x86A\xf4;\x92\xe1\xb3\x9e\x0b\xfd-\x83\xcf\xad\xda\xf71)]\xa2\xfc\x8a\x9c\x1bfz1\x0e\x92\xb2\x18\xc4\xbdC[\tC]kK\xab\x8dh\x18\x18_\x95i\xd7\xc6,\x08\x007A\xfc&lt;\x8d\x912#U\x8f\x85\xaeU\xf4\xe4\xe1T\x0f*\x8a\x96\xcf\xdc\x8d\xa7\xb3\xbf\xc6Db\xf8P\xa5\xafB\x87\x1dE\'[\xfa`\x1f\xce\xde\xbc\xff\xe1&amp;\xa6\xd5rX;\x0czc"\x0fI\xfb\xaeGk\x94\x8f\x1c\x98|\xd5\x8d\xf94\xc4\xed\xad\xaa\xfe;\xb0S\x1c\x91}\x0c#\xd09\x80\x93\x89\x19-\x84le\x1b\x8ap\x87\xd3\xb1\x9da\r\xc6\x85\x11r\noRG\xc4\xad4(\xa8C\x87\xc39kf\xb4\x1at\x0e|\xb4l\x0b\xa0ir\x8e\xe9\x82\xa1\x14GA+\x14\xf9f\xc7\xcc\x1fXP\xc7\x81\x9d\xc8At\x90\x05\x15\xdd\xf7XZ\x89f\x93Y%\x8a\x13!t:\xb1\xd2\xe7L\xbd"\x05\xad\xdb\xf8\xce\xc3%\xbe@\xc3.V\xb2\xf1\x93\xfb\r\xcdYYU\x1fT6\x94\xff\x9b\n\x1b\x92wi\x0bE{B\x98o\x11\xdd\x8b\x05s3\x00\x00\xe0\xbe\xe1\xfcjfX\x87}a\xb2\xdf\xe1\x04J\xc5|F|\xfdC\x81\x9cA\xe3"g\x0b\xb1e\xd8nd\x99\xc6\xd8\xf3\xce\x91a\x0e w\xf6\xbf\xfdc^\x88\xf3vm\xcf\xdd\xbee\xd2\xaf\x8a\xb5LJ\r\xd8\xd2\xe9\xca\xf7U&amp;\x03Z\xf6\xdf\xe7\xa9\xa5d&amp;\xce\xef\xdb\x10\xb3\xff"\xbe#\xc2\x99z\xc5\x07\xee\x83M\x97\x8e\xbc\x00\xd0\xbf\x83&amp;\xe3W\x81i1\xf1h\x97\xc4I\x1eJ\xbb`{\x1d\xc5\xa3,F\xc5\x1db\xc7\xb4\xb6V\xe4\xf5\x96\xe1j@\'b\x0f[("\xd0R\xc79&amp;wb\x86\xe2\xe8\xb2E\x17\x1d\xea=\xc2\xbe=f\x05\xbf.\xbb\xff\x9d\x82y\x8a\xb7e\x98.^\x91\xe2\xbd\x06X&gt;\xc9\x040u\xbc\xc3\xf1\xe2\x8a\x9bS\xdf\x9d5\rh\xe4S?\xd8\x8e\xe7\x88\x0b\x8e\xf5\xd0\xf9\x00\xf9\x9f\x00"\xc2\xf5\xd0\xfa\xbb\xe1t\x8a\xac\xad\xb8[O\x99\xd5\xfbW[Z\xc4\x9b\xd8m\x83\xb3\x7f=\x95\x0f\x10x.\xde\xbd\xfb\x9d\x8c\x87\xb9\x95a@zU\x10\xa0\xfe\r\x8a\xb6\xdd\x87\x81\x9c\x1c?\x9a_\xbab3u\xb3\x8a\xd4\n,]\xbc\xe8r\x8a3\x91 \xaa\x02\x8e1\xf3\xf8\xb9Y\xd9/\xcb\xa7\x90\xae\x0f\xdc\xee|:\xa6\x9b\xfae\xfd3\x85\xeds4=\x12~\xb9P\xaf6\xae\xb4r\xbc\x1a\x97\xcf&gt;5\xe7\x8e\x83\xa3\xe4\x0f\x11gm%\xa7Jk\x83\xd0\xdfY\x17r\x11\x1aj\x8c\x01uP F\x16\x00\xc9\x9e\x89\x96\x9a\xf1\xdc/\xbbk\xb0\xd3\xd7\xc2L\xabB\xe2\xd2H8\x10\xf2\xd4yhV\x82\xe4J7\x8e\xc1\xfdB\x9d\xb3\xb1\x9d\xcf^n\xf0\xa5\xd9\xde&gt;\xb6I\x94-\x98\x10\t\xf9\x9b\x84VO\x1cJ\xaf\xe7\xd6#}\x1c#\xb4C*I\x83 N\'m\x96-{d$\x08t\x1f\x98\xf8G\x80\xff\x91K\t`?\x805\x8b}S\x80?+\x13P.\x81\x87\xda\x87\xb9\xf1d\x1e\xbe\x0c\x01\x11M3.\xcf\x1f\xc1\xc0\xfa\xce\xa7\x1a\xdc\xab\xe9H\xf87\xc4+\xb2\x1b\x17\xc3\x8c\xd8S\x8e\x9f\\\xe0\xfa\xec\xe3\x9ab\x9a\x0f\xd0\x9f\xcc\xc33%\xc6\xf1-\xa3n\x96}\x08\x1b\xc2\xe0hg\x19nO\x9a{\r\xb1\xd2\x80\xeb\\\x91$&gt;\xa6Z&amp;\x1b\xe8a\xd5\x84\xfb\xc0%\xcc\xaa\xe2\xf6\xd7\xa1a\x97\xee\xc3\xab\x93\x8b\xdd\x0c\x17\xd8\x08\x16\x96j\x0c\x07y\xda\xc0Y\xacd,\xe6\x02\xdb\x12\xbdV\x84\xe4\xd6C\xdd\xfdr\x86\xd1\x8e\xbe&gt;\xb66b\x11\x11~\xf0\x10G\x83r7\xdbZ\xa1\xd1\x0e\xd9\x96\x02\x07\xde\xa7)\x11\xde2o\xa0^\x1d\x19c\xab3\xf6\x1e!-X%\x81\xe9\xb1\xe9TA\xa9yJ\xa9w\x82\x95D\x86\x8f\xbb\x10a|\xf2\xd8\xe6\xc7dyJz\xb7Y\x10 Z\x07\xb8!\xc1\xf4\xc7\x1c\xe1\xaa\xcav\xc1p\x18c\x8e?\xd6\xd6\x97\xf0c\xc67BUx\x8a\x9f\xde\x98=\xfe\xec\xea!\xa9\x06\x8ab\x0bH\x053\xa2\xcejY4\xb0\x9e\x00,M\xd7\x87\x9dz\x0b\xa5\x88\x91\xd4i\xbd\xbfc\xc60\x0e\\y\x8e\x84&gt;\xb7\x0cp\xbd\x83\xec\xd4#\xf6=\x9d\xbd_\xd5\xdb@\xab\x9c\xb2\xa3\x1d\x9bp\x17\xf5\x16\x95\xcaM\xe1\x86w\x96/\x1e\xcc\xbc\xabw\x00\xc3\xc4\xc5\xcb\x85\x0b\x12\xc0\x17DME \x16\xfc6K\x0e3\x1b#e\xa2~\xf0X\x95\rr\x0fE\xd49\x8b\xa5\x84Q2n\x9d\x1d\xbd\x06\xe0\xc3\xda3\x0f\x9e\xa3;C\x82K\xbap\xf5_`?\xc9\n\x93\xf8W\xcaK\xb0/6\xac\x8b\xc1\x05\xe8`QY}\xad\xec\xed-\x15\x1c\x9b\xde\xef\x0b\x01\xc0St\xe4;\xc3\xc34\xbdu\xfd\xa0\x1d\xad\xb7"g\xff\xcaL\x8e\x80\t\x00\xe0\x17N~\x8fj\x82\xe6\xc7\xd8N\x01\xad\xf6/\x9d\xd4\xd3\xcfwk\xbb]\x80\xef^:\xd54B\xee3*\xf3\x0e\xf3\xa8/\x12e(\x85\xd5\x07}\xe3\x1e\xe0\rjr\ta:\xd5A\xe5\\H\x07\x82{\xf3\xd4&gt;\xb6\x14I\xb0qF\xc4Y\x92O\xaa\xff@B\xd2&amp;|"\xe3X\xef\x0c9\xee@\xb9\xf2\xec\xcd\x13\xc3\xea\xd0\xca9{\x92\xa5 c\xba\\\xc4\xac\xbe\x83\x8c\xf1\x91\x9b\xec\x83V\xfb1\xa5\x02\x00\xf8\x0e~S\xa1\xfc\xa5Cv^\xf73v\x986&lt;\xdb\x93B%\xa3\xb8O\x9a\x06\xa2y\xcc\x8a\xc0E}\xb1\x15\xa6z\xd4\xac\xf1\x8cC\x82r\xe5\x95z\x0bu\x86\x1a\x8c4\xf7\x1d\xbd\x1d\xcf\xfd9%V\xa7V\nZj\xd4\xa6\xa8\xbe\x83\xe0\xc2`\xf4I#V{\xb1\x16M\x90e%]\xf9\x83\xf3\xa2q\xactP\x0c\x15\xff\x1b\xda\xb9\x16S\xdb!\xb6\x81JD\xf2\xfb"\xc0\xddL.\x11O\x0cX\x17N\x06V\xd9\xe5&amp;\xc3\xcd\xaa\x8aT\x01\x17-l\x06\x1b\xdd\xed\xcc]\xa5\x1aF\xbc\xe3`\xb7\x98?\xc1\xd4\x9e\xd2!"\xdc\xe0t\x1c\xd48#X~\xc9\x14\xc6\xfd\x95\xeb\xdc\xa9\xf3@%\xa2F\x00\xab`@\x91\xce\xd0\xc2\xa0\x9eEDx#[\xac\xb2\xad\xdfd\x83\xa5\xcd\xc7\xe7Z\xea\x9a\xbc\xfcIh\xf1k\xc6\xb7j\xcb\x80A\xdd_\x04\x99:n\xd9\xfd\xe4\x13\xb3\xc6\x0c\xc4\xd6\xefL\x18\x04\xa3,\x98\xbdD\xc3\xf5_v\xfd9\xc3\x83\x9b\xbc\x99\xb3\xc0\x8b\x84N/N\xd9\xfdrEtZ\xe4z\x8a\xbe\x0b$O\x96H\xfb\xe6\x814F\x95v\x06\x0b\xa1a\xef\xb1%c%\xf1\x18\x10\x1c\x06\xdb\xfb\\\xc8J\x1b\xd2:7\x9bZ\xe0F\x96k[\tZ\xc2\x85\xeck\x16\x97\x82\xfa\x95\x8f\x91}\xdc\x0e\x97-\x19&lt;\x8e\x81\xd3\xd6\xae2\x10tLw&gt;\xea\xaa\x05\xdb\x14\xb6}vs\xa9Y\xecl\xf94B\xf1iD\xef:\xd8!\xc2Od\xcc\xd1\x13\x87c\xed\x1a\xae\xe42]j\xc7AA\xc1\xe9?\x98\xe6\t\xa0\x1f&lt;\x07G\x9eA\xa4\xed\xa7\xad\x97\xf4gA\x11q~\xcd\xd6\xe6\xe6\x91\xde/F\x02\x1d\x05g\xc9\xfd\xb7|\x0e\xaf\xc8\xa9\xa1g\x08!bu\xbe{%&lt;\xcc\xcf\xf5\r\x83\xee\xe5e\xad\x12g\xaf-@\xf7\xa7\xdc\xddo\xe7\x0f\x1a\xbf3\xbd\x10;\xb4\xf1q\xfdm\xe9\xaa,\xe6\x0f\x9e\xa1\x14\x0c\x18K\xc0\xf0\x14O\xc7e-\x8a\xf3\x89\xc1rI\x0f\xd3\xd9\x02\x00k\xbcs\xe2\xe8\xecq\xc8,\xa4\xf3L^`\xbdK\x00\xe0i\xeb\xbe\xc0\xbct\x88l\xde\xb8_\xcd\xa2\x1d\xc6[\xdbjg^$]\x0b\x8e$\xfc)cZQN\x8a\xb9\x02\xf6\xf6(*\xee:X\x8f\xf8\xd7csp\xdc\xdd\xaa9oB\xd4\xda\xf8/\x05\x11\x99\x03H\xd5\x11\xf1&lt;\x9d\xad\xa52\xe5]\'\xaf\x85d\xfab\x0e\x95\xefn\xc4\xcc\x8dL\xb5\xba:\x93w/\xd4v\xcd\xc9\xbe\xec\xb1\x1e\xa6-\x01k\xcem"\x05\xf0%\xccvg\xc41\x91\x1fS\x9dr\x9c\xee\xddk\x08\x8e\xbb\x8c\xfb\x8c#\xc2\x16o\xd5\xb4\x8a\xb43\xf1\x9f\xad@\xf9\x0c\x15\xe0\x9bV\xef[w*\x7f\xad\xea\x02\x80\xc0I\xd7\xc6,\xd5\x9c\x03\xfa\xb8lF\x8cV[x\xc2\x9c\xdfz\xa4\x80\x94\xa9\xd72n\xb5y\xf6G\xacu~\x98\x14kt8V;M\x18g\xd0\xc9\xd26\xc61\xfa3j"\x96\\\xdeH\xc7 \'\xef\x12\x16\xec\x0c)\xbcII\x86\x0f\xd4\xe74\xafP\xdd\x024\x02k\x193f\xbc\x01\x11\xe0\x1fUX\x18|\xceQ\xa8\x03\xdd\xb9r`\xb4j8h\xa9\x95\xb9q\xa1\xae\xdaW\x1a\xae\x19\xc1h\x88h\xfe\xd8\x19\xa9\xef\x08r\xaa\xa2\xe7abA\x9b\xe2\xecV\x88\xde\xe6\xa9]\xa5\x889Z\x04\xaaV\xd0\xdaa\xba\xcd\x96C\xb5\xb9\\dD-\xcc\x0f\x06~\x17\xae7\xd7\xee#x\x7f\x04\x19\x04xxq\xda\xc8\xfa\xc6y\t\x03\x88\xc5\xd0\xdcS4Y(\xd1\x87J4/,\x981 \x1a\xf6B#\xd6\xceHH\x8a\xd98\xc4\\\xd2\xbd\n\x86)\x97L\x0c\'j\xc9\x90\xf3\xbc\xbdo\x8bY\x91\x16\x9d6qk\xa7\tk\x1a\x11Oo&gt;S\x15\xb1K\x88H\xd9U\xd8\xbc\xb0i\x86-\xe9\x1996\xfboe\x99c\xd54&amp;\x12J\xb5\xac\xe4\x11?f\rp\xb1T\x15\x15X/\x1d|\xcamL4~\x04\x12\xe21$\xd62e:&gt;\x90\xd1F\xc6\x12\xb6\'\x1c\xaaA\x1e\xfa\xc7\xc5(\xf7\xb5E\xd6v\xeb\x01\x85d\x9d\x8dT+)w~\xdf2\x9cP46\xb3\xdbO1}\xc4\x95\xc7h\x86f,,\x1a\xfd^e\xa5\x0e\xb5\x00(\xcf\x14QR;=E\\\xec\x0bOm\x9e\xdaM\xf0\xac\xa0/\xe4&gt;\xda~0X\r]\r^\x95\xef\x16\xbaK\xa1\x88\xb7lk\x84Y\x9e\xa7\xd0r\x88\x85\xf9w\xb3\x1e\x92\x04\x93\xf2\xf8\xc9\xee\x97\x91SK\xccl\xe4\xd9A\xd9\x8e?\xba\x0e~\xe1\xdbI\xa2\x1d\xd9\xc8WM|\x9f\x17g\x07\tJ\xd4/\xdc\x1c\xa6)\xe3\x88=K\x16\x05\x07\xff\x97\xd0\x14C}\xe5\n\x9d\x8bQ&amp;v\xbbU\x0fE\x91\x8fJ\xa7\xa7\x01F#\x86G\x9b\xb8u-3\xbb\xfbn\xf9\xc9^OT\x93Oe.=a\x07*\xfa\xd7\xa5\x94\xb2\xc5\xf0\xf3\x82\xbcX\t/\xf0\xa6\xa7\x8f\xa8\xe6w\xc1X\xc3\xf7\x82\xa6\xb4\xd4.\xf2.\xc9\xad2\x08R*|\tC5\xdfJd\x89=\xcd$\xbd\x99\xab\x94\xfb\'\xa5\xb8\xdc\x0ed\xfes\xfa\x85\xda\xef\x04\x7f[\xc1+!\xd7\xb6\xf3}^\x9cu\x08\xcaSJ\x83\x1c\xcf\x86K\x03z\xa5$\xb8\xdd\x95\x95\x0b.\x11i_\x87R6kX\xdf\x08~\xa4\x9aH\x18?\x84\xbb\x01\xbc\xb3tZv\x87\xaa\xc6!\xc3\xef\x8c\x19d\x96]\x8at\xe8\xd6\xe0l\xc0\xaa\x08\x97\xbb\xcc*\x94/D\x1fG\xef\x05\x93\xb8^\x89\xa5d\xac\xe1\rF\xb5\xad\xd7\xa9\x9a\xb9U\xf4\xb7\x89\xf2:P\x99U\x95\xc1VJ\xaa\xb8\xe8\x9dA\x0b\x11\xe1\x9b\x86\x10\x83\xaf&amp;EDX\xdf\x17W\xeb\x95U\x9b\xe6)\x19\xca\x05\xd8\x8d\\\xfb\xc5\xcf%0Ca\x94\xb7\xa0\xae2\xc5\xecvY\x84w{_}\x10\xe2\x1b\x9c^\x0b%\x1e\xc3\x1d\x1e\x11\x82\x02\xd5+\xc7\x80\xa9\x98\x14\x90\x98)\xcc\x7f%\xa9E\xca\xdf(\x91\x10\xc3;\x11\xad\xb7\xeb\x84eF\x00\xe3\xf7I`\xd0wI:\xee8\x82\x0b\xa4\xa0\xf3(\xd6\x81\n\xd1\xd90vu%\xb62O\xd1\x80\xa3\x80Ya8\x94\x00 opT(\x9b\x07\x83\x95\rZ?\xacQ\xcfz\x1d\xa7\x16h\xff\xdaF|\xa2\xdf5~\xb6Y4\xe8L\x11\x11\xd1\xd0H:\xc4_"a\x95g\xb7\xc8\xabI\xa7\xf5\x9fj/*f\xbcc~\xe5/\xbe\xb3\xecm\x0f\x1b\x04\x87\x99\xfd\xdb\x01\xd1\xfc\x0c\x0f\x0bV\x95\x0b\xb6\xf2g\xff\x80\xf0\x86\xa5\xbf\xe1\x8e\x89c\xfcT$\xd3_S\xbdr\xec9G\xe3\xf53z\xda$\xa4\t\x19\xcc\xc3\xcc\x82\xd82\x96\x10\xe0\xca\x93\r\xba\xdd\xb2\xd9\x81f\xcf.\xe0\xec\xdbm\xa81$u\xd9\xf1Z\x98\xe6n\xb7\xd1Q}+p\xca\x18I\xd9\xe27\xc4V\xdf0xNi$(\xfd\x9e\x00\xc6\x0e\xfc\x02\xc4G\xa8)\xab\xe8\xc5\xa5\x19fW\x98\x84\xf3\xbb\xa5\x89ym\x1a\x95w\xff\xb7\x8f\xedg\xd8\xce|z\xe2\x0c\x15=\xb0\x19\xc9\x19\xa4\xf2\xc1\xd3m\x9a\xbeG\x81W\x12FF\xb1t\xd3\xcc\xbd\x86\x87\xd4\xedAn\xd8\xf2\xe1\xce\x00Rw\x85\xd0\xea\xd5P/D\x84\x1bJ\xd9\xe1\xa7x\x87v\xa4LmS\xb0\xeen\xfb6\xac\x1e\x00\xf7\xd3\xa5\xbfi\x9a\xef\xe2v\xba\xcb\xb1y3G\xc8\x97\xad\x96Q\x92\xe4\xee\xf1\xc9N\xd5(\xea\xe1\x1d"5\xee\xa3\x12c{\xa6;)O\'\xa3m\xd2\x01\xa3\xb4\rZW\xaa\x83\xe1*\x07\xb1\x8f#\xa1\xba\x90o*\'QS\xbcl\x98\xc2\x0c\xe3b\xae\xa1Dr\xee?&lt;E\x85\xf4;\xf3$\xcdA\xc7tR\n&gt;\x15\x99\xfbf\xc2\xcc\xfdi\x9b7\xac/L\xefx_\xd9y\xd2;U\xd20W\xd3\x19\xd2"\xbc\x16\x01\xbe\x1c\xfc\xbd\xd2\x99\xe0\x83GX\x00\x0cP\xb3\x0c\x90\xea\x0f%!\x00\x94,\x0b\xa1\xe1|q\x13\xcfI\xc6\xa3\xa2Al&lt;r\x1f\xd1c,\x89t\xd6\xc4x\x01O j\x93\x11\xe4\x1fB\x86\xb1\xeb\xd8\nWHM9U\xb4\x1e\xca\x86\x94O\x07\x12/\x89\xb4\xa8\xe1\xafR\xe5\xb7\xbe\xfa\x95\xc2T\x1d\x07\n\x08\x01R\xc6\x0fF\x06\x117\xdc{8\xe3\xfb:\t\xcb _\xc95 ?\x84\xb2\xad\xc4v\x87\xa2\x0bbz\x91\xea\x8f\x99D\xb3`\xff\x1d\x97mT\xe1\x0f\x06\x8c\xbd\x83\xbf\xb1$\xb5\x99\x0e\x18\xf0\xa4\xa9\xcd\xd2\xb1\xe1-V\xcb\xf5\xf3`\xea4\xc5\x1f\xaf\x16\x18\xdb\x08\xab\x9b2\xc7\x91\x04e\r"\xc3\x8c\x05t\xfd\x89&amp;\xc8X\x08\x08\x86\x00\x9f\xb3}\xcd\xe8\x1d"r\xc6X\xf1\xaa\x0b\x8eF~\x11\xc1k\xb9a\xc3\xab2\xf2.c\x1a\x9c\xaa\x14\x019\x9f\xe2Y*\x15Eb\xab\x9a\xb8\x1b\xc5b\xbb\xa2lLO\xa9\xfd\xf4\x05\xdd`\x15\xec2\xaab\x102\xe5j\x9aX5\xed*&lt;|\xc4\xb0&lt;\n\xdcx\xf8\x0bqY8\x0e\x12\xc9\xde\x05\x9c*\x04\x80\xbf\x13\xae$\x03*\xd5\x10\xeb\xeb\xc8\xa3\x81z\xd5\x9eV\xaa\x9aG\xa5d\xbd\xe1\xa0\x1b\x02\xc3S\xbaqK!3 *\xa7\xe3\xb8\xc3\x12\xa8\xb7\x14\x16,\x03\x9d\xda\x10%\x83\x1b[\xb21\x9b\x97l;A\x92r\xd5\xea&amp;\x84\x95f\xf4\xbcSTe\xa8[+\xcb\x17B\x89\xd6@\xfd-\tw\tH\xbdL\xfa2\xc55\x84\xb9n-F\x08\x00?\xdeD\x91\xa8\x14\x9d\xf8j\xc3\x0f\x89\xce\x86\xad\x85QuY\xec\x9c^\xee\xfamN\xd4S2\xa4-\xd0\xdfD\xe6\x90\xa4}\x07\xc0\x1c\x952\xe8\xf7\t![Nrp\x12l\xcc\x8d\x0b\xbeF~\xfb\xa4+Eo\x01\xca\x01Jf&lt;]\xfc\x810\xf8\xdd\xbf\xbap\x9f\x90\x9f\x96\x17\xcc\x00\x00\xc0\xf5&lt;w\xa0\xdb:B\xca\xe8\xb3\x9e\x11 M=\x8d\xf3\xd6T4&gt;!\xd2!\xeb\xbcT\xe0\x19\xf1\x97\x1ex_\xe1r\'7G6D\x80;\xc1tyq\xdf\x12l\x1aL\xeb\xfb\xad\xa6o\xddu\xb6dV\x00\x00 \x00IDAT\xaeT\xf2\xda\xfb\xcf\xffy\xbd\xcdZ\r\x08\x00p_\xe3B\x8f\x17EX\xe70Bm\xda\x89\xa3\x84%\x99\x97\x7f\x87\x7fc\xa3l\xba3\xaa.\xcb\x9bNb\xe2\xcd!\xe6\x07\xda\xa8*u@,T\xa7\'PW\x11\xe0\x1fjI\xe3I\x80\xeb\x90\xa4&gt;]A\xf3\xa6\xf2:XKD\xeb\xf0\xba\x9du.\xb1n7\xd0r\xc5(\x8c^\x9aVlv\xe5\xbc\x02\xcb\xb4\xc4\xcb\x96N\xd5 Z\x8e$\xc3\xb6\xe5\x82L\xb4R\x14\x11n\xd2E\x19\xf6b\x11\x9d\xeb\xeb\x84\xd5YVz\x06\xfc\x1d\xde\xbd\xb6\xa1\x17[\xef\xb5\xe5\x8c\x8a\xca\x9e:\xf8\xc1&amp;\xb5\x83\xdf\xb7F\xf4\x92r\xee\xc4;9N5=w\xa2\x00\x08\xf0\x9e\x8e\xd1\x98\xf6`\x81\xe2\xfa\x16Kp\x1b\xe6\x0e\x9e\x08\xdf\xa5\x99&gt;\xe3\x03\x11\x7f%\xb6\xd4\xbc(v\xd0B\xeb\xb0\xaf3\x86&amp;\xca\xfe\x90xnHh{\x94L\xd2\xe9\xa4l\xdd\xdb\xe63&gt;\x8dVJ\x955\xd3p\x86\x95G\xb9#\x13\x8a\x95\xf6\xd10r\xa6%J\xc3\xe3\xb9\xf5\xc2n6\xae\xbe\x90\x8e\xd5}\xe5\x03\x9f,&gt;\xc3\x83\x88p\xc5\x9c\x08\x0f;B\xc5\x98&gt;A\xdf\xb3V\x9a\xb4\x85bJ\xd6z\x90.G\x142\xa7\xf4\x88\xeb\x12\x8c\xb2B\x80\x07\xb4b\xa7\x89z\xf6?\xe3"\xa0u\xd8\xe0R\x84\xcd\xf2U\x1e\xc0\xe1\xc1e\\\x84d&gt;\x8a\xfc\x95\x10W\xdf\x1e\xe2\xa9\xeeM\x04\x8bpi\xe7&lt;2\\\xfaD\x8f\x02\xaf\x84_\x8b\xe8\xbaVr\xb9p-\xf6\x85\xc7H\xcb]\x9d\xc0\x02:#H\\\x9a\xbf$\xb6\x83\xef\x08=c\xde\xc5&gt;\xc1\xb9\xdd\x05ro\x07u\x9f1\x97#\x1e\xc9\xfdd1\xbdy$#w\xa8\x96\xda\xc8W!\xb3c\xff[\xa0Tq;\xb6\x13/\n.\xc1\xed(\xedV.\x88\x00\xd6\x18\\4\xc5\xae\x83\xd0\x98x \x15T\x91V?1\xf0\xd5\xb6ZT\xbeM\xacO\x89\x89XM\x18\xb4O\xb9\xe8rI6RaTN$Dz\xdf\xf3V\xfc\x99\x857\xad\x96\x19\xeeP\x90n\x0c\x901\x9fgI\xb2\xc6U\\\xf5\xa9S\xee\x8eqF\x08\xc2\x97\xaaR\xd5\xd3\x0e\x8d\xd3q\x8b\xc0\xa7\x18*I\xe4\xe5`\xbd\xb4-\xc1\x08\x19q\x86\x04\x08p\xb9\xfd\xb3=\xfb\xf7\\\x99\x8c7-\xef\xf7\n\xecZU\xf4@\xf8\x1dG}\xb9\x05Z\x18\x8epR\x96\xcf\xbe\xb2\xbc\x86V\x8f\x18&gt;\xc1\x1c\xd6\xc7\x8cr\x84\xc7\xd1\xef\x0b\xef-X\x15\xb8:\xbeMya\xb9\x9a.\x9b\xec\x1f\xae}\xdfqA\x9c\x92\xb2\xdb\xba\x07\xdfJw\xca\xea:\xdb\x01\xd5\xdc\xb7\ni\xdc2\xad\xc3ht\x14\xf8\x0b\xbd\x0f\xddQ^L\x8e\x82v:b\x9f\xb5\xb1\x1f\x96\xadwTk\xf3J\xf1\x1f&lt;\x86\xd3\xe2e\xa8pYS\xfd\x82\xfb\x99m\x03%\x97\xa9\x86\xb4N\xc4\xe8)\xaeI-H\xe7 \xb1\xee\x80\x9a\xef\x9c\xe4\xc0S_\xb5\xd2zg\xf6\xbdn\xc8)#\xa3\xa4hl%\xd2\x0b\xc2\xfd\xf3]wF\x15MQ\xc5\xecU\xdd\x87h\xad\xe1\xf3\x8ds\xf0[\x07\xa5\xea\x9f\xd1\x03\xab\xcb\xbe\xae\xb7 y\x187\xd8\x9a\x8c\xe6\x16Y\xa7\xcae\xb0\xae?\xf1\xc8$\x9eQ\xc0K\x87\x0f\xa5rvw\x8e\x04\xe5C\x9d\xc6`\xa94\x8c\xe9\x0b&amp;\xe3u\xa4\x11\xc8\x9d\xe8\xe8\x1e.\x1a\x03\x97\xf1u\xac\x02t\x8d\x99I\xc0\xfc\xc3\xdc\xd6m\x13\xc3+&gt;\xd2b\x87h\xbf\xa2\xd3\x85\\&lt;\x04\xf8&lt;\xd2)\x9e\r\x91\x04\x00\x00|\x96~\xae\x99\xe7\xebx\xd1\xc2Q\xdc\xb6O\x8d{\x9b\xbbe&gt;$\xd7&amp;=\xc2\xcc\x95\x00\xe05%\xfdO\xa7j]0t\x0e\xbc,\xf4\xcf\x97(\xca\x06#.\xfd-\xe3\xca\xd8}S\xde\xc1\x139\n\x17\x00\x82S$\xa5\xea\xe8\x99\xa3\xdd\xdc\xb7L\xda\x1as\x9d7\x08\t"\xc0\xd3\x94X\x1f\x02\xce\xa4J9T\x924\xd1\x83\xae\x00&gt;\x0bu\xfa\x0e7\x80\xfb\xe5mQ{B"\xdc\xdd\xad\xad+\x8b\xea\x90\x9a+#~&lt;\xbfx\xca\xda\x8b\x9f\x80\x1f\x07\x1d}\x1dd\xc7\x9ea\x8ae\x96\x1foYl\x99\xbe\xf6,\xe4\x8e_\xd0.\xd3W\x96iv\x8f\xce\xbe\xafn\xe3\xcae\xdd\x07G\x9b\xc5\x9b\xe6\xb1\x82\x86\xc3\x8a\x8b\xab\xb08\xd6\x15\xcf!^f\rz,\x90\xe3%PPl#Xi\xdeI\xde\xa5hJ|\xa0\xeddB[\xc7\xa9qs\x18\xf6\xaa\xe4&lt;\xebZ\xa8!\xec\xa2\x9e&gt;\x8a\xb2\xee\xc5\nKS\x12\xc5d\x83\x0c*\x8e1\xee\x86\xb1\x90\x11a\x01zS\x1c\xc7\xac\to\x13\xfb.\xect\xeb\n\x15\x1e\xe3\xa9\xbf",\x9e}{\x93G\x8aP\x9c\xbd\x00`2b\xcb3\xae\xcd\r\x84"\xaa:\xdb\x98\x1c:"5W\xea\x8c\x00\xb4=\x9b)B[\x8e\x01!\xb6\xba\xf4\x83E\xd6Xz\xe5O\xff\xac"\xb9K\xd5\xbfj)\x08@\x93\xd8\r\xfd\xb7\x01\x1e\xf7o6Q\x08\xbe\x9f\xd1\xbc7\x9d\\\x8f6K\xa4\xcb\xee\xf1\xe1r\xe7\xc8\xe9t\xa2\x1c\xb4\xbd\x18x\x1c\x10\xc2\xe4\x95\xb09Q\x95\n\x1f&gt;\x84\xac\xa6J\x93&lt;\x8alM\xbc\xda\x11\xdb]s~IX\x0cB\xceo\xdd\xa8\x91\xf6\x19\x0e(\\\x99\x84t\x19Y\xc7$|\xc9\xcd+"\xd5\xa4\x19\xe16\xe31\xe2\xc8\xd3\xc0\x1d*\xf4k\xd4\x10\rAt\x84\x19C\xb53FX\x00\xc00\x01\xa0\xf0\x06\x91\x97\x17\xdb\xb0\xab#Z\xc2\xc8\xff\xa4\xce\xf5\xcc\xe1P\x0e2\xba!\x02\xfc\x84\xd1\xc0\x1080\xea\xd7\x90\x96\x07\xc7\x98\xf9\xc2lt\xde6R,R\xe6\xcd\xcc\xdb\x92T\xf7\x89\x857\xcbT\xac\xf7h2\xd8:!\xa6\x9a\xad8\x02\x00\xfc\xcf\xe0\x1d\x80\xae\x99R\x11\xf7\xb5\xcf\xfc\xf4\x16\'\x07\t\xc9\xdd\xdbDiR\xd2\xc4\x8c.A\xe9Nl\xca\xa3\xc3\xcd\x91N2\x9b\x02\xc4\xc4\x10\xce\xe3/H\x11X1\xbc\x82O\xb6\xcb\xf5\xc5\x85\x1f\x98B\x83|F\xa9\xafO,#\xa6\xd0\x17\x9b\x86\xd3\x04\x00\x97C\xfcO\x00\x98&amp;\xa2\xbd\xdd2HP\x08\xcb\xc2\x1b_D4d\xc0\x9d\x1d\xe2\xcc\x9e\xdc\xde!\xc5\xee\x87ED%s\xa1\x9e\xcd+\x82L\x18\x81_6\xff\xeaK!\x94$J\xbf\xad/\xc2\xec\x0cE\xa5\xaa\xf96\x1a,}f\x14\x9bZ\'\xa2z\xc2.\x86M\t\x1a5_\xd9\x863e\xd5\xa1\xa4\x12\xf6D\x99\xf6\xfft\x91\x99\x91\x0b\x88"\xf1\x0eR\x04\xb2aYl\r\xb9SR\xb0*zN9r#s\xee\xa53\xca#&amp;f\xc2l\xa9\xfa\xe3\x12F\x9b\t\xe0\xdd\xd34%u\xd6[\x9d\xd2\xb3\x7fJ0\x97\xf1\x11\xd6e\x93\xf7A\x04\xe7\xf5\xa9\xc7\x883\x1f\xb2\x0c\xd1I\'\x9a\xa7\n\xedm\x1bN\x81\x16\x171\xb9\xa7)\x94\xb2&gt;\x08\x99o\x010M0M\x1f\x12\xca\xfa\xde;R\xc5&gt;\x1b\xae@\x8b\xed\xc9\xce .\xcd\x1a\xb3yZ\xa9p\x9apc\x96\xcbZ\r\x1e\xb5i\xc3\x9c*\xfdJ1\x83\xafP&lt;v\xe9PA\xfbb\xe2\xea6\\1\x18\x15kV\x05o,\xd7vb\x81\xa7\xb4|\xcc\x98\t\x03\x0c&gt;\x15\xdd\xca#g\x01\x10\xa3\xa2$\x8fC6\xf8Mx-0\xb4\xb9\x1d\xf0\xa7f6\xd6\x9b\xbd\xc6\xdf\x9ab\xd5\xc4\xb4\xee\xe9\xf5.\xb5\x96\xe9\xa7i\x16l\xfakEKj\xdca,\x95a\x9a Z\xacm\x96N\xd7i\x9a\xa6?^f\x0c\xaf#\xe53\xfe\xda\x8e\xe3o\xa5\x7f\x0f\xcfl\xf1/ f\xa3\x16z\x1e\x11\x01n\xbc}6\x96i\x1d|\xb1\xc5\x89\xbf0\x8eH\xf3\xf2\xf2}\x8d*7\xe8\x9d\xd8\x16\xf5\x1a\x07\xa2\xd3\x0b\xa11*\xd2\xfd+3d2p\xdb\xb2\xeeg\xd4\xc5\x7f\x04#\x07\xcdd/G4J\xad\xa0d\xcf\xa3ZO;\x8a\xed\xe0\x1e\xca-$\x97\x81\xff\xb3\x9e"\r\x01\x1dp\x1a\xf2\xd9/\xed?\xd0\x9c\xee\xa6\xd7\x97\xaeL\x9dlW\t\xe3\xa8&amp;]\xeb[\x93\x11\xf6\x91\xd9W#\x02| \xc1\xfa\xb2\x95\x06\xf8\x82\xfe\xf6\x84K\xd2\xf5\x06$\x1d\x0e\xcb8#\x16\x9d\xef\xe1F\xd1\x9f\x90\xa9\x15\xc5x\x13\xa0\x91Q\x9a\xd1v\xe4\xd4-\x83\x1c\xb2\xe1H\x88\n\xf3\x7f\x15\xc2\xa6@\xe5\x98:\x00\x08\xf0\xa4\x9dx\xe7\x91e\x16\xe0\xed\xcc\xc6Y\x91`t\xf9m\x84\xb8a\x0b\xcc\x12\x95\xeaK+\x97\x11\xfd\xec8U\x84\xbc_\xa7\xe6\xb3f\x9eJ\xbcJAT\xdb\x12\xd9\xec\xee\xaaV\x15\x8b\xc1\xaa\xefZ-\xcb\xa1\xec\x89\x111\x86j\xaa\x83k\x80\x03\xa9\xe6\xe0\x0e\xd5-\x82\x0cf\x88\x88x\x17\xaeMl{\xee\xe6\x8dw\'\xb3\x8a\x85\xf3\x1a \x1b\xd2\x047\r\xde\xa0\x06&amp;]\x1c\xe2^I\x1e\x0b\xd7DD\x84\x07U\xd4z\xd3\xbd\xba.)9\x84\xcd\xf9\xd2\xbe\x8f\x9f\xc8!\xa7\xd7\xcc\xfa\xea\x16\xbe\x18eJ\xc5;\x88\xd4\x02\x8f\xbcX\x15\x88\x08p\x85\x96\x1c\xe3\xf0\xeb\xedU\xf3\rb{\xaaA\xb5\x8c\x0b\x92l\xc0\xa9,\xfc\x96q\x81.@\xa2\xb2Pd\xc6c\xc0\x0e\x98c(\xdb\\HaZ9\x8dy}C\x8e@\x80wRR\xb88\xe7l\x06rK\xa5\xbb\xb4++\x14\xdf\x93w\x8b\xe9\xaa\x88p\xb7`\xfe6\xa8]\xf5X\xb8J\x95Gx\xa6\x9c2\xe7\xee\x8d\x1f\x96\xb3\xfd\xbf%r0\xa8\x10o\x83\xee[\x1ae\nE\xc5\xb8h5\xa4F\xf4\x92\xc9\xb8\xe0\xe7.\x9c\x85u\xe1gJ\xb6=\xdd\xac+\xaf0\x05\xf8\x9e\xedh*\x1d7\xb0})\x92\x0f\xd7\x7f\xdf"\x92\xc6\x90\xe1\x1c\xaf#A\xb9\xe2\x03\xc0\x07&amp;\xc6\x9b\xf1\xd0EN\xafL\x08z8\xdd9,\xcc\xcb)Y\x86\xa8_\xc7Ey8\xed\x14\n6\xe03\xc4\x08\x04\xc0\x13&lt;\x01JUK\xdey\xc8\xa6\xcf\xe1\xbe\xd1/\xd2e\xa1\xf3{\x05}\x05Yo\xae\xde\x19\xb9o\xb7\x91\x14dU\xfb\x7fKDB\x86\xfa\xe7\x12\x94@v\xbe\xf8\xb5%\xd2\xf4\xd4\xed\xaf\x16cF\xb8:\xd9\xd7\x17\xfd%\x00\x80\xf7}\xf4\xbe\xba\x1aA\x9e3fT\x1bqy\xe3\xcd\x080\xe4l\'*\xda\xe0w\xba\xdf\xda\xf8\xfeQ\x81EJa\x14&lt;\xd9JPk\xc77t\xbd\xbe\xaf\x8b\x89S\x96\xe7\x0f*y\x1e$\\o\xf6-N\x93\xa4HG\xa9\x18\x0b\x9a\xa4\x86\xe3\x85\x17\xf0\xd2\xd3n\xf00\xe7b\x82_\xa3\x94\x7fQ\xa2\xc5\xb1\x82\xa19l\x17\xcb\xb6q\xf9\x86%Z\x16\xd7\x01\x9b\x8c\xa2\x7f\xc7\n\x95s\xf4\x9eq\x0cT\tSIz\xbbS\x8d\xb6H\x8e\xa6\xb5\xd9Z\x95+5&lt;\xcb6\x0e\x995\xd1\x9bU\x14\x8c.rT\x0b\xbfe\xbb\x01\x11\xe0\xad\xfb\xd6\xc3\x03v\x8d&lt;\xbf\x13\x92\x8cT\xc4\x1d\xbf\xb0\x9a\t\xe4\x0f\x06\x80\xfbe\xa1\xf8\x99\xdd\x8f\x01\xc5|!\xf6\xcb|\xef\xfcd\xd0\x9ew@y]\x1d\xc2A-\x8bO9\xbaY,\xd3J\xc2.\xb1\x08,\xba?\x80\xf87j\xfeED\xfc\xfd\xeeq\xab\x03\xc2\xdam\xf9#\xc2\x0f\x9e\x86)\x0f\x8d\x83\xbb\x80=\xd8\xdf\xb4\xf7\xb4@af\xd3\x0e\xac\xea \x1f\x15\xf0\x8e\xf4\xdc\xaf\x89Y\x8a\xe8\x93}\xb9\x8a\x18\xc3\x18lC\xddf\xbd1\xa3\x82#U\xdcw\xe1\xee\x84\xc5\xae\x9aZ\x00\x18\x17\xc72\xd4IB5=\t\x975\r\xf8\x1f$\xd7\'\x86^\x83\xa5\x9e\x8f\xae\xc1\xff\xa9y\x01P\xe8b*\xfc:\xbbi\xccB\r\x00R\xcb\x84\xaa\xab\xaaH\x0c\t$,K#)\xbb\xfb\xa9A\xb3\xb2+\xc8\xa2B\x84Mg\x9c\nr\xa8\x80\xa4-\x9c\x19&lt;T\x00\x0e[X\x01\x827\xc1\xed\x8b\x8c\x81\n\x11\xe13\x88i\xee\xc0\xba\x97\x04\xea\xe7\x86\xf4zvTw\xe9\xf5\xf1q\\\x99-\x9b+\xabp\x85\x8d\x8d*Y\x1f\x81\x98y\xacn8ikq/\x93`\xe7B\xc1b\xedEH\xa1\xb4~\x04\xae\x04\x0f\xb5\x85W\xd1_\xe8\x08\xc5\x17)`\xd8\x1c\x19r\xfc!ug~\x01B\xe77q\xcfX\xa0\xe1{5)\nS:[\x85\xf6\xba\xf76x9vg\xb1\x15\xf1\xfd\xfb\x15\xe1\xe2&gt;"(9\xf3\xc4\xbe\xdf\xda\xd8#h\x10\x19\xd9\x142x\x87z\xd7\xffnY\x1f\xdc\x1b&amp;\x8d0x\x9c\x84p@\x99\xdb\xe5&amp;\x9b\xb2\x9f \xac\x8e5\xe5\xdf\xf7\x02*\xfc\xec\xccB\xb9\xcc\x11:\xcb\xb6\x99\xef\x0b\xc3\xa4H\xd9\xf8&gt;\n\xe0!\x84\xf2\x96\x1d&lt;\xe2O\x0b\x7f\xa5\x00\x9b;\xcf\xb0\x88\x08p\xa9\n\xc2\x102\xf1\xb5~\r\xc7\x98L\xf6\xf2\x9e\x19\x01]x\xa3\xfcX\xc5\xb7\x11\n\xec\xa9\x88\xdb)\x88!\xe8^q9\xce\xd1b\x0c\x9b\xe7c\x17\xfe~\x91\xaa\xe1^\'T\x0e\xd6\xf4\x81q?\xab\\\xba\x92\xb3KYRq\xfb\xcf\xb1m\xd2</t>
        </is>
      </c>
      <c r="E641" t="inlineStr">
        <is>
          <t>&lt;class 'numpy.ndarray'&gt;</t>
        </is>
      </c>
    </row>
    <row r="642">
      <c r="A642" s="1" t="n">
        <v>640</v>
      </c>
      <c r="B642" t="inlineStr">
        <is>
          <t>steps_per_sec</t>
        </is>
      </c>
      <c r="C642" t="n">
        <v>7200</v>
      </c>
      <c r="D642" t="inlineStr">
        <is>
          <t>2.6569047</t>
        </is>
      </c>
      <c r="E642" t="inlineStr">
        <is>
          <t>&lt;class 'numpy.ndarray'&gt;</t>
        </is>
      </c>
    </row>
    <row r="643">
      <c r="A643" s="1" t="n">
        <v>641</v>
      </c>
      <c r="B643" t="inlineStr">
        <is>
          <t>Loss/RPNLoss/localization_loss</t>
        </is>
      </c>
      <c r="C643" t="n">
        <v>7200</v>
      </c>
      <c r="D643" t="inlineStr">
        <is>
          <t>0.20750478</t>
        </is>
      </c>
      <c r="E643" t="inlineStr">
        <is>
          <t>&lt;class 'numpy.ndarray'&gt;</t>
        </is>
      </c>
    </row>
    <row r="644">
      <c r="A644" s="1" t="n">
        <v>642</v>
      </c>
      <c r="B644" t="inlineStr">
        <is>
          <t>Loss/RPNLoss/objectness_loss</t>
        </is>
      </c>
      <c r="C644" t="n">
        <v>7200</v>
      </c>
      <c r="D644" t="inlineStr">
        <is>
          <t>0.042466734</t>
        </is>
      </c>
      <c r="E644" t="inlineStr">
        <is>
          <t>&lt;class 'numpy.ndarray'&gt;</t>
        </is>
      </c>
    </row>
    <row r="645">
      <c r="A645" s="1" t="n">
        <v>643</v>
      </c>
      <c r="B645" t="inlineStr">
        <is>
          <t>Loss/BoxClassifierLoss/localization_loss</t>
        </is>
      </c>
      <c r="C645" t="n">
        <v>7200</v>
      </c>
      <c r="D645" t="inlineStr">
        <is>
          <t>0.1850928</t>
        </is>
      </c>
      <c r="E645" t="inlineStr">
        <is>
          <t>&lt;class 'numpy.ndarray'&gt;</t>
        </is>
      </c>
    </row>
    <row r="646">
      <c r="A646" s="1" t="n">
        <v>644</v>
      </c>
      <c r="B646" t="inlineStr">
        <is>
          <t>Loss/BoxClassifierLoss/classification_loss</t>
        </is>
      </c>
      <c r="C646" t="n">
        <v>7200</v>
      </c>
      <c r="D646" t="inlineStr">
        <is>
          <t>0.17010644</t>
        </is>
      </c>
      <c r="E646" t="inlineStr">
        <is>
          <t>&lt;class 'numpy.ndarray'&gt;</t>
        </is>
      </c>
    </row>
    <row r="647">
      <c r="A647" s="1" t="n">
        <v>645</v>
      </c>
      <c r="B647" t="inlineStr">
        <is>
          <t>Loss/regularization_loss</t>
        </is>
      </c>
      <c r="C647" t="n">
        <v>7200</v>
      </c>
      <c r="D647" t="inlineStr">
        <is>
          <t>0.0</t>
        </is>
      </c>
      <c r="E647" t="inlineStr">
        <is>
          <t>&lt;class 'numpy.ndarray'&gt;</t>
        </is>
      </c>
    </row>
    <row r="648">
      <c r="A648" s="1" t="n">
        <v>646</v>
      </c>
      <c r="B648" t="inlineStr">
        <is>
          <t>Loss/total_loss</t>
        </is>
      </c>
      <c r="C648" t="n">
        <v>7200</v>
      </c>
      <c r="D648" t="inlineStr">
        <is>
          <t>0.6051707</t>
        </is>
      </c>
      <c r="E648" t="inlineStr">
        <is>
          <t>&lt;class 'numpy.ndarray'&gt;</t>
        </is>
      </c>
    </row>
    <row r="649">
      <c r="A649" s="1" t="n">
        <v>647</v>
      </c>
      <c r="B649" t="inlineStr">
        <is>
          <t>learning_rate</t>
        </is>
      </c>
      <c r="C649" t="n">
        <v>7200</v>
      </c>
      <c r="D649" t="inlineStr">
        <is>
          <t>0.039722763</t>
        </is>
      </c>
      <c r="E649" t="inlineStr">
        <is>
          <t>&lt;class 'numpy.ndarray'&gt;</t>
        </is>
      </c>
    </row>
    <row r="650">
      <c r="A650" s="1" t="n">
        <v>648</v>
      </c>
      <c r="B650" t="inlineStr">
        <is>
          <t>train_input_images</t>
        </is>
      </c>
      <c r="C650" t="n">
        <v>7200</v>
      </c>
      <c r="D650" t="inlineStr">
        <is>
          <t>[b'1024' b'1024'
 b'\x89PNG\r\n\x1a\n\x00\x00\x00\rIHDR\x00\x00\x04\x00\x00\x00\x04\x00\x08\x02\x00\x00\x00\xf0\x7f\xbc\xd4\x00\x00 \x00IDATx\x9c\xec\xfdy\xfc\xbf\xdf6\x17\x8c\xef\xeb8\xc41d.\xdd\x86P*C\x19R\x86\xdb\xc1Q\xeeH\x86\x83#nT2\x94\x1b\x85\x8a\xd0\xc0)C\xa8(\xca1vP\xe4\xeeNH\xc6\x83d(2d\x8a\x902$\xc3}\x1c~\xb89\xb2~\x7f\\\xaf\xeb\xba\xf6\xb8\xf6Zk\xaf\xbd\xaf}\xbd^\xeb\xf9\xf8&gt;&gt;\xdf\xd7\xfb\xba\xf6^\xeb\xb9\xd7^{\xed\xb5\xf7\xb5_\xd7\xcb9\xc3\x83\x02\x00 {u&lt;\x15\xc3\x0e\x80|\xbf(\xca\xef\'|Z\xf4\xb6\xaa\xc1`\xb8&gt;`\xc7\xd9L\x0c\x06\x83\xa1\',\xccM\x08\x00p\xce\xfa\x85\x07\xf3\xe4\x003[cfn\x86{\x81, \xac\xb1\x17\x00\xccK\r\x06\xc3\x9d\xe29{t\xb307;,\xb5\x95\xe3!\'\xf2\xda\xfe\xe5\xc3\x19\xc40\x17F\x0fI\xdav~\xb8\xf1o\xbb0\x06\x83\xc10?\xee&lt;L\xdb\x02\xc0\xc0\x02\xee0\xe6Ng\xe2\xd3\xcc\xf8\x83A=\xcf\x13\x9c\xfc\xb9}\xb0\xce2\x18\x0c\x8f\x02(|\xee\xac\xb5-#\x99 \xa19\x9d\x80\xa1\x82\t\x9cd\x1e\x9cf\n;Z\xcd1\xfe\x83\x1bJ\x07L\x97\x03\xef+\x00f\x7f\x83\xc1\xf0\x90\xb0\xf0GG?[=\xc6&lt;4\xa2\x81\xb6\x9fg\xb8\x16\x1e`\xe0O\x08\x00[\x00\x18\x1e\x0cO8\x9b\x80a:,\xcbr6\x85\xcbL\x81\xfdl5C/\xd0!\xed\xaf\x11m\\\x96e\x8c\xa2\xa9p\x95\x11d(@\xd6}\x8f\xf8\xbd\x17\x15\xf8f[\x96\x1f&lt;\x8f\x88\xc1`0\x18\x0c\x863\xf1\x03g\x13\x10b\xdb\xc2\xb4D\xf0\xaa\xb0\xc5\xdb\x19\xb0\xed\x7f\x83\xe11`\x83\xdcp\t\x98\xa3\xf6\xc0\xb43\xbd\x06%\xcbc\x0c\x06\x83\xc1`04\xc1r\x88\xbb\x82%\x85\x8e\xf0\xe5\x8a\xab[\xc9\x16\x00\x06\x83\x0b\x87\x80\x8d\x08\x83!\x85}\x07\xc0\x80\xe0\xe1NN\x1bt1\xdd\xa4K\xe33\x1dm&amp;\x96e\x82\xef\x90\\\xdc\x86\x86\xb9\x01\xde\xbf\xf9\xdb\xfb\x10\xf0\x86\xf3\xfb\x13\x85_=\x02\x18\x0c\x06\x83\xe1\x0e0\xf5T\x04\xe8\xefm\xcd6\x8fR6\x02m\xb3\xd0`\xd0\xc3\x14C\x895\xa2-\x02\x18\x0c\xd7\x82\rW\xc3\x1dB\xfe\x85N\x9d\t\x8c\xf4\x1b:\x1a\x8a\x0c\x86\x07D\xe7\xb1\x13\x8fM\x1b\xaa$\xd8\x02\xc0`\xb8\x16l\xb8ra\x16\xbb\x00\xc8SQ\xa6\xccU\xe6\xb0a&lt;\xafb\x10=\x9c\xdc\xde\xc738\x0f*\x89&amp;Q\xc2\xc5\x93\xdag)\xca\xba\xb2\x1d\x0c\x86\x07\x86\r]5&lt;\xa4%/\xe4?\xf4\t\xbbT\x12?\x9c\xe3\x08\xd6\xb8\x90\xb9\x08\xa8\xda\xf3\x9e\x1a\xbb\xe3\x1b\xcf&amp;`@p\x81\xdf\\\xbf\xaf \xe0\xdc=\xb6\xc8`0\x0c\xc5\xc57T\x0cg\x81\xea3L\x07+=\x01\xa8.\x00*9\xf1\x0c~\xaeB`\x86\x86\xcc\x86O0\x9b\x18*\x80\xea&gt;\xc2\xc5`&gt;o0\x18\xdaaq\xe4B\x98\xaa\xb3\x06\x90\xd1R\xd1r\x06i~L\xe5\x15\xe3!\xfcz\x89\xe1\x91\xf0\xe0c\xc4`0\x18\x0c\x06-\x0c\x99P\x95\xa6\xed\xaf\xef\xf6R\xf9M\xec\x1b\xa9K6h\xe3\x01\x8fN\x19\xee\x06\x1fv6\x01\x83\xc1p1\xdc\xed\xac\x96O\xe6l\x9b\xc7P@\xba\x00\xb8\xe0q\x9a\xcb\x11&gt;\x07\x17\xecYC+\xac\xd3\r\x86\xc7\x84\xfd\x10\x98\xc19\xe7\\\xdf\x9f\r\x1aq\xe2\xc5\xe60]\xf8\xf6\x8c\xbccY\x96\xf3\x7fg\x8a\x87k\xb1=\x196\x94\x1e\n\x8b\xeb\xf7\xb3q\xc3\xce\x98I_\x97l0\x18\x0c\x86ia\xe9\xc8Pl\xd6\x1e\xf3E\x05\xeb\xdc\xd9`\x9d\xf2\xa8\xb8j\xa7\x83\x07A\xed\xec\xd5\x8f\xb6Q`0\x18\x0cW\xc4\x84I\xccl|J\xd0z\xe5N\xbb\x10\xc39\x00\xdbL}8t\x1b\xb0\x03\x7f\xe2\x83\xff\xde\xe4\xe7\xd7\xf0\xf3\t\xe7\x1a\x83\xc1`x\\XDNa\x13U\x16f\x93\x14\x9e\xab\x98q.\x00\xe1\xd0\xde\x92\xe6\xcf\xa8\xd4}i\xf1\x18\x19&gt;\xb8\x86\xa9;\x14Y\\5\x18\x0c\x06ed\xa3\xea{\xddE\xa8=e\xc2\xb8\xdc\xb6.af\xb5\xa9\xb7/\xe0\xce\xde\x01o\xd8\x00!\xaa\x85\xc5Zd\x15/\xa1\xce`0\x18\x0c]p\xbf\xd1\xfc\x9cv]n\xa7\xaaJ\xf8Z\xcd1\x9c\r\xf3\x96\x03m\xe7\xe6\x0f!\xf6\x8aX\x83\xc1`0\x18\xa6\xc6\xe5\x9e\x00\x18\x0c\x86i\xb1-\x1e\xaa!\xc5b\x8e\xc10)\xec5\xa0]0\xe3n\xebl|\x0cc\xb1,K\xff\xb7a\x9a\x8f\x19\x0c\x0f\x85JH\xb1i\xc7`\x98\x16\x0f\xb3\x00\x18\x1e\x87\x96\xc5%\xf9\xd0\x99\xb1\x10\xec\xc8\x84\xc1` \xc0\x7f\xa7\n3hX\x84\x19\x8fsl\xce\xf91\x90\xbb\xf3\x8a\xb7\x9fo\x83\xcf`x\x1c\\c\xf8\xcdDr\xc6\x87\x12\x06\x83aR4\x84\x0b\x8b3\x86\xbb\x86M\xa6\x06\x83\xa1\n\x8b\x11\x06\x83\xc1p\xb7\x00\x00\xf7Q\xbc8\xff\xfe\x96;v\xc0\xb0\x8c\xdc\xff\xf2\xb4\xad\x04\x0c\x86\xa9p\xdf\xa3\xb1G\xeb\xee\xdbb\x86;@\xea\xa2\xe6\xb4\x07\xb2)\x88\xa5&amp;\x03`F\x9e\x07\xedo\r&amp;\xf6fX\xcc\x1c\xc0pa\xdc\xdfw\x00z\x7f\xcd\xb1\x07\x9e\x97\\\xb2G\xeb\xaeh\xb1\xd3`\xe1\xfe\x0c\xa4.jN{\xa0t\x14\xdbl\xd4\x15\x16\n\xa6\xc26\n\xca\x9d\x02\xc5\x91\xe2\xbc\xde\xacv\xeb*d+F\xff"\x84\xc10\x1d\x9ex6\x81\xfb\xc4\x1a\x1d\xfc\xd0\xb0]q\xe9\xbc\x0c\xf0\xeb\xae&lt;\x8b\x1b\xa6\x82u\x93\xe1\x120G\x1d\x83aVN\xe7\x14C\x0ee\xfb\x98\xe9\x0c\x86\x10\xf7\xf7\x04`\n\x94"Mvs\x81\xf3:\x05\x83\xc1p*l\xdf\xd7\xe0\x9c\xdb\xf3\xc9\x81\xa1;Re\x07\x90"\x10\xa7\xd1\xac\xdd\xe8S\xb0\xd9\xdc`\x98\x08\xa588\xc3@\x05\x80\xef\x99\x80F\t3\x98\xa8\x1d\xf6\x13W\x9da\xb6U\x87\x99\xd4\xd0\x8a\xfb\x88\xde\xe3Q\xfa\td\xe2O#\xb7\xff\x82\xb2\xc1`P\xc3\x1d\x8c\xc6S\xf8\xdf\x81\xdd6\xdcG+\x0c5\xfc\xd0&lt;\x1d=\x0f\x93\xc1x\xd8\x86\xcf\x06\xeb\x08\x0c\xe5\xa9\r\x8a\x19&lt;\xc0kK~\xfb\xc2`0\x9c\x04[\x8e\xe7A2Ho\xbbY\xa7\x18\xee\x13\x16p\x0c\x86\x8b\xc2\x12\x06\x83\xe1N`\x0b\x80\xe1\xf8\x84\xfd\x93\x99\xdd\xe0\x9c\x1d\x8b?\x13\xd5W\x1f\x0e\xe2a\xe0\xc2\xa6-\x83\xc1`h\xc4\xdd\x84\xd1\xbbi\x08\x11\xa7\xb5\xf7\xc1\xecl\x98\x01=\xbc\xdd\xf6&gt;\xae\x8b\xb7\xd7\xef\xbbI\xbf\x08g0\x18\x0c\xbdp\x91\x18G\xfa\x85\x91\x1e;vsf\t;+\x84\xdb\x84\xb4\r\x06\x19:8\xb3=\xfc4\x1c(x\x82\xb9\x87\xc1`\xc8\xe3\x1e^\x03\x9a}\x81\xd7|\xf3"\xf1-c\xbd^*7\x9fAn\xe8\xf1\n\xd4i\x1bk\xb8#\xf0|\xac\x83\x9f\xdb\xbb\x83\xcfB\xcbN\xcdS\x99\x8a\x9c\xa3\x05\xb4\x82\x83-\x16\x0c\r\x06\xc3\xbd\xe1r\xbb_\xd7b{]\x10\x1c\x03\xec\xcd\xa1W\x84\x8d\xa0\x08\x97\x8b\x81\xf7\x81\xf1f\xdf4vQj.d0\x18\x0ccaa\xb7\x0f\xaa\xdf\x0b\xb7/\x8e?\x18&gt;\xe2l\x02\xfd\x00\xce\xfdNrI\xb2\xd0\xfa\xd0xY\xba4\x1d\xcc4ZOY\x008\xcb\xd4\x05\xb08o0\x18&amp;\xc4\xa0YDU\x0b\x00\\"\xa4\xda\x02\xc0\xf0\x18\xe8\xb5%l\xa3\xc3p\x07\xc8x\xb2\xd4\xb1mD\x18\x0c\x86\xc7B\xf4\xdc\xd9\x82\xa0\xc1p\xf7\xb0\x05\x00\x8e\xb2q\xcch\xd3\x82\xf1m\x8aLe\xdb32\xdc#\xee\xe1K\xc0\x1el\x88*\xe3\xc3\x9d\xf3\xbfk\xd8\xe3\x0b\xbbcAw\x0fs$\x0c6\xd0\xa6E\xebaq\xeb\xd9\x1aJ\xaf\x9d0\xcbM\x8c[\x97]\x7f\n3\x18\x0c\x05X\x0c6 0\xf7\xd0\x82Y\xf2.\xe1\xedt\x82s\xff\xa3Z|\x04\xa7\xc7\xc3j\x7f\x1bb\x93\xc0\xb6\xff\r\xf7\n[\r\x1b\x1e\n`&gt;??\x00\xc06\xea\xce\x01\x803\xcbc\xb8\xe5\x81\xfd\xfc\xd3O4m\x14\xcc\x80\xb5G\xac/\x0c\x86;\x84\xad\xec\r\x86\xa9`C\xd20\'\x1ev3\xf8\xa1\x9a\xfcP\x8d5\x18.\x8f\xeb\x8eX{\xbf\x9ba\x12\x98\x13\x1a\x0c5\x9c\xf8\xf5\xdf3\x87\xe7C\x05\x87\x87j\xac\xe1\x91q\xf9/\x01\x17\xf7c.2\x86\xd7\x07\x8b\xf6x\xb1\x07,\x8e\xd31\x91\xad\xe6abp\xceM\xe5\x1b\xa7\x02\x00\xdc\x93K7\x15\x02x\xed\xd9\xc2\x99s\xc4\xb2|\xd6\x89\xda\xe7\x83\x8d\x08\x83\xc1p\xd7\xb8\xfc\xc4\x7fu\xfe\x031\xcf\xc1\x86Ih(\xe2\xea-\xba:\x7f-\x94\xec\xd0n\x9f\xf9O\x16\xfd\xea\xc4\xdcN\xc1\xcc\x9de0\x18\xe6\xc7\x0f\x9eM@\x0cH&gt;\xf4S\xc1\xafi\xa1\x99\x0f3\x9aaRL\x93\x19\x0bh\x90\xaa4\xbe\xb6\xd5`0\x18\x1e\x17\xd3\xcc\x10\x86~\xf87\xd6\xc5\x06\x05\x98\x17\xb1a\xd1U\x86\xc97\xf5\x1f\x1a\xd4\x85\x99\xc1`0\x18\xe6\x03\xf2{\x9c6\xef\x1a\xb2x}s\x0c&gt;l45@\xd7t\xd6\x11\xc3\x00\xb6\x000\x18\x0c\x0f\x8b\xab\x86?\xbd|\xe5\xaa\x160\x18:\x01\x00^\xf7"\x89\xd1\x9d\xad[\xecy\x82\xc1`0d\xb0G\xc6\x07\x08\x91w\xdf\xc0V$&gt; \xb5\xd8\xdd\xfa\xd2\x0f\x9dM\xc0pUP\x03\xec\xbd\x8d\x9d;kN\x80N\x93\xe6\x03\xcc\xc5\x06\x83a&amp;X\xd0\x19\x86\xab\x98\xfa*&lt;\xc7!2\xc83\xcd&gt;\x062f\x1cM\x13R\xba\x0c\xec\xc1B\x0c\xb3\x86\xc1pQX,3D&gt;`.Q\x83\xd9\xe7b\xb8\xa8K\xf7\xa4}I\x83\xcc\x00[\x00D\x00{)\x93\xc1`0\\\x01\x16\xa9y\xb0\xc9\xfe\x0epn\'\x02\x80{\x1eE\x02\xad\t\xe8V\xbd\x97M\xeey\xc8\xdcI\xf6\xbf\xff\x8eB\xb5-\xf7\xd1^\x83\xe1\xb1\x91\xee\xf2\xda\xc06\x18p\xd8\xe6\x96\xe1,\xf4\x0e\xd1\xb8\xfc\x06\xd5\xb3\xffDW\x0b\xee\xa5]\x8c\xec\xff^\x9al0\x186\xac\x03\xfb\xad\xbb\x8c\xedX\xa6E\x90\ta\x91\xdd`\xd0\xc0\xff[\xba\xd18\xc4d\xd5\xe9U:D\x80\x19\xe2\xc9\x0c\x1c\xee\x01m\xbea\xbd`0L\x0c\xf2\x13@\xc1&lt;\xe1m\x9a\xde\xea\x8e\x0e\x07\x96\xddVa&amp;2\x18J\xf0\xa3\xd6:L\xca\xe3%?\x88\xe8\x01\x16\xe5\xd0\r\xcd\xf4\xe6\xc4\xfd\xb5\xe8\xb2\xb8\x1d3+\xf7\x88\xf5\x94\xc10\x0e\xc2\xf1V\x98\'\x10i\x99\xf2\x0f\x18\x97\x1f\xb0\xc9\x06\xc3\x9d\xc0\x1f\xbc\xdb\x02\xe0^R\x16\xff\xfc\xf7}\xb4\xc8p\x02X\x1b\x88\x96\x12\x18\xee\x03O8\x9b\x80\x18\xcb\x18i\x00nY\xe2\xbb\xe9\x95\xbb\xc7\xccM\xb6\xe0k0`\xf0\x07\xef\xb2\xb8[\xbc+\x8c\xe8\x0bn\xa5o\xd1i\xde\x18\xf5\xf0\xb8\x98G\x95\xb0,\xcb\x9b\x9c\xcd\xc1`0\x08q\xb9\xb9\xcd\x80\xa0\xfdd\x82\xc1`\xf0a\xa3\xc9\xa0\x8b\xfb\xf3({\x02`0\x8c\x86\xa5z\x86\x08\x16\x88[`\xb62\x18\x0c\x06\x83\xe11q\xdd#@\x06C\xf6t\xd6)D:\xa3G\xa6n\xd9\xbf\xc1\xd0\x19\x7fr\xeeQ\x06\x00\xee9\xb3~\xb1\xbb\x07\x02\xc2W#o0h\xe3b\xe9\x12\x00\xec9\x9f\xff\xd9\xf0\x18\x80\xcby\xec\xb4\x98k\xf8\x00\xdc\xe9\xd2mR\xac\xa9\xdbD\x0e\xb0\xe3\x8e&lt;A\xdf\xc8\xca\xc6\x81M\xde\xc9\x06\xef\x1a\x8b\xd2U\xca\xb2,\xd9\x8b\x88\x84\x19G\x8a\xc1\xd0\x8c\x8b=\x01\xb0q\xf8\xc8\xb8\xdc~\xd3\xcc\x98k(\xdd\xc8\xfc\xec\xc94\x1e\x02\xe0\x9c[&gt;~\xd64{RZ\x12,\xcb\xd24\xca\xd2/8u1\xce\xf9\x06\x1f\x99\xfd\x97.\xb2$\x18\x0c\x86\x0b\x00\x00\x9e\xbf\xc3\x00\xb6\xa0`PB\xeb\xfct?\xb0\xd78\x0eD?\x1f{P\xef\xd5\x06x8\x9b\x0b\x1f\xb3p\x0e\x0cX6)\xca\xf6\xa2]`0\x10p\xfe\xea\xbf\'\xd6q{\xdfm&lt;\x07\xf6TT\x07wt\xe0\xc1`\x98\xf7dQ\x0e\xd7bk\xe0bO\xdc\xfdc\xc3\xd1\x15\x83\xe1\x91q\xb1#@L,\xe4\xec\xff2K|\xdb\x8d8\x17\xca\xf6\xb7y\xe8\x80\xed\xb4]\x05X7](\xb5j=\xa23\x04\xf71(\xe6h\xc5\x0c\x1c\x0c\x86\x89p\xdf\x0b\x00\n\xd6\xdf\xc5&lt;\x9b\x05\x19\x93\xccX\x93\xd0\x18\x8f\x87mx\x15\x8d\xc7\x15\xecY\xc8u\x10\xef\xa7\x1e7h]80\x1d\xbcNd\xcf\xe3\xea\xfc\x9d\xe3w\xb7\xae{x.i\xf1\xc5`\x08`\x0b\x80\xc5\xa9eu\xf7\x10\xac\xe7\xc7\x1c\x9bI\x86l\xfe\'\x97\xb6,\x0b\x92Y\x1a&amp;\x84\xea\xebm\xba\xf4\xf8\xf5\xfd\xe8\x02\xcf(\xaaXx3\xec\xba%\xa7\xd0s\xf6\xfb\xd0\x06\xc3C\xa3[&amp;a\xc7\x15\xe4\xb8\xae\xe96\xe6W\xe5\xdf\r\x00\x003e[\xf30\x99\x02\xf3\x8f\xb8\xf9\x19\x1a\xae\n\x88A\xa9!\xbek0\x18fA\xb7\x8d%\x0b\x01r\\\xdfzW\xe7\xbfB\xad\x15\xcd\x87\x7f\xd2\xbaM\x13\xf0\xf5\x1d\xec\xe1\xd0\xbb\xcb\xcc%\xee\x06\x13t\xa5m\xff\x19\x0cg\x80\x9bj\x0c\xc8\x15,\x16\x9c\x88;5\xfe\xc5\x1a\xd5\xd0\x0b\xd9m9\xf4}\xa0\xf6V\xbe\x87\x86u\xbd\xe1d\\\xf5\xdd\xac\x06\xc3\xa3Au\xa0\xda\xb0\x9f\x0e\xd6#\xd7\xc6\x91\xfd\xd3\xfb\xb12\x0c\xcd%\x0c\xaa0w2\x18\x0c\xf7\x89;\xff\x12\xb0\xe27\xa8\x00\xec\r0\xd3\xe1\x0ezd\xb2\xd3\xf3C\xe1\xff\xc6)\xb5\n\xac\xff&gt;\xa8\xc5\xee\x03\x97\xdaC\xbdt\x84\x99\xc5\xc8M=\x1e?\x1e4\x18\x0c:\xb8\xf3\x05@\x14t\xf6\xedF\xe6\xa6\xe3\x05p\x9d\t\xf5\x01Qyo\xfa=\xf5\x9c`\xa6\x97\xad\xe2JZ\xee`M\xf8\x08X\x96\xa5G\xc8\xbaN\x18\xec\xce\x13\x00\xe6Y\xbd\xb4\xfc\xe4Bh\xa9YZd0\x18\xae\n\xc1\x9b\x89\xab\x99\xcdz\xf7R\x9b[\x86!\xf8\x03\xbd\xbe\x88r\xdf\x9eVj\x9d\r\xb1\xde\x18c\xe1NZ\x1e\xc27.\xd9\xc6\xdf\x87\xdf~\x88\x8e3\x18\x0c\x97\x03e\xae\xb2\xf8U\x84\x92e\xcc\xc2\x06%\x98#a\x18\xf3\x80\xf4\xfe\x1e\xc3\x8e\x85\x99\xce`0\x18\x1e\x05\x16\xf1\r\x06\x83aR\xc4K\x1a\xdb\xb0\x08\xa1\xb5\x83c;A\x06\x83\xa1\x15\x93\xbd|zLP{\xb9!Z\x1e\x0b6!\xd5\xf0\xb8_t\xbe(.\xe7\xd2\xa7\x13~\xa1\xb3\t&lt;\n$\xaf\x0e\xcb\x0b:$\xd8\xa9B\x83\xe1\xf10\xc3\x02`h\xdc\xb10\xd7\x03\x14\xab\x0e;W\xdd[\x85\x00\xb3\x9d\xda\x1fx\xf8d\xa2V\x1b\xae\x0cs\xa4\x18\x8a!\x85\xf2\x1d?\x83\xe1\xfe\xf0\xc4\xb3\t\x9c\x8b\xbe\xaf\x14\xa0I\xb7\xd7\x1a\\\r\x00.|\xa3\x05\xf1\x05\x17\x03^Pc\xef\xc0\xa1`\xa0\x95\xac;\x0c\x8dX_\xe6c\x8e\x14Ce\x14[\xd2oxd\xdc\xf9k@Q@\xe7W\xb0\xcf\x18Z,Al\x87\xac[\tv\x9f\xd0_t\xd0\xf0\x0e@CO\xbc\xea\xdd\xba\xdc\x1d\xc1F\x8e\x87?\xb2zl\x97\'x\x16\xa4\x0c\x86\x07\x82=\xf53\x880\xc3\xc91\x83\xa1\x0e\xfb\xd5\xe4\x18\xef\xf7xM\xbe\'h\x9f\xd5\xb1\xc3?\x06\xc3\xe3\xa2\xeb\xc8\x7f\xe4\x1fy\xbdc\xd8la\xb8\x17\\\xc1\x93m\xb8\xdd-\xa6\xeaY.\x99\xa9\xc8\x1b\x0c\x86\xfe(\xfc\xb4\xb0a^X\x07\x9d\x84\x876\xbby\x9d\x1a\x1a,y_[0w\xd3\x90\x1b\xa6\x1a#S\x911\x18\x0cT\xfc\xbb\x86(\xff\xc8O\x00\xef\xa0\xe1e\xfe\xd7n\xd7\xa5\xa1\xf8\x8e\x9d\xeb\xba\xe8Ei\xf7\x80\xce\xdb\x90?U`\xcf\xc7\x8d\xedU\x0c7\x8b\xf5\x82\xc1`\xe8\x84O\x90\xc4\x17\xf0\xa0\xcehr\\\xad\xe1W\xe1\xf9\xf0P\xf5\xa8\xeb\xf8g\x80K\x8d,\xc3#b\x94\x7f\xde\xf6\x02lD\x18\x0c\x86\x89 \x8dG\xf7\x13\xc5\x06\xbe\r\xbd\x19?&lt;\x05O\x9b\xc3p\xdc\xd7\x89\x0b9,\xdd\xe9\x073\xac\xc1`0\x18\xce\xc7\xd43\xfd7\xcfJ\x8c\x81;h\x82\xe1\xe1\x00\x00\xce}\xa8\xb6\xc0\x89\xe4\x18\x0c\x8a8\xe9$\'(\x1e\x12\xb3\x91e0\xcc\x89\xee/m\xbc\xd2V\xfa|\xc0B\xf0\xba\xa3l\xb1U\x1ff\xd2Y\x91\xf3v\xad\xf4\xe2\xc5m(\x19.\x84\xce\xee\xaax\x0e\xd6\x16\x00\x06CwL8\xcc\xa6~\x08p}\xd8\xe2\xean`\xc3\x84\x00\x0b&amp;\x06C#H#(\xfc\x06`\xeb\xa0\xb3ak\xb8"\xae\xf8K\xc0\xa3G\x1a&gt;\xb6\x97n?sj1\xc5\xdd~\x9d\xd1~\xa0\xf1\x0e`\xce\\\x87\x8dx\xc3K&gt;\xb0\x13(My\x82\xf9\xa2i\x8a\xb1\x99\xda`\x18\x81S\xf6\x83\xcf\x1a\xde\x1c\xbd=\x18ZP3h\xa2}\x1c\xdd\xfdD{\xea\xf3\xae;\xb7\xadaBD\xcf\xcf\x87?N\x7f\xf4\xb7\x15\x1b\x0c\x8f\x82\x01\x93\xeb\xd5\xde\xadi`\xc0z\xd6\xd0\x1d\xe6`l\x98\xc5\xae\x8dh\x01p"\x13\x83\xc1p\xc7P\x0e.\xa5heQ\xec.a\x0b\x00\xc3\xa3\xe1\xca\x0e\x7f]\xe6M\xb8r\x97I`a\xd9`\x10\xe3\x8a\xdf\x01\x10#8\xe7\xd7\x1e8\x96\xaf*\\\xef\xf3\x95\x00\xc3\xb9\xe8\xf5U\x0f\x83\xc1\xa0\x8dsr\xc2\xa93Q\xf9|\xd7\xe9\xe1\xb9%\xee\x06\x83a( \xc4\xd9t\x1e\x1awm\xff;n\x9a\xe1\x1cL9^,\x8af0\x95M\xda_w3\xf2\xdbhOc\x9a\xae\xff&lt;\xfe\x1cD\xf9\xce\xa1\'\x01\x83\xa1\x17\x1enOs\x1f\xab\x8bs\xce\xb6tO\x05\x00\x8c\xddU\x87\x07t\xf8{\xc2p\x879\x11\xb7@\xb5,K\x94^Lf\x81\xd2\x98\x02\x80\xd9\xa8&gt;(|\xff\xb9B\x8f\xb0\xa3t\xd7\xb0P\x12\xbeZ\xf5\n\xf64\x18\x8ax\xa8#@\xcemo\xed\\\x96\xe5Q\xb2\xff=\xfa\xcf\xb7K1&lt;zJ\xd4]\xeeI\xd1\xb5\xd8\xb2\xf08\xd3\xad7j\xe3\xde\x9c\xaa\x7f\x01|&gt;&gt;\xb1G\xe9\xa9&gt;\xe8\xd2\xe9\x17\x19&gt;l\x92]\xdbu\r\x9b\x19\x0c"&lt;\xdc\x02@\x01o5\xd1\x04\\\xc7\x1e\xc0N\x8ad\xeb\xd45U\xd6\x92\x038\xf7\xf7\xb1\xdb\xb3\xf3\x0fp-\xb6\xda\xb8p\xdb\xd3\xa3\x89\x93\xa7\x1f\xfe\xaf\xa0\xdcXo\xfc\xabi\xd9c{i\x1ek\xef\x7f\x18\xc4W[d\x16:\xe2b\xfb\x1a\xe7aq.\xd3\x05\xcbr\x95\x05\x95\xc1`\xd0\xc3\xe9[\xc2\x13\x07\xeei\x89\xe5Q\xf9B\x08vw\xe2\xe9\xf3Y0\xe1\xd3\x9ea\x98\xb7_P@\x02\xe4\xee\x08B\xbf\x1bS\x94=M\xbe^\xa4\x9f5\x1f\xd3\x90\xeb\xfa\x83\xae\xb4\xd4\xa3\x14\xe5?\x00\xcc\\\x06\xc3\x83!;\xddv\t\x9dd\x997J?2q\x02:\x0b\x18_\\\xc3\x8d\x99\xf5\x81\xd3\xd7\x81\x86\xbb\x81\xe7N\xa8Gm\xfeF-\x7f\x12r\xe3\xa2\xc3\xbb\xdeirl\x90\xba\xe9\x0f\x92\xcd\x86iG\x96\xc1`\x18\x07\x8d$\xaf\xeb\xdb\xd3^U]\xb8\x81\x88\tgP[\x93\\\x11\xb2\xad\xfd\x0b-AC\x9eZ\x9cG\xb6\xbd\xa7\xa2\xa7*\n\xe7\xf9\x8f\x9e\xde;\xc35\x86\x95\xc1`0\x18.\x81\x11\x93\xca\x89\x19\xa1\xa2^\xb8\xc6\x97F\x14\xd0r\xaa\x07\x12\xf4`\xa8\x82\x88\xde\xccT\xb3(\x12~]\x85\x86\xd4\xac1u\xcf\xde+\xf6\x10\x14=\n\xb0\'\x03\x06\xc3C\xe0\x94\xb0{G\xb1\xbe\xa9!wd\x87\x03C\x1auZ\xf6\xaf\xde\xbaF\x81\x93\xe7\xc4\xce\xb9(\x87W\x112g\x93{p\x1b\xd3XL\xc5\xfb\xf77\xf5\xc4}z\n\x86\x9a\xe2_\xf9c\xca\xba\xc0`0\xe8chd\xb1\xb9\xc4pY|\x05\xb3\xfc\xec\x99\x93N\xd6~\x85\xe7\x00\x0811a\x85\xcc\xec\x95&amp;5\xd7\x8e\xf3:\xf4\x8f\x9e\xa1\xf4@\xb6\xd5\x02k\xb4X\xaf4\xa6&amp;\xf7\x19\x83\xc1`\xc8\x03\x1e\xe6p\xc5%p\xaf\x1dq\xaf\xed\xd2\x85\xca\xfeb\x92\xff\x8fO\x19\x9b4\xca\xeavm\xe9%\xbc\xb7L\x92\xf4\xf2%\xbc\x8d\x85\x02\'\x9b\x85\xdf\xe3\n\x8f\x109\x1a/\xe06\x06C\x04\xfb\x1d\x00C\x0f\xbc\xa8\xe2\x16\xac\x97\'\xcd\x14d\xa1\xf5m\x9b*\xaf\x91\x9e0_\xb1\xd7c\x13\xe0\xf7\x1a\xd5\\QR\xa28\xbe\x10O\xae\xddmR-p\x95\xbd\xd5\x9d\xbc\xec\xee\xbd\xd7\xff\xe9\x86r\x99\xf8\xca\xfa\x8a\xd7^\x9c\x08X\x16\xb7,\xdf\xcc\xaa\xa1\xa1\xf4\xce\x9d\xc1`\xb8\x16\xa6Kw\xce\xc6\xa4\x06\xd1\xde\xa2\x9b\xb1\x99\xf3$\xdf\xf30\xc9A\xf2\r\xd7f\x9d3\x1b\xc4}\x94h\x0f;\xda\xe6\xcfn\xff\xabo\x8d{\xd22\xaf\x92\x1c\xff\xcc\xa1M\xe9\xd4^\x11\xa1\xd8\xc6\x13\x9e\xf3\x9c\x08;\x81c0\x18\xae\xf1\xc5\xbe\x11\xc0\xf7\xe4&amp;A\xef\xce\xea \\Bx\x06\x87&lt;%\x0f\xeb\x8c\xd6\xb6\xccg\x8d8\x8f\x11\x1f\xb4\xd8\x1f\x88).\x00(U\xfc2\xa1\xae\xd1\xa6\x16{\xbb\x9aW\x9c\xe7]\x00\xf0\x8b\x8f\xfb\xb5Ty\x94\x9b/ \x18\x0c\xe7\xe3\x89g\x13\x98\x05k\x80\xb8\xc4#?#\xd9G~ \x12\x00\x16W=gp\xdb\x88\xbdD\x8f&lt;\x14\xe6\xeb\x91\x80\xcf\xb2dr\xc8-\x04\x91\xc4\x8d\xcfg|\x93\x9ek\xde\xac\xf5Rd\x07\xa6N\x9c?\xaf\xf9\xc3,?8\xac\x91\xfa\x05\xaa\xc7z`\x1fh\xbe\xc0R\xf6\x7f\xa1I\xdf`\xe8\x81\x8b}\x07`\xd1\xdcZ\x0e\x84PNF\x1a\x1e\x07\xcb\xb2\x10\xa6\xf9c\xb2I|r\xd0\x11\x85U\xef\xd7\x9f\x99\x93\xf4\xc0]5&amp;\xc5\xee,\xc8\x01\x1b\xaf\xb0\x7f\xabK\xe2\x7f\xb5\xd0G\x8a\xd5\xd92\xbc\x96\xee\xe3Z\xfb{\x17\xbe\x0em\x81\xbb\xe0\xf3\xbf\xa1\xc4RW\xd5\x08\xae\x1e\x18\xb2\x0f\xc1J\xc2m\xd27&lt;8\xcc\xfb/\x80\xbb\xdec\x86\xab;\xe1&gt;\xd9\x9c\xd2G\xe7jo\x81\xc0\xab\xefc\xc7.M"\xa3-m\xbc\x81\x94\x1c\xb4$!\xb4\xf9\xe5\x87\x9e\x00\\\x17\xea&lt;\xbe\x00\x80*\x99&gt;^T9\xeb8\x89\xca\x14\xc6\x14\xd2\xca\xfc0\xa3\xbb\xb7\xfd\x15\x83a\xc5\xc5\x9e\x00\xa8b\xdaC\x81o\x16\xfe9-O\x15\\#\xb0"Y\xd7\xb2a$\x1f_\xfb)z\xdb\x910\'\xe4\xb5Wn/\x02\xda^-(\xbeY\xcb9\xc7\x1fz\xbc\xef\t\x081\xd9Y\xed&gt;C{o#U8\xcb\xb0\xaa\x84k\xbb\xf24b*\x94\x982\x1a5\xfa+\xf26I\x06\xc3\xac0\xd7\x96CaW\x03\x00\x8fj\xde\xb1`\xeb)C\x1e\xf7\xb1/\xeeC&lt;\xb2.\xf1\xac\xac\x9a3e\x9b\xc0\xcd\xad\xc7\xdb\x81\xe9\x87\xd9\r\xda\xb5\x8d}\x99\x9f\xe8$\xeb\x02\xee\t\xae\xff\x8ermf1Tq\xdd\x87\xab\x06\x03\x11\xf6%`9\x14\xe2B\xe5;O\xc7FQ\xab"\xc3h\x14\x1f@#\xf9\xc7%\xf2WU\xdc&amp;Y\xadV7\xca\x99\xd9\xfe\xc9\xd1\x1dlE\xb0,\xcf\xed\xcd\xa7\xd9V\xd9\xba\xaa\xc6\x0f\x93\xe0\x9d\xf0\x89]&lt;F\xf5m%6@\xd3\xfd\xe2\xfevU\x0c\x86\x14W?\x02\xf4\x03g\x13\xe8\t\xecl\xc9\\\x0f\xca\r\xceE\xeff\x95\x1c\xe3f\xcd7\xbe\x90\xcbNS\xf9\x16\x9f\xd5\x9c\x11\xf3=e#\xffs\xf02\x8b\xf7o\t\xcfG&amp;$A\xd6\x81\x87\x1d\x84\xa3\xbe\x07bY\xf6bg\xbc\x05\xb2\xe9G\x1e\xe4Z\xf3\xd5\xe5o\xcf\xd4{\xeb\xc6\x95`\xdf\x0f6\x18\xa6\xc7\xe3\xc5\xa6{\x8d\xc8\x17o\xd1\x873;\xa5\xd3O5M\x0c\xd6\x8fW\xbc\xcb\x15Z$\x05\xd4\xd0.\xa7+\x7fGO\xc1{\xea?O{\r\xaf/\xa1\xa7\xb8\x00\xd0\xec\x9d\xab\xfd\xe6\x00\\\x8d\xb0\xc1p".\xb6\xc6\xdd\xe3\xda\xbe:\x87\x89\x9f\xdaw\xc0\x11\xd8\x1f\xa9\xd5\xf3C\xed\x85*@x\xf4|Q\x9f\xa74mB\xa8\xd3.%g\xb2w"\xa9\x88\x92\xe9\xa5h\xa1\xfb*\xab$Q;\x0b\x9ca\x05\xce-\xe5\xf2\xcfv\xee\xc5\x04\xda\xf7\xcf\x97\x1b#\x14\\t\xf8\xef\xb8h\xd45\x18\x10\\\xec\x08P\xfa\xc6\x95\x87\x1a\x933o{u\x86\xe6s\xed\x0ePsB\xca\xa3\xe7\x07\xf1\xf9\xb3\xb7\x99o\x1c\xce%\x80\xa0\xe4\x06S\xb9\x07\x9d\x0c\x8bv\x8f6rd\xe2%\xd9\xd9\xbf\xaf\x9dF\xa3eh\xf48b\xf4\x10(D\xa4_9\x81\x8a\xc1\xa0\x81\x8b-\x00\x1e\x1c\xde$q.\x91\xf1\xe8\xff\x95A\xe7\\vz\xd3\x9f\xf0^J[\xe05\xc0&lt;V{Z\x9e\x11\xee\xc5\xbe\xa6k\x1bn\xa9G)&amp;\xaf\xaf\xa5%\xe8R8y\x85\xb3e\x81\xcb\xa2\x7f\xe0\x04i\x9a\xe7H\xbf\xd8\xf8\x1b_\xbeLJB\x1f\x8e\x08\x92\x8e\xac\xd8;\x98\xb6r\x1d\xf4\x02\'\xf00\x184p\xfd\x11\xd9\r\xc5G\x96\x00\xeb\xd7\xcb\xa6\xdai3\xa8c\xfe.\x9e\x9fa\x84K\x1c\x03\xf0\xad\xdaH\x18\xa9\xae\xb20`\n\x01\xfa\xcfNQ\x94\xf6\xebG\x89c\x03\x80s\x8b\xf7\xc5\xdf\xf5\xe7\xd5\xf4I\xde\x149\x80\xc1?\x11\xd5\xe5\x87\xdb\x00@\xfd5\xd3\x97\x18\xe6"&lt;\xe2o\xe7\x19\xee\x18\xf6\x04\xa0\x885~ev2\xce~\x97\xdc\x03\xe2\x94\xe7\xce\xd6\xc5\xba8:q\xfaS\x04\xed\x07\xb2\xd7\xbd\xe1\xae\x0f=\xa2AQ\xd55\x83\xd5\xb7-g\xc9wd+%\xc2\xb6/\xcbB\xff\x99-\x1env^\x96e\x19\xbb\xa7\xddO\xd7\x14\xd9\x7f\xb9\x8b\x01\xbd;\x126#\x18\xee\n\xb6\x00\xc0 \x9a?f\x88S\x11f\xa1$\x0e\xe2w\x94\x8bk\x9ek\xbf\x90Y\x82Vw\xff\x11\xa4\xb6\x13\x12\xcbnX\xf9\x03\x965GdU\x01p\xf4\xa1*h\xa3\x96\xd55\x9e!\xb0UP\x94\xee\xaf\xf9\xef1.\xa4N\xc5\xab\xf5|\xc3\xd3\xdcybH\x99\xc9,\x0c\r\x86;\xc3\xfd,\x00:}e\x90\x1f\x1f\'\x8cV\xb3P:i\xb29\xff\xbb\xa4\x1e\x1e\xf4\xf5\xd2A\xb3\x1bz\x83\xd0\x95\xb0,\x7fD\xae\xc0\xb9\xdbx\xf9\xfb}\x1f\xf7\x17\xce\x05\x91\xea&amp;{\xff\xc1[\xd1P\xa5TzU\xed-n\xdc\xe3\xf4\xbc\ntY\tf\xa4_\xbftp\xd8~\x80\xec\xec\xafh\x1b\x0c\x86G\xc3$I\xde$4\x86b\xde&amp;+\xbf\x15\xdb\xd0\x06`\xfd\x1a\xc0^eb\x07k\x04\xe4\xe0&gt;&gt;\xe3\xb1\xd9\x92\xe3\x1d\xbb]\xefZw\xcen\xd5\xb4\xa7E\x9e\xbb\xc5\x8c\xaek0\x18\xa6AS\xdc\xb7i\xe3\xe1\xf1\x8b6\xc7L\x0bf\xbf\xfc{|8\x97\x12{\xd8\x13\xe5\xdc\xf5\x1e\xbe\xc1\x91\xf9\xc1\xd8qm\x922Qr\xdc\x1e\x18\xa5\x12\x04\xb5,\x8c\xdf\x01\xd2\x1e\xb4u\x9d\xc1p\xa7\xb0\x81}\x1f\x98s\x7f\xd1`\xa8\xe2\x96^l\x81h\x86]\xff\x1e\xe06D\xa7\xed\xa4\xea_t\xb9\xd01\xb3WLK\xcc`0\\\x1f\x85\xf8\xa2\x1bw,\x8au@/\x93\xf6\x9b\x0e7\xb1\xe6\x0c\x97\xc3\x95\xba\xcc\xf7\xde\xc9\x16\x00\xe0\x9cs\xef\xa8\xb0\r\xcfZ\xa2\xf7h\xfb\xba\xcaJ\x05\x9eg\xe4\xb6o\xc6\xcc:C)wY\t_6i\xf3\r\x06\xc3\xe5qnx\xed\xf9\xdc\x7f(\xda\xcc\xd8\xf7t\x01E\xfb\x04\x19\x18\x19\x97 9\x08\xc1\x9e\xfa|\xf8$\xc4\xb7\xa3\xdc\xf7D\xf7\xd3r\xfeC\x0eYT\x9fq\x97\x97\xf6\x89Ln\x93\xe0\x1aA\xa9\x01W\x8a\xbd\x06\x83\xc10\x15\xba\x85\xce\xaf\xd6\xe3\xa0\xc1\xb0\xe7&lt;a3\x90\xe1\x91\xd1\xe8\xff\xfe\x1a\x86!\x07+l\x83\xf1\x06\xcd\xb8t|K\xfb\x14\x14\x1f\xe9\x0f\xa0T\xd2ba\xdf`\x98\x07\xf3\x8e\xc6\xd2\xee\xd1\xc3D\x90\x0e\xcd\x94\xbc7\xe6J\xa8\xae\x8b\xfc\x02I\xe1sgk\x03\x1b\xef\xf50\x9d\x15\xa6S\xaf\x03^f\xa9\xf0H\xf3\x82\x0fE\x01\xe070\xda:\xcdi\xb6\xed\xa5\xac:h4eN\xe5\r\xd1k0\x18\xae\x83\xbb8\xab\xd3\xc4\xbf\xe5\xc0\x12%\xaa&gt;|\xe4\xcd\xbf\x98\xe2\x04"\x06\x03\x8a(U\n\xbd\x94\xe8\xb1\xf7\xe3\xd8I\xe2x?M\xf31&lt;\x16\xa9\xad\x9a\x88\xccm\x01`0\x18\xf4qjL\xf9yA\x1d\xf0\x90\\\xc8|\xbb\x8e"\x11\xbf\x9d^z\xf6\xaa\xebS,\x1c\x1b\x0c\xd3\xa1\xbc\x00p\xaf\xa2\x10\x10\x0c\x93b\xdc\\\xa6\x91\x8bS\x13\xfa}j3\xb74\x18\xae\x0b[\xc1\x97\xc02\x8b\x97\xeb\x07\xa7{1\xf3v0{\xcb3\x07\xba\x8a\xc6\x02\xc42\x06\x03\x1d\x9d\xe2\x98\xaeL?&gt;\x88E\xe0\xf2\xe7\x18Y\x96\x17\xee\x18\xd7#*\xbd\x0f\x00/A\xde\xfeo\xd4e0\x18\xce\xc6\x03,\xe2\xeb\xb9\xb8\x9e\x8a\x8c\xca\xe1\x0b\x80\xae\xa1\x99 \xfc\xce\xdd\xc9p"\x06xxg\xb0\x99\xbf\xec\xb1\xa4G\x1a\x0e}\xbe\xf4?\xcf1\xceIh\x08p]\xe6\x06\xc3\xa3\xe0\x89g\x138\t\xcbr6\x83\xeeX\x96eL\xc6\xb0\xec\xc6\\\x96z~\xdf\xc1\xf2\xcb\x14\xbdy\x1a\x07\x00\x98\xc3\x02\xd7\x86\x99\xb1\'\x18\x86\xdd\xa3\xd6\x02\xce-\x0e\xc0\xfd0"v\xe9\xb1\xa7\x10\xb1\x85\x13G\xf7E\x01\xd0e\x8e\xd5\x1e\xa4\xd6\xb3\x06\x83\xe1N1d\xe30x\xb8\x7f\xa1\xad\xcaI\x8erR\xcd\x15\x96\xa1\x1cyJ\xfb\xe2\x12\xfdb@\xf1\x00=x\xf8-\xe9\xe0\x10}\x04](:qq\x97\x8dJ\xd1\xe1p\x9a\xc1`0\xcc\x8a\xc6&lt;u@\x8c\xf3\xa7jJb:\x1c:_\x11;e\xb6\x08\x8fT\xcdfX\x83\x81\x08\xc6\xab?{\x0e7\xc9\x1a\xa0_aM\\;\x97\r\xf6\x8f\xce\xa5RE\x96\xe4\xfc\xb4\r\x06\xc3\x14\x90\x06\x8bo\x95i\x13\xd5\xba\'\x08\'\x15\xdd\xd9\xa8A\xda\x1f=m\x05\xf2\xb4\x8b:\xcfg\xe8\x89\xba\xa8\x05N\x81\xc2\x17\xe5]\xf2j\x01\x8aFAN\xdfe@]!\x7f\x9d\x16\x97y&gt;\xf3\xd0\xbf\xf3c0\x18.\x02\xf4\xe9\xc1\xf5\x02\x16-\xc8f\xcb\x9c\xdfX\x7fn\xf3\x1bB\x9c\xf3Z\x9e\x00\\cZ}\x10\xc8:b\xde\xee\xd3?`\x16&gt;\xf5\xe2Ui\xd7\x8d\xc8o\x15\xde\x01\xd3\x12\x13@\xdc\x96\x19\x9e\x8e\xdeM/\x18\x1e\nO8\x9b\xc0\x84\xb8\x93\x91|\x0bI\xc5\xafL]\xee\xcbO\xc4\xedC7\xee%t\x99s\xf9\xf9rUI\xff\x14\x00\x00&gt;\xabL{Y\x16q\x97-\xcb$\xdf\x93\x9e\x02z\xe9\x82(Y\x91\xa9Z\x96\x91\xafV\xe4b%\xa6\xe5c\xcbr\x93\xb4,\x8b\xfb\x8fc\x9b\x9ck\xc1\xacf\xdf\xbe*}\xb5\xa1]\xb2\xe7\xb2w&lt;\x13-\xb1Q\x0b\x97\xeb\x05\x83\xc1p\xa0O\x94\x7f\x05t\x0f\xbe#z\xec\x0c5\xb6e\xcc\x03\xf7\x89\x0fhzy\xe7\x0bf\xf6M[\xbaL\xb5\xc93\xd8\xaa\x17\x86\x1d3\xe8\xa1b\x0e7\x8e\xd0\x99R\xb7\xce\xca\x8a\xcd\\\x04\x98u\xe95!%\x12\xa64\xa6\xc1`0(\xe2\x16\xe6\x14\xbe\x81JO\xbbUbkI\xc8\xf0\xc7\xcd\x94\x86\x93\x0e\xfc\x10iwh\x1d\xf1lO+\x81B\xd7\\|\xa2\xfd\xccN\xfcS[\xf5Y-kC(s\xe6|k\x82\xc3\x1b\x86\x8bCs\xdf\xc4`0\x18\x1cyZ\xea\x1bA\xb89\xb7\xde\x02\xc0"\xe3 \x04]6\xc5w\x8e\x85^t\xdd\xd9\xf4\x9e\x0eR\xa7\xb8`\xd3\xce&amp;\xdcj\xb1g\xeb\xd0\xb8\x03\\\xcf\xf7\xf8x\x846\x1a\x0cW\xc7\x9f\xbd\xce@\xf5\x8f\x85\x8cW\xdeZ\xff:v\xee\x8f\xfd\xc0IW\x9b\x14\x9f\xd8\xc8\xa4=Z\x0f\x96\x16\x00\x17\xb4\xc3\xfc\x84\xab\xde\x05\x94\xe87s\xd7\xcc\xccm8\xda\xb6!\xaeb\xc9\xab\xf04\x18\x0c\xf3c\xcfH&amp;:H\x10J\xb0I\x8e\x883m\xf5\xa2\xf3\x1c\x85:\r\x94\xb6tiow\x1br\x8e\x05\xaa\x92\xe9\xed\x1e\xa7n\x7f\x94\xc0\x1a\xc5\xf3\xd0\xe6\xe0yf\xa3=\x1b\x9f&lt;l64\x18\x1e\x1a=\x0e\x10\x93d\xb6\xe9\x95E\xae\xe3k\x94_\xd2\xd8\xea\x9323\x83\xe1\xf2`&lt;S\xbaX\x82\x92a\xeb\xffI\xfc-\x94&gt;\x01\xf9Bf\x9c\x0c\xca\x1e8SG\\ip\x19\x0c\x86\x0ex\xab\x19\xb6+d\xd9|\x0f&amp;m\xa0\xeeR\x17\xc8_*\xdd! :A4\xd5\x97}\xfb=\xa72 \xb8\xdfo\xe9@\xef\xe5\x8a\\xH\xcc|\x9e\x8a\xcb\x86\x88+r6\x18\x1e\x0e\xa7\x0f\xd4i\x9e\x0e\x07\xf3\xd3i\x87\x1f\xda0\x92\xd2\xd9\xcd\'u\x90\x7f\x1el\xbe\xdd\xdc\xab\xce\xeet\xcc\xda\xba9Y5\xc1woeW\x07x\x8a\xc6\xd1G\x15.\x06\x1f\xf3\xc54..M\xde`0\xb4c\xbe(\xc6\xe2#&gt;\x0e\xc4\xadb\xf0p\xa6\xf5\xee\xba\xef*Mcy\xfb\xb9\x86\xcaj\xbf`\xced\xb1\xe5\x8a\xf8\xeb\x03t\\\xd0\x99o\x00\x0f\xb6\x0c0\x18.\x03\xf5\xa03a\x08\xe3Q\xea\xf6\xe6\xc7\xe7\x99\xcf2\x13\xe1\x0b\xe3\xe3=\xc3\x1c\xe9\xba\xf3n#z?H\x19p,\x8a\x98p\xcc\xd3\xbf\xfe#\xacFIU-\'\x01\x9c\xfb\xc7\xbc\n\x8f:\x00#\xc05\xbf\\\x01!\xce\xa6c0\x18f\xc4s,:\xf4\xc3m\xf2@-\xdc\xcd\xfe:\xbb&gt;\xd1!\x9fv\x81%-\x88\xde\x818\x7f\xbeL\x1b\xdec/\x00U\xd1\x9e\x04\xf7z|\xd1\xb5k\xde\xb5\xb9\xebk\xd5)\xc2\x9b\x1b\xa84\x94N\x1f\x08\x13\xe3\x02K\x02[\x00\x18\x0c\x97\xc6\x80A{\xe9\xd00ch\x93\xcd\xb2\xfd\xb7c\x9b\xaa\x0f\xb1s&gt;k\x19?\xd1\xfa\xab\x1d\xbdV\xb3O\xbb\xf5^k\x9d\xb2\xb8\xca\x92\xa1\xd3\x98p\xbcO\x85u\xbcL\xb3\x96\xbe[\xbc\xc1E\x8c\xe9\xf5\xfb\x05\xd8\x1a\x0c\x06\x1f\xe3\xceZ\x88\xef\xb6\xcbo\x92\x9b\xdb\xe1\xc8\xa9\xbb\xe7\xf0\xb7\xb7\xb7_\xac\x7f\xec\xec\xe1\x84\x86w\xb26\x00\xb8o\xed\xf3\x1dV1&amp;\xa11\n\xfb\xea\xab\x93\xf0?\t\xf0\xd4\xdc\x02\xe0\x8d\'3\xf2,\x80\x1b\xf9\xb3\x00\x00 \x00IDAT\xee\x17`j&gt;\x82\xd8n\x0b?\x83\xe1\x9a\x188n{+"\xca\xcf\x16\xdb.\xe6%\x94\x16\x00=Z4&amp;\x92F*\xf8[\xe0\xc5\xc2s\xec\x03!]l8\xf02\xdd\x12\xc4\xc3\xda\xf7f\xf60\x14L\xdc:\xcb\xc9\x9c\xfb\x7f\x0bF8\xf9\xe8\xdd\x89\xdaS\xf8\xfe,\xdb\xdc\xb1\x05\x80\xc1`\xa8\xe0\xdc\x00\x91l`\x07\xb7H\xdc\xa22{\xd4;\xad]\r\xc7\x9a\x8b\x16h\xdd8&lt;\xa7\x97\xdf\xb5~\xb2&lt;!f\xd3U\xb7\x1cq\x86T@\x9a\x94\xe0{\xe7\xb2\x0c\xa9\x01uE\xa5(\xb4Q}F\x17V\x00\xce\xfd\xa9\x0e\x92\xf5\xb0\xf5\xd4\xab\xcc\xe0\x8d\xb3c\xb5\xd5\xdb\xae\x16\xe3\x8f\x1a\x18&gt;.\x0c\x06\xc38T\x06\xf6UV\xff\xba{\x15g\xed|\xc84\xa2\xb5\xd4b\xf7\x89[A\xb7\x19hO\xe0.\xe2\x93\'B\xdcY\x1f=\xc8\xb6mZZ\x86\xc9\x04\xce\xc3\xea\x1d\x7f\x83\xc3\xf9\xab\x82\x9e\x0fyF\x8f\xf4J\x04\xab^9\x13\x87\xc5&amp;p\xad\x0c4\x8e\xe0^%\r0\x18\x0c\x8f\x88\xb7?i\x010Cd\xdcwwzGj\\xwSL\xfbe\x92k\x7f\x15\xfe\x04&lt;\xb8\xb9\x1a\xc7)1\xd7\x84\xc27z\xab\xb5:\x84\x91\xea6Dp\x02\xd3%\xcb\x9e\x99\x01!\xce\xa6\xa3\x06\xbf\x0b\xee\xa9]\x06\xc3C\x03\x00\x9e\x7f;\x16r\xc6\xc0~b\xb7-\x1c\xe1l\x87\xdcm\xa64\x02\xfe\xd6\xe0U8\x8f\xc7S\x1e\xc98\xea-\x05\x00\xe7~x\xf8\xe6\xeb\xbd\xf5\xd7\xbeV\'\x96\xff\x03\xf9\x92\xa4\xea\\]+^\xb8C\x18!\x08DN\xfa\xbd\xba"\x13\x15Dm\xb9\xe3\x05\x80?\xb3\xbc\xe1\x1d5\xcd`0\x18\x84{\x1b\x1f\xab\x17\n\xfb$jw\x0b\x85\xadS\x85CD\xf7b\xe1=e\xa1ZcOq\xee\xc5\x02W\x00\xdb\xe7\xb3_\x89!K\xf8\xf8\x13\x12Ys\xaaY\xe0\xf7{\xe8\x06\xd6;\x06\x83!\xc6\xd0\xb8p\xdf\xd9\xad\n\xe8Si:\xcd\xb3\xea\x12R\x8aT8Mr\xa1p\xcb\x1e\xdb/\x1fbY)o\x91aw\xb4j\xc1\xbaro\x02+\xa1\x9fp\x8fSD\x86\xbdY{z\x93\x9b\xd6]\xd2oK\x0f\x02\xa7/\x9a\x97\xee\xa7\x81i\xd2\xd3\xbeju\xba\xab\x1b\x0c\x86\x11\xb0\xa1~\x97\xa8\x06\xf1\xf8\x81uq\xcb\xa7\x13\xde\x10\xbb\xb9\x11(\xd0\x90\xd3\xdb\xc52\xf7\xbc\xcf\x81RG\xe8\x7f\x83e\xaa\x9dZ\xb1\x95J\xf9ti\xd9)!\xc7\x11\xd2u\xd0\xddSVw\xe5\xb6\xd0icm&lt;\xaf\xf9\x175\xbb\xc1`p\xceaO\xf7\x1e\x17\x17\xda\x05$\x02\xefYH0\x92\xdbJ\x816\x97d\x92\xb3v\xc2\xfc\x86\x9f\xd8\xe9\xd7\xf0\xb7\x13A_\x8d06\x98\xa5u[0\xd5\xb2\xaa\x07\xae\x12&lt;\xfbC\xd3]U\x80\x06\xc3;wK\xc3#\xe0\tg\x13\x98\x02\xd1 _\x96\x85X\xaf\x07\x99@\xc1\xf6u\xe4\xfe*\x1e\x02\xcb\xb2\x94:w\x0e;,\xce\x15}\xcf\x9b\x8d\x88\xfe\xc9\xd4]6N\x81N\x0f\x16D &lt;m\xb08w\x0bb]\xfcd0\x867D\xa9\x8b\xc9\xeb\x16o\xd0]\xc6\xbbz`}\x0cY-\xc6\x89Q2\x1a\xc1&gt;Hy\xbeX\xff\x03\x00\xf8{\xd7\t\x0b\x06\x83!\xc5\x05\x06\xf0\x85\x92\x8f\r\xaf\xc7\xad\xd0k\xdf\x9d\xb4\x8e:}\xfb\xbf\x82q\xac4\x8edLh@*8g\x0c\xb6\xfd\xe9\xb6\xc6nB\x14\x8d\xa6n\xff\xac\xfb}\xccu{y2\xf4\x1b\xddW\x19\x89^\xe0=\x930u\n\x98{\xb20\x18\x0cT\xd8\x00\xd6F\xfe\x90:O\x04;\xb6\x1e\xe5\xe3\x8a4Q\xac\x19\x88H\xecu4]\xab\xfbyk\xa4\x9as9\xc3bz\x18\xe7\xc7&amp;\x99\xfbEP\xe3\xbc[\x80f\xe4\xd1\x86\x82\xdc\x97C\x14\xbbl\x1a\x078\x87\xc0\xc5\xf2H}\xaa\xda\xf9\xb4\xf7b\x03\x05iy\r\xb6\x000\x18\x0cg \t:H$\xfa\x9c\x01|Rxd w\xb1\x83\xba\xbf\x9b\x9fE\xfaDj\x9a(\xc9\x17I\x8b\xb7\xc4M\xd8k\x89\xabsst\xc1\x02`\x82\xe4\x8f\x82\xbeG\x8c\x9e9mJ\xd1\xc0\xaaP1\xb8\xf8\xbb\'l\xb2a \x88nOvB\xca#\xb5\xa6\x81f\xd9\xbf\xc1``\x80\x1b,XY\x14\x96k\xbeq{\x90\x02\x00p\xdf\xc0\x90382\x1e\xea\nq\xb9b\xa2i\x00\xd9\x87\x18\xdb-\xb1U\xff\xd6\xb1%&amp;g\xd5\xaf\xcaU\xe6\xd1\xde\x0b\x95[\x17K_u\x02\x00\xce\xfd\xb5\x0e\xbcn\xe2ce\x04k\x94\xf3\xa4\xcc\x06\x01I\xaf\x81\x01B\xc4\x98n\xe8)\x1cA$\xa9iJ\xdf\x7f\xca\xb2\x7f\x83\xc1\x80\x80\x93\xbe\xd3\x85\x0e\x0b:\x1f\x9dy\xc80@m\xa3\x96R\xc212X\xa3\xe9N\xa5b\x04un\xa9\xce^rmv\xe4cK\xa9K\xa6+\xae\rz[\xfbuBoT\xf4\xcf\xea\x92\xc6\x1c\xa9\x19\x0c\x0b\xcflm\xaa3|ow\x9f\xf1\xfc\x7f^s\x19\x0c\x86\xf30\xfa+}\x13%\x8b\x03f\x91\x82\x8aay3\x06\x8f\x80|\xc7\xbd\x7fCF.3\xae\x82aK\\\xb1"I\xda\xa1\xd1\xc5\x81^E\xb7\xa9\xc8\xb9\x88s6\x18\xe4\xfc`5.\x02\x88\x15\x15\x13\xee&amp;\x81\xf4\xc2\x05:\xd7pN\x83\xc10\x0f\xd8\x93\xf7ubM\xd3Ys\xe7\x9cs?M\xd3\x937\xc8\xb0]\x99\x81\xdd\xd1q\x87\xfeR\xae5\x0bJ\x8e\xd7(\x81E!\xf9@\xafR/\x99\xd0\xd3O\xfa#\xc98\x1bU\x8d3\xe3qZ\x9a\xc5\x8f"\xf7J\xbe\'v\x0f\x963\xa7\x85oW\x1e\xc89\r\x06\x03\x07\xe5\x80%Y\x00(\x91jA\xe9H:\xecw\x01\xc0\xb9g:\xcdi\xbbb\xae|\\\xae\nm0)\x12\xf7\xa7\xe9)\x1e\xe4;\x97\x7fapc\'\xb6\xadjv\xe2\xcbh\x96\xe0\x1c\x7f}\xe2\x97\xef\xe5\xd2\xd7\x1c,g\xc1\xb3\xd5]\x1aM\xb8q#w\xa1\xf7\x93\x8f\x88\xec\x15\x83\xc1p\x19\xb4\xa6\x80\xee\xe7t\xf9\x104N\x86p\xaf}M\x8bu\xf7E\xaa\xfb\xd3\xa9:\xa4\xbc\x7f+\xdd\xfc\xe6L?\x05V\x97\xdd\x10\x1a\xb3\x8b\xa6\x82\x19\x07\x82\xc3\x9eG5\xc8\xab8?W\x1a\xc19\x8b\x03\xa7\x9d\x03\x11\x96W\x89\xe0\xbb\x8a\x92\x01\x87\x8f\xeb\xd3\xbb\x9eN\xe0t\xaa\x06\x83\xa1\t\x17\x1a\xc3\\\x9e\x94\xf2\xed\xcd\xf7C\xf6\xf6A\xf9\xec\xcd\x93\xaa2\x9b\x9b\x90\xfb|\x82W\x0cpE\xca\xba\xa8Ul\xffY|\xd61\xfb\xac\xcc\xb5xyI\x857\xb2\xd4\x8c\t!J\xa5JuU8P\xd0\xcd\x7f\xe6t\x9b\x0c\x04\xcd\x8f\x8c6\xa6\xbf\x94\xb5\xec\x9ey\xde\x00\xe7\x0e\xd2\xe8\x82.\x19\x83\xc1\xd0\x05\xba\xbbk\x13\xa21\x8c\xa6\xa1\r1\x94\x97\xfa_\x10\xc7\x94\x13,f\xce\xa65\x14\x8a\x0b\x00?sm\xa4\xa4Rf\x18\xfeXyq\x15}\xa0\xe00\xa3v\x8c"\xf4\xf5\xc9V\xf5\x19\xea\x06\x16\xf55\xd5$8e"SW:\xe3\xa4\x8c\x92I\xe3\xde\x10N\x06\x83!\x87\xb6\xe5\xfb \xfcN\x92\xdeVn\x93\xc4\xa3\xb3\x02:K\xa9\x9f\xf7C\xb8\x128\x05\x93\x9bk\xb0\xb4Hv\xa4\xa7\x8f\x16\t:\x90\xd1YJe\xe5\nni\xa9\xa0\xd4\xbdU\xef\x90\x11&amp;\x02\xff\x84\x96\xe4\x13q\xca@\xe8\xbc\x00\x98bh\x13\xdb8\xc9lk0\x18\xdc$\xb1\xa3\x8c\x1a\xbd\xe9\xa3\t\x008\xf7kg\xb3("M\x1a\xc8\x01:Z\t\xa8\xf1\xd1\x12E\xd7\xc8]\x0cO\xeer\x8f\x89\x1e\xebg\\\xa0\xea\x02@\xe7\xab\x0bH&lt;\x94\xb1\xf5,\xc0\xb6m\xbf\xdc\xb4E\xf2\xbd\x0c\xde\x93w^\x0c\x06\x83\xe1\xfe1C\x90\xed\xc5!\x99BHY\x94\xa0\xca\xc4\x98j\x17\xcd\xd0\x0b"\x17\xed\xb1\xa1^\xba\x85\xfcI\x97\x8f|-\xa1pw?\xc5W\xa9\x08\xa7\x1e7\xf7\xa1\xd1)S4\xa4\x04\xfdX\xaa\xf7\xd5/\x83\xe1\x91\xf1\x84\xb3\t\x18\\C\xf8\x96T\\\x96E\xaaN\x07\xfbF;\xb7\nv*`\xbd\xb2,\xe4\xd6\xbd\xf2!\x04\xafr\xd2y\xf4f\x99\'\xf7\xf2]C\xa5\xbb\xdb\x92\x98\xf5\xdf\xbc\x93\x14%S\x06\x07\xdd\xf1\x90\xd1\x16\xdd\x90\x85\x9ceY\x107^\x16\xbf\xa1\x10\xdf\xda\xaf\x07\xcd\x81]\xec\xb28\xa07Vc=\x93\x93*H\xfd\xb3\xe5\x11\xfb\xde]\xb2\xfb\xe4\x16\xeb\xef\x0e\x90\xbb\xd7\xd4\xadwgg\x83\xe1\xce0\xd1\xce\xee\x91\xc8\xae\xff~\xc60\xb5\xe7\x9f\x9f\xfe\xf0&amp;\x02\xd9\xba\xf8\xc1\x86R\x15-\x7f\x98\xc8\xaf\n\x98\x9fa\x01s&gt;\xca\x98\x90\xd2\rb\xaf\xf6\xaa0\xbe?C\xdc\x8b\xdd\x85k:a\xbe\x99\xc1)\xbe\xe8Q@d\x99V2\'\x1d\xbe\xf7\xff*|v\x84\xebWE[(\xbb7k\x18\x0c\x0f\x88m\x18kfo\x8a\xe7_\xa9J\xfb\xe7dL\xf9dS\xb4\xf0\x1f\x9f\x8cr\x93\x1b.=\xbcE\xb7\xbbS\xe4\xdf\x8c\xdc.J5\xd4\xd7l\x852Q\xc9\x19\x8c6\x0fz\x1d\x9cs\x82l\x98\x13\x01\xa2\x05@\xa1\xaf\xd98B\xf7\xaf\xc5\x99=\x94\x1a\xa5\xb8\x00\x98\x03\x13\xae\xed\xab\xf10\xfb\xd9`0\x0c\xc6E\x8f\x00m\x8f\xf04N\xb3,\xb7\'\xd9C\x8fL,\x1bh\xc5\xf1\xf3\xacH-^\xa3\xb6s\x05\x85\xbb\xcd\xc1\xfa\xac\xb9\xca\xb33\xc9 \xdcSR\xe5\xf2\x853\n\xa7!\xc7\xf3\xa5\xf3\x9d\xe2\x17\x05h\x19j\xf0\x17\xeaE`\xb3\xe1\x12^\x16+\xc5*O\xb3\x1ec`\xcfi\x9dz\xda\xb4,Np2\xf0V\x8bY\xc9\xb9\xdbP\xb8-\x8a\x9b\x1a\xb2|\xf9*\xc9\xc1\xf3\xb9M\xa6\x7f\xc6\x032\xf4\xce&gt;\x00\xa9\x0e\xce&lt;2\x088\x1f\xff\xeel\xcc\xcb\xb8X\xb80\x18\x1e\x14w\xb1\xa9\xf0\\Z14\x8f\xa9\xd9!k(\xd6\xae\x9el\xa7\\w\x7f=[&gt;\xdf\xf6\xae\x8e\x81\n\xef\xec\x93M\xc2\xb3\xe6M\xae\xbc\xbd\xbc\t3=)jyru.6\xaf\x06\xf7\x96\xb3\xf0\xa7\xd3\x88\x1e\xc1A\x88\x16\x07\x86\x04\\n\xbb\x18b9J)\x8e\xea\x11\xb8\xa8\xcfO\r\xb3\xa7\xc10\x0f\xca\x01\x8ewd\xbcTe,Zg#o:|;=V\n\x10\xccC\x82\x05@\xe3\xdaF\x00\x98\xe1\xcb\x15r\x08\xc6\x88\\WO+}R7\xc9%\xe8/Qt\x05vB\xcbNA)ko\xe4\xd3\xc2\x93\xb8r \x8a\xf2\x8bM\x91|\xff\x95\xb3\t\xdc\x1d\xce\xefS\x83\xc1\xb0\x83\xb1\x00x\xe3jD\x16\x87lQ\xad\xbf\xb0m\x83\x81\xdao\x7f\x92g\x9d\xefm\xd75\x18{\xd3\xd0\x06\x9e\x13\x9d\xc9f\xbf\xd6\xe4\x91\xec\xd1\xb6z\xe9\x15\x97\x16\xa3p\x07M\xf0\xf1\xc1\xc5\x14\xdf\xcb\xfe;6\xd9\xd7\x92\xa1\x11_\xb9\x15~\x93\xe6\xe7\x12\xc8\x9f\x06\x1f\xa8\x03\xf4\xb0\x9b\x8e\xcc\xf7\xb3&gt;5\x18\xa6\x87,\xb2\x0c\xcd$zL\x84\xbc\xcd\xb9\xf2\xe6\x19B\xa9\x9a\xec\xda\xb4w\x1f\xb8P?\xf6\xce&amp;\r\x02\x00\xc0\xc7\x95\\\xe8\xc9#"\xad\xbfe\x90K\xcd\x9f\xbf7\x81ip\xb1\xa1\xd1\xe3\xe1\xc9\x85\xa2\x99\xc1`\xe8\x82QQ\xa0q\x0fIm\x0bJPr\xbd\xfe\xe7\xee+\xc5o \xfc\xed\x9a&lt;:\xc0[F\x1a:\xe3RFVu\t\xe1w9\xf4\x084"\x0e\xaa\t\xb7\xeeO$tq\x9d!\xcf\x98\x8f\xfat\x015&lt;\xee\xda\xe3\xf2\xd7\xb0\xb3\xc1`\x08\xb0\x8e\xdb\xf1\x81\xf2\xb7\x88\xa3\xd8\xd8d\x0e[\x00\\dv\x890o\x9ar\xf4\xec\xf7u\xd8\xd9\xba5A\xf2-\x0b]2w\x8e\x870\xd7#\xb41\xc6\x8c\xf9\xf4l|\x84\xa0\xb5Bs\xe2\x0b\xe4\xd0\xc5z\xcb\x8f\xcc\x17W\x9c{\x92\x067\x83\xc1p\x1dt\x99\x18\xea\x9b\xebg\x86~\xa5\x05\xc0\x0f6H\x18\xda\xfc\x90\xa7\xa4\xbboU\xfeX\xa5[;%\x19\xfe9\x87j\xc9\xf4{\x98\xea|\xe6Gc\xab\xef\xdbh\xf7\xdd\xba\xab\xc0[\xd5?\x04N\x9f\xf5\x10&lt;r\xa84\x18\xe</t>
        </is>
      </c>
      <c r="E650" t="inlineStr">
        <is>
          <t>&lt;class 'numpy.ndarray'&gt;</t>
        </is>
      </c>
    </row>
    <row r="651">
      <c r="A651" s="1" t="n">
        <v>649</v>
      </c>
      <c r="B651" t="inlineStr">
        <is>
          <t>steps_per_sec</t>
        </is>
      </c>
      <c r="C651" t="n">
        <v>7300</v>
      </c>
      <c r="D651" t="inlineStr">
        <is>
          <t>2.640706</t>
        </is>
      </c>
      <c r="E651" t="inlineStr">
        <is>
          <t>&lt;class 'numpy.ndarray'&gt;</t>
        </is>
      </c>
    </row>
    <row r="652">
      <c r="A652" s="1" t="n">
        <v>650</v>
      </c>
      <c r="B652" t="inlineStr">
        <is>
          <t>Loss/RPNLoss/localization_loss</t>
        </is>
      </c>
      <c r="C652" t="n">
        <v>7300</v>
      </c>
      <c r="D652" t="inlineStr">
        <is>
          <t>0.053522147</t>
        </is>
      </c>
      <c r="E652" t="inlineStr">
        <is>
          <t>&lt;class 'numpy.ndarray'&gt;</t>
        </is>
      </c>
    </row>
    <row r="653">
      <c r="A653" s="1" t="n">
        <v>651</v>
      </c>
      <c r="B653" t="inlineStr">
        <is>
          <t>Loss/RPNLoss/objectness_loss</t>
        </is>
      </c>
      <c r="C653" t="n">
        <v>7300</v>
      </c>
      <c r="D653" t="inlineStr">
        <is>
          <t>0.026150621</t>
        </is>
      </c>
      <c r="E653" t="inlineStr">
        <is>
          <t>&lt;class 'numpy.ndarray'&gt;</t>
        </is>
      </c>
    </row>
    <row r="654">
      <c r="A654" s="1" t="n">
        <v>652</v>
      </c>
      <c r="B654" t="inlineStr">
        <is>
          <t>Loss/BoxClassifierLoss/localization_loss</t>
        </is>
      </c>
      <c r="C654" t="n">
        <v>7300</v>
      </c>
      <c r="D654" t="inlineStr">
        <is>
          <t>0.11457906</t>
        </is>
      </c>
      <c r="E654" t="inlineStr">
        <is>
          <t>&lt;class 'numpy.ndarray'&gt;</t>
        </is>
      </c>
    </row>
    <row r="655">
      <c r="A655" s="1" t="n">
        <v>653</v>
      </c>
      <c r="B655" t="inlineStr">
        <is>
          <t>Loss/BoxClassifierLoss/classification_loss</t>
        </is>
      </c>
      <c r="C655" t="n">
        <v>7300</v>
      </c>
      <c r="D655" t="inlineStr">
        <is>
          <t>0.12422706</t>
        </is>
      </c>
      <c r="E655" t="inlineStr">
        <is>
          <t>&lt;class 'numpy.ndarray'&gt;</t>
        </is>
      </c>
    </row>
    <row r="656">
      <c r="A656" s="1" t="n">
        <v>654</v>
      </c>
      <c r="B656" t="inlineStr">
        <is>
          <t>Loss/regularization_loss</t>
        </is>
      </c>
      <c r="C656" t="n">
        <v>7300</v>
      </c>
      <c r="D656" t="inlineStr">
        <is>
          <t>0.0</t>
        </is>
      </c>
      <c r="E656" t="inlineStr">
        <is>
          <t>&lt;class 'numpy.ndarray'&gt;</t>
        </is>
      </c>
    </row>
    <row r="657">
      <c r="A657" s="1" t="n">
        <v>655</v>
      </c>
      <c r="B657" t="inlineStr">
        <is>
          <t>Loss/total_loss</t>
        </is>
      </c>
      <c r="C657" t="n">
        <v>7300</v>
      </c>
      <c r="D657" t="inlineStr">
        <is>
          <t>0.31847888</t>
        </is>
      </c>
      <c r="E657" t="inlineStr">
        <is>
          <t>&lt;class 'numpy.ndarray'&gt;</t>
        </is>
      </c>
    </row>
    <row r="658">
      <c r="A658" s="1" t="n">
        <v>656</v>
      </c>
      <c r="B658" t="inlineStr">
        <is>
          <t>learning_rate</t>
        </is>
      </c>
      <c r="C658" t="n">
        <v>7300</v>
      </c>
      <c r="D658" t="inlineStr">
        <is>
          <t>0.039712023</t>
        </is>
      </c>
      <c r="E658" t="inlineStr">
        <is>
          <t>&lt;class 'numpy.ndarray'&gt;</t>
        </is>
      </c>
    </row>
    <row r="659">
      <c r="A659" s="1" t="n">
        <v>657</v>
      </c>
      <c r="B659" t="inlineStr">
        <is>
          <t>train_input_images</t>
        </is>
      </c>
      <c r="C659" t="n">
        <v>7300</v>
      </c>
      <c r="D659" t="inlineStr">
        <is>
          <t>[b'1024' b'1024'
 b'\x89PNG\r\n\x1a\n\x00\x00\x00\rIHDR\x00\x00\x04\x00\x00\x00\x04\x00\x08\x02\x00\x00\x00\xf0\x7f\xbc\xd4\x00\x00 \x00IDATx\x9c\xec\x9dy\xfc\x7f]5\xe8\xd7~JW\xa8\xa4\xe8i@\x13i\x90JH%Ei\xa42\x15\x11\x15\xa5\xc8U\x86P\x177\x147\x14"s\x92\xab(\x19\x9b4Q4\xa1B\xe5J\xa5B\x93hPR\xd4\xba\x7f\x9ci\xcfg\x0fkO\xe7\xac\xf7\xab\x9e\xdf\xf7\xfb\xf9\x9e\xb3\xf7\xdak\xda\xe39\x1f\x00\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ea\x82\xe5k\x98\x99\x7f\xbd\xee\xfa\xebn\xd5\x97\xcb\xa8\r_\x87\xa9M\x9b\xc4K\xbe=\xbe.\x19@\x04\xf8u\x00C?\x9f\xb8*M\xba\xd8\xbc\xcc[&gt;\x00\x02\xdc\xdd\xacuW\xcc\x87\x06_\xe9nY\xa2&gt;\x8dB^d^\x02\x0f\xd7\x9c*\xb8\xeaO\x0b\x12\xcf(\r\xb5\xbf\x84\xc5\x91~\xcd\x87\x15\xa3\'3\xbbD|!U&lt;&lt;\x92?\x8ek\x88\xe9eV3\xed\x94\x10#`fu\xfb\xc5\x82\xa5\xa8\xaa\x96\xf2\xe9\xd4\xd7\xf6+\xd5\x14\x92I"\xa0\xcb`\xea\x82\x88\x7f]g\xb0\xc1\x0c\x8bP~CD\x00q!\xc0\xdb\x1c\x17\x04\xa0u{BL%  |/\xc0\xc3Dt\x99S\x81B|%\xc0\x93\x9c\xd58\x10\x00\x0f\x01\xf8A\xf7_Ax\x84\xf1\xd5!\xd4\x86X/\x15\xdb\xff\xf5\xbf\x8b?\x02\xb8\xb5o@"\xfe\t\xe0\x13\xa3\x95\xef\x93F+_\xec\x0f\x87\x9c\xfa\x89\x1c\xda\xd8\xcb1\n\x11\x1e[\x04\xb5(\\]\xce\xe2D\x99NL\xd8\xdc&gt;P\x8b\x81jY/3\x8b\xf5k&amp;\xd2\x98\x00kK\xec\xc5\xce\xe5mM\xfet\xc4\xbfV?\xd9\xb9\xcbs\x99\xe5&gt;\x9b$8\x97\x80\x08\x86\x9f\x87\xf8\xc9\xaeN\xbcm\xd1\xec\xe2\xbdr\xe2\x81\x88?\xee\xaf.4M\xc9W\xbe\x12\xf1\xda;\x15\xef\x94\xbf\x16\x1d\x13\\v\x12\xdc\xccdQ\xe6TT\xaeH\nS\xdf\x07.\xafv\xdd!\xc96\xffC*U)\x10\x90LTG\x8f\x9fR\x12\xb1MO\x8cl\x94\xfc\xe0=\x1e\x88\xa8g\xe6\xa8\x01\xc9Q\x10\x01]]\xbc\x16\xe4\xfe\x0f\xa6D\xa3|\x10[\x96\xab\x13u\t\xbf7\x8c\xd8M4\xa1\xbd\x95\x10\x00p+\xc4gy/\xb0\x0f\xb5\x05\xc0W\x03\xfc_\xe7]Y\xce\xe7i\xc0\\\xf8\x8d\x10\xcd%o\xcb\xc5;#\x83p\x94\xa2\xd4\xfb\x03gb\x93\xe0\xdeYY\x90\xd2\xbcn\xf3\xd4\xcf\xc3\xdb?\xdf\xfe\xa7\x9d`\xf1O\x1e\xac\xb2\x85\xa81d\xf8\xae^c\xcc6\xbd\xee\x14eJa\xfbg\x0fK\rsJX\x043\xc6\x10\x81\x85o\xf7\xb9\xb5dj#\xa0\xe4=\xa5\xecK\xb8\x94@4\xdf\x08m\x1dH)7\xdc\xb0\x8e\xf2C\xd4\x1bA\xfe\x1c\xa0|\x97\x1c;\x06E\x00\x80\xcf\x05|\xe1\xfc\xfb(\x83\x06D\x8c\x9a\xed\xf8\x8b\x92\x7f\xcd\x9b\x00\xc0Ps\x80\x9eg,\xc4\xc1{(\xfc\xc99&amp;u\x8f\xce\x05\xbbW,\xfb\xb0\xeb\x9el\x00BR\xdd\x17\xcc\x1f-\xff\x8be*\xc9~\xa3\x10B\x08\x10b\xfaac\xaf\xae\x1d1\xc2\xfb)D\x00\xf7\xe8\x7f\xba\xc0U\x1a\x02\xfcF\xb6\x00.\x84\xc3y\xb7\x81\xcb\x8bs\xab\xd8\x97A\xed_\xb4\xad}\xf9\xb2\xbd~\xe8\xb3\xe7\x12\x00f\x9b\x8b\xdf\xb2_\x98\xa1\xb8o\x9bKp\x8e\xfe]7\x8a\xb5\xa5b\xb7?EP\xf7\xca\xf3\x13\xcc\xe2\xf0\x9aDj\xad6\xad,q\xad\xdf)\x00\xc4\xa7\xee\xb56\x9b\xfb!\xc0\x93\x9d\x7f\r5\xa3t\x99\xeaS\xf8\x95[\xd6\xb2\xdd\xb6{\x1c\xc8\x15?\xe1l\xb9(\x97\xe8%\x939\xd6bo2&gt;\xa2\xde\x0bKV\x86\x10z2\xd9\xe3\xd1\x895E+[\x00\x08x\x91l\xec1\x0e]\x08\xe1\x0c\x8f\xccbs@\x04z\x05"\xc2/\xf9\xcbL\xae\xb1\xe7\x01b\xec^\xea\x89\xd8_n\x11/\'\xc8\xdc#\x9c\xbf\xda\xdf\x01\x00ci3\xea\xac\xc5\x80\x1eH\x9e\x15\x9d\x08\x01\x9f\x8d\xf0\x12\xfb\x9f\xe8\xf7g\xe52-\xfb\xd7\xc2\xe2\x0c\x1e1v\x96\xc3\x97\xcd\xfa\x10ez\x1b\xfb\xa7\x887\xb1^i?vE\xb1\xe0\xaa\x97\tk\xcf\xe6Zp\x85\xc5\xcf\x83\x0e\x17=\x01\xe0\xab\xdd\'v\xf4\x1b\xa3=\xc1^\xa4\x10\xaf\x01\xb8\x86qb\xc4&lt;!\x93\xb3\xc7\xa2\x9d\xe4\x99&gt;R\xae\xb8\x17\xc0/[f}\xd6]\x82\x9d\x86\xdf\x10\xf1\xcf\xf5["\xb2n\xf8*\xbe\xe3v\xb2\xcc\xb6\x17J\xfb[@\x99\xf8\xb7\xa7\xf27$m\xa5\xca\xb5\x83?WD\xaaz\xda4\x1e\xae\xdf\xa9\xcet\xea\x89\xc0\xb8d+\xf7\xb6\xfdL\x82Ba\xa7\x8d#\x8eR\x02\xd8o\xf8iY\xfb\xa9\x9d\xee,G{\x88\xd8\x7f\x16\xd2w\x00\x96\x05u\x10\x02\xae\x0ep\xdfui3\xb1\xfc\x12\xed\x8f\xed\xf0\xcc\xd5&gt;\x94\x97\xa3\x97g\xe3\xd6_\x83\n\xcd\xb7\xec\x94y_*\xc4e-\x7f2\x17q\xad\xab\xe7!\xb5\xc8\x1b#{\xd2\x88\x1f\xd9+o\xa9=\xe0L\xfe\x9e`\xcb\x06\xce+A^\x14_+Z\xb8\x89\xf6\xb9*r\x15\xfe\xdb\xf7G\xe72\xb4\x86$\xedW\xc9\x1f{\x9b\xb1;\xde6\r\xe1\xdcq\xc2O5\xddg\xee#,2&amp;\xb0\x15\x8e\xb8\xfdOF\x00\xfc\xca\xbam\xa7\xff\xc5R\x9e\xbf\xbe\xbf\xb0\x84\xc9\x8e\x88\x11\r\xac\xb7\x0e\xe0$d\xd9;6\n\x1eh\x96\xf0{q%\xe4\xa1\'"i\x00J\xb3aR:1,I\xb8\xb9wd3\xeb\x9b`\x1b\xb2\xebQ\xa6\x08\x11o|k\xea|\xc4\xf1\x9aD\x87uDd\x8e@r\xeb\xc8\xba\xbf\n\xe6\x11 \x01\x00\xf0H\x00\x84\xd7\x02&lt;\xc6{\x88\xa52\xd2\x88=\\\xa0yH\xaf\x9c?Q\x07\xf9\xa8\xb61\xbc\xe8\xf7\xae\xa3\xd8\xe0[`\xee\xd4\xd7sJ\x00\x00\xff\xfa\x0c\xe9\xaf\xb6\x91\xba\xd6\xde\x92#\x93\xefY+\x9f\x9a\xa6V;+_\x1eFJG\xb0\xe0Z\xdb\xb0~o9\xfcWa\xed\xf5\xe1\xd3\xa7KA\xd6\xbd{\x14\xab\x14\xa3\x8f"\xc3,\x11\x1d\x99\x1f\xb1\xdd\x1aw\xe3V#\xcc\xb6\x05\xf8bC\xce\x80eu}\xe4\xfeNy\x18bn\xe6\xc4`h45o\xed\x0e\xbe\xbde\x0b\xf1fKy(\xbb\x84e\xe0\x15\x1bz\xe1\xec\xc6\xd8/\xd3\x85\xa1U+\x9f\x0b\x93\xc4\x0f\xde\xbd\xdb\xfa\x91Y\xa6\xb88\x08!\x1ei&amp;\x98;\xd9\x15#%)\xe2\x9el\x95\xc0\x1c\x80\x9a\xb1\x90\xd2\x8f\x96\xefy;\xe9\x13\xb3\x19`\x8cR\x9e\xbe\'0\x89\xfcW\x89\xc8=4V]\x1d$\xce]\xe8\xa7&gt;\x84\xbb\xc5k\xd2\x8e\xad#c_O\xda\x821\x06\x93%\x0e{\xcc%_\x05\xe0\r\xb0T\xfdU\x00O\xf0\x148\x89q\x19\xc4w\xf8\xcb\xf4\xac\xb5,\x85\xbaZd\xab\xd4]Z\x18\xea\xd1 _i\x01gT\xe6\x7f\x03\xef4\x8f\x7f\xc02%[5\x10~(b;\xa8\xa0\x17\xeb#\xca1\xf6\xcf\x1d\xcd\xff\xb7\x0f\x0b\x92\x8c\x85Ku\xf6\xa2\xf4\xb0\xdd\x93\xd0"\x95-\xd2w\xf5\xefn\x8b9\x13\xd9*\n\xb3\xcb\xbd\x10\x7f)\xe02#L\x82m)\x04\x804\xf9\xf7\t\x16Vf\xe9S@B\xfa\x7f\xd4\xddB\x00\xc0[\x01.\x94NgX\x97\xbb\xda\x8e\x0f&lt;;\xec\x81{\xf4\r\x90NF\xa5t\x85o\x00\xb8\x8a\xe5\xc6V\xa7P\xa8\xea\xfd#\x80[\x01\xbc\x02\xe0\xfaY\xd2\x948\x02t\x04\x0ezH\xa9w\x8e\xafv}\x07\xc0\xdb\xed\xa5M\x94\xd7\xa1L\xc2X\\X\x7f\xd4J\xa6\xe5\xbb\x01\xe0\rrK\x9f \xffU\x08!\xc4?\x99b\xfc\xabw#`g\x08\xd8\xde\xc7\xd2G\xff\xb0\x9d\xf7\xb0\xbeh&lt;\x88\xf5\x1e\xf5\xd8q\xd4\xad\xa5v\xfe\xf5\xd5z\xaf\x10\x0e\t\x12\x04\x9b&lt;\xf0c\xf5\x8av\xb4\x1bsBl\xe7\xe8Q\xe4r\xb9q\xf4\x7f.g\xaf"\xa9\x8c\xa0\xd1\xbf\x05\xdb!:\xd7\xa5a\x07\x9e\x14%\x1a[a\xb4\xcc\xdbj\xaf\xb0\xfe\r\xb4\xc8\xfa}G!\x8a\x80\xcb\xcf\x17\x82\xedh\xddz\x95\xad\xfd\xf3^\xd3-\x96S\x91)\xe7-#n\xf1hU\x14V{:\xf3\xb9\x99_L\xb8\x15\x01\xe0\xca\xb6\xcf\x1b\xed\'L\xf5&gt;\x93\xa2\xa4[!\xc2-\xf0z\x04E1\x16z\x0c\x84\x13p|\xb5\x07=\x04&lt;_\x9a|4 c\xc9\xc4ZN\x94H\x9e\x06\xda\x17A!h\xc8\xa2\xae\xa0\xfb\xd6_\xc3\nD\xff\x83k\x9e\x15_\xf3\xb2 =+\xc7xBw\x1eB\x90Js\x1f\x01\xd2\x0f\x17\xc5\xde\x0e\xe6Bx\x94w\x85.\x93{\x1f\x8e\xd4/\x9e\xfe\xaa\x97\x00\xd65{\x7f\x15\x0b\x1f@\xbc\x98q=\x84\x84\xed\xe2u~\x13\x18+\xc7\xb0\xfa\xaa\xfdF\xa7\xb4\xdb\x03g.k\xee\x10\x93\x88\xc0L\xcd\xce]2\xd3\xcf\xf76\xdc\x94[`\x0b\xde\xb4\xfc\xe3\'!\xc4|\x9b08\'\xb5o\x02\xf8\xb9\xf9#\xff-Ar\xf49\x10\x1f\x11W~n\xb2\xf2\xbdT\n\x14\x03\x1d\xaa\x1d\x9b\x1e6\xa6&amp;~\x0f\xe0\x8e\xade`\x98\xb2\xec\xbf\x064\x1f\xa2\xbcf\xeb\xa1\x02\xbaO\xcb\xa1\xd2\x7fZ\xce\xa9\x0b\x95\xfbN\x7f\x0e\x92\xc6\xd5(\xed\x10\xbf\xedyG\xe7}A\x15\xfbf\x13\x8b6BF\x15\xe5:\x1b\xc4\xed\xc0v\x10\xaa$\x17\x95\x07l\x9bV\x04\x80\xf8\rX\xd4i\x1dlS.\xa3\t\x9f\x89\xed\xb78\x16?\xe7A\xa7\xab"\xaf\x9a\xfe\x87\xed\xfaI\x86=\xf3\t\xe5\x1fk\xbdf\xcd\xab\xe5\xdcg\x99\\\xd5\xa5m\x0fn\xc2$\xdf\xbb\xd5/\xff\xfa8\x98\xe5\x91\xe2\x1b\xe0\xaf\xe5OB\xca\xc2Y6\x04@\xeb\\0O\xea\xa4\xed2t\xdd(@\xc0\xf4\x80\xd3c"\x96\xe2\xdf\x1e\x10\xa9m\x16\xa8\x8f\x87\xcb\xf1D\xfak6\xd2y\xdcR9Ea{1\x15\\N\x1f\xa3\x7f\xe0\xd1\x7fI8\x9f\xf4B\xe8\x0e@\x0f\x8b@\xfa\xb1\xf5\x1b\x03\xdc\x16\xe0\x7f\x85\x0bF\xbf\xba\xb0\xb7\x88Bu\x86\xcc&lt;\xe3\xbb\xb3f\xbf^\xf0\\\xc4/\x00\xc7\xd8mg)4}T&amp;lo\x14\xd5.pUe(\x13o\x82p\x01\xc0\x0b,J\xb6T\x12\xe8\xa8\xba/\xfd\r\xe0u\\\x02l\xf7l{F\x8eQ\xbd\xb9\xa7\xa4\xad:[\xf1.\xc2\xd9\xda\xb8\xdc\x13\xf6\x94\x05\xc1\x01\x03}\x17\xcb\xe39Rm\xef\x04\xf8\xb8xs\xcc5\nx!\xc2\xe7\x9a\x92xu\xb5\n\x9bz\x81G";\x99\x0b\xa8{a\xb2\x89\xac\xee\xab\xc0\xeck\xa8\x85\xb65"d\tM\r8&amp;{\xff\tp\xf1u\xb6\t9md\xfa\xe5\xf6\x08Oe\xcb2U\xc1\x11\xde\x8fy\x12\xec\x035!\x8do\xf4\xbe\xdf\x82\xda\xa9 b\xb1&gt;#\xed\x89\xcf\xd1\x91[\xbd\xbb\xa7/\xcdI\xb4AC\xb4\xba\xe2\x9e\x94]\xe5[eC\x04!\xac\xa5\x98\xa3\xfc\xf5"CN\xf4\x8eBv\xe6\x00\xb36@\xf7\x16m\x02\xb0\xa7(c\x02vK\x80\xe7\x08\xf3\x0f\xe6p?\xe4\xb1\xe6\x1b\x03\xbc\xc8h\xb5T\xb7\xfd.\xcf,K\x1b\xf3\x11L\x00\xfc\x87\xdc\xdc\x7fM\x98\x8f\xc1l\xaf_\x00\xb8w\xf2\x04\xcfU\xcfZ|\xacH.\x1e\rp\xff&lt;\x91v\xcf\xb9\x99W.J\x98\xce\r\xaa\x97\xa9\xe5i\x9eo.X\xb8\xf3\xffY\xb2\xeb\xe8\xb8R\\\xe0\xdd\x00\x90hk)/3\xccap\x9f+\xa6Z\xcf\xed\x08\xd7\x11 \xb1m\xeay"|9-\x80\xf2\x8b\xf5\xe7\xbf\x14\x10V\x1eN\x15)\xbeO\xe49\xcfl\x8d\x9b;\xdb\xff\xc4\xed&amp;\xfd\x80\x8c_g\x96\xbf\xbe4X\xc4\xc5O\x96\xff.\x9f\xce\x7f[\xac&amp;\xadJ\x07\x17\r\xe2\xfa\xce?\xbd};\xcf\xe1\xed\x87\x10\x00\xe0F\xba\xc0\xd6\xca\xec\x87\xfe\x8d\x8f\x9e\xb3]/&gt;0E\x8bt\xaf\xb0H\xe5\x11\xf0E\xea\x10M\x8a)\x9f\xd1|#\xd4\xf9\x94\x08\x02 \xec~\xb5C\x08~\xe7q\xfc5\xf5\xa9\xde\xc9^\xf71u\x96\x9d}Ex\x19\x813\x8d\xfb\xe7\xca\xe4\xb9\xdf\xdezI0\x01\x00\xdf\xa1\x9d\x08\nQ\x99q\xb9v\x1c2^\xd3g\xca\xc7]\x92\xbcY\x0b \x1f\xfb\xfb\xdfQ\xb7\x9e\xc3\xea\xdd\xbc\x07\x9d\x01\x00@\x80[m}dM&gt;\x1d\x0e\x9c\xe8P&amp;\xe5\x1e\x83\x0ca\x9e\xe0\xffs\x1b\xf37\x03\xb5\xe1&lt;"\xbe\xc7\xd5\xf6M3\xb8\xfe*Y\xe4\xf1\xdeZ\x1c\xc5)%\xe8\xc5nue4*\xc0m\xac\xb5Xf9\xfa\'\x9a\xe4\xb6\xb6\xad\xf3WWC\xecJH\xe0\xd1\xb60Q\x9a\xec\x0f\xa9Pf\xa3\xfc(\xbe5\xed\xf6\x1b\xf8J\xb6\x7fnkA\xb8\xa2|\x05\x02"\xe2%\x11\x01\xfe2X\xd1\xae\xaa\x11\x00\xe1\xe7\x10\xe0\x06i\x82M\xa3\x01\x87\x9c\xa98\xf4\x1c~\xb3z\xf1\xb3\xe5rnm)\x878m\xc6\xda\x9a\xa1%\xdf\x15\xe3\xbd\xae&gt;\xce\xcc\\\xbcb\xc2Hg\xd2\xd9\xebw\xcaTc\xfe\x91\xbc\xc6\xa1\xb1[%\xc76W\x08\xecN\x10\x1fq^cl\xdf^\xac|\x08\x08o\x9e\xfe\xf4_\xf2\xe7\x19F\xf94\xf5\xde\xf5v\xb9\xc3Hy\x1f\x1e(\xe3\x86@\t-\xd1\x88\x88\x00Ww\xdfr\xafm\x02\xf0\xbd\x96\x91\xd0\xfc\xa7\xef\xdc\xf37\xca\xa4\xa3\x15\x85\xce\xbfe\xb0n\x1f\xa4\xdc+\x8b\x94T\xf5&amp;C\xaaZ0]\xc9\xber|-\r(1U\xa4\xe0\n\x14\xc1\x82\xab{\x84\xaej"M\x86R\xad"\xc6\r\x02|C\xc6\xddq\x11\x91\\G\xce\xcd\xf0H\xf3\xf6kTp&lt;\xc9\xbd_Q\xb4"\xc6\x85\xb5\xa3A\xc4\xab\xd5\x9e\x00\xd4\x98p\x0e\x86\xcb6\xc9\xa9d\xbe\xfd\xa4\x8a\x96O~x5\xf0s{\x07D\xf4\x82\x13\x07\x04V\x83R\x18\xda\xe58\xee\x02\xd7\xf6\xdeB\xbd\xde\x7fJ\xc6\xdb\xf0\x98&amp;P9\xe47{\x1a\xebTJE\xc0m\xeb\xd0\x12\xfe.EWz!\xf1\x05X\x85\x95\xdd\xc3)p=,5\x92\xcbS\xb9uRE\x11uU\xd7\xbcR3\xefWh\x147\x87\x11\x8c\xb1\xb7[Mf\xc6\xb8\x83[gX\x9c0\x8e:\xf1:\xbf\x18\xddEG\xc5\x84\xe6\xeb&gt;\xa6\x0bJ\xd6\xde\x80\xdc\xd7\x80Z^\xb2\x19\xfa\x0cY\xe2\xc01\xe9\xae!@\xc49\xf8\xbez\xf7\xdao\xfa\x9a%L\x83\x14ro\xb5\xa2$\xe1\x96\x7f\xb3"\x10\xb5\x7f\xad\x15\xd9{\xe8\xe9\xc8)"&gt;7\xb62\'1\'\x9e\xa5g\xdc\xbd]\xce\x95\x10\xe1\xeb&lt;5?Z\x91P\x1d\n\x06\x88Q\x83\xef\xc5m@\xe0y\x17\xea\xa4\xbc/7\xfe\x84\x9f\x9aRi\xee{!\x1c6A\xeb\x8f\xda5UF\xa2r\xe7\xb5y\xb8Qu\xf6\xfb1\x9e\x9ew{\x14&gt;\x0f\xf1\xde\x87\xfa\x0ft\xf2x\xab\x9dM\x80\xb8\x7f\xf1^9y#\xda\xce z\x89\xa7\x13\x94\xfe\x9b\x82#KO2\x07\x14\xfb\x0c\x80\x0f\xa5\xd7]V7\xd5\xd9\xd9\xedvw\xc1\xad\x11\x04\xe91\x0e\xcb(\xe4X\x90\xb4G\xe9@\xd5\xd7\xb4\xef\xbe&gt;H\xbf`\x1ev|&lt;\xc0;l\xf7"bu\'\xa8\xc5\xa6\xc6\x90\x06\xaeW\x07\\\xac\x8fp\xa2\x14(Ud\xe9\xef\xd2\x8ar1\xbd\xf7\x10\xd7\x9f\xf7^\xfbc{\xf7\xc5\xcd\x01\x9fg}M\'\x89\xdb\xfc9\xe2\r\x9dUo\xf2y\xde\x0ck\xd3\xe1t\xb1]=\xe4/i\x8dB\x08\xb7`\x00\x7f\x00p\x07\xe7]\t\xcc\x15%\xdd\xeeT\x88\xf9F,\xc75e\xb3\x8a)\x9f\xec\xed\xcb\'4\tyu\xa7&gt;S\xa5\xac\n:\t\xa7\xf6\x82\xd3\x8e\x86\x01\x12\xabV\xcb9\xef\x1b\x93\x16u\x87^\x9d\x1e\xda\xfbE\xefYaw(\xb2_I#+\xd7\xaeW\x8dM8\x83oo#\x1cc\xc4\xbf\xfb\x16\xb5\xd1!\xf9"0\xcf\x04\xd9\xd3\xeb"\x00\xc0[\x1d\x17\xbc\xe3\xe1\xae\xaa\xa0\xda\xd8\xa76\xc1.\xa5\xaf&lt;\xed\xec\xe8Qi\x0b\xd1\xfez|\x9a\xd2g\xb6\xb7N9\xc4V]M\x15\x08\x11\x11\x9f\x87\x8b\x86J\xc4\xe8g\xed\xbd\x87j\xfa\xfb\xaf\xc4,1z\xd6#\xdd\xdde\\\xe3\xfco\xf32\x8b\x96\xbfE\x00\xe0\xf3\xac\x97\xa1c\xf4\x9f\x81\x10\x05\xbe\x11)l\xa16e\xcaq\xa3\xbcu2\x94:\xf7\xaf\xa3\x1c\x1b-\xaf\xf6\xe9r\xf4_leQ\xf4\xdd1\xf7\xb8\xa4\x9a\xcc\xbc\x95\x12\xd1\xb5\x14\xb4\xcd\xfe\xe8?[\xf1\xcb\xa2x2WH\xbb\xed\xd6H\xbeK\x16\xc11\xc7Yn,\xcd\xb5\xa6\xd0\x03\xa9\xe5\xa2T\x05M\xcb\xc3\x02@\nE\xe1}2I\x00 \\h\x963\xad3\x7f\xaf\xbf:&lt;\xf3wIh/\x80\xf7\xae\x11\xe8\x9b3\x08\xf7\xb2^d,\xf4z\xce~(\xc5"\x80\x98\x97\xec\x03\x04\x0f\xfa\xe29\xc9\x97\xac\x7f\x96#\xd0Wi\xc9\x81\x06\xda^\x99\x87\x80\x007]\x92\xc6\xac\x19]\xc2\xbf\x02\xf8\x0c\xf3N\x9cv\x9a-\xcb\xc4n1\xec\tZ\xc8\x83wUQ\xbb\xea\x97\x17&lt;6\x8f\xc0\x17\x98K#~\xd2\xc33\xd9f\xe8TH!p;\xd6\x80\xe2\x1d\x00\x1f\xbf\xd3^\xd3\xba\xd3\xc0\xe5|iL\xf3&amp;\xc25No9\xb1N\xec u\xc7F\x008V\xb5\x86%\xcarB\x00\xc0\x83\x0b\x88\x00;R\xd0\xe5\x04Dtm\xfc\xee\xf1\xe6\xb4\x1a\x9f9;m\xab\xfd\x87s!\xf6\xa2[,\xa7\x1e+\n5\x12U\xba\xdf\x1a\xcf\x82P\xf2\xb7\xc1\xcb\x84q\x8f\xb9l\x17\xfb\xae\x0fzz\xe6\xd2\x967\xc6(\xa7\xfe\xad\x85\x98\xb7D6S*\xd0\\\xa4\xfd\xdb\xf5\xf2\xe5\t0\xa3&gt;\xa3F\xcb\x15j[\n#Ku7[\xa3&lt;2\xa2yE\x80\xd8\xber\xd6K\x8c\xbb\xbe\xcf\xa1I\x8b\x05WI\x12\x08Q\x99\xbd\xba\x0c\x92$\xb5x\xf5\x8e3[J\x08\x11;W?\xc7@QBE=\xe4\xfb\'\x04f\xd4\x13\x10\xec\xf3\xdb\r\xc4#\x84@\xff\xb9\x07\x81\x8f55z\xed\xbd\xa3+\xb7\x88\xcd\xa6H\t\xdcb\xe8#+a\xcc\xa9\x0c\x0e\xf3$\xc0\xe4F\xcb\x19o\x00\xf0M\x1fW\x9f\x8bi\xda\xee\xda\xc0\xe6\xc9\xbebm\x89M\xfe\xc2\xd1\xf9\x13\x90\xe47n\t\xdc\x82\xd7\xee\xdbi\xec^\xc6U+\xb5\\]\xf3`\x80dAXL.\x1c\x97\xe8\xe8_:\x88\xa1\xdb\xe6q\xfat\xdeu!\xc0\xdb\x0c\x81\x15\xd3\xc7&amp;\xc2\xf8\xd52\\\x0e\nC\x9e\xc9\xe2\xbai\xb9\xba0e~2\xe2\x1b,\xe5\\\x04\xe0\xc3;b\x1b\x1eR\x88\xee\x97\x0c%EW\x8b\xd0\xb4H\xf1\x143D\x1f\xd4\tsWH\xa7\xb1\xe0\xee\x12w\x1e\x0e\x89\xaa\xecDF\xbf\x19\xc0\xf3[\xcbP\x1b9E\xac\xcf\xbf\xf5}\xb6\xd0\xcdC\x11\xbeoGl\xf9\x19\x80\x82\x13\x1d\xe2\xd9\xf3 \x8f\xe5\xaf\xed\x9d\xfey\xe9\xb2\x8emW\xb5\xba\x0c\x19\\\xc9\xae\x1eB\x94\xe5?//\xfdM\xdc\xd1Us\xd2\x17\x88\x06\xb0+\xbay\xaaB\xfa\xa5\x94T\x0e&amp;M\xff\x99\xf4A|\x19\x8b{l\x9b\xbfA\x95.?\x87V#\x7fU\xb1\x00\x00x\xdb\\\xf9\xf2\xc6\x0e-^q\xbbE\xf1\xa7I\xbf\xd33\x06\xe2izKR\xd7\x902Mfl\xdd\xca\xdft+\x7f\xfeQ;\x1ebMY\xda\xe8\x7f\x9b\x11\x7fH^\xe6\xb47\\X\x7f$\xe7K\x9d\x02\xf4\x82l\x8c\x9fn,K$B\x90\x9fd9\x11%\xdcr\xbf\xcc\xdcC\xfc\xf2\xc1\xc8\xb3p\xba\xd1\xbf\x8d\xce\x9f,r\x82\x88\xf8\xbf"|\xfeV%\xb7{\xfe\xb2\xda\x0eZ\xd3\x9dY\xdf\x89\x14\xed\x13\xeb\xbd\xd5\xf7\x19\xd1\x83\xdc\x16\x9fT\x88\x00\x0fI\xae4WJ*]\xd9Z]\x02g\x13\xa4\r\xc7\xe5W\x84\xdb#\\&amp;\xee`\x15\x81\xfch?m\xe5\xd4\xf3*\xadE\x9ch\x91\xc8\x0c*\x89`f\xb6\xc7\xb9[\x14\xd2j\xf7\x05\xd2I*\xb7\xba(\xdb\xc8\xc4@\x9f7\x988b\x13\x94\xe7\xfa\xf0\x0c\x93\x98\x8bl\xc2\xd4\x87\xbd\xb4:\x878\xfb\x14\x98\xe5\x04\xe8\xbb\x1eP`\xba\xa3\x88a\x1c\x0c \xda\xadV\xdb\x1a\xf5rL!\xfd?\xaaF\xe3|\x87\\\x8e\xda\xea\xe5s4vB\xd7O\xd6\x1bR\x9f4\x8a\xc6\xea\x1ff\xed\x9b`\x14R\xa9\xfe\x16}\xc4\xc5$\xc7i\xcd\xc2\xcb\xbe\x0f\xdb\xd1\x16\xed \x93\xe4H\x11g\x81H\xb1Hj\xd5\x0cn\x87\xdc\xdc\x7fm\xb9n\x16\x9b^\xf6\x1b\xae]ak\xddd5{\xbdmu\x82g~}\x82#\'3\x1d\xe3\x8a_\xa9\xfb\x16\xb7\x04x\x8e\xa7\x84\xce\x8fl\xfd\n\xe2=\xe1\\\x9b\x0bGf\x1e\x166\xb5\xa6M\x06k\xe6\xd7_\x03\x9a\xbbSfG\x95\xc3\xfb\xd7\x14\xe2\xd7s\xb4\x1bpY\xf7\x8c\xab\xd7\x8c\xd8\x80\x03\'B\x08!&gt;,\x7f\xf2\xb8E\x8aiO\\\x08\xb9\xe4\xab\xc5\x89d!\xde\x9a\xd6fM\xfc\x00\x81o\xc4&amp;\xba\x80\xa9\\\xaa(\x1dM\xf4\x95\x93)\x92#\t\x10\xf0\xe6E\xcc\x7f\x9e\x1c\xf7\xab*\x88\xad\xe7\x8a\x9dc\xb6\xeeRZwk\xb1\x82;\xa71\xdb\x15\xfbm\xf2\xbd\xcd\xb4\xf9\x17\x0b\x9dx\xf1[\xd1=\x86\x1d\xb1c\x9a\xe2\x8a\x14\xf9\xf3\xeb\x87\x14t\xfb|Y\xcap\x0f\xf6\xc2#\xd1|\xf4\xefp\'W\xa7cnz\xd3\x1f\x84\x08\xd9X\xa7,\xdd[\xbe\xa3\xbd\xd6V\x7f[\xb8\x10\xb6O0\xe0M\x05\xbb\x02g\xe9j\xd7\x9a1\xaak\x96\xa6l\x16\xd6\xcdg\x93\x7fgk8\xd6s\xca\xb5\xc4\x7f\xd3%W#\xd6\x10\xd2~\x98\'k\x9a\xa55\xf6y\xfd\xf4wVI\xf6\rT\xcfa\xa8\x19Q\xe6\x12d{5\xd3\x9c\xd0\x00\xec\xdb\xd6\x88\x878s\xc2\xf4C\x9c\xb7\xdbz;rw\xbcP\xaf"\xd7\xe3\x15i\xb7\x9f\x7fr\')X\xfav\x8f$\x15:\xcb\xfdaD\xae\xa2vKPT\xf1\x86R\xed\xcd\xb4\xbb\xd5p\xab\xea&lt;\x7f\x9d\xaf\xb9\x9eV\xef\x8f8\'\x00\x85\x87\xd7J]w\x0b\xac\xabV\xf7\xa0(\x01\xe5\x8f\xdd\x93\xe4\xc0"u\x93\xf5L\x88\xc0C4\xc4F\xb7#\xa1\xfa\xb0\x1e\x0e@\x80?\xf7=\xc2\x1e3\x8d\xb8H\xec&amp;\xceM3\x8dYN\xabC\xa1\xa3r\x17C\xfc\x80V\x0b$\xef\x95h\x12\xcb\xefA\t\xbfq}\xb2\xdf\x7fy\xe9\xa3\xa2\xd8\xfe\x9ct\rV\xcd\'\xebS\xb5\x9d\xefX\xb6\x15\xfd\x9c=\xccG\xb5\x1d\x17\xd3\x9ac\xaa\xe7G\x00\xbeG\xfa\x15\x9a\xef\x15j\xd8\xc2J\x98\x7f\x0fW\x8ei\x97\x80\xa0\xeb\x02#Q\xf4.0\xc3\x9c\x93\xf1;\xd0\xd8\xe7\x94z\xc4\xe8;\x86o\xd1\x19\x98\x9e\x01\xa8b\xac\x0f\xea\x95,\xcf\x1b\x10L}\x96\x07\x11c\x9b\xf15{\xb7\x88_I\x96)\x18\x82#\xc1\xdb:\xe5\x8f\xd3\xc8D\x8cj\xe5\xbd\x13I\xae\xbf\xadz\xb2|E_\xd0\xc3\xc4\xbaP\xd5\'\xdd\xdf\xb3\xfc \x92\xdc\xb59q\x02\xbf\xc1&gt;\xfa\x1f\xa3\xe1\xd2;O\xc7\x10\x98qPgu\xed#\xcbW\xd1\x15\x08\xf0\xce\xd62L\xcc\xc6\x1dy\x1d}\xfc\xf4b;$\xd9D\x10&amp;\x07\xa4\x1a\x91\xbby\x9dm{\x9d\xe0\\A`!\xf1\x87=\xba\xda\xcf\xb2K\x92z\xb8\xa2\xc2\x91\x0c\xc5@!\xd5\x05\xdb\xc5Y\x97\xe7@\xd0R\xf2\xfeW\xdb&amp;\t0&lt;aJ\x08UN\x84&gt;\x8dCG\xfd2\x8a\x9c\xbbt\xe6\xea\x85BO\r|\x86\x06$\x88\x022\x8b\x8c\x9f\xb4\x11\xe0S[\xcb\x00\xf0k\x19:&lt;Y\x1fz\xf8\x06\x96\xc512C\xb8\x19\x02|\x7fF\t!|U\xb4\x8f\xbe\xa4wK\x07\x06\x9e\xac\xa5Z\xe1j\x96_}\xfc\xa4\xb4\x11CF\xff\xe7\x8em\x84/\'\x1b\x8eKj\xdf\xb9&amp;2\x8a\x1bp(\x0f\xe9\xae!Z\x90\xd2\x97LZ\xe6.\xcf*\xd3\x96\xe3@h\x14\xa7\'\x8f\xa2\xff\xbe\xf3^ k\x02\xef,\xb1\x94\xe0N\x87i`\x93\xbd\xa7 \xd5\t\xf9\xa0\xb4yz\xc8(A\xbff9\xbc\xef\xaf\xfe \'\xd5T}X_L\xbe\xab\xf3B\xaaX+n\xadj\\\xff\xf5k\xa2\xb5\x9c\xe3\x82\xcb\x13\x02\x10\x95X\xd4x\x8c\xbb\xb7"z\x04\r\xee\'[s\xa8\x1a\x82\xf3Ql \x7f\xc2\'\x0f\x94\xbe\x95\xa1\x92\xc94_\x19\xdcU\x8a\xe1\xee\xa3c\x0b\xb2~\xed\xc6\xe2\x90\xdd+\x1f\x11\x87\x903\x089\xb1@\xaf\xc9|8J=%\xa2\x7f\x0f\x00\xc0\xbf\x00 \xc0W\x96\xa8\x0c\x00\xc2G\xff\x9e{\x9eh\x19\xfd[np\xd54\xbfn\xbf\xd3o\xdeH\x9aV\xee=\x04\x1dv\xd6\xc9\x7fQ\xe2\xb4~\xfbr\x83\xc6\x08\x00\x1e\xfd\xc7\x10\xbd~&amp;\xa4\xfb"n\\u\xce\x1dFE\xe4\'\x1cHX\xb7\x16\xd3\x052K\xa3`\xce&gt;5\x17\xec\xd8\x89\x83 \xf3=g\x073D:?\xc2J2S\x96j~\xbcl\xdf&lt;\xb9\xfc\x99\x10\x93\xe9\x02\xeb\xa5\xfe2\\\xb5\x8c\xb5\xb3&amp;5\'E\xec?p\xb7\xd7\xa7\xf4\xe0JGT\xa9\x8a\xbb\xd5\x19j?(\xae\xc8\n\xb9)\xe9\xde\xee\xd9\xcb9g\x87F3\xcb)\x02\xda`\xcc\xc9\xab95\xd6\xaf\x97\x91\x18D\xed\xc7\xc9\'\x9c!\x07\xc3\x98XHv+}&amp;\xc4"\x8dc\x17\xcf\xfc\x93\\\x88c\xe1\x10\xb1\xfc\x1b&lt;\xc3\xd84\xea\xbb\xa8\xe0\xae1\xca+\xdf\x8bN\x94\n\xc3\xde\xa2c\xda\xe2\t\x88w\x85\xf9\xcb\xef\x9a\xeb\xd9\xc5,\xb80:\x84\xbe\xc5n\xcc\xa4\xb5h\x15)\t\x04:\x88&gt;B\xb6\xb6\x1d\xaei\x04`\xde\x11 \xb5\x98\xb4r\xecGA\xc0\xdd\x8f\x94\x84\xbd\xe5$\xe4\x1f\xcf\x98\xc6*\x07\xf0\x90\xe8A\x05\xd3\x1bu\xe6pW\xb1,\xc6FV\xf7S\xd3-\xf4B\x92\x16\xb86mON]\x15\x84\xedB\x04x\xfe\xf4S^\xebt3\x19\xe6\xebr\xd2ou5\xc4_\xeaV\xe0\x8e\xd07\xe5\xce\x0e/n\xed\x10\xac\x99\xdb\xdb\xd5\x98\x9cL\xf6:\x91&amp;\x86\xeb8+2d\xe4\x9b\xf88NRe\xf4\xd8\x9c\x02M\xc3\x8e\xde\x83W\xdf\x84\xc9\xd5]\x9c^\x969k?+\xbf\x9c\x1b"~\xd9d\xd7}\xd3ZF\xa8\xd9\x02\xd0b6\xc1\x14\xb87\x99\'\x16\xf1dQ\xfb\x95\xf6T\x8cf\x82t?\xef9@\x1a\xe0\xcar\xa9\xd9o?s"\xe25\t\x92j\xac\x11\xd9\xe2\xcc\x1e=v\xf7\xe9t9z\xa1\x85\xb8u\x93\xc6~&lt;Ei\xb9\xaa\x16\xf2\xfd\xbce\xb3py\x80\xb7d\x16\xb1*6l\xff\xf7\xdd\x88\x97\xd4&gt;\xea\xcf\x1c\xfa^\xa7\xe2&lt;\x90y\x9c&amp;\x7f#\xd5W\xb8w\x8f\xb5h\xd5Np\x94\x97T\x94\x02\x17\xc5\x0f\xa3\x01)\xa8\xe3d\x8e\xcc\x06\xc7\xc7\xd5\xef\xa4jX\xe9\x07K\xc6\x94\xf3\x94\x11\x13\x03vs@\xb7\x07\xfc\xdd\x93~\xf1Q\x94v\x98\x86\xe4\x92:\x12\xc0\xe5\xb4d\xba\x1a\x95\xb7\x00\x1d}\xde\x16N\xee\xe8\x1f\xf6_\xcc\xa3q)\xf3\xa3\xaa\xe6@D\xc4\xff\xde\xa9\xd1\xfc\xfe]\xcf\x1fc)\x9a\x0b\xdco;\x99\xa7\xd0\xcd&lt;\xbf\xdf\xa0++\x18"\xfd71\xd7\xd4d\\]\xab\xf3\xb5u\xb6N1&lt;-\xbeG\xab6\x92\xe8\xe2\x8df\xc7\x80ca!\xeae\\\x87q\xbf\xc34$\x97\xc4\xb7\xb1\xbd\x95\xa0j\xe35\xa0\xdd\x0eG\xc6#\xee-{\xed\xa2\x01\xd7A\xe8E\x00\x00~,\xe6^\x119\xcf\xe9\x8e\x86\xee\xbe\xaa\xee\xe5=\x1e\x0e\xf1\xbdH7\xa7\xd8\xadt\xe5\x833q\xc2&amp;{A\x80\x7fYN\xe5%\'\x91\x13\xef\xa4\r\x0c\x0f7\x8e\x08\x1b\xb5\n\x17R\x14\xa2\x1f\xe3\xe6\x88|q\xd1\xd3\xba\xbe\x92\x8d\xa7\x00\xca\xdb\xc2\xa8\xf15I\x07\xd1\x06\x8e\xf9\xf4S\xddd\xb5c[\x19\x1c\x90K%\'\x99A\x13N\xba\xb1\x9e9j\x93\xcb`\xa6:Y9\x19\xfa\xe92\x94\x18\x93z}\x1c\x93\x04g\xaarP9\x7f\xbe\x8d\x84&amp;D\xc2\xb1&lt;\xdc\xde\xfe6\x97\x91#Pk6}\xb8T\x81\x88\x19\xe7\xdd\xa7\xd2\xed\xf7\x9a\x0e!\x9e\x03p\xcb\x82\xfa\xb4\xd4\x18\xed\x00\xe3\x9d\xe4\xee\x0f\xccx\xf5a)V\xdf Z[\xb5\xa7\xbb\xe1\xde\xc4\xba\xa4\xbb\x947T\xae\n8\xfdr\xb5\xb3\xef\x13\x90\x99L0\xecp9\x9f?n\x8c4l`Ct\xc8\xda%\xb1u6\xa4&gt;\x11\x92\xfdV\xce}\xcd\xfd\xdf\xfc&amp;\xe0\xc4\x87\xdb\xa6e\x97;F\x9f\xea\xebk\xc1\xe6\x12\x92 \x9e\x99\x15\xa6\xcf\xe1D\x94\x86\xf1\x0b\xf5\x0fh\xd5\xa5E\xb7\x10q\xe2\xad\'\xb9y\xa5@!\xdaFs\x9a\xedJ\x8d\x84_\x12\x0b\xe0\xd6G\x8b\xa7\xafs\x14\x9d\xfa\xed\xb9\x02\xc4\xb3\x93+=&lt;\x02@|\x01,\xe9\'\xc7\'B\xee\xc5?\xe6\xd3\xe7\xad\x11\x1d\x8c~\x18\xc6\x89\xb7\x8f\xa0\xea\xa9{\xe9\xf1\xd3\xb7$\xe4\xdd\xdb/I|\x8d\x11"\x02|_\xfc\xbdEP\xf6\xa3C\xae\xa1\xb4\xa1mO\\\xe9\xa8\xac\x1f\xe6V\x9a~g)=\x8cMb4\x1dzO\xdc\xe2\xd9\xcd\x1a\xfb\xe7U\x06\x7f?g\xfd\x14\x11\xe1\xa6\xc74q\x04\x96\x14\xa7d\xb9\n\x12p\xbej\x8d]\xff\x05:8&amp;\x01\x0e\x10\x0bT=W\xeb\x1e\x90\x14\xc7P5\xae\x04Z\x912\tjQ\x91Q\xef\xee\x04\xe0&gt;]\r\x13;\x18\xcc\xed\x12\xee\x96Hu\x808C\'\xabS\xf5\xa9\xcct\x1c\xa3\xff\xa35s\x05\x11\xe1N\x87m].\xed\xdd\xa0\xe7\x94u\x12|\x13\x006M\x07\xb0\tt\xbe\x97h\xb4s,\'GD\xc4\x7f;HcV\xda\x8cN\xf4\x11\x92\xa2\xd5&amp;\x1a\xde\xd1C\xf7\x13\x80\'\x87L\xd2.\xad(\xbc\xe1\x04`+\xe2h\xf9W\x1d\xf0u\xec04\xec5\xf0p\xf6\x8d\xc4&gt;!\xac\xe5\xf6{s\x8fS\x99\xa6\xbb\xc6\x1e&gt;9\x0c\xc2\xf3;\xf4\x8d\x0e8\x97N\xf0\x9dZ\x8e6\xb9\x94\'\x93\x0e\x84&lt;.\xf9\xebfB\xecj\xbb\x91&lt;\x1e\xfbv"j\x0eR3?\x85\xba\xc0\xf42\xb4\xd2\xc6\xdf\x93\x9d\x9a\xf0\xaf\xf3\xcf\xc3g\x8ct\xfa\t\xf0VX\'\x00\xd5t\xe2OkM\xed\xd2`3\xa4z\x8d\xfb\x9c94\xba\x91|6f\x00\x00 \x00IDAT\x01?\x8d\xad\x10\xcd\x01\xba\xe9\tWv\xbe\xeb1\x97L:\x19y\xffc\x1fb\xa8\xe0z&lt;&amp;X\xa4\xc1\xc2\xa0\x80\xc2)\x0b\xec\xcc\x1f\x06\xc7=\xf2\xab+\xc21&amp;u\xc9\xfca\x17\x13\x00ku\xdf}Z\xa30\x8c\x0c\x07B\x14\xe3u\xd3\x9eg\xf0\x9d\r9\xe4\x9b\xa1\xb4\xd66|;\xa1,\x89K\xd5\xd8\xe6\x1dj\x18\xf8j\xb0F\xe2e\xd1\xb3\xcc!.\x91Pf\xeb\xc6b\x83\xda%U\xb6\xcdc\xab \x87L\xa7\xc1L&gt;\xa0d\xdf\n\n)\x11P\x0c\xc3\x9c\x97%\xa7\xb4\xeeU\xe30_\x03\xbar\xea\xc4\xd8p\x12\'$\xac\x17\xac\xbdW\xf5\xa9f\xe4\x0b\x10G\x9a\tC\xe2\xdb\x1d+\xa0\x9b\x99L\xad\xed\x96*\x10\x10\xe1\xd2\xf5\xabU\x1f\xa9i\xbaT39\xdb\x9b\x1bJ\xd0\x92w-?\x08\xe9\xbf\xf5\x90#]r\x03\xaa}\xa1c&gt;\xc7_\x89\x87\x0f\xb6\x86\xca$\x90\xbc\x07\xdb\xed\xc6\xa9\xbc\x82\xd1N\x8ah\x82\xde\x9a\\yy\xa6\tf\xd2\xe9\xb3\xa5C\xc8\xc9\xab\x9b\x84\x14\xb48b\xa3m\xae\xd0\xad\xa4\x12\x95\xca$\t\xb0\x08\x0f\xe56\t\x11\x83\xbe\xcd\xeaH\xac.\x01uZm\xdb\x04\x98\x97\xf0\x92\x8b\x04uR\xcd\xd9/\x81\x9ewb\x19*\x16+\xc7\x9bx[h\xef\xc9=\xfe\x1c\xf1\x86\x00\x03\xfa\xedH\xb2\x16\xa7\x9b\xe3\x01n\xa8\x061\xc5\xe1&lt;N\x85u=\x8c\xc2\xe8-N\xe0,UW\x1e\xed\xc9\x95\xca$\xa8Q\x198B\xa99@z\x079\x1c\xaaY\x8a5\xd9\xe2\xed\xd2:\x05L\'\x91\xb2\xbd\x91\xbf\xef9\x17^&lt;b\x06\xa4\xc9\x92\x16\x01\x9e#@Qt\xb7#\x93\xc2r\xee\xa6c\x1b\x0e\xe3_\xc3EBE\x10\xe0\xf5\xe1W\x8b\xff\xe1*$C\x82y\x9b\xfd\xf19\x85dT\xbf\x8aQ\xb3Vz\x8f,\'\xbe\x10\xe3\x84z\n\xeb&amp;\xbe\xe9\x02\x85\x94j\xd1\xa6\xd8&amp;\xa0T\'\x91\xc4\xfaM\xd1\x9c\x00\xd3`\xbd1D\xd4&lt;)$DF\x073\xdc\xa3\xc3:}\x9e\xca:.\xf2\x1b3\x1eP\xba\x96b\xe53\xa1\xd0\xbe,E*!\xaa\x10B\x7f\xa8\xfa\xca\x17k\xfd\x19\xb7jV(\xdd\x84"\xa9\xb5mho\xda3\xbc\xfa\x8f\xce\x92pN\xd2L\xc6\xc4\x934\xd8+\xa8\xa8\xdd\xbf\xe4Tw\x80\x81\xd6\x99\x9fy:f\xc3I\xc6\x9a\xb09\xf71\xb5T\x07\xfb\x04 /\xddD\x1b\x85v\xc8^o\x00M\x0c\x95\x15b\xab+Ql+\xe5[\xfd\xb9\x8e&gt;;\xe1\x00]&gt;\x93\x8a\xc7\xc9\xd9%\xe8\xb8EUe\xe6D\xf4\xa7\xb4K\x05\xbc\xdd\x96\xc5j\xf2#n\\n\xfe\x9c\xdc:9$\x8e\xa8\xa2j\xd8sK\x9aJS\x9d\x16_\x86p\x03~\xa8\xa3\xaeW\x97\xc90\xd8\xe2\x19\x0c]\x00!@&gt;1?\xd1\xf0\xfd\xcb5\xc1\xf3&lt;\xe3\xc10g\xa1\xe1cu\x89d&gt;\x03p\xea\t\xab&lt;\x0e8\xe2rNv\xf7t\x00\x9d\xf4\xd2\x04\xca\xb4\xe2}\xc7\xac\xef\xbe\x1b\x081\\\x82+\xc1\xaa\xbb\n\xe3\xb72U\xac\xc3\xecV\xd6\x9c\xcf\xc9\xaf\xf5?\xbb\x91\x1c\xad8\xf1\xc8\xff\x8e\xad\x05`\x18:n!\xef\xa3\x1e3\xaa\xd1y\xc2g\xc0\x1d|B\xf4\xcdkF\xa5o\xfd\x04\xc9\x83\x88p\xc5N$w\x1c\x99`\x8e\xce\xc1\r\xfd\xcd\xf3[\xf3%\x97&gt;nc7\xf0A\x07\xb6)\xc3\xec\x11|\xde\xaf\xe309W\xca:\x1f\x88xU\xb7\x8f\x1aC1v\x02\x85{\xf5\xaa\x9cAG\xcf&lt;\x018)\xf7&lt;\xf6\x17KM\xed\xba\xfe\xe6\xd2\xec\xd5\x0csx\xc2\'\x00\xbd&amp;\x04uxs\xe0\x14}N\xf6\xc6X&lt;\x01\xd8\xa5\xcfqj\x9fR\xed\xf2{&lt;\x018+\xfft\x02[s"e\x18\xa6(\xd4\xe9E\xceWF\xd7&lt;B\xc6\x8e8\xb44\xf5@\'yH\x0b\xe4\xc7\xef\xc0\xd9d\xb9W\xe6/\xbd\x1a\x08\x1c\xf3!&lt;\xeb(p\xb8V0\xb1,\xee\nG\xce0\x8bs\xb3?3\x000\xe2#\x95\xedA\x84cg\x89\x0c\xb6\x11\x1d\xe9\x0b\x15\xa6"\x95\n\x16\xfa\xcf\xd8\xe1\x0f\x01\xa3\xf4\xcfs\x8a\xc8\xd2\x19\xab\xdd&lt;\xf38\xee\xaa\x06%\xed1\xd8\xe6\xb8\xe6\xa1\x95\xc5`*\xf2\x88-\xf7\x1e\xdb\xce\xfd\x85#"\xc2\x9f\x1f[\xe9=\xd3\x9fC\x0c\x01;lU\xa4\x17c\x18_#{\xa8\x8c}\xb6-\xda\xbf\x0f;h\xc1\xe71\x98Tn\x94t\x97\xbc\xc3\x88p\xc1Y\xe2\xf1\xach\'\xbe.l-O1\xfa\xcb\xa2\xa7\xea\xef\x18\xe6\xd8\xc4\x8f\xd3\xd2\x03\x7f\x94a\xa1\x00\x00D\x0c&lt;\xd83\xe8\xc1\x894B\x8f\xf7H\xd7\xf5\xbf\xe3\xc30\xccX\xa8\x89\xe8\xb8\xe9\xa5\xbf#@\xd2\x99\x01\xe0\xc4\xce0\xf5\x18\xf5,\xd3v"(\xe4\x0cys.\x98$\xc6\xb07\xd9\x0fzp"\x1f\x9fn$\x85\x14\x9d\xec-\xb3\xc9G\x16\xac\xe3\xb0\x0c\xf3P\x0e\xc3h\xac\xdf\xdbp\xf0\xdc;}5@OM&lt;\xb8\xc2\x87\x80\x93\xf6)\xc1A-o\x1bet\xdd\x8eQ\xb6*\x9a\x10|\xea\xa9\x86\x0e\xd9L\x00\x08\xf0\xcbQ\xd7_l\x1a\xf7\xb3\xea\x18\x86I\x81\x17\x0eJ\x10\xa0R&gt;|uf\xc6\xef\xaf\x95\xa1\xf5\x17\xf7\xda\x16\x9e\x00\xf8A\xc4\xdf\x0b\xd3L\x85\x03\xa3l&amp;xUB\xf3\x11\x00\xe1\xbb\xb8#g\x18\x86iOHG\xc9\x9d\xdd\xc9\x19\xe2\xf1\x1b\xcf\xe0\x19U\xfa\x1c~\x08\xf9\xec\x0f\xefxf#\xbd\x13\x8aa\x18\x86a\x18\x9d\xed\x15\x9f\xd2\x83\x16J\xbf\xb9&lt;p\x08\xdc\x9f\x9e\x91\xfe\x9e\x08\xb2\xb13x6\'\x06\xbd5\xe7\x82\xe9Y\x8b\xe3\x1f0\xad\x04\xeb\x90a\x86\xa5\xcbE\x9a\xa3\x13x\xcc\x929\x12\xb6\x8eR\x8d\xbee@\x12\xd5\xa5\xb2\x0b\x1d\x84\xb1\x0c\x193x\xee\xabe\x17\xc0,\x11\x8f\\\xa9`M2\xcc\x90 \xc0\xcf\xf2\x1c\xa0"\xca\xe69+\xfe\xdc\x98\xf6\x8f]\x94D\xb4\x16\xc3\x8c\xc7 \xcb\xd1\xc2\xff^\x1c\xf3\x0f\xddu/\xbc\xfa\xc20\x0c\x03\x00\xcbW\xbb\xfb.xh\xaf\xa79G\xa4\xff3\xb2Lq\xe8\x1c\x80\x1f\x1b`z\x03\rZK\xa4r\xe8\xe4\xcb\x13\x1b\x86a\xe8\xf8\xea^\xf3\xf8\xa8(]\xe3mX\xabL\x06\x1c\x9bL\x7ft=\x01\x10\xc7}\xd4\x86\x1fnf\x18f\x02\xc9\xf2\xdb\x18O\xa7\rC\xff\xcf\xc91M\x90\x1e\x0e\x86\xc0\xe0u=O\\\x1e\xba\xf4R\x01\xc4QN\xd8\x8c\x86\xfb\x1d0\x97D|\xf7\xfccW\x83\xed\x0b\x963L\xbd\x08D\xc7\xf1Z\xc40\x13}\xad"\x8c\x80 S\x9a\xd89\xf7yN\x92\xd7\xb7X\x93\xc3Qx!S\xdf\xb7\x0f\xafj\xf2\xa5\x16\x1e5\x92\x0f\xe3\xfa\x1f\x86\x94\xe9$\xcd\xa3\xad\xfe\xfa\x9e\xad\xcb\xe8j\x0f`$\xc7M`\xd9\xdf8x3\x19:\x10\x00\xe0c\x00\xde\xcb&gt;s,\xa6\xbc\xcb\xa9\xa0\x0c\xdb\xe2+D+Y\x1bMr\xba\xee\x1b\\"\xe9\x7f\x00|\xd0zA\xd6\xb8\x02\x11\x17\x0f\xc2\xf5\xfd$\xec\x12\x94\x0c\xb5_1\x0e!\x1bP&lt;"e\x98NQ\x0e\xea\xdd\xb3\xa7y:C@\x89\x87\x9d\xd8If2\x0f\xb9v{F\x96qPp\x07\x00\x11\x01\x9eV\xac\xfc\x93\xf3\xfd\xad\x058,A\x19\x8c\xdf\xb8\xc3\xf4\xcd\xe4\xa0\xff\xd4Z\x0c\x939l\x96\x18\xa3\x8f\xa2\x9e\x1f\xd6a\xf2@@\xbc?\xa9\xe7\xb0\x9f\xc8d\x07\xcez\xef\x83\x89%c\x18f\x82G\x9fe\x992\xd8/\xb4\x16\x83a\xd2\xb9\\k\x01\\L\xcb\xb79\xe3\x8c\xfd[\xb6\xc2y`w(\xe8\xa7vRi\xec*&lt;\x1dbr\xe1h*\x0c\xde\x9f\xc3\x93Q9\xe5Q$~\n~T\x10\xa4gh\xf8 \x1d\x13\x8148%\xf1\x1cy\xb0\xeb,\xf0&lt;\x0f\x1e\x9c\xa7\xa5\xcc\x86&lt;\xa0\xcc2}P4\rO\xfd\xc3\xf7k\x8d\xb8\x8cz\x8e\xaa\xdb^X=y\x88gW.h-@up^Fn-\x07\x93\x80\x16N/l#\x053"B\xfc\xdb\xf6\x0bA\xf8\x07\rS\x0e\xf9~5+B\x84\xf7v\xbc\xc3v\x18\xde5\x9b\xf1Ym\xc5\xe8\x9fe{\xa3\xaa\xdb#\x02\xef\xcc\x05B\xbe\xfb\xc4*\xef\x92\xa3\x05D\x93\xe64\xec\xbf\xf9\x98&gt;\x93\x01\xfd\xf9.v\xc2H\xb6\xe0\xfd\x8c\xd6\xa2\xe4s\xf2\x99\x0c\xfd\x135G\xcd\xeaK\xd3\xfe\xa2~\xa5\xc7V,\x1dg\xf4\xe4\x93,O)`\xd971\xb9\xbf\x0c\xa2Lu\xcb\xde{=Sn\x9b\\\xd5\xb7\x14\xb5\xa0:\xeef1S\x0e~\x0b^[\xb6 \x1e&gt;~qzg\xe5\xe0\xad\xf0\x83\xeb{9\x8b63\xaa#[/.-\x15\x19\x85G\x1d\xbeJ\'\x0e\xee\xa5\xdd\xd0pt\x94\xc0\xf9\x8e\x00-\xdf\xe4S\xb0\x82\xf7\x85]v\xa3\xd4\xe5\x93y\t\xb3\xfd\x17\x92\x8e0\xc5e\x18\x8d\xde\x93\xf2\xd1\x91\xf5?x\x069\xc3W\xc2m\xaf\xe4/j,!\x82;\xb3\xad\xdf\x19\xc7}\x9a|{\xe0\xe1}\xb3C$\x9d\x0f\xa0\xfd\x01D\x1c\r\x04\x0c\x8a\xbc\x8c%\x81\x0e\x1e\xe8\xa9\xb4,d\xafw\xe5\xf8\xbd/\xc3\x1c\x0fcw\xbc\xb7\x07\xe6\x9a\xac\xd7v\x86\xda\xcbt\xb5\xd7\xb1\xf8O/\xf2t\x8c\xb4 \xcd\xbabt\xd8\'J\x10x\xc6 d\x1c\xbf\x1e(\xe2s\x0b\x0b\xd4\xafsab@\xc9\x13Y\xf9L\x1a\xf6\xf3\xb1\xddl\x9a\x1f\xe8\x90R*\xf9\x03G\x9eDu\xc34\xd2`C\x94d\xcc\xd7\xa0\x9d\xf1\x08Py\x02\x9d`\xda\x13\xf4],=\xaf\x98\xeaX\xc7;\xa63m\xa6~\xd1p\xb1v\x00\x10\x11ps\xcb\xc3\xb9\x16S\x05WN\xea\xc6\xa98\xb3\xe4\x8e\x17\xd7\xf9\xc3X\xcfD\x96\xa6\x91\x12\x06\xed*\x1f&gt;\x90\xcfLg\xb2\x07\x12\x98\x19\x00\x8a\xbc\xc9_\xad\xc2\x90\xb1\xf5\xe5\x9f\xc5N\xc5$\x82n:IV_\xcbc\xd6\x99d\r\xbc\xd6a\xdf\x93\xd3D\x03\xf8\xe0\xf14?\xd8\x1bL\xd9\xc3\x99d&lt;N\xf3\xf3\x9d\xf4\x88\x0c3 \x9c\x91{\xa4\xff\t\xc0\xc2\x9f\xb7\x16\xa0\x07\x12G6n\x133U\x19S\xed({Pka\xf6\xe92}\xed\x13\xb55\x84\xfa\x8b\xba\x10\xa1\x97S\x9b\xcc\xa9\xc8|\xd7*?Pq\x16\x10\xb1\xe1\xc9\xf2\xb6\xb5w\x8b\xa7G\xe7\x93\xca\xbd!\x1b+\xd6:.C\xb3\x95k2n\x16\xca\xf1=&amp;\x04\xcf3\x007Ug3\x9b-\x10\x97\xc9\x99\xf4Us\xc3M}\x98\x92\x94u\x86\xdf\x9b\xdf\x83\x9a\xe8u\xf5\xbf\x91\x91i\xc5\xeec6\xa5\x992dC\x01:\xc4\xd5\x97s\x0f\xdf\x1fY\xae+D\x93\xb7_2\nc\x8e\xfe\x11\x00\x95\x17\x06s\x16\xad\xcaM\xf5\xef8Tv\xf1~\x03\xb5\x1d&gt;\x9e\x000\x0b\x15\xbe\x1ds\xf1\xba\xa4\x8aF\xd9UdF\x87O&gt;x\xe9\xfc\xfc\x0fC\xf6U\xb2\xc5\x0c}g\xa2r\xbaDR\xd4\xc9\xd2\x08"\xe2\xe7\xeb\xe9\x81\xb6\xed(\xfd/\xbd\x90c[\xc4h\xdb\x07\x95\x00\xde\x0c3\xa8\x16\xb8\xd7\x19\x1a\xe5\x0b\xd1\xe2\xee\x1c\xd5c\x99\xb6\xc4\xfb\x1b\x8fn\xbd\x94\xeb\xe0\x19\x02\xa8\x06\xee\xc6X\x8em\xbd\x8f\xac\xa8L\x13\x0c\xa7vD\xbc\xccz\xd2\xa4\x84\xf0\x88O\xc7\xfc\t\x00\xefK\x8c\xcb\xe2U\xdf\xc0&amp;l\x03\x89\xday(\xcfT#c\x0c\xc4\x13\x00\'\x981\x93g\xcaB8j\xe7\t@4\xd6\t@\xc6\xa6\xf7P\x9a7V\x99C\xef\x0b\xd4\x92\'\xe1D\xe5\xa2\xb5S\x18E\xb1\x0c\x00\xe8!\xf1\x81\xd6\xe20\x95\xf9A\x8e\xd8\x8e\x18\xa1[\xca\\\x04e\x98\xe1 \x1c8\xaaE\x9d*\x88h\x1aK\xb2\x03@5\x07\xe8v.Qy\x9e\xc3\xd3\xdaq\x91\xccvF\xcb\xed\xa4\x92&lt;\x87\xee0\xc5\xab\xf2\\\x9d#\xb6\'\xba7\xc4\xf1r\x05;?\x13\x02"\xc2\x1fQ\x0ea\xcf\xe5x\x7fK\xd7\x15\xa6O\x00\xae\xea\x18\xa7\xe6\x9e\xe9Zn\xef\xa7\xbb\xaf=\xc3D\x83:\xf5\x0eG\xcfz\x99\xdc\xe5[[\x8bQ\x93\xcd_\xff\xc1\xe1\xb2\x19\x0e\xfd1}E\xc2\x1f\xca\xc1\xb9\xe5\xbe\x02B\xde\x9c\xb4\xb4\xb3\xd1\x8d\xc3\xd8\xb0\xb9\xd0\xe8\x1c\xa6!\xccX\xe0\x17\x1fh"\xed\x84&gt;c\xe4\x94f.w\xe6\x89\xd7U\x17\xbf\x101h\xf9\x92\xe5\xdc\x8e]\x03\x97\x88\xad\x91h\x0e\x80\x88\xf8\x8c\xfe\x14\x9bK_#\xc2\xd3\x13\xe2\xb2\xe9\xde\xdc\xd1P\t\xdf\xeen)\xb5O\x9e\xa0K;\x0b?e\xban\xec\x04\xe0\x88\x13\x06\nX\'\xccI\xf6\xde;m\xe3\'m?\x1ekT\xe6\x1d\xb18\xf3\xb9\xf5\x96\x18\xb5PN\x00\xf2K\xe8\x94c\xb6\x8a\x88\x169"\xcce\x11\xef\x1a/\x18I$\x90`\tMc\x13\x80\xb6\xc2n\narp\xc5c\xca\x04\xa0y\x14t\</t>
        </is>
      </c>
      <c r="E659" t="inlineStr">
        <is>
          <t>&lt;class 'numpy.ndarray'&gt;</t>
        </is>
      </c>
    </row>
    <row r="660">
      <c r="A660" s="1" t="n">
        <v>658</v>
      </c>
      <c r="B660" t="inlineStr">
        <is>
          <t>steps_per_sec</t>
        </is>
      </c>
      <c r="C660" t="n">
        <v>7400</v>
      </c>
      <c r="D660" t="inlineStr">
        <is>
          <t>2.6246297</t>
        </is>
      </c>
      <c r="E660" t="inlineStr">
        <is>
          <t>&lt;class 'numpy.ndarray'&gt;</t>
        </is>
      </c>
    </row>
    <row r="661">
      <c r="A661" s="1" t="n">
        <v>659</v>
      </c>
      <c r="B661" t="inlineStr">
        <is>
          <t>Loss/RPNLoss/localization_loss</t>
        </is>
      </c>
      <c r="C661" t="n">
        <v>7400</v>
      </c>
      <c r="D661" t="inlineStr">
        <is>
          <t>0.21023427</t>
        </is>
      </c>
      <c r="E661" t="inlineStr">
        <is>
          <t>&lt;class 'numpy.ndarray'&gt;</t>
        </is>
      </c>
    </row>
    <row r="662">
      <c r="A662" s="1" t="n">
        <v>660</v>
      </c>
      <c r="B662" t="inlineStr">
        <is>
          <t>Loss/RPNLoss/objectness_loss</t>
        </is>
      </c>
      <c r="C662" t="n">
        <v>7400</v>
      </c>
      <c r="D662" t="inlineStr">
        <is>
          <t>0.03125946</t>
        </is>
      </c>
      <c r="E662" t="inlineStr">
        <is>
          <t>&lt;class 'numpy.ndarray'&gt;</t>
        </is>
      </c>
    </row>
    <row r="663">
      <c r="A663" s="1" t="n">
        <v>661</v>
      </c>
      <c r="B663" t="inlineStr">
        <is>
          <t>Loss/BoxClassifierLoss/localization_loss</t>
        </is>
      </c>
      <c r="C663" t="n">
        <v>7400</v>
      </c>
      <c r="D663" t="inlineStr">
        <is>
          <t>0.0522744</t>
        </is>
      </c>
      <c r="E663" t="inlineStr">
        <is>
          <t>&lt;class 'numpy.ndarray'&gt;</t>
        </is>
      </c>
    </row>
    <row r="664">
      <c r="A664" s="1" t="n">
        <v>662</v>
      </c>
      <c r="B664" t="inlineStr">
        <is>
          <t>Loss/BoxClassifierLoss/classification_loss</t>
        </is>
      </c>
      <c r="C664" t="n">
        <v>7400</v>
      </c>
      <c r="D664" t="inlineStr">
        <is>
          <t>0.023106685</t>
        </is>
      </c>
      <c r="E664" t="inlineStr">
        <is>
          <t>&lt;class 'numpy.ndarray'&gt;</t>
        </is>
      </c>
    </row>
    <row r="665">
      <c r="A665" s="1" t="n">
        <v>663</v>
      </c>
      <c r="B665" t="inlineStr">
        <is>
          <t>Loss/regularization_loss</t>
        </is>
      </c>
      <c r="C665" t="n">
        <v>7400</v>
      </c>
      <c r="D665" t="inlineStr">
        <is>
          <t>0.0</t>
        </is>
      </c>
      <c r="E665" t="inlineStr">
        <is>
          <t>&lt;class 'numpy.ndarray'&gt;</t>
        </is>
      </c>
    </row>
    <row r="666">
      <c r="A666" s="1" t="n">
        <v>664</v>
      </c>
      <c r="B666" t="inlineStr">
        <is>
          <t>Loss/total_loss</t>
        </is>
      </c>
      <c r="C666" t="n">
        <v>7400</v>
      </c>
      <c r="D666" t="inlineStr">
        <is>
          <t>0.3168748</t>
        </is>
      </c>
      <c r="E666" t="inlineStr">
        <is>
          <t>&lt;class 'numpy.ndarray'&gt;</t>
        </is>
      </c>
    </row>
    <row r="667">
      <c r="A667" s="1" t="n">
        <v>665</v>
      </c>
      <c r="B667" t="inlineStr">
        <is>
          <t>learning_rate</t>
        </is>
      </c>
      <c r="C667" t="n">
        <v>7400</v>
      </c>
      <c r="D667" t="inlineStr">
        <is>
          <t>0.03970108</t>
        </is>
      </c>
      <c r="E667" t="inlineStr">
        <is>
          <t>&lt;class 'numpy.ndarray'&gt;</t>
        </is>
      </c>
    </row>
    <row r="668">
      <c r="A668" s="1" t="n">
        <v>666</v>
      </c>
      <c r="B668" t="inlineStr">
        <is>
          <t>train_input_images</t>
        </is>
      </c>
      <c r="C668" t="n">
        <v>7400</v>
      </c>
      <c r="D668" t="inlineStr">
        <is>
          <t>[b'1024' b'1024'
 b'\x89PNG\r\n\x1a\n\x00\x00\x00\rIHDR\x00\x00\x04\x00\x00\x00\x04\x00\x08\x02\x00\x00\x00\xf0\x7f\xbc\xd4\x00\x00 \x00IDATx\x9c\xec\xfdy\xfc=MR\xd7\x89f=t\xc3\x88xi\x04\x85\x06Q.\xd0\xed\x05\xae -\xb80\x0e2*\xb2o\xca"\xcb\x00\r\x824\xd0\xec\xa0"\x82\xed\x82\xd8\xb2\r\xd2\xc8rAZy\xb1\x89\x80\x82,=\\\x96a\x14dGd\xd8\x14\xf5J#\x08\x08\x82\xac\xd2\xc6\xfd\xa3NU\xe5\x9e\x91\x91\x91YY\xe7|\xde\xaf\xee\xdfs\xbeu2#"#3##\xb3\xea\x9cc\x0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0E\xa1\rY\xad\xda\x8aU*j\x8a\xff\xdcZ&gt;4\x89\x88LBT\xde~"2f\x7f\xb7l\x0c\xb9\x84\x173\x85\x89\xe8\x83b\x052Z\x8af\xd8\x7f\xbeB\xd4\x8c\xe0\x8a]&amp;\xaa\xc5\x13\x9b\xb7!\xeav\x95\x01\x93\xf7L\xda\xf2B\xad\xbcF\xab\x8c\xa4\ta\x8f\xaf\xbcE\xb5Cz\xcd81*}z\n\xf3Y&gt;\x9b=\x97\xa54\xa3\x01\x00\xe0\xc1\xa1TbT\xae\x96\xcd\xb7\xf2\x15\xcd\x91\x90\x9d\x12\xa3]\xcb\xbd|\xd7\xfa\x93\x99\xef\x86r\xddZ\xc9\x94\xd4*\xbf\xfb\xe4x\x97\xa9%\xfa\xa6+\'\xd2"c\xcc\x8f\xc4\xe40\xbb5\xd3"\xfb\x8fT\xf5\x94\xc8\xd4[a\xd1\xd4\xa6\xce|\x82d@f\x9b\xf3\x92\xa68\xe0y\xea\xec\xba^\xd7\x83\x938\xdf\xf9\x95\xd3\x04\xf0\xc0\xcc\x02\x00\x80\x12:\xc7\x99\xb5\x95T\xcc\x90\xe1\x98\x11;\xaa\x0f\xed\xac\xca)mE\xe6\x1dh\x17\x90\xb2\xc4\xfc\xecq\x9f\xe1\xeb\xd3\x8a\xecd1cO\xc4\xec/\x8f\xd7J\xf5E\xe8\x9c\x94\x16\xab\xae\xd3\xcc\xec\xa8H\xdeTIU\xd9\xaf\x07\xfd\x92\xf3\x00\xb3\xbf\xb6\x92\xc9\xdd\xd4\xed\xad\xc2`\x10\x8c\xde\n#\x01\x00U\xdc\xd3\xe4Z\xce6\x00\x00\x00\x1c\xf6\xf0\xba,\xdc\x00eG\xe4\xa3\x16\x91aKH\x89\x8d\xda\xe0-\x00\x8b1yEq\xf3\xd2%\x8b\r/\x1af\xbf\x9b\xf3\xa7e\x99\xf5.E\x97\x06\xdb6\xcf\xce\xfc\x9f\xa9&amp;le\x88\xc8\xaf\xbb\xb3,KB\xb8\xf1\x8c\xcc(\xbd\xbd\xb5U\xb3\x07\xc6\xe1\x9c-\xd7^5\xfar\x88\xccfI\xb1iy;\xf7w\xf9\xc3\x1b\x80\xabs7\x03\x9e\x19\xa2/\xc1\x13g\x1b\x00\x00\x00\xc6D2\xbf\x8a\xban8&amp;\xf6)M\xb6\xc8\x9b\x17\x04,\x8bY\x96eY\x96\x8c\xad\xf6j\xb1t[6b\'\xd3\xb1Sv\xf71}\xb3Z\xb6\xbc`m\x84e0\xcbH\xbb-\xcbQ7b]\xfa-\xbb\xf6\xad\xf0b[c)\n$\xf8F\x96}\xbb,\xb7g\xc3\x16\xfb\xdar\xbc\xdaT{\xa2d;\xd2}\xaf\x11\x1df\x05Q\xd9\x9b$\x00\\\x8e\xd2\xdc\xc1h\x07\x00\x00 }z\xd5\xc9\x83\xbb}$tB(`\xbd\x1c\x16\xb0+e\x84\xa5\xde(\xdaa\x7f*\xc0\xb3\xcc\xd7\xf8-\x9eI\xde\x9f\x7fg\xaf\x95h]\xbe\x15n{\xda\x1e\xb8\n\x85\x14\xf5Z\xa6&gt;c\xbfT\xa9\xeb\x1ac\x0f\x80v\xae\x12iM\xe5s\x80\xe71\xb9y\x00\x80\x07c\x8f\x9b\x1d\x03\xe8\xabe\xf3\xd7+\xe7Uy\x8f\x9d\xb5&amp;\x15\xf5\xeeI|P%\x92\xd9{\xc9\xfd\xdae\xd6\xf5\xfd\\\x9c,I\xb4\x17\xe7Y(\xf4\x92\x95\x94\xf3F\x11\xe3\x14\x7f\xfa4B\x85|\x1b\x1f\xc1\x03\xbd\xe0\x8f\x1fb\x8cF\xc0\xa4c\xb0}\xba\x8eX\xe6.\xe5\x1e\x1ec\x02\x00\\\x05;$\xd5&gt;\xe2o?\x05.x\x96f\x13b\xee2\xee\xd5\xf9\xe4\xc5\xc8\xbc\xc8\x0c\xf4\xc3\xf1XQyMZ\xfc\xe7\x89\xd6\x07wR\x9fj\xd8\x1a\x9e{r\xc9\x1b?|k[\xe0\xf4\x88`$\xcb\x06\xff\xbc4\x7fPG\xc5\x88k\xc5\x84\xca\xf1,\xac\x02\xae\x0b\xba\x1b\x000)\xb5\'(^y\xf1\x01\xcc\x9c\x07\xae\t\xab\xa2\x17\x9fUl\x02\xa3\x8d\x19\xef\xf1-\xa9\xe0\x07\xad\xfe\x8a\x1eM\xb9w\x00\xf6\xcf\x0cx%)\xac\xb0\xfe\xf5eVE\x01[\xdd[\xf5\xb7t-\xa9\x92S\xbc\x1d\xd1\x0f\xf9\x8c(\xdf\xc0\x99\x87\xa9\x8c\x112\xdc\xa5\x9do\xba\x82\xe9\xc0\xdd\x1e\x00\xc0|\xe8,Bm\t\xdf|\xc4\x1a\x12qT&gt;;g9\x84hO\xafY%U\xf0\x92\xfe\x88\xe4\xf4\r\xeb\xfc\xf5#So\x1f\x0f\xdb\xc3E\x96\xd8O\xab\x97q\xce\xb0l\xd9\x12\xe7+&gt;L\xd6\xf8\xf4q\xaa\xc6\xba\x94?\xe5\x01\x00\x00\x80Yx\x84\x83\xab\x96\x06\x16\x12k\xb6\xae\xf0`\xbe\xdf\x06\xa0\xd6\xb6hY\x13\x19\x1b\xbf\xcf|F\x83\xcd^\xdbm\xc9\xb1\xfb\x15rE3\x81\r\xc0\xca\x834\x13\x00\x00\x00\xb8\x06]\x93\xadj\xc9\x9f\xd8jI\xea0[&amp;J\x90\xb2\x17O\xd3{x[W\xf2\xf8\xfc;\xf4\xf3\xdd\xe4\x8b\xf7\xd4\x16\x00:\x80\xd9\x01\x00\x00\xc3\xa9\xceq+\x13M\x95\xc2g\xe5O\xb1\xac\xba\xf5N\x02\xe7&lt;\x98\x88\x8cy-\x81\xf0\xeb&gt;\x96\x1a\xda\x8f\xa4\x19\x000!\x08M\x00\x80\xfb\x80\x9f5:\x9f1\xadP\xc0(\x9f*pg\xa16\xd8h\xdd\xfe\xe75\xf3\xccV\xf3To\xc6\xebj\xbe\xab\xbe\x06\x00\\\x93\xef\xc8\xbf\x8dH\x05\x00\xb8\x03z=\x91\x12US0\xa2\xe6\xf3\xa9\x8aL\x10\xcdSO\xbf\x9cb\x18C\xe9\xf9\x1e\x03\xe73\xc1\xc4\xa9\xe7\xbd\xa8\xe6\xc8\x03\x00\x00\x00\xb8St\x9f\x1d/*\x12\xbd\xdb}\x03\x10\xa8&amp;\xc1\xd6H\xcf\x87\xd7{d\\\xd7\xe0\x1e\xb7\x17t\xe9\xdaA\xf37\xff\xea|\xe8\xd5\xe6\x178\x91\xcbEc\x00\x00`!\xce\xfe\x05O\x01\xf9\x99\xcd\xc0\x07\xbe\xab&gt;\x87`\xb6/\xf5C\xe8\x0f\x18\xe1\x90\x19\xdc~\xae\r3x\xe0~\x81oA\x05\x98\x8c\x00\x80\xbbe\x0bp\xafS\x19\xe9\x04a\xf1\xb4H\xaa\x9f\xcd+\x0b\xc4\x1asO\xa07\x01\x00\x00\x000\x82A\xc7\xd5\x17=\x17\xefa\xf6\x15\xfdp\t\xb2\x8e}\xf28;\x02x=\x8eG\xcc\x01\x007\x9e8\xdb\x00\x00\xc0\xdd\xb3\x18qJ\xfa\'\x1e%_\x11\xf8\xe7\xb9\xe9*\xcb\xb2\xb4\x99sun\x0fJ\x8dU\xfa\xdf\xc7\xaa\x13\xb0\x98G\x1f\x18\x00\x00\x00\x00\xe8\xcc\xf0#\xf9\xc2gy\xbb\xebV\xfaI/\xd0\xc8\xcd\x9f\x8f\xe4R\x8c\x1f\xc0\xa4\x18m\x10\x8e\x00\x00\x0041\xdfB2\xcb\xc7yc\x15\xd5\xbf\xac\xe64N\xff\xae\x98\xc9F\xdd\x08\x1e\xb0\xc9\x1b\x0f\xdbp1\xaf\xc9\x18-\xff\xaf\x11\x86\x00\x00\x00\xb8?f\xc8\xfeO7\x80\xc9\xfd\x1dW_\xc5\xf3w\xc3\xcd\xe1p;\x98\x1d\x0cQ\x00\x00\xb8k\xac\r\xc09\x11\x7f\xe4\xa35\xca\x8a\x1e#\x8d\x9bv\x930\xadae\xfe\xa1d\'y\xe1\xf6\x02\x00\x00\x00\x00\x9c\x8aZ\x165\xc3\xcd\x93\x01L\xda\xcc\xe7\x94\x9f\x90\x1ef\xcb\x18jZ4W\xdb\xef\xaf/\x00\x00\x00\x80\xcb\x13\xf9\x81-\xa9$\x05k\xc0d\xf06\x00\r]/\xcf\x0e/\xfa\x11\xc9i\r\x03\x00p\xc1,\x06\x00\x80\x1bW\x0e\x88\x93\xfc&lt;\xed\x8c\x0e\xe4&lt;\xa35a\xd7\x0b6\x00\xa3Z1\x9d\xaf\x00\x08\xc0(\x05\x00\x00p\xef\xccpZ&lt;\x83\r)f\xb6\r\x00\x00\xee\x18\xfc\x10\x18\x00`&lt;N\xda\xc7H\x01_\xb3\xab5\x9a\xcc\x97\xce.\xcb\xa2\xf3\xbb`\x1d\x9a\xb6\x995\x9d\xd3\xae\x0c\x9c\tj\xf9\xf5\xb3\r\x00\x00\x00\x00X\xbc\t\xf3\xe4x\xf4\x01sD\x1d\x122\x00\xc08\x04A\x0f7\xe2.\xc0\x17\xa1\x8f\x00\x00\x0fF\xb88M\xfbS\xafQSO\xb1\x04\x00\x00\x98\xcc\x19N\xc1\x0e\x9e\x96\x04\x00\x80L\xf6?C\x88\xfc\xe1\xb3\r\x00\x00\x00\x0eN\xb4\x9c x\x82$\xe8\x1d\x00\xc0=s\xcb\xec\xdf\xac\x14\xe9p\x16\x02\xc0c\xf3\xa0\x11\xe0)\x9a\xad\xf6}\x88\xb8:+8\xfe\x07\x00\xdc9\xc7\xf7BJ\x82\x1dB$xp\x1eh\xfcc\xb2w\x00!tF\x90\xfd\x03\x00\xee\x9c\xca\xef\x05\x8a\xcb\xd02&amp;\xa7\x03\xb1\xf8\xd1\x99w\x00&lt;f\xae\x90j\xf2\xbf\x7f&lt;W\x80;\xe6\x01\xa76\x00\xe0!\xb0\x0f\xfe9?\x11e\x97\xecl\x1a\x00\xf3\x90\x1b\xf0\x98\x0e\xa0\x16\x0c\x98\xf9A\x1f\x01\x00\xee\x19ra?\x05\x84\x8cg&lt;d\xde\xe9\xa1}~\xee\x90\xc3\x80\x07\x80\x0f\xe6\x0b\x00\x00L\xcd3\xec\xec\xbf\xee)\x0b\xc4w0\x14\xa4\x143\x80o\xae\xd4\xe2\xc4\xf1\x8c\xa9\xe4\x02o\x00\x00\x1e\x12\x92\xef\x01\xc0\x8e\xd4oxz\xe4\xba&lt;\xfd1;N\xd8\xeaA\xe3\xfc:\xb3\t\x13\x1f\x00\x00\xc0\xc9\x1c\x1b\x80\x8f\xc4\x9a4\x96_\xc4\x06\xe0\xc2\xa0\xef\x98\xe0c\x12\x00\x00\x00\xc0t`y\x06@\x00\xffs\xf3E9*\xf6\x084\xe7\xdeSz\xda\'}w\xf1Ac\x0e\xee\xb5&gt;2\xcb\xd9\x06\x00\x00@#Dd\x96\x05\xd1\x0c&lt;.k\xe2\xbe,\xe6N\x97\xf5\xdb\xc6d1\xb7F6Iq\xe5\x1c\x17\x11C\x1e\x18"z\xb4\x01\xf0\xc4\xd9\x06\x00\x00\x801_Sqx\x19\x1cv\xaeQ;^}+\x86S.\xd0\x95\x93\x07\xd8\x96\xbb\xfc\xcds\xcdh!{\x07cY\x1b\xa8\xe5e\xda\xfe\xb9\xdc\xfd\xc6\xcb\xde#\x9d\xdd\xe6G\xcb\xfe\x01\x00`\nj?\xf8{\xd9U\x10\x00\x10\xa78\xa9\xdbg}\xf4A\xa9\xa6\xa7\xa7~3\xf7lR\xa7\x18\x85\xd0\x07\x00\x00\xe0n\xd0y\x82\x19\x00p\xc7\xa8l\x00\x9c\x83\x86w&amp;\xd3\xed@ahL\xabW\x84\x90\x0b\x00\x00`\x02\xb0\x14\xb1\xf1\x97\xed\x8c\xeb4&gt;\x15\x8a,\x01\xcc\x84\xca\x1e w\xe5\x82H\xec\xe7\xdd\xfa\xb8\xbag\x00\x00\x00\\\x9f\xeb\xaf\xd3:\xf0\x1f\x97R\xf9Z\x18\xb8\xbd\x04\xfc3\x12\x0cH\x87\xd4\x0c\xe5z\t\x13|^\x8e~A\x1f\x01\x00\x1e\x97\xfb\xcbD\xe7h\xd1\xe9\x06\x80\x1c\x13\x8c\x90\xe9\xb8\x1b\x9f\xd0\xed\xebM\x9b&gt;\xf9\xd0\xba\x01\xb8\x9a?\xab&gt;-\x06\x00\x00\x00L\xc7\x1c\x1b\x0005\x0f&gt;B\xe2\xcd\xbf\x82O8\x1d\xc7\x8b\x00\xed\xf7\xfatT\\\xc2\xed\x00\x00\x00\x00\x00\'\xf3\xe0\xe9\xfb=\xf0\x17z\xed\xd2\x9b\xbe}(&amp;NG\x0e\x00\x00\x00\x00N\x04\xb9\xe3\xdd\x13v1:\x9d\xc9XG\xe9\xfc\x08qx\x05\xdd=\x10\xb8\xda\x07?\x04\x06\x00\xb8K\x06\x85\xfb\xceK8\x16\xad{&amp;\xf8\xed!t\xf7\x9c(\xfcDT\xf03S\x94\xfds\x04w\xbc\xfd\x885M\xfdw\xbe:z\xef\xfd\x13]s\xc7]\x06\x00xL\x94?\xd4\xa5|o\x1d\x80!l\x1f\t\x05\x13!\xfa\xc8\xa9\xe4+\xf9k\xab\x80\x0c\xf7\xeb\xcf{m\x17\x00\xe0\xbeP\x8a\xc2tH\xfb \x8e@\xb26\x00\x97\r\x97w\xbb\x80\x81\x14?b\xfe\x14:\xfd\xd1\xb9J\xe6:\x9b\x9d8\xf1\x01\x00\x80\x89x\x84\xa0,ocg\xcf\xdc\xbd\xe7\xef\x0c\x1c\xff_\x9d\x813\xee\xfc\xb8z\xba\x01\x1e\x8f\xb0\xd6\x00\x00\xc0u\x19\x11\xa0G/\x03\x9c\x85\'^\xa0\\\x91,\x04v\xd5V\x01\xe3\xd9\xf3~\xf4W\'8\xb3l\x8c%Z\x9czo\xf3b\xbe\xea\x00&lt;\x00\x00\x00\x80CKzA\xd4\xb2\x07\xb8k\xe0\r\xc0\x82\xb9\xcd\x1ec\x8c\n\xe7\xdd,\xba\x92\x97R\xc4\xfa\xfab\x03\x00\x00\x00\xc0\x05\xd0J/\xb0D\x01\x00\xcc\x05w,`N\xf05\xa0\x00\x00 \x86\xbb\x12\xb7/\xd8\xc1WF\x02\x00\x1e\x14D\x03\x00\x00\x00W\xe1\x0e\x8f\xac\xd8Gq8\xb1{@\xfe3\xab\xd4w\xe0\x03\x00w\xc5[\'&gt;\xf03\xda\x0ep\xbf\xe0\x16\x10\x00\xe0J\xdc\xeb\x97\x9c \x10\x83\r\xf9G3\xb7\x8fub,\x01\x00\n`\x03\x00\x00\xb8\x00{\x9cB\xcczH\xd0\xe3\x00\x000#\xf8\x0c\x00\x00\xe0b06\x128L\x9d\x83\x97\xc1\x1d\x92\x11Dw\xd7\xd8r{D]t\x8a%\x00\x9c\n\x86=\x00` Dd\xcc\xf39\xc5\x18\x89K\xee]\xe4=\x13\x81/0\x1dB\xca\xc9\xf0&lt;\x00 \x05&gt;H\x0e\x00\x18\xc1\x9a\x8b\x14\xbe\xbc\xc2JX\x96\xc5H\x03\x14\x11\xe1[2r\x10\xd10\xffl\xfdn\xb0\xdc\x00\xf0\xf0\x10\xe2\xc0&lt;\xe0\x11 \x00@w\xac\xc4&gt;{x\xef\xfc\xe5\xaf\x13\xec\xdf\xbf\\\x90\xfd\xbbP\xf6\xcf\xbe\xdcc_\xe0X\xbd\x05x\xef\x91\xb9\xbfhpa\xd0\x19\x00\x80\x11\xec{\x80|F\x98*\xc6\xac\x0eBX\xf7^\x00\x18\x04\xce\x80\x01\x98\x02\xdc\x01\x00\x00\x8c`\xd9\xc8\x17\xfb\xea[\xe1:\xe1\x9f\x86g\x9d=\xbe\xf8p\x08R\x7f0\x13\x18\x8d`\x04w\xf3\x01\x98\xbbi\x08\x00\x00$\xc9D:\xde\x87\x83\x01\x98\x9c\xf1\x03x\x96)\x83\xc9\x0b\xee\x97nc\xfb\xb6\xeaa\xee\x00\x00\x00\x18\x0fR\xb7\x89Ab\r\x00\x00\x00\x00\xf0X\xf4\xcf\xffp\xe3\xe5\xc2t\xeb\xbb\xeb\x0e\x89q\x96\xffSL\x1c`\xde\xf8l\x03\x00\x00\x00\xdc!\x1f\x1a\xcb\xf0\x08g\xf6`\xa5\xd3\x83s\xd8\x13\x8238a\xd4M\xfb\xe8)\x1e\r\x02\x00\x80\x87\xe5Z\xd1\xffZ\xd6\xde\t\xd3\xa4/3\xd8\x00\x1e\x90\xf2\xc0+N\x90\tSm\x95y\x8do\x01\x02\x00\x80i\xc9\x87x\xe1\x17\xaa\x10\xd1\xeb\x0f\xcf\x0b\x89\x8cy\xca\\\x8b\xe8\xfd0E\x8a\x9fg\x9e/\xff\x99\xdfW \xa4\x1c\xaf\x12\x05\x14\x06\xde\xb2,3\r`cf\xb3\x06\x00\x00\x86\x83\xb5\\\xc0\xea\xb4\xf1\x1b\x80\xd9N\xd1&amp;\xfcB\x1e&lt;\xab\x03@\x84\xe2\x81\xf7V@k\xb4?\xc4\xac\xc1\x1d\x00\x00\xc0uY\xe6K+\xe7g1D\'\xfd^\xf2T\xe7V\x13\x19#\xf8\x92[f\xe9eY0A\xc0}\xc0\x18\xf3Z\x93\xbaKp\xd8\xecW\x9b\x8f\xd8\xde\x03\x00.F\xc3\xf3\x8b\x93&lt;\xd0\x0c\x04\xa0\xe3rL\xf3\xb0&gt;\x00W\xe4\xd5\xcf6\x80\x893\xcd\x1b\xa7&lt;"\x06\x00\xe0b\xe0W\xbd\xee\x1bt\xae\x80v\xa7\xc1\xe73\x83\xde\x01!\xe7\x8e\n&lt;\x02\x04\x00\x00@\x93\xe5\x94\xc7\x8b.\r\xd1\xe60yB\x00\xa7\x83\xfb\xe7\xbe\x0e\x170g\x01\x00\x0f\x07\x0e\x89g\x82\xc6\xdc\x93A\x8f\xe7Y\xfd\x03/\x01\x90\x01\x13\x04\x00\x00\x00P\xa7\xe3\xe2\xaa\xfdM\x1d\x00h\x82\xcc\x12\x00\x00\x00\x18\xcd\xa3\xdd\x138\xb5\xb1\xe7\xa8\xc6\t7\x00\x00t\x03\xa1\x15\x00pA\x1em\x030-z\x1d\x91\x10\x82^\xde\xc0\x80\x07\x11\xde\x1a7\xca\x00\x00\x00\xdc\x15\xb2\x9fr\x04CQ\xfc&lt;@T\x08\x11\xbd\x14:\xda\x18s\x0f\x03\xfe\xea\xf6;\xccs\x061\x8f%\xf3su_\x11\x911\xbfq\xb6\x15\x00\x00\xd0\x8dK\xc7\xe8\xc7D\xa1\xcb\xdeu\xeeN\xc7\x98l\x03\x93\xba\x13WOjO\x01\xdf\xa2\x0b\x00\x00W\xa4\x1c|\x11\xa0\'D\x98\xa9\xbc\xd7\x14]\x89\x11\x05\x00\x00\x00\x00p\x1aH\xc5\xae\x0b\xfaN\n\xfc\x06\x80\x1e_\x80\t\x05\x00\x00\xd7\x03\xb1{\x1c\xf7\x97\xb2_\xa5Ex\xb4\x03\x80N`f\xd5\x82_\x02\x06\x00\xcc\xc0\xd5\x7f\x10\xf1Jk\xcf,??\xf9\x90\x0b\xf6$\xbe\x07`\x1e\xb4rw\xec\x01\x00\x00\x00\\\x1e\x9c\x16\xf7\xe1l\x97\xfe\xed\xb3\r\x00\xe0&gt;\xb8N\x84\xbc\x8a\x9d\x00\x00p\x16\xdf\xf6\x98\xa7\xc2)\xb0l\xb4\xd1\xc5{\xd8\x98\x81\x81`\xa4%\x89\xcdD\xb8\x0b\x00\x00\xae\x07+vsr/"2ot\'\xbf\xb3\x8b\\\xb3\x81V\xd7\xe9:\xff\xec\x9d\x03\xf6-\x00\x00\x00\x00\xb8&amp;\x9c\xdf\xc8T\xfc)\xab\xd3\xb9\x9b\x86\x84\xb44-_\xd1\x1a$m\xaeKj\x91\x8a\xbd\xd3\xae\x04\xc3\xb8\xd7h\x00\x00\x00\x00\x94\xe1l\x03\xee\x06,\xf9\xb5Tm-\x04\xeem\xdc\x95\xa1C\x01\xe8\x0c\xa6X\x19|\x0b\x10\x00`(n\xf6\xf3\xc92!\xcb\xb2\\\xff\x8b\x83\xb8\xf4\xfd\xd2\x9e\xfb\xbd\xc303Y\x9fG\xde""c&gt;\xd3~\x0b\xbd\x06@\x02"\xc2\x04)\x00\xff\x00\x00\xfa\xe1\xc7\x17\xfe\x939\x88M\xa0\x05k\xa4\xcd9\x90\xaa7][s\xfe\xa1\xd5"\xec\xdc\x00\x88\x83\xa9\x01\x00\x00g\x11\xf9~\x06\xee\x83\x13\xbf\x8a\xcc\x064B\xd6\x1e\xe0tf\xb0\x01\x80\xbb\x02\x07I\x00\x000#\xd1\xdc\xeb\xce\xc2\xf1\x9d5\x07\x9c\x0eF\x14\x00\x8aL|\x0f\x10\x00\x00\xee\x16\x84]\x00\x00\x00c!\xe7s2\xd8T\x03\x00\x00\xb8$X\xc3\x00xl\x10\x01j\x80\xaf\xd8\xe0[\x80\x00\x00\xb3\xf3\xc0I\xf0\xec\xad~\xe0\xae\x19\n\x1efx`n_\x02\x86\x89\xc6\xa2\xebw\xa6\xdd\x17\xd8\x00\x00\x00\xce\xa2\x90;z\x9f\xe3\xdc^\x90\xf9\xc5\x0b-\x84\x8d\xa6.}\xbf\x03\xd4\x98F\x0b\xfb\x9b7\x9eiG\xd7\xfd\xb9zZ\xe6\x1a\x03\xeb,\xbb\xc7\xb96\x92c\x1d\xc1Vj\x05\xe3\t\x00p\x16\xb78\x9cZ\xd8\xd6\xb7\x97\xf5\xff4\xfd\xd1\x0e\xd1\xec\x16\x86X+!\xd2\x8b\xe9!,\xd9c "L\x87\xbbF&lt;\x950\x07\x01\x00\xe0D~\x14\xe77\x8f\xc2\xe5\x8e\xeb\xaee-\x88\x82N\xb4\xb9+o\x9c\xd5\x96\xab\xc51\x00\x00\x98\x13D\xd2\x07\xe2Z\x0bga\xc7r\xa9\xb6&lt;.\xe8&amp;\xa0\xcc4\x1b\x80I\xcc\x00\x00\x80\xeb2K@o\xe3&gt;Z1\x00%G\xc1\xdb\'\xf2f\xccrDd\x88\x8c\xf9)\x99\x1a\xcc)\x00\x00\x00\xe02\xd4?m\x82e~\x0e\x86\xe4[\xf2\x87\x91\x90\x0e&gt;\x18\xd1\x1fA?\xc7\x14\xe0\x82\x8e\x00\x00\x80\xb3\x98:\xfeby\x00\x1b\xf4\x871\x18\x80\x94\xcb}v\x05p@\x9f\x02\x00\x80\x88\xb3\xa3\'\xbeL\xfd\x8e\x18\xd0\x8f_\xd0_E\x13HG|\xf2\x0e\x19\xea.\xda\x9e#2Jc\xf5\x8e\xfa\xfa\xb2\xe3\x163\x0e\x00\x00$ z\x02\xa0\x01\xe6\x91\x90\xe2\x0f\x8fx\x7f\xb6\x84,\xdc\x04\x00\x00\x00\x00V\xb0\x1c\xde\x1f\x8dg\x9c\x18\x12`\x1cU\x19\xb9\xf7C\x84\xe0\x8a\xa0\x07\x01\x00\x00hrO\x8b\xca\xcf\xdeQ[\xc0\x83\x93\x99\x98\x82O\xf9?\xfc\x1e\xe0a\x1b\x0e\x00\x00\xe0~i\xfbH\xc0DK\xe3\x03\'(\x11:y\x03\x1f \x19E\xaf\xee\x13\xa4\xf2\xb5U\xeem&amp;\xdeYs\x00\x00\x00\x80\x12X\xf9.\xc8\x9a\xa3kg-c\xce\x80\xef-w\x9c\x8c\xfc\x06@\xcb\xf9sv\xa2\xcc*\xce\x8ew\xce\xf6\x02\xac_\x00\x00\x00V\xb0\x1e\xc8\xc1\x06`\x1a\x9a\\\xf4\xb0\x1e~\xd8\x86\xf7\xe7\xcf\x9fm\x00\x00\x00\x80q\x901_x\xb6\r\x13\x83l\x03\x00\x00\xa6\x06Q\x1a\x000+\xee\xa9U\xeaft\xf5wz4Z\xb5\x8bR\x91s\xaf\xcc\xe1\x9f\x19l\x00\xe0q\x99#\x0e\x00\x00\x00\xb8\x0e\xda\x0f]\xec\xd2\xb0 \xdd?k_\x7f\x19\x92\x8f{c\xae\x0e}\xe4\xec\x96\xd9\xf6GvQ?\xe0U\x00\xc0=c}b\xef\xefh\tT\x91\x03\xee\x97\xcb\x8e\x90G\x19\xdbs5\xf3\x91\xbf\x1e\x14\xdf\x88u\x1e\xf0&lt;\x00\xe0\xde!\x8b\xb3m\x01\x00\x00\x87G\x8fK\xff\xb4\xba\xf9D\xfa\xdf\xd0\x05ZX\xce6\x00\x00\x00bX\x0b\xec\xb2(D\xaa]\x9e\x8a4p\x1e\xf4x+\xd7\x036\x19\xdc!D\x84\xf0\x0b\x00\x00 \xcd\x96\xacw8f\xc3\x11\x14\x00\x00\xb4!\x8b\xcc\xb8\x03\x00\x00\x00\xe0B&lt;\xfa\xed\xfe\xfb\xe5"={\t#\x01\x00\x00\x00\x00Z\x99*\xe9\x99\xca\x18p\xd0\xf0)\x91\xd6\x1f\x85\xbd\xc8\xe6a\x0cW\xfd\xac\x8e\xda\xe7Y\xcf\xff\xb4\xd2%\xfd\xdf\x82\xe7\xf0\xb3\xfd\xdf\x0b|\x10\x0e\x00p\x7f\\8\xa8\r\x0f\xcaX\x03\xc0\xbc\\7G\xd1\xb5\xfc\xa2N\xb8c\xee\xa0G\xf0e\x18\x00\x00\xd0\x0fAl\xc5\xd7\xb1\x01p\x80\xaf\x86\\A\xa2v\x1d\xc2\x9e\x9a\xb1\xef\x90\xfd\x03\x00\xae\x84\xeao\xee~\x9b\x8a(\x99\xfe\xf3T\x83&gt;`)=\xd0t\x05\xd2\x14\xc0\x04\xe3\x04\x00\x00\xee\x16\xad\xaf|\xbee\x15}\x17\x8c\xa4p,T`:\x9e\xa26\x1d\xf0\x15[W\xe3\xd3\xcf6\xe0&gt;IM\x04\xc4\x7f\x00\x00\xa8F\xe98p\xf0o\x81!\xdc\x83\x87\x06\xa7\xf8\xe0\xa1\xc8\x8f\xf6\xbb\x9f\x0bO\x9cm\x00\x00\xe0\x01\x91=s\xdf\x1b\xfcB\r\x00\xa0\x00\xb6IwC\xfeW\xc9\xee\xfe7\xcb\xb0\x01\x00\x00\xf4"\xbdL2\x03\xeb\xb2\x86\xe0\xa5\xa2\n\x00@\xc8:\xdd\x90\xdd\x02p\x0f`"\x03\x00\x00x`\xb0\n\xd6\x81\r\x00\xe8\n\x06\x18\x00\x00\x80\xbe\xe0\xab\t\xc1\xfc|,\xf2!\xf0H\xf4\x08\xcb\xd8T\x00\x00\x008PzZ\xf7\x8f\xf7\xd8E\xb4\x186\xfb\xd7V\x9c`\xc6U\x1f\xcbf\x0f\xd1K\xb6\x0e\x00\x172\xf3\x84)\x00\x00\x00=\x98!\xca\x8b6\x00\x83\xcc\x16\x1f\x83}\xdc\xf1\xd5\xa8s\xdd\xdf\x98\xa1\xc7g\x03\xc9=x\x040\xf7\x01\x00\x00D\xc8,\x0f]W\x0e\x91\xf0\xd9W2r9\xdb\x1c`\x8cI\xde\xf4\xe8\xd3A\xe8t\x00Fr\x9f3\x0e\xdf\x02\x04\x00\x18C&lt;\x86v\xfd\xa65\xd1\xf7\xb8\xcd\xfeuC\xcb\xb2\xec\xedz\x91TH\xff\x9fW{(\x06\xbbr\xf6!\n\x00\x8b\xcb\x84\xa0\xd9f\xdcU\xfc\x06\x00\x00\x97\t\xf4\xd7@\xe3\xf8?R\x1d\xb7\x14\x1a c\x8c\xf9e2\x06\xa3\x1d\x9c\xc3\xb5\xe6\xef\xd5\xefa^\xd7r\x00\x008\x1d\x04P.\xc1J\xa9\xbfv\xde\xa4aU\x0b`\xbaz+\x16\xef\x9a\xfcSpH&amp;\xf4x\\O^k\x14Y\x1b\x80\x88\xd9\xfb\xa4\xb8\xe2\xec\xb8\x9c\xc1\x00\x00p*\x08\x9a5\\q]\xec\xc1`\'0\xf2x\x89=\xe7v%\x06\x12\xe8J\xf4\xb0\xdf\x9a/\xc9\r\xc0\xdb\x8c\x8ar\xff\xe2\xae\xa7\xc0\xe6\xc3\xfd\xdb#\x00\x00`2\x90\x88d\xb8G\xe7&lt;]C\x08\xcb-Z\xde\xb3\xe5\xdcI\x8f`\'y_L\xd8\x9b8\xad\x98\x01\xf4\x02\x00\xe0lj\x9e\x8e\x00\x9daz\xbeS\x07\x8d\xfb\x1a\xd3\x0e\x1b\x80\xff(&gt;\xef\x07\x13\xb2\x9f\x92\xea\xc9;gl\x8c\xca\xf30\xf2\x01\x00\x00H!\x8b\xeb\xfe\x96\xd3\xa5\x19\x93.\x14T\xfc\xcc\xf5\xf2\x95\xe8S\r\xe0&lt;Z;B\xbd+\xcf\x1b\x1b\x03\x1e\xf3\xc0\xc8\x07\x00\x00PC\xf41\xd0\xc1\x89T\xfaY\xedG\\\xd2\xa6\xc8bK\x064[\xf81\xea\xcd\xac\x1c\xb7g{\xf8\xde\x99b\x18\x03\x00\x00\x00\x0f\x0e\x7f1V\xd9\x03\xd4\xd6M\xa9\xfb{\'\xe6\x10\x0c\'t{\xe6\xe4\x12\x99S\xebw\x9e\xca\xbc\xf7\x94\xc6\xcc\xf2\xbb.\xe1[\x002`\x0cO\x04c\xadD\x7f\x01\x00\xce\xa3*g:\xef&amp;\xc0iD\xb5+Y\x95\x12\xf2\xd0G\xa4\xf6\x93f\x83\xd5f\xde\xcb\x1b\xa3\xd8_\x8f\xdc\xf5\x0f\x8eJ\xd77\x0b\x99s\xf8]o~}2&amp;2\x00`rD\x01\x11\xa1\xad/\xc9N\xf9Q2\xe6\xeb\xc6\xda2\x9ac\x03p\xc2\xd7\x86\x0e\xca\xf2\x01\x98\x93\xd9\x069m\xbf0\xa0\xb5\xe8\xcc\xd6@\x00\x00\x00\x11\x1e6X\xe7&gt;\xfcp!\x9fHM\x1d\x9f\xfd\xdb\x0f\xb8yn\x7f\x1b\x8e%\x17\xea\x94\xd3\x81\xaf|.|\xc7\xaf\x8f\xe5\x1d\xbdq\x89\xcf\x02\x11\x911\x9ft\xa2\x01\x00\x00\xa0\x83\x1bs\xeb\x9e8b\x94\xfa\x94Z{\x9a\xb9\xeaj]C[\x1b\xdb\xbe*\xea\xc4|H\xa6\xfa\xba\t\xdc\x15\xf9\xe3\xf7\xe5\xed3\x1ex\xcb\x98Q.\xf6\xee\xf7\xe5\xff\x04\xe7\xb6\xf1\x11&lt;\x0c\x00\xb8+\xe2a\xcb^Z\x8e\xd7D\xc6\xbcjA\x1c\xd1\x1b2\xbev\x06\xe9\xd7\x18\x04\x1f\xe0\x1e\xa3\x08\x9c\x04\xbaI\x83\xfd\xd6\xd3s\xcf\xf1\xe7g\x1dw\xbfp\xb3\x0b\x00\x00\x80\x87\xd2\xc7\x7f_\xbcF\xc8d\xc9\xbd\xceG\xf4\xba5J_\xec\xfe\x00\xee\xfaLN\x95\xfc\x99:\xae\x07\xf7\xdd\xba)\x90~&lt;\xe9b]\x93z\xf6l\xb4\xfa;\x9f\xb0g\xf1\xe6g\x1b\x00\x00\x00mP\xf5:\xa1\xb5\x9c\xfc\x90\x86\x10\x961\x03\x96@\xc1Z[\xb5_\x12\x19\xc5\x11\\\x9d\x9d \xa5\x90\xa7t_\xf0\xe8\xae[a:\xe1\xea\xbe:b\xc2\x19\r\xe1\xe9}\xc6\x08S@\x82\xab\x8fp\x00\xc0\xd5\xb9\xc3\x83\xa2\xa0-#\x9a6\xc6\x81\xa7\'O\xc3vS\xc1\xe5\xe7\xebn\x99^\xe9\x84\x01O\xc6|\xfdp\xa5\'pO\xc1\xa4\x85\x86\xb8\xfaF\xba\x96h\xf3\x1dg\x1b\x00\x00\x00 \x03\x1e\xed\x18\xca?;\xeb\xb4o&lt;\x93\x8f\x96\xc7\xe9\x88n\x9c\xe2\xbd\xbb:\x860\r\x1b\x80;\xf3\x03\x00\x00\x000\x17\xaa\xb7&gt;tn\xa4\xd4?\x94u\x0e\xb6y\xa7\xdf\x97(\xf2\x97\xa7\xf7\'0\xc6\x84\x1b\x8fK\xef\xe5\xb4g\xf1\x8f\x12\xd17\x9e\xf5@\x11\x00\x00\x00\x90\xe3RK\x85\xee\xa7\xf4T\xa4\x897\x00\xc3\xf7\x0cVK\xa7\xdf\x00\\bO\x05\xee\xae\x83d\xd1 Y\x85\xbf\xd3\xc6h\x9f\x90pux\xe2,S\x00\x00@\x9fe\x19\xa0Dkm[\x96eY\x16ctl^nm\x1f\xe1\x81\xa8\xf6\xb1\x8a-\xbf\xd5i\xe6\xf4\x9dr\xee\xb2\xbc\xf6\x98\x81y1f\xcb\x11\x99C\xf8:\xd9m\x18[\xca_\x7f\x9c\x13\xc7\xf3\xcf\xbd\x0c\xf5Ktq\x1d\xeb\xf7\xae\x9dm\x05\x00\xe0ai\xfb9\xa7\x19h\xc8\x00~N\xd9\x146\xe7\x9e\xde\xdd\x04&gt;\xf5\xccNW\xbc\xd9"\xd3~\x9d\xc4q\x10\x938\x84\x88\x8cyn]\xf9o:\xdf\xecN\xcc\xd0#\xa0\x03\xd6\xad]t1\x00`\x08\x91\xc7j\'Y\xf8\xc5\xb4\xd9\xbfW\xfc\x1aN&gt;\xaa\xe4\xa8\n\x9f\xf7\xec\x9d\x0bwz#w0\xecc(&lt;o\xa6e\xca\xd5\xcdx@\xe0\xf6\x91\xdci\x08\x02\x00\\\x89\xeb\xfd\xaa\x0e\x87&gt;\x07\xcc\xbd\xe2\xf5\xb0e\xc0Zu\xba\xb6\x85\xec\xe5m\xb6E\x8e\xc81\xef\x9ehk\x91\xef\x90S\xfcs\x7f\x9dr9\xd0\x05\xa7\x80\xcf\x00\x00\x00\x06\xa3\xf6\xd4\xfbl\x10\x19c\xbeTUb/O\r{b\x7f\xd9\xe8\xa7sY\x8chD\xb99G\xcf\xec\\\xb1\xe5sn$^\x9a\xe8\x1fHL:\xdcrb\xa3\xf8\xbd3\xa7\xf3\x8b\xcco\xf0\xe8\x0f\x10\x01\x00\x00xL\xfa\x9c\xd6_`\xa1\x9d\x87+\xfa\xaa%\xffSL\x1c\xaf\xe8:\x1e\xb3\xb7\xeb\x8e\xef\xe4py\xd8\x86[\xdcM\xef\xe3\x0e\x00\x00\xe0\xe1P\xfc\xee\x1dG\xac1\xf7\xfa\x80S\x1a\xf5dhJ\xefi\xb4\xf17\xdbE\xb0\x98\xd2\x81E\x88\x9a\xa7$g(69\x07\xe7\xd4S\xb9`\xfe[F\x00\x00\x00\xc0\xdd\xa2| :\xe5\xf1*m_\x9d\xd1b\xdb\x98\x93\xe3\t\xbd7-\x82\x1ey\xe8\xe3\xff\xc9\xb8@_\xfc\xf4\xdc\xe6\x01\x00\xc0\x10\x1e\xfb\xd6\xf9\xfdr\xeb\xd6q=\xfbQ\xa3\x14\x1dT\r\xddd\xc9;\x1c\xff\xf8JAp&amp;w7\xa1\x00\x00\xe0\x1eI\x04kD\xf0.d\x97\xc6\x0b\xfb\xbcy\xc9\xaf\xde\x88\xbez\xf5\x0e\xe7\x9e\x1e\x03\xbb\x9b\x86\x80{\x06\xa7K\x00\x00\x00\xc6AD\xe6\'&amp;]u.\xb7\x1c\xa6?^I\xd6\xbf]\x15\x15\xaap\n\x8a\xad\x1a+S\xccT\xc6\x00p0y\xc4\x9b\xdc&lt;\x00\x00\xb8\x7f\xb6d\x9e\xab\xad\xa8\x00\x00 \x00IDAT\xee\xee\xc3\xf1s\xce6\xa0\x8e|^\xae\xbb|n\x8a\xde\xbc\xaa\xbc\xca)\xe3y\xc3\xaf\xa01\xd2\xb4\x89S\x16\x9c\xf8^\x0e\xc5I\x94\x92_1\xad\x1e}\xf0`\xfa\x00\x00\xa6c\xc4\xa7$\xc7&gt;\xb3^\x85\x96U\x88\xef\x05\xea\x12\x91{\xd8\x00\x14\xb8VJ=\xa7\x0fA\x91~\xb1\xb7r\x00\xbft^V^\x11[\xcb\xa4`\xfa\x00\x00\xc6\x11\x8b\xce\xa9\x8f\x04\x9c\x1b\x98\xce\xd2\xde\xdc\xf0\xeb/K\x9dh\xbf\xab@\xdbW\x00\xed/\x04Bd\xe5\x01P\xc4\x1d~}\xbf5u\xa0Lc\x94w\xb0y9\x98\xc2\x00\x00\xc0\xa6\xea\x00\xf5\xca\xe7\x13\x1fs\xb6\x01}\xb9\xd69\xb1\x1eN\x93\x83\r\xc0?\x1an\xcfY&lt;`\xd7_\x94ior\x9e\x0b|\x02\x00\x00c\xb16\x00\xe5\x0cR+\xcb|\xc8T\xb5;\xf7\xe4Uv[\x9cs\xd3\xbd\xd6\xa3n\x87\x00\xb8\x00\x82\xb9y\xf6\xd3\xa1O&gt;O5\x00\x00\xf4\xa4\xf2&amp;\x80\x82\xb6f!\x15\xca\x86\xe9\x9a\x9cY\\\xa1g\x86w\xe4o=\x08\xa4\xd8\xd29\x9c\x06\x80\x06\xb3\x04\x81\xeb\x01\xbf\x01\x00\x1e\x1d\xc4\xc1\xc7B=c(~\xdcv\xd7\xf8\xdfE\xaa\xb5\r\xee4\xe0#b\xaf\xfc\x88\xdd\xbdro\xdd\x91\x9f\x1d\xbd\xb7\x07\xfd\xbenh\xaa\x8dM\xbff\x02\x00\xc0\xfd\xd1+\xf5\xb9j\x14&gt;\xd9\xec\x8e\xddQ\\\x1a\xf7&lt;\x98,\xaa\x94t(\xd9\x9f\xff.k\xecH&gt;\xefl\x03\xee\x83\x7f~\xb6\x01I\xe6\x1e~\x97a\xfa\x89\x0c\x00\x00m(\x06\xb8\xdf\x83pye\xacgo8e\x8b}}&lt;\xccS\xbc]pG`\n\xdc\x13\xacA+\xeb\xf1Y\xc6\xc9$f\xcc\xc7-j\xc1?\x00\x80\xc9\xf0\xa3R\xc3r20\xc0\xddK0\x9de\xf1\xd6\xc3J\xd3\xff\xb7n\x92Y\xa5o\x03\xf2\xab.\xea\xe1\x8b\x9a\rn\x88\xa6\xb6[\xe5\xfb\xc8\xca\x1dO\x18\x0f&lt;\xd5\xc7G\xed\x07\x98tEp\xfc\x0f\x00\x98\x90\xf8\x93\xc7sG+\xfb\xbb\xdeg\xb6sj\xf4\xbb\xd8\xfe\x0e\xfe\x9e?!\xc4\x1c\x9fV1\x0c\x92V\xe6\x0e\x08\x83\x18\xef\x84c\xb4\xcfpg\xe0\xa7\x85\xd2bf&lt;\xdep\xc2\x0c\x02\x00L\x05\x11\x99/=90\x89\xefzO\xbfQ\xa9`\xda\x86d\x0ck\xb6\xb9\xfa\x19\xf7\xaa\r\x00S\x9c\x82\x1c\xa9\xfa\xf3T\x83q\xb4\x0cW\xe61\x87\xb7C\xd8\xf7\xbd\x15z\xbbN\x84Y\x83\xdbH\xeei\xb5\x02\x00\x80\xd3\xb9\x9f;\x00\xd3.\x0fY\xc3N\xdb\x00\xb4\xe9u\x04\xae\xff\x99w 5\xe4\x8e\xba\x86\\B\xf5\x9cts\x08\xd9{\xe2P\x9duq\xa2\x1e\xe1\xdf\xbc\xbd\xa7\x814m\x84\x07\x00\x80\xbb\xe2\xba\xa1v:\xcbk6\x00\xccu=\xa8\xc22\xa2J\xect\x88~\xea\xa8G\xab\x07x\xf21r\x1dY\x03\x95\xb7\xafd?wg]\xdf_i\xe9\xd2%\x1c!\x8f0f\x1e\xa1\x8d\x00\x80\x87E\xb8(N\xbbP\x01\x0b\xe6\x83\xbc\xdf6D\xf5\xe5\x98b\x03 \x92Y\xbd\xa3{\x88DG\xab\x81Mw\x9f~\xcd\x16\x94.\xf6\'\xa5\xf2\x0b\xf0z\xf9\xe7\x99\x15\x19\xd2\x86\x8e\xab\xf40~\x80\xe1\r\x00\xb8\x7f\x9e\xa6\x1b\xc8\x10\x16\xc1Y\xcc=\xf6\xee4c\xb8x\xba\xff\xc5\x83\xf5\x85\x8ejs\xddV\xf7\x03\xaf\xdb\x05\xf3\x92r\xa9\xd2\x80G\x97\x01\x00N\xc5z\x06\xfa\x02\xb4DLD[\x9bfots&amp;\xcf\xb0\xb2\xfd\x17\xe8\xee\xf9-\xf4\x89\xb9\xfd\xd2\x1b\x00\t\xfcG\xd8\xa3u\xd5\xedai\xbd\xc6&gt;mr\xf3vp\xcb\x1a\x00p/\x88\xd7\xb3\xc1\xbc:6\x00ZTxc"\xbf\xc5&gt;\xddx\t&gt;\xf5l\x03l\xcez\xac\xe85t\xf5\x9e\t\xef\x83+\x02\xb9\xf5Uxr\xf1+TC\x81\xab\x01\x00\x17\xe1\n\x87C-\xdcq\xd3\xfa\xa290\x1c9b\x99W\xdc\x00\xd4\x1e\xbe\xde\xc1\xcd\r\x00\xf4\x19\xf6\xf9u\xd9\x89\xd8U\xce\xd1\x00\x00@\xc6\xeb\x9fm@\x1d\xf7\xbe\xb7\xd1\xe7\x17\xdc\xaf\x13\x99\xd2{\xa4r\xa29\xaaiuZ^\x88\xc3\xdaG\x84\xf9\t\xfb;!;\xf5\x98\r\xefy\xb7dT\xc5)\xa3+\x00\x00\\\x07\x84\xd1N\xa8|\xd6M\xc1\x8e]\x96\xf5\x08\x10:}$\xf7\xeem\x9a\xed\xc1n\x8a\xec\xc3\'2/\x82\x8e\xf7\xb8Bf\x1c\x90\x0c\x93\xbc\xc05c+\x00\x00\x8f\xc6\x05\x16\x984H\x07\'\xa6\xcb\x06\xe0\x8e\x99\xb2\x8d\x15\xf3\x8bWr\xc26\x02P\x87\xfd\xd1j\xe6\x04\x99rv\x03\x00\x1e\x16r8\xdb\x1a\x01W8\x1e\x1b\xc4\xb5\xfc\xd0\xd7\xda\x8b~b8=\r\x87\x9e\xb0\n\xa5_8\x8c(0\xb2\xed\x8f\xec\xe7\x1e\x88\xfdYUK\xa6\xe2\tA\x1d\x00\x00(\xb3,g[\xd0\xc8\xb2,\x8b1WoE+\xb2\xf5\xeb\xd44"\xdbem\x86\xd9u\'\x19\xe0\xcc\xe6,Is\xed\xeb\xe2\xc7\x94ouu;}\x976\xce\xd5Y\xfbO\x19\xd2)\xa5C\x8c\xd1\x99\xc5\xe7\x85\x02\xb2\xfe=\x87eY\xd2S\xafP\xb1S\xe1\x1dl\x00\x00\x00\xc0\xe0\xbc?\xc5\xb6\x80i\xa5`c~( m\xadp9\xb6j\x1f\xf5\xbb\xa4\xa5\xfdN\xfe\x18-\x97\xb7\xa8s\x8e7j\x07\x10w\x91\xca7M5\x11\xf6]\xd38\xce*\xb2%7*Y\xc7g\'S\xd9\xa7\x0cs\xec\xd4\x13\x9c\xb8\xee`\x03\x00\x00\xe8\xce$g\xa5Y\xae}\xde\x7f\x95\xbb\xf6D\x8d7\x07\xca\x1d\xc4\x10~\xd5^\x9e\x99\x1e&gt;\xed\x948\xd6s3\xe3\x94\x10\x91&lt;B\xee&lt;\xe5\xb7i\xda\xd4\xde\x98\xe5\x7f\x8e\x88\x8cyy[\x87\x9ep\xbfHxi\\\xa8,):"!\xf5\xb3\xea\x1a\xeb\x02\x00\xe0\xdehyr\xf7\xa85\xe5\xe3\xbf\x13\xda3\x9bI\xe3\xb9\x84\x07\xee\xf2qv\xfb\x14\xb3c\xeb\xde\xf3\xae\x9c\xa6\xc2\xa4\x03)\xfbu\x9c\x93\xda|\xd0k\x86zb\xc9B \x89Y\xaeR2\x00\x00\xa8 \x8ank2\xb1WD\x08\xe3\x00_\xdd\x16\xc5w\x89y`\x0e\xb7l\xa7}\x83\xd2\x8b\xf3\xe8\xd5:\x1cg\x86\xf0\\=\xdaoM\x03\xc0\xad\x9b\x175\xc7\x80\xe7@\x91\xdb\x1d\xaf\xc4\n\x05a\x01,\x8e\x00\x80\xd9\xb9\xc5)q\x90\x9a:\xc6\xddv)\xe6\xe3f2o\xee\x1f{\xda\xd6\xad^7\xbbc\xabiE\xb6=\xcdH[]\xf41\xd5\xd5f\xd9\x00t\xe1\xbe[\xa7\xc7\xe6%"c\xbe\xe4D#\xb4\x02\xd1}t\xba\xee}?\xcc\x05\x00\xc0\xe4\xf4:\xe9&lt;\x1b\xf28\xdb\x9e\x02VB\x90xk\xa0%\x02\x8d\xfc*\x8d\xdd1\x7fWveX\xf3\xef\xc8\xcf\xbd\x1a\xa2\xe1\xa2\xee\x9f\x10\x10\xbf\xab\xa1\xbcp\x04&gt;\xd9\x18\xab^)\x8a\xeeUi &gt;\x04\x0c\x00\xe8\xc2\x1a\xa0\x96\xdb\xeb\x0b$\xca\\\xdcv\x04\x9fC\x9b\xb5\x99\x9b\xa1vG\xe4?Eg\x95&lt;\xbbQ\xbc\xf1\xb3,\xad\x9f\xd0\xdc\xb4|{\x9b\x98K\xd2\xe1\x13\xb7\xf1.\x9b\xe6\xa3\xbd\xed\xcc\xdc\x90\xbe\xb6\xe5;\xb1k\x17\xdb\x9f\x0e;\xc5\x80\xb85\xa5"i\x93"7E\x8b\xf6\xdf\xcf\x1c\x02\x00\xdc!V\xd2\xe6&gt;\xf8q\x07\x9b\x81\xcc\xa3,\x17h\xdaqx6\xfb\x1d\x00\xfb\x90\xef\xaf\xcb4F\xd7W\xd0\x93*\x87\xff\xc0\xf5\xa3\x81Ek[\n\x07\xdb\\\x11\xf7\xe4\xd2\x80;k\xdd\xdd\xf7\x17\x00\x00\xdc@\xbc\x9b\x84\xf1\x8f0\xc96\x00\xa5+I\xbei\x82\x91V\xfb\xfc\x92\xd0\xe0\xb3\x9b\xb9S\xfbh\xdc\x89\x8f\xd2\x9d&gt;6B\\?\x08\xcd\xcb;\xb3\xa2\xd5\xd6\xf1\r\xa7\xd6\x98NL\x9f\xbc\x80\x83XG\xc0i\x00\x80\t\xe8\xbbNdW\x88\xe6\x04t~\xceI\xa7z\xd1\xd0\x16^\xc5\\\x99\x8fjvc\xed\x06@\xaad\xa2\xee\xae\xbd\xb3\xc4\xcf/\x1b\x8c\xd2\x91\xd0\x9bc/\xb4\xfd+\x13\x92\xa9\xb8y\xfbLWx\x06\xb8\x9b\xc0\x82aw\x15\xdc\x00\x00\xe0\x91\x19\xbc\x1aa\xf1\x00;\xe5d\xa2W\xd2\xa9\x9c\xc4`Ts\x98\xdfKU\xa9p^N\xb6z^\xf2\xe8\x0c\x9b\x02J\'8\xb3\xf7\xa31\xe6\x12F\xe2C\xc0\x00\x80~\xdc\x9eg-\xc5t\xf3\xc2Q\xdf\xf8\xc9\xfcp\xd8\xfc\xb9\xc2T\xa8\xbak\x9c\xe7\x97\xe5w\x15\xc6C\xf3G\xed\xde\xcaDw\x11\\\xb1L\xc7^\xecc\xb5\xff\xd79\x93\xebD/UM\x90eQ\xf8\xc9a*\xfc\xb8l\xe6\xad\xc4\x0f\x0fw#T\x971|\xd9\xff\x99\x1ef\xa7\xe3\x9e\x06\x00\xe0\x0eq\x0fuX\xc5&amp;\x08\x85d\x86\x7f:\xb6\x92\x9bm\xef\xd8\xcd\xce\tz\xe1\x9e\x99c\x9c\x8f!h\xe6\x9d\xb6\x9d\xdd\xa8\xc2\xe9\xbb\x82)Yi3&lt;\x02\x14\x12\xbb\tp\xa6%\xb5U:\x19\xb3J\xd7)\xe3\xd7\x98k\x00\x00\x00\xee\x8d\x01\x01\x9dT\x93\xe0\x19V\xa0\x198/E\x98\xc4\xed\x9a74\xc2\xb14\xe7\x00\xa3\xed.\x9c\xa2m\x136\x93\xc3\xee\nfl\xe1;\xadT\xacK\xb6\xe7</t>
        </is>
      </c>
      <c r="E668" t="inlineStr">
        <is>
          <t>&lt;class 'numpy.ndarray'&gt;</t>
        </is>
      </c>
    </row>
    <row r="669">
      <c r="A669" s="1" t="n">
        <v>667</v>
      </c>
      <c r="B669" t="inlineStr">
        <is>
          <t>steps_per_sec</t>
        </is>
      </c>
      <c r="C669" t="n">
        <v>7500</v>
      </c>
      <c r="D669" t="inlineStr">
        <is>
          <t>2.6101322</t>
        </is>
      </c>
      <c r="E669" t="inlineStr">
        <is>
          <t>&lt;class 'numpy.ndarray'&gt;</t>
        </is>
      </c>
    </row>
    <row r="670">
      <c r="A670" s="1" t="n">
        <v>668</v>
      </c>
      <c r="B670" t="inlineStr">
        <is>
          <t>Loss/RPNLoss/localization_loss</t>
        </is>
      </c>
      <c r="C670" t="n">
        <v>7500</v>
      </c>
      <c r="D670" t="inlineStr">
        <is>
          <t>0.07214926</t>
        </is>
      </c>
      <c r="E670" t="inlineStr">
        <is>
          <t>&lt;class 'numpy.ndarray'&gt;</t>
        </is>
      </c>
    </row>
    <row r="671">
      <c r="A671" s="1" t="n">
        <v>669</v>
      </c>
      <c r="B671" t="inlineStr">
        <is>
          <t>Loss/RPNLoss/objectness_loss</t>
        </is>
      </c>
      <c r="C671" t="n">
        <v>7500</v>
      </c>
      <c r="D671" t="inlineStr">
        <is>
          <t>0.023247037</t>
        </is>
      </c>
      <c r="E671" t="inlineStr">
        <is>
          <t>&lt;class 'numpy.ndarray'&gt;</t>
        </is>
      </c>
    </row>
    <row r="672">
      <c r="A672" s="1" t="n">
        <v>670</v>
      </c>
      <c r="B672" t="inlineStr">
        <is>
          <t>Loss/BoxClassifierLoss/localization_loss</t>
        </is>
      </c>
      <c r="C672" t="n">
        <v>7500</v>
      </c>
      <c r="D672" t="inlineStr">
        <is>
          <t>0.09650252</t>
        </is>
      </c>
      <c r="E672" t="inlineStr">
        <is>
          <t>&lt;class 'numpy.ndarray'&gt;</t>
        </is>
      </c>
    </row>
    <row r="673">
      <c r="A673" s="1" t="n">
        <v>671</v>
      </c>
      <c r="B673" t="inlineStr">
        <is>
          <t>Loss/BoxClassifierLoss/classification_loss</t>
        </is>
      </c>
      <c r="C673" t="n">
        <v>7500</v>
      </c>
      <c r="D673" t="inlineStr">
        <is>
          <t>0.06161447</t>
        </is>
      </c>
      <c r="E673" t="inlineStr">
        <is>
          <t>&lt;class 'numpy.ndarray'&gt;</t>
        </is>
      </c>
    </row>
    <row r="674">
      <c r="A674" s="1" t="n">
        <v>672</v>
      </c>
      <c r="B674" t="inlineStr">
        <is>
          <t>Loss/regularization_loss</t>
        </is>
      </c>
      <c r="C674" t="n">
        <v>7500</v>
      </c>
      <c r="D674" t="inlineStr">
        <is>
          <t>0.0</t>
        </is>
      </c>
      <c r="E674" t="inlineStr">
        <is>
          <t>&lt;class 'numpy.ndarray'&gt;</t>
        </is>
      </c>
    </row>
    <row r="675">
      <c r="A675" s="1" t="n">
        <v>673</v>
      </c>
      <c r="B675" t="inlineStr">
        <is>
          <t>Loss/total_loss</t>
        </is>
      </c>
      <c r="C675" t="n">
        <v>7500</v>
      </c>
      <c r="D675" t="inlineStr">
        <is>
          <t>0.25351328</t>
        </is>
      </c>
      <c r="E675" t="inlineStr">
        <is>
          <t>&lt;class 'numpy.ndarray'&gt;</t>
        </is>
      </c>
    </row>
    <row r="676">
      <c r="A676" s="1" t="n">
        <v>674</v>
      </c>
      <c r="B676" t="inlineStr">
        <is>
          <t>learning_rate</t>
        </is>
      </c>
      <c r="C676" t="n">
        <v>7500</v>
      </c>
      <c r="D676" t="inlineStr">
        <is>
          <t>0.03968994</t>
        </is>
      </c>
      <c r="E676" t="inlineStr">
        <is>
          <t>&lt;class 'numpy.ndarray'&gt;</t>
        </is>
      </c>
    </row>
    <row r="677">
      <c r="A677" s="1" t="n">
        <v>675</v>
      </c>
      <c r="B677" t="inlineStr">
        <is>
          <t>train_input_images</t>
        </is>
      </c>
      <c r="C677" t="n">
        <v>7500</v>
      </c>
      <c r="D677" t="inlineStr">
        <is>
          <t>[b'1024' b'1024'
 b'\x89PNG\r\n\x1a\n\x00\x00\x00\rIHDR\x00\x00\x04\x00\x00\x00\x04\x00\x08\x02\x00\x00\x00\xf0\x7f\xbc\xd4\x00\x00 \x00IDATx\x9c\xec}u\xdc&lt;G\x91w=9,X88 Hpw\x87\xa0AB^$\xc8\x1d~\x04\tr\x04\xb7\xe3p\'\xb8\xc3\xe1.\x01\x12\xe4\x82\x1f\x0e\xc1\xe5\xb0\xc3\xe1pw\xf7z\xff\xd8\x9d\x99\x96\xea\xee\xea\xeej\x99\xd9\xf9~~\x84}v{\xaa\xaa\xcb\xabg\x9e}\x00\x16\x0b\xdc\x00\x10[KR\x13\x9e\xcd\xa2\xf2/\x83\xc1F\xab\xd6;\xc3\xfbH\xbe\x8f\x94\x15\x8aY\xc7\xa4\x89\x14Z8\xc6\xf5\x07\xd9\x0e5$!\x158\xe1Z\x1bi\xa5\x04\xf6\xf2Z8\xd4\x8d\xdf\x15\xe0\xae\xe3\xfb;\xa9\x8d\xa2@(\x1ee\xe9\xc4\x11\x11\xae.(\x9b\x8b\x14\xc2\xcb\xfbq-\x84\x9bq\x02\xdf\x99\xb1Wd\xa3\x1fg`\x81\xe9\t\xfeB\x9f\xc3\x7f\xc8!\x85\x94\xf6\xc9@\xe5\xf5\x08\xc6[\x9fJ\xdfG\x90\xc9}WK\xfc\x84\x9d\xeb\xfe}\xae6\x05\x92\xc0\x00\xa0\xc5\xb9\xbb\xd1\xd7\xdf\xb4X\xcb8\xe8\xf9\x00\x8ef.\xdd\n\xf3\xdf\r\xbd\x02\x01.\x08p\x98\xae\xb1\xd0\x00 \x9a\x07\xc5S\xd2\xee\xa1C\xd5]\xaen\xae\xebm\xfb\t\x10\xdd\x82\'r;\xf1\x96\xdf\xc4$\x90N\x93\x03\x02\x1c\xdeZ\x86,\xb4;{\x8aGLO_l\x00\xa8\xa01DDx[\xe9s\x8a9X|\xc5\xcc\xe1i\xec\xd4\x8f\xc4}\xd1\xd7\xbfNIA\xb8\xe9\xc4\x07\x8dL;-W$\xb6&amp;0\x06\x80\xd0Y\xa9\xb2\xf8\xfeb3\xc0|\x94\xd6\x19\xbe\xb1\xaa\xae\x18\x8c(\x98\x89\x97\xe2p\x1f\xaf\x12\xbf_%\xdc\xce\x9d\x87&amp;\xbd@\x80\xa3Z\xcb\x90\x80"\x9dqa\x04\xcf\xa4\xe8\xf5\xc6\x9b\x8e\xa2v\xc6\xc8\xea\x83\x007g/\x96\xc5\x02\xa2f\xc5\xee\xc0\x1dWJ\xf7/\xef\xd0\xac\x03\x80\xed\xa7\xfb\xe4\xf0!\x1b\xe8\xb9\xf5\xb2\xb6\xf0\x1b\x1c\xc7\xbc\xa0\x8e\x94+\xdc\x98\x97\xbf\xcd\n\xf7U\x15;\x1b\x87\xdf\xa6\xa0G0E\xcd\xdd\x11C-\xf3r\xd1\x9eE\x951\xd6,\xdc8\x03q\xfe\xa6\x1f\xdbu\xae\x9f\x97\xb7\x16`\xc5\nI&lt;\xbd\x04Q^\x87\xea\xfch{\xa1\xef\xda\xf7O\x8f\xc1\x18\r\xf1W\xba\xcd\x1d$\x12\xe6\x16\xe5\x92~\x13\xe5\x8a\x15\x92\xd8\x8d\xce)\t\xbc\xe7\xf8+\t\xb3p\xa0\xe3u\x14\x05A[tk\xd6d\xc1\xba:\xc2\x9b\xdd#LN\xce\xd59v\x84\x9d\xde|K\xa4:z\xb8\xd8k\x1d\xf3\xb0\xf8\xc0~\x12G\x0cR\xeeZ\x8c\xfa\xf9l)\xa9V\xac \xd0*\xbe\xd6\x897\x07]5U+V\xf8\xf1\xb5\xd6\x02p\x90\x10PG\xe5\x9cb\xc4_8&amp;\xcc5m\xaeh\x01\xb7\xbf\x06\nR0N\xd6\xb3\xc0\xc8\x9b\x06i\xf8c\x88\xfe\xde\xdaU\xac\xa8\x85\xb5\x85\xf5`S\xe3\x8fl-F&gt;V+\xaf\x98\x03\x12:\x90;q\x1e\x8b\xf0q\xbc\xac\xeb\x0bT\\\x17L\xbc\xd6\xb0\x92\x812T\xadH\x05\xe7\xa1\x97P\x9c\xac&amp;\xa8\xa0\x81\xce\x94|\x96\x9e\x84\x99%\x10\xe0\x8e\xadeXQ\x08\xf3\x8d\x8e\xe9\xf6\xce\x06\xa7\xd8\xed\xc3\x9d\xfe\xb0\x1e!\x8b \xe7\xd4R\xad\xc5\\"\xeb}\xbf\x02(\xf5\xe59;\x04\xce\x00\xb0\xa2\x03\xf4f\xa0\xde\xe4\x99\x19\xd6\x88[\xd1+\xac_\xe5\xea\x11C\xe9\x7f\xd9\x0e&gt;\x8d\x16\xb3\xd9\xb5\xb8\xcb#E\x9f\xab\x15z\xc3j\x0f\x00\x18\x12\xc4\x83Vm,\x06\xab\x1d\xbb\x05z\x7f,\xc7\xf4\xbdU\x18\xad(\x8d\xd2\xed\xb8\xfek\xb5\xdb\xc6\xfa\xaf%9\xa6\x00-\xcc!\xe99$\xac!\x7f\xff\xca\x99\x17\x06{!\xc2\xd3V\xdd:\xf1\xbe\xd6\x02\xf8\xb1\xb1\xe2\xa1\xad\xc5X\xb1B\x14\xbbu\x186\'PG\x95\xc5\x8d\xd5\xf1!\xee\x8a8\x18G\xf2\xe3\xb3:\x00\x08pl\xf6\x91\x16\x9a\x03@\xaf\xa0\x06\x80\\\x92\x02b\xf9\xe9#\xddl(F\\1\x17(\x03@\x9c\xe1\x1eQF\x1e\x02=\xf8S\x0f2x\x80\xca\xbf\x15+\x16\x83\xd5\x9f\xbbE\xabJ\xbf\xba\xc4\x12\xa0\xf4\xbb\xe7\xb6\xce\xbf\xc7/\x18I\xb55"\xbc\\\x1b-\xba=Y\x97\x1b\x00\x86\x0b\x8bG\xe5\xee\xb4\xf8\xb5|F\x1b\x9c*;\xea\xc8\xf7\xe2\x1d\x06\x08"\xe2\xd7Z\x86\xee6\x19\xd5J\x1f\x99,\xea+jYS\xc7}\x16\xb4\x97\x19c5\xc1\x8a\x15\x0b\xc6&amp;\xcd\xdex\x88t\xf2\x01\x98\xcc1`\xbaj\x0eO\xd7t+\x18\t[\x93Wk&amp;KY \xc0\xcb\xc4h!"\xe2\xf3\x89\xd9\xa9\xad\x7fv\xec{=\xc4\xed\xf1%\xef\xcd\x05Q\xf9\xae\xe5\x9f\xb3)\xacw\x1e\xe6\x8bj&amp;S\xdd#\xe8*u\x02m\xc7\xb1\x06\xec\x8av\xb8\xcbX2\xde\xaa\xbck\xfbd\xce\x00\xf0W\xf5\xaa\x8a\x15\xbc\x1a\x8cI\xa9\x04\x9e\xe6b\xbd\xc3\xcf\xf9$\xee\xda{\x87G\xea\x16P\xa2h\x1d\xd7\x82\xda\x03\x80\x8bQ\x93\x01\xa0(\x17\xd9\xc6\xbdg\x1fZQ\x02\xf8\t^8XI\r\x01\x8e\n\xae\xcf\x16o\x85\x0f\xcdOUVt\x83\xc6\xb7\xd6C\x02|1C\xc2\xfa\x17\xd6\x83\x12\xc2\xcc@\xd6Nax\xe1\xefX\xa0\xa5\xf4\xae\xd2\x88T\xed \xb5\x9a\xde\x8bj\xcd=%a\xc3\x01 \xc8\xb1\xf9\xb0W\xfd\x89\xa8\x19\x83\x19\xd5%\x8e\xed\xcf+G\xaa\x10\xbaJU\xb3\x067UY\x89\x0f\xe1E\xacK\xe07\xab\xa5\nb\xb0\xdd\x13[\x0b\xb2b\x97Q\xfa\xd6\xf1\x92s\x88\x9e\x81\xc3;U\xd7{:Q\xe3\n\xc7\x1a\xd5p\xac\xd9\xa3J\x13)\xd5@\xa3\xde\xebO\xff\xde\x9bJ\\o\xee\x03\x03@2y`;\x83}1\xc0o\xad\xf1\t\xe1\xc1\x81\xb9e\x858r}\xd7\xe3d\x14\xaf6F\xad\xefO\xde\x00[\xff\xfeZ,"\xb2\x95\x91\xfbX\xce\x89\x08\xf0w\x19I\xb9X\x86\xf5?\xc4X\xb3-\x12W]\x13z3&lt;\xa1\xb5\x00;\x02O\xaa\xf96\xbb\x06\x1d-)\x91\x1c\xe2\xfb\xc53\xc5\xad\xcfjI\x1d\x84\x8a\xd6Y!\x16\x88\xf8V4\x91sf\xaa\xd2\xf9\xa6S\x99\xe9\x92\xdb\x156\x8a\x94bb\xf5BK\x05k\xbd\xa8\x82\\\xdf\x8d\x89\xb4\xb6]o\xc3\x01\x00\xc9O\xea\x08R\xfe\xdc\xab\x06\xa2\xdc\x8cJ\xa6\x1d\xa1O\xa9\xe2\xc1lh\xd0z\xb1\xa2&gt;R\x9f\xbeX\x11\x01\x84\xeb\xba\xd5\x88\x08\x1f\x8f\x8a\x97\xbeP\xbal\xc9u~\x15\xf2\x7fJ\xe3\xeb\xc4k\xf0\x0fJ\'\xbd%\x1b\xf7\xb4\x95"\x99\xb1\xf7\xdf\x16\xb1\x97\xaa\xdbOi2s/\x1e\x7f\xb0HvZ\xb5\x97\x07\x01\xfdZ.\x1b^\x0ep\xe7|\xbe=\x81\xde\xb5\xe5\xca\xf8F\xc3\xbf+|u\xda\xf8\xafp\xee\x16\x82/\xe6c\xb3C\xe7\xa9\xa4O\xa9"q\xcd\xc8-\x9c\xb0\x94 +\x040wo\\\x0c.o\xbd\xd3I\xae([D\xf4\x8c\xcd\xba\xc2\xa1\x16\xbb\x95L\x94H\xb9Qo\xdf\xb4\x17\xac/\xa8N\x14Z\x87\x90B\\d\xef\x01&lt;[\xdd{J\xa9\xa5\x96e\x8c=6\xf62\xaf_\xc1\xc3\xd6\xc7\xf6\xf6\x80\xa7\xf3\x8d]\x97o\x1d5\xf6\xf6\xf6\xb4n\x7fO\xf9\x9f(~\x08pZ\x9d\xec\xc4uk&amp;\xd8\x9a\xaa?`HB3\x9b\xedu\xba\x91\x9d\x02\xeeB,\xafX\xd1\x10\x9b\xc4\xa7\xa7\xbb\x93\x01\xfc&amp;\x9fnl\x19\xa2$\x11\x83^1\xf3X(\xb4rJ\xdeHfol\\\x14R\xb2\x02\xc3\x9ey$\x98\xdc\'H\n\x16b\xb1!\x8f\xa8\xea8\x93\xa3f\xbad\xec\x93\'\xc4\n&amp;\xf6\xf6\xf6\xf8\xdd\xfff\xd9,:\x86\xdc\x19\xd4\x17w{E\x94\x80x\xda\xcd/\\\xa9\x9cT\x9ee\xd8\n\x01\x8d\xff\xb7\xd1Dt\xa9\x13\x14\x04\xf8?!R]\xa1\xbeQ:9\r]\xb1\xa2!\xb2\xbb\x7f\x80m\xc7\x19sH&lt;\xd4z\x16^\xe182\xe7\xc5\xef}\xf9R\x11\xd8\xdb`S\xf2\x92s\x14\x12\xaf\x1c\x0f4\xe6\x9e\xb5\xef\x01\xd8\x92\xa6\x9e\x12\xee\xed\xc1\xde\xed\xb6:\xc8\x92\x8a\x83i$Ln/\x86{\x1d\xca\x9d\x8f\x15+\xc4\x11\xe3V\xfb\xa2\x1e\xea)m\x87z_l\xc4y\x0bz7\x99a\xe7\x11L\xda}O\x1a\x0f\x15\xba\xb1\x1b\'\xd4\\\x14\xb8"\x12A\xb3\xde~5\xfd\naT\xcb\'2\x8f\xa6\xe4\x8b\x80\x00\x97\xde\xfe\xfc\xc2\xe0\x83"\x08p\xd3dv{9\x8f\xfa\x10\xef\x98\x0f\xe4(E\x07\xc9\x0f\x93%7X+*B\x80C\x85\xc8J\xc2\xa5\x13\x11j\xb5\x8a\xfb\x12\x80g^\xc7\xa5"0\x9e\xbd\x1b\x9f\xc6K\'\x15\xca}rH|pP#!&amp;\x0c\x9b\xa3[?\r\xcb\xd8\x1a\\"8G\x97\x9d\xb4)\x92\xe5{"\x8f\xf6\xf6\x83\xae\x84\xd9QT*\x01\x13\xab\x86F7\x8eu\xa7"x\xa2\x02R\xc57\x8e\xae\x95W\x1fI\x9d\xc0\xd5\x98\x92\x1d\xeb\xceT\nz\xe3\x7fKo\x90Lj\xd2\x9a\\\xea\x19\xde\xf1\n\xe9k\xc5\xbe\x88\xaf\xb5\xbb\x01\xa1\xaf&amp;\x98\x837V\x97\xd0\x97FW\x0f\x9f;\xba\xf5\xf9mS\xa2\x8e\xe8\xd6}\xbft\xe2B\xc1\xde\xa7\xeaVx\x80\x8fg|\x1fFq!\xdaw\xa5\xf6\xc9W?\xa9\x80(4T\'j\x1e\xf6\x93+;P\xb5\x81rz&amp;7\x9e\xce\xae\x82\x1a\xc5)\x9e\xb4\x1bW^\xbfN\xbe\x08\xd6\xb1*\x8c\xaf\x08\x0e3x\xadN\xd3\xe8\xecpHk\x01\\\xe8\xd3\xac\xc4\xf1\xe4$j\xa2{O\xf3\x03"~\x88\xe5\xcf\x08\x1f\xd1\x97=}\xfaq\xe9\x11\xb1\xc8\xfa%\x98\x1b\xb3\xc4\xe8A\x06\xbdM\x14#\x97Oj$\xe9z\xa4glm\xa9\xf6\xd4\xf5\xbe\x14n\x06\x9a\x0cQ(ZL-\x15\xe5Y\xb6t\xf7\x0f\xd21\xf0\x04x{?\xcd\xca(\xc6\x8dZK\xb2\x02\x01^\xdaZ\x86z0R\xa4;\xca\xae\x07\x80\x00\xbf\r\x92Z\xa7\xd9\x15-0\xb91\x1ac\xff}\xa3\xbdQ\xa9\x88\x90zH\x84\xd0Ee\xa9\x85O\xaf!_\x14\x1b\xf5^\xa6\xa5\x04\xe9\x8d\xac\x8f\x9ev\xa7\xee\x7f\x10\x11\xe19\xd1\xf4\xcdf\xd6\xd7\x8c\x12g\x82\x85;\xd7t\xbd\x15\x93\xca\xd0\x0f\x02\x9cN\xc9r)\xec*\xf4\xd2\x05\xee)\x08\xfbt\xae \xebqu\x07\x98K\xff*#!#\xf7\xd9\xc9\xa2\x1f\xac!\xb30dZS8(\x92o\x11#"\xdc\xb1\xb7`)\x89\xee2C\x03 \xe2\xc5K\xa5\xa3\xf6\xedA\xa9\x01@=\x8c\xcfn\x94\x89v\xdf\xc0\x7f\x12k\n\x0f\x00\x90a&gt;\xc1\xb0\xfa7\x80\xfdUy\xac-\x8f\xaf\x938\x9e\xb9\xc3\xf6`&gt;\xa80?\xad\xb0\xf0\x16\x00\x84\x83m\x9d\xcf\xc2\x8f\x05\x85\xf4\xe5&amp;\xb4 \xc4T\x04\xed\xeb\xe2\xce\xe1I%\xcfx\xba)!\x83_%\x0e\x00\xbb\x87&amp;Z\xea\xcb.\xfd\xa5\xc7\r\xba\x12I\xf1\x13m\x00\xd8\xbc\xff\xa0t\xb2\xc1B\xe0\xb8;]\xa7\xba\xf5v\x82\xe6\xd82)[\x17\x02/\x1e}\xe6\x8ee\xe3\xa5k\x81\x0f\x82\x18\x00j;\xea\xcf\x1c\xef\x0fI\xff\xbdE-\xf8\xf7b\x94W\x98\x18\n\xe4\x0bZ\x0b\xb2\xc1:\x00t\x8e\xe6v\xe9\xd47\x94\xc6\xae+\x07\xf6\xdc]\xcf\x112\xe3\xdaZg[\xfa\x00p\xd1r\x8cb\xe5\t\xee\xfa\xf2k_\xbab\xd1@\x80\xa3\x00\x00\xe0\x06=\xe5\xca\xae0V\x91G\xd6\x9fT\x87$\xf5)\xeam\x84\xff\xd9\x08\xf6O\xc5\x0c\xb7\xfaC=\xb0\xc7\xcbjF\xc1\xc1\xe1\x97\xed\x06]\xed.\xf4\x14G6\xfd\x8c\xb3\xd8\xf1\x04dz!-\x9e\x00\xd4\xc6\xae\x83\xfb\x12\xcaC&gt;}e\xe9_\xd7\xe9\xfe7hw\x82F\x83yS\xa2\xb5\xf3\xf4\x82\x0b\xb5\x16`\x858\x10\xfe\xa6\x1e\xf2uuX\xb2b\x0b=G\xeb\xf7+{-\xc0+\xd2\xc0k\xcb\xea74O\xad\xc3f\x07&amp;\r\x06\x10\x01\xde\xa9\xfe,\xcf\x80\xd7\xfax\xaeT\xbe\xda%K\x92\xbc\xcbY\x943\xa6\x1d)|x\x94\xc5\x91\xb1[\x89W\xaf\xfb\x1f9\x02\x00\xc0\xafj\xb1\xe3\xc0\xb5}\xf4~\xbas@\xe5\xbf+\x96\x01\x04Dx\xd7Zt\xbb\x06\xea\xb0&gt;\xbfC\x03\x99V\xb4\xc5bk\xd2R\xf7\x15\x05\xe3\xa1\xe4\x12:I=\x8b\xd5&amp;\x07[\xb6&gt;KI\xce\x91\xb3\xc8v\xc2#\xbd\x04\x97\x04T\xee\xfe\xbb\xc4\xd9\xc9\xf9P}s\xb7\xf5\xa3\xe0\xef\xab.\xb2\xb1*\xd0@\xb7gH\x1d\xa1\xe6\x8d\xda\x15\x1dc\xb5\xfe\xcc\x11\x17\xbfe\xcd\x9dz4\xdeg\x97/\x08\x1c\x9f|\xcbI\xb9/\x98E\xd2\xee\xe6\x81\x9c\xa6 4@N\x05u\xa4\xe9\x16\x8b\x8f\xfc\x15\xf5\xf1]\xc7\xfb2\x9e\xd6{\xfe\x8d\xc02v\xb1"\x07\xab\x0f\xd4\x84\xe7\xa8\xbb8\xeb\x1a&lt;\xa6\x9b\x00\xe3I\xe7Z\xe2\xed[\x1cA\x85\\\xd0^\xa3&gt;+UH\xd0\x15&gt;h\xc3m\xe2\xaf\xbb\xe8\x0e\xf0\xf7_\xed\x8c)\x1d\x8f\xa9\xbdcW\xf6\xbf\x02\x00\x9aV\x02\xb1\xbc9\x833\x98\x15+Vp\xa1\xd6\xa6M\\\xdfU:SM}\x83\xde\x0b\x16\x02\x99\xa0r\x1a\x97(|\xf2_\xd5\x83\xea^~\x07C{\x82\xbf\x05\xf7\x08UP%\xc6P\xe9L1c\xc9\x15\xa3\xe0O\x12\xeft\x19_\x85\xbc\xe0\x07/\' \xc0a\xfa\xf3O\xc6\xa7+v\x07K\x18\x00\xc0L\xcd+:\xc4oZ\x0b0/&lt;\xb4\xb5\x00\xcd\xa0vZz\xd7U\xa2sUz\xb8r9D\xe9T\xec\xcfj%\xe1\xde\xce\xfe\xeb&lt;y\xef\xbe0\xa6e\xb4\x07\x00e\xa4j\xa6\xd5\xccc\xafyO/\xa6\xfe\x13\'[s\xfe\x0f\xabt\x9e\xea\x9a0m\xef\x8a-\xc5X\xb1\xe3\xc8\x18\xd9\xd7v\xdf\x81\xef\xb7\x16\xc0\x83\xbeM\xd6\xcb\xb1\xe8\x06\xa7b\xaf&lt;\x1e\x00\x00\xbc*\x95Q?[6\xb0\x15\xec?T\xbb\x14\n\xfc\xcfU0}\xe1\x01cwQI\xa5\xa1\x01\xa0\r\xf2\x04h?\xc0dBf\x80\xd9\x10\xd9G\xb9\x03\x10\x1c\x00f\x1e\xc8\xf3\x96~\xc52\x90\x9cz\x167\x00\xc8\xa4\xe0\x8ajY\x92\xf2\x07 \xc2k\x96\xb8\xaf\x00\xe6U\xfb\xe7%\xad\x81Y\x0b/\x88\xf9*\xc1\xb0`\xe3\xee\x1fr\x07\x00\xfb\x10]F(!:L^B\xf7\x91\x0e\xf0\x93\x9aT\xd4|\xea[\xb1b\x19h\xfe\xc5m]\xb0\x9b\x12J~N)\x9e\x95\xc6\x83\xcc5\xfd-\x053\xaed\xf3\x92\xbcP\xd4L\xcfG\xcd\xe4(\xf7t\xb5\x18\xa1\xf2o\xa9\x101\xfa\x86\xc2\xcbd$Z\x1e\xf4[==\xdc\xf9Y\xb1b\xa6\xb8\xaeZ\xb1\xfan&gt;&gt;\x03\xf0\xa3:UD\xcf)\x1d\xeb\xe4\xfe\x83\x90_\xeaX\xc8\x15Q\xe8\xdc\xe5\x96\x03y=\xab\x19cmJT\xe8\xa7*\x9d\x17\x9a\x15\xfd\x02u\x18o\xb4\x96n\xc52\xb1`\xc72\xef\xa2Va7\x13}\xce \xad\xdc\xb4p\xee\xab\xe9\x1bM\xf1\x7f\xca\x18\xdc\x16\xee[O\xd6D:\xabh\xe2\x03\x11\xe0\x8f\xc5\xb9|O\xbe\r\xd5\x83\xb1\xff\xecQ\x0fZ\x97&amp;u\x7f\xb5*\xb62\x7fvfb\xd7A\xb5,d\xf6\xfd\x0b\xf8\xc5\x89\x15\r\xc1\xf1\x98\x1f-\xfaL\xae\xf4}p\xfd\xdd)\xf5\x1f3\xbcw\\\x01\xee\xb2\xe8\xdc\xf4u\x06\x00\x84\xa3;\xd7C\x0e\xb4\xa6\xaduk\x12\x18\x00F[\xeb\xa7\xaa;\x02\xb1|U\xa2i\xb0\xcc1\xd2\xafSA\xfa\xf5\x84\x17\xcd\xb9K\xb3O\x9d[K\xd4\x19\xea\xa5\xa0\xb3)&amp;\xb0_\xacX\x11\x87\xb0\xd3\xe8a\xff6i\x01~)M\xb0\x0f\x9c\x84T\xec\xe9\x89\x02\xf9\x84\xfa\xa1\xbb\xb0L\x81\x88x\xc9"\xf9\xb7\xf2\xdd\xa1\xb6\x98\xba\xea\x02;}|\x9c(\xbc\x01`\xbaC\xd5k\xdbW\x00\xd2\x03\x80\xbc\xeal\x82\xe3C/Uf\x80N1_/}\x871\x00\xbc4e#M\xf6\xbe\xd1\xf9\xb9[\xb0\x8eB\x84r\xb4Il\xae\x1e\xb5\xa2\x06$\xeb\xc4:bF\xc1\xa5.E\x99\x9f\x02\x80GOa\\S\xb7J\x0b\xb5\x04\x14}\x0edI\x8a*\x01\x04\xf8\x03oY,Y\xf2\x12}\x00X\x1f2\xe1\x82\xd4ge\xd5\xadf\x9a+\xb4\x1e\x80\xa8V\x1e\xcb\xe2NN\xe9\x10Y\x92\xf8\x8b\x8dYl\xa7T\xba\xa2\rDBw\xd7\xe6\x87\xd0\x11\xa6\xfa\x18_\x83\xe1jI\xb6X\xd2^f\x87\x0b1\xf4/\xea\xdef\xb0\xcc\xd0\xfa\r\xe2\xfd1\x04\xc7\xf6=\xc4\x81\xedX\xaf\x88\xc3\x0b\x11\x1f\x1a\xe7*v\xab\x9a\xe0i/\x19^\xfc[\xfc\xb5|d\x86@v8\x1f\xb0\xd1\xcf\x079\xa4\xd6\x01`\xc5\x1c\xe1?\xa6\xdd\x95\x13\x023!\x12\xdd\xff\xf2\x95\xd0\x1fV\x9d\xab\xe8[\x1b\xf3O\x14\xfd\xe4\xbaV\xf7u\xd7\x0ef\xf1\xe0\x99\x18\xd5\xf5\x8e\x05\x08\xc7\xc3\xb7\x08;\xaa\x90\xef\r\xe7w\x12n\x1c\xfd\x14\x10\xc05\xb2\x99\xaeXQ\x0f\xee\xa3\xee\xe5\x14\x03F\x9e\x9a\x8eC\xc8s\x91\x05(a\xc5\xac\xefw\xf5-\xf9\xfbg\xad[\xe8\xec\xb1\xa5Fb\xb4\x1f\x00\xbe\xd0\x88\xaf\x0b\xb3\xf0j\x048\x87(=\x04\xb81\xd8\xbf\xdb\xa3\xe1\xb4J\xe7 \xa4"!\xdf\xd3\x0e\xf2V\x10X\x1f\x1c7\xb1\xcb\xda\xb8\xe6\x0e\x0c\x00\x91\x98\x14\x82\xca\xbf\x15\x9d\xe0\xfd\x849n\x1c6\xd0\x0c=\x19W\x0f\xac\x85]\xcdu&amp;\x1az\xda\xaa|\x0e\xec\x93\xa9Rzs\x0f\x00h\xaf\x12d+AAV\x9e\xe5\xfcQ\xcb\xa1\xadY3\xdd\x8ebjm\x1fc\xb6\xb9\xfa\x9a\xdc\xd3\xa0Y\x07\x0cNa/{\xc8\xb1L4W\x0ey\xd3\x86XVC\x960\xbe\x10\xe1Qc\x0c\xae\x19\xbb,\xd6\x01\xa0-\x1e\xd8Z\x80\xfe\xe1\xa9DE\xfc\x96\x93y\x84\x1e\x1b\xeb6\xee\xce6\xee\xee\xbb\x9d\xcd\x00\xfd\x88\xd2\x8f$+BP\x9a~o\xd0~4+\xb0\xa7\x0bc\xaf\xfd\xdfh^\xa5\x80\x8a\x8aV\x0f\xf7\xe3\xcb\xadU4#3\xc5:U\xf3\xa72v\x04\x8f\x00@\x80\xdf\xb7\x16cE\xe7\xd8\x9e\n\xd5M8\xa8\xbc \xf9\x16{`5\x90vP\xe21\x81\x1cM"\xfc\x0c\x01\xae]\xcc\x16\xb7\xd4\x1a\xa1\xe94\xb0\xf1\xb1 \xc2i;)x\xeb\xd1\xd4\xbc0\xb8M(nG\xa7?}\xbc}\xf5ha\xe2)\xf0\xf2\xa2\xbe\x94\x10\xb1\xeb\x00\x90\x8e\xdfT\xfe*\xc3\xc8\xaf\xc2(%\x08\x83ul\xbd\xac\xe8\x84\xf3\xf5s\xe5\x96\x1d \xc0\xe5Z\xcb\xb3b\xc4\xac\xef_!\xc0\x0f\xd4\x1f\rT\x0f\x99\xb5\x1e\xc1\xa8\x84\x8fO&amp;(\xe8`\x94\xc5\x15\xbe\x8d`\xf0&gt;a3Q\xd6\xa3\xa9\x99\x01\x01\x8e\xd6\x8e\x15C3@RhE]5&lt;i\x83\x08\x7f*9\x00\xa4|\xb3\xe7\xfa\xfcO2V\xa5\xd9P\x9b\xd4\xce0\xf7L\xbe\x89\xee\x8bt\xa9\xdb\xc5\x82\xa5\xea\xf8\xc3\xa0\xb60Oy=(/\xcc\x1dt\xbd\xdd\x15\x00\x01.j-\xfbHyIz\x01e\x85\x92\xdee\xf0\xba\xe7\xf6\x01\n\xe5\xbf\x81\xebg;\xfd\x86\x81p\xc7%oo\xb9`f1\x84\x9bTH\xdcu\x0eT\x8c\xfbw\xf1\x97\x0f/\xd63\x98\x15\x89\xe8\xd4s\xd4\x00&lt;\xb2\xb50+f\x833r\x8f\x87fw\x8c2\x0c\xea\xbe\xe6\x1f\xe1;\xc5+#Oo\x9b5\xc7\x16\x16\xa6\x0f\xa8\xfaW^\x14}v\x80\x9a\xfab8v\x9a\xf6\xd3\xa1\xfa\xe5\xd2\xf6\x96\x84\xd9i@\x8b\xa2\xd6\xc2@\xad\x93Q\x94`T\xed\xecg\xc5\x8a:\xe0\x9c\x05\xacXAb\x89&gt;s\xec\x14\x11_\xb1\xfb\xfez\xfd\x1c\x02"\xbc\xc2\xe6e\xc8\xe0;\x93Z\xd8q\x95\xde\x88\xab\xbf\x8c\xf1\xdaZl\r\xbe\xbb\x06M\x11\xebo\xee\x03\x00~\xc3\xe9\n\x1d\xbb\xc8\xcbG#\xbe\xbd\xb5(5!3\x00\xf415\xadX!\x83\x9e\xce\x02V(@\x04\xd8\xbf\xb5\x10\x15\xd0\x9f\xe3\xfdI\xe9\xf6\xae\x84\xb7R\x9b\xbfz\xf0\xcc\x1b\x9f4\xd7\xd1+\xeb\x0f\xf6e\xd3\x88u\x12_\x05O"\x86\xc0\x1d\x1c\x00\xc8Qx\xe7\x11p\x85%\xa9\xe8W\xad\x05\x90\xc2Y\xf3._\x92MW\x8c\xd85\xb3\xfe\xa3\xf2\xbar\x97\xb0"\x8c\xa9\xce\xfe\xb4~\x1bW\x13\xdd\xf6R/h!\xd5k\x94\xd7\xdb\xe3\xaa7\x87\xf4\xe3l\xc9j\xf7\xca\x97\xddp|x\x95_\xc9-\xc4"\xc0U\x13\xa0C\xa7-\x04r\xff\xef\xdb\x9d\xfd\xbb0\xcc\x82\xbb\xe5\r\x1db\xd5?\x81\x99\xf7\ru%\x7fQ\x82\x0b\xad^\xb7\xa2\x14\x8c\xb3\xb6\x1b\xedD\x89\xa9\xbc\xc1\x9e\xf5\xa9\xf5Z\xe7\x0c\xa4\xf1\xef8R\xfd\xf8|\xfcwI\xfa\x054P\xbc;o0\x008&amp;\x00\xd8\xbfg\xff\x11\xc5nO?\x1e\xa8\n\xb9Rkav\x19s\x9f\xc1P\xf9\xf701\xa2\xf3\x1e\x00\xaa"\xa9\xae\xccK\xbd\xb3\x0e\x90\x9d\x84YjW\xf3%\x83x&lt;\xe6\xf6\x88\x00\x97i#\x8e\x1bt\xaf\x99n\xfa\xc3\xfc|\xf8r\xb1\x97\x95\xf6R\xe5\xd4\xf5\x16\xb5r\x1a=\x02T\x8b\xc7\xe6\x85\xa6\xcd\xb6g\x80\x93\x8d\xbe\xb8\xa21p\xce-\xce\xf0\xcb\t\xc2\xbe\xd4\x7f\xb4\xf6b\xb2\xb4\x01\xa0\xa7\xb1\x13\x95\xffR\x1f\xaf\xa9{\xc5\xee\xc2\x8e\xd33\xef\xd7Q\xf0*\xa8t\xd2\xcaJw\x8a\x0c\xfe\x95\x9bL\xf8$A\xf9\x9c\xf8\xe3 \xcf\x85k\xb6^\xc4WB]\xa3V:-\xec\tl1N\xd8\x81\x10]"G\'\xab&gt;e1k\x17\x1d\x7f\xbbH\x90d\xd7\xda\xe8$\xb5\x01@\xc2=\xf1\x9e\x84\x87\xe0\x00\xbc\x0e\x003O\x0e*\x96\xb1\x8bzX\x9d\xdf\xc4\x959\x7f\x18\'8\x87 &lt;\x07\x8b\x94-\x16\x1a\x1c\xc3\xe3x\xe0{\xb1r\xb3\x07\xf1(WO\x85f\x85 \x96v\xf7\xa0\xb9\x9b6\x17 \x1f\'m-@=\xc4\xdfW\xec\xc7\xbe\xa5\x8f\xe8"\xf1\xfa`\x19\x9e}\xaa98%[\xe2g\xa6K\xba1V&amp;fnG9D=\xc1\xc2Y\xbc\x14\x0f\tald\x1d\x19\x0c\x81\x95\x9c\xe9)"2\xa5\'\xa2\x0e\x17\x05\xdf\xd0\x15R\xd9Uf\xfd\x80\x83\x13\xe7i-@s\xf4\xd4C\xcc\x1ej&gt;Zf\xc0,\x0c1\x03\xc0\xdb\x94\xa3\xa6H\xb3\xa6\x84X\xe0\x92\xd0\xd9X\x98\x824\x10\x11\xe1]\x8e\x83\xba\xea\x92\x94Hk\xd3\xf1[\xe4e\xfec\xce&lt;\xa1\x9a\xa0vf;\xe9\xa4\xc3 \xeb\xb9\x7f\xaf\xf4nT\x8d1B\x11\x01\xaeA~\xaa\x1dx\xb3\xe92\xee\x1b\xc8 1\x1bds\xac8\x00\xa8,\xfe\xb9\xee\xb4\xb3\x82@\x11\x87\xb3B\xa5\x13\x1b{\xfc\xfb\xc2\x0c!\x8f_82\xc9C\x0b\xb4\xb1\x9e\x96\xe9\xe8\xac\xbcq\x07\x00~\xff\xe1d2\\\xce\xbd\xc8\xeb9~\xb1\xc7\xca\xda\x83\xaa\x7fS\x9b\xe1u\xca\x0e\x00&lt;S\xb2Y\xbf\x86Y\xcbU\x0f\xfcUwq\x14\x87\xe8axP\xfb\xef\xe7\xbck&amp;\x16\xbf\xc1\r\xb8\x07\x1cq\x81l\x14\xdf\\\x19MR\xff\x8e\x08/P\xc9\xd6&lt;\xe9\xb3\xfb\x8a\xd2\x1d\x8e\xc6b\x1d\x00Z\xa3LO\x99\x12f\xc5\xe1\x0f*N\xc8\x85R\x80\xe4\x96\xb7\x07\xff\x87\x10\xad?\x02\xbcO\x82EoH\xfe\x1b|\x86\xce\xdb\xbb\x1c{\x00\xc8e\x11S\'X\x1e\x1e:Wn\xaf[\x80\xf7\xb5\x10C\xa8\xfc;\xc8"N\xbf\x90G.\x8b\xdcr\xd0\xd67\xde\xf0\xbe\x1f"\xc0\x83%\xfb\x1b\x19\xc4mV-7\xec&gt;\xa6\xb7\xf2T\x19\xc9\x1b\xef\xc7IH0+xd4\t\x05\x08Z\xa0\xe2\xf4\x9a\x88\xf8\xa4\xe9\xcb3\xbe\x92\xc31J\x9e\xfa\xe7;\xbb\x1d\x835\xc0\xca\x83\xf2\xa9\xbf\xbb\x8ar\rF\x11\xbdv\x90\x8awG/\x12\xdd\xb2\x9d+\x10\x8e\xf2L/"hu\xc4\xbbaz\xb9\x8c\xcb\rR=`\xe3\t\xf6\x97UK2\xa8xV\xd4\tZm6\xadu\xe0\x115{\x02zM\xd2\x0c\x10\'F\xaf\xb7\x16\xbd{\xa1u\xd8\xe7F\xd2 \x15\xe3\x12\xa7$\xa5j\xfa,L\x96\'\xa4\xed\xa5\x1ftP\xab\xf6\xc4/\x1a\xb3\xcd,\xac0{\xf4\xa5\xe52\xa9\xbf\xab\xee\xff\xe2ut\x1e9\x00p\x8ec9\xcb\xc4\xd0\xa8|\xa6\xe5\x9dC\x1c\xc4:\n\xaeZ!\xd0m\xdfV\x02\xadvZ(4\xc2\x03\x00$F\xe5U\xa2\xc4\xe8*p,\xa0\xfb\x9e\xa7\xa5\xbd\xdb\xe2\xf3\x10\x01\xbeSU\xc0\x15\xe9\xc0T\x0f\x17\x95\xa1b{\xd0Sk\xf4\xd8\xed\xde[\x87\x7f\'\xea\xa8\x80\xf6\xbav@\xb8\xb0\xf5\xb7G\xd4\xff&amp;y\x11\x16\xfc,V`\xe8r\xb2\x8aX\xda \x11?\xbe"\xafX|4\xe7b*\xd1\x17Q\xecG\x85\xef\xde\xf6\x16\xb9\x1b\xb4\xfab&gt;E\x80\x02\x9aQ{\x82kz\xbe\x99$\x96\xf5\xf5\xfa\xcc\xc0\xf24\xbb\xec\xabJ\x00\x01\xbe\xd4Z\x06y\xe8\xb6\xb3\xcd\xb7\x7f\r!\x9e\xc3\xcf\x9f\xbf\xcf`\xd3\x8f\xa3&amp;\xdf3G\x80{\xb8I\xa5\xcb3\xc7\xb8\x8d\x97y\xb4\xfd,\xf7+\x88\x86\xcf\x99\xd4\xc4\xab\xea\xb2\xf3`\xc7\xfd-\x15\x02\xa1ZE\xf3\xb9c\x1b*/\xda\x1e\xc59\x11S8\xbb\x13&gt;\x84A\xedbu\xa1D\x95\xd9x\x859\xae\x9f$\xee\xdbTJ@i\xaa\x16\\X\xbb\x8c\xcal\xf8{\xe2"\xb9\xa8\xf1\xdd\x86\x14\xee\xde\xc5\x7fH\xa0\x96\xb8w\xcaL\xd6\x97^&amp;\xe9v\x8e\xce\xfd\xa7\xe8+\xf6\xf1\x0f\xbb;\x85]\x18\x00^W\x97\xdd\nY\xf4pTS\x19\xf91RJ]\xec\xf6nc\xb2\xb7\x16\x12\xa3$:\xbf\x07\xfb\xd4\xbekV\xda\x93\x843\xc2"\xb7\xe6\xef\x88b;%\x84\xbd\xe0\xe2Y7`\x9a\xccI\xcd\xe43\no&lt;\x18\x86\xf3U\xbe\x00\x8cy\x17\x01\xbe\xedZ\xb4\xb3:*\x85e\x9f\x0f\xb5\xc42}\xb5\x8f{\xb5\xf3E+\xafX\xfaI\xf0\x8a\x15\x1d"\xbdc\xf1\xa6YD\x80+\xf1I\xb1\x02\x7f\x11\xcd\x95\xbb\xfb\x0f\xee\xae\xe8w(\x87\x07\xb0"\x0fR\x8aS,\x04m\x00p8\xe2\x9c;\x8f\xceC\xab\x90l\xb7-C\xb6C\x10\x19v\xb9\xf3\xaax\x18"\xc0m\xa73\x92e*m\xc0\x90\xdf\x1a\xb9\xc7r\x15;K\xb4=\x9e?\xfd\xfb\xba\x885\x04\xf8\xa6\xfe\xe3|p\x91\xa0\x02\xd34\x9c\x99\t\x11\xe0\xc2\xd6;\xbb\x03\xd7f7\xef/\xb5.Ox;\x00\xc0\xfe\xf3\xda\xa7\xd1\xfd_\xd7\xb9b\x9e\x03\x00"\xc2\x9bgd\x8e\x151\xa0\xdcr\xb9\x03\x00 \xe2\xa3\xe5\x1e\xcb\x06@\xf8\xf1\xb6\x13\x9am\x80s\x81\xc3\xf7X\xcf9\x9b\xed\x14\x10\x8a\xb5\xe9\xed|\xc0\xfe\x86\x99V\xa3\x88\xd9\xe6\xce\xec&gt;\xd5c\xd5\xbfF/\x86\xc3\xa6^h\x05\xc8\xaa\xd7}\x8b`Y\x98\xe1&amp;\xc3\xc3\xf4\xb0\xa9\x93U\x92H\x0c\xa5\xad0#+/\x10k\'\x97\n\x04D8\xabRD\x8bk\x928Y(\t\xf3oh\x8ciy\x1d\x00\xea\x02\x01\xfe\x90t\xddPF\xbfT\xa0\x98:{\x91r\x85\xfbo\xe6\x03\xb7J\xe8\xc1M\xaa{#\xe2\xe7\xed/\x04\xeb"(\x06\xcd\xb0\x9a(\xbe\xbd\xf8\xcbzPB9\\(r\x83\x9d\x0f\x00=\x1a\xab\xe9\x000\xb3\xd9c\xee@\xb8\xe2\xaa\xed\xd2pM\x9ek\'\x97\x03T\xfe\x0b\xd6\xeb\x99\xe3\xf3\x9b4\xa8~C\xdct\xe6\xda\xfa\x80f\x8f\xb7l\t\xe6HW\xb5\xda(\xdf\\\\\x15c\x8bI\xf0,z\xcf\xc1@\xbbz]\x94o\x96\xc55\xfd\xb0\xf0^5\xba\x1d\xdc\x97\x10M\x19@\xfd_C1V\x94E\xe59~\xb5hlD\xad\x1a\x8b\x83\xaf\x12\xdcg\x1dw\xbbE\x0fv\xe9D\x06\xfb\x98\xd9^C^\xb8\x00d\xec\xa2`sLwB\xdbTsX\xbd\x01\xa0\xfa,\xaa\xb6\x07\x07\x14\xe4\x92p\x8dOE\x0c\x8e\xc3}\x83\xd6\xe3},2\xa5U/?\xd8\xbdl\xfd\x02\xc0\xaa8ek\x01V\xf4\x89\xf5\xd0:\x1e\xbe\x872\x17\xa6\xc9\x83Z\x0b\x10\xc4\xc5\xad\x9b\x06\x08\xc4A\xa6\xfdc\x13\x88\xf0\xcd"\x82\x88?C\xfbf\xcb\x8a\xb6\xf0\xe4\x13\x048\x97&lt;;\xfd\xf7O\xe2\x0f\xb9E%\x91\xa7*\xd0s\xe7\r\x00\x1b|\xbb\xf5\t\xb7\x0bF\x86\xfcx.\xb9\x8dZ\x90\xcc\xbdl\x91j\\\xb2\x8b\xc0\xcb\x99\xbf\x9er\xba\x96\xe2\xach\x00\xfb\x16\xf3\xf4\xf8\xc1:\x00\xc4\xa0\xc99Y*R\xe5lt\x1c\x98\x80)\xb3\xb5&gt;\xcb\x8c\xc5\xedS/\xcc\xd9\xd7\xdb\'\xcd\xec\xd0\x1c[\x11)^\x97\x93\x84\x11\xe0\x11\xf1\x17MO\xfcO\xc1\xa2I\xdey\xec\xf8 \x1a\xfe\x0f\xd8\x90&lt;\xa6\x8b\xac"\xc3\x9a\x1ac\x92~+\x86 \x89\x80\x08\xe7\x0c&gt;\xfeD\xe2y\xd5\x9f\x16\xd9\x15\x18\xbf\xc5\xc2\xb7\xca\xe8%}\x7f%\xdf\xd6\x9b\x8fn-G\x9f [\xa2\xc9\xa0\x97\xea\xd9\xb2=\xa2y\x19\x88A\xea7H$\x1dw5\xc1\xc6\x10G\xc1\xfc\x06\x80d\xe4\xeck\xd9\x9a\xe9\x00\x01\xf5\x12\xef\xb7\x084\xab\xfb\'n\x91u\xe8!,\x91\xca\xe83\xaaq*\x01\xb1\xb0-\xa4\x9f\xdfi\xb5\x06\x01\x10^\x1b%0\xc2\xfb\xfa\xf4\xba \xd82\x97(L/\x9b\xc6w\'[\xfd\xdfM\x00~\x1f!l\xcb/\xab\xe6\xa2g\xd9*\xc0\x1f\xcf\xdatN\x8c\xe6\xbb\xab\xb7\xc8\xbdO\xb3\xd3\xb9\xaa\xfa\x9b\x08\xaf8\n\xba\xcf\xcc\x06[\x99\xff_\xff2\x07\x15\xfb?\x85\xf8\xcea\xa8\x9b9"\x07\x00\xa5-\xa8\x8fy\xf9\x03O\xce\'t\xdd\xab$\xe2!b\xa9\xb8\xe3\x93\x9d\x17\xb4\x16\xa0\x02\xa4\x0f\xd3\x19\xc7]\x9b\x8fN\x91Du\xa0\x1c\x1e\x00\x16\x17r\xf3A(\xa4m\x0fY-\x05\x00Q\xf7\xeb\xd5s\xb2\xaa\xda;\xd5\xd6v\xef\xcd!\x92\x90\xf1y\x97\xf4\xe7H\xe7\xe8O$\x13\xfe/9-*\x7ftot\xafN{\x85\x9e\xe1\xd6\xb0C\xf9s\x8d5\x1f\xe6%m\xff\x90\xac;\xbd\x0e\x00\xb3\xc3\xf3[\x0b`\xde\xac\xbf\x94\xfdy6\xd5\xc8\xfbn\xcb\x1b\xbe\xbb\x07{\x08\\a \xe2\x06\xa5\xe2\xdbU5)r`3P\xb8\x02|\x1c\xe1\xfd\x99\xf2?\\}\x84`\xf5+\x06\xd0\xfa\xb1\xa1\xde8|\xf5\xa7AV+G\xe3J\xf4\xdb\xa7MWc\xdd\xa6-XP\xe8\xab\xd4\x8b\xa5$\x11\xa2\x93\x83\x1edX\xb1\x82\xc0\xff\xa0\x0e9g\x8dk;\xd0\x82\x90\x18+(X_rR\xc0\x01V\xa8@D|\x07"\x9c\xb5~\xf7&amp;\x14P\xda\xb3|\x89\xf8\x173\xd5\xac\xce\x16\x8b9\xa8\xae\xc7\xec\xdd\xa1Hn\x94\xc8\xc3us{N5i\xdd\x00\x88\xb3\x9e\x95\xef\xed:\xea\r\xc9\x97l\xfd\x88,\x02\xe0!\xa5\x06\x80x&lt;\x0c\xe1\xb4j\x93\xb1\x86M)X\x1aV\x1c\xe0a\x9d\xab\xbds\xf1\xdc\xb8\x89\xf9\xd5\x19u\xd9\xdf(r\xbd\xe3\xe0\xf64x\x9e\x0c\xc9\xbb\xc83\xf3\xc6,T\xd7\xbf\x84;\x8e\x934\xe2\xcb\xf9\xed\xc1\xe6\x03@_\xe8\xf2H\x14\x11\x11\xb6\x7f}\xb9+\xc1f\x83\x0c\xb3\xca(|\xfa\xd6U}\x008\x81\x08\xf5&lt;\xd1\xd4\x16au/y\x18\xa7\xb0\xba\x03\xf4\x8c\xa5\xa4\x9bHUW\xb7K\xc13f\x9e\x9b-\xc2\xca]`\xd5\xe4\n\x1bm\x1f!\xe3p_\xfdv\x8b\xeeJ\xf3\xf1\xf4\x86\xa1\xe0\x0c\x80\xf1\xe7VL\xb2\xed\x11mVS\xe7y\xdcA1^\xdf\xfd\xdf\x1b;1\xd8\x920\x99\xfb\x87h \x9fv\x99[\xa8\xf3m\xfd\x05$\xbf}\xa5\x83\x1642Cy\x8e\x1eID\x88\x94\xfbM\x83|\x9a\x8f\x94\x11d\x05\x8d\x99\xa6\x8b\x92\x98\xfe$p\xb3\xe8.\xdf5.\x0f]\xf5fx]\xb3a(dJ\xffW\x1dP\xeb\xe9\xd7\xc6\xaaB\xe5 \x1eZ\xc7\x15\x96G\xb6O\xd3\x8cg\x99s\xc5\xb2aF\xaf\xe4\x00pk\xf1\xe4\xce\xf7\xccY\xcf\t&gt;T*\x00\xff\xae\xdd\x0f\xfc4"\xc0\x85\x8a3-\x08c\x9e\xe9\n\x08\xc7!\xc0\x8fZ\x8b1S,3\xccK\x03\x11\x01\xfe{\xf3\xd2\x1d\x11\x08\xf0\x86\xb2B\xac\x9dF\n\xd2\xd4%\xaeg\xada\x80\xeb\xa0^v\xc5-K\x93\xb2\\Hg\xea\x94\xe1\x8a\xa9\xbeG^"\xd3\x85G-\x96j\xd4qH\x01\x93\xd9\xba,\x93+J\xc0\xee\x8aN#\xe7\x00\xf8K\xe1\x03\x1emV\t.[\xa4\x1b\xc7d\x8a\xcc\xbd/\xe9,\xa0PMJ\x83.\xc0+;\x91j\x8e\x18c\xbc\'\xed\xf5&amp;O\x00Ni+\xe4\xcf\x05e\x98\xb9\xe0\xfa\xd2\x04\xa72\xf1\x86\x8d\xc3&lt;\x10\x01\xfe\xacX\xb6,,F\xba/]\xde\xdd\x06\x88v&amp;5\x1dX\xeb\xfe\x85v1\r\x00\xf7^\x03r\xe7pd\x19\xb2\xa8\xff\x13 \xc8\xa8\x16\xd6\xaf\xb2\xa4\xe7\xa0\x1eC fS\x12y\xa1\xdfT\xd0\xad`A\x18b\xd7(\x93\x1d#wL\x95\x91B\x06\xb2\xe9\xae-\x98\xa7-\\b\x8eN\xe5&lt;g\x1a\x12\xf5cv:\n\xca\xa1\xb8C\xa2\x05\xfd\xf0\xa8(\x92O\xa9J\xdc\x0f\t.\x91\x1d9\x84\xa1\xdd\xbeYD\n[\xb10\xf8s\n\xea\xab\xb6\xb8qZ\x0e\xca\x1a\xaf7W\xfd\x87&amp;\x95\xf6\xe9URD\x9a\xe4Z\xc3sY_\x0f\xb2\xab\xbf\t\xbd:s$\x8cG\x1d\xa4\x89k\xb6xgjke\x13\x0e\xb4\x83b\xcd\xe2\x83\x17\x94\x134\xa4o\xaaN#n\x0f\x00\xa1\'\xec\x11N(tt=1=?g\xf9\x97\x10/\x82\x08\xf0\xa8\xad\x18\xb7\xad\xe90]\xe7\xba\xd8\xdf\xb4X\xb1\xa22N\x80\xbe\xc3o\xd4^?`\xc8\x0bI.\xad\xa73\x00\xb8n\xcc\xd5G\x01"|\xcc&gt;\x0e\xbcm\x82$\xa4t\xa1O\x97\x1f\xc5\x8b\x1a\x00\x02x\xf8R\r\xba\x0e\x00\xa9\xd8(\xed\xecB\xd4\xde\x0f\xca\xf3\xdc\x13\x0fTSh\x8e\x8d\xc2\x83\xc4\x81\xcbt\x83\x87\xa6m\xca\xea\xda34S)\xc4\xac\x01`\xec\'\xefh\xb3~\x93\xe8\xaf\x19i\xf1#\x00\x00 \x00IDAT\x7fDM8\xfa\xe2\xab\xe1;d\x8a\xc8%\x00\xde\xbd\x00\x07&gt;]\xaf{\xf0\x8e\x92\xbb\xd1\xf1,\x0e\x8fI\xba\xca\xef\t\xfa\xcf\xe9\x03\x00\x95\xceR`\x08P\xc7Kw%\x1c\xfa\x18\x00\xfesG\xb4]\x02\xc9\xf3\xf9\xceC6\xc6O\xe5\x19\x00\x84\x9e[\xd8\x95\xa4\x94\x0f\xab\xf4\x94\xc6)\xadG?^\x16\x14\x91|Su\x18\xef\xf4h\x94\xd7\x9a(\xf4+C\x0f\x92&amp;\xe8A\r\x8du\xd6U\xd3\xc1\x80\xfa\xbf\x15;\x0e\xd2\x07\x92\x1c\xc3L\xc1\xe7H\xf6\xb1\xea9\xee\xd3k8P(\xaa\x93U\xdb+*C\xd6\xe56\xd1\xf1S\xab\xce\xae\x99\xa4\t\xaa\r\x00\xd39\xfd\xa6S\x17\xea\xcb/\xb0\xed\xb3\x9d\xe3=\xa2\x18\xaf\x04\xfcC\x15.\xb3.7\x88\x88\xf8\xb0\x8e\xee\xca\r\x8e\xb2o\x0f\xe9\xc9\x18\x97\x01\xe0Z\x8ee+jb?!:\xf6\xe9\x059d\xf2\xec[\xf7\x8c\xb3\xe2\xb9\xd1\xbcP\xfa\x8f\xd4\xac\xe8\x01\xb3\xf0\xfc\xb65+\xb4,\xf8\x15\x0b+\xcac*@\x8f,;\x00\xe0\xd0\xa6#\xe2\x997\xaf\xf76&gt;\xf0\xf2|\xd2\x9c_m\xda\x81j%\xbe\xc1\xf2\xea\xd2\x87\xb3\x1e\xcc\x83\x1f\xd0z\xb2\xf1[k\x1e\xdd@\x14sxu\xa9\xa8\x13\xd5\xadp\xe1\xd2\xee\x8fT\xe3\xfeu:\xcf\xd0\xd7\x94\x95\xce\t\xdfCP\xc5\xceT\xf0;\xb3~ZC\xee\xeb\xd2l\xd2s\xfb\xda\xc7\xea\xc0J\xbf]\xb6\xf5\xfcCz\xb6\x85\xa1\x8aJ\xa2\xc6\xe4\x84\xea\x8fd\xecT\xec\xf0\x0c\x11y:\x9e\xacC\xfd\xa8K4B\x11\xf1\xe1\xf3\xad\x17\x82\xf8\x80\xab@t\xad\x9c\xee\x06\x80\x8d\x8f\x9e\r\x11\xf6+\xfb\xe4Op\xcbjp^n\xbb\xf8\xa6\xe2b\xach\x0b\xcb\xf9;\t\x84Q\xb0\x1b{?\x15&gt;r\xc0\xac\x06\xfa7\x1d\xa8\xae\x98\xf9\n\x8e\x16\xb2\x10J\x98\x89E=\xb9\xbd\x88\xb8J9!\xea\x1c\x1b\t+\xc7E\x0e\xaf\xa2\xcf3\xf4o/Ap\xfd\xf3\xe7\x11\xce\x9ceY\xef!f\x16]8p\xa7,\xeb\x02\xa1\x84\x87\x84\x8f\x8f-*\xd5\xabL\x8d3\x9b\x18T\xdb\xbf\xd1\xf6\x11\x0b:\x9b\x8eV\x14\x00=\x00\\\x96\\ZO*V\x8b/-\xcfT\x8a\xfcOvz\xf0\xcf\xc2"\xf5\x82\xb9%\x81;\xe7J[}\xbf\x91\xbc\xfa\xaaYA\xccKZ?f\x15\x08\xf3\x80^\x80\xe61\xdc\x8e\x98\x91\xa8iHn\x02\xef\xa6\xddxa\x0f\x00\x9d5\xe4;\r\x04\xc4\xff\x98W\xed_\x11\r\xc3\xb8w\x1e\xde\x147\xfa\xbb\xf8K[L\x9e#\xc7[\xd4\xfaR\xb9\xde@l\x19\xa7\'[P_\xb9ldnp\x07\x9d\'\x01/m\xca=\xda@\xfa#+\x08\xf0\x177\xe5\x05[\xbf\xe8i=\xae-`g@D\xfc-\xfd\xe54\x8c+\xb5\x19\x80\xc5,I\xc8\x15\xa50N\xe4\xabal,X\'\x8d-\xde\xe69\x87\xc9\xcf\xf1\xeb\xdd\x1dDU\xbb1\xa8\xfd\xb8\xde\x06L\xc5\xaa\xae \xda\xaa(\x96\xfbbb\x01\xe1Q\x19[(\x98\x18\xef\xbe\x0e\x00\xbd\xc1q\x84O\xf9\x8f\x15\x17\xa8\xa3\xb8\xac\x91(\xf2LXu\xc4\xf6I\xc6\xca\xd7\xb0\xe9\xe7\x1f\x89-\x0f\x8b\xdc\xd4\x06\x8d\xb7\xd6(k\x18\x7f\xcd\xa0\x1f\xfb\xb6\x1a\xc2\x17\xd3\xf4t\x82\x1e\x0ba6\x92C\x15\x01&gt;-.M14\xcaH\xd2\xb8un8\x97K\x05\xb8\x94\xaeL\x00\x9d4\xcd\xbf\x1b\xf3\xff\x03\x8c\x1a\xa4\xcb\xf68\xba\x11\xed\xb6\xfbo\x02A-(\xa4"\x82\xf9\xe3\xea\x19\'7\xd8\xc4\xca\xff2\x9c@Q\xe0b\xbb\xa2&gt;\xb6\xd6\xe6\x0c\xbe\xf5\xae\x1dh\xd7\x85/\xfbO\xa7W\xdd\xd7\xe2F\xa9\xcc\x13\xbey\xa9"a\x8f\xc9\x1b\xc4)\xee^#\xac"\t\',d\xb8y\xf9CI(\xc7.\xed{\xe8Q\x80Q\x06\xed\xb6\x00\x02\x00\x1c\xb6\xb0\xcc\x06\x8f\xa56\x939\x9eF^{\xea\x94\xe7\xae\x02\x12hf\x8b\xbao\xd0\x83i\x11\xfe\xd6V\x12\xf5\x81\xa8NtR\x02\xf8\xaa.\x82yi9%\x0fx6#\x0bWd\xbdP+\xd4\xde\xd7\xb6\x8e~s)\xca\xd4\xfa\xff\xb4M\x1d\x9ct\xd5\xd1IW\x15\x85Y\xa9\xb35C\x92\xcd\xc7K\xb3\x0fw6\x97?GL"\'\xee_\x9eE\xa7@\n\r\xc5\x01@\x80o\xd8\xf2\x01\xbc__\xb6\x1c\xd8\x1d\x1e2NFG\xbd\xfc\xc9M\x93-\x01au\x91c\xf8y\xf6\xaf\xf6\x18\xdaN\x88\xd3&amp;\xfdR|\x11\x89\x8a\xa0\x0b\xdf\x88I|\xed\xa5\xad\x82\x86\xc5`G4&lt;\xe2\x19\x05h.\xee^\x8a\xda\x9dT\xddW\x17\tJ\x81\xfdt\x84\x1a\xaa]\x89z\x7f\x80\xa3\xaa0\x9a\x1c#5e\xf5\xa6:ix5\xb3\xf9\xe8%h:\xd2\xf0\xfa\xf6ue\xdd\n\xa5\xbc@\x80C[\xc8P\x02\x88\xf0&lt;\xab\xd56\x93\x9a\x9a\xe9|6\x13\xab\xd0e\xd3\xc7\xdcB\xab\x8b\x01@\xedJ#\xc5H1e\xf3\xa1\xbf%\xd8\xa1\xc4\x17\xb5\xfd\xa6xp\n\xd9\xa8\xa5\x18\x99\x96\xe3+\xdc\x94\xe4e`\xa9\x9d\xc6\x9e\x1f5D\x9a`j\xc5\xab\xb9\xb5\xce\xd4\xa8u\x05\xd3\x8b\xfe\xba\xff\x8a@\x13p\x81]U\x85\x1b\xcc^q\x8c/\xe1\x0e3\x11\xa3\xb7\xbf\xbd\x9d\x0c\xa2\xb8\x97\xa9Pul\x9d\x86\x9e\xd0\x00\xf0\xa2\xf8l\xc8inVl0*\xf6\x03\xed\x85H\x1b\x00\xb8Ak\xd7\x92\xfa@\xb8{\xf3;E\xcd3]5\x1c\t\xf0w\xea\xfd\x94\xbd\x97h\xc8\xca7y\xc2d\x11\x11\xe0:\xf12 \xc0\xa6S9BB\x04\xab\xac\xf4\x9b\xcf\x1f7\xbc\x88\x15\x12\xd5\xb6D^.\x83W\x8f\xd8\xedF\xdf\x89!\x9a\xda7\xacL\xa0\xe3u\x17@D\xb8\xb35T\x95\xcd\xc9;\x04R\x89\x08\xa7C\x80k\x84\x96)\x1fG[\xe5x\xb1\x82\xaeh\x8b*\xa5\xce\xb8\x9b\xdc\x04\x9d\xa4\x15\x84[\xf7 \xc6\x06u%I\xf54\xb3&lt;\xe4\xfb\xea&gt;F\xbd\xd9\xf2\xc9%[\x16\x89z\x13\xf3\xfc\xd9\xf4=\x06\x12\x1c\xe6\xca\x92\xce\xb6\xa3\xf8P\xf7\x01\x95\x80_\x00@\xc3s\x9c\xd4\xfe\xb8\x93\xdaGC\x8d\xb5yf\x98%\xa3\xdaY\xc8\x8afh1s?\xba.\xbbn\xd16\xac\x04\xb9s\\h\xcc$q\xbfo\xe78%\xca\x81A\xaa\xed}\xa1rPv\'\x90\xc0gZ\x08\xfc\x96u|\xfa\xea\x99n\xb6\x1f\xd8\x8a\xe5\x87X\x9f\xc18}[F3\xdf\x08\x0f\x00\x8e\x93_8wA\xa9\xc4\xd0\xa7\xddw\x1diC\xe7\x8a4\x1c\'\x11\x06\x08\xf0Q\x19q\n\xe2\x82\xfa\x8f\xf7\xa8\xdb\x87=\x02\x00\x00\x8eNb\xb7\x8cp(\xf4DMxY\xce#\x19R\xe7\x11\x1a\xa9\x19\xe4\xb7\x9c{h\x8b\xfbU]9P\xee\xb4\xfde9\\\x8f\xff\xb3`$su\xd8f^\xde\x19\x06\x97hz$\xeaQ\xa0\xa7z\xf6\xa7L\x01\xf07\xb5\x06r\n6\xcet\x06\xef\x9a_\x03\xdc\x0f\xe0\xbcKi\x89\x16\x839z|\xcdV\x0c\xf5\x7f\x91\x17\xa7t\xb1\xfdAt\x17z3\xed[\x18obc}\x81\x01 ]\t\x08\xf0o\x99\x92\xb0\xd8h\x8a\x8dV`\xc6\x1e\xe7\x98I"`9\xad&gt;d.z\xef\x85\xa1\xe5X\xc1\xd1\xbd!\xfa\x18\x00\\\x9f |q\xc6\xbaeb\xca\xd8\x1f\x187{\x05\xde%\xcf*-[\x08R\xd69^\x95\xe6#\\ \x8d\xef\x8f_\xbe\xf3\xe9\xf0\xec\xf7\xec\x1dhc\x8e\x16\xa9$\xf33\xf2\xaa{j\xd7\xd8\x95E\x84\xcbXL\x81\x8f\xd5\xc3\xa5\xd3\xc5\xf2\xcb\xc1t\x03\x97\xad\x8b\xf4\x88\x06\xaf\x9b\x14\xa0\x19y\xed\x9c;6\x06\x88Sj\xa1\xe1p\xc7\x81\xe3\xbd\x94\xc5\x0c\x00\x000\xed\xab;\xc7\x90\x10\xa9\xf6\xbe.\x96r\x1e\xc4\xfe\xbd&amp;T|Oy\xaf\xb7[7\t\xb4j\xec\xc1N\x85\xa4\x18\x08p\xd2\xf2\xc2t\x85\xa0\xff-\xbejJ\x01\x01~\xdc\x80k\x9bR\xd4U\xcdxd\xbb\x01\xe0\x1d\xf3\x8a\x0eW\xf6S\xe6\x07\xa9\xedt\xd8q\xfe\xa53y\x0c\xe4\xaaK\xef\xf2\x8dzw\x03\x00\x84Cv\xf3xK\x04x\xe8\x18#\xcb\x19\x00\xaa\x83\xab\xb1\xf3\xe5:j\xf5[^ic6\xd3\x91\xc6e\x8f\x9dX,d\xaa\xaf\x93\x92\xb6\x93\xae\xb7\xb4\xbf\xab\xb0\x0c.44!\xc7\x87\xd4!\xf5rk\xfd\xe8\x0fM\xb2@s7\xa0{\x1d1\xd2l\x82s\xeb\x03\x10^\xef\xb8\x05*i\xd3G(\x13\x85\x0f\xd7\xaf\xa4\xba\xee\r$\xf3\xdb\xdb\n\x11\xcd\x87\x8d#\xc3\xbe\xc7\x80~{\x1a\xb4\xd1Z\xa4\xf9\xe0\x12\xb1\rk~ TE\x9aKl.9\x8c=\x00\xa8!\xbc\x0c\x0f\xb4\xff\xa4W1F\xe6\xa1\xc8y\xca3\rb\x10\x86}\'\xa8\x04\xf7\x80\'}d\xb0\xd15\xfa\xae\x1c+\xaa\xe2m\xedX\xeb\xcd\xcdY\xa4\xebq\x9b\x01\xa0nX\x95.\x1e\xbc\x01\xa0\xd6)]\xf7\x89KR\x0fzVwR\x8e}\xbf\x04,^\r\x1ak&gt;\xaf\xa3\x19\xc7\x88+H\xe8\x19{\xb1H\xd8\x1a\x02"\xbc(p\x08\xbbU\xdd_\xc6\xaf@\xc0\x81\xdd\xac\x95\xf9lN\x9e\x92\x85\x8b\xe3\x9d\xaap\xb7q\xd1I\x9eS\xf5:\x00h\xbf\x1a\x81\x00\xa7\xaa\'\xe0\x8a\x15&amp;\xf4\xd3M\xb3\x1e\xffY\x82\xc5\xf7\xf8\xb5*\xa9\x0f\x98\xcehA\x7f\xa8 M\xdcxTh\x88Ev4\xf7\n\xd7\x06\x9c\xac\xdeG\xffj\n`\x89]\xe9d\x90\xbd\x12\xd8EsQ\xc8\xdb\xec.j,\x06!\xcdL\xaa\xd3\xee\x00\x00 \xdc`\xce\xfa\xd4\xdd\xa2\xd6Q\x10\xcd\xb4\x99\x1eua\xaa\x8b\xf1\x9452W\xcc\rJ\x08\xeb\x7f\x05\xcb\x8e\xa0\x1c\xaf\xfe=S\x9a\xa4\xc3\x0b$\x11O\'\r5\x18I\xec(\xf7`\x08\x93~\xb1\xe1\xb6\x88\x03\xebYf\xc5\xc9\x9d\xde\x1c&lt;\xd6i\x05\x84\x7fG\xb8\xcd(\xc0\x1b\xb6\xefj\x81\xf0aD\xfcv\x85\xa0H\x7fn{\x96\xee\x91\x82\x87\'G"\xc2\xe1\x83\xba\xd6\x1e\xc3\x01o\xaa\xd4\xab\xdb\xa8\xc9%\xb8_\x83@\x9a\x94(]qS;\xf8\x1e\xb2\xc9\x1a\x99\xed\x81\x00\x7fQ~|\xf3\xfc\xc3\xbb n5F\x8d\xf9;y\xaa\xd2\xf2\xb3\xa4\xac\t&amp;jf\xdf_{\x00\xa8\x01\x89\xb4\x96\x9b\x15\x93d\x18l\xf1\xae\x05\x94\xd8\x8eA61Z \xd7\xb8O\xa5\x9c\xbfr\x19\x15h\x1e\x16\x0b\x1c\xad\xbc\xaa+\x11Fu\xa8\x13\x17\xf5\xd0\xe0\xb9\x97\x84\x98\x0f\x13M\x9eq\xef\xdb\xc1\x00\xb0\xa2;\xac\xfe\xe0\x87\xd6(L%\xf9\xa5\xf6\x1d\x80\xf4;\xd7\x05\x06\x80\x91&amp;\x92(/CE\x08\x1cm\x88l?\x8a\x08\xc2\xbd\xd6\x84\\\x07d\xb9\x9cFbQ\xe77I\xd9\x138\x00\x02\xfc\x07\x87\xe3\xce\x0c\x00h\xfes\x07\x05\xa9\x10\xbd)\n\xa9k!\xa7\xda%p\xbbU-\xbd#/),i&gt;\x1e7r\xd3\x024W\xac\x18\xa0ui\xa9M\x9b/l\xcb\r\x00\xaa\xb4/\xd5o\xf2Z\x92\xcd73h\x83Mjbl\x10\xfbs\x1f\x00^\x02\xf0\x83\xd62\xf0p\x07\xe7\x00\xe05At\xb4\xea\x04\x11\xe0\xcd\x8e\x01\x80e\xf4\xf8\xc0\xdc\x9f\xbd\xb2\x1a\x98\xee=\xe9\xc7c\x11\xb7B\xb8q\x94\x9d(\x96\x86\xeeU\xd1\xb3l-\xa0\xa7\x92\x82|J\x12\xcfGzV\xf5\x93\xed~\xe3+Z\xc0\xfc5\x9eh\'\xf1\x94\xae\x02\xdf\x93c\xde\xaf@\xe2\x11&amp;[\xb4\xd9:\xbf\xd1c%\x91h\xb4\xf7\xbb\xceU\xe7\x00\xb3\xca\x96\xd3\x00?\xbe\xf5\x98@%\xdd~z1\xedI\xe8S\xf8\xb7L\x86\x92\xee\x9c\xa3\x18\x0c\xed\xc5\xb9\xb4\xec\xad\x0c\x90\xb9\'\x16\xd7\xa8\x84\xe4\x7fmn\xe7S\xa5w\x9a\x11\xfaN\xfb\x87""\x1e\xbc{\xc6b\xa5\x18\xe9\xa6\x01\x00&gt;\xab\xbc\xfe\x9b4qYP\x03\x80@`\xaf\xa9aE)8\n\x0f\'\x96cs\xf4t\'\x9d\x84)F\xa9|R\r\xee\xad\xc5\\=\xab\x8e\xb69z~\x8e\x82%\x95\x7f\xe8\xb5\xbav\xe3\x9f\x8f\xa6M\xd6\x8a/\xa6\xf6.\x1f\x19\x98=\r\x00\x83*n\xd3]\xc3\xddH\x98I\t\x1fh#\x00\x81\xdeLc@\xbe0\x19\xb4N!H:\x12\xf7p;\xa2\'\x8c\xf5B.\x0c\xe6\xb7\x91\xf4\x00\xab\xa7\x11;I\xed9\x1ev\n;b\x88\xd0\xe0z\x1eDD8"v\x00\xd8\xbe\xa0\x07\x00B\xb7\xd5\x9a9_\xd7\x95C3\xb9\x83\xb7F#\x83B!\xb5\xdc\xbf\x0c\xd9j\x18u\xf5\xb9T\x02\xcd\xe</t>
        </is>
      </c>
      <c r="E677" t="inlineStr">
        <is>
          <t>&lt;class 'numpy.ndarray'&gt;</t>
        </is>
      </c>
    </row>
    <row r="678">
      <c r="A678" s="1" t="n">
        <v>676</v>
      </c>
      <c r="B678" t="inlineStr">
        <is>
          <t>steps_per_sec</t>
        </is>
      </c>
      <c r="C678" t="n">
        <v>7600</v>
      </c>
      <c r="D678" t="inlineStr">
        <is>
          <t>2.6147628</t>
        </is>
      </c>
      <c r="E678" t="inlineStr">
        <is>
          <t>&lt;class 'numpy.ndarray'&gt;</t>
        </is>
      </c>
    </row>
    <row r="679">
      <c r="A679" s="1" t="n">
        <v>677</v>
      </c>
      <c r="B679" t="inlineStr">
        <is>
          <t>Loss/RPNLoss/localization_loss</t>
        </is>
      </c>
      <c r="C679" t="n">
        <v>7600</v>
      </c>
      <c r="D679" t="inlineStr">
        <is>
          <t>0.23195416</t>
        </is>
      </c>
      <c r="E679" t="inlineStr">
        <is>
          <t>&lt;class 'numpy.ndarray'&gt;</t>
        </is>
      </c>
    </row>
    <row r="680">
      <c r="A680" s="1" t="n">
        <v>678</v>
      </c>
      <c r="B680" t="inlineStr">
        <is>
          <t>Loss/RPNLoss/objectness_loss</t>
        </is>
      </c>
      <c r="C680" t="n">
        <v>7600</v>
      </c>
      <c r="D680" t="inlineStr">
        <is>
          <t>0.035485387</t>
        </is>
      </c>
      <c r="E680" t="inlineStr">
        <is>
          <t>&lt;class 'numpy.ndarray'&gt;</t>
        </is>
      </c>
    </row>
    <row r="681">
      <c r="A681" s="1" t="n">
        <v>679</v>
      </c>
      <c r="B681" t="inlineStr">
        <is>
          <t>Loss/BoxClassifierLoss/localization_loss</t>
        </is>
      </c>
      <c r="C681" t="n">
        <v>7600</v>
      </c>
      <c r="D681" t="inlineStr">
        <is>
          <t>0.11434086</t>
        </is>
      </c>
      <c r="E681" t="inlineStr">
        <is>
          <t>&lt;class 'numpy.ndarray'&gt;</t>
        </is>
      </c>
    </row>
    <row r="682">
      <c r="A682" s="1" t="n">
        <v>680</v>
      </c>
      <c r="B682" t="inlineStr">
        <is>
          <t>Loss/BoxClassifierLoss/classification_loss</t>
        </is>
      </c>
      <c r="C682" t="n">
        <v>7600</v>
      </c>
      <c r="D682" t="inlineStr">
        <is>
          <t>0.08692238</t>
        </is>
      </c>
      <c r="E682" t="inlineStr">
        <is>
          <t>&lt;class 'numpy.ndarray'&gt;</t>
        </is>
      </c>
    </row>
    <row r="683">
      <c r="A683" s="1" t="n">
        <v>681</v>
      </c>
      <c r="B683" t="inlineStr">
        <is>
          <t>Loss/regularization_loss</t>
        </is>
      </c>
      <c r="C683" t="n">
        <v>7600</v>
      </c>
      <c r="D683" t="inlineStr">
        <is>
          <t>0.0</t>
        </is>
      </c>
      <c r="E683" t="inlineStr">
        <is>
          <t>&lt;class 'numpy.ndarray'&gt;</t>
        </is>
      </c>
    </row>
    <row r="684">
      <c r="A684" s="1" t="n">
        <v>682</v>
      </c>
      <c r="B684" t="inlineStr">
        <is>
          <t>Loss/total_loss</t>
        </is>
      </c>
      <c r="C684" t="n">
        <v>7600</v>
      </c>
      <c r="D684" t="inlineStr">
        <is>
          <t>0.4687028</t>
        </is>
      </c>
      <c r="E684" t="inlineStr">
        <is>
          <t>&lt;class 'numpy.ndarray'&gt;</t>
        </is>
      </c>
    </row>
    <row r="685">
      <c r="A685" s="1" t="n">
        <v>683</v>
      </c>
      <c r="B685" t="inlineStr">
        <is>
          <t>learning_rate</t>
        </is>
      </c>
      <c r="C685" t="n">
        <v>7600</v>
      </c>
      <c r="D685" t="inlineStr">
        <is>
          <t>0.039678592</t>
        </is>
      </c>
      <c r="E685" t="inlineStr">
        <is>
          <t>&lt;class 'numpy.ndarray'&gt;</t>
        </is>
      </c>
    </row>
    <row r="686">
      <c r="A686" s="1" t="n">
        <v>684</v>
      </c>
      <c r="B686" t="inlineStr">
        <is>
          <t>train_input_images</t>
        </is>
      </c>
      <c r="C686" t="n">
        <v>7600</v>
      </c>
      <c r="D686" t="inlineStr">
        <is>
          <t>[b'1024' b'1024'
 b'\x89PNG\r\n\x1a\n\x00\x00\x00\rIHDR\x00\x00\x04\x00\x00\x00\x04\x00\x08\x02\x00\x00\x00\xf0\x7f\xbc\xd4\x00\x00 \x00IDATx\x9c\xed\xddy\xc8&gt;\xdd\xff\x10\xf4\x99\xc7G#\xa1\xc8\xb0\xb2M-2\x8a\x1f\x15\xfa\xab\xach\xb3\xb0l#((\xcb\x8aB\xe4\'\x16T\xb6`\x1b\xa9\xb4\x90m\xd8\xae\xe1R\xfdQ\xb6X\xd9\xa2\xd8\x1e-\x9a\xa2\xa1\x16\x9a\x9aF+FfYYn\xa7?\xae\xe5\x9e\xeb\xbaf\x9f\xb3\xce\xbc^|y\xbe\xf7\xe7\xbe\xafk\xe6\xcc\x993\xe7\xbc\xcf\x993g\xba\x0e\x00\x0e\x08!t!\x94N\x05\x00$\x13\xb4s\x00y\xa9x\x01"\xfa\xe6\xf9\x93\xea\x15\x80ji\xa4\x00b\xf9\xea\x00\xf4}_0\x1d\x000J\xe8\x0f\x10\x97\xa0\x1f\x80J\rC\x7f\xa3T\x00\xb1|\xb3\xfc\x11\x00(\xe1\x19\xf2\x8b\xfe\x01\x00\x00\x00\x00\x00\x00\x00\x00\x00(\xe6\xc4+Z\x9c\xf8\xd0\x00\x00\xce\xc1C\xc0\x05\xf4\xffL\xe9\x14$\xe31=\x00\x00\x00\x00\x00\x00\x00\x00\x00\xe0\xc6cE\x00)x\x06\x00\x80\x1a%\x8a\xfeu*\x00t\x00v\xd2\x84\xa4$o\xe1\xea\x9eu\xac\xca\x16 :\x1d\x00*d1!\xb8\xba\xbe\xef\xdf~\x00\x80\xc2\x0cJ\x01\x00\x00\x00\x00\x00\x00\x00\x00\x00\xe7d\x92$@\xc5&lt;\x04\x0c@d\xc2\x7f\x00\x00\xaeF\x0c\x0c\x00\x00\xe7\x17nJ\'\x83!\xa7\x03\x00\x80W\x11Cv\xd1?\x00,\x0b!\x18\xa1\x01\n\x8a\x1b\xb5\xeb\x03\x00P\xb3z\x1e\x02\xf6\xaeG\x9a\x11#\xbc\xdb\xb6\x05\x01ej\x11_7;z\xb2\x9cA\x00\x80\x86\xed\x0e\xe6^\xbf("&lt;\'\xb1&gt;\x00\xc0!\xc2)\x00\x80\xf3\x10\xdb\xc1$W\x07\x00\x90@=\xcf\x00TA\x87\x84\x8a\xc4\x9b\x95\x0e\xe7\xa5\xd2\x06\xd8\xec\x1ea\x84\x10"&gt;\x03\x07\xec\x11B\x88\xfa4*\xf3n\x1d~\x19\xde\xae\xe1\x90\x8d\xf3\x08\xb0\xde\xfd\x0e\x80\xaa\xb3=nV\x9cN\x863\xea\x1e\x17\x00\xf0m\xe9\x04\xb0\x97&gt;\xdb\xe9\xe8\x87g&amp;\xc3O\xc3\xa9\x04\xd8\xc43\x00p\x15?;\x04aR\xb5B\x08\xee\xcfl\xf3\xbd\xee\xd9%\xfa\x07\x00xw{\xd9\xb6\x10\x933Q\x9e\x01\x80\xdc\x9a\x0b&gt;n\xdd\x80\xd2\xa9\x00\x00\x80\x93\xaa\xae\x87P[z\x00\x80\x8bp\xdf\x16\x80\x1b\xcd\x01@~\x05V\x01\xea;+\xd8\x00\\\x91w/\x00\xd4@-\x0cp\x88\x17)\x0e\xbd\xbe\x9c\xab\x1bke\x82\xa6\x07\xa0\xac"\xcb\x80\x9a\x02D\x14qJ\x91\xd2\x98\xd3\xf9f\x00\x9e\xecp\xb6\xfa&lt;\xa1\xc3\xbe\xd0D\xde\xc4\x8c\xfe\xc3C\xc4m\x02\x9c^\x81\x0e\x80\x8a\x9aH\xe2\x84\x11\xc6ns\xea\xfb^\x86\x9f\xc6T\xd8\xfd\xda\x07H\xba\xf6\x94\xe6\x04\xa0\x11\x86j\xb82\xe5\x9fs\x98\x1fz\xff\xff\xc2\x8b\xcci\x03`^\x81;\x00\xc6\xff\xb8,\x91\xd0\xe9\xfc\xba\xd2\t(c\xb1$\xff.\xeay\x80\x8a\xa9\xa3\x81\xab\x88\xfc\xb4\xee#\n\xbe\xe0\xa0\xc6\xcc\xbc\xff\x95\x1f\x00\xa0\xa0"\x0f\x01\x03\xe4s\x9b\x86~\x0bI#\xde\x84q7\xe7\xe9-W\xdd\xe9\x02\xa8\x9c\x0e\x00pr}\xdf\xa7\xbb\xdbil\xbb\xfbx\xb3\x8b,\x01\xa8\x9c\x0e\xc0N\x89\x97\xb6(\xc6\x13{\xc7U[6\xae}f\x7ff\xf4-6\xbb\xa2Q\x8ab\xf0\x96\x0fmf\x0c\x00$Q\xfd\x9a\x185\xa7\xad\x15\x95\x9f\xe2k\xb2\x1c\xcdM\xc4L\xb8o\xea\x17On\xcd*@\x00\xd5\xfa\xb6t\x02\xae\xa5\xfef\xd0\xc0\xddAb\x9d:\xf5}\xef}\xbd7\xb12a\xfdvd;\x00T$]\xb4z\xd98\xb8\xf5!\xcf\x92)o6\xd3\xf8\xd4\xfa\x85\x00@\x1c\xe7k\tN\xd1\xbc]\xfd\r\x9d!\x84_\x15\xf5$\x0e\xe2\x9e6r\xe0M\xfbE\x1a\x00 \r\xe3[\xcc\x88R0\x94.\x00 \x05\xab\x00\xed!2;\x8dD\xa7\xf2\xf8\xa4\xe7\xe8\x8b\xd6\x03\x00p\x94;\x00\x8c\x89\xba\xc4\n\x00\x0059\x10\x9f\xfd\xbfb\xbbsjw\xf6\x7f+\xf4\x8b\x00\x00\xe0Rt\x00\x00\x00`B\xec\xa9D\x82o\x00h\x9e\x87\x80\x81\xf5\xbc\xd1\t\x00\x9a\xa79\x87z=\x07\xef\xbdK\x15\x00\x88\xc5\x1d\x80\x938\xdf\xa21\xcd\x1dN\xf4S\xd0\\\x0ep)\xe7\xabs\x00\x80\x92\x1a\r,\xa2w\x00\xc4X\x00\x00\x00\xb0\x8a.4\xc0(S\x80\x008!\xa1?\x00\x00\\\x88\x0e\x00\xc0\x14w\x00\x00\x88\xacx\xf0]&lt;\x01\x00\xc0Y\x9c(\xaa0=\x1a\x00\x80\xaaY\x15\':\x99\t\x00\x17d\n\x10-\x12\xb6\x8e\xd8\x1e\xcd\xff\xc7\xbb\xbe\x05\x00\\\x80\x10\x01*\xb7\xe7\xde\x88\xdb)D\xa0\x08\x01\x90\x82\x18\x05j\xa2\xdb\x00\x00\xbc\x10\x1c\xc0A."\x00 \x87X1\x87\xc74aJ\xa2K\xe3\xb6\xd9}\x1bw\xc12J\xa9\x00\xb8\xba2!\xc2\xff\xa6\xf9\xe1l\x92^GG:\x00\xd9.\xf0F\xfb\x1b-\xa6\x19\x00\x0ei\xb4\xcd\x06\x16e\xbe\xbaC\x08\x9e\xea\x01\x80&amp;\xfc}\xa5\x13\xc06kB\xbaF\x97\xd5o1\xcd\x00\x00\xf5\xe8K\'\x80r\x1eqt\xdfG,\x06!u\xa1\xba\xa5:j\x9a\x01\x00.dU\x14\x15B\x10o\x9d\xcfp\x1c\xdd\xf9\x05\x00\xb8\x88Uo\x02\x16\x1d\x9e\x92\xb3\n\x00pA\xab:\x004\xeb6]~|\xc6\xfcp"\xbdY\xf5TM\xf9\x04\x80x\xda\xe8\x00\x08Ow\xb9g\xdb\x9a\xcc\xbb\xd4M\x1e\xc5\xa9=W*\x9f\xa4c\t\x01\x80\x1b\xcd\xeai\xbdL\xf1\xef\xc6B\xa8\xd7\x96\xf0R}\x00JK\xfe\xb08\x000\xa5\x8d;\x00\x1c\x14\x9e\xff\x19\x12\xf1S\x8c\xb2\x07\x00\xc5D\xeb\x00|\xdeZ\x9d\x99}N\x06\x1f#\xfas!W\xdf\xffnI\x13\x03\x00@%\x8c\xc3\x9d\xd9\xe2B\x9f\xcf\x0f\x98\xff\x03X\xf1\x19\xe0"\xf6\xdd\x010\xae\xdf\x80\xb1\x1b2\xe3\x1fh\xb8\xc9\xf7&lt;\x1f\xc4\xd3nM\xb0\x86\xc7\x7f\x01\x9e\xf6t\x00\xca\xd6\xa2\x96q\xd8j\xaaQ\xef\x1f\xf2&amp;\'&amp;\xe5\x00\xa2j\xb86\x98wk5\xb4\x1d\x007{:\x005\x84\x8c\xf5\xd4\xe3\xf5\xa4dT\xdf\xf7\xcfP?\xcf\x1esfH\rE\x91\xe8\x1eE\xa8\xea+\x8b\x86\x84\xd7\x97\x9e\x94K\x08@-\xda[\x05\xa8\xf9Qk\x8a\xda\xf7lz\xe5\xdd\xbc\x93\xb9]\xdf\xb2\x9cX\xfa\xc9\x7f\x00\\T{\x1d\x80\xbbj\xba\x00:#\xed\x11Y\xb6\xc0\x95E4/eI\xb9\x02\x00\x18p\xaf\x83Z}\x8f#_\x0e\x0f\xb1R\x03\xd0\xb4:\xef\x00\xa8\xa3i\x8c\xc0\x02\x12\xfb\xad\xa5\x13\x00p\x1e\xdf\x96\xdd\xfdT\xd8\xe4\xe6\xffq\xb7\xbc5\x8f"\x8f\xa6\xf29\x98\x05\xc1\xd5\xf4}\xef-\x07\x00O\x05k\xc3\xe51S\x955\x00\x00\xc4Uf\n\xd0\xdbT\xcc\xe98\xdf\xb4\n8\xb9\x16fO\xd5\x9f\xc2\xb5.?\x0f\xfe\xe2\x87\x0fpW\xa0\x030\xac\x7f\xfb\xfee\xa1\xfa\xb7\x9e\xc0\xed\xcd-+\xb7\x1a1\x85\xd0\x9a\x86\xcb\x7f\xfd7\xfa\xce\x121\x86_{\x96#9\xe0o)\x9d\x00\x80*\x14hz\x9f\x1d\x80\x89\x86?t\xe1%\x9c\xa9?&gt;\x00\xa0\r!x\xc8\x0c \xf7\x1d\x80\xaf\xe8\xbf\xeb&amp;\x86-\xfb\xf7\xday\xf5\xa8\xd5\xe5\xefn\x1f\xb2;\xf7\xf6\xbdZ\x8b\xe2\xfe\x1b\x17\x0bg\xb4P\x95\x89\xfe\x01\x92\x1a\xad\x82\x07\x8b1\xcfG\x8da(]"\xebS\xec`w\xc7\xf1\xad\x9c\xa0\x18\xe9\xbcZi\x84\xf6\x84\x10~\xac\xeb\x14`V\xee\xb1\x90\xfb\xda\x94\xb7\x9f\xefc1\xe3\x13\x81&gt;\x9e\x12\xbe\xc4\xb0\x8d\x85\xea\xd2\x91\xb7\x00\x00]\xe6\xa8zt\xf4\xf45&amp;\xbb}\xa0\xff\xfc\xac\xd0\r\x00\x00\x8e\xab\xedM\xc0}\x17\xcc\xb3\x00`\xde\xb3\x91Xn0\xae7\x95\x14`A\x99\x0e@\xdfw\xfd\x1f\xf6\\\x03\xf4K\xd8=\x0f=%-\x07@e~\xed\xe3\x87\x8f\x05\xa4\'\xdc\xbb\x01\xeas\x80RS\x80\xa6\xea\xeb\x99P;\xe2\x14\xa0Ms\xc1\xef\x0f-\x98\x80\x94\x85\xdc\x86J\x84\x10~g\xd7}\xb7S\\\x8co-\x8b\x1a\x06 \xdd\x1d\x80\xd9Q\x96\x8dc0\x11\xea\xeb\x1f\xb6s\xd4g\xcf\xae\x1f\xb71\xdc:\x00\xda\x954\xfa\xcfY=\x0e\xabq\xd1?@\x97\xee\x0e\xc0\xd4P\xee\xe4M\x80\x10\xba\xbe\x9fj\x12\xa2T\xd9\xf9\x17\x81\xb1\xec\xcc.\xe1"+&gt;M\xb8\xf8\xe1\xc3+\xef\xed\x02H \xc2\x1d\x80\xd1\xe7\xab\x16\x03\xdf\xd7\xb9\x98!L\x0f\x08\xc5\x8a\xa1\xf3\xc7\xe2\xa2\xff]&amp;\xfb\x81;\xb4u\x13&amp;\x84\xf0\x9d-\xa5\x17\xd2\x8bR\x8bz\x08\x18\xe0\xd5\x81\xba\xf5u\xcc~\xeb\xac\xfa\xb7D\xcc\xd4\xcd\xc2h\x9ae8\x1f\xca\xdb\xd1N\x01\x9c\xdb\x81;\x00{k\xd2\x91yAS\x9f\xfcg\xd4\xd74+\x88\xfe9\xbf\x86F\xd6\xb5&amp;\x00O\xc5*\xc4\xc5fc\xbe\xb2~L\xaf\x17c\xb5\xe7\xd4\x8fF(\x90\\\x855\xbb\x00\xdaU\xb8\xee\x1e{x\xe0\xfe\xff\xd9\xd3\x02\xc0Z\r\xf5\xe4\x1bJ*\xc0\x05U\xf8\x120\x00\x1a\xe65\xc0\x00\xd0\x90\x90\xb4\xe5\x16\x13\xb0\xc3E\xa2\xc9j\x0f\xb3\xceT\x014\xe7\xdb\xd2\t\x80q\xa9\x1b\xfa\xe7\x94\x80\xb6\xa72\x87\x10\xdaM|\x83duY\xf2\x1f \x8ato\x02n[\xb5\x03`\xd7qk\xe8\xb5\xf7\xf3&gt;\xca\xa8B\xcbQ\xaa&gt;\x80\xd3k\xbb\x03\x10B\xaa\xc7\x06\x8a\xc6\x9d\xfa\x1e7}?\xfdr\xe8\xc8\xbbi\xb6\x9b\xf1\xf9B\xed\xa4n\xa7C\xf9\xa4\x1eJ#@NQ\xeb\xdc\xbd5\xb8\xaa\xff\xf42\xdc\x8ay})5\xe0\x16(\x00\xe9il((\x84\xd0\xfdK\x8a\x1f\x00@N:\x00\x1cp\xb0\xf0({\'fp\x01\x00&gt;\xd5\xf1\x0c@\xab\x13\xb0)\xef\x8f;&lt;+}\xcb\x03\x00B\xc9\x91\xac\xae&lt;\xc2n\xf7\x01\x8f\x86\xa4{\x1c\x0b\x00\x80\xe4f\x03z\x03\xea\x00\xd0\xbc:\xee\x00@\xad\x8e\xc5\xbb\x95\xc6\xca\x07\x0e\xcap:\x00\x9c\x85Q=(.\xe7e\xf8\xdc\xd7\xe1\x9d\xaa:\x00\xa0A\xedF\xff\xed\xa6\x9c}&gt;\xce\xf8U\n@\xa2\x87Y\xc3CW\xc7\xd5\x14\x06J\xa7\x05\x00N\xeb\x9b\xceCr\xb4\xe3\xa3\xac\xd6]tcD\xb1\xaf\xa1\xf0\xf7=\xbe\xc1\xa1a~\xe6\xaf\x07\xa6\xa2\xfc\xa6_\xcd\xd6y"\x16\x00\xe0\xb2"\x0ec78(\x1e\xf9\xd8[;|\x00\x80\x18\xc4@g\xf6s\xc2\xfc\xc8q\xa97\x16g\x08\xbe\xff\x9a\xa5C\xd3\x07\x00\x00.J\x00tn\x8d\x9e\xdf\xe3/b\x9b\x9a\xfa?|&gt;A\x07\xa08\xf9\x0fp\x1a\x96\x01mI\xd3\x13\xa3Yt\xa6\xf3\xbb2X\x9c\xffX\xbfeS\xa4v\xa6\xf2\tpq\xc5:\x00\xc6\xf3\xe0\x1c\x12\xc6\x85\x02\xce\xd2\xf2\xd4\xd2\xa5\xa6\xb7\x01\\\xd6{\x03\xfb\xac\xee\xfb~\xe4\xaf\xb5\t!4\x91\xce\xb2B\x08\x86\xee\xa8\xd3g|9,\xab\xf3\x7f\x85Q\xb7b\xa3\xa8\x00\xccx\xbf\x030X\x80/y\xed\xb9{l\xe9\xf5\xee\x81Z~\x81\x86\x90F)\xb9\x00\x90\xc2\xf8\x14\xa0\x0c!\xe3\x91;\xcb}\x7fO\xa1\xd0\x16\x9a\xf6\xf6"\x82\x8f\xeb\xf9\xf37MN\x14I4\x91\xc6,J\x00\xf6)\xf6\x0c\xc0\xb1w\xfd\x88\xfb\xebw\xfe\xd0d6\xfc\x9a{\xc4E\xdc6i\xa4\x0b\xb0\xf0\xef&amp;\x18\xaa\xc8L~\x03\xcc\xb3\n\x10\x89\x9c\xbf\x05\x9e\x89\xea\xae\x16\xe1\x1fy\xa6\x7f\x90\x8d#[\x18nUT\xf7F\xbfbT\xdf\xf7\xcf\xfa\xc7[\x99\x01F\xe9\x00pA\xffA\x86}L\x05g\xe7\x18\xfe\x8f{\x14\xa3y5\xd6\xa9\x88\x1a\xefZ\x88\xec\xec\x1e\xe7\xb7\xbf\\\x8f\x1c \'\xad)\xcc\xbb\x07\xb5\x1fWJ\xb6q\xca\xef\x88z\x91\xbe\xbd\xa8+\xeefg^\x10\x16qG)6K%\x9c_\x00\xa0\n\xa3AI\xa3\xaf\xc5H\xd4\x01xn&lt;\xee\x06\x01\x00.K\\U\x9dF;\x00\x9d0\x1d\x00\x1a\xe4\x19\x80\xcb\x11\xb0U\xa8\xddg9=\x87\xca"\xbdD\x00HB\x13{5\xed\xde48\xb5Dg\xe4\xbb.{\xae\x95s\x80&amp;\xa9\xbb\x1b\xe7\xf4\x15\x96\xf4)X\xe2r\xa6\xa2\x93\x9f\x00\x89\xa8^\x99\xa4\xf5\xad\x81\xb0\x92\xd3\xfa\xb7\x15l\x80\x12\xb2\x06\x16\x8f\x05CV|\xf0\x12\xad\xc2E\x0e\xf3j\xc4\xeb\x90\xcf\xd8\xba\xba\x00\xb4HmN\xab\x1e\xd1\xbf2\x0c\x95\xd0!\x07h\x81\xca\x1avs\xf9\xc0\x90;r\x00\x97s\xbc\xde\xd7r\xd0\x18%\x16^\xb8"\x00\x80\xcb\xd0}e\x94\x82\x01\x00\x10\x9dY\x07T\xca\x94\x18\x00\x1a\xf0h\xab,\xf5\xf0$\x1f\xf6\xc9\x96o\x02,\x00\x80\x08\xf6\x04U\xa7\x89\xc3\x86\x07\x92\xe5\xa0N\x92oC\xa7)\x0co\xcez\\\x00@"\xdf\x94N\xc0z}\xdf\xf7[\xbf\xf3\xb3R$\xe4\x126gu\xfdv\x94\x1f\x8a\x08Vv\x07\x00v38\xca\xb9\x99\xcf\r\x00\xb4\xad\x9dh\xa6\x89DB\x19\x8d\\\xc5\x00\x00\xab\x89o`\x96\x0b\x84\x9cB;\x83G\x00Uh\xe8\x19\x80\x8a\\c6\xb9\x06\xb5R-\x9c\x97~4\x91-\xa4\xfc\xb8\x97c\x14\x98\x1e\xb12\xf7\xc2H\x96\xeb\x12\x00\xccI\xda\x01P\xf96m\xcfS\xd7d\xe0\xbc\xd4,\x84\x8b\xf4s\xf2\xd9\x14\xca\xcb{\x805\x92v\x00\x84)ei\t)\xe6\xb3\x97r\x85\xb0\xf8\n\xc7\x98\x93\xbe.\x00l#\x169\x973\x9c\xcd+\x94\xc9\x91\xe1\xea\rG]C\xfe\xd4\x90\x86\x1d^\xde\x94b\xfe\x0f\xc0\xe5\xdc\xea\xfd\x10B\xf7\x9d\x1a\x00 \xb7\xdd\xa1\xe7=l-\x1b\xb9\xfew\xaaM\x00\x9ae\xf8\xa7\x05\r\x9f#\x05\xac\x19M\x9d)\xa3\xd7\x89\xc8R\x00.\xab\xaa&amp;\xb0\xf4H\'T)\x84P\xd9\xa5\xda6}*\x00\xc8\xa7H\x8b\xab\xa5\x87\x95.s\xa5\x18k\x00xW\xc3{\x00.T5\x1f\x08O/\x94K@j\x97\x89\xfe\xbb\xae\xeb;\xab\t\x014\xa7`C\x15u\xd7\xf7G\x93\xaf\xd4\xee\xeeq0\x7fd\xef\x87s\x16\xb9}\x07u\xca\xac\xd8\xeb\xb2\x13\x8d\xaey\xd4\x00Miw\xfa\xe6X\x9a[=\x96V\x9c2o\x8b\x1eT\xa5\xf9\x19B\xe8~\xa9\x0e\x00\x00\x9cU\xb3\x1d\x80Q\x1e\xefK\xea4\xe5\xe4\xd5)\x0f\x8a\xb2\x9a)T\xd1/\xea\x93\xd6\x12\x00\xb0\xd6u\x1bBA\x00\xd1)T\xf1%\x18\xfdq\x9a\x00\xba:\x1e\x02\xa6\x14\x0f\xc6\xc1\x0e#\x11\xa4\xb02\x89\xbe\xef\x0f=\xbf;~R\x9c,\x00X\xe3&lt;\xb3\xb0j#c\x9b3y\xca\x9c\xcaj\x0c\x1e\x1e\x1by\x16\xab@\x82\x00*S\xdd\x1d\x80\x8af\xfcW\x92\x8c\n\x84\xe0fA*\xc7\x068)`\xf2\x949\x95)\xedm\x17&gt;O\x8a\xd3\x04PSU\xf8V\xbf\x0b\x8c \x84\xe0B\x80\x8dBUM\x1b@\xe5\xaa\x18\xf0\xaee\xf8\x9f\xc2\xfe\x83\xfc%A\xd9KA\xae\x92O=7\x90\x01ZQ\xc9\xdc\x9b\xe8\xc9\xa8\xe1\xa0\n\n!4:\x97\xa9H\x07\xe0\xe2\xa5%\x97&amp;3Y\xd9\xa8\x9fK\x18\x00\xd8F\xe8\x90\xc7g&gt;\x8b\xdb\x86v\xe7\x86l\x04\xa0\x19\xb1Z,-\x1f)\x85\xae\xdb\xf0\\\xb8\xd2\xb8\xcd\xf5\xb2k\xfe\x9d\x80:\x00\x00\xb4LkD\xc5DK5x\x9b\xa5v\xfa\x93\x92\xe8\x00\xff\xecs\xbd4\x1d\x80\xa4,\x95\x00\x14v\x0b[\x1f\xeb\x1dY\xc2e\x8fg\xe8o\xd9(\x00\x16\x15x\x0f\x801*N\xe0J\xc58\xc7\x91\x0e\xa2V\xf1\xeb~\x17\x8a\xfe\xdd\xee\x00h\x86\xfa\x9a\x9a\x84\x03\xb3&amp;\xa2\x04\x1f\xf5D0\xb3S\xd2kI$&lt;\x1d\xb9x\x018z\x07`S\xfd\xfb\xf9\xd1_\xb0\xbd\x06\xffW\xd4\xf8]\'&amp;\x9b\xb7T\xa8\xdeC\x87\xc7?7\xe4j\x94\xa1\xd6J\xc6kC\x08}\xdf\x19z\x07\x80\x8bh\xba\xc97W\x98)3e\xe3\xfdO\xc3\x9e@%\x11yv.%\xda\xe3\xca\x05\xd8\xad\xc03\x00\xf1\xa8\xf1\x992^6B\x18\x89t\xfb\xf7\x0f\x9c\xca\xba#r)\xe5q\xb6\xd2U\x96\xa0\x1f\x80/\r\xc6pf\xb2\xe6\xf0:\xedg\xfc]TIOD\x91\xb3\xachm\xd5\xe2\xcc\xf2\x16\xd3\x0c@AM\xdf\x01\x18\xd7\xe0\xb0P\xdf`\x9a\x1b3\x0c\xfd\x1f\xc1\xd2K\xc048\x03\xf9\x02\xa9\x0cA\x9b\xa2\xb5C\x8b\x99\xd6b\x9a\x01(\xa5\xc6\x0e\x80\xd1,\x12\x19\xc6H\xafE\xec\xab\xc4\xa5+zB\xb4&amp;\xb4x\x9aZL3\x00\x05\xd5\xd8\x01\xd0\x94\x91J\xe8F\xcb\x97\xfe&amp;\x00p\x1d\xdf\x96N\xc0\x98*\x87\xb3^_VZ2\x19\xc5\xd3\xd0\xb0\xdf\xd0u#\'\xb1X\xf8\xefT\x02\x00\xf9\x95\xb9\x03`\x92\x0f),\x17\xaa\xdf\xe73\xe0~\xffR\xb6\xa0\xdc%p\x8c\xdc\xcbaM)U\x92\x01\x9aS\xa6\x03\xd0\xf7\x8d=\xf6\xfa\x18\xfe/\x9d\x0ec\xc6\xb3f2gP\xe4\xbe{\xb6\xf4\xd0\xa5\xeb\xed\x9f7\xe6\xacm|d11UUJ\xb5\xe5\x1e@\x9dj|\x06\xa0N?\xb8\xebj{&lt;\xe1\x04\xed\xdc\x8e\xd6z\xe5W\xa6&gt;\x13\xc2o}\xfe)\x84\xd0\xbd\x0f\xffoJ\xcb!U\x85MI%9\xd2\x93\xe6^U\x17\xf5}\xe0#\xd7\xde"l\xe3\xcf\xafb\xa2&amp;@\xfdT\x94\xab\x8c\xcd\xbc\xf7\xf2\xd4\xa3\x9e\xb1\xce\xca\x06{\xd3\x8b?\x17\x1f\x96\xf8\x8c\xb4\xc4\r\xd4\xa0\xb2\xe7|rTt;\xaa\x82\xbe\x1b\xed\x04\x8e\xa7v\xeb\xf6\x01N/rmX\xc9\x93\xb2\t\xdc[\x903\x1eZ1%J\xcbW|\xf0\xdc{\x08\xa1\xef\xbbj\xbbs\x95\x85\x83\x10\xdf\xfa\xaa\xe0\xad\xdf&gt;\xfa\x95\xe9\xad\x19\xb5\x01\xb83\x05h%\xcdF|\xf9\x1f\x05\t\xe1e,\xf0\xb6\xf7\xbe\xefg\xceo\xf1)\xc5k\xb3\xa8\xa6\xa9#\x1c\x11B8\xf3#\x0e\x9f\xe2\x15\xdd\xa5KU5\x0ep\xa7\x03\xb0\xd6eGa\xab\x9a\x94\xbcZ\x8bi&gt;\xe6\xaa\xe5\xf3d\x1e\x97\xdb\x95\xce\xa6\xa2\x0b\x90]\xc3\x1d\x80\xfc\x81\xe9m\xbaH\x9b\x01\xf1\xd5\x8c\x87\x14\xc7\xee98\xf5M\xba_\xb3\x7fI\xccs\xa7$\xc4\xb5\xfe\xc2\xec\x1f\xa6&gt;p\xdei\xa8\x00u\xcb\xd64j\x83\xf3\xa8*\x9f\xf3w\xc0\x86{\xac*+()UI\x88Y\xbc\xafV\\\x8d\xce\x00\xac\xe7E`\xcc\xa9\xed4\x95\x1d\xd83\xacH\xd7u]\xf7K\xd3\xcdZ\x89X\xc6\x14W\x00\xf2Y\x0c\x19\xc3\xc3\xf0\x9f;v\xb3#mlU\xb2\xab\xf6\xba\xdf\x14\xc3\xf0\xb5uo8\x13\xa5k\xc2b\xb6\xec\xc97\x83J\x00\x9b|\x1b}\x8b\x8b\xc3N;\xc6\xa5FVB4\xb8uL\x03\x8bK~$/z\x03_{\x0e\xf0\xa1\x95\x19\xde\x82\xd1i\xcbo\xe7\xd8wz\xa7JE+e\x06 \xa7J\x1f\x02\x1e6\x9f\x9a\xd2dVe\xac\x86s\x8a\x92\x99\x9f\xd2x\r\x9b\xaf,\x05\x03`\x93o\xba\xd5qL\xa2pgjI\x87\x10B\xf7\x18\xb9Q\xb9\xa71\x9d\xabG_\x9cy\xf4v\xfc\xcckz+)\x0c\xa2\xff\x01Y\xf1N\xadu\xc4\xed}\x1d.1\x80\xb4\xde\x86\xdb\xa7\xaa\xdd\xbc\xd5q\x98OL^5\xa4!\xab\xe3\xd9\x9e\xe6\xc4]\xeeDP\xa5p\xb9wu\xe5\x12^\x95N\x0e\xc0\xe5]\xb6:\xbe\xec\x81\x1f%\xd3*\xe2\\\xc4\xa4NH\xe7\x99\xb72\x19\x00`\xaf\x1f-\x90\xa2\x19\xe2~\x00\x80\xa3DT4Dq\x05`\xbf\xb36!g=\xae\xe8\x84\x11\xd0\xa8\xf5\x17\xef\xeek\\\xe5\x00P\xe92\xa0-\xca\xd3\xa84\xdate\x8b\xc8\x1bz:\xb3\xc4\xa9l#g\xb8\xb2\x95\x0b(\x8d&gt;*\xa0\xe7\x0f\xb0\x92\x0e@4\x19V\xfdkta\xc1\x8cM\xf2-&amp;\xe8\xba\x16\xf2*s\x02\x85F&lt;\x85\x10\xba\xee\xe7\x97N\xc5!\x9f\xeb\x02\xaf/\xdf\xf5W\x0e\x00\xec\xf1l\t\x86\x03B\xc2\x9f\x83\xee\x99\xb9=\x1bs\r\xcb\x89p\x17\xc8\x9fsp\x1e\xc7\xacZ&lt;\xd4-\x02\x80\x9b\x02w\x002\xd4\xbf\xb7\x01\x9e\xb7\x1d\x19\xf5\xd9\xe5\xa3\xfb\xb4+\x1b\xb3d~\xb1W/\xb5\x12Rd\xce\x9fV\xb2\xa5E\xe7\xce\xdb\x1dG\xb7\xe6\x1b\xe7\xce4\x80|\xe2\x8d\xa6D\xae\x97KU\xf4\xe7{\x7f\xcd\xfb\xbd\x94-\x87v\xb2\xac\x98\xb1\xfe0/\x92!]\xd7\xb9!\xf3\xe6:\x97C,[\xb3\xcb\xf0?\xc0z\xfb\xef\x00D\xadIc\x0eL\x16\xac\xe2\xcfw\x93\xe1\xfd\x88\xd6\x1f`\x08#_?\xaf\xb3\x04\x16q\x8e"\x84P\xf0\x86L\x85\xd6\x14\x0f\xe1\xe9\x9b\xad\xe5g\xf1\xe9\xe1\x95\x8f\x17\x03\xb0`o\x8b\x95\xaa\x91\xab\xa1\x05-\x94\x86\xe4{,\x9e\xb1d\xe1,\xa7\xa2\x0f\x00\x00]\x97 \xa6,\xde|~M\x01Z\xd7\xd8\x1f\xdf\xddp\xbf\x07\xb7V\x93\x93\x1d\x0e\xe7\xa7\xc4\xe6!\x9f\x01\x8a)\x1en\x0e\x120L\xc6\x0f\xab$a\xc5\x93A["\x96\x16e\x8f\x13;X\xbc]\x1d\x00O\xdf\xae\xfc\\\x08\xa1\x9a\xd9\x93_\x93\xcbC\xe8\xfa.t}\xff\xac\xd6+Id%\xc9\xe0\x82\x94=\xeaTS#\x02@\xcb^\x87s^Fw\x8a\x8c\xf4\x18a\xea.p\x8f~8\xf3*\xf5\x8eN\x9f\x99]\xf7_\x96N\x00Wq\x8d\x0b\n \x99\x10B}\x0f\x0b\x86\xae\xfb\x8bJ\xa7\xc1\xdbV\xbb\xee\x02\x13Z\xf2$\xe9\x1a\xd3\xc9\xce}t\x85\x9d\xbd\xf0\x00\x90\xd7[\xa3\xa2\x8dy\xd2\xe2\x9e^\xdb\xe7\xb7\xfa\xc4\xb7\x9d\xbd\x95\xb9@\x07\x12\x80\x9d\xf6\xbc\x07\xa0\xc4&lt;\xce\x06\xda\xb0p\xb1\x95\xef\xaf\xa9\xe9\xf3\x1b\xaa\x8f\xb0\x9b\xce\xdeyb\xf1\xb2d&gt;@\x13\xdeo2T^}\xd7\x9fB\xa8\xff\x0e\x00\xf1T=\xfc\x9f?a\xd5f\x05@\x11\xfb\xdf\x04\x9c\xd8\xc8@`\xcd\xcf\xf5\xb6\xf8\x8e\xc9\xdbqi\x17/\xe4^D\x9d\xf1\xf3\xab\xf9\xb2.\x15\xfd\xab\xeb\x00\xdaS0\xfa\x9f\xdeu\x9d\xcd\xc9d\xaa\x8a\xaf\x92D,N\x1f\xf3NXB\xbc\x01\x00\x80\xd8F\xda\x86$\x8f\xd0\xa5j\x84\xfe\xe2\xdb\xd6\xbb\xf1\x86\xff}\xd5\xa6\n\x9b\xc3\n\x93\x04\xd4C\x15\x01p1\xc5*\xfd3\xb57\xef\x07R\xe1\xa1U\x98\xa4\xf5\x9aN&lt;\xd4os\x07\xc0%\t\xd0\xb6\x7f$q=^S;\xf1\x1bkJ\x0c\xebE\xe9\x00\xe8E\x00\x00\x9cM\xac\xbb\xd8"\xc5(B\x08\xcf\xee\xdf\xc1,uF\xc8\xa9\xca\xb71\xe6\xf1\x07\x1d\xdf\x84\xab\x15\xe0\xba\x9an\x03\x9aN|=B\x08\xff\xcesy\x903d\xe9\t\x0e\x81\x95~q\xe9\x04\x1c\xb2\xbb\x06;^\xf5y\x96\x00 \xaf\x0b\xd5\xb93O\x0f_\'\x13\x1ap\x1bF\xfd\x113%\xf3B\x85\x96\xba\x9c;H=\xd4\x018|\xb3\xee\xdcy\x0bP\x97\xebT\xbb\xdfgz\xf9\xa0\xb9L\xb8F\xe6\xd0\x80\x9f\xa4(\x96w\x91\xdar\xeb\\&amp;w\x00\x00\x9a\xf2\xb7\x1d\\R\xb3\xb1*{\xe6`\x17\xf3A\xfb\xd4\x14g\nZ\xa2\x82\x05\x88o\xa6b=T\xe7\x9e\xa8\xbe\xd6\xf6\x9cF\xd4Hb\xdbv\x94\xa2\x04~Q\xe9\x04\\I\xb9\x02\xac\x03\x00\x10_\xeb\x15k\xeb\xe9\xe7\x80\x92\xa7~k\xc1SP/\xe2\xac\'\xfa\xe5\xb8Nz\x8c\x005\xfb&amp;\xd6\x86n\x15z\xdf\xf7\xb168\xbf\xa3\xb8\xaf\xe9\x1dn\xed\xac-.KV\x15\xddD\xc5c\xebu\x93\xe1B\xcb\xcduw\x19o\x17Q\xee\x13\x7f\x92%\xbf\x00\x0ei/\x8c\xf8\x8c\xc0\xf6\x05C!\x84\xbe\x1fi\x08\xfan{8\x06@\x0b\xb2\x8dU\x01\xd4,\xda\x1d\x80R\x8e\xd4\xe3\xc3\xe8\xbf\xef\xfb\xdb\xa6\x8a\x0f\r\x85\x10\xba\xee\x7f)\x9d\x8a\xb4\xe2\xde\xc0\xe1\xd2\x94"\x1e.\xfc~4\x80m\xbe-\x9d\x80\xfd\xfa\xbe;r\x07\xe3\xb5\xe7\x10&amp;~_@\xf1\x04d\xd3\xe2\x91\x1a&gt;\xacMh\xf1&gt;&amp;]\xd7\xa5\xb9\x9aBp\x07\x17`\xd9\xf0\x0e@u\x03\'\xa3\xc39\xfdC\xd4v\xbf\x7fn&lt;\xde6\x99\xf4\xbc\xdfR\x81\xf5\xc5\xfe\xe7\xd5|\xcb\xe2\x9awT.x\xc8\xe7s\x96\xf7p\x03\x10\xc95c\x9a\x9a5tFR\xa4\xb3\xe6\xc3\xaf9m\xe9\xd4q\xd4\xc5\x13\xd0\xaa0\x90s\xa7N\x19@\x96g\x00\xf6\xd6\xef\xd9\x06\x89\xeb\x08#\x88iXxb\x9d\xdc\x9an\\\x8c\xa89mob]q5\x1c\xb0\x9a#\x92(\xf9\xb8\x1c\xdc\xc7\xbe{\x0c\xc0\xa4\xda[H\x1d\x80\x8bX\x7f\x96\x95\x87XFs\xd2\x15G\x97\xe0\x0e\xc0\x9aM){\x00|\xd1$4\xe6m)\xf1\xa6\x1a\xf5D\xd3\x93\xaa\xdaN\xba\rr"\xd9W\x03\xb3\xfe\x18@\xd7u\'X\x064\x96\xd4\xd3\'*jr~T\xf3\xed\xdf\xed\x00Z=\x8aT\xaf\x12\xabtVC\xb5\t#\xbb\xf7\x92\x7f\xfcR\xd8\x1c\xcd\x7f\xad!\x01\x00\xe9\xd5\x16\xad\xd6\x96\x9e\xad\xde_&amp;\xbawT\xaf\xc8\x1b\t\xc2\xe0m\xd6\xab?\x9f-\x85m\x17\x8c\xad\xb6\x9e\xfaf/\x9c\xfc\xef\xdb}/\xb4\xa3\x05\xfe\xe0\xd5\xd7\xec\xe9\x00(\xcc\x1d\x80\x8bj}\x0c\xec-\xfd\xf3\xa3z\xf3QB\xdfg\xca\x8d\x10B\xd7\xfd\xfb\xdd\xae\xcc\xcf\x18\xe7\xb4]0\xb6j\xfdBX%\x94zYB\xf2\x9d^\xe2\xf4\x01\xb4d&gt;`\xa9z\xd8f&amp;m5\'{\xc4\xd2\xf0v\xd1\xc3\xf9)\t\xf7\xfey\x7f \xdd\xbe\xb8\x0e\xd3\xc7\x8f\xd8\x94u\xf2\x19\xe0:\xaa\xa8\xf1\xebo\xe37M\x1d\xa9\xffp\xd2I\x7f\xec\x17\xcd\xd8\xcb\xcay5\x05\xaf\xc7\x8a\xe7\xca\xd5 \xc0\xa8\x8a\xa6\x00\x85P\xac\x9a\x1e\xee\xf4Rw\x94O\xdfCH&lt;A\xe0e\xeb\xe7\xce\xc9\xa100\xf5\x81\xad\xdb\xfc\xebZ\xc8\xba\xe5\x99fq\x8fbb_\xd1KZ\xear{\x9dK\x03\xa0\x15\xd5\x85\xbb!\x84\xa9&amp;\xf6%L7\xf5s\x85g\x8e=\xb2\xebe*p\xbb\xf9yKy\xd44\xbf\xe7L\xdfw[\xaf\x8e\x04\xa9Z\xdeg\x91Kx\xb1\xe4\xcc\\\xc5\x95H\x91\xc2}\xc5f\xc7^n?\xecK\xffh)M}\xbeJ\\\x1au%\x00\xe0\x1a\x92\r\xf6$\x1eI:\xd50\xd5`\x8cv\xf2ML\xf7\x0f\xfc\xe35\x1cu5\x99\x7f\xf6\xbb"\xc7\x9d s\xd2\x1cB\xbe\xd9Am\x9d\x82\xe6\x12\x0cpz\x8d\x8d\x88$\x1d\xc89\xd9(\xd1\xfc\xe1\xbc\x0e\xe2v\xc5KBU\x99\xbf{@\xb4\xaa\xa3(\xad\xd4\xca3\x97\x90\xedn\xc3\xf1\xc2|\xf0\x96\x05\x00)T\xf4\x0c\xc0\x8c\xf0X7\xbdK\xd9\x8a\xd4\xdc&gt;\xed\x18?\x9b\x9f\xad\xfc\xf6\xd9\x89\xdf_\xc2g\xde\xee.\t\xb79\xe2\x97\x1f\xefl%\x03\xbej\x95\xd6\xdcR^:\x15\xab\x1d^i\xb7\x9dC\x05hD\x84\x0e\xc0L\x0b\x1a5\x10\x08\x8b\xbb{\xdb\xf5\x8e}T\xdb\x07\xd8\x99\xb0\xa9\xe1\xff\x8d\x9f?\xb1a\xdf2\x96\x8b\xbfjtk^\x96\x0b\xc1\xfb\xae\xe2K~\xc6-\xc3ZIy\xdf\xf7\x07\xefT4\xd4\xd5\x01hE\x84\x0e\xc0L\xd5\x1e\xeb\x15K\xb7&amp;\xe4i\xf5W\x18Q\xe7\x90\xe7\xc5\x83\xe6Y5\x9e\xaf\xd8\xaep\x8c\xd1\xf4\xbf6G\xfdVOE\xa1f\x00\x88N\xc5\xda\xaa\x83\xf3\xd4\x9f\xce\xd4\xb8\xee\x98\x18]\xf1\xac\xfd\xdbi\xaa0a\x0bj\x9e\xf3]\xff\xf2D\xf5\xa8\xf8\xd2\x00\xa0\x02\xf5\x0c\x14]\xca\x81l_X\xc4\x9d:8;\xd1)\xf3\xdb\xb4\x9b]\xf1\xdf\xc9\x00\x00\xad\x0b!t?\xb3\xd5\xd6\xb1\xc6\xa0Do\xea\x80\xcf\xacK\x94\x99\xfa\xbd\x00\x10\xd3E\xda\xd4\x8b\x1cf+\x06\xcf\xef\x16\x0e\xec\xae\x10V\x86\x10\xba\xee\xa7%\xdd~\xea&lt;\xd4\x01X\xafx^=w\x1dB\xe8\xba\xbfm\xeb\xb7Wn\x1c\x80\xfd.\xd2\xa6f\x1b\xa7\xacG\x08\xa1\xeb\xfe\xd2\xd2\xa9X\x10\x06\xd2\xed\xe2\xed\x17\x89vT\xb3t9\xfc\xd8l\xf2\\\xbdHM\x15\xc5\xe0\x9a\x1a\xe6X\xbe\xdc{v\xefS\x9c5\xc5\x00 \x82\xebE\xc6\xe7&gt;\xbau\xa7\xef\x1f\xad(\x96\xca\xd0\x07 \xa5\xe4\x03\xff\xddW\xf4\xaf\x84\xb4\xe1\xab[\xe8\xa2\x06h\x858,\x85|\xb9\x9a`i\xfc\xa4t\x00\xaei\xe5\xe9~\xed\x00\x9c\xc9\xf9\x8e\xe8\xcb\x19\xcf\x17\x00l\xa49\\Pw\xe6\x84\n\xfbT\xffr\xc2\x17\xea\xe5q\xf1\x8b\xe2\xdc\x87\xafK\x0f\x00\xb5\x07\xb8\x15\xa8:\x7f\xc2\xe3I\xe5\xae\xeb~\xd7\xcd\xa7\xb2\xd8,\x08\xd3f\xd8%B\x81\xb9\x95\xbd\xff5U\xc9W\xa4\x01\xae\xeb\xb4\xc3Kg=\xaeI\xd5O\x01\xaa6a\xf3f\xb3\xb4\xb6#\xaa\xf7\xec_M\x94\x13q/{\xce)@m\xe6C\xae&amp;\x1a\xe3\x1a\x12y0\r\xa3_\xaf\xe1\xb82\xab\xfc\x90\x0b&amp;\xef\xf0\xae\x1b\xbe\xc0)"\xd6]#e\x0c\xa0FKc\xae\xeanZ\xa1\xacF#hc\xfd\xbd\xb8\xe7\'\x15\x1b\x80\xcc\xbe\xd9\xfd\xcd\xbe\xbf\xfd\xb7\x9f\xfa\xfb\xee-\xb3(E{y|\x16M\xcd\x93pf\xf5\xdd\xe1c_\xe9\xe8^\x9a\xcc^.dK\xf1~~2L\xb7#/[\x8e9\xb9\x08\xe0\xda\x16:\x00\xb3\x15\xa5\x10\xff\x84\xd6\xb4\xc43\xdf=\xf2\xf5\x95\x924\xde\xbf&lt;S\xe2o\xf6\x1fB\xae\x14\xee\x96-\x0f\xa9\xd3\x96\x02\xf0\xbc\xe2r\x96\x99\xd0)\xa5\x00\x8b\x9a\x18,\xa9?\x85\xb15\x7f\xbc\xd7;e]\x17\xe7}\x05k\xbf\xb8b\x17W&lt;\x05\xe9\xc9U\x00\x1a\xb0\x7f\nP=1\xdc\xf5\x86s\xee\xc7;\x88&amp;k9\x17k\xd4Sr\x8e\xcb\xdeC^[\xd4\x17/\x8a\x10\xea\xed\xde\x0fSUg\n\xbb\xc9\xe7\xef\xbb\xb6.F\x00\xaei\x7f\xe8\x1c\xc2\xaa\x89\x9bdp\x8bER\x9c\x8e\xed[\x0e!,|\xfe\xca%\xe7\x195\xd6\x90\x03\xe9\x8a\xcd1\xe31\x7fm\xe9\xbcr1\xce\xa6\xd6"\n\xd0\xbc\xf7;\x00\xebWoP)\x9f\xde\xae\x81\xd8\xe5\x99\xf4\x85JNE\xe3\xb2\xfd\x8f\xe9jHO\x86\xa7\x1e\xfe\xdf-\xe3\xf7\xf3\xd3\xa3\x9a^s\xac\xda\xfb\x18{d?\x96}\xb9w\xaa&lt;\x07\x88M\x10\xcf\xa4\xb7\x164b\xb4Xg\x072\xe7\xf0|\x9d9pS"m\x1b\xa2\xb5\xbe{y\x18\xba\x91A\xe2\xa0\xb2\xddg\xdf\xf9m\xa4T\x00\x14\xb3\xff\x19\x00N\xaf\xef\xfb\xfe\x9f\xfa\xfay\xcf&amp;&amp;\xc2\xba:\x1b\xe6\x9ci:\x98\x03\x83\xd5\xd3\x9b\x1f\xe6\xdc\xfa$BH\xd95\x8d`\xfc`jJaS\xf6-\xcf\x95sQ/\x80\x16\xf5\xdd\xd7`I\xa7\x95:\x8d\xdb n\xe2\xa1\xdc[\xa0\xd3O\xfc2t]\xbf{\xf4.\x7f\xe3]hv\xfe\xff\xd9u\xbf\xfb\x8e\xafe9\xbf\x99\xec\x9e\xaa\xf1v+\xa0\x12\xf3\'\xe5\x1c\xa7\xac]\xee\x0c\x00\xdc|\xf3l}o\xab\x82\xec\xdb\xca\xf2\x17M\xc7,!A;\x17\x1e#\xb0!\x84\xaf\x95d\xc2\xd7O]\x08\xdd_\x10B\xf7X\x0ee\xdf\xe8]\xecdWkO\xf4\x7f"/\x83\xff}\xdf\xf5\xfd\x86A\x88\xcf[\x015\x98\x8f\xfes\xa6$\xa7jW\x94\xbay&amp;\xef:5\x0b\xc0\xb2\x83u\xf7\x9a\xaf\x1fl\x1bjnZ\xea\x14;\xc7\xc2&gt;\xdd/oc\x8e\xcaK\x9a\xdb\xd1Vj?\r{\x8fS\x1fY,{\xdd\x8fh\xe6\xc45\x91\xc8V\x84\xc7,\xb8\x95\r\xd0\xf0\xf39\xd2\x07P\xb7|\xaf&gt;\xcd9\xac\x1b\xdc\xe7\x9d\xb5\xf2t\xc4j)\x1f\xbb\xaa\xf7t\x84\x10\xfa\xbe[\\\xc0t\xf7\xc6\xbbd\x8b\xb4\xb6[\xc8\xc3\xcb\xd8\xff\xfcQ\xac*\x89\xedf\x05\xfb\x85\x106\xaeS\\sE\x04\x90M\xa6\x87\x803\xb7\xcd\x9e\x00\x9b\x979o\x1e#\xbc\t\x07\xde\x8e\xf4U\x1e\xdf][fv\xec+Q~\xb7[\xc8_\xa3\xff\xf7?v]\xe8\xba\x7fk\xf0\x9b\xe5\xc3l7+8b\xf6R\x1c\xbd\xfd\xa8\x9c\x00t]\xd7}[:\x01\x14\xb1\xf8\x9a\xd8\xf8\xc1\xfa\xad\x0f\x90\xe2Y\xf3\x83\xa9\xdd\x1a;\xee\x19n\x14\x9e\xbex;__o\xb6\xbe\xff\xfb%\xbb\x96O\xae\xe8\xff\xb2f\x9f\xb8\xb8} _b\x00\x1ab\x19\xd0\xb5Z\x9f&lt;\xba&gt;\xf1I\x0f3\x84\xb5O\x84\xbf%c*U!\x84\xdd\xd3Gfg\x9fGq[\xa8&amp;k\x0cR\x7f)\x1d&amp;p\x907?\xec\xf1\x9b\x8f;\x02\xb5\x1f\xd0f\xadW&amp;;\x94:\xde\xab\xe53\xc0J:\x00W\x117\x0c\xed\x7f\xce}\x9e\xd5m\xe5\x96M".\xde\x12\x1e\xa3|3G\xb7p\xe0\'\x1a!\x1c&gt;\xe9\xb8\xf5\xab\xd1\x93\xb2\xf9\x0b\xe1\xe7v#\'\xeb\xbb\xad\xd9\xd2\xfag@+s4I?\xab\xc6\x83\x02\xa0\x01q\xa2\x9f\xf5\x0f#\xb6\xf8\xd8\xe2\xe3!\xceT\x0f\x89Ve1N\x9a\xca\x81=3\xe3\xc76\x15\x1e+\xdc\xcf\xec\xeb\xf3\xf3\xf3\x1f\xb9\xc8\xc4\xdf-\x8f\xd5~\xf8\x91\xa1\xfbi\xd1j\x83\xf9\x04\xbc\x15\x95~\x10\x08\xbf\xcd\x10[_\xa8\xf6\x95\x81R\xd5\xd1\xc4d\xa7=\x9bi\xa5F\xca\x9f\xd5\x96\x82\x00\x98\x11\xe1\x0e\xc0\xdeA\xc7f&lt;\x1e)&gt;\xff\x83\xc53\'\xf1\xe7\xdd\x97i\x9f\x1bh\x8f\x92;\x9b6\xb3\xae\xec\x9d\xfc\xac\r=n\xcbl?\xe4\x9f\x161\r]\xdf\xff\x9a\xf5\x9f\x1f\x9e\xbc\xaf\xb7\x92D\x1e\xb3\x1f\xcf\x90\xb2W\xf4\xe1\xbdG\xae\x91\xe2\xdf\'\xf9\xdbK6\n\x96\x82\x00\xe0Z\x06\xad\xf8\x86\x06xn\xad\xf5\xb5a\xc1\xfc66lv\xe5N\x07\xdb\x99|B`]\xcac\xda\x9eo\'\xb1\xe9\x94M\x17\x89\xf0\xcb\xbf~\xfe\xa7\x0f\x16\xa4:5\x97\xe0\xe3Z&lt;M\x00\'vh\x15\xa0\xf0\x98\x1bs\x85A\xd6\xd0\xe4\r\xe5\x08\xa9\xed\xfb\xae\xeb\xfe\x8e\xd5\x9f\xdd\xd6\xc8\x87\x89\x89\x01+\xf3\xf99Y\xa8\xce!\xdeJd+\xbak\x8f:WZ\x00\x00 \x00IDATv18e\xe3\x9e\x8fu&lt;&gt;\xff\xa3\xce\x178^\xb0X^\xf0\x90\x01jv\xa8\x03pk\xcbC8\xd3\x83\x94sZi\xc3"\xa6s\xa2w75\xab&gt;t?2\xe6d\x92Eu\xf6\xcan\xd7EU\xa9\xaa&amp;1\xebC\xf9g\x19[{\xf7\xe9\n\xc3\x10+\x84\xb7\x1e\xd4\xc1\xadu]\x17\'cs\xb5\x13\xb5]z\x00u\x8a\xb3\n\xd0\xce!\xba_\xdd\xd2\x1d\xfcs7*\xd3\xa7\xe0\xed\xa8\xbfk&gt;\xd2\n\x19\xa3\xff\xaf\x9dVY~\xeaIUME\xb7\x1f-&lt;\xfd\xf7\x1d\xfd\xf0\xa6\xba\xa1\x9ec|\x91\xbd~\x8b\xbb\xf2l\xdfu\x0bwlVoi1I\x11\xf6R\xcfE\x07P\xb9\x08\xed\xc4\xee\x11\x97ae]S\x8c\xd2\x8a\xbf\xa9\xeb\xfe\xfeX\xdb\x1am8o\xa1\xc4\xf0S\xcf_\xaf\xdc\xc2\x1a\x07O}\xea\x9b\x00{\x8b\xf7\xda\xa1\xd3:ob\xac\xb6k\xdc\xfd\xa3\xac\xf4\xcf\xb1\xfe\xbe\xeb\xc2\x9eH\xb0\xda\x0cl\xfc\xfc\xe6\x13n/\xf4\x90Q\x00YD\xb8\x03\xb0\xbbmS\xd5\xef\xf3\xb8k\xf2\x93\x92\xee\xa5\xef\xba\xae\xffw\x87\xbb\xed\xfe\xc1\xa4;\xdc#,\xbd\x05l\xcd6\xe6\xff\xbc8g}\xea{\xd5\x8eIG\xb5\xeb\x18?\xbe\xf4x\x8e\xa3\xef\xba~\xc7\xda6\xf1\xc2\xeb\xf8\xe3\xc7\xd6\xa2Yi\xcf+E\x00\xd8\xab|\x85k\x84l\xabg&lt;\xda\xf7}\x94\xa9\xcf\xe3\xc3\xff\xf7\xd9\xff\xa1\xeb\xde\x86\xb3\xa7v\xb7\xf3\x1e\xc0\x91S\xff\x9a\x15\xfb\xb70\xff\xf5\xa4\xb3\x8a\xdb\xdd\xf8^\xa1\xeb\xfa\xc9\x9b\x00\x8f\xb9\xe2\xeb\xcb\xd29\x16!P\r\xe6T\xe5u\x01\x90U\xf97\x01\x97\x1d!kq\xce\xe8k\x8e\xa5\x8b\x1d\xbb[\xf6\x84\xd0\x85\xae\xfbG\x17v\xb7?#\x0f\x9e\x82\xf9\xb7\x13D\xd9u\xd2\xf2Yp\xe3\xd1\xa7\xa7\xaf\xd9\xda\xbd\\\x8d\xfd\xfe\xf6\xbf\xf1?\xcfI\x97\x81\xf9\xa6\xef\x9f\xf6FA\x8d\x15l\x85I\x02\xc8\xad\xb1&amp;\xc78Y\n\x1b\x1e\xb4\x1c\xcf\xf9\xa3a\xd2\xfa\xd7H\xaf\xff\xf0\xca\xadmM\xc3\x99D\xbf\x9a\x167\x18=\x9eN}\xd6\xda\x1c*&gt;\xd5\x82H)NA\x9b\xa7\x15 \xa6\xf2w\x00\xd6\x13\xfd\x93\xc85\x0bU\xf4Q\xe7\xdb\xd6\xf2\x8d\x9a\xff\xf0\xf4\xbbh\xad`4\xb2\xa6\xda\x06\x07\xcf@\x18{K`s\xa7\x15 :\xf5\xe0\xb5\x8c\r}m\x8b\x18&gt;\xdb\xce\xe3\x11G\x9e\xf6\xf8\xed\xd8\x8f??\xc0\x9b\x15]\xf4\xdbkC\xfa\x18w\x8d:\xd5\xd7\x98S\r\xff\x03\x90HKw\x00\x12\xf8%\xbb\xbfy\xa2q\xb6\xad\xe1\xc2\xeb\x81\xc7\xc8\x87"\x99y\x8bSE\xff\xb1\xac\xbbA\xd7\xf7\xff\xf5\xe3\x87\x03\x19\xdf?\xff\xc3\xbb\x91\xfey\xeb\x95\xd5\t\x0e\x01\xa06\xad6\xa2K\xd1\xc6\xaaa\xb0#3AC\x08\xb7\xb5JN\x10Anj\\_G^\xbf\xbe\xbai\xe5\x96\xb1\xcd\xb6\x9a\x8d\xb5\xce\'\xce=\x12\xbco\x86\xde\x8e\xc0\xae\xaa\xdc\xbe\x9d\xfdZ\xcb\xc0\x19nsm&gt;\x84\xeb\xbc\x9a\x1e\xe0\x80\xc9;\x00_\x83.\xbfs\xb2\x85\x0e\x8f\x95b\xf2\x8f\xd0\xccL_^\x9f\x96#\x8db\x9b\xd1\x7f\x8c\xd34\xf6\xe8l[\xb9\x10W\xade\xa0@\xaav\xe4\xc4\xd6\xdc\xab0\xb7\x9f\xd5\xe0\xea\x8f\x17\x1f\xcf\xfeC\x8a\xee}\x83g\xafr\xfdy\x1f\xac[\x0c\xc0\xa4o\xa7\xfe\xf0U\xe1~3Y\xf3n\x9aD\x91\xe3\x11\xde\xc7\xd8O\xdf\xff\x84\x84{\xa9\xc9\xc6\xb7)\xf7\xc7\x9b\xc6\x8f\x81\xe5\xbe\xef\'VvL\xed~\xba\xdb\x9b\xf4|\x1f0&gt;\xd7P\xe5\x81\x17\x02\xde\xbf\xb8\xb8.S\xe9\xb8y\xce\xea\xc3\xcf\xda\x85\x99\xca\xc3\n\xfbQ\xa3v\xa4\xf3\xf1\xe6\xbeJ\xef\xc9\x00\\\xca\xcb\x8d\x82\xd4\xadx\xcdQBd\xffI\x18\xde\x849\xb0\xa1\x1f\x1f\xb6\xe8\xba\xee\xa3#\x11\xba\xbfz\xd36\xde6\xb8\'\xf1\xad\x9f\xe8\xd6\xd3\xff\x94\xee\xa2\xceScL\xedz\xfd\'Os*\xcf\xc1\x19\x01X\xf42F\x12"\xcdd\r\x1f\xcb\xad&lt;Fe\x8e\x8e&lt;\x1dIa\xac\xa3\xab\xc73K\x8f\xe7\xed\xfa\xf6\xf2\xeb\x05\xc1\x9f\xcb\xb0\xecmu7\xa4|\xc5\xa8\xf9\xf9Nt\xe5\xa2\\\xda3[\x1e\xddx\xce\xb3&lt;\xbf\xaft\x87\xbf\xcf\x99\xca\xff\x99\x8e\x05\xa0*\x0b\xab\x00m\x8d\xe8\x06\x9f\x7f\x1f\xd6-\xfb\xa2\xcb\x10B\xff\xbd\xca\xed&gt;\x890|\tn\xbe`\xa8\xbb\xbf\x1b\xf8v\xef\xe1\xe5o}\xd7w\xf7\xff\xa5\xb2\xe20\x9f=\xa2\x9aM\rR\xd6\x9f\xf2O)\xdeb;\xcc\x9f\x99\xa7}\xe2\xeet\x87\xda\xa2\xffn"15\xe4\x15\x00\xf5x\xef\x00\x1c\xbcy:x*\xe0+\x0e\xfcj\x90\xca5\x93}\xdfw\xbf)\xe6\xdewO\\\x89g,\x87wok\xdf\x16&gt;^\xb0sKQ\xf1X\xa3\xaa\x80l\xd4T\xd0\\a\xca\xb3M\xa8x\xeeh\xb8\xbb\xa9\x0cI\xd1\xeb\x982\xdf\x03\xa9\xf0\x94\xbdy\xe6j\x9b\xdd\x80\x1fZ:\x01\x00\'\xf4\xd2\x01\xf8j\xc9\x1eMEmm\xdb\x8e\xf4\xa4k\xf3B(3\xae\xf6\x0b\xebi\xc5c\x94\x8e\xda\xca\xd8\xb9m\x9a\xda~\xfb![\xa8\x9d3\xa6\xaf\xc9\xce\xcbyG\xe5\xd3Z\xf6\xde\xfa-?\xbft2\x00.\xe4\xd0XQU\xe3L);\x00\xc3\xc7X\xf3I\xfd\xc0\xe5\xd7A\xdd\xefr\xfc\xaa\xae\xfb{\xbb\x10\xba_\x11\x1e3\xbbn\xff\xfb\xbbG7\xd3\xfd\xf6\xcf-MJq \xf7d\xd0\xb0\x02\x97\xd5\x0e\x91\x12\xb9a\x0b\x8f\xab\xf2:.u\xb0\x00\xf9Dx\xb2\xed\xeb9\xad\x10\xbaH\x0f\xfbF\x11\x12?@\xb6f\xa2\xc2\xe8\xb7j\xc8\x9cQ\x9f\xd1\xcc\xebk\xbfvmbV\xb5Y\xc1&amp;\x91\xae\xfa\xe1\x8a\xae\xb5\xaf\xeeZ\xe0B\x0e!\xb8d\x00\x88a\xf2!\xe0\xf5\xb7\xe3\xfb\xfe\x97&gt;\x7fz\xfd\xff\xc3\x16\x82\xc9\xe5Ps\x18\x8e\xbe\xfd||\xf4\xae\x1f8\xb2\x9dM\x92\x0e\x8b~\x1e\xc7\xc8\x93\xbe3D\xff\xf5\xa9\xe0a\x95\xb5^\xe7\xd4\x15/\x1b\xf5e\xda\xd1\xaa\xa6\x81\x9b*\x00\xe4\xb1\xb0\n\xd0\xa2\x10B\x08?\xf0\xad]\t\xa1\xeb\xba?\xfe\xe0\x96\xbbn\xb1\'\xb1jA\x98\x99\x9f\x8b\x04\xa0\xcb;\xfd)\x05\xdb\xe9\xd1\xf5C\xba\xae\x0b]\xf77.~9}\xa2C\xf7+\xc3\x7f\xdf\xc2\xe4\x90\x1a&lt;\xbb\xb8\x19r\xab\xce\xe9\xfb\xc7\xca\xc9\xc2\xe1Tx\xbc\xf3\\4\x00\xec\xf5\x11{}\x8e\xa3\x97\x9a\x19\xbf\xe8\xb7\xd7\x94\x9e\xd9\xcc\x99Kg\x8e\\\x1d\x9b\xac\xff\xd3\x17\x12\x1cF\xbf5\xa3\xfb;\xb7\x1e\xc8\x91\x91\xec\x8aN}N\x15^\x86\xd3"W\x1aM\x1d{\x065\xd6\xc9\x00\xc0*y\x9a\xf0\xf1\x90\xbd{\xfd\xdf\x8f\xbf?%\xbcC\xf6\x88\\\xdcS\xbbA\xd9H\xbb\x8bt\xdb\xafV\xa4\xbc\xbdh\xee\x01\x9c\xd2\xb7[\xbf\x10*~\x86\xb5\x88J2$b2\xa6\x9a\xf9\x10\xee\xaf\x00~\xfd\xed\xbe\x9d\xc4\x7fo\xd4\xec\xe1\x7f\xbd\xbb8\xcd\xf6\xaf%|\xbc\xea\xbb;&lt;%\xa6\xef\xd3\xceQ\xc9\x1e\xbc\xd6\xf2\x10s\x94\xb3\xd3u]\xf7\xe7\xdd\xb7W\xe4\xb8\xa2\x1d\x05\x00]\xd7u]\xbf5\xb2\x11\t\xed\xf6\xcc\xbag,\x121\'\xa3w\x00\xfa\xbeO\x144\xa5(?\xf3\x87?\x8c\x1e\xea(\xc0\xb5D\x87\xfb\xa4\xe8\x00|n6\xae\x14\x17]\x11\xc3\x8br\xe5*m+?\t\xc0u|\xb3\xd80\xbc\x05\x81\x9f\r\x7f\x17\xe1\xde\xfa\x19\xee,/f\xc2[V\xefn\x92\x17\xb3\xfa\xe0\xe9\xf8z\xa03\xc1\x83\x9d\xfb\xb6\xb8x8[;\xb1;v\x11U\xdb\xd1\xd8gI\x8eRPR\x07\xa9;\xd2Y\xf3\xac\xa1\x95GR\xe7\xf3\xd9\x00\x94\xb5\xb0\n\xd0\xfa\x88\xf6H8[k\x0b\x9b\xca[N\xcd\x1f\xff\xe7_\xc7\xb2z\xff\xcbD?\xb7\xff\xfa\xcb\x98+\x9d\xee\xde\xca\xe2\xe8\xfe\xe0_#\x0f\x18\x88\x81v8\xd9ey\x82\x020\xbc0\xfb\xbe\xdf\xb7\xdc\xf2\xc9N+\x00\xfbly\xcfW2\xe5nR\xcf\xcc\xc4\xc8:Ic*\x07\x1e\xbf\xef\xe6\x13\xf3\xf6\xf5\xf5\xf9\xb9\xe5\xe4\xee\x8f\x1c2\x9e\xd9{"w\xed\xb1\xedi9\xd1-\x96\x8d\xf5\x85\xa7\x8eiW\x85\x84ho\xef\xbat6\x02\x10\xd5\xf2{\x00\xf249\x85\x1a\xb6\xf9\xc7F\xbf\xa4\x9e\t05D\xdd\xf7\xb7\x9cY\x8e\xfe\xe7?0\xf5\x99-\xd9\xbey\x10\xbd\xc4[\xd2\x8e|;E:\xf3\x8d\xb6\xe6\x9f\xac\xb2\xf5\xc4&amp;K^\xea\xa3\xfe\x81s\xfb^&lt;\xa8\x85K\xe0\xf6\xf5\x9f\xb1&amp;\x1d\xa2\x7f\x00ZU\xfe\x06\xf4\xaf\xd9\xfa\xdc\xc2/\xea\x86\xc9.\x9e\xfe\x15\xde\x8f+vh\x18\xa6M\xa6!\x87\xf74\x94Pf\xef\x9f\xf9\x1fe\xab\xab\x7f\xb9jk\xcf\x14~\xbf\xb1Yg{7\x9b\xb6\xe7\xb3r\xe3{\xd30r\xe1|~d\xfbf\x01\xa02\xa3S\xb4\xb3\'\xe0\xfe\xc3bbJG\x93\x99D&lt;\xccu\x9bJ\x92\xabe\x8bV\xd1\xbe\xc7_\xb8\xa6\x03\x10%\x7f\xa2D\xea\x9f}\xc5\xbd\x9bM\x9e\xe1\xa9{\x17\x8b\xf1}\x05}Z\x00X\xb2.\n\xd9\xb6\xc9#\xe9\x99\xdf\xf2\xee\x90\xe8L\xadr\xdccY9\\\xfa\x97m\xdb\xe3dt{\x96\xb3\x10\xe7(fr\xe3\xf8-\x82\x887\x19\xa2u\x00\x06\x9d\xf9\xe3\xa9\x9a\xdeI\xe1\x01\x8bX\t8\xb0\x9ds\\e\x00|\xd9\xfc"\xb0\xae\xeb\x8e&lt;.\xb9}\x1ak\xea\xe7\x8fwNent&gt;n\x08\xa1\xef^\xa6o\xc7=\x8e5\xd9\xf2\x96\x80\xf5\xc2\xc7C\x90S\xbb\x0b!,&gt;9]\x938\xe9\x9c\xc9\xfc\xbe\xef\xeb\xe9,E{a\xc5#\xe3\x92^\x8be\xaf\xf4:\xea\x99\x1a\xd2\x00@L\xcb\x0f\x01\x7f\x98\x08$v\x8dT}~%c\x98\xb2\xff\x11\xd5\xc5\xd5Q"\x0e\x94\xc6\x9f\xd9\xf2\x9e\xf6\x85\x87\x8c7Yu\xe0\x1b\xd7\xec\xbf/\xec\xb3!\x15?\xaek\x7f\xeet\xf4\x0b!\xca\x03\xd9)\xe2\xd1\xdd\xaf\x86\x18|Q\x84\xba\xac\x8e\xbe\x04\x00\xad\x9a\x8cncM3\xd8\xfd\xf5JD\x9fT\xf3\xb6\xb5j\xb3(\xe2,\x91\xeeq\x98\xf3\xfd\x9f\xf9\xa2\x18%\x19\xa7%\x8b\xeeF\x1eK\x88\xb0\xd1\xbd\x93\x9a\x9c\x14\x00*\x95\xae\x89:G\xe3\xf79\xc59\xd2\x06\xe3v\x03R=\x89[\xc9I\x9cL\xc6?\x1b\xe6\xfe\xca%E\x8f\xfe\xf7m0\xf5\xd8A\xa3b\x1e\xc5)2\x04\x80\x1a%jw\xe3\xcf\x05\x1al9\xe2\xb0}%aG=)a\x8d\xd13U\xf0\xf4)9Mp\x9a\x00\xf6\xd9\xf1\x0c@R\x19j\xf3\xe4Aa\xa2\xb9\xb6\xfd\xf3?)6&gt;\xd8p\xba\x9eF\x14\xc7\x93\'h\xb89\x98\x0f)\xfbW\xf7\xcdf\x98\xb6&gt;u\x14&amp;\xcc\xbf\xaaq)\xa4\xc1,A\x00\xb6\x99\xec\x00\x8cN;\xd9dG\xbd\x9c\xa1&amp;\xbf\xed\xa2\xc9&gt;\xc0\xdem.\x06j\x9f/\x1b\x0e\xa1\xeaf\xf5`\xd2&lt;\rys0\x1fR\xbe\xe6\xf9\xbe\xd9\x0c\x85p\xfa(Z*$\xe9\xefw\xd5\x9b\x1b.g\x80\x1d\xbe\x99j9\x1e\xb5\xea\xfe\xbauG\xbd\xbc\xf8\x95\xf0xu\xce\xde\xce\xc9\xf2\xd4\xfc\x9a\x03\xdf&lt;\xfa\xfd\xcb#\xdd\xbe\x9e\xb6I\xbem|\xe5i\xea\xfb}\'t\xf3c\xc7\xbbm\x8d\xdb\xce:\xb5i\xb4\xcc\x94\x8e\xed\xea\xcf\xe4\xbf\xfc\x94\x85\xe1\xcd_?V\x12N\x7f\xd4\x00\xc47\xd7j\x8e,\xb9s\xb5\x96f&amp;\xa4\xc8\xf9\xfc\xf7\xc2k\xad\x167x;w\x1f\x9f\xac\xebl\xea\x00\x94r\x8e\x9c\x0c\x03q\xcav;\x192s\xeeZ?\xad\x00\xec\x14\xab\x018A\x880\xf</t>
        </is>
      </c>
      <c r="E686" t="inlineStr">
        <is>
          <t>&lt;class 'numpy.ndarray'&gt;</t>
        </is>
      </c>
    </row>
    <row r="687">
      <c r="A687" s="1" t="n">
        <v>685</v>
      </c>
      <c r="B687" t="inlineStr">
        <is>
          <t>steps_per_sec</t>
        </is>
      </c>
      <c r="C687" t="n">
        <v>7700</v>
      </c>
      <c r="D687" t="inlineStr">
        <is>
          <t>2.6588328</t>
        </is>
      </c>
      <c r="E687" t="inlineStr">
        <is>
          <t>&lt;class 'numpy.ndarray'&gt;</t>
        </is>
      </c>
    </row>
    <row r="688">
      <c r="A688" s="1" t="n">
        <v>686</v>
      </c>
      <c r="B688" t="inlineStr">
        <is>
          <t>Loss/RPNLoss/localization_loss</t>
        </is>
      </c>
      <c r="C688" t="n">
        <v>7700</v>
      </c>
      <c r="D688" t="inlineStr">
        <is>
          <t>0.09823865</t>
        </is>
      </c>
      <c r="E688" t="inlineStr">
        <is>
          <t>&lt;class 'numpy.ndarray'&gt;</t>
        </is>
      </c>
    </row>
    <row r="689">
      <c r="A689" s="1" t="n">
        <v>687</v>
      </c>
      <c r="B689" t="inlineStr">
        <is>
          <t>Loss/RPNLoss/objectness_loss</t>
        </is>
      </c>
      <c r="C689" t="n">
        <v>7700</v>
      </c>
      <c r="D689" t="inlineStr">
        <is>
          <t>0.008504957</t>
        </is>
      </c>
      <c r="E689" t="inlineStr">
        <is>
          <t>&lt;class 'numpy.ndarray'&gt;</t>
        </is>
      </c>
    </row>
    <row r="690">
      <c r="A690" s="1" t="n">
        <v>688</v>
      </c>
      <c r="B690" t="inlineStr">
        <is>
          <t>Loss/BoxClassifierLoss/localization_loss</t>
        </is>
      </c>
      <c r="C690" t="n">
        <v>7700</v>
      </c>
      <c r="D690" t="inlineStr">
        <is>
          <t>0.13904719</t>
        </is>
      </c>
      <c r="E690" t="inlineStr">
        <is>
          <t>&lt;class 'numpy.ndarray'&gt;</t>
        </is>
      </c>
    </row>
    <row r="691">
      <c r="A691" s="1" t="n">
        <v>689</v>
      </c>
      <c r="B691" t="inlineStr">
        <is>
          <t>Loss/BoxClassifierLoss/classification_loss</t>
        </is>
      </c>
      <c r="C691" t="n">
        <v>7700</v>
      </c>
      <c r="D691" t="inlineStr">
        <is>
          <t>0.09408338</t>
        </is>
      </c>
      <c r="E691" t="inlineStr">
        <is>
          <t>&lt;class 'numpy.ndarray'&gt;</t>
        </is>
      </c>
    </row>
    <row r="692">
      <c r="A692" s="1" t="n">
        <v>690</v>
      </c>
      <c r="B692" t="inlineStr">
        <is>
          <t>Loss/regularization_loss</t>
        </is>
      </c>
      <c r="C692" t="n">
        <v>7700</v>
      </c>
      <c r="D692" t="inlineStr">
        <is>
          <t>0.0</t>
        </is>
      </c>
      <c r="E692" t="inlineStr">
        <is>
          <t>&lt;class 'numpy.ndarray'&gt;</t>
        </is>
      </c>
    </row>
    <row r="693">
      <c r="A693" s="1" t="n">
        <v>691</v>
      </c>
      <c r="B693" t="inlineStr">
        <is>
          <t>Loss/total_loss</t>
        </is>
      </c>
      <c r="C693" t="n">
        <v>7700</v>
      </c>
      <c r="D693" t="inlineStr">
        <is>
          <t>0.33987418</t>
        </is>
      </c>
      <c r="E693" t="inlineStr">
        <is>
          <t>&lt;class 'numpy.ndarray'&gt;</t>
        </is>
      </c>
    </row>
    <row r="694">
      <c r="A694" s="1" t="n">
        <v>692</v>
      </c>
      <c r="B694" t="inlineStr">
        <is>
          <t>learning_rate</t>
        </is>
      </c>
      <c r="C694" t="n">
        <v>7700</v>
      </c>
      <c r="D694" t="inlineStr">
        <is>
          <t>0.039667044</t>
        </is>
      </c>
      <c r="E694" t="inlineStr">
        <is>
          <t>&lt;class 'numpy.ndarray'&gt;</t>
        </is>
      </c>
    </row>
    <row r="695">
      <c r="A695" s="1" t="n">
        <v>693</v>
      </c>
      <c r="B695" t="inlineStr">
        <is>
          <t>train_input_images</t>
        </is>
      </c>
      <c r="C695" t="n">
        <v>7700</v>
      </c>
      <c r="D695" t="inlineStr">
        <is>
          <t>[b'1024' b'1024'
 b'\x89PNG\r\n\x1a\n\x00\x00\x00\rIHDR\x00\x00\x04\x00\x00\x00\x04\x00\x08\x02\x00\x00\x00\xf0\x7f\xbc\xd4\x00\x00 \x00IDATx\x9c\xec\xbdy\xfc\xbe\xdfT\xef\xbfn2\x95\x06\x91\xa4"\x15\x8aJ"\x92p\x94R\x89\x06\r\x1a(\x9c\xa3hRJ\xb3t\x8et$*\xa4\xc9\xd1O\x83D\x8e&amp;\x91\x0e2\x14QQ\xa2\x11i\xd2\xc0)\x15N\x93\xf5\xfb\xe3\xbe\xaf\xeb\xda\xc3Z{\xaf=]\xd7u\xbf\xdf\xaf\xe7\xe3\xeb\xe3~_\xd7\xdek\xad\xbd\xf6\xdak\x0f\xd7u\xbf\xdfD\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 \x05;\x10\xb1\xa5\x86Xw\x92\xf0\xd4DyU\xe0I\xb5V\xd2\xb70a\xe7\x0f\x1e\xcb\xc8\xb6I\xd6\xcaZ\xdc\xbb\xa1\x7f\xe6\xcf\x82\xb4TK\x0b\xedyE\xb6\x8c\xb5\x15a\x81\x02{\x8c\x06(M\xa0\xe9\xca\xe2\xab\xdb\xe7\xac\x9d\xf9C\xaf$33\xdd\x9bO\x1f(\xd4\xa2\x05\xcf\xef\xcdB\x98\x89\xf8\xa7\x14;E;\xc4\x02DLo\x15\xda\x98\xf1\xc0\xe9\xa2\xe8.\x0eJ\xc7\xad\xc8\x9a*\x88}\xa2q,\xa7\x94\xcaFv\xe2}\x0c-%\xd7\xed\xc9R]L\x1a\xca\xd4\x90\x1b\xb5\xc8\xe8f\r\x91\x93\x16\xe4\x80_\x05q \xaf\xa5{\xf5&amp;k\xb9\xe5\xfc\xf8\xfcqM\xd8\xce9\x1f{\xfe\xfd\x02@)\xe5\xd3\xfc\xb2\xa6\x94\x17\x1f&amp;n\xac\xae]\x98\x9f"\tq\x8cd\xa2\xeb\xc9R\xbf5\xacx\xeb\xcc\xd6"\x10/\x18\x93\xe0\x0f\xbdV\x17\xa88\x16N\xbb\xceh\x8c\xa8$\xa8.\xd9\xe6\xdc}b(0R\x11\xfeH\xffy\xf2jla\xac(\xd0\xe7\x9a@\xf4\xec\xb9\xe2\x1f\x06r\x9e+\x8aZ\xca|\xe4I]B59\x1a\xa3V(\xae\x13\xecL\x12\xf9*qSF\xb2\xb6Hg\xdc.QH\xf5\xf4\xa6\xee!\xdb05v\xf2Ifkm\xd7\x19\xfc\x9c\x94\xdc\xb9\xd5\x05v\x8e\'\n\xb6\xfd\xd8\xb6\x96%?\xb0\xcd\x06`e\xa5gD"\x93\x03\xb0\x13\x0e[\x1b\xd0\x99cJ:\x1c\x8e\xedbS\x03\x99\xe9@D\x071\x9dM\xa2t\xde\xc8|\x1d\xbf\x8a\xa3\x9b\x8dBr&amp;*\r\xe1I\xe1\xc9\xf6\xc3\x81\x98\xe9\x15D7\x97J\x1f\x92\xd3\xd1\xb1\xee\xf4\xf9\xa4\xce\xf7g\xca\xb0\xa9$\xdd\x84\xe9\xd5\x9e\x90\xe3*&lt;\xb4\x84\x0e\xde\xc5\xc3a\x16vX\xc4\xcd\xb7\x9c\xde9L\x97&lt;;\x94&lt;{8x\xddz\xd4\xe2\x16u\xd4\x1e\x02)\x87\xd9\x98I\xc7\xa4\xd7+wp\xbb\xc1\xff0\xdb\xe0\xfctc\xe6?\x8c\x8d\x8c\x1b\x12j\xcf-\xb9\x0e\x87w\'\xfa\xa7DaC\x10\x86\xed\n\xfc\x9c\x9d\xef]\x9bs\x91#\x08\x0e::U\xfd\xd4\x17\xd6\x01\xce\x1d\xc6`^K\x1c\x96q\xa1\xac\xc1\xcc\x1cw\xbdY\x9a\xcd!\x1d`\xe6\xf1.\xad\xe1\xe4\x01f\xde\x89yVK\xfe\x82\xe9\xfd\x84\xccV\xa2GH\x1a\xe3\x98\x06\xf8\x9d\x88\x9e\xbb\x8e\xc6B6\x0eQ\'\x93\xef"\x0e\x01\xb8\xf8T\x9cI\xcc\xc7r\xe6\xd3GY\x82[\xd1\xfb\xf1\xc5\xaa\x90\xa4\xb5\xde\xb14}i\xea\xd8[8:}2\xd3;\x84\xe3\xea\xa0\xd8\x1f\xf9m\x9c\x8b\xc5*\x8c&gt;\x98~\xfc\x01\xd1\xc2\xb9Q\xc1\xbd\xe9E\x14\xd5N\xc5\xbc\xbc/\xa2Vx\xbd3\xb5]:I\xf5\x85\x9c&gt;\xfck(P\xd0(&lt;\xb2P-\x8d\x03LoEN/\xc9\x1d\xa7\x98\xa1\x106$\xa8u_\xf7\x96\xa7T(\x9c8\xbcg\xa2\xfbH\xd7=;\xd2\x86\xe6Z\x12\x08K\x8f\xc1\xc5\xc3\x05bkLb\xdd-\x8bA{:\xc0\xbe\x9b~k?FJ\xec\xe5\xe4\xd5&lt;\xf4\xe6P\xfc\x95\x9dX\x9e\xc1Mw\xbd\x04\xf6\x125\xc9\xeb\xefI?\xdf\xa6\xe4\x17d]\x00@\x1f\xaa7\x00\xe1j\xe9\xed\x15B\x92\xab7]\xb5M\xb2q\xb1\xa8$e\xf7z\xc2\xb6\xf0\xe2\xb1\xd8\xcd\x82\xc7\xeb\xcb\x8b(\x89\xb6\xe8\x0e\x11\x96\xc8\xe1\x06@(\xf0l\xadi\xb22\xb7\xa4{\xfd6\x9e\xd8\xc4J=\xb5q\xe2h\xc7\x18zUh\x1d\x11\xfd\x189%\x8d\r\xf1%8\x17\x9f\xc5\xccLO\xe1x\x81\xeb\xd6\xd2ZgT\x1d\xd5e\xe2\xd3\x7f\xccL\xf4A\t\x19b\x1c\x9a\x16\xc1+\xe2\xba\xd7wu\x85\x1cK\xa9\xfc^\xba\xce\x80\x01B\xc0\n\x84\xa3{K[J\xb0\'\x16\xbb\xc8~\xa2\xc6\x918\xf2\xf0\xcb1_s\x9b\xde&lt;\xa7(\x02\xa0/\xe2\xb0\xbc{\xba\xca\x9c\xc8Z\x92Zn\xe9V\xc9\xb2\x96\x92\xad\xb2[\x1b\xad\xe4\x8a\xb4\x0br\x98~\xd0[dkkn\xc1-\xca\x12\xd3w\xda]=\x07\xa6\x96\x95S\xc5\xf7\x8a\xbb\x8f\x89\xf8\x81\x92\xc6\xdb\xe9\x8f\x1a\xe2&amp;\x84K\xdb\xc7\xca\xbb\x02\xa1\xa5DD\xf4C\x9e\xd9\x82\xae\xb4\xdb\x82"\xc1a\xb9\xd8\x95y9\xb9*\xe48m\xda\xf5=1r\x8bk@X=\xab\xf1\x0cI?I\xa8\xa9\xb85;0\xac\x7f\x9c0\xd1\x9f\xf6\x969\x84h`\xee\xa0;l\x18\xb3JGu}\x85p\xd7\xc7\x17\xc3\xd8\xbf\x85\x00\xec\x88\xfcI\xf90\xcd\x19\x15\xae\r\x1fUb\xc6\x9ay6VLO\x08\xb5s\xb04\xf4\xebx\x95sk\xd0\xe0zP\xc6\x97\x7fZ\x86\x8a\x85_\xec-:\xa5\xf3\xf2\xa3\x84Y\xf8\xd7\x0b\xcf\x19\xe6bYfK\x0c%\x89\xae/\xcbW=\xceL\xef\xc9t\x0bGW\x8a\x9f\x91\x0bh\xc6\xf8\x85\xb4*\x8b\xa3\x9e&gt;U\x8c\x9e \x9d\xaa\xfb\xed\x12\xc4&amp;4\x9e\x15z\xafM\xfcc\xa2\xc0u7h\xfb\x19\xaco\x8e\xe4\xf6NY\xcf\x07\x15\xdc\xf2g\xe3\x843\xc3K\x86\xc3t|\x83sn\xd2(\xec\x99a&amp;\x1c\xb5\x01\xc8\'\n\x00\xc0j\x04\xcb\xa0\x1f\xb4=\xac_&gt;\xf89\xce\x90\xf2\xfe:kF:\xf5\xc4\xe9c\xf5\x84\xf2\xd7D7\x8e\x1ew2\x11\xd3w\xf2\xfc\xfb(\xa5\t\xe0+\xe6O\xce]ffzd\xcao\xac\xbe\x1b\xe3..\xbd[?\xe1kgf\xfa\xf7\xf0t\xdc\x92\x8b\x83\xf5q\xb8j\x96 \xe6OH\xdc\x8d\xbe\xe4\x10\xd4M\x04\x80!&lt;&lt;-\xfaN\xccu\x9a\xe6\xf9+)\x9e\x90\xcb\x7fN\xaa\xdf\r\x08}1\xff\xf8\te\xa2\xb6"w\xcc\x9f\r\xb6\xb8\x82\xf1\xae\xd6\xc5\x19k\xf2\xf6\xd4%\x96wT\xd5*%\x18Veu\xe6\x1f\x87\x99\x17j&amp;\xfa_\xd3\x87K\xb1\xfe\xab\xcc\x03\xdbP\x13K-\x9a\x86\xaa\x00\x00\x14\x10-\xd12\xc5\xa7\x99\xfeF\xde\x92\xe8=\x1a3\xc8\xb2\x04\xd4\x0f\xce)ZF\xac\x9aa\xb5\x06&amp;\x96\x98\x9a7f\xbf\xe5\x9c\xc6Q\xffx\xcb\xfa\xe5\xa2+\xe1\xeea\xc9t\x9b\x82\x0bR#\x98\xe8\x9b)6\xa5\x9c\xf9AD\xd0\xa2\xb8u\t\xa7\xa5n/r\x9a\x9fn\xc9\xe6\x99*\x15\x86%\x13}\x86&amp;\xbc\xc0\xf8\x97\x0b\x91\x995&amp;)\x7f\xcb\xa9:g\xb9wKhBnCb1\xc1P&amp;+!\xb2\xb3\xcb\x02\xa8&amp;\xcc\xe2\x93\xe9\x95\xfb\xf7,W~\x9fu\xf1\x17\xac\xa6\xf4[\'9\x16X\x93\x8a\xd7c\xcf\xb6\x010\x00\xfb\n,\xae\xe8\xd5jYl\x91;\xa5E68\xcf:\x03\xe1\xabf\x13\xb1iJ\x93s\xae\x08V\xa7\xa9\xc5\xdfR\x86\xe3\'\xfe^\xf5\xb9\xd8t\xf1W-m\xf2V$\xd1\x8fn\x17\xcbA\x126E(\x1f\xb4\x82\x99o\xa7\xd4\xd2\\\xb1X\x9b\xba\xb9p\xb3\x12\xb1\xd2\xb6\xd3\x13\xf8\xceY\t\xc3\xc8\x1b\xef\x94\x95\xaa\xa6G\xf4\xe3\xf42+\xbd\x07\xac\xb5\xae\xd0\xe1\xf1\xa9A\xa6zN~u\x1cf\x9423\xd1\xeb\xea\xaaW#\x8e\x85\x92\xd0\xeacDu\xcd\x9ef\x80\x88(\x12\xe0\xf0&lt;[\xcd\x08\x00\xf4$^\x9f\x19k\x05\x17Z7\x00D\xf4q\xd6\x03?\xd7\x8c1\xe3P\xda\x87(\xaf1H603\xd3\xcb\xbc\x94\xfaG\x8bs\xd8\xa9\xf5\x1c\xff\xe9\x87,|\xba;\x9f\xdby\xdfC\rf\xf4#\xd7)p\xcb\xfb\xf9\rq,\t\x03C\xee\xdfhm\xf15\xb3\x84\xefr\xabKv\xc6\xa4\x1f\x02\xe8\xad`:~\'C\x15KS\x0f\x86{HMo\xa2_V#\xeb\x93l\xdd\xb4\xd3\xf6\xd0@\xed\x86^\xe9c#\t~\xe1\x87\x9a6\x00I\xcfdj\xd7U{[Co\xb6q\xea\xe8I\xfb&amp;O\x00*i\xe8&amp;\xd0\x02\x13\xfd\xb7\xadm\xd8\x8a|\xc8!,\xc1\x05AZ*\x99\xca\x97\xaa)5\xaaL\xbeM\xacU53{_\xb4*]\x8a\xf1\xbf\x05g*\xbe\x87]\x07\x06\x92\xf5\xf5\xabo\xa2{\xd7Y\xe0\xeaF\x1a\x93\x9a\xf2\x04\xe05\xd3\xd2A?/\xd7\xf4\xfe\xe7\xb2\x81\t\xbe$}\xfa\xfc\xe5\xe1~F\x94\xf3\x87\xf6\xe0\xbc\x99/?h\x8e#?v#\x07\xc2\xb2\x1a\x03\xfd\x03\xd6U\x95cA\x0b\x9e\xb8L\xada#I\x19\x16n\xe1\xa2\xdc\x92\x88"W\xfc\xe5:\x93^\x82\xff\x86\x03\xed\xef\x1eN;\x8dO"\xda\xf3\xf01\x91\xb6|\x93\x9dj=\xeb\xf6\xc5Y\xf7;\x00!\xee\xf2.YNXw\x8a\x8b{\xe1\x9c\xd5\x9eP\xa2\xb5\x8b\xa1\xa2\xaa\xc27U\xaa\xe8-m\x1d\xd5\xb3@\x16\xce\xcf\xf2\x06\x85\x8da\xfe\xcd\xe4\xf3w6\xa0\x95L[\x12\xf6\x97\xb1\x01\x9e|&gt;^\xf2\xf7\x00\x8f+\x12\x18\xc9\\.\x06\x8b\xf2R\xb1\x81\x12W\x1a\xbd(\xdc\xc5\xb9q\x15z\xcfW\xddh\xc9\x1b\xb6&gt;\\\xaf\xe8\xf4s\xc0m\xd1U\x98\xf9.\xe5\x1b\x80r\x8d\xfe~\xfeB\xd2!T\xcel\xd5hCmQs\xa6\xea\xcb\xae\x8cY0\xccP}\xb4(\x87S\x83\xb4\xed\xd4\xdb\x00\x0c\xc3Y\xbd\xfdb\xb0\x96\r\xc6\xde\x17{\xe7\xaf\xe1:\xd2\xac\xc98\'iK\xe1\xe5\xa2\xbf\xc4\x14e\x9c\xae\xbf\xaf\xa07\x1a\xedI\xab\xa2}\x82\xbcL\x8f\x1e/\x04\xc4\xa7\xd1\x8e\x10\xa10/z\xe5\x8a\x9f]\x96\xb3n\xaayu\xde\x03\x94\'\xc1\xc5\xf8\xe4\x8aJ\xd3[\x87\xecg\xf7J\x0f-\x92\xe26\xc9]\x0ccf\xa2om\x97\xb3[\xa4,\xd1\xb9O\xc7E\xc8\xf9`\xf3\x00\x1cuV\x0c\xcd~+k\xa9d\xb7\x86\x010\x80\xccQ}\xa6\xb2\xb6"\x94G\xd1RRY\xd4\x9at\xa5\xab\x9c\xca\xc8[\x85I\xc2\xc3\xe3\xd5|\xf1Yxp!*\xf2WE\x02\x03\xe1\xd1j&gt;U2\xa8\xa7\xc8\x98\xdb\xe8_\xb4\xe6;\xa6g\x05\x87\xfdQ\x81b\x04\xc3R\xe5\xc6\x9c^\x97\xc6a\xa3\xb6U\xb4t\xe1\xbe\x1b\xe9\xed\xe1"\xa1C\xfbz~\xa5E\xd2~\xd7I\xe0\x0c\xc9\x86\xd3J\xf1vq\xa2\xda9C\xbc8\x8d\x02\xc0\xc4\x1d,\x8bT\x9f\xf0(\xbaL\xa1yM\xac-\xe9\xf4\xbaC\x8e\x96\x13&amp;\xa6\xa4\x04\x0b\xf7\xda\xcc\xc2\xcc\x81,\xa2\xf0\xca\xa6+\x8c\xd8\x00u\xdf\x18\x9f\xe9\xd2KGX&gt;\xda\x1bu\xcfI\x84p2\xf7\xdd\xbf\xd1Y\x9dX\xe7M5\xb4e|`\xf7z\x14\x93\xba\xbb\xee\xd6t\xd1\xbb\x9a\xaa\xb5\x14\x81\x13g\x94\x07$\xd2O\xec7a\x8d\xe7\xc6\x00\xec\x93hq\x99+O\xf4e\x1d5\xce\xebcw\xecE\xebZ\xe3\xb2\xa9h\xf4\x9a\x97 \xc9\xb7z\xa2J\xef.\x964\xd9\xf3+\x86eS\xbc\x1f\xd8E\xceJ\xed\xe5\xb42#\xd6F\'\x99o\x1a\xeb\x13\xfbT\xe160\xa8U\xbc:\xac\x9f\x9f\xecA\xb8\x12\x911\xf2p\xfe\xdd\xb9\xd8\x905\xf4\nc\x877r~\x95\xbak\xef(B\x80\x89Th\xa17\xcb\xd8[\x92\x04`\r\xfcu\xea\xfc_Yu{\xf9\x0f\x0cW\xc6\x1cM\x93\xa7\xcf\xb7\xed\xffJ\xb7\xfcBQ\xaa\x82\x7f\xb6\x1d#\x95\xe7\xb8\xa4\xd1\xbc\\\xc9\xf0\xf7\xea4\xbb\xa5O\xbec}\x1fr2u\xadYj\xf2\xcc\x13\xfb\x8a\xad\x86\r\x1b\x00\xb6\xaen\xeb\xbb\xbbD\xcb&gt;\x19\xf3\xa4\xa8\xd8\x9f\x1fY\xac\xa3\xc9\xf3\xe7\xb0m\x00\xdbQ4\xb9\xa0\x7f\x93\x14\xcd\xd4\x00\\ \x96\x85\xc8\xdd\xa6\x0f%k\xd6\xe2\x19\xce[\xfa&lt;V+a?\x19-\xb1S6\xc4\xa6\x87\xfdE\x83T+\xde"\xa4\xe4\x8b\xfb\x87\x94\x01\x85K\xc6\xd5H\xef\x1b\xd7\xb46\xf0\xf68\xbd\xc5\xc1\x19GB\xb67\xc5=C\x8d\xb1\x97\xf1\xf5V\xe3\xf3\xcc\xc1Fl\xb0\xaa\xb0\x0f\xb7K\x18\x15\x17\x0bfz&lt;\x87W@\r\x1f\xbf\xbfY\x15\x00\x1bE\x0bYM\x02M\x87\xca\xb6\x91\xe0j\xdc|\xd8d\x0c\x98L\r\x0f\x86\xdb\xfd\xa6\xa8\xb2\xee\x01|Wg,\x99\n\xcf&gt;o\xeb\xee-\x19\xb7\xf2H\xf9p\n\xf2\xad\x08\xba\x8c\x892/\xf6\x94\x07\'\xeb\xbf\xa5t\xf3A:\xf3\xd4\xbd,SD3\xd6\xb0m\x17\xcd\xcf\x8c\x94}\x18\t\x92\x08\xf9\xc4V\x18\x00pA\xe8\xf0\'{\xbd\xa5\xaa,\xe4\xd1\xee\xac\xb0\xd7\xa3\xe8\x04\x82\x9d\xd9\x05zZ\xa0X\xb1d\x03\xe0\xdd*4\xa3i\xdf\xd2\xb7\xefJ\x16\xd6\xac\xf9M/_f\x89a=\xbd\xf1\x9b\x15\xde@K\xbb\xa2aD\x1b\x8d\xd9\x84\xb3\xca\x1b\xed\x9c_K\xdb\xa3n\xeb#\x86K\x02\x9c\x0c\xc0%\xc6Y\xb27m\x00\xa6\xa5F\xb8$uW\xfc\xe2\xd7aS/~\xac1\xcd\xc7\xadN+uO\xd0\xc9iG\xf2\xc5\x1e]\xaf\xe8p\xf3\x06\xc0_\xb0\x16w_\xa3o;..\xad\xa2\xb2\x0e\xe9bJZ\xfd\xe6\xb3f\x14\x18\x96\xc7&gt;\xde\xb5\xa1\xe6\xad\xc0\x05[\x1d\xee\xa89w\xce\x8f,\xdb\xe8ki\xd1n\xbc\x01\x00\x00\x17\x18\x7f9e[\xdc\x14\xaf\x81\xb4E[j"9\x95O\xbe\xdf\xdce\xaa\x88\rsT\x1bk/\xeb\xb0\x92\xb5)k\x0e7o\x00\xfc[\x19\xd5\xb2\x04\xa2[\xe5\xccL\x88\x1d\xb8\x10WM\xe9\xb0\x01h\xa8\xbb\x9b\r\xc0d\t\x13\xdd\xbbT\xc0\xe6Mh\xe6\xdc\xed\xf7\xd8\xcf\x06\xc0\xb8\xa5\x1cl\xb0\x9a\x18\x0bD\x0c7rM.LC.&lt;\xe8)pN\xbc\xd4_\xbf\xc6g\x8aR"f&amp;\xfa\x15\xe7\xa7\\\xd0/2\xaf\x97,w\x83\xb8\x9a\xa1\t\x1d\x90\x14YU\x07\x0el\x98\xba\x98\xe8\x95\x81\xcc\xecz\xd7\xbd\x9e\x99\xf3\xa462\xf3}\r\x87y\x9c\xf9\x83\xc1\xeb-({\xac\xfek\xd4\xfa\r\xdcx\x01\xedEE\x85+B\x07\x9e\xe3\xa4U`\xf39\xac\x05\xf7d^tL#\x94y\xdf\xb1\x06w\xe9\xb2\xecN\x06\x00\x00./\xe1\x12\x93\xf9-\xf2\x0b\x03\xf1\x02\xc8\xe1\xfa\x86&lt;\x9b9X\xba\xba\xbc\xd2\x1d&gt;mwXMv[\x92:\x8b9\xfb\x06\xc0ui\xb9\x19\xd6\xf2\xc6\x85\xe6Z+\xad\xc6y\xbd\xfd\x8b\xbc\xe9`^\x03C`d*/\xf6\xdf\xb5\xb1!\xffP[q\x15\x07\xb68jU\xf6i\xde6~\xab\xdc\xd9\x0ea\'f\x00\x00@g\xde\xcb_I0\xfd\x83x\x16\x9e\\\xee\xfc\x84%Yg&amp;\x92\xa6\x05M=\xcb\xce\xa7\xbb\xd0\x1e2\x1c\x9f\xc8Gn\x81\xe5\x15J;.d\x9d(2\x14mQ\xd4\xf0\x1eN\x81\x91i)\x9b\xae\x0c\xbc\x8dbM\xfd\xb9"3\xd1wgK\x13\xbd\xa8B\xcbhlm?\x97\r@\t\xf9\xef\xa9\xf7\xd2\xb3U\x9c\xe7\xbe\xdd\x0e\xac\xc0\x87\x00\x00\x05\xd3\xca\xfbc\xd7I"\x1bL6]\x96\x83\x92\xc8\xe6\xd9+\xdc\x02\xec?\x8f\x17\x99\xda\xb4\x01\xa8\xee2\x8b?+\xbc\xbdI\xefT\xed]\x83\x9dC\xd6\x8d\xf3:l\x8f\xe1g\xef\xa9\xb3\x1aG\x16VJ\xc8\x9b\xbak\xa7Q\xb7{J\xd3\xc2VN&gt;\xf7\xfe=k\xe3\x01 \xa2\x9a\xa91\x7f\x90\x9f-f\xb7\xad]\x88QU\xcfZ\xe5k&amp;\xc9\xff\xf2\xeb@\x8a\x19\xbbHF\xc6XJ\x14\xb0M]\xbf\xd0\xb6\x923\x99W.\xbf\xa0\x17\x1a\x03\xdb\x10\x12\xa3\xd98\xde\n\x9b\xcf]=&amp;\x8f\xd3\xda\xeakP\xbd\x85\xcb\x8e\x94Z\x8bL\xaa/\xcanmU&amp;\xbf\xc1u\x00t\xe6\xb0\xb5\x01C8\xe6\xd9\x03\x11\x1d\xa4\x06\x1e\xb3\xb0xk\xaa}\x98\xee\x9eD\x1d\x88\xf9X\xe3|=\xe6\xb5k\re$\xab\x0bfA\xa7\x9b\xe6\x1d\xc2zv\xa6qMM\x98\x94n\xac9lxPt\xcd\xad(\xf4jA\xc0\x944\xd3\xabw\xac\xc2\xcc\x07g\x86_\xbf\xf7\x99y\xdb\x903\xf5\xd1\xbb1\xbf\x85\x0e\x87C\xbc\x8e\xecj\xfc\xa88\xdc\x05\xa7&lt;\xbe~\x1b\x99Y\x9f\x92@\x86c\x7f]\xe8\xc8\xdc\x07\xb5\x99\x1c\x80\xdd3\x9f%83\xa8p\xae\xe0\xce\xafMg\x0fww\xebn|\x86\xb1\xe9\xf1jHx\x80yt\xf2G\x1f?||\x9d\xc8XG\xaf\x876\x97\xf6\x08\xaa Zn\xd9\xe1\xf1\xc2\xf1i\xc9&amp;!\xba\xf9\xb8\xb0\x0c\xcfx\xd4\xecjP7\xa1&gt;\t\xec\xa8a?_\xc3\x05\xdd\xb9\x8c\xf9\xb9\x07q\xf6\xb0\xbcH\t\xc0\x19r\x9a,\xe7\x88W\xe7N\x0e\xab\xb4\xa9m\xab^\xa940{\x7fk\x05wU}&lt;\xdd\xa97o\\\xbb.\xd42\xab\x94U\xb7=o?\xa9\xbc\x84~&amp;\xa2c\x0c?%\xd3\xf6}l\x00&gt;e-E\xb6v\xd9\x7f\xf1\x17-\x7f!\xbe\xc9.\xb0#\xbe\t\xbd\t\x000\xe1\x1e\xe5\xc6\'\xbb\xc2q\xef\x83\xe5G\x04\xd6\xf3\xa4\xed\x0e\x8fc\x0b/\xf4\xcc7p\x93&amp;D\xc5\x1e\xe9n\xdb6\xe7\xf1\xbd4\x9eW\xa8\x071\x96\x08\xb6\xed7\x00{r\xac\xde\xfc\xf8"\x13\xfd\x8c\xeb\xbf\xe1\xc6\x9d\x1f\xf9\xfd\xe7:v\x18\xb1\xce\xc2`\xe2\xf7\xe0.\x00\x12\xb83\xf1\x91k*G\xe9q6\x14\xf3\xe3\x86\x1b\x00\x967\x00H\x01\x15\x1c\x9d\xf6\xc9\x1b[\x91\xe2\x17\xbbK\x9c\x02\xe6A\xdd%\xa7u\xf6\x12\xf4\x19g\x12\xed\xe2\x9a&gt;\xe1\x87\xa8\xd8\x19\xb4\xb1\x88/\x1d\xfa+_\xf8\xb4\xc5Ze9{\xa1\xbaf\x93\r\x80\xa6\xf4\xa2\x06?\x00\xabq\xe1\xbf\xeaQ\xf1\xb5!\xfe[\xa6\xf7\xa6\xa9\x1e\x13{\xdf\xb1\xf3\xd2Q\xf0\xdd;\xd6\xbf\x0c\xba&gt;\xa21\xe5\x16\xf2\xd6_\xc9\x9d\xdf\x11\x8a\xef0\'\xbe\xea\r.;z\xe4\xec\x0eue\xa5~\xb3\xdcY\xf8\xec$\xe1\xf4d\xfa\xc2\xec \xe9D\x07?\x13VL\x13\xbb\x86\xb7\xfeR\xfb\n\xecj\xb6=\x1f\xce(+\x02\xb0\x12\xa7\xb3\xb47\xe5O8R\x07o\xe7\xf1d\xf9\x07voa\xc8\xd9\x19\x0c@\x01\xda\x13\x803H&amp;\xa3\xe8\xdf\xf6\xc0\x9f\x17\xf8\xf9\xc9E"}\xfc\x7f\x89\x07H9\xf0\x15\xb8t\xa8\xf9]}\xab\'\x9fS\xe42\xcc\xcc\xff\xef\xb2\x8c\xb1\xf6f^\x12Gm\xc0\xd9N\x8a\x97zFWV\xff\x1f\xbe\xb5][1"\x12|\x81\x0f\xc2.\xeb\x0c`\xf1-\xff\xf7B\xdfe\x89&lt;3\xfb\xea\xfap\x1a8q\t\x9e\x04M\xbf\xc0?\xbe1\xbf\xe5\x13\xa4\x91\xba\xb7J\xd6~"\xa9\xb6\x0b\\\x1e,\xaf.0\x9f\xc7\x9f\xb08\r\xc3s0\xb5?\xf1R\xc6\x90IF\xbf\xb8r\xd1^\x8c\t\x98}\x8e\xd7H\xf6\x8b\xfc2\x18o\xfdb\xea\xf9r.\xd3\x01X\x83+lm\xc0x\xd441\xff\xa9\xaf\xb0 [\x8fQ\xbdC\x88\xc3\xe1px^\xbd\x99\xa5\x98\x8d\x04\xed\xec\xd6\xcf73&lt;\xd8=\xeci\xa6L\x1c\xda\x85\xe3\xf1\xe2`x\xcf$\xee\xa3\xf4\xe8&gt;&amp;\x9e\xc1\x19\xc0\x1a6\x0f;\x9f&gt;\x0b3\xf6\x14t\xdbY\x04\x92\x1c\x0eR\x1c\x1e\x88\x88\x98\xe9+\xf0\x10\xa0\x94c\xc8\xefgF\x00`S\xc4\x87\xef\xccL\xf4\x9b\x99\x9a_\x8c\x07\x91"#^\xab5\x0b\\\xa9Gv\xd2\xe3\x9f\xf8M\x05/1oo\xf3\xd45\x99\xdfo\xb3\xa6I\xab\xe0\xbf\xc6pk\xfb\xaf\xf7\xa1\xf4/\x03\xedke-;1\xc3\x84\xe0\xb7_=\'\xfb}F\xfe\xae\xa4QB\xfa0\xf7\xe3nF\xc1E\x03\x8e\x05\x97\x04m\x03 \x17&amp;z\xcf\xb8\xe6:\x86\x9e\t\xdcs\x0f\xc0L_\x9e\xf6\xf0&amp;_\xc5\xdeI\x8f\x7f\x96\xb5\xb1;\x89\xd2\x9d\x98\xb1W\xd2\x89\xc8\xbb\xb8\xbd\x1b\xbf\x9f\x88\x88\xf8f\xdb[\xb2C\xf2\x1d\xb4\xde@\xe81\xe8\xd2\xfb\xf6!Df\x87\xad\x98w\xc8\x7f~\xee\x11\xb8G\xfb\x91\xa8\xc1\xf9Q\x17\xb5%\x1b\x80\x7fvW\xb7;\xd9\x00ln\xc0P\x9e\xb5\x03\x0f\x8f\xa4\xed\xef\xaa\x9e\x9c\x93\xf7\x8fTle\xaf\xa6N\xbe\xb75`\r\xdd\xd6%\x94|\x1ea\xcbNuVUV\xdcC\xea\x0by\x96i \x8c^\xceZ&lt;\xb3\xda\x92\xbaO\x1fm\xf6\x17\x00\xa6U~d\xc0;\xf0\x1b\x9c\x86\xb2\xb7\xa1\r@\x96\x82\xac\xaa\x1c\xad\x19&amp;\xb6\xae\'\xdc=(\x9fK\xea\xb7I52\xbf\xbfi\xc6\xdd\xe9RcG\x9c\xbdg\x06,\x86~#V\xb2\xfa\x94\x16h,\xd0.\xa5\xa3\xfe\xab\x7fjY\x1d\x1e-\xd9\xdd\xa8\xb4o\x00\xb6\xb7d\x15\nFVr\x18n\xd2\xd7\x9f\xbeh\xdf\x8b?\xf7\x03\x1c\x02@H\xe5k\x91\xf1t\x9b\xaax\xe6g\x0f\xd2\xfc\xa7M\x8a|\xbc\xd9\xd8^\xc5\xa5&amp;\x99\xd8\x00\\x\x8e\xfd\xfb\xa6~\xc3j\xf3h9\x05|[\x8bV;$\xaec\x97\xe6\xed\xcd\x9e\xc1\xccq\xde%I\xe6\xbew^-\xb7\xb6bZ\xea\x85\xef\xeb\x1dn\xb0\x01\xb8\x90\xcc\tt\x8f\xb3\xda:\x84\xef\x87\xe47B\xab\xf1\x883\xee\x94\x15^98w\xcc\x0f\xdf\n\x04n;wf\x1f\x97\xedh[\xdbd\xc30\xfb\xc7xf\x17\x0eo\xa2\xd0\xfe\xe2\xf62\xd1u\n\xab\x04\xd5W\xf3\xf0\x07\xaf\xa5h\x0f\xdcbk\x03\x00\x00\'\xbc4\xb7\x97\x89\xbc\x03\xdb\xbe#~Q\x19\xe2\xc6+]\x90\x90#\x1a\xb0\x01 \xfa\x80\x1eB\x1aI\xb5\xa5w{\xb7`\xe0\xb6\xb6\xce3\xa6\xf7\x7f\xea\x0c:[\xca\xda[\xe2\xf6\xca\'\xbaU\x92\x81\xca\xe7G_\x95\xbe|A\x0e@-\xa5\x87\x85\xcb\xb4=\xd5\x92\x8ex\xa7\x1f\x99\x99\xf9\x1f.\xc0d\xdf\x99\xe2i)\xd5G\xcc\xf4\x0e8\xb6\x90]E\xa37@vcU\x1b\x86\xe6\x84\x99d\x97l\xf1\x0c\x90\xb9\xfc\x9d\x96\\\xe4l\xf45\xd6\xa8\t\xc5f\xac:(v\x10\x8aR\xa7KV\xed\xc0\xd4U\xc8\x8e\x82:?\\\x12\xef\x81\x14\x17\xf7\x0f\x81\x95\x1ccpA\x92\xe5\xf8\xd3\xf4\xf7d\xdc?\xaeq8\xdd&gt;\x1c\x88\xe8=\xd6\xf8\xf3\x1b{Z\xcf\xf5\xe6p8\xdc\x91H\xed\xa0\x031\xfe\xb0\x89\xc6\xdb\x94\xc0&gt;\x1ch?\x07\xa2\xde\x1f+\xbbP}\x99t\xf0~\xff\x0c\x15/K\xf0D\xa9\xc3\xa0\xb5)S:\n\xa4\x05"\xa7\x0bl\xe3\xe4\xd6?\xc1\xc7\xcc\xcc\x87\xef\xa3\xb5\x06\xc5.\xd2\x81\xd4\xd4Cl\xdaG\xae`\xca\x0e\xe0\xe9o\x1e\xebC\xb1.6.T\x9a\x05\xe0\xc8r*_\xfe\x1d\xd3\xf9\xbf\xac\x8a\xdd\xad\xb6\xcf\xff\xf4t\xe0\xd7\xd7\xce\x86\x01\xadX+*.\x84\xff\xbbb;\xc0\xde\xf6\xc1\xa0\xc9\xbc\xccmC\x80MO9\xae[h\x9e.-\xba\xe6\xfe\xf09\xa2\xcd\x97\xf1\x19lycw\xeb\x9f\x8d\r\xdbF\xfb%\x0bW\x00\x1aY\x06L\xf0BN\xa2\x86\xbf\x01X\x9e\xc8+o\xf5\xec\x97\xcd\xde%\x88\xdfdH\xbf\xd8\xd0)\xaf-3z\xc9\xd4\xbe\xfbN\xec(+\xb5&gt;\xeb\xeb\x87\x9d{u\xdfl\xb0u\xb7\x8e\x97d\xb1%s\xe6\x06\xe01\x1b|w\xa9\x95\x9aNA\xfec\x9c\x84sC9\xe0\x9dT\x9fQ\xd0l\xe5\x9a\x9c\x97\xb5-\\\x9e\x96\xae\xc9\xb9\x1f\x1d\x02 P\x12\xd0\xe1k\x12\xc2T1\xe4\xf4hg\'R\xd5\xc6H3k\xaai\xe9\xedA\xa1N\x9e/\x18\xebeK\xb4\x98\xb5\x07\\\xcf?Jj\xafm%\xb4\n\xd1\xd6\xf1\x12\xb2nw\x14?#\xed\xa1\xb1\x8f\xae8\xc9\xb8\xd7\xe7\x16=R\xf1dPL\xb5vdGt\xef\xe5]\x8c\xe2\x95\x08g\xe4\x0b\x90\xab\xf7@\xca\x93\x97(\xba\xc0\xa5\xa0r\xbf\xbb\x97\x05\xd38\x92\xab\x90l\xdb\x8b\xfcc)\x9c\xe9\xa6\x1f\xac\xf8\x9a p\xd8\xc5\xabA\x97\xa4\xfb2\xa7\xe3\x036\x00\xed\xa7\xfb\xdd0\xb6\xae\xa5L\x91\x03\r{\x80\xb0\x86\xb9\xe4p\x8e\x96_\xe3R\x8c\x1a\x81p\x03\xb0&lt;\xab?s\xbee\xc0\xef\x1f\xb7\x07\xc9\xf0g\xf5\x00\xec\x05\xae:w\x0f&amp;\xe9\x0b8*r\xc7c\x96\xf4$\xbe\x7f\xd5d\xcf\xe5:\x818\xb3\xc6\xf6\xdc\x13\xb6\xf1\x9aU\xb44\xd0u\xffl\xd0\xb6\x8a\xdbMZ\xac\xdb\x1b\xcb\xba\\+\xe3\xcb\xbfu\xbb\xa2\xb0\xf0n\x06\xe6\x80\xbd\xe2\xca\x9c\xaf\xe5\x03)\xdf\x94\x9a\xa4v\x95\x06\xc0\x05\xa1.\xa1s@\xf9s\xed\xbd\'\xee\xdc\xd4\xb2\xa3\x89\xf0\x82r\xb1\xdc\xbb\xb3\xc5\xd3N\xd0f\xfa\xdeO\x00\x84\xa3\x8aHE\xd3q\x86\xc5`\xfb\x82\xd5\xb8\xd4\xceI\xfb,\xa3.\xa2/\xc9\x16;e\xec\xfd\x05\xf0ZV\xf5W\xb1\xf3\x19p+RQ\r\x8f\x01P\xcf\x95\xf8 ~i\xac\x9e\xd3\x17\x85+Nb\xce:\xfd\r8\xa2\x00&gt;\xbb\t\x8fL\xa0\x86\xe7U7\xd2\x9e_W\xed\x93/8\x8ao7p\xd4\xf0\xe3d\xef\xb8$_x:bh\x7fm\xac\xe0\x17\x12du\xad\x97\xb4\x07\xff1\x93\xadg\x1f\xe4\x01\x00\xc0\xda\xdc\xc9\xcf;\xcd9hJ\xa3\xbb{\x14;\xd8\x98\xdd\xb5\x17\x0c$\xf56W\x14\t\xe2:\xefa\xe3\x8c;s\xd2o\xb1\xaf;\xc4&gt;\xbc\xdb\xa0\x8e\xf3C\xc9\x06\xc3\xfe\xf6\xa0i5\x7fR\xda\xdc\xb4\xdd$\xbd\x0e\x81\xb1\x8f\x86T\x92\xdc6k?^(\xe2\xac\xbb\x99)\x00\\\x0e2/\xa4j\x05\x86\x1f\xad)*G&amp;\x05g\x81\xc2L\xf4\xb6\xe3E\xa2+\r\xd3\x982f\x0b\xa5\x97\x13\xd3\x82l\x83\x80Wa\xa2\x9f\xda\xda\x86\x1a6p\xe0\x1dZ2FX7\xbb\x01\xe8\xd6@\xf3c\xa5x\x9bZ\xa1\xac\xbcJ\xc7\xeaF9\xe1]\xc5\xd5C\xa2k\x9d\xb8\x95U\x08ig\x0f)h\x14\xbb\xc9\xb1\x00\\\x00\xd2\xa7n\xcc\xcc\xfc\xfe\xe5\xabj\xf6\xe9c\xaaMm\x8f\x87\x00b{O^\x9a\x9a3\xfa\xa0\xc5\xb0\xe8\xa4\x87\xafb\xc9\x05\xa7&lt;f\x84\xf2K\xa8\xef`r:\xdf\tr\xfd\xd9\xbd\xba\xd7\xea\xect\x1a\xd8\xba\xaan&lt;\xec8\xc3 az\xa3ns\xe4\r{,\xf9=R\xff\xa2TU\xc52\x1db\xb6\x1f:jv\x19\';4\t\x80\xbd\x90\\\xd3k\xa5\xe7\xf2\xeet\xc8\x02E2\xd7]\x15\xb5N\x8a\xe9\xedP\x91W\x07\xc3\x1d\x1a{)\x90\xb7\xb5\xfd\xd5\xac\xbd\xd7\x15L\xd8Nu_n[_\xb5\xbc\x17J:\xceKe\xd5\x1b\x80cO\xf5\x88\x96\x95\x92\xaa\xf7\xc3\xc6\x11\x9ey\x1c\x1d\xa5\xc4\x8a\r@\xda\x80\xcdp\x9avaF:\x00\xa0?\xeeb\xfd\x94,\xdeR\x94\xb8\x9f3\xcds=6\x00+\x9e\x89\x9a-\xfc2u}\x9f\x90\xe04\xc7\xbe\xf2\x1eq`3\xf7\xec\xb6+\xce\x8e\x8ck\x85]\xb2X2\xbf&amp;`N\xbf\xff\xc3\xce\x7f\xe0H\xc2\x15[\x85tAZ\xeb\xa3\xcf\x96\x18\xf7t\xe8@\xb4\xd3\xf3\xe0\x13\xf1t\xd3\xdb\xdaAm\xb7\xee?\xc7h\x07\x1a\x7f\xb7\xb5\x01\x00T\x11N\x1b\xab\x9fM\xae\xbb\xee\xf7\xf4f[*\x95aq\xd7\x14q\xad\xba\xedP\x85\x91Y\x01c\xe7\x83\x1dO\xf3\xfdI56\xed\xe7(\x18bQsD\xfd\xf3.\xde\x0e\xda\x03N\xf4\xb6\xfa\xa4j\xb0\xf7bto\xba\x0f\n6&gt;{\xde\xf3\xba\x7fFI\xece2J5\x16\x9e\x07uP\n\x00\x00\xbbf\xab9#\xafW^\xb8\xdb\xd7\xf4\xe1\x9a\xef\xcdj\xf9\x8c\x9c\xe4\xdd\x0cg1\x1fO\x1c]\xfa}[\x9b\xa1\xe29\xb3\xe8[\x83N\xc0&lt;\xf8\x9czd/4.m-\x03\xb6j\xa3\xbe\x93\xae\xdcr\x03\xb0x\xccu\xe0\x19\x04\xb9\xd5B1*\xcee\xabs\x81\xd9\xd6\xff\xe8}\x00\xce\x17f\xe6\xeb\xd5l\x00N\xf7\x8c3\\x\xee{\xae\xact&amp;\xbd\xf9\x11f-c\x8f\x0f\'\xe7\x9f\xa3g:\xe25\xbft4\x8d\xd9\x00\xec\x04g\x03\xf0\x89k\xda/,\x8b\x1f\xbb\xbd\x03{\x1b\xf0\xd5qR\x9aB\xe5/7o\xec\xc4\xf6n\xbfl\xc0\xe1\x00\x9c\'\xb6\xd3\xb2\xbe\x0b\xf7j9\xbbH4c\x16F\xbbhZ-7Z\xdd\xfe3\xdd\x1di\xb4\xb5\xe5C\x8b7Q\xe7\xb9\xb8\xb7\xb2\xd5\x13\x80\xbd!\xf5\xf2\xb87\xbbV\xf0\xf6e\xec\xd0}D\xf2\xe6\x06\x00p\x19\x14\x9e\xb4B\x00\x00 \x00IDAT\x19&gt;\xf0\x9c\xc9\xf2\x8f\xb3\xc56\x7f\xd4\xb8\x9d\x01\x82\xde\xde\xc6\x9cg\x92\x9d\xbe\xce[\xf4"\x01y\xaf\x02w\xb1b\x0f\xd3d-\xbfy\xb6\x96\x97|_|\xbd\xc1\xbbu\xa6\xba\xdc|\xcd\x18\xb1o6\xbeR\xd5\xfd\x81\xd8\xa6l?\xedv\xcc\xd2\xe0\xc2p\xd8\xda\x80q0\xd1\xe1\x98E\x0e\x07\xba\xd0-\xa59[\x1e\x0e\x07b&gt;68W\x92\x1c\x9f\xf0p\xffxV13\x1dRF\x0e\xb4\xc3m)3\x1f\x8e\x97V6\x86\x99\xd6\x8eIV\xba\x9bO\xbf\xff\xd6)j\xf1F&lt;\x99\x1d\x0e\x875\x02\t\x0c\xa1\xa0\xe3\x989\xce\xa8\xc7\xa1\x94\xcc&lt;\x156T\x87\xd3%\x8f\xc3\x8b\xd0|f6&amp;\xa2\xc3\xe10\xa7\xa3U3\xb9\x92\xc6#\xcb\x97d\xb9\xfe\xacw\xd4\xbd\xd1l\x0b\xf6\xce\x15\xb66`\x10\xd3\xe9\xe4\xe9\x07\xba\xe8{_gxg\x86\xfa\xe1H\xbc\x04\x1c\x8bg\xd5a@&gt;\xe2\xd3k\xfd\x85\xe7\x1c\xdbL\x95\x03W\xffZ\xdb\x0f\xcb\xf3}\xff{\xbf\xb3\xbf\x0e\x07\x9ab\xa3\xafjp\xa18\x1c\x0e_\x14u\xf5\xe1p\xf0\xc7xE0|w\xb4\xab\x8c\xf7\x03F.\xf9rGk\xfe9\x8dPc"\xdape{&lt;I\x8b\xaf\x07\x96\xcf\'ncV\xe1\x99&gt;\xad\xd3\xcb\xcc\xf4C\xe7\x14-\x00,8\xef\xc3\xb8o\xbd\x17\x07\xb4\xf2\xd8\xee\xf7\x8f7\xd3\x15\xef\xb7\xdf\xc7\x91\x1e\xdb?\x9a\xac\xc6\xff\xa5\xd7\x15\x1d\xbd\xdd\x0bQ{rx\xf3\xaf\xa3\xe9\xd1\x1cMB\x9f/\xab\xf4\x10\xb2[\x9e{\xd1\x1b8sI\x9a9\x88)\xd1\x9d\xcd\xab \xc5_\x89\x99j]\xa1\xa1\x81E\x15M\x85\xcfq\x86=\xefW1\xc1%\xc7]\x08.\x8b&lt;\xe3\x1f\x1cq~Qw\\K\x14\xc5R\x99s\x1a\xf3\xcf\xd7F\xfb\x9f\xadlH\x11\xec\xbe\xb6^\xb7\xcd\xab\xda6\xec\x9b\xf3k\x856^J\x86\xed\xe5E\x8c\xdeu\xf3OGE\xe8\xeb\xf1X\x03\xa31\x84\x1a\xeb\x06Q\xed\x9d\xf5\xd4J\xcd$\x93Q\xd9\xe64\x18\xdf\xb7\xbf\xe4j\x9e{nK\x14\x00J\xe0\xe9\x1d w\xf5\x9f\xff\xd6\x91\xbb\x1c\x94\xd3\x81\xb4X\tR\x15\x16.\xeb\xd2\xe4g\xbf\xd3w\x8e;\x1d\x8a\xd6~\xd5\x1aK\xa8\xde\x8eJ\xf8\x7f@\xbf\xecg\xa7\xd7\xf8\xd4\xc5\x95\xb3\x93\x16]\x0c\x868\x93\x99\x89\x9e2B\xf2\x08\xfcyss\x98\x99\x8b\x7fGV\x95\x9a\xa2\xe2\xa3\xec\x00\x00\xf4\x80\xfdD\x96\xd9\xfd\x07\x1b\x80\xa8\xbcz\x08\x11,S\xc439\x90e\x93U\xf86\x1b\x80V]\x1b\x84\x96&gt;.\xd4\x1av\xd1\xc9\xe1\xb9\xc3q$\x9fM\xae\xa7~\x9dX\xdd\xc5\xe2o\x1f4\xbbb/\xe7\x0b\xb2\x19\xd1\xc5O\xdd\x87\xb5kS\xf6\xee\xa8"\xe1\xfd\xe5G\rX\x12\x00\xb0\n\xe1\xf1\xbfeE\xce\x11\xe2\xcdxW \x9d\x94\x9c\xcb\x89\xf2\x96\xdcSq\xf2\xfa\xcb\x8e\xf57\x00\xcd\xba~\xa1T]\xe9\x8eT\xb2\xb0\xd4\xe6\xa2\xf2\xcf-\xb1d[\x96(\xdd\xe30\xbfv\xb7\xbd\xe5\xee\x9a\xb6o\xf6\xe8.\xd3(\xee\x1b\xc3C\x9d\xa0\x1e\xc9\xad\x8d&gt;\xf0\xc5\xa5\xc2\x06gL*{\xb0\x01\x80Qx#\xcd[\xd0_\xc1\xba\x01 e\xf4\xea\xcbSl\xee\x8b\x89\xb2$\x13\xfd\xceF\xb6|\xccn\xb2\xf3(\xfe$\xd5:\xdb\xa1\xe0f\xf4\x7f\xe3\xa8\x8b\x98\xa3\xa8\x9b\xec$l\xfa\xec\x9cG\xac\x05/pn\xdc{\xbb\xcc\xbd\xb9\xf7\x86\x04L\x13\xc7\x1e\xcd\x0e\xd6\x0f\xec|Em\x0f\x06kk\x98\x0b?\x03\x82\xcb\x83\x17\xca\xcb\xda\xfd\xae\xa95\x90\xb7\xca\x97\xbeQ\x97\x1a!\xa9\xc1s\x81\xc7\x15;\xff\x9a\xca\xfb\xae\xd8\xf4P\xe4\x8d\xbe^\xa4\xbf4\x8b\x7f\xd6\xf7R\xef%i\xbf\x8e\xdeY\xcct\x8c\xe1\xbe.\xb2H\xdb\x95\'m\xec\xab\xf7#\xec\x8b\xceQ\r\xe9\xb6\xd3\x0e\xae\x88\xd3t\xad\xf8\x1a!F\xed=\xedl"\\\x0e\xc5&amp;a\x03\x00.\'\x1f@\xc2\xcbB.\xa9\xbd\x81[h\xd3q\xfe\x81\x96B\xbdGx\xfa\x18F\xce2e\n\x98\x89\x1eQe\x9bI|\xa0\xeb-\xc8\x80\n\xa7\xe0g\xbe\xf9\x16/h\xedp\xa5u\xb4j_Sf?{J\xe4\x8c\xf6\xc0\x9e&lt;|n\xac\xdc\x8fs\x96 \xdba\x814i\xc6?FB\xd2\x87q\xc5\x14O\xdcE\xda\xf7\x95"\x16\xe4#\xce\xad\xac\x01`\x13\xdc\xb8\xd7\x17\xb2\xd9\'\x00\xbd\xadZEK;\xe9\xd4Y\x9c%Y\'gC\xbc7\xab\xeb\xac3\xf1\xfc\xafW\x9fZ\xa5\xee\xe7j\x8fq\xce7f%\xef\xe1\x08-\x84\x99\xe9_\xf7f\xd8\xae\x8c\xd9\x16\xb8b\x03\x9ct\xfdxS\xb6\xc9\x9f\x9a\x89GH\xf6\xb98(\xd6kF8\xbb\xe8\xba\x8e\xf7S\xec\xbd\xb5W8\x00\xec\x88\xec\xfa\x12\xc4|H"}\x17\x9d\xda\xaa\xa9\x879\xd8\x13\xc4\xe7C\xe9\xbb\xce\xe7\x1f1\x1a3\x86\x8b\x12B\x1f\xd0\xbf!Q\xd7\xaf\xfel\xfa\xa2\xccy&lt;\xbdm\xbc\xba\xd2U+^&gt;\xaeH\xc4D\x9f\xb4\xb5\x19y\xa4$,\x96q\x7f\x1a\x1c\x06\xbd\xe5\x17Mm;\x06\x1b\x00\x00@5\x89d\xa1\xa4\x92\xf8\xa2%\xe9\xa4\x1e\x05$\xd2\xd6\xf1\xca\x9f\xcf\x13\xd2\x15\xb3\xadI\x17\x004\xec=7\xc7\xf9\x89\xb0yNw\xbd\xb4\xc2\xeebE\xa6\x86\xac\xbd\x0108p\x03\xc3.\x18\'?\xcb\xae\xfe\x92f\xf1\x8f\xb6\xf4N\xbe\xaf-\'\xfa\xeb\r\xb7Q\xa7\x15\xb6\x8c\xb1m\xb4\x17kW\x0e\xd1\x00\x00\x06\xa6\xc1sy\xc6\x8f\xd6X\xf1&lt;^Z\xa9\x9b\xd7^\xde\x06 &lt;-\x96O\xfd#\xc9\xa6\xde\xb90k\xc1a\x9c\xdc\xf8y\xa1\xa3\xae\xd46\xaf/\xbd\x16\x07\x8f\xd2\xf5\x9d\xa8\xdb\x00&lt;{\xcb8\xe9\x1b\xa5\x1d\xa4\xdd\xc8\x9e\xf7\x12\xcf\xe8\xde\xd1jF_\xb6N\x05q\x06\x9b\xf3\xa7x\x92R\xad\x87H\x96)\xe8\x1e7\x0c%\x8du\xb5\xb4\x86t\x195\xf6U\xb2^l\xa7SL\xc9\xde\x06\x00\xe0si\xc6\xcf\xf3\xd3\xb7\xb5\xd5\xbf\xb8\xa4K\xba\x8b\x89\x98\xde\xceA\x8d\xe4\x1a\x82\x98\x99n\xae\xad\xf5-\xbds\xe1\xbb\xaf\x17\xc2\xea\xa4I\xdc\xb1\xfa\xf2\xcd\xda\x7f\xf7D\xefld\xed\xcd\x9e\x16.R[\x88\xe8\xa2\x0ca\xa6WF\x89\xce\xf9r\xad\xd0ez?Z\xfa7\xbb\x01 \xba\xd6\xaa#\xb1\xf7\x06\xa0\x0b\xf6\r\xc0\x06\x14}\xe3N\xdb#]\xa8T\x00\xc0z\xe4\xff\xd8\xf0\xf9cJ\x7f\xd9\xfc\x9b\xdd\x000\x87\xbf8\x99}\xd2\xb2\xff\x97W\xe0\xc3J\x8c\xb9\xd8\xddW\x8de\xe3dw\xdd\x95\xe3\xc2~\x9f\x86\x9b\xba\xfd-Rwe\xcc\x89Z/u\x9c\xf5\xf7\xe8\x96\x0b@4\x04\xe4\xd5\x9b\x96\xc7\xda7\x00\x13\xdf&gt;\xa0\x8b;?\xce\x1a\x94(Nb\xff\xc3$\x7fg\xc9*$\xbd\xd0\xdf_\xb2\x05`\x97\xecri2\x9a\x1e\x8d\xcd\xfb\xed\xcb\x96\x0c\xe5&lt;\xf5\xb6\xed\x01\x8a\x8c\x8c\x05\xc7\x8a\xf6\xd0\xbf\x1b\x86Y\xda\x0fl\xe8\xcd\xa8J\xb4\xe8LT\xdfS/\x8c\xe6\x14\xea\x95\x95+s\xd1\x03\xeb\xd4\xc5\xfa\xcb\xfb\xe82\xf4i\x06\xfb\xea&lt;9\nR\x89\xb1%\xa2\xea*\xda5\x9c\xfe\x95\xbe\xf93XuG\xea\x8d\xdf\xb4\x99\xa9\xd3\xb7\x95M\x01`-Z_V&gt;V\xffer\xf32\x06L\t\xf9E\xfct+\xb9.\xa7\xb6\xc3\xcb\xfc\xd2?o\xe7\xaa\xe8O\xff\x07\xeb\xd5\x17\x1f\xf1\xafi2\x89sd\x16X@\xbf\xb6\x93\x8e\x18\xc6\xb4\xd7]\xf7\x8b\x92\xbd\x96\x8c\x9f\xd3n\r\x90\xb0\x0c\xb1\xcd\x93U\xcd\xa3\'\xa9]\xdc\xb8\r\x9e\xea\xae\xe4\x87\xad\xdd\x0e\x000\xd38\\Ou]!\x18\xfc\x85\x14-\xaf\xb5\x15\xb9\xdb\x11\x1d,0P\xdf\xe0\xde\xf0\xbc\xf9YQ\xa5~\xdd\xeb\x0e\x9b0\xe5IB\xae\x9eE8\xe8\xc1\xe2\xea7]\x96g/{\xc6\x90\x85\xba\xa4\xa9\xf7i&lt;\x1a+\xaf\x13\xa5\x0e\xa7\x15\x8f\xad7e\xf5\r\xc0:\xbaFp\xd6\xc6\x03P\x86\x93Ikr\xc4R\xf7Ul\xc82g=\xb4\x8e\xc6\x7ftG\x89\x7f\xe6\xaf\x17\xfd\xe5\xf5\xec\xab\x9f\xf3\x8c\xc8\xac\xc8K;1&lt;\xb1.\xe5v\x82\xc1k\xb3\xa7\x94}\x0b\xdb\xf1\xa4\x89.B@o\n\xba\x03}WE\x9f\xe1C\xcc\xf4\xa8\xf3\xf3\x7f\x90N;\xf8\xe1u\xe7\xe7\x84Z\xda\x1e\x92L\xd3qG\x83\x00\xd85\xeeb\xe5\xfdj\x96q\x85\xcb\xcds\xe7\xaf\x99&gt;\xb4o+\xd4\xb5\xb5\xf8&amp;e\x82\xa9\xd4\x17\xb5(\xd5\xcd\xb0\x94\xdc\x8a\x95\x9e\x00X\x9a\x19\xfa\xa4\xc7\x1e\xc0i\xda\xc5&lt;~\x16\xa3\xbd\'_\xbe\x8d\xd3\xb6\x1e\x17\xe7J\xc9\xd8\xe90\xcav\xc5#\x83\xb6\xac\x11B\xe7\xeb=N\xfeX.\x0e\x03\x16\\*\xa4\xa5\x1e\xe8L*\xa7\x98\xd7\xd3\xf9\x05\xb8\xb5\x07-r*EX\xb4\x0bW\xce&amp;\xe7\x9aL-tKN \xbb\xbf\xeep\x14\xb6\xbe\x1b\xa8\x7f|\xf29v\xc4\x95\xbb\x88\xb2Z+zU\x7fm\x1d\x19x\xc6\x98LJ2\xcf\xd9rf\xad\xdb\xc4\xda&gt;J\xbf\xe5bm&amp;A\x05\x87\xad\rX\x9d)}\x1e\x0en\xdb\xb9\xd4\x15\xcc|8\x90\xb5\x163\x1d\xdeLt\xadl\xb9\xf2\x1e\xa9\xa8\xb2\x1d\xfa\xdc\xe5w\xc7\xa9\xec\xe1\xa0&amp;(\x9b\xf3Ss\xe5a\x92bA\x13\x14\x9b\x1d\xd4\x9bU\xf9\x17\xb5Z\xbb\xe9Mf\xbbs\x8e\x15\x88\x89\xf3\x0e)\xb6c\x88C\x98\xc9&gt;x\xfd\x9a{\xe9\xa0,N\x1b\x8f\xd1[\xdb5\xcc\xdc\xbd[O\x92\xcf\xc6\x99c(\xef\x97\xd3\x18\x1bgR\xde\x82\xa2\x89\xefbr\xd9\xe3\x16\\\x18\xae\xb0\xb5\x01\xabs8\xe1^;~\xa1\xb4TRA\x8d\xc3\xc1\xb0\xfa\xa7\xaa\xb4\xd2%\x13\xd9\x0f\xd4\xdb(\x99\xba\x0e\x87\xc3q\x15\x1a\xf7W\xfb\xea\xbf\xd8\x98Z\x1dR\xd5\xf0\xca5\xa6_\xffRs\x1c\xf3\x981\xbdvtNI\x88S\xd4M\xfb\xe5 \xf6\xcb\xc5\xc2ic[\xbf\xf4\xea\xd6(\x96\x98.\xf9s\x80\xc3\xe19\x85\xbe=HY\xcb\xee\xc0^\xae\xbe\x18c\xa7\xf4O\xf7p\xf4y\xc4\xbcY\xb1\x0ei}(t\xf1\x1f+\x01\xa0\xe3\xbeRb\x1d\x06\x17h\xccT\xfc*\xf7\x06e\xc6Wq\x94\xdf\x153\'\\\x83\xb5\tUUY\xfb\xd5\x06\xb3\x8b\xf1_\xe8g&amp;\xba]\x9b\xc0^03\xff\xe4\xd0\x90\</t>
        </is>
      </c>
      <c r="E695" t="inlineStr">
        <is>
          <t>&lt;class 'numpy.ndarray'&gt;</t>
        </is>
      </c>
    </row>
    <row r="696">
      <c r="A696" s="1" t="n">
        <v>694</v>
      </c>
      <c r="B696" t="inlineStr">
        <is>
          <t>steps_per_sec</t>
        </is>
      </c>
      <c r="C696" t="n">
        <v>7800</v>
      </c>
      <c r="D696" t="inlineStr">
        <is>
          <t>2.6199694</t>
        </is>
      </c>
      <c r="E696" t="inlineStr">
        <is>
          <t>&lt;class 'numpy.ndarray'&gt;</t>
        </is>
      </c>
    </row>
    <row r="697">
      <c r="A697" s="1" t="n">
        <v>695</v>
      </c>
      <c r="B697" t="inlineStr">
        <is>
          <t>Loss/RPNLoss/localization_loss</t>
        </is>
      </c>
      <c r="C697" t="n">
        <v>7800</v>
      </c>
      <c r="D697" t="inlineStr">
        <is>
          <t>0.08853252</t>
        </is>
      </c>
      <c r="E697" t="inlineStr">
        <is>
          <t>&lt;class 'numpy.ndarray'&gt;</t>
        </is>
      </c>
    </row>
    <row r="698">
      <c r="A698" s="1" t="n">
        <v>696</v>
      </c>
      <c r="B698" t="inlineStr">
        <is>
          <t>Loss/RPNLoss/objectness_loss</t>
        </is>
      </c>
      <c r="C698" t="n">
        <v>7800</v>
      </c>
      <c r="D698" t="inlineStr">
        <is>
          <t>0.017182209</t>
        </is>
      </c>
      <c r="E698" t="inlineStr">
        <is>
          <t>&lt;class 'numpy.ndarray'&gt;</t>
        </is>
      </c>
    </row>
    <row r="699">
      <c r="A699" s="1" t="n">
        <v>697</v>
      </c>
      <c r="B699" t="inlineStr">
        <is>
          <t>Loss/BoxClassifierLoss/localization_loss</t>
        </is>
      </c>
      <c r="C699" t="n">
        <v>7800</v>
      </c>
      <c r="D699" t="inlineStr">
        <is>
          <t>0.17424977</t>
        </is>
      </c>
      <c r="E699" t="inlineStr">
        <is>
          <t>&lt;class 'numpy.ndarray'&gt;</t>
        </is>
      </c>
    </row>
    <row r="700">
      <c r="A700" s="1" t="n">
        <v>698</v>
      </c>
      <c r="B700" t="inlineStr">
        <is>
          <t>Loss/BoxClassifierLoss/classification_loss</t>
        </is>
      </c>
      <c r="C700" t="n">
        <v>7800</v>
      </c>
      <c r="D700" t="inlineStr">
        <is>
          <t>0.03797935</t>
        </is>
      </c>
      <c r="E700" t="inlineStr">
        <is>
          <t>&lt;class 'numpy.ndarray'&gt;</t>
        </is>
      </c>
    </row>
    <row r="701">
      <c r="A701" s="1" t="n">
        <v>699</v>
      </c>
      <c r="B701" t="inlineStr">
        <is>
          <t>Loss/regularization_loss</t>
        </is>
      </c>
      <c r="C701" t="n">
        <v>7800</v>
      </c>
      <c r="D701" t="inlineStr">
        <is>
          <t>0.0</t>
        </is>
      </c>
      <c r="E701" t="inlineStr">
        <is>
          <t>&lt;class 'numpy.ndarray'&gt;</t>
        </is>
      </c>
    </row>
    <row r="702">
      <c r="A702" s="1" t="n">
        <v>700</v>
      </c>
      <c r="B702" t="inlineStr">
        <is>
          <t>Loss/total_loss</t>
        </is>
      </c>
      <c r="C702" t="n">
        <v>7800</v>
      </c>
      <c r="D702" t="inlineStr">
        <is>
          <t>0.31794387</t>
        </is>
      </c>
      <c r="E702" t="inlineStr">
        <is>
          <t>&lt;class 'numpy.ndarray'&gt;</t>
        </is>
      </c>
    </row>
    <row r="703">
      <c r="A703" s="1" t="n">
        <v>701</v>
      </c>
      <c r="B703" t="inlineStr">
        <is>
          <t>learning_rate</t>
        </is>
      </c>
      <c r="C703" t="n">
        <v>7800</v>
      </c>
      <c r="D703" t="inlineStr">
        <is>
          <t>0.03965529</t>
        </is>
      </c>
      <c r="E703" t="inlineStr">
        <is>
          <t>&lt;class 'numpy.ndarray'&gt;</t>
        </is>
      </c>
    </row>
    <row r="704">
      <c r="A704" s="1" t="n">
        <v>702</v>
      </c>
      <c r="B704" t="inlineStr">
        <is>
          <t>train_input_images</t>
        </is>
      </c>
      <c r="C704" t="n">
        <v>7800</v>
      </c>
      <c r="D704" t="inlineStr">
        <is>
          <t>[b'1024' b'1024'
 b'\x89PNG\r\n\x1a\n\x00\x00\x00\rIHDR\x00\x00\x04\x00\x00\x00\x04\x00\x08\x02\x00\x00\x00\xf0\x7f\xbc\xd4\x00\x00 \x00IDATx\x9c\xec\xbdy\xfc\xbfo5\'~\xeeo1\xa2\x8cQB\r\x8a\x191\x841\x851h\x90elY"4\x14\xb2gd\x99\x90=\t\xc3$[\xb64Y\x12~\xd9*\x94%\xc6d_b\x18\xc4`Z,)[\x96,\xe9\xfc\xfe\xb8\xef\xfb\xba\xaf\xe5\x9cs\x9ds-\xf7}\xbf^\xef\xeb\xf9\xa8\xcf\xf7\xf5\xba\xef\xeb:\xe7y\xceu\xce\xb9\x96\xfb\xf5z\xbd\x01\x06\x06\x06B "\x00\x1e\xcd\xe2\x02\x80x\x19^B\x0f\xad\xa4q7\xea\xe5w\xc1\t\x88\xb5\xf2\xffype\xe6\xa48\xa1\x81A"\x9f\x8f\xde\xc5`u]\x8b!\xae\xcbkE_7\xdc\x9c\xa2\xeb\xab-\x03\x03\x03\'\x85\xae\xd6\x8c\x92t6hG\xa4p:9\xe3$\x84\x88\x08\xf3\xff:\xc8n/\xf3\xa2p\xe4p_\x8c\xf3\xdb\xf3\x1c\x074\r\x81\x88\x00_\\\xd0/\x11\xd2\x0f\xd8t\xbb\xb23\xd8\x1d\xcb\xce&lt;\x06\x06\x06\xda\x80Z \xc6\x05qi3\xf2\xfc\xbc\xc0\xf5\x7f\xc9\x8d\xf2\xa5\xfc\xf9\x86\xfb\x1c\x118\x8e\xe8\xdab,\x82\x07\x1a\xe1\x03L\xadof\x16#\x83q\xcc70peP=\x91\x8c\xd3\xfe\xa3\xc8^WV\x1a\xac\xe6\xfcL\xd8\xe5\xb3[rY\xd1g%\xd4\xa2\xac\xdf\xbc\x89!q\xda\xb36\'\x8c\r@K\x8c\xc3\x85\x816\x10\xb2\x12\x11\x01&gt;gO2\'\x04\xb7\xf4_\xd6\x00\x0f\x1f\'}\x03\x037\x0ec5\xa3\xc1\xe6\xa5~\x07\x96g;Z\xee\xc0g\xbf\t\xa6\x9a9\xf1\x1c\xacN\xe0\x00\x87\xe1\xd8\x9b\x8b\x86iU\x94\xa4\xc5\xda;\x06m\xf3"\x99Y\xfa{\xb6\x04\xd7\x9fsI\x899\x1dM``\xe0p\xcc\x19{ssa\x9e\x00\xa6\xa9\x8b\x07\xdc\xec\xd2I\xfe\xac\xc48|\xd6\xf6\x16\xd1\x1d\xecE\xc4\x9e\xde\xf3\xf5\xe4i\xeb\xa3\xa5k\\\r\xe4\xb0Db\xe8\xff\x8e\x91?\xb0\x1bJ\x0b\x02.\xffx}G\x92\xa6\x90wD\xd3\x04T\x12\x05\x9d.\xc5\x9f\xb7\x1cM``\xe0pL\xc5\x93br\xb0}\x91\x1f\xcc\xdd\xa1ZuV`\x15?\xb7\xef2R\xd3\xf4\x82\xe9a\x8d]\xcaI#\x0f\xbd*N\x07\'\r\xedI\xd5jnYJd\xa0\x0e\xfe\xa9\xee\xfa\xca\x1ds\\\xc9c\x99\xc8\x8a\x1b\xf5\xb8\xa9\xb4\xbcL\x00\xd3\xba\t\xd8D]\xc4ju\xb7\xf1\xe5\xb4L\x93\xf3\x15\xe9\xae\xc0\x8d\x97\x12\x8d\x170\xf0\x03\x03g\x84\x97\xdf\x17Q@\r@l\xbav#O"\x07\xea\xa1:\xb0\xaf\x92&gt;\xcf\x10\xd3\x04\xc4\xa1c\xf6,\x19\xd7&amp;\x07\x8f\xfb^\xcfON\x04\xe11\x94\xfd\t\xd5I\x1f\x1a\xdc\xc0am\x82\xf4\xc8\xffB&lt;\xb9G\x1c\x92\xabv\xe6\xc8\x9f\xe8;M\x93/\xe1\xfc^\x1dO\x00\x06\x06J\xe0\xad\xfes-u\x87\x01\xeeC\x84\x9fq\xf4\xc9\x01\x02\xc0\x1b4\xe4\xb0o\x11&lt;\xc7\xaf\xa3\xd4\x1e\xff|I\xa6;"\xc2\xfa\xd3\xd8\xe4}\x936f\xda\x9b\x00\x00\xa6\x1f\x0b\xden]r\x12\x17\x82\xc7\xcc\xd9\x05m\xae\x12\xde\xe7\x95\xcb\x9f\x0b\xb5$\xd4\x0e\xc4\xea\xea\x1c\xb9\x7fr$\x07\xfe\xf4\xea\xff|)s\xd0\xea_\xadz\xa9\x97\x9e\x7f\xcf\xe7\xc3\x81\x81\x81fP\xa5\xf72\x07\xe7j\x01\xf7\x05\xa3\xeb\xc0\xae\x8fD\x0f.\xbb\xfe8\x96\x8b\xf8C\xa1\xbb\x17\'M\xbc\xca\x86\x9cdEN\xefY\x1e\x82\x9f\x84\xc6\xae@\n\x10\x17\x99+\xc4\xb5\xd6\xcf#p\xb3|H\xa6Li\x9a |\x1a:\x91\xf5\xd4\xaa%\x0c\x0c\x0c\x1c\x847\xb5\x14\x94\x1b07\xef\xa1j\x17-\xbc\xfa\xc0\xd2\x92\xe5\x88\xec\xa80\x96\xb4\xbbP\xb11}\xbdv\xc8\xae}\xb9yZ\x04\x05\xc7[\x13\x97\xadl.i\xf8\xdef\x04\xdb\x8d\x87=\x00\xf8\xd5\xbf\'\xea\x83\x08\xb1i*EW\xf6\xaa~\xf1,\x93\x9dA\x0e\x9f%\x07\x06N\x0f/{\xeb3\x19\xc7\xaf\x05\xf7\xc7)\x97\x9b\x8d\xf9\x94\xae\xe1\n\xe7\xc5\xe8\x9a\xb9\xbf\xcc\x96\xbd\xb5L\xc0G\xcc\xa6\x17\x07\xe2\x8b\xe0\xa4\xaf\xe8\x95\xcd\xe5\xe1\xa2\xc9\x9f\x167t\xaf\xce\xad\xfe\x11\x11\xe0\xcf\xf8~oOeYt\x05\xe1\xd1{\xb8tQ:J\xe5\xc0\x80\x1d\xc4\x8c\x18T\x817\xceU\xc6\x91l\xa7\xc1M(|\xe1\x14Uc\xac\xa6o\xd8\xa6\xe2t\x8d\xbb\xff\xbb\xd4\xadd&amp;\xde.Z\t\\5Xop\xbe\xba\x06\x07^\x81\t\xa7\xc4\xc9\xf2\xcb^\x9d\xca\xd4H\x1b\x00\xe9\xcc\x8e\xaal\x7f\x9c\xb6\xd8ay\x90\xce\x05\xd9\x15KW&gt;\x03\x03\x97\x03*U\xd2\xc5GN\xc0\xa9J\xe7\xcd\xc6%\x0e\x84\x8ds:Q\x9d\x05\x162n~e?\x80\xb46+\x93\x7f)\xe8\xb5\x85\xc3\xab}\xe4x\x95F\xed\x01U\xfa\x9c!ft&lt;\xeb\xab\x81\xb0\xfa\xc7\xf8\t$\xa5.\xf9\xfcO\x18\x9c\x8fXr\xb0\xa7K\xb9}\xbe\xe0\x1c\xc7\xf3\xa4_\xf0\x1f\x18\xd8\rs\x9eD?\xf5E^\xccIx\x19\xc0\xad:\x91l\x8e\x95\xf3\xa8\x00\x17\t\xbf\xb8+\xa3t\x1f\xa0\xfa\'\x05\x9d\t&lt;\x7f&lt;\x8f]\x03\x03W\x81|N\xdd\xa8\xa9!\xbb\x85\x98\x82\x1fAF\xcc\xfd\xf2r\xe2\xbdM\xc3\x9e.\xf5hH#&gt;~\x06t``\x06\xfd\xd7=T=\x97\x9f\xfe\xba\x98\xd5?\x8c?\xd2t\xe1p\x7f\x95f\xa9\xf0\xa7\x01?\xc9\xc5,\xe7\x96\xd3\x17\x02\x9fe{\xc7\xe8\xf5\x1e\x99\x0f\x0c\xcc\xd0\xa6\xe75&gt;j+\x81\xfeS\x00\xe09\xcd{\x11\xb7\xd9\x07\xde\xdfw\x1b3\xfd\xc0\x00\x8f\xe4\xb1][\xd9m$/r\x0e*\xca\xf5V&lt;\xedd\x9fT\xb9x\x04\xce|\xb9\xc3hhq\xeao\x9d\x86\x91y^\x9e\xdd\x10\x7f\x80\xf8\x82p\xb6\x8f\xc0\x9189C\xf7q\x17w\xe5\x83.\xc1\xabM \x7f\x04h\xf1\x8c\xb6&gt;\xd0\x9f \n\xaf\x0c\x0c\x0c\\;\\\xfe\xff`x0\xd0Ug\xbf)\xbc\x92\x7f\xb7\nxR{\x07\xa0\x81\x0f\x7f\xfbB\x97\xa4\x97\x87K^\x9at^W\xb5\x12~v\xf7^\xee\x0e\xb0\x06\x9a\xd5\xff\x8c/\xd0\xed\x01\xc8\xcd\x83n\xfa\x13\x9d\xbf\x8c\xce\x8d\x1b\xa0\x81\x81\xb3@3\xd3\x90\xb5\x03\xf6[P\x06?\x02\xd0\\f\xb9\x88^\x1b\x00h\xf8\x8c%\x16z\xb1K"\r(\xeb\xbei\x17]Z\xafz\x01s\xcd\x03qQP\xfd5C\x00\xb8\xcd\xbe\xb9\xd3\xad\xb6,\xe2\xfb\x88\xbd \\\xad\x07\xf4\x1b\x80tN/\x93W\xc9\xb6\xa6;\x89\xf1\xf1\xa0\x81\x01\x15\\\xfa\t\x9fr&amp;3t\x9a&amp;D&lt;\xd575\xf5@\xf5w:5\xa2\xa0\xf3\x17\xa1\x14c\xa4\x954\x8b\xa9\xe4\xd3\x17\x88\xa5\xdf\xe4@\xe6\xabl\xdd\xbft\xab\x0f\xa75ZfR\xe7\x1e\x88\xeb\x87\x0b\x98l\x84 \xbc\x0b\xe0\xd3\xf6\xff\n\xe9\t\xbf/~BJ2h\xc2.gw(\xe0;\xa3xI\xcd8!/\xaf\xa9\xf7\x1aLR\xe3K\xc0\x03\x036\xbc\t\x9b\xe5\xbd+c\xdf\x93\x18\xa4\xbe\x01\xd9\xb0`M\xd34\xfd\xbfV\xc22 m\xb1`\xba\x8c\xc9\xbb\xd0\xc6\x89\x19V\x9b\xc9\xd4t\x979\xb0\xd7G\xd3\xba\xe601\x1a\xe8\x84)y\xc1\xb7&lt;`\xf5\x0f{f\xebr\x94\xfb\xf8$\xd4\xe3`\xbd\x84\x02\xe2\x81\xcb57\x9a\xf5\xc3z\xe9\x8fU\'\xef\xcb\xb5\xc7\xdb\xb2\xea?\x9e\xc9\xc0\xc0%C\x97?\x7f=W\xfcO,QP\xf5\xf8\xef\xd5:,\xfd)\x81\x97\xff\x89\x8b\x86\xcf[w\x80\xc7\x13\xef\x7f&amp;\xb6\x9f\xa1\xf3\x9e\xcd\xc9%\x06\x9e\xc8\'7\x1cGgSC\xed\xd5\xa2\x18W\x1c\xed\xa2\xbehb]\x95\x90\x0e%=\xff\x91\x9dxB\x89&gt;d\x1b\xef\x00\x15\x12Z\xe3\x12f\xba\x81\x81\x0b\xc7\x13\x1b|\x0b\xb6\xf4&lt;\xb3\xfd\xa2\xfc"\xd6\xc7\x05\xb88\xa3\xce9\x10JJY\xf2E\xa6\x9d\xce\x1b\x03\'\xf8.\xec\r\x8d\x8a3\x15\x87\xceL\xf2\x95\xf0\xf8\r\x00"\xc2-\x86o\x00\xef\xb1\x01\xa8\xc3\x85=\xa5\x1a\x18\xd8\x1b\xcb\'\xadk?\xd0\x89%_\x03\xc0\xec\x9f\x1d\xa9\xa0\x03\xd0\xf7\x03\x9d\xcec\xf5\x9f\x85\xd5J\xc0\x8b\xff\x94*i)\xee\xf99x\x93\x0f\x91\xf8L\xfffBA\xccS\x02\x07\xba\xc0\xe0jo\xe5R&lt;:\xd5\xb9yq\x1f\xa9o\x80kJ\x87\x13\xdabZ\x91\xbb?\xb82\xfd6\xc0\xdd\xe8/K\xe4\x85\x9c\xc3\x03\xae2\x8f\xef\x00\x0c\x0cHXs\xba6o\xa7i\x02\xf8\x9d\xa2^y,\xa7\x0b\xffL_\xcev(C\xfa\xcf\r\xebE\xe5\xda\x9d\xa3\xbcV \xe6?\x0f,\x02\xe4N\xe0j\xceV\xcb\xcf\xa5R\x87\xcf?|\xe7\xdd\xb5\x8d\xc8\xd1#x\xba#\xba~\xc8y\xda;\xb0\xdc&gt;\x05.\xb45\xbb\xcex&amp;z\xe9\xa9]\x82\xa3\xd3aC\xfd\xe9\xb5\xb3%+\xea&gt;\xe7&lt;)_\r\xc0\xd7g\xdap_\xad\nPn\x1a\xeb\xb7\xc2g\x0bg\t\xad\x81\x81s\x02\xe5\xe5\xd1i\x9e\xe8\xb9\xc7\x8b6&gt;\xa7\xe1?@\x03\xd7\x9f\x91\xd6\xb4-\x93O.\xc2nj`\x8c?\x03\x1c ))\xacs\x1e\xa6\xfb|\xe3\x12lk\xcbs~(b\x80@\x8b\xef\x86\xb9\xa1?\xcf\xa0k&gt;\xb4\xb3D\xe9C1m?\xcb\x10d\xcew\x83+\x15\xb6\xd3~+\x14{\x96!\x18\x188\'\xa4$\x07\x00\x80\x8fADx\xb7=\x12i\xcc\x947\r\xbb\r7"~\xb0Q\xd7G\x06\xed\xbf\xae-\x9f,F"\xe8\x10U\x0c\xc2iyO\xea\\\xfd?1sP\x12\xb1Bo\x03\xa0\x91\xaf\xc2\x8f_aT\xe0i\x96\xcbM8\x9cp\x163l\x00\xc0\x7f\r\xf2\x17\x12\xfc\xd5\x7f\xa4\xa7\x93\t\xcd\xc5\x0e\x0c\xdch$9|$\xea\xc8$\xbd.\xa9^\xf4\xabn;8\xc1\xae\xc2_\x1b\xbd{pP\x1a\xceF\xed\xb4\x9f&amp;\xc8\xb5\xd89z/)Y\x02d\xe3$\x1fKI\x83\xfa\xd5\x86\x1f\xc3_\xd3\xcc\xb7/\xf0X\xed6^\xdd\x15\x9dga\xf7\xec\xc3\x7f\x02\xa8\x0f,\x1b\x00\xf8\xfdm\x16^\xf6\x03|q\x88\xf6\xde=6\x00\x9b\xa8\x12\xb1\xe7\x1b\x8b\x81\x81\x13!\x93\xae{\xe7\x8fa\x95\xf6+17\xb2N]\xca\xb2\xafe\xd1\xd4\x8bj\xb1\xf7k\xf0y\x92\xec\x9c\xe47\x8d:\xc6d.\x1c\'\\=\x9c\x1e\xb5\x1b\x80\x070\x1b\x80\xca\xa5L\x8b\xe42\xabl*\xecF|T\xec&amp;d\x9ce\x03\x80\xae\xf5\xc3\xcc\xf1\xdf|\xf5\xdfjt\xae\x7f\x88\x07\x06\n!\xe6\x98t\xabK\xe9\xb4\xc9|\xd4\xd6\x8b\xea\xd8\xbc\x1e\x1d\n\xe2S\x98\xc2[\x95D\xc3\x87\xefy\x11\x8d\xceJu{\x00I\xd7\xf7\\\xcfX\x0fh\x91\xcd\xf1\x82"P\x10{g\xc53\x8f&amp;pn\\\xd5\x04!\xc1\xb4\x07`\xe2_\xab\xa4\x15\xe3\xed_JM\x1b-\x03\x03\x03G#x\xcc\xe7\xe7\xb6%\xcf/\xa9R4a\xa5\x17\x82]\x0f#kly\x8c~Zj\nO\xec9#\xe4\xc6\xe0\xe7\xeaE\xb0#X\x1a?\x1d\x03\xef0\x90OG\x8d"\xce\xe8\x90\xb3\xf19)\xb4u\xd6\xfbFo\xe4\xdb\xec\xe8\xef\x982W\x96\x9b\x03\x03gD\xd7\x04c\x8f\xd60\xde\x00\x9044+\xda\xf3\x96\x89n\xc4\xd8]\xd09\xfd\xc0\xcdK\xe9\x9dN:\x01\x00\xe0\x91\rE\xdf\x84OM4D\xbf\xb0\xac\x8c\x1f\xbe#+\xea\xbcY\xd6\x02J\xeb\xae\xce\x03\xd7c\x0eSk\xc34IF\xd9{{\x92\xd5\xbf\xac\xebz\xc6k`\xe0H\x9c\xa1\x94\xf3\x1c\xce9\x1b-5T\xd98+\xeb\x87O\xb4\xa4\xc8\xb3-\x92\x9a\xcc@\xab\xa2\xca\x05\\Va+\x81\x91xR]\x1f]\xd7\x80\xca\x04W\x88\x97\x86[\xa1\xc2\xc0\xc1\x92\xfb\xc7\x00\x11\xe1\xf7\x0b\x1f\x06\xde\xd4\r\xc05A\xb3\x05(\xc9;SG!\x19\xd5\x1c\xba\xd6\xf0\x81\x81\x1b\x8d+\xca\xab\xf65B\xf1i\xe3FJ\xdbJ;\x12\xbc\t\xef\x1d\x15\xfd\xf0\xe1O\xe5\xb4\xc4\xd3\xd9o\xf2hN\xfeR\xd0\xc0\xe4\x16~\x93\x9d\x7f\x03\xc6%9\xcd-7\xd9\xf7\xe4\xb5\xfb\xed\x8c\xdfdm\x80\xa2\r\x00\xea\x9e\xb77\xe6&amp;4\xcbn\xec\x07\x06\x06\x8eF\xc1/\xb4\xb4_\xe4\x8d\x02\x91ATC\xf7v\x1a\xbf\x01\x88n\xb6\xd5\xa9\x89\xb4FJG\x04\x0e\xe8\xf0\xe9\x1dB\xe5A#\xfc\xcap\x9d\x1b\x00\xe5\x16 .\xcb\xd1\xe7u\xb7+\xfe\xeb\xbd\r1&gt;o\x1f\x18\x18\xa8FT\x11\x84\xc5\x19[\xf5\x98\x8f\xee\x91K\xc0\x1a\x8c\x13\x82\x04\x9a\x11\xd9\xf7d\xe5\xffQ\xd3O\xca\xe6\x98ql\xa0\xf4\x8av\xa1\xdf\xbd\xa7\xb2#F\xfc\xc8a\xba\xf8be\xfbA\x82\xf3\xa0\x86\xcc\xa9\x0c1@\xb5\t\xd0\x81\x14\xbe\xbfE\x03\x03\x03\xfd\xf1-.\xed\x97\x03\x00q}\xa3\xfd\x8eNXP\n?\x9fj\xe1pM\xf8\xc0&gt;b\xf7\xf3\x1b3\xa9 \x00\xc0\xafH3\x8d,\xb49\xcf2\xb4\x98\x0eOa\xcb\xfe;\x99\xf3\xae$**\x95 \xb4u\xd0\x9es\xb0.|\x9f\x03p\x92|\xd4\x83[\xa6\xf7\xdb\x03\x08z9&amp;\xe5\xe6\r\x0c\x0c\xa8Q\xf5!\xce \xed\x0b\x93\x96\xc8\xf6\xd3\x94\x803p\xc8"*\xbbW\xf0\x0cT3\xc7\xd8l&lt;G8\xd5#3\xc5\xee\x8b\xbd#\xcdb\xf8W[e\x1b\xdb\x87\x9dsK\x9f3`gz\x8a&lt;\x9d\xe6\x86\x17Rf/\x02\x0fQ\xb4a\x03\xb5`\xad\xcf\x14\xe7J\x8cx\x18\x18\xd8\x05\x95\xe9\xda!\xf9W\xfc\x89\x13\xf5W\'^\xd1\n&amp;\x97s\xfe\xa4\x12{\xcf\xbe\xfeXa8\x04j8\xc1\xe4\xd6"\x8d\x80\x08U9\xf5bE\xa8\xef3\xca\xda\xe3\xdb\xbe,\x1a`\x17\x86\xcd\xab\xdf\xe5C\xeb\x10\xf6\xf4\xc7\xea\xcc\xa6\t~\x19\xa3\x992\xd4VW\xe1V%*\xcc\t8\xd4\xcb\x19\x18\x18\xe8\x8c\x0e\xf9O\xcan(\xb6)\xda/+\xfb\xf9\xb3?^\xa5\x82\xf0\xa5\x1f\x04z\xe4+F-;\xe8{\x85\x04\x02\xdc\xda{\xddI\xc5n\xbd\xbaC\x1a\x97\x13eq=\x93\xcf\xca}\xces\xc5\xd3\n\x1f\x10-)P\xe8\xb4\xf7*\xea5\xe0\xe3\x87\x8eZ\xfa\xcf\xa8\x18\xfd\x81\x81\x81*\x98\xcf]\xb0\xe3\x8fp\xd5\x8bM:&gt;\xe2\xf4\x95e=EV\xcd\xb2\xd7\x83\x8b\xdb\xed\x08\xa8\xda\x00T6\xb8\x04\x9c2\xb0k\x1d{&gt;\x8bZ\xc3Z\x8a\x8bc\xf5\x86\x95\xbe\x93\x02\x93\x1f\xff\xd9g\xf5\x7f\x15%n`\xe0\xd2P\x96{\r\xf6\xeb\xf9r_r&amp;J\x9bse\xf5\xa5\xc1Ly\xe0\x0f\xb7\xf5\xc5\xe5\xcc%\x1b\xc9\xd3\x10\xeeC\xe3\xb5\xf6\xb7N\xaf\xf1$\x9e?3\x8c.\x92\x82\xf9\x0c\x8f\xb9\x06\xea\xd0a\x98\xb2E;\xbd[T\xe7G\x80\r\x0c\xa4\xb0\x7f\xa2\xbd\xc5\x19@\xe5\x02\xd4\xb2\x01x\xef\x93,\n\xcdSiB\xfb^P\xf5\xb3\xc7gp\x82\x84\xeag \\X\x9e|\xb7s,\xb7\x92\xfd\xff9\x12\x8a\x83\x96\xdbj\xc8\xc7\xb7\xd1\x8a\xf8\xd2#\xdcr\x81\x01\xbf\x1f\x12\xe7\xdc\x14\xb748\xa4\xdb\x0f\xf9\r\xc0&lt;/&lt;\xd9{T~\xee\x1240p^\xe4KC&amp;\xbb\xb0f\x19\xba;\xceQ,\xac5\x0b/\xcb\xc9-\x90\xab\xec\xe2\x83\x0b\xbec\x81\xe7\xf5\x8do \xaec\xf6m\xbf\x8c8\xd3\xba\xe4$4\x0eG\xe0\x07\xb1D\\\xd9\xde\xa0u(\x1e\xe8\x9c\x06\x86\x9c\'1\x07\x06\x0e\x07\x99\tA\x86\xe4\x96\x9eG\xe5R\xf97\xcc\x0e&lt;6\xf0T\x7fEQ\xbf\x1bU\xbc\xf2\x96\x86\xde\xe8\xf2H\xfa\xe8\xd5@S\xed\xad\x83\xe7jb\xd2h\xc5Gj\x1a_\x87g\x0eB\xb5\xdfJ\x0f\xb6\x84!\xa3o\x9d}\x88\xdbL\x1cW\x13\xc9#+\x07\x06f\x88\'\xac^\xa3}\xd8XP\x9c\xc3\xae\xe3\x01\x0b\xbb\xe2E&lt;&amp;\xe8\xc4\xf0\x92\x81\'X\xac\xb7F\x87\xf5z[\x81\xdeG\xad\xae\xcb\xf3\x8d0\xb2\xb5\x14g|\xe0\x99\x0e\xa5b|\x8f\xb7\xe2\xba\x83\xd0^|\x10\x00o\xe9Eg`\xe0B\x80\x08\xd3\xc4\xdd\x9c\\\xfd}w\xa50\x14\x96\x02\xcd\xd71\x12\x0fq\xe6\x98\xa6\xc5\xe6i\xfdK4\x07\x80w{\x80\xeb.\xdcm\xf1\xbf\x11\xe0\xfc\x87qF\xa0\xfb\xa7\xa1\xbc\x06m|x\xa1&lt;\xc25\xc1\xa4L\xf5\xabEq&lt;L\xad\x83\xbf\x01\xc2\xd1\xc4\xf9Jn\x88\xab\x03`\xa7\x9c\xba\x8c\xe4\xf5\x16\x18\xfeY\x98\xc9\xc9GN\xfd\x03\x03g\x81z}\x99\xdfa\xe7\xce\xa7\xfb\x1dd\xc6\xdf\xeb:\xe9\xa2\xd9~\x84\x9f\x9e\xfa\x8f\'\x00\x95\xb88\xbf5\x1ekNZ\xf5/`^\x9cc\xaf\x06\xa3\x1a\xec\x0e\x84\x0f\x90\x8ap\xee\x04\xca\xac\xae\xb5@V\xcd\xc9\x8fO\xc6\xf470\xd0\x12\xba\\\xd2&lt;_+[\x9e6\xa88\x84\xae\xf3U\x87\xb2E\xfc\x85l\x00\x0eg\x82\xaf\x80\x08o\xa7\xa3\xb1\x9f\xdf\x0ew\x0b\r*r\xce\x16Q\x03\x03\xe7\xc5\x9a,\xd2\xf7\x04Zg\xd3_7\x95v\xa98\xdf\xdc70p\xc9\xc8f\x94\\\xe9R9\xa6\x14\xcdV\xd2\xabAn)\xcfx\xa0j\x03\xe0\xc4\xfeRSSN\x87\'_r\x14}U4\x8e\xc7\xccm\xb98\x1c\x10qc\x16%\x92\x8dk\xfch\xea\xd2e\x03\x11\x01~\xe7h\x16\x05\xf8\xe0\xa3\tTCQ\xa6\xf0\xf4\xcf1\x06\x06\xce\x02\xcd\x1a\xd4.\xec\x86L\x876\xe4\xf6\x00\x1fc\xef$:\xf9\xe6\x8c\xc2\xd9\x16\xaf6\xb7\x9f\xe2\x8b\x0b75m\xdb\xd8{C\\\'/\xf1\x17\'4\xf2\xc3M\xf0gk\xf4\xf3\x98\xa1\xba\x1e\x9e\x0b\xfe\\\xf0W\xa7\x9a\x17\x06\x06\xce\x86n\'\x7f\xed\xb3\xee\xf0\xcaR\x89\xccR\x9e\xff8i\xe1\x06\xe0f@^\x94\x9c\x1e\x0b\xed3l`n`D\xb52Y-\xe4f\xb9\xb7\x0e\x08\xaa\x01z\x85}\xd8\xb4B\xcf\x14;0\xba\x10\xe0\xd9\xeeuC\x1b\xb3\xf3\xe3\xaa=\xe8\xa2\x14~\xeb\nb\x03\x03\xd7\x80n\xbfPQ.\x16\x11\xa7\x89\x90p\xec\x8fi b_\x02\x8c\xeci\x9a\xb8\x92v\xe3\x7f]\xc4a:\xc7\xd2\n\xb3a?\x8f\xe4&lt;p\x88\xe8\xc2\xfc\x0cCy\x06\x0e;\xa3\x95\xc9j97\xce\xc3\x15\x88~l\x87s\xdd\xdf\x15+\xe8^\xd2)\xf4\xd4x`t\xf9\xaa\xf5&amp;\xe6\x0b\xe6\x86wN{\xbb_0\x0c\x84\xdc\xc0:60p-P\x1c\x8a\x9b\x84)\xdb\x95I\xb7\x92\x11\xcf\xf2\xf3\xd2\xbe\xea\xb8\xe3\x7f\x8b\'[\x1e\xff@\xdeX\x04\xf8\xe4\xc3?B\xa3\x84g\x8bu\x04\xf76\xf0\xa6=\r\x18\xe8\x06\x14\xdf2}\xfa\x17\xba3E\xb8\xb5\x14\x9c\x87yG\xc83\xe3\x99\x86o`\xe0b\x11\xe6X\x93\xe2R.\xa1\xa2\xe8\x13]\xec\xbb\x08\x83j3\xcf\xcc\x06\xc0&amp;\xc3\xa0\xb7\x1c[\xfdUkl\xffY\xb2C6&lt;E\xc8\xe7\x8e\xbf\x01\xc8\xb6l\xc4\xea\xa6`x\xec\x12\xa0=\xecX\xdbt\x1d\xd3\x8b\xf8\xb6\xe8\xeb\x1cM\xe0\xa4(\xcd\xf7\xcfi\xccc`\xe0\xa2\xe1\xaf\xae\xc4\xea\xac\xae\xdd\x15U\xb5p\xb5\'\x1e\x15(E\xccr\xf4\xe4\x0bx\xf2\xab\xffW\xb4\xca0\xe9-\xc1\xc5,\xbbO\x81\xd0W/\'\xb75\x07\xea\x93\xc6(\x0c\\\x03\xceVR\xba\x929\x9b\xb1\x17\x84"\xbf\rW\x0f\x0c\xd4A\xaaY\xf3\xad7S\xa6\xd9\x83\xdb\x13\xc8\xf7:{\t\xe06\x00\xb3\xc9\xab\t\x92\x15f\xff\\\xe7w\xce*\xf1\xc3\xa5\x1d\xd90\x0b\xc7\xe5\'K\xe5\xb3Z\xdb\n\xbc\x16\xec\xf9\xfd\xdd+\x82\xb6\x86_\r\xeer\xd4(\xe3\xd9\x7f\x92R\xfb\xcd\xda}Q\xbc\x00\x18\x18\x18\xa8@~\x03`\x91\xd5\x84\xd25AX\xfd\xfb\xb7\xb3\xdd\xc9\xeb\xe9\xb5\xae\xbf\x04\xfa\r7o|\xdd&gt;s\xf5\xea\xe6\xdeo\t\\}\xe3&lt;3p~lU\xe2A\x97\x17\x9f\x17\xbb\xc2\x138\x7f\x0b\x1c\xbd\xff\x0c\xeaX2\x83\x1c@\xa8\\\xf5\x05\x1c\xff\r\x0c\x9c\x1fd\x9d}\xf2e\x16\xdf\xdd`\xfeZ\x1b\xb9\x01xj\xbb\r\x00\xb1\xbb\xb8@\xecI^\xa7\xcb\xdb\x00\x10\xee\xdd6r\x1d\x08\x0eXq]\xa3\xd0\xe2\x17\x11.\xb4\x1a\xa8\xaa\x99\x7f\xeb/Onft\x8e@4\xd8\x99\xcd\x9e\xea\x9a\x03\x11\xef|\xe1&amp;\x0c\x0c\x9c\x18\xeb\xc1\xe7\xd1&lt;$\x9c\x9b\xe1\xf2\t\x1fD\x84w\xe16\x00\xee_\xf6\x13&amp;\xe2\x14\x88d\xe3]\x8b{\xe3\xe7\xdd{E\x1dz\xa3\xa3j\x9eq\xaf$\xea\xef.~Wv\x11\xb0:\xf9\x04\x83BjoI\xe9h\x03\xf5\xa0\x0f8\xb2\x19\xc7\xb7Q\xed\xedK\xd9\xb6\xc7\xb9G\xeaL\xdc\xf6\x9f\xe3\x06\x06n\x06\xfe\x93\xf7:^\xd8\xadYw\xa6\xc4kV\x05z\x18\x15\x7fb\x04\x98\x07\x02\x94\xf6\xecj\xbe\xfb\xd2A\r\xff\x9b\x0c\xf9\x96\xb9&amp;\xa6\xca^a\xaf\xf7\x11,\x00\x00\xf85\x14w2\xfe`q\xcb\x11\x81\xcfIf,1\xa2\x9a\xe98J8"\xbeU&lt;\xac\x03\r\xd0;t\xb9\xb0\xcc\xec\x01\xf8\xbb\x88\x08\xf0\xefHE\xad\xf8\xb6\x90\x13\x8b\xed \xb3\r\\\xdd[\\}W%\xd5\x97vr\x14W\xc4NRf\x07\x06\xae\x12\xefU\x97`x#?\xb4\x87\xf1\xca\xd2;{\x8eg\xb8^\xc5\xab\xbb\xcf\x1bV^\x8d\x1c\xa4?\x8dS\xab\xd7\r\x01\xb7\x1ci\xa5\xeb(\x8c\t\xf2f\xe2\xe4\xe3\xde~_\xca\x88:\xb3\x13\x9a\xe2\x8d\xd9;E\x1e\xf0\xeb\xeds\xd5\x87\x80h:.l14\'\x8f\xf3\x81\x81\xd3\xe3\xb5\xc9\x14Z3\xb9\xdb\x13\x80\x93\xe7m!\xbd\xccWr\xd1{QX\x975E\x167\x1am\x0e\xc0x&amp;\xbba;\x91j&amp;\xd1[\x85t\xde\x8f\x1d\x8b\xab4\xaa\x01\xda/C=\xb1me\x9e\x9e\x03\xa6\x0f\x90\xf7\xc4.\xc6\xde\x98&lt;\xf2\x8eE\xac={4\x16h\\o\xd1\x1e\x18\xd8\x0b~\x16\xd1\x07\xd5}\xd4\x1a\xaf\xffX\x1f\x1a\x0c\t\xbb\xd5\x9e\xbb:\x96$\xcd\xa0,\r~\xa9\xef\t}\xebmF\x86\x85\xf1\xc3B\n\x89\x88Nl\xe7P?\x12WiT\x93\x90\xeb4\xe2\x89\xd8\xfd\xfd\xbfk0_q\xe2\x04v\x05_\xe2\x8a\x9b\xeae\xb6\x8c\x87s\xb9\xfd\xc80\xb8\xca\x08\x1c\x18\xe8\x8e(s\xba/\xfde\x99_\xca\xea\xddu\xaf\xff\x803W\x93\xc5E\xbf\xb0\xe3\x04\x9f\xb9\x9ba\xf2\xb2\xfai\xafkL*\x85\xfbw\xaft\xbe\xb9\x0c\xa3*"\x81\xa8u\xadXE\x92{\x88=\'\x87]+\xf3qh\xe4\xcf\x96\x1f\x8b\xad\xa0\xd4\xa5\x8a\x86b\xf7\x0b\x89k\xdd\x82\x0e\x0c\xb4\x81\x90\x1e\xf1\xad\x86\x1b\x80YB,\xe4\xff\xe4\xfbP\xebE\xa4\xa5\xf5\x9e\xbf\xbf8U\xca0\x89%\xf4+I\x1d\xb7g%\xd8\x06\x8b\xa3$zL7#\x9a\xc3\xf2\x01\x00\xffD\xd3\x10\x18\xeaH\x88\x84\x8f\x1a\x94^\x9f\xf5:!\x8a\x83\xff4)syX]7\x1cx1\x98+\x15\x13\xf3\xdd\xcf2\xce\x91kg\xe000p4\xacS\xa6\xb7\xd2j\xb1\x070\xf7`\xf4\xee\xb5\xeauZH2\xfe2T^P\xca\x0e\xcc\xb5\x91\xfcp\xec\xf3V\x0e\x99\x80\xc9ME9\xd9\xd6=\x00-\xa2\xa0\xa3R\x82F\xfeUO\xb7\xed\xa0~\x14\xc36x\xcb\x1d\x1dr\xa2\xdd8\x8df\xf48K\xe7\x8b\xe7sB\xb9\xe1\x1d\xbe\x19\xd2V\xa0F\xa3\xf2\\c\x0f6\x03\x03\x03G\xa1`\xe9S\xb3\xd2\xaa\xc1!J90d\x9e\xd1\x92!\xb3h\x96\xf7\x0f\r\xf6f\xe7\x80\xc5\x93\xb5\x1b\x80z\x84{6\xfa!\x95\xc4\xad\x0b\xf9#\x1drVh\xb3\xe3\x06\xf8\r\xe1+3\'\x11\xfb\x03O\xfc\xa9\xa1NE&amp;\x11\xdb\xdd|D\x04x\xd0\r\x88\xf0\x81\x81\x01\x11g.\xb8&gt;\xe2\x89\xaaA\x15\xbe\x00\xab\x19\xac\xb3\x05\xf3\x8d\x88\xcb\xad\xec\xe5\xcb\x91\x16ssE\xdf\x07b\x08R\xac@\xaf\xdb:\xecR#\xa1\x18\xbaA\xcc\xb7)\x1b\x91\x0b*\xa73\xd5\xdaZ\x81\xf8\xd7\xed\xec-\xce\xdfn\x15\x0f\x83\xd7\xee\xd1n\x87\r@C\x81z\xc5\xc6\xe6[\x1d;G\x90\xd7r\xb8\xa5\t\x8b\x81\x81\xcb\xc54M0M;(\xaa/sA\xef\xa9\x924\x02\xb4\xb6z\xbf\x9a\xb80\'\xf5M\xef\xbc\xcfx:\xb4\x99\xbd\xb6\xf5V\x99\xb0\xd5\xe6\x9a\xb8\xa8\xe8\xfa\xc7\xd1{\xd2\'\xd34q\xf4\xa6i\xd2{q\x13\x9e\xcf\xa9.\xa1p\xb9;\xcc\x15\xa1[Xs\x8a\xbc\'\x86\xd1\xa9\\\xb7\x1c8\xd7P\x9a\xa6\xdb6+7\xaf\x01E\xf9\xdb\xcf\xa5\xf3\x82\x7f}\xb7L\x94\xbb\xcd\x98\x1c\xa1f0\x1a1m5v\xf9\xe9\xe5\xa3\xb7\x01E\xa3p\xa6\x04\x1c\x18\xb8.|+{\n\x1b\x1d\x8eF\xcd\xb2\xe7m\xca\xf3\xdd\xb5\xcd\x01I~\xaa\xa9}O \xe2?T\xdb\xce\x8d\xaf~\xdfX\xbd\xc3l2|K\xf8\xbd4\x8emU\xcf\x16\x04\xce\r\xa5\x8d\xdd]\x91\xad&lt;\x87=F\xfb\xa7\xbd\xbe\xcbTQ*\xdb34=\xbe\xa3\xe6\x8e.\xd8/\x06\x9e\xaa\xcf\x8bsT\x89\xcb,V\xa60\x1b\x18\x180#\x98W\xd2\xcfB\x84\x1b\x80\x08\xae!\'6\x7f\xea\xa0i\xd3\x07m\xcaJg\xe6"\xc9\xaa\x0f\xcf8\xc9\xcfB,\xf8\xf4\xb9P\x9a\xd7\x01U\xee\xfd\x8aqm\xb3\xc2\xe5Nu\xbb\xd2\xe6\xbfi\xa3\xff\xc2\xc0\xc5\xad\x87\xa8\xaa\xbb\x9fr\x8e\xc9^[\xfdCQ\xf7A\x7f\xbd\xe1X\xa7\xe8Jq\xc9\x9130p \x94ez\xb9;/\xda\xf8u\x9b\'\xca-\xd9\x1f\xe7nr\xed_\xb5Q\xf66\xdc$x\x1b\x9ef\xa7\xe0H\xf8\x8d\x17\xae\xb6E\x1c\xbe\xf4\xfa\xf342\xfd\xfeP4\x9d\xfb\xdc\xe0~\xd7]\x9d\x93\xfd0\xd7\x8e:\xe0\xa4\xa2"\xa7\xef\xb0E\xdeE\xa0\xd03L\x86^\x12\xe2R\xb3\xdb\xa1\xc9\xbb\xd3?\x9d|\x15Q\x1aWl\xd2\xa2\xf3\xac\xcb\xdb:\xfc\x1c\xc3w\x06\x0e\x03\x03\xd7\x08\xe5\xda\xce_\xd6\xe7\xca\xbay5\xd3*\xc3%b\xa1\x16\xf5V\xa1\x01\xb1\xaa\xa5\xb3\xa5\xbd\xdf\xd5\xbd\x86\xcfh\xf3\x04c\xe1c\x9c\x0f\xf6]\x04\xd0[ \xb3\x94\x1d?\xad1\xbft\xd7l\x9d\xc5gk7\x13\xaeF)\x1b\x07-/\x7f\xb5*\x15s\x83i-\x8b^\xb6M\xbd\xae\x13\xe1A{\x98\xf3\xc9\x8d\x9d\xf6\xc9\xdc\rf\x10\xcf0dg\xe000p\xf9Pn\x00.=\xe5\xa2\xc5k\xc3]\x87R;"\x02\xbc2ySx\x9cR\xael\xdd\xb0e\xdb\x96\xa8\xb0s\xe9\xa7!\xd2D\x9e\xd8\x19\x08\xfc\x96\xb2\xfd\x91k\x97}\xb7U\xe7\x82l\xf8\xcd\xf4\x89\x8750\x10\xe19\x85\x8fA\x00^\xad9-^WU\xffK\x9f\x95\xce\x03n\xb2H\xd7\x06\x88\x08\xffRx\xda\xac}\x1c*2\x19\x18\x18\xa8\x83%\x91\xb2\x1b\x80\xa3K-C\xccd\xa3Ux\x11\xb4eTE\xac\x8c\x81\xaf\xeb\xe8b\xeah\xf47\x9c\xfbdZ\xc9\x0c\xc4\xc4\xd5\xb9f\xa6K\x9c)\xeb6\xde\xcb\xb8\x14\x1b\xce\'\x05\x1e_\xe2\x1a\xa1.\xf1\xe5]e\xe68\xff_\xf4?M\x88\xdewUwa\xe8\xe6\r\xf5q\x036\xa1Q_\xd6\xc6\xcf\x80\x0e\x0c\xccP\xe6\x12\xfb;\x86\x8b\x94\xc3W\x92\xec\xcf,\x1aDp7\xbe\x16 =\xb7(\x9aD\x11`r\x9f\x99\xaf\'\xc6\xaa\x91\xb6\x13\xcb\xcf\xba-\xbfMI8\xa8\xc9@\xfe\x1f\xe5J\xce\xa7\xb1\xba\xf4\x93M\x0f\xff\xbd\xa6b\x07\x9c\xa3!\xb5\xb7\xcdO\xfb\xad,N\xb4\xe6\xa8\xfd\xc9\xdc\xc3PF\x1b\xe1yK8\x97\x19\x8e\x88d7\x97\xeb\xdc!\xc3\xd1\xb5\xaf\x08\x13\x80}-%4\xcf\xc6\xff4\xc1\x9f\xef\x1c\x90\x97\x1a\xff\xed\x81\x88\xce\x1b\xc7\x1d\xba/\xc9Y+e\x0c\xeb\xc0\xc0\xf9P\xf2\xe1\xefNTz\xc3-\xaf\xef\xdel\xeb\x93}\xc6R$\xabD\xa0\xbd\x17\xdd\xf8\xd3\x8dz\xfd\x93$\x03\x81\x93\x04\x92O\xfeh."\xce\xcfP\x85G\xf5\x11K\x07\xff\x19\x02\xac\x15j\xf2E\xe8\xa8\x16\x8b\xc1\xc7\x90\x9a\xa2\xdd0\x15&gt;\x1ei\xa4\xfdt@wjuE\x89000p\x18v\xae&amp;\x1dtU.\xa4\xe8O\xa2\x9f`\x03\x90}\xa4[\xc00\x9a\xec5\x12\xdeL+\xda\xb8\xec6:\xc4\xb6\x0f9\xff\x06\xe0\x1cS\xf8yO\xcd-)\xd32g\xf7D\xc1\x0e\'k\xe9\xed\x95~@&lt;\xbf\xdf\x8a\x88\x9d\xd7\x9cV\xa8\x99S\x06\x06\x06.\x05\xc8~c\x12\x11\xe0\xb6\xb5\xd2\x97\xf2\xf15\x95r\x8c:+\xcbV\x8b\x92\x97!\xa0\xfb\x0c\xa5JO\x93J\xcd~\xad\x02\xd9O\xed\xc7\xf8\xd5\xfes\x86U\xbe\x85\x89M\xec\x81\xb3\xa3a\xe3q\x82\xc9\xfb\x84\xcb\x08\x8f\x8c\xea\xafO\xc0)\xad(\x83\xc6\x04\x85\xb1\xa6M\x9d{\xcaw\xa0\xf7\x1a\x1ep\xdc\x08`\x88\xa3\xe9\x0c\x0c\x0c\x94\xe33\x01\x80^\xe2\x04I~%y\xee\x96\xad\xc5\xdd7W \xc2\x9bj\xcf\x087\x0f\x9b\x8bf\xe0|oD~[\xc7\xb7S\x99\xde\x02C\'|\x8f\x10BD\x80\'\xb7\x15\xa9\xb8\x12s\xb8\x11Sc\x0b\x03O\xe8\xa8\x84\x92vM\xdc\x95\xd5\x99\x80\x00w\xc95\xe9\xe1\x8d\xd9\xc9_\xd7A2\xab\xcft\xfd\xea\xe1\x0c\x1f\x1b\x80\x81\x81\xab\xc1\x03\xe7\xff\x90\x99|}IN\x9a\xa3\xb71\xda\x0b)\xd7\xbe\x94\x1b\xcd\x9f\xc8w]\xa2]Yf?\xd3a\xf8\x90\x82\xbe\xb7M\xd9\x97lK\xb1F\x86\x04\x9e\xb4\xf7\xbe\xa0\r@_\x02\xf56~Z\xea\xab\x87\x1f\xec\xb7\xd3\x8c\xdd\x05\xa3\x93\xf7\xb8\xd2\r\xf0}Ws&gt;\x95\x85\xec\xdbhz\xeaJ\xe3\x1ci\x92\xf5\xc6\xc0\xc0@)2\x8b\xcb\xc3PI\x89\xde\x00\xa8\xea\x85\xbd\xc2\xfa\x8b\xf5\x1e\xe8-_P\xca-v\x1b\xce\r\xe4f\xa3\xd4^\\\xe3\xf9\xd7\xa5\x06uh\xbe\x018\xcd\\\x9b\x00W\x7f&gt;\xbc\x9c\x9b?\x9a\xe7\xb0\xd4\x16Z\' \\\x8b\xa6\xd5cy\xc8\xd9H\x1a\xa3#\x90\xff\xa2\xae\xba8\nG(\x1d\x88 V\xdaS\x14\x93\x81\x81\x81fX\xf2\x19\x11\xe1\xcd\x1b?\x9f\xed\xb5\xf8P\x89\xedX\xa4\xf6\xa8\x80\x88\x00\x9f\x97\\)\x94\xc5\xea\xe0\xf7\x1bB\x07\x9f\x89n\xe7P\xbb|o\xbd\x01\xd8\xa4\xfd\xc3\xf9&amp;3\xf4\xbe\xcaY)\x04\xce\xb2\x010\xa0\xf5X\x1f\x83C\xf9_\x9e\xeb.\x8e\xf0n\x88\xeamC\xb9E\x9d./\xb4\x06\x06\xf6\xc7\xc5$\x89&amp;\xa5+\xd7mp\xd2\'\x1e\xe5(p\xc87W\xfap\x8f\x88Rm\x00\xa8\xd3\xdc\xfc\x03\xf4\xca%\xdd\xef\xb6^\x11\xce\xd2\xde\x89p\xecY\x02\xb5\xde\xdeh\x0f\xd0\x86O\xffD\xc6\x10\x86\x11\xb9\xae"\x13a7\xff+\xd0\x9eC\xe5^w\xf7Ui&gt;,\x0f](++\xb9\x8d\xe4\xea\xe7\xe7s\xd2\x06\x06\x06\x00\x00&gt;\xef\x92\xf2AS=\x9f^%\xdd\xcd\xe5\x97\xe4\x16\t\x05\xf5\xaef\x05,,\x83\xf6\xda\x1b\x94#Y\xcf\xd5\xcai\xcbKp\xec\x1a\xb1\xa5\x1a\xff\xf4\xe0qi\xeb\xb1E\xd47*\xd6=/\xad\x8aIm\xc0\\K1I@\xee\xb1O\x81\xbb\xae\x9by\xff""\xfe\xea\xb1c\xc1\xc4I\xcfU\xe9\x9bw\x93\xbc\x1bJ&gt;\xed\xd9\x9e\xc5\xc0\xc0\x8d\xc1I\xcb\xba\t\xc7\xee\xf5O\xb4\x8b\xf8K\x1b\x8d\xea\r\x00\xa4\xc1\xd3zM\xdc\x05\xe6\r\x00\xd3\xa6\xc9.\xc2\x82\x87\x1c\xe7\xd8\xa6\x9f\x1do\x08{\xf6\x15\x8c\xd7\xee\x03}.\xc8\xfb\xd2\x13\xc2\x1f\xac\xff\xd5\xedar\x11\xe8]\xc1Qqu\xaax&gt;\x15\x99\x81\x81\xab\xc7\x97\xf2\xb3\xda)\xa6\xba3pP\xe1Rx&amp;(_\xd6Hk\x82\xac4\x7f\xd1V\xe3\xba\xb2\xbe\xab\xc9\xea5\r"2\xdfA4n$.(\xa4W\x14G\xc8Y--?\xcc\xee\xbb\xd5?\x95\xbb\xc2\x8f\xd5\x9d\xe8\x8cC\x8d\x83wk\x17\xe3\xaesl\xec\xe7x\xbb\xef\xa58m`\xe0*\x10\xcd\xee\xee\xa4\xa7\xb4z\x9e(\x81\x0f?\xd71\x8b\x10}\xde\xc2\x1cz\xb1\xfe\x0e\x15\xdf\x040)\xda\xae7\x9a\x9b\xbdu\xbc\xa0\x97\xee\xa5&gt;\xd1DH\xd2$\x92\xb6\xbd\xa8x\x98p\x10H\xbb\xde9j\x03\x80\x8f(\xda"&gt;\xf1\\\xc6\x0e\xe4\xf0\x9e[\xb4\x1fM\xa5%\xae\xcf\xa2S\xa1\xc5\xd3\xa1\x96\xa33\xc6z`\xa0\x14\xf7\xb3\x9dh\x96B\x12\x8e\xc6%]N\xd5eT\xffd9[+Oq\xa5%\x84\xb3pj\xcdm\x1a\xe2\xa6\x9f\xc0\xb9\x1d\xea]\xbdp\x96f8\xd2(\r\xce\xf0\x99\ng\x9dw\xe9\x12\x92e\xe0\xda@G]\x9bzh\xd9\xf0W\xa9i%\xe8d\xc7\x04\x1a\x9c\x87\xf0.c=0p\xd5x@\xd7u\x80\xb0\xfcj\xbe\xfd\xb8\x94\xe3\x9f\xec\x19\xb3R\x86\xa6\x99\xf7o3h6\x00\xa5\x03\xc1\xf5z\x84\xf18\xbf\x88\x0f"&lt;:\xb3_-\xb5\xae\xdd\x10\x14&gt;|\xd8a\xab\xdf\x0cc^\xbfJdR\xb8\xed\xf7\xc5-\xed\x8d\x1an\t\xbb\\R\xa0\xce\xd3\xb1\xc6\xe4\xf3\x94\x8b\xf30\x19\x18\xb8&amp;\xd0Ux\xb7dS,\xa7\xe2\xa9\xe2\xa0B\xd0e\x01=[\x17Z\xf4\x89\xad\x14\xb8\x97\xcfTW|\xa3\x86.\x0bJY`\x81\xd2\xea\rIGi\xc5\x1c\xb2\x01I-\xb3\xcc{\xa7\xa3P\xb0\xcd\xbb\x81p\x05\xe4h"Z\x04\xb9C$Q+[\xc4=\x06\xf8\xb5Q\xfb\x89\xbeL\xb2\x1fT\r\x08\xa5\xad\x8f\xd2N\xb2\xec&gt;\x0f\x93\x81\x81\x0bE\x9cBLRm\x05z7VBn\xef\xc8\x84%\xd0\xa8\x14\x06\x12B\'\xb7=)\xd7\xdc=1r\x9f\xb3\xb7\xae\x0e\x83\x11\xfc\xdcx(\xed\xc3\xbaJ\xb8\xf7\xc9X\xd4l\x19\x00\x00 \x00IDAT=\xac\x0b\xda\x93N\xab\x97\xb4\xae\xadC\x0f3\x93q\x8f\xf2%7\xe8]\xabnn~\xa9-\xb3\x00\x9a\xc5+\xf1\xdcR\x12\xaa\xf1\x98\r\x9d\xdc\xeb\xcez\xce\x9f&gt;\xe7g80p-\xf0j"F\xd7\xb8\xa6\x9f\x84\x08\xafq\xf4\x87s\x8e\xde\x00,$\xaa8lsR$\xb4\xa6\x08*\xbb_\xda\xc1\xc9\xf6\x07\x1f\x84\x80)\xd8\x00\xb8A\xf4\xc5RIq\xb3pi\xe1a\xc7\xd5\x1b\x18b\x0b\xe9\xf4\xb8\x81y\xcbI\xe9GR\xf8\x9a\xcd\xf7\xb6\xfc\x1a@\xab.w\xd1&lt;p3\xa93\x03\x11\xee\xa6T\xf1\x8c\xbeLl\xa0\xbd\xaa\xd8\xa1\r\x0c\x0c\xb4\x03zP.\x1c\xdb\xa6h\xe9\xa9R5\x01\xad\x15w\xa8Ud\xc6N\xcfX.w\r$\x0c\x9c~\xd5\xce\xad~n\xde\xea\x9f\x9e\x89\xf7\xe7\xb1\'b\x03\xb5\xf6^\x90[\x82\x00\x9eC\xfa\xfd\xa8G\xbb{r:?\x94\xe9\xdfi\x9d\xdat\x7fr^\x08\'8\xce\xf3\x97h\xd7\xc0\xc0\xa5\x01c({4T^4\t\x95\xaf\xcf6\xa59+^z\r\xab\xc0\x92\xe5\xec\xe5.\x7f\xd5\xc1I\xac\xfe\x93\r\xc0\xc0@t,}\xb9Q\xd1\x90\xf9\xe5:\xc1\x874\xe5e\xd3_[":\x17\xd2\x8d\xc6\xc7\x9f\xa4dm4\xce\xc1g`` \x07\xe3\xa2\xa7\xd9\xf9\xe8!G\xad\xd7x\xbe+\x1d\xa8\xe4F6iP\xb7\x02\xeeT\xf7\x17J\x7f \x9e\xfd[\xbe;\x11\xf2t\xf6v\x89\x8d~s\xe1\xd8\xae\xf4\xc7\x99}{\x1bu\xcb\xa6\xcflu\x17\xc9fk~\xc9\x0f\xf1\xba\xa3M\xe2\x08\xdd\xf7JI\xdc&gt;\xc7h\xd5x\xe6\xc0.\x81&lt;\x9a\xb7\xec\xc6c`\xe0\xac\xa03dZ\xa1\x132y\xffVaU\xda@\x94A)\xc04\x81Q\xe9\x197\x0c\xde\x04F\xd8\xa2\x9d\xdb\xd6V[\xfb\xd9;?\xe2\xb7\xc8\x8a\xda\x8e\xcfUJ\x8d\xd8N\x95\xee$~\xfeg\xf9\xef\xe4m\x06\xc2;\x1e\xc2h\x8f\x82_\x1f\x1bo\x9co\xb2\xd7\x82&amp;\xfd\xc8\xc7\xc5n\x0c&gt;\xeeh\x02&gt;\xf6\xabN\xf6\xf1z\x89\xbaedEy`\xb0\xb3\x84\x89\xfc!\x81\xd9|o\xcf\xcf\x98\xd8\xb2\x18Jr\xa6\x99\x87e\x1au\xb5\xe1b\xeb\xc3\xc0\xc0@\x01N\xf0\xb1E\x95\xc4\x9e\x85\xe9\x92\x17F\x01\x10\xf1\xad\x15G\xfb\xdeZ0n\x9c4\x88\xef+X\xdc#\xea\xae\xf6\xad\xed\xb4^\xe4\x19\xb4\x8a\xda\xc3\x1dMv\xd9b\xe3\xb4\x81\xa4p\xd7\x99\xf0\xaa\x17\xc2\xf3r\xc1T\x80\x13\xc2\x18\xb4\xaa\xcf\xfb\x19\xdb_3t\xb5\xf4rp\x05&amp;\x0c\x0c\xec\x84^\x1b\x80\x96bw(L\xa7-|FbR\xe3x\xf9\x9f,\xd3\xb9[V\xca\x05\xa3\x1f*\xcdwW2\xa47\x004\xe7\xeb\xc6\x05\xce\xf1\x97\xc2\xf3L\xf0\x077N\xa8\xd8\x9f\xe4\x07\xde\xc0\x9a\x0bH\xfcfC\xb4\xbc\xae\x1dGD\x84W\xce\n\xb9W\xd0\xfe\xa48%\xb1\x8b\xab\x0c\x8d0&gt;\x024p\xd3A&gt;\x97\xd4\xaf\xc3\xf6A\xee\xb3H\xee\xa3&amp;\xe8^?\xdbX\xcb\xd4\x1fv:\x00\x96\xba\xdc\xc9\n\xd3\x11\xb8v\xe5\xe6\xef=\xc2;y+\xe6\xf1\xca\x0e\xda4M\xd3\xf4\ry*\xef\x0c\xf1\xaa\xc5\xa5\x00"\xfc\xeeY\x12\xa1\x02\xb3\xbbL\x9f\xeb;\x1a\x97\xc2\xf3\xa4\xf0\x83v\xf9TH\xd8\x80q\xef\xb2Y\xb0\xec\x18%\xc9\x13|\x7f\x96\x9e\x84e\x03\xff\x97\x992\x88\xf8\x13\xd1\x07\xde\x94\xf2\xf7\xc5)Cz\x1d\xbe\x9a\x84\xcb\xc6\xc9\xa9V\x14\x03\x03\x03\x00L\xde\x9e\xf1&lt;@\xf8\x9c7n\x7f\xb6\xc9\xa3}&amp;\xf2:\xf4f\x8e\x0c\x84\xbb\xfe\x1d5\xb1\xb9\xf1\xeb\xba\xb7\xfe\xb7\nd&gt;&amp;kBu\nN&amp;-\xbf\xecL\x1e\xf3V_ "\xc0\xed\x8ffq:\x1cW\x81\xe3\'f\xc54Z\xf1\x8f\xca\x14\x00\x00\xfcQQV\xd2\x93]\x1d\xbbk@E\xf9u\xaf\x0b\xe2\xa4\xdf\x07\xb1\xc6\x98\x0e\x0c( f\xfe\x01YTP\x8e1\xfc\x8c\xc7\xb5&amp;\x7f\xfdD%/\xb8\xfd\x8b\xcb\x8bo\xe7N\xe83*\xb8!H\xe4\xf8Ll*6\xfe\xc6\x8f\x0c\x19\xdc\x98o\x19\x90?p%Q4y[\xfc\xd0\xc5\xb4\x82\xcf\x9c\x1c\xec\xe7\x9dQf\xe9\x16\xe7\xe5\x8e\xf2\x93\xe5\xa9\\\x1b\xbf)\xd5\xd5]W\xd1P\x19k^\xa7\xa6\xbd\xc7\x06\x80DE\xc0\x98\xbf\xeb\xb5i\xf4\xba\x8cQ\x18\x188\x00U%\xb59lK\xb4\xb5\xd3\xd6\x93]\x0e\x9e\xc8\xc62\x88\x9e1\x9c\xcd\x0bK\xe1\xe0\xca\x97\xd4-&gt;\x98\xbb\x00\x08\xafT5\x16%K\xf97\x91\xacnB\xa6\xf7\xf7\xd4[\xa1\xd4\x03=V\xde\x85\x0b\x0e&gt;\xc7\x07\x16To\x00\xb4\x9f\xe8\x88r*\xae/\xfeiB{\x94\x1d\x15\xb1\xa7\x1e\x05\xdd\x8d\xaag\xbcV\x99\x84\n\x8d\x99\x8b\xeeV\xdd0q\xdd\x05\x99#\x8b\x07\x06\x06Z\x82]zZ\x0bb[\xb4X\xb5\xcc\x12\x1eQ\xc9\x99[\nW\xae\x18"\xe1\x94\xb1\xdb\x82 j\xdfN\x05\xdfX\xdd\xa5\x00=\xb6\x16\xcdQOR^=d:\x92\rTd\x1e\x90J\xb3/5\xce\x8f\x1c\xf9\xca\x81k\xbdyK\x16\xfa\xd1c\xd8\xe5\xcdw\x88Q\x17\xdd2\xc6\xa7\xd1"\xaa\x02pI\xd1r\xb2H\xcbl\x1b\xe4\x9fOR\\2\x1b\x80\nzm\xec\xda\x08t8\xa9\x01s\x8c\r\x0c\xdc\x14\xe0W7\xfa,PM\x82}Y\xb7\xe4\xbc\x9aE\x03\xb1p7vOj\xfd\x8f\xb7\xf3C(\xdc\x9fq\xe9\xca\xdbw\xe9\xec\xafNzC\xb4\xa2\x19\x81bw\xf5\xf3\xf3"\xb9\xc4\xcfr\xc1\xf9\nN\xd7nc\xba#2\xc1S3v\xdc\xc2\xb7F\xa0/\x81X\xc4\xbb\x06\xe6ee\xe1\xe3)E+:l\xb8\r\x80\x8a\xf3\x83\xcdqX\x9f\x83\xf2J\xbd~X\xcb\x1e\xad4(/\xde\x02\xbd_\x82\x8f\xd5\xff\xc0\xc0\x865\x1ft5E\x95&lt;\xe6B@\xcc\x1f\r\x92_G\xe3\xf2\xcb\x81\xde\xdb\x94\x9f{\x81\x9bk\x0b$U\xd3\xd0\xb4\xc2\xc7\xb4&gt;p\xb2\x10\xb0J&gt;\xe5\x06\xa0\xa8#y\xd9\x17\x1b\xb5i\xb3\xd4(a\xd5@p\x91\nt\x0b\xa3b\xbd\xe5\x0b\\A\xe2\xd6=#\xca5\xf6\xbbDM\x8a\x99$d\xcc\xcd\x8a\xfd\xd0=\x14\xa9\xe3\x12\xa7\x97\x9e\xb9\xde\x9d\xbfeV&gt;\x9b\xf6\xce\x1b\x19\xc5(7\xf1\xc6\\\xe2\x10\xf1\x15w9R\x19\x18\xb8\xb9p\xa5\x99J\xdd\xf8\xcaG\xeb\xd2\xdb\\\x05*J\xb0|\xbfZ\xc2\x15\xc0/\xdce\xeb\xefj\x17\xfd\xd6\x1a]\x85\xden\xbc4\'\x06=\xbex\xde\x89\xa7\xed"\xe6L\xa0\x17\xa9\xad\x164\xa9p\xff\xed\'jG\xbfF\xe1\x96J\xa6\r@\xe5\xd2\x8a\xaf\xed\x08p\xc7b\x99\xd1&gt;Mn\x0e\xeb\x92\xce\xd3\xbe?\xfa\xee\x1b\x01\x9e\xd0Z\xa0\xc76\x8e\xcfO\xa2;4\xdd\x90\xac\xa3\x8c\xba?/\xdd}g\x1e\xe9R\xb6\xb9\x8a\xda80\xd0\x07n\xb7\xad&lt;D\xd9\x81\x92\x1e\xcc\xe2 \x98k\xe5\xeeg\xb3hCCb\xcd\x8e\xfaj(\xd4l$\x1a\x0c\xa5\xdb\x81h,\x92\xda\x9c,`r\xabd\xcbI\xf3q\xe0\x1c\xde\xf0X\xb1\x0fL\xc4\x8e9i\x16\xfa.Y\x89\xf8^\x9d\x9f\xa8\x9cd\x1c\t\x02_\xc6R\xda\x9f\xad\xa0QMF\xb9gnq\xac#h?\xd3\xdc\xfa\xe2s\xd0\x18\x188/\xd6t=\xe7\xe1\xa2\\\x16\xa9\xbbJ\xce]\x8b\xd4[\x9f\xa4\x02V\xd5z[\x1d\xe7\xa3\xa8X?\xf3\xda,\xc1Y\xa1\xb0\xe8ie\xba"\xb1\x88\xf8\x8f\x88\xf0\xb2\xde\x8f/$s4\xc3\xe1\xb5\xa9\x8a\x93N[\xa3\x0b=\x9b\x90\xa1_\xcf\x81e\x03@6\xe3;n\x8d{{\xef&lt;\xcb\xc1\x10\xf5\x946\t\x9d\r4\xee\xa0\xc4\x9a\xd0\xbaJ\xc7\xc2w\xdc\xef\x9d0\xa8\x06\x06.\r\'9\xa1I\xd1\x87U\xc7\nx2\xf4Z\x96m\xf2\xfd7\xad\xa3\xc8\x17\xa5\x92\x1c\x13\xd8\x06z\xbd\xd8\x94a\x1cE\xf1\xd2&lt;iP\xa9\xcdL~m\xff?\x15mj\xb9UJ\x18 \xb0\x06m\xf6\x13\xd8+\xbe\x1b\xe0?vet]\xa8\n\xda(q\xc8\x14hSmZ\xac\xaa\x1b\xd5=\xed.\xb4\xc3\xc4m\xf8\xa8\xc2\xc0\xc0@/\xec\x9a\x81\x7f\xda&gt;\xe1\xf7=\xa28\x1c\xfdl\\|\xf8\xf3\xe1\xda\xbaf\x8az\xbb\xe4x\xdb\xbf[\xccs\xee\xbf\x8ai6\xf4\xcdBH\'\xa4`\xd7z\t\xa1\xbe\x07\xb1\xd3\x98\xff\xbf\xbdE\x8c\xe1\xd3Y}\xf8\x07[e\xffj\xd8\xe4$\xae\x03\xe83\x8eBvX\x12G\x12RL\x8d S(\xadp\x1c5\x81JI\xfe\xfbNa\xd3\xb6\x94M\xad\x04\r\x0c\\:\x10q\x9at\x191g\xa0\xb2\xf1!@D\x80\xd5\x1cL2\x1d\xe7k\x88\xa05y\x80\xc1\\\x8e\'p\xfe\x84\x8a\xba\x8a\xf3\x88 \xe2,\xc7\x10\x93\n\xd1\x13\x00L\x93\x9b?ZH\x9e\x03\xe9\xbc!\xb4\x8c\xce\xe9\x18\xba)|\x1b\xebFb\xcffi\x0c\x7f\xf9\xa2\x1e\x97\xfd\xec\xe2VW*\xaak\xfe\xf7\x83&amp;Z\xacE\x83o\x8f\xea\t\x02\xd7)\xf1\xa4\xe1\xa7\xa9\x03TdbuI7"\x17B\x82!\r\'\x8b\x81\x81\x9b\x84w\xde~\xad\xb9\xe0\x94\xf1\x14\x08\xe6\xad\xd0\x90\x9dN\xb0N\xeb\xb4\xc7\x85o\x1b|\xe0\x9bC\xab\xb3\x99\x1eA\x18\x1e\x1de\x8f\x91N;\x9a6\xc8\xa7\x9b\r\xf5\x94\xf7$\x19fNdU\x9fC(\xa6\xd4\x1d\xee\x1c\xb7Y\x9c\xdf\xb9\x85\x90\x05\xe1#\xa3\x87\xae\x0f\x01\xfe\xb5\xa6[C\x1a\x91\xf0\xf9?\x00\x1f\xabh[xF\x0e\xf0!E\x1dK\xf1\xb9\x1dCt\x1bD\xf4?\x00\xa9\xea\xb5\xd7\x8c\x19h54=sj\x0f\x0c\\\x1c0\xc1\xd1\x8c(H\xac\x82e\xc1!V\x9c\xd4i\x04:\x8d\xf2~\xe6k\xc8\xa7\rL&amp;\xcf\x8d\xdf`\x9d;\xdb\x0f\xee^\xd1\xc2\xae\x98\x9b\x1a\xe5\xa90\xcb4m\xf6\xf4\xa1{9\xf9X\x0b\xfd\xa6\xa8\xad\xcePc\xb7\x92{\xe6)\xa9\x0e\xfa\xadl\xb1\xf9\xae\xafm\x03pV\x1c\xb3?\x19\x18\xb8v\xb0\x1b\x80\xa6\xe5\x00\x01\xfe\x9f\x9e\x10\xd5\x9dmLNH6v\xb5h\xa0n\x9f\xfa[\xbc\x01\xe0;6&lt;\xf8\xd7\xd2\xa8i\xa0T\x81\xfd6\x00\x1b\xfe\xb7\x92P\xf8\xce\xbc\x99\xc9\xb6\xb2\xc9a\xf8\xf4pTT\x8ev^\xa3\xe4t\x95\xaf\xbc\x9b,e8\x87\xf4\xf6\x92WrW\x02\xbd\x9e\xfe\xf5\x1fk\x8a\xf9j\xe0\x03\x1bi \xadH\xa7\xad\x1e\xb0\xc9\x7f7\x92j\xb7\xecN\xb5\\\xcd\xd3\xd7\x81\x81\x8bA\xb2\x01\xc0\x87]\xc8&gt;\x9b\xdc\xb7\x1c\x84\xdf/\xea\xb5\x90\xff\r\x8d\x15-\x8c}\xd46y\x17\x11\xe5V\x1b\xf1\xf5\xfb\x16\xc8o\xd2\xacI0\xec\x13Q\x05Z\xd0&gt;|\x9a\r\x80\xc6\xab\xdc\xeb`\x03\xd0\xdai\xbe\x8b\xfc\x02\x154zzNicV\x9f\xe4\x96D\x05\xc3\xb1\xe2%\x95\xac\x84\xd2\xb7\xcb\xca\x92.G\xc5Y\xb3\x85P\xff\xdf-\x10Z|v\xd5\x98\x1e\x83\xc6\xc5j\x8f\x0f\r\xb2z/\xce\xf9\x03\x03\x17\x0f\x0c1_;\x98\x93\x84ov\xaf\xea\x17\xc4\xc7!\xf5\xb9\xadOWr\x82j\x81T\xa5\x02%\x0bM\xb3*&amp;\x00p\xcf}\x9e5\x9b\xfd\xb6\xb6\xff\xf3\xe8\xfa\x97W\xcd\x9a\x15\x96zC\x8f\xd8\xf8\x97O9m\x05\xbd\xda\x12\xc0`\xb1r\x18\xb8\xd5\xd2^\xc4\x1a\xd6"r\xde\t\x84\xd7\xaf\x0b-\xc5\x93z\xc6\xb5\xef\xc2Ti\xaf\xd6\xa8\xba1\xbaU\xf9(\x87\xbdrF\x1d5\xbb\r\x0c\xdcL\x04GYe\x93k\xd8q\xdf\x046+:\xb0\xb8\x10\x93\xca:\xafX\xa4T\x0cV%8\xa5;\xf09\xd0\xeaR\xe8\x06\xb7\xf0\t\xc0\x89\xb0QZ\x07\xe8\x07,\xcf\x13\nu%\xf8f\xc4\xef\xd8\xe5\xa1Mo\x15F\xdc\x91ZQ-\xc3\xd1[w}4\n\xdd\xbd|\xdfu\xbb\xc5h1\xac\xc5\x0bt240\xb9\x16\xc8\xc7\x10\x0c\xc9\x06Nk\xe3|\x85\x7fx+\x06\x06\x06\xda\x03\xcb\x8e\xa2\xb7\xfea\x01\xday\x95f\xab\x17+\xc3\xc3KL\xfdr6W\xf4\xaf\r;\xc7U\x1d0\x05\xd7\xb2z\xf8\x8e\xf7\x89o\xa0z\x98j&gt;(r\x111p&lt;\xb8\x81H.\x1e\xfc\x10\x83\xdd\xa8\x98R\x9e\xcb\xb5\xdb\xc7W\xfa\xe5\x8b*\xf8\x7f\xb1\xfc1\xdd"\x9c\xd9\x00p\xbd\xdc\xf6\x</t>
        </is>
      </c>
      <c r="E704" t="inlineStr">
        <is>
          <t>&lt;class 'numpy.ndarray'&gt;</t>
        </is>
      </c>
    </row>
    <row r="705">
      <c r="A705" s="1" t="n">
        <v>703</v>
      </c>
      <c r="B705" t="inlineStr">
        <is>
          <t>steps_per_sec</t>
        </is>
      </c>
      <c r="C705" t="n">
        <v>7900</v>
      </c>
      <c r="D705" t="inlineStr">
        <is>
          <t>2.6109245</t>
        </is>
      </c>
      <c r="E705" t="inlineStr">
        <is>
          <t>&lt;class 'numpy.ndarray'&gt;</t>
        </is>
      </c>
    </row>
    <row r="706">
      <c r="A706" s="1" t="n">
        <v>704</v>
      </c>
      <c r="B706" t="inlineStr">
        <is>
          <t>Loss/RPNLoss/localization_loss</t>
        </is>
      </c>
      <c r="C706" t="n">
        <v>7900</v>
      </c>
      <c r="D706" t="inlineStr">
        <is>
          <t>0.25185582</t>
        </is>
      </c>
      <c r="E706" t="inlineStr">
        <is>
          <t>&lt;class 'numpy.ndarray'&gt;</t>
        </is>
      </c>
    </row>
    <row r="707">
      <c r="A707" s="1" t="n">
        <v>705</v>
      </c>
      <c r="B707" t="inlineStr">
        <is>
          <t>Loss/RPNLoss/objectness_loss</t>
        </is>
      </c>
      <c r="C707" t="n">
        <v>7900</v>
      </c>
      <c r="D707" t="inlineStr">
        <is>
          <t>0.08518248</t>
        </is>
      </c>
      <c r="E707" t="inlineStr">
        <is>
          <t>&lt;class 'numpy.ndarray'&gt;</t>
        </is>
      </c>
    </row>
    <row r="708">
      <c r="A708" s="1" t="n">
        <v>706</v>
      </c>
      <c r="B708" t="inlineStr">
        <is>
          <t>Loss/BoxClassifierLoss/localization_loss</t>
        </is>
      </c>
      <c r="C708" t="n">
        <v>7900</v>
      </c>
      <c r="D708" t="inlineStr">
        <is>
          <t>0.15200965</t>
        </is>
      </c>
      <c r="E708" t="inlineStr">
        <is>
          <t>&lt;class 'numpy.ndarray'&gt;</t>
        </is>
      </c>
    </row>
    <row r="709">
      <c r="A709" s="1" t="n">
        <v>707</v>
      </c>
      <c r="B709" t="inlineStr">
        <is>
          <t>Loss/BoxClassifierLoss/classification_loss</t>
        </is>
      </c>
      <c r="C709" t="n">
        <v>7900</v>
      </c>
      <c r="D709" t="inlineStr">
        <is>
          <t>0.115391105</t>
        </is>
      </c>
      <c r="E709" t="inlineStr">
        <is>
          <t>&lt;class 'numpy.ndarray'&gt;</t>
        </is>
      </c>
    </row>
    <row r="710">
      <c r="A710" s="1" t="n">
        <v>708</v>
      </c>
      <c r="B710" t="inlineStr">
        <is>
          <t>Loss/regularization_loss</t>
        </is>
      </c>
      <c r="C710" t="n">
        <v>7900</v>
      </c>
      <c r="D710" t="inlineStr">
        <is>
          <t>0.0</t>
        </is>
      </c>
      <c r="E710" t="inlineStr">
        <is>
          <t>&lt;class 'numpy.ndarray'&gt;</t>
        </is>
      </c>
    </row>
    <row r="711">
      <c r="A711" s="1" t="n">
        <v>709</v>
      </c>
      <c r="B711" t="inlineStr">
        <is>
          <t>Loss/total_loss</t>
        </is>
      </c>
      <c r="C711" t="n">
        <v>7900</v>
      </c>
      <c r="D711" t="inlineStr">
        <is>
          <t>0.604439</t>
        </is>
      </c>
      <c r="E711" t="inlineStr">
        <is>
          <t>&lt;class 'numpy.ndarray'&gt;</t>
        </is>
      </c>
    </row>
    <row r="712">
      <c r="A712" s="1" t="n">
        <v>710</v>
      </c>
      <c r="B712" t="inlineStr">
        <is>
          <t>learning_rate</t>
        </is>
      </c>
      <c r="C712" t="n">
        <v>7900</v>
      </c>
      <c r="D712" t="inlineStr">
        <is>
          <t>0.039643336</t>
        </is>
      </c>
      <c r="E712" t="inlineStr">
        <is>
          <t>&lt;class 'numpy.ndarray'&gt;</t>
        </is>
      </c>
    </row>
    <row r="713">
      <c r="A713" s="1" t="n">
        <v>711</v>
      </c>
      <c r="B713" t="inlineStr">
        <is>
          <t>train_input_images</t>
        </is>
      </c>
      <c r="C713" t="n">
        <v>7900</v>
      </c>
      <c r="D713" t="inlineStr">
        <is>
          <t>[b'1024' b'1024'
 b'\x89PNG\r\n\x1a\n\x00\x00\x00\rIHDR\x00\x00\x04\x00\x00\x00\x04\x00\x08\x02\x00\x00\x00\xf0\x7f\xbc\xd4\x00\x00 \x00IDATx\x9c\xec\xfdy\xfc\xff_9\'\x8e_G)\xa5,e\x996K\xb6\x91H\x88\xca\xd6\xd8B\xf43\xa8,e7H\x83\xec\xcc\x90}L\xc9V|\x8d\x9d\x92T\x83\x91%4\xf6J\xa301\x91\xad\x88T\xa4\x92-\x95\xeb\xf7\xc7c;\xcbu\x9ds]\xe7\\\xe7&lt;\xce\xf3\xf5~\xdfo\xf5y?_\x8f\xc79\xd7~\xae\xb3&gt;\x1e\x0f\x80\x13\x80\xe38m\x103E\x80\x7f\x16\xd2\xdc(\xeb$\xe1\x84\xd9\xef~\x94\x98\xe6\x05c7\x05\xa3\xac\xd6\xbc\xd5"\x00 \x00+F*O"\x15"\xe2\x9b(\x02l\n\x08\xcd\xab\xf2B\xa6p1\xf8\xf7b~\r\xea\xfa\x8c\xe8\x1d\xa8\'b@3l\x84&lt;\x8cU\x04\x97@5Q|f\xeb\xb1\x10wp=#\xa4\x99r\xb6\x8bQ\xe2+,\x88p\xb0\xb1\xde\xfc\xadu^|\xbbU\x9c\xb4\xc2.b\x17\xdc\x83\xbd\xf3C\x95\x83\x16u\x84\x85q\x19\r\xa40*Z!\x90D\x82\xa2|p\xf4\x13y\x19DC\x99|\xcdT\x1eL\xa0\xa2|\x91\x90\xf5.=\x9b\xe5\xe6A\xe7\xbb2\n\x86P\x9a+\xe4 \x89\n\x94\xb2\xb9Z\x9ce\xc4v\xdb\xee\xfe\xc7\xa0q\x15+^\x01w\x9c\x03Dx\xe4\x1a\xed\xa7\xcd`\x07\xf8\xae\x9e\xc55\x1aWg$:\xa6\x07\xbcjM;\x1d9\x98\xf5qW\xa6oJ\xc0\x0e\x9c\xaeZ\x0b\xcd\rx\xaa45\x0f\x06\xcd\xf0\x17\x83\n\xdb\x9aJ\xdc\xce}\x11\xcf\x88]:\xefdk@m\x7f\xc9qId\xb0\xb7\x83X\xcd\xab\xd5\xa2X\x10F&amp;\x82\xd3\xbb7T\xba9\xf0;a\xf3\xfc&amp;6\x0b\x17\xa1\x8c\xedd\x8f%\xbfopY\xdd\x9e/\xed\xb9\xc2\xebS__\x19\x0c\x89F\x0c\xcc(_\x1b\xa8m\xe6-\x0c\xf9\xdc{A\xf8\xbd\xf2\xa0\x88\x84I\xb7{\xd9\xa6\xcb\x81\x8c\x8a\xed\xca\x15\xd47E\xa5\xa67)Uq*\x11\xe2\xca.\xae\x9e\t\xbe\xa5pT\xc0\xdd\x1c\xe0\x1f\x142\xf4\xc0.\x92\xfbk\x80[\xf7\x15\xe6\xe0\xe5Vo:\xe7R\xb3\xb9\xa5D\x1f\xd6\x07\x97\x92\xfb\xd2\x02\xf3\xe1\xb6\x00\x7fiB(\xd6\x1d\x0c\\\xe0\xb9{~K\xf6\x85o\xde\xa25\x10Q`\xb1\xa4\xd5\\\x82\x91\xa3\x90\xf8\x0e\xc4\x07z\x7f\x8e\x17#\x85s\xa0\xea\x17\x0c%\xb12\x82$\xd7]\xc7&lt; \xa3\xf1\x12]&amp;I\\\\\xd3\xb3\xd0\x17\xbdA\xc5\x95\xc2\xa2X\xa8\xd7a\xc8\xab\xa7/\x05lH\xcbl\xdd\xd7\xca\xd6\x12\x9c\xd0\xc8\xc29\xd67\xeb\xad\xb3G\xff\x01n-+\xf6\x9d\xf5\x93\xce\xdd\x1a\xde\x0e\xa7~\xc6\xfe\xad5[\x10\x15\x8dD,\x99\xe1\x96\x85\xf6T\xd5\xf3\xad\x16&lt;b\xfb\xd8\xe5\x14\xa1\xe5\xcd\x17\x84\xa6\x82s\xba\x00,\xb9\x15}\x0b\xb9\xac\xbb&amp;\\Y\xdc\xa5\xfd\xec\xfd\xd7\x1c\x82\xc1\xba\x0b\xdd\xc5P\xc3V\xec\x88P\xab`\xfa#\xb3D\xcb5\x8f\xf1-\xb7\x92\x9ds\x007\xab\x95\xd3@A\xe7\xb4y\xf6B@\xe8\xf5\xce\xe7Hr\x1eZ\xdc\xca\xd6\xcd\x11%\xa7\xb3\xa5E\xe2\xb7\x05\xf8#\xadt\xe6\x90\xad V\xd2\x06\x00\xc4\xa6I\xa7`\xe2\xe4\x8e\x95B\xd8\xf6\x0b\x1c\x00\xbc\x12\xf1\xc6^1\xd0\x84Ey\xc5\xb4n\xe5\x8c\x9a\x9dW\xa3e\x9a{\xe1x\x11\xe2\x9b\x04\x17\xdaL*\xb0$\xa27p^\\\xcfU\xc9\xdf5\x06\x19Q\xf42!\xe4\xc6\xfe\xbf\x8bx\'\xeaz\xcd"7"\xf6Zj\xc2\xc5\x0f\x83W\xef$Y\xa8\x13;\x9frr\xdd&amp;\xd2\x92~JOs\xf18\xe4\x02\xec"\xc0\xe5\xe7\xa8\x97\xec\xd9i\x16\xb1/]\xa7\xad\xe0\x9c\x85^\xb15\x10\xd0\x8b\x905K@.\xd8\xf6\xb8\n\x97y\xae\xe4\xc0\xbd+\xb2\x1b\xecWv3\xc4\x16\xd9\x1d\x00\x00\xf8&lt;\xed\x88p\x8a\xd1\x7fO\xf2\xebjc\xcb2-i\xc3eK$\x9d\xe9\xe2~\x08\x1a\xc1\x1f\xfdk\xb1\xcc v\x0e6\x8bd\x81\xb5\xaf\xaf\x96U\x03\x01\x00\xde\xd4\xb9%\xbc\x00\xfe\x8e\x1du\x1c\x07\x1fK\x0b\xdb\x82\x99[\xf4\xc7\xf2\xf7m\xe8\xc0F\x8ck0xoA\x99\x02\x88\xf5\x1e\xfa\x90@\xa1\x9f%G\xff\x0c\xb1\x02\x92\x1a\xe6\xd1~\xadtT\x9c\x9e\xb6\xfa\xfb\xb9\xd4-\x81\xa2\xf5\xfa\x12\x81\x97?\x80\xc8f{6{oY\xe5k\xfb\n\xb7bw\xd6\xf2\xef\x8b\x82{dB\x18\x81\xe0A\x1d\x80\x87\x057\xbf\x0f\x01q\xdb\x89\\\x8dY\x1e\xfd\x03\xc2\xe2\x0e\xbf\xbf\xaf\xd3\xeeA\xd7;\\\x16\xd7\xb7\xee\x0c\xc0\x8d\xa4\x8f1\xc7\xb5jf\xa3\xe3\x04\xd2\x93\t\xc9`OT\xabZ\xa0=\x9d\t\xcb\x0f\xdf\x9f\x9d\x1a*kP\x06\xcc\xd6]\x1b\x9d$\x18\x94\x1e\xd9)\xcc\xea\xd3=\xe7\x08\x05\xcb\xb6\x9a&amp;\xd5:\xb7\xbea`\x03i\xc13u\xc2 \xfc}\xde\xb09\xa3y\xb7\xf0\xcb4\xcd\'\'\xcfud\xc0\x9a.\x9fU4\x0c\x1a\xea\xee\xe2\xe1I\xc3\x0c?K\x04y\x83\xcd\'\xed\x16\xab\x97PW\xed\n\x1d1e\x0c\xfe\x92\xc1\xbe\xe8\x8f3\x14I\xcc\x87\xd9\xbb\xd7\x10r\xe1\xe5\x8d\xcf:\xb0\xb3\xca\xce\x16xQ/I*uD\x04\xf83C1\x06\xe0\xd01P\x13\xfd\x12dy\x12\x11\xed\nY"&amp;J\n\x0cQ\xab\xf0\xd0\xf7[=\x1aKH\xf0"s\xa0\'\xff\xa7\x12Q\xa4\xb0\xd8k\xfb\x7f|R\x83M&lt;v\xf1{\xe181\x0c}z\r\x82\xf3T)\xab(\xe87x\xa7z\xd0\xbfT\xfc\x1f\xb5|\xb3\x94K\x13f\xdb&lt;\xd3\x07Mr^\x82\x82\x0bD)\xbaX`&amp;\xf42\xbb\xe8\x19\x80\x9d\xf7\xf5\x03U\x0bp=U\xf9\x06\x00/\x8f.F0|\xafE\xfa\x1a\xa5\xd3\xdd\x11\n\x03\x86\xdb\xf8\x15\x947\xa7\\R\x88z-\x0b\x18\x1d1\xbc~\x18\xc6\xbd;\xc0o\x1d\x1de\x85\xfd\x919\x04l\xd9\xde7Z\x83\xdf-CH\xd0\xe1%3\x92\x03\xe2\x13\x86e\xe8_\xb6g\x19\xe6\xb2H\x9e\xe5\xa7\x7f\x8b&lt;\xc1\x82G\x95\xeb\xb0\x86\x17\x14uapR\xd8\x87\'\xf2;\xd0g\x1b\xcb\x1e\xb8\xa7%\xba2"\xe9\xab_\xcbP\xebV\xc4\xb6\x87\'u\x9c\x00@\xe0\x0e&lt;\xf3\xd1\x97\xb9\xb1\x18\xf1B\xa6\xb6\x12\x18\xafRG\x7f^\xdab\x80\x01\xbajZ5A\xbf\x94\t\xbd\x87\'Z\xc8\xfc\x9e\xedZ\xdfx\x13\xc3\xd8\xa7\x97\xd3\x16\x14\x8e\x90k4\xeb"S,\xff\x89n\nY\x13R\xa5U\xde\xecb\x82j*\xfc\xa1\xbc\xa8\xe7\x94Z#g\xbc\x93\xa5|\t\x19\xe32{\xf9@f\x85\xd8\xedj\x8e\xb5\xd5\xf3\xa9\x91\x984]_\x92C\xbb\x02\x89\t\xc0\xec\xa6Y\xe4|\\\xe2\xc2\xfe\xf1\x97\x86\xdc8s\x9d\xd8s\x9fr@3\x07D\xf8w\x93\x89ti\xb0m,\xb3t\x93\x93\xa4/\xbb\x83Uu\x15\xf7\xb1\x17E\xa1\x8b}\x8a\xd2\x86\x05\xfc\x92O\xe3\xeaN\x11Q\x97\x84\xad\rjNT\xf66r\xde\xb9\xcc\xdd\xebNg!\x19xTdc\x8b\x04\x9eqh\x17T\x0e\xc6\xdez\x8e\xaejN\x8c\x1f\xd7V\xa0\x98S\xfa\t\x7f\x96q2MK\xa5uE\xdc\xebz\x94A\x98:&gt;\xaf\xe3,\x18g\xf6\x95\xda\x1dN\x91\xc1o\xd4\x88\xf8(\xf9^\x84\xd7#\xfe\xda\x88\x96\xdb\xda\xf1\x07u\xbd&lt;6y7\x94\xe0tQc/H\x9c\xd2g$$\xea\x89\xd2\xb0\xb9&gt;2+"\x1d\xf5\xb6X\xac\x13\xa9j":\xfcX\xa5\xf0\x97\x96X\xc6b\xb4\x17\xf5\xac\xb92\x82h\xa8\\Q\x1bl\x8d\x8d#\xc6\x97H1\x02\x95E\xa6S\xa9sB\xc3\xceB\xae\xac!\xb7\xfe\x8cF\x02\x01\x1et\xb6\x0c\x14\x9a}j\xee,1\xc1w\xf5+\x19\xb2\xc6m\x87V]\xadw\xdcz\xf4[y\x85C\xc0\x80\xfe\xe54\xbd\tG\x15\'\xe5.!\xd3\xef\x0e\x03uD2\xef\xcfb\x04\x90\x82\t\xa9\xe8F\x1d\xa9:I\xf403\xc2U\x87\xd2,\'ZS\x98\x0e8\xf1\x04\xd1P\x11\xe2\xb3\xc6V\xb2p"\x94S\x9bs\xbb\xa6i=\xd9\xeb\r\xbe\x05\xf3&amp;\xcdC\x9e\xb6m\xe8\xcb\xea\xe6\x11\xf1\x9e\xb1\xbe\xab\x05\xca\x0eB\x04\xc0\xbf?5]/?n\xdbI\x80i\x82S\x8a\xd9\x04\xfe\x84\xd9\x9b\x83E\x93\xbfF\xf1\xe66\xfd2]\xbd\xaaw0I\x02\x8aU\xfci\xfb2\x05\x06H&gt;\x95YJ\xc1*\x1d\xc22Dt\xd1\x90-#\xee\x86O\x82o\x84\x9em\xe0\x17\x9aS\x0c\x0b}\x03\x8e\xdf\xd0|z\xf7V\x14;\xbc+\x94v\xd3\xeeo\xbbL\xb7\x18\xb3\x9fl\xcc\x19\xf2\xf8\x12Q\x0b\xded\x8a&amp;_H\x95\xa76\x04\xcfY\x13\xb4\xc4\xeb\x98\x04x1\x03\xfa\xbe=\x9a\x15\xb5L\x81W\x0f\xe9\x9a\x97\xbfy.f\x02\xe8\xec\x16\xe8\xee\xcbp\x11\xb1w\xa0\x7f\x02\xc7\xd2\x97\x80G\x01\xd7!u\xa6\x88\xfckyd\xb1\xe3\xa2\x84\xce\xa7\xf3\xb7\x10\xd7\x17\x02\xcb\x84\xb1\xc1\x1a\nz\xa6\xbb\xb2\x1d\xdeu\xf5A\xf3\xbc&gt;\x0b1h%\xce\xbd\xa5\xed\xbb\xd8n\xa0\xb5\xbcw\x04\x82\xb9\x1f\xed8\xd1\xd5\x19\xaa\x00\xb7\xd4\x89\xc3\xc0\xcf\x92L\x89U\xb6\xd3&lt;\xed\x9b\xe6\xc4\xf7\xb5y\x9f)u/\x9e"\xeeY\x19\xfc\xd8q\xf9\xaf%\xb7\x82\xceH\xcb\xb5\xc5H8\xd92\xd3\x0c8w*[D?\xd9\xd6/\xe0vE\xf3\xbcw\xabmi\x84\xc8\xa4\x8fh&amp;\xbe\x19\x91\xa5s\xc3\xed\xcb\xca\x8d\x8c\xf2(\x99\xaa\x9a{\xb2\xf3\xa9B\xa0\xfb\xf6cmsS\xb5\xbb\xe5c\xd2\xec\xb8nm+\xde\xda\xa6%oD\xc4)^X\x1b\xeb\xd5\xd2\xcdc\xe1\xad\xae\xd8\xda$\x12\'\x0c\x1b\x94\xec\x9c\x99W\xdb\xe2\xd6\xef\xce\xe0\xd36P\x91^\xd2+\x98@6\x86PL\xe16\x88\x7f)z\xe9{B\x86\x16\xc6s\xa5\xf3\xffv\xce\xe5\xc7\xbb\x88h\xf5\x9e\xe9wD|\x96\xac\xa4QDm\xf1\t:3\xc2V\xe9Z\x85:e\r\x9a2yAK\xdeY\x02\x95hM\xf3\xa1\xd4k\xd8\xf3\xcb4\x81If\xbc\x97\x8aW \xde\x0c \xc83\xbd?\x0ePF\xd4\xa1)s`\x8e\xe6\xf8\xcf\x0e\x90\xc3\xd0\xae\x81\x1aw\x97W\x04\x81!3\x1f\x02\x92\x15\xab\xe4}\xfa\x0e@\xe3\xe8\xff\x98\x1c\xc9\xaaK\x89s\xf3-\xa3)X\xcd\xfa\x84\xdb\xa0\x89\x80\xa9\xe6\xbbb\xd4\xb4s\xe7Y\x88\xa9.&gt;\xfa\x15\xd7\xff+\xa7_\xbb*w\xf0\xff.-[\x92P\xbf\xa8\xc3FZq\xf4_0\xa6\x16\xfb\xaa\xb0\x8e^\xf7E\xac\xe9Q?\xfa\xe7\x8aX\xa4\x85\x17gH8\xef\xdf\x97\xb7v\xdb\xdd3\xd8\xb6\xf9\xbc$\xfc\xf7\xef\xcd\x0e \x9f\xdf\xfet\x84\x00W\x187_\xff\xdd\xe2\x06\xc3\x1d\xfbs:\xc4c\x1f~i\x15/\xb1\xa0\x19\xfc{ZG\xdf\xd0G\xd8\xafj_\x0eb\xbd\xb9\xdd\x89&gt;\xcfOMcs\x0c\xd1R\xbd\x87Ty\x8e\xf3\x87\xef\xfc\x12\x0e\x83\xd0_hxJ\x15\x93\xc7\x12J\x1b\xd3\xd6\xa1\x85\x19u\xd2H\x1e\x14\xd8\x815\xe8\xfb\x00\x0f\xcf\x13\xb8\xd4\x99m_\x14&lt;h\xe5\\\x96K\x07\xbf\xec\xf47^\xf6~\x1f\x11\xf3\x15xZ\x8b0\xf3\xa9c\x89r\x0e\x8ft\x9f\xc6\x1a\xfb$D$\x8c"\xe6G\xa7D\x9b\x00\x93i7e\xf3\x04h1\x02\xdd\xe1\xd2#\x04\x8c\x8a\xdb\x08=\x89I\xdb\xa4\xe9\xa8CB\x99t\xd9\xa9\xe6{("\xe2\xb7$\x11#M\x19\x06x\xd8\x10.F\x90\xb9\x0c\x8d&amp;\x00\x0b\xaf\x9b"\xc2\x93\xfdh\x11mA\x987u\xe6\xa0v\x0e\x8d\xac%RUs\t\xeb6\x8d\x93\x1a\xea\x1a\xc3\xd8\xe3\xf4b\x92\x85\x7f\xd9P\xd1\xc5\xb9\x0c\xcf\xde\x03x@dN\x15\x0f-\x18\xd3\x90\xcfBQ\xaf\x89\x15\xd75\r\x95\x13\x9f1\xa9\xca\x02\xc8\xd6\xc5\xaa\x9b\xe7aF\xcf\x98I\x12\x93\x13\xc7\xf6Ay\x92DW\x198j\xbe\nZ^yAL\xa9\xd5"gGD\xf8\xd8n\x9d\x99R\xbc\xa92\x0b\'\x15\x11%[\x01C\xf9g\xb3\x86\x12\\C2kf\xbe}\xbc\xdf\xcfVU4\x11`\xa3vK\xfef\x8cF\xd6\xc2%\xbajF\xbb\x8fZd\x9e2zm\xf6|x\xbd\xda]\xfcq\\\xb4$\x17Ml\xeb\x11\xb4\xef\xfc\xae.,\xdb\xf2t0\r\xb0\x1c\x9f&gt;4\xf7\xff\x95\x0b_a\'z(\xabia\x04\xff\xacx\xdcw\xa8\x88\xa7\t\xb0\xba\xf7\xe1\xb2h\xa6\xbc\x96Q\xf6u6\x97\x00F\xed&amp;\xeb\xeb\xf1\xa3\x136\xc5(\x80n\x13\x8f5=|E\xfc\xde\xd2\xb4\x8cwQ\xa2\xe3\x13F\x1b\xe4\x87\x10\xe0\xe5\x8d4\xee\x17n\xe9l?\xee\x11\x96\n\xd6\t\x8c\xa0\xb2\xad)K\xda\xdd\xe9M\xbfX,d\xd1\xd1rR~\xa5\x06\xe5\x08\xb6\xc2*\xcdLG\xa0g\xb3\xfaj\xc3\xc9\xado\xf9Ln1au)\xbe\x9b\x04\xd6\x8e\xb8\xb6\xd03\xe4\x14S\xd9k\xc3\x83\x9f\xb6\xaa\xd9]S\xfc\xa7\xcd\xadG\xeb\xa8=u\xd2\x98\xee\xb8^\x92\xa7V\x19\t\x17\x1f?\xa4E\xea\xac\x7f\xc5z\x11:\x127\xfc\x8c\xe0\xd4G\xf1\xba\x84\xaf\xb1V&lt;W\x93!\xa3G\x04W\xbaI#\xec\x83\xa1\xeb\x97t\x92b\xa6|\x8d~\xcc\xc7aO\xc3\xfe}\xc8\xe8\xea\xe0"\xd4\t-\xdf\xd1\xefW\xcf\xbfs\xe3\xba\xa9\xf7=\xf3\xcf\xe8@uLwsI\x18k\x16~\x9d\x94\x97m\x17\xac\xd4\xd9i\xe4\xa0\xaa\x98\xe7\xba\x892g\xbbn\x8dFg\xca#|\xdb46\xd2!\x1f\x8d\x85\t\x00w/\xdf\x08\x13\x16\x9fK\xdemV\x8d\xe0\\9\x80.j\xfa\xd7\xf2=\xd9\x0b\xc2\xa6#\xe66\x9d\xad\xfc\xa5\x8d\xc3"5\x89\xaf\x1b\xb9\xcc\x8d\x195\xca\xd89\xf1B\xd7\xdd|5\xdeM\x96\xdc\xce\xc50\t\'0\xc5\xbc^X\xd0\'J\xafD\xbez\x7f\xfb\xc8\x11\x98\xc5\xfe\xec\xbb\xb0\tD\x8d\xa5\xaa\xa7S\xb9\xdb 6T\xad{\xc4+\xf6"\x95\xaa\xdf\n\x97\x9aFCj\xad\xedW\xf1\t^\xe2+f#\xf9\xf7?\xdb_\x16\xbb\x90"m\xc2\x19-\xb8\xfe\x02\x80\xdbt\xb2\xe7\xed\x01\xfe\xac\\j?\x99\x90X\xe3\xd2\x9d\xae\xc4\xa2,\xad\xa6\x1706vhk\xa11\x91|]\x95\x1f\xd7x\x86\x93_\x07&gt;\x0c\xe6\x9e]\xa8\xae\xdf$\xc0\xd4\x8c\x88(J;\x99\xc4b\x8e\x8d\xd71x\x988\x00\x8ep\x1e\xf3J\xf5\x06FX\xd5\xb9l\xb5\xb6n\xb8\x8a\xf5\x08\x18v\xa3,\xe9\x93\xbb\x1eik%\xaam\xb0\x94\xbfd\x96\xbd!\x0f\x7f%t&lt;h\xe4F\xe7\x99O3\x9d\x90s0\xf7\x99\x91\x08\x1d\xbf\x03\xb0\xce\x8a\xa8m\x8e~Lya\x00\x12G\xb8\xa0\x80\xf5\x9eu\x7f5\x9d\x87\xed\xcfg\x91\xaf\x8a\xaf[\xf5!m\xe2\x9cs\xdf\xb8\xfe\x88\xae\x1f\x7f\xf4\x19\xfd#"\xe2\x9fJ&lt;\xe5/z#\xc6\x99k3W\x81\xd3\xc8C;\xdd\x90{\x8f\xbe\xb9\x93r!\xa1!\xc2W\xcbmh\x14\x91\xads5\xdc\xdd\x15\xcb\xa70\x1c\xae\x99\xe1g\xfc[\x03&gt;;Z\x8b\xc7\x02\x80s\x9a\xcf\xd0\x9e\x10\t\xdb{\xe2\xc5M\xa6e\x15\xdf\xdd_\xfd\xbd\x1do\x8d\xb3\xca\xcb\xe8\x91\x983L6\xb8\xb7\\\x7f\xd8G\xc1\x96\xda\xce]x\xda\'8\xf2\n\x88\x98|\xbd\xd8\xce:\x136\xca\xa5q\xc5\x83Fo\x14\xf1\xf8\xa8\x02\xa9C\xc5\xe7\x83,\xa0\xe1h\xb6\xf2\x97\xce\x812\x03\xb5\xba\x06\x90\xec$\xc4\x1c\x8bu\t\xbe\x89\x94!\xd9\xaa\xd5\x0eD$xyK c\xe7\xb2\xe8\xb7x\x99\xe5\xfb\xac \xb6B.Uv):\xf2\xe9\xbe\xaa\t\xfb\xf5kg\x97\x80l\xb9\x8d$;\xc5\xf6\xe1\xfd\xa7\x02\xbc\xa7\xdb\xff6q\x10\xae\xdf\x82\xad\\\x1b\xbb\x04\xb0\xdfC%V\xcaE&amp;\xf5\t\xf6rz\x0b\x1av\x1bfT\'\xc4\x12\xa8\xa3\x84lnksv(\tV\xbfg\xf3\xff\xc5\xa7\x08T~\xf7\x9aY\x07\x84a\x16\x18\x1f&lt;\xde\x8e\xf1+\x01n\x0c\xc9\xf4\xc3\xf9\xbbY \x1dVU\x0b\xd3\xcf\xda\xed;\x00\xfb\x1bf\xfck\xf1I\xa6e\x01\xe6\x87\xb6\xdf:\x06\xdbR\xc7B\xc4[ \xd4Lt\xb8\xef\xd5m\x14_t\xb0\x83M)\x8c\x16\x8fU\xcc\xd2\xcb\xfb\x12\x08"\xc0\xedm\xe6\xb3\x12\xf1&lt;\x83I-f\xfc\x15X#\x18\r\xf5"\xa3\xb9\xed\xe2q\xe9\x17\xa3\nW\x17\x1d\x16n\xbb\xc7\x0c\xde}\xe5\xb3.\xeb\nk\xe5\x8ei.t\xbeR\xbd6\x06\xdbZQ\xed&amp;\xdb0`\xf0=T\xba\x80\xf7[\xa2\xc5\xb1\xb8\xb5%\xb5FTR\xe0&lt;\xdb\x90\xc1\xe6\xca{\x14t\xaa!b&gt;\xfeK\xdcV\x96\x95\xd5\xb7.q\xb6\x0e%\x04\xae]?u\xd5\xfb\xf3\xf8\xef\x85\xc2\xc8\x0b\xf3\xba\xb29\x0fo\'\x8e\x9c\x03x\x1d\xf0\x06\xfa\x8b\xce\xdeg\x9d\x83\xbf;\xa1\xeb\xe6\xaa\x9c.\xbd\x80D\xce\x95\x93\xd1\x7f\xbd\xf4c&amp;\x7f\xc5\xccX7c\xe6\x8e\xc8k\t\xe6YEf?%\xc9\x9e\xc8\x9aDf\x07 \xe3\x9de\x9e\x9d\xdd=\xb8\x8e\xd3\x10\xa4\x1a\xa8YH\x80\xb5\x16\xbd\xbe[\x9bjp\xdb+\xded\x9b5Z\x8a+\x7f\xd5\x1b_&amp;\xcd_\xbb0\x19\xf0\x9e\xd8\xec\x13 &gt;\xca\\Gd\xe61\x9f\x11\xd6\xf8O\x96{\x83\x9e\xe2\xf3\x01\xbe\xa5o\xb0\x99\xf8\xcb\x0c^b\xd4n\x12Zr\x973\xad\xcc$%\x19\x9c\xf7\xff+\x83\x1bJ\x0b\xa2$\x01\x10E\xc6&gt;\xef\xd5\xc4\xcb\x8f\xef6:\xc4 2bd\x8ax\x08r\x8d\x81\x8e\xbar\xe2@\x84\xb7\x00|\xde\xba\x98\x86\x00\x00\xf7L#\xe0\xbc\xe6\x1e\xefGO\xd2\x1f\xcc\x80\x9a\xc1\xc8a\xbd\\U\xbd\x8d\x1d\xb8~K\x82\xfeP\xa0\xe1\x04\xf6R\xb3T\xb5\x98\xb8\x18|J~\x87Z\xd8\x1f\xb7-0\xeb\xca\x87\xc9\x01\xaeL\xa7\xee/dx\x97M2\xc7\x151Q\x16\xdb\xd2\xee-\x10\xff\x8e)\xd1?Z&amp;\xdb^8F\xffg\xe0\xc9\xfb/y\x10\x9bw\x94\xcb\xc8\x10\x01\x1c\xdc\xd7\x96\xf2\x10\xe4z\xcb\xb2\xa5\xbc\xb1uB(:K\xe1-\xb2\xf6&gt;\x17e\x8b?F|\x1bf\xf5w\x81UH=\n\xf1\xfe\xfb*\xe4\xde\xa5W\x13\'\x1e`8\xcb\xe6\xc7^D\xd7#k\xed(\xce\xcd2\xcb?\xc3\xc0\x1di\x18/\xc9L@\x00\xf8\'\x84\x9bTu\xc3\x85ah\xebB2\xf6X\x1bk\xdf\x8c\xf2g\x8f\xc2\x81\xf8y\x13\xce\x9ai]\x9d\xb4-\x8f\x93\xcd\x8c\xd3NK_\xb9\xd4t\xdac`\x1e\xe3i\xacz4\xcc\xf1\xee\x9ea\xfd\xab\xe2)\xcaIP\x1c\x8c\xa9\x9e\x01H\xce\xff07\xcey\xf6\xb9\x01o\x93=ee\xa7\xca7&gt;`=\x96\xeal\x0e\x0bOdc\xb7=\x16\xb3?\x102\xd7:\xc6\x8e\xfd`0\x17\xa4\xce\xc1\xd3\xbc\xdfg\xe0\xc7\xe4Eg&gt;wn\x85MG\x07\xe0n\xbayORk}\x88\x07\x11\x80\x19\xfb\x1e\xc3\xf6\xe3R\x95\x8c]\x02\xc5m\xc9\xdb)\x1fxX\xf0\x0e\xde f\xeb\xc3\xf6C\x0e\xec\x89\xf0\xda\xe7\x7f&gt;PY&gt;\x82~\xefa\x7f6\xecI\xad\xed\xb4b\xcd\xb5\xfe&lt;\xfd\xd5\xc4\x95\xb5\xc6\xc0qg\xd0&amp;\xa7\x19\xfd\x83\x9f\xdcr\x99\xa1C\x8b\xf0O\x1f]\x87\x0e\xc7T\xad\xd5vo\xca\xb3\xf0\x1f-\xc2\xfdj#\xbfs\x91\x8c\xa8\xcc\xde\x0f\xe8w\xbaM\x8fd\x854\x01\xf0\x7foc\x9dv\x82\xed\xf2\xb4&gt;pv\x026\x81\xd7\'\xbfO\x11\x1e\xf3\xc8\xd7\x19,\xebX`\xc5$Gn\xc0v\xe1&lt;\xd9jD5F\xfc\xcc"a\x07\xef\xf7,\x9138\x8c)\xb3(\xad1e\xa3;\xd4\xb1\x16/KS\xc0\xab{\xb0\xd9\x12?!\xaf\x16\x93\xd5Rj\x9c@\x95@\xa1\xaf%\x81:M\xa6:\xb7\x9fU7g\xb9\xb4\x92\x1d\x80\x17q7\xd6\x05\xaauv\xe6\xf6\xab\x12\xc6- \xd5\xb3rO&lt;g\xeas\xbc\xde\xea\x95\x08\x8b\xb4\xef\xbf\xbdd\xa1\x9d`\xbb&lt;s\xbeAH\x82e\xdfb\xac\xf0\xeb\xc8\x83\x0b\xde\x89\x8c\x19\'\xeba\xd9\xd0\x99,ctJ\xdf\xa1lJQ\x9bD\xa2{\x05\xefh\xe1.^\x14\xd2\xfe\xb6@\x03\x7fS\xf8&amp;\x1b\xdf\xd1n^\x93nbL;\xe7\xde\x9d\x1c4T\xa3\xb1\xcb\x96\xa7RR\x82\xed8\xeb`\x8b42$~\xd6Ho\xf7\x1dgMO\xb0}\xe8|\xfa\xc88\x06\xa2\xce\xd7\xd6\xd2\x7f\xb9\x1d)\xd9\x8c\xac?\xf0\x18\x82\x8a\xe4\x9859\x19\x81s\x8bT\xed\xec\xf4:\xa5l\xea\x7f\xf4~\\i\'\xed\xb8\xa0X\xb4\xee\xa0d\xa5r\xb0\x94\xa7\x19\x9eH\xde\xaaLI\xc8a\x8a\xbcYi\xe5\x9b\x11\xc3\xbci\xab*\xd5q\xdf\xd4!\xab\x7fn\x96f\xe8\xc1\xd9blAo\xa9\xaa[\xd9\x11\xf6\xf3N\x01\xe2]ACG\x87F\xeb\xb5$)\'hHm\xc7\xa3\xa5\xb1!\xe7\xde\x9a\xd5\xc9Z\x07\xb5.v\xe8&gt;&gt;\xd9$\x17u\x1fr\xa3UD&amp;\x8b{\x08{\x90\xae\x08Z\x9cP\x86\xf3\xa4\xed\x8fv\x7f\x14\x9b\xcdF\xf9oJ\x8c\x9ae\xb8\xca\xc0\xed\xbfW[\xcd\x0cD\xa9\x99\xc81\xb3\x06\x86\x9f\x89v\xb7f\x13.\x86U\x86\xc2c}\x87akz\xf9\xc4B\x97\x17\x97\r\xebM\x1d*V\xe8\xa3`\xd4\xd6\xf4\x13\x00\xb7\'\xb7\x0b\x80a\x1blIS\x13\xc7*\x99\x83m\xdaW;\xcdL\xad/\xea\xb6%\xdb=\xb7\xc8F\xff\x0b\x1e\xa6\x93\xc4\xb4\xafAD\xc4/\xb7\x8b\x87\x1a\xf6\x07_\x9bV|\xd90i\x9f\xf9\xba\xc2F\xfbU\r2l\x15\xaf\xa6/c\xd3M\xb9S9\x11\xceI.\x15 \xe4,\xb5\xc4\xfdn\x85v\x8d\x06)7\xe1s!\x97\xcakG\xfe\x85\x0eJM\x97\x94\xba\x08\x13F\x85"\x9e\xbd*\x8f\x9a0\xa2HX\x85J\xd2\x9a\x94\xc32B\x80\xe76\x8ad\x878W\x98\x18\xcd\x82\xa6\xb0\xd6V\xe6mmb\xf2\xdc\x84Y\x15`9r\xfa\xf2\xc16\xe9:z\xe9e\x10V\xd30\xe7\xf7\xc2\x04g\x8b5\x88\xe2\xd2\xf4lt@\xdbyn1?\x81\xbds\xda(\xe3\xc6\xb3\x89\xeal\xde\\\xd4\x9c\xe2\xfc\xba\x01V\xa7e\xd59\xfc\xb8\xea\xee\xfd_\xc5k6W. \x1d\xea7\x1b\xca8\x12\xbb\xd9#\xed\xc0f{\xd5\xa3\xb8u\x1c\xaa,\xefb\x0e\xd2T\x8f\xef\xdd\\\x91\x06\x9bA\x1c\x1d\xfb\xfb\x8b\xa3+d\xdd\xa5u"^\xa6\xa1\x10\xb1\xca\xc52\xe3\xd0\xb5\x98\x0fH\x19f9\x03R\xe4\x90\xb7\xc5\xc5\x991\xb4\xfc\x83V\x92*\xc7p\x02L\x9e\xc0\xdc36\x9c\x920\xf7\x98\x89\x9e\x0cR\n\x83T\xc8i\xaam\xe8j\x87\xd0\xc5\x1e\xa3\xdav\xaa\x85\xea5\xa0\xe7c\x7f\x9a\xcd\x99[\xc7\x0b\x97\xe5\x81\xda~\xcf_nO\xe6\xddt\xbf \x8c0D\x04xG\x8e\xaa\x85h\x960\xb4\xde\x89k\x12\x88\x08\x9f\xe3=\x86\x93\x15\x03\x11\xfc\t=\xae\xbb\x9d\xdam_\xb5\x90-@D\xe1\xe3\x8f\x8e\xea_J.\x9e\',\xe7\x91\x04\xc0{\x1dm\x1e~0\xf4n\x04\xb3&lt;n\xde\x19\xa9\r\xa3\x15\xc7\xac\r\x96w-\x0c6\x94\xd9\x82\xe8JE\x1fF\xd5\xfaR\xe3\'\xf3\xa5\xcdcRQ\xbdx\x9f\xc6~\xa3\x8b\xf7\xea\xd48B\'\x9e\xe0\xfb%f@\x8c\x7f\x0c\xc6f\xach\x99\tTF\xb3\x12^\xf8\xca\xe9z\xfa\xfe\xebf|\x99\xe9\x97\xc4\\\xc6\xae\xe3E\xc2d\xd7\xaf\x82gz1W\xfaB\xf6\x9d;\xe0\x1c\xdd\x8f\xa8P\xee\xe4\xd6\xed\xf9\x9e\x15\x84\x8d\x1c\xcf\x10\xbb\x0cO\xaa\xb9\x04S!\x89;/\xaeZ\r&gt;\x9d\xcb\xba#cM\xaf\x8d\x9f6\xf6\xe9\x8f\x96\xa6j\xd6\xcc\x11\x11\xf1\xe3\x10\x01~j%\xf8\xd5V\x06\xcf\xa5h\x99\xfcT\xf5_\xb3\x12\xefn\xa0\x89.\x89\xc0q\x0c\xd7\xc0\xaf\x18Q;\xa3!|\r\xed8xm\x8d0\xf7jQ\xa1\xdd\xa4\n\xfc]\xc2hd\n\xba\xfa\xeb=r\xe0\xd8O\xd8"\xb5\xd5\xb5]$d\xf0C\xe4ZX\xa8\xeb\x00\xf5Nq\xbe\xfdK\xb6e\xf3\xc52\xbc\x86\xb9x\xe7\xab\x0c~\xf4\x0f;\x81L\xe0Lx_\x07\x89L\x04\xcegF\xbf}q\xbfO\x81\xba\x1f\xaf\xb5\xed\xca\xc8\xe80F\x0f \xe2\xc8\xd3\x1d\x05\xd7\xdbvjq\n\x85\xc0\x0b\xaaL5\x01\xb6X\xcaJk\xd1k`:\x02\xd9\xa8\x01\x80C\xc4_\x05\xb8\xc7\x89F\xc3\xe5&lt;\x0chO\x01\x01h\xab\xf8\x0cW\x8c\x8e\x96Je\x03\n\xf2\xe4saG\x80\xae"HW\x95\xfa\xab\xab\xbbF\xd5\x13S\xe7}?\xd1\x8c\xcc9\xcd;\xdd\xf2\xb2\xfb\x01\x84\x11++W\x18m\x07 \xfb\x18\x1f1&lt;\xed\xb6\x8a\xf7e\xd8\xe7C*\x8c\x08\xcc\xf5\xe0\xcf\xfd\x80\'G\xa7\xda\xb6/\xdf\x8fOt8\x9ba\x04\xe7\x00&gt;\x01\x07\xad2V\x1c\x80lA\xe4\xd4\x1b."l+\xc1\xee\xf3\xd72\xc3\xe4i\xc1H\xb3edX\xdc\xf7\xbec\x05b\xa0u\x9c\xf4du\x86\x93\xfb\x9b:\x02\r\xa0N@))\xd8\tsm\xa11\xc4\xef\xa2\xebY\xab\x86A\xe8g4e\xdd\xebP\x03\xb3\x90\xd4R0{\r\xc2\xdd\xf5n}\xe2\xe8Hh\x19:\x84\x96\x91\x11!\xd8]C\xf3\x07&amp;\xf0D\xea\x0f\x9ah%\x07\xe4"\x19\x86\xc5g\xc0\xeb\x08\x1b\xcfh\x89l\xc2\x16]#\xc9\xac!j\xado\xf9\x80\x8aD\x98W\xf52\x97\xbds\xe5,\x01\x11n\x8d\x80\xf8\xce\xaa\x8c\x17\x11\x91\x15\xb3R\x90L8\xda\xccc\x8d\xa1\xee\xdb\x99^\x0bC,\xe1d\xe1\xf4=\xdc2\xf0\xec\xd3\x05\x9b\x00\x10m\xa8\xe5^(Qg\xd5\xad5L\xb1\x98\xb1\xedS\x9e-G\x17\x14\xf3N\xea\x02\xbf\x8a\xe4\x1d/\xbf\x8fp\xc7\xe3ePW\xd3\x8c;"{\xcaNJ\xc4f\xd9\x89L\x11\xff\x9d\x11[\xcc\xed\r\xae\xa0;\x99\x8e\xcc\xb1s\xf1\xc5t\xce\xe1z\x9c\xd2O\x0f\xa3w\xd2!|\xb7O\xf1\\%Wfn \xd6\xbc\x8f\x08\xb7V\xd5\xa4o{\x9f;\xa2-{&gt;\x1e\xe0\xdf|\x97\xa1}\x81\x92\xa0\xca\xc1\xd0B\xbbB\x8f\xe7\x9e\x0ep\xd7\x8bk#\xd7\xc1"w\x04(\x9c\xf8]\xc8d\xe8\xad\xcf\x923\xde\xfb^\xffp\x7f\x19\x14\nlZ\xdb\x90\xba\xbd\x9e\xa8\x06\xceM\xbc\xdf\xdd\x8a\n+\xfb/\x7f\x90\x14\x7f\x07\xef\xb7\x92\xd5\xe5!\x8a[\x04Ib\x89\xcd\xe2\xc8\xabW\x14I\x14IB\xd2_0\xeb&gt;\xfa\x97p9\xa1\x079\x9a\xe1\xf2\xdf\xb2\x1d\x86dT+#|\xdeJ\x0e\x97\xffj\x17h\x97\xa4m\xb5G4w\xf2\x9f\xa6\xaf\xac\x10CX\xc1}L\xe5\x12\x9c:\x00\xae\x8f\xfei`\xf8c\xee\x16\xe1\xa1\xf7\xf3%\xe30\xc1\xba 9\xa6G\xb8%\xc0K\xd6\xeb\xf3\x9aT\xf3\xe0H\\S\xb6$y\xb9\xf0\xbd\xf6n\x00\xcf\xf0n\xcd\xf6v\xf9\x8b\x80u+(&gt;\xecu\xa1[+\xab^\x9a=%D\x0c\xbea\xe2U\x04s#\x90C\x87\x8d\xd1\r\x00^\x037@|\xf5~\xfd"\\\xd09T\xea\xd3lLh\x933v\x82\xd0\xd1\xca\x8d\xca\x1c\x91\xc6\xea\x8d2\xcc\x06n&lt;\xbd\xeev\xee+\x7fV\xfab\xfd3\xa3\xa9\xfd\xad\xb6/\xae)\xac\xad\x00v\x9f^\xd2\x88\xe8\xea&lt;\x04|X\xfb\xb4\xd5\xe8\xe4\xa0\x82CD\xc0\xbf\xdd\xe7\xd9\x93\xce\x0b\xb7=\x9eI\xc5;\x1d\xde7!\xdc3\xbd\xf5$\x07\xcb\xb9\xe2y=;\x18\xe1\x06W|\xef\xb6\xfb\x14=\xb9E\x12\tOa\x92GR\xd7\x82\xa5c\xc6\x00\xefs\xa1\x0er\x00\xe0~PZ:c\x07Dx\x8b}3\x97\xf3\xd1ZR\xba(\xc8\xf4p\xcb\xc5\xd7\x00\x00\xbcF\xb5\x1bV\xc6o\xd8\xacX\xd3\x18\x91\x00\xcd\xc6\x04.\xf9\xb1B\xa5D\xdb\xd3\xe4;^RQ\xe7\nt7\xaa\x8d\x17\xf46\xe6\x0c5\xc7\xcc_2\x08c\xe0"\x86\xb3s`\x99\x0b\\\xbe\xb9r\xdd\xf9\xa5\xe1,\x15r\xc3\x96\xe1b\x94\xeeW\x8a4`z3e\x10b\xe4\xde\xb3\xe5\x99\x019\x83$A\xc2\x16\x0b\x87\xf6\xc7\x1c\xe0nUM\xc9\xceA\x8d\x14\xb8yN\x81\xbeT\xd3\xcf\xcf$\x1b\x85\xdd|\xcb\x17\xab\x10\x05\xa8\xe9\\N\xec9@\n\x7f\x11\x08\xbd\xf3A\xe39W\xb4\x0ba(N\x0eR\x85\x96\xa6\xd7"\x03\x9f^\x14\xbcB\t/\xdeA\xd7\xd1\x846\xc7o\x15\'\x08\x9dE\x91\xc7\x88$\xf90\xebX\xef\xdb\xfeU\x12drA\xb3T\x08\xb0\xbc\xc4\xc6\x1e\xb3\xa7\xa1\xe9dC\x807\xeaI\xbe\xb0\xde\xde\xee\xac\xb5:Ka=\xbc,\xcc-6\xf1\xe37\xa2\x1f\xaf\xa1\xe3\x0b\xcc\x88\xd46\x01\xf0\x8b\xd1\tG\x9a\x85\x92\xda~\x95\xc2\x1c \xbdV\xb0\xcb\x1c\xb8,iC \x8a\xdb\x82%\x1eS\xef\xe2bP]\x02\x92\xa6\x81x\xaf\xf8Z\xa6\x1d)\xb8\x14;\xee\xb4L}\x03\x0c\xa8M\xd8(\xfaE\xcbTj\xce\x80f\xc7O\xd0\xbc\x83\xbePT\xde\\\x82-;\x9cc\x07y\xde\x99u\x01\xac2\x91\r\x84B\xbc\xeeZ\xec\xc1vZ\xeb+Y\xe3\x9c\xd9\xaf\xd6\x1a\x89\x16\x1b\x85\xeaP\xf4*\xaa\xd2\x91L\xf8\xd7N\x9by\xd2p"cD\xd4\xdeb\xd7.\x0fV\xb7\xe3nN;EcQ\xe0\xc1\x8d\xf5\xb3\xda]\xebH\xcd\x12\x85\xc4K\x94g[\x92\x88\xb24\xbb9A\x9e\x0f\xd1(\x04\rH\x1ef\xe5\xf2G\x01r\xc7\xf5\n\xc6s7\x8d\xae\xa0\xad\xca\xc8&gt;\x03\xd0v\x8c\xc9\x8b\xda\x13\x8fC\xb91^\xcd\xb4\xd2\xf5\xcd\'\x8d\x1fw\xa8\x85B}W.\x8c\x88\xf7o^FU\xb6\xe1\xb5\xf0\xccg\xea\x14\xef\x99\xe8\xae\xc6\x1el+\x96\xbd\xdc\x91\xc3\xee\xfc+\xaaF\xa6Yj\xe0RMl{\x8e_\xedC\x0c\xfe\x01\x84\xf5\xdc\xad\xa0&amp;\x02\x04\xc7I3u^u\x08\xea\xbd\x87*\xf4E\xec\x16\x0c\xa6\n\xcf\x850J\xdcC\xe0s\x18\xb9\x92+\x11\xe5\xc2g\xb6l\x0f\xc8""\xe07\xb7\x8d\xe0\xafL\xdf\xdfo\x0e\xf3E&gt;\x8f\xe8\xde-\xd6\x7f\x85n}|r\xc5,\x1e\x1e\xb0\xae}@_\x9f""\x02\xd9\xae\xf2\xa1\xad\xd4\xd3O\xe3%u\x12\xd2QG\xd0\x01\xa3\'\xcc}g\xe8\xe1\xdb\xe9\xce\xc3\xc2\xfd\x81\x06b\x9c;\xa5Y\xd2\xf1M\xce\x9eW\xe9\xa7\xdd\xf5\x8c\xba\xd2\x97\xc3\xd7\xf7wj\x16\x1ezK\xf5\xf1\xdaz\xbdd2\xc3\x99\x16\xe6\xe6T\x9eH\x83\xa5\x9a\xc7_\xc2\x857\xeazb:\xd2\x9eE\xbf\xa3\xc5iZ\x85\x13K\xf4)\x83\xfcRl\xa6,*\xe4\x1f\x00\x81ly\x1b~\xccLq[\x8d\x11*TG\xc5\x80\x88\n\xc9v\xb1F\x91\x05\xaf&amp;Vtgy+\xad\xb7np\xce6\xef\xe0\x840\x80\xd7\xd9).\r\x18\x03B\x86\xf2\xa9%8\x87w"\xc6(a\xce\xd77\x1c\x8c\xfa\xff\x83R\x178D\xa6\tB\xa2\x03NS-c\xd5\xe5\xfa\xcfy\'@l93\x82\xb4f\xae\xf1\xc8X\xcf\xb7-"\xa1#y\x91\xa33M\x16*\xa8\x96\x81\xa1g\xd1\xf8\x88\x82\x84\xd4%\x85\xe5\xb4\xe0\x03C7\xf9\xb4\r\'\x92G\x0f\x8fK\x9a\xb3a\xabO(\x84J!\x02\xfc\\5\xf1v\xa9ZT\x9b\x10\xfd\xc2F\xc3\x7f\xc5WU\xd8\x96J\xe9M\xe2T\xdabe\xfc\xc8z\xdeF8\xac\xd0\x7f\x07`\x8e\xf6`\x93wl1\x9b&lt;\xfd0@\xcd\x85\xc5\xeb{K\xcb\xa2\xd8\xc6\xa0\xdbh\xcbtA\xdd\xb4\xb7\xfb\x88P\x9e\x12\xa3\xf37\xa6\xf2\x03wr\xac\xcf!$\x95\xbf{"t\xaau\x1aH\x99\xd3d\xf0F\x80\xfbSX\x93\xd8\xffj`\x0b\x0fD\x00\xfc\xa4\x9a\xdd\xa7n2u\xe5Rfa*\xc3\xed\x8e\xd1\x7fo\xeb\t1\xc0\x8f\xa7\xe0qA\xba3P\xedsj7|\x8a\x86%\xca\xdc\xe6\xb8r\x10i\x9f|\xd6U\xab\xe6j\x0bq\x98\xb6\nl\xd8Y\xb6\xb5\xae\x11I\xf6tL\xab`\x7f\xa9\xbe%\xd4]\xcek-\x9f\xa2F\x8a\xbf@\x80\xb7\x06\x86\xa2/\x15\xcf\xe5\x17\x0c\xc4hE\x9eu\xa0\x8e\xaf\x1d\x87\x88`\xde2\xe7\xe2\xe6\x94^\x9cfg\x0b\xdb\x8a+\xa6\xceD\xd0\x84\xf4a\xff\x9e.\x18\xe6\xeb"\x8b\x1e\xed=`\xda\x7fY\xb3(\x8e\xae\xf0,MO\xb4[\xa8\x89\x9f|\x0c(\x10\x84\xee[\xe4\xeaJ\xc4klk\xac\t\x10\x11\xe0\x8b\xb3bM\xe2i\x80Q\x13\x12\xab\xa4\xd3\x9e\xbf\xda\xc4\xb8}U\xadaH\xc6&amp;\xb3\xe4\x94Q\xf8\xd6V\xad\xed\r\x98%\xc8\xdd\xa2\xc4\x18\xedJ\x91\x05B\x99\xd3\xba+\x85\xd29\xa2\x89c\xd5\xb3\xff\xeb\x1ck\x8d\xaa\xb1\xddd(\xf8b\xbc@\xd7\x01\x00\xf0\xf0\x11\xcd\xfc\xdc\x94r\x1d&gt;\xc2\xc4(ozgN\xdb\xa2\x92Bzyf\x15\x93d\xaeO\xd1\x8a\xe7\x17\x17\xcaP\xe6\x91\xe1}B\x86\xfdO\x02+t\x13\xe9\xd9\x9b\x83\x85n+\x82\x1a4\x0c\xb3\xe7\xcen\x9e\xc9z\x84\xd4&lt;s\xca9;\x0c\rX\xf2\x08y\x97\xf0\xe3\x19\xae\xdc\xa2\xbd\x1f\x83\xeb\xb1:\x16\xe5\xbe\xe9\xba\x17\xae4\xae\xb7\xb5Y!\xf3\x8b?\xe6\xe9\xe0Dy\x12\x90\x8c\xbe\xb2\xb9\xbd\xb2w\xf3\xca\x17X\x0b\tB\xf5V\x00\'w\x96\xf7\xd0\x86\'\xb4\xec\xa6\x7f\x87\xbc\x108\xb8\x858{l\xc0\x97\xb9%\xb5Q\x12\x12Q\xbb\xfdw\xce\x04\x9a3\xce\xb4\x98[\xc8\x1b\xb5\x93\xc8z$\xf1\xd7\x17\x931&gt;m\xc8y^\xf3\x08\x00\x00 \x00IDAT\x19\xe0R\x02\xf5\n c\xe7+\xed\x85\xab\xaa\xd7\xa5\xe3ck*]\xd1(U5\xc0N\xfd{\xa6\xaf\x89\xae\xe7\xb9\xe7\xc7!m\x1d\\~\xa4:066\xb9?t\x1cK\x82;\x8b\x1b\xc8l\x9a\x1d\x9d4\xc3h\xf8\xb2\x0b\x96\x0f\xd0j^\xbd\xd4\xef\x8bXf\xa6]\x9d)\x9e\xc0\x17\x17g\xf6\x1a\xd0\x1ey\n\xc2\xf7\x91Ncq\x9e\x06\xd7q\x95Q\x15`\x08\x00\xf0\xba\xb3G\xe6\xe4\xe2]\x87\n\x9e7g\x0f&lt;=|u\nz\xf5\xeb\x11\x10\x11\xe0/\xc9;\xc0\xb7\xa6H\x1e\xa2\xe7\xe2oyu\xef\xd3(\xf9\xd0x87\xfe6\xee\xed\xbb\r\xffk!\xf5\x07\xf36\xa7\xf2\x06\xcdG\xb7\x8d\x93\x94\xb5\xdeYK\xbf\x07be\xe9\x165\x8dx|\xc1kc}\xeevT\x83\xf5\xd2}b.&amp;E\x0e\xc0\xb5\xe0\x8e\xeb\x08\xa0\x8e\xae\x99RM\x1e\xf3K\xa8\xc4\x95Q\xa4\x02\x9b+/$\xf6\xaaQ\x1a\xdau|h\xe7{\xab\x08\x86\xc2\x90=W\xf9K\xea\xad\xa2\x0f\x0e\x86\x93\x83\xef\xb0\xda\xbf\x9d&amp;Cg\xc8\xcd\xdb\x18F\xc5\xf66!&lt;}\xef\t\xbd\xc7\x8b{\x1b\x16\xc8\xb3\xf0\xed\x97\xa1\xce\xc7oU\xa8\xe6\xbfi\x91\xa9\xf5\x11^\xae$\x07.W\xcf\x92\xd7\x11A\xdaj\xa6\x88\x84U\xceb`\x9f\x8a^)q\xc5-\xad\t^G\x06d/w\xf5\xba\x98\xb2F\xa1\xee\xa6\xea\xd7\x11\xf4\x1d\xb1\xff\x0e\xbd\x93\xb8\x0c\xfdk\x96*\x88\x85n\xad\x7fb\xe4YD\xff\x9e\xbe\xaf\xe3b\xc0\xe5&gt;\xd3\xb4\x98\xd4%\x9anN0\x80\xcf6\x95g.\xf8\x1a}Y\xaf\xa9cl\xf0\xc3\xf2\x178Y\xf5qe\xc2\xc0\x02\x9e7\x99is\xdav\xceoJ\x853\x00\xb3\xf97\xcdB\x86\x12\xce\xa6l=\xe6\xcf\xd2d\x9fb!\xb3"$\x86\x98\xa8\xcc\xa2s\xdfJRS\xaf\xc6F\xeb\x86}|W\x0fD\xbcK\x96\xbb\x93\x90p.W\xacX\xa0\x1a\xbe\xe1\x9c\x03\x89\xb4\x1c\x85N\x12^\x879\xc8\xd6\xe2\\n\x12\xe7`\x8d\x8f\n\x16~`\xa4\xac\xa3\xb0\xf9\x08\xc4\x9f(\x89\xa4\x8e4\x8fk]\x94.\x04\x86\xb4Ac\x16\\f\xbc\xf0\xd6\xfa\xc6\x00\x7fs\xb6\x0c4\xba\x86J\x86\xa3\xc74\xf0\xb9s\x8e\x8c\xff\xf1r\x06\xd8DJ\x05\x98\xb7CI\xdaR]\x8f\x99\xd2\x05\xd4eW\x11M\x03\xc1\xf4\\{\xa62\x03d\xc7\x89\xcd\xdeT\xf8\x11\x11#v\xe6\xedq#\xf8\x99\x00\xff\xa3T\xea\x80QH\x1b \x88%X%\xcb8\xd0:\xde\xa4-\xa8\xe8\xb8\xd7*\x92(J&gt;\xa6)\x8d\x99D\xcd\xbc6pM\x80\xb1\x7f\xc1-\xb5\xa3\x7f(\xf5\nQ\xe1\x9f\x0c\xb9R\x82H%\xa1\x17\x07j\xc2\xefX{\xd0\xd7-c\xc2\x8e\xf2,\x88-&lt;\xe9\xe8\x7f\x07\x0e\xdcf\x89&amp;\xd8\x84\t\x83\x08C\xef\xbf\xe7\x81\x1fh\xec\xc2\xe2\x10\xeb)\xe0\xe2\xdc\xb3l\xb74RE\\\xf7n\x1a\xe9\x84p\xb9\x95\xd1`\xddt\x0b\xd4\xb718\xc9\xd0H\xa17\x0cF\xff_\xef\x19-|\x10k\xf3\xa3\x08\xce\xb9\x94\x9ds\xf7\x12\x13\x90q\x01\xc8\x8e\xfe\xc1\x97a\x8b\xee\xce\xbd\x912H\x9c\x03\xe7\xdc\x96\x14\xc6\x8c\xfe\xd7\x96\xf1\x08\x99\xa8\xce%y\xa1\x82aS\xfd6\xd6u\xdb(\x88\xf8Jo\xbb\xb9\x9b\x80\xa7\xe0\xe4M\xa5\xbe\xe0\xb6\xd0x\x98p\xe0\xees\x15IRVZV\xab\xd3o\x96\x8c\x1d\x86;\xbc\xfa\xf1\x9f\x1e\xebsG]\x97\xd7\xe8\x1e\x99\x84DK\xb0\xe9\xf1=\xb0\x06\xcf\xbb\xa4\xac19\x11\x84\xd1\xf9\xda)\xb1\xca\xf6\xba\x93M\x00\x00\xa0\xe6\xd4D&gt;i\xf8m\xd0\x12\x9c\x84\xb1\xf0v\xb1:6\xec\xd5H\x1dW!\xado7\x92n/\xe9\xaf\n\x9aL\xf4|\xcew\x96f7\xf7fy\x07`\xe1kZ\xac\x12B\x9d\x97b\xcb\xbb\xcd\r&amp;@3\xe1\xca\xb7bN\xb9\xd4\x87\xcb\xe4\xdb\xca\xb9\x9eY\x9ds\xe0\xe2\xc8!\xed\xae\xcf\xcb\xdb\x93\xafba\xca\x08,\xd0-\xd2\xc95\xa16\xb0:&amp;\x8ff\xf8e\xdf{\x1f\x15\x98\n#D\xa5\x05\xcej\xb4\x88\xf8\xd9\xa3y\xfe\xca\xc2ys\xdb\xa7o1\xffLX\xdaT\xd8\xe1\xd0\x96\x99+c\x13\x1b\x86\xce\x01\xfc\xa3y\x8b0\x80K~\x14k \xe5\x85g\x1cg\xa0\\\xef\xb6\xffPo=%.x\xc7\x86\xd5\xd3?&gt;\xa8E\x94\xe7\x8a/\x80_\xca\x1c\x1d\xd1K\xeb\x8e:#\xf3\xce\xf89\x86=/\xda\xd4\xc2A\xfc\xed\xe2P]\xf7\x07\xfad\x89\xf6\x91\xcf\xe2/\xe13\x00\xcf\x05\xb8\xbd\xac$\x88\x15\x16\x1dcJ\x9a\xae\xa2\xcaE\x0f\xfd\xb7\x9e\xe6r\x0e\xa1Z\x80\xcc [P\xbd\x12\xf1F\xde\xc5z\xf5\xb3\\DU\x1c\x95\x12H\x91\xaas\xe2~fz\xc2qF\x0b\xf6!\x94\xca0\xbbw\x8e\xf8\xf7\xfe\x7f\x1d)V;C\xdc\xadQ\x83!#\x1b"b\xe8Y\xe7\x1d\x8du\xce\xa5\xc9&lt;m\x1dQ\x15\x1b\xc1\xec\xc0\x0c%\xa7\x92s\x99q\x01\xe8\x1f\x8eZ\xebw\xeebh\xa7S\x89\xb2A\x80\x95\xdc\x12\xde&gt;\xed\t\x83\n\xaa\xc69$\x99 \x14\x13\x93\xf6x\x88\x8b\xb2\xf0\xad\x00^XKM(\xe1\x9b"\xbe\x10\x06y\x13\x11\xa5y\xb22\xd2\xde\x0e\xe196g\xfa\xe58:\x88b9!?\x95p\xf2\xd9B`S\x10e4M$\xcd\x88\xab5\xca\xd7\ra\xf3\xa9\xd0rd\x80X\x1eAnM_2\x8e\x17N\x00\xc8\xc9C\x8e,\xcc\xb7fU\x0f\\\xff\xb3h\xa4\x99\x1e9\xde\x11\x97\xdfL\xd6\x05WK\x8a\xfbZuL60\xa1\xed\xf9\xd4\xf0\xcf\xc2\x135\xe4\x94\xc0N\x18-\x0eY2b\x90\xcd\xf9\xbc\xe6\xd9eu\xa0\xf7p\x99\x99\xf5\xc5\x97\xdb\xa6\xa6a\x90{\x14g\xc6\x1d\x11\x7f\xbf\x9b\xc1;\xb9r\x89\xff\xf6\x86\xac\x8b\xba\xad\xf4\xa8\x8c\xa1\xca\xcf\xbad\xbe\xa8\xf2t\x80\xbbF\xba\xfc\x15\xe2\xad\x89\xf1O\x9b\xca{\xc6X-(y\x08\xb8\xdf\x16\x86\x88r\xf0\x18\xd9~\x04S\\\xe5\x02\xe1\xadqZ\x11&lt;\xef\xf0\xd0r\xd0\xb7\xaen\xea\xc7\xed`\xce\xa3\x1a\xa5Zh\x95m\xdc\x1cH\x7fL\xf0\xd4\x85g\x8b\xdb\xce;-sH\xf0z\x81\x00\x0e\xc0\x1dVu\x11\xf2\x94\x10\x10\x9d\xfb\x85~\xc2\nak\xd2\xc5E\xe6G\x9b\x12k\x1e\x87\xdc\xacX\xf8\xc4\x17\xd9\xef\xb3*"\xe4\x82\xeb\x93}\xa6\xc7\xf9\xaa \x1dI\x13[\xb2\'\x1d\xf1zZu\xb0\x94\x8e4H\x1b\xa4\x11x.-{\xbc1\x8f\xf9G\xff\x00\xd0c\xf4\x0f\xd0\xb9q\xf5\xd9%:\x83i\x9e\x9f\x9c\xa5\xaa\xf0\x8a\xf7\x00\x08\xb5F\xbc5E\xda\xec\xcc\xf3F\xd0\x84\xdcJ\xb3\xd7\xc2\x12\xb7f`C\xf9\xc2g\x0bB\xd8/1\n\xf9"\x8a\x9d%\xd8\xb2\xe4\xd75\xbb\xa3z\xda\x19\xacm\xdc\x1a\xe0\xaf\xd5g3\xab\xf4\xc5}g\xf6\xc4\x08W\xefe\x95\xacl\xb5\xe0\xd4\x02\xab\xa4\xc1\xe9j\xa4\xce~\n":T#Z\xeaV\xb3Y\t\x02"&lt;\x12\xe0?\xa7\x94)mo\n\xf0\xcf\x13\xa4_\xc1v\xf41C\x98d\x0f\x8a;\xe2\x95+\xed\xe1\xf4^/\x91\xdfp\xfc\x90n&amp;\x9c\x1fcW\x1b\xa3w\x00\xae\xd0\xc8\x8dQ&lt;\xc8\xde\xedL\xbc\xe4\x16\xf8J\xf8\x10\xb0\x04.\xf8\xe7Z\xc4g\x9d\xbc\xda\x9a\x83pVZ\x94\x1f\x95\xeb\x94\x8a\xb5\x07\x7f\x892\xbfhq\x8a\x99\x17q\xee\x9b\xb4I\xe7\xee\x92W\xd2_Q\xc3\x17\xd4\x08/\xae\xe2\xbb\xc6A\xc9\x8c\xfd\xb0\xaei\xc3C\xdfv\x11E\x1e\x02\xc5\xa2\xfb\x9a1\xc3w\x87X\xd8\x1a\x98\xd0\']c\xbe\xc6\x13Zc\x9d\x068g\xc6(\\0v\xce9b\xf4\xcfd\x96\x7f2\x91\xa0\x19%K\x04\xefPd\xed\xf6\xd7\xa7d%Q\xa9\t\xbb%\xb7E\xe1\xf2g\xbf\xf6z5\x86\x89\x93\xc3\xd0\xc6BRW\xdd\xad\xbev\xa2\xb6!\xec\xf5z\x8f\x9d\xba\x90\xdft\xfb\xdf \xe8z\x87\r\x02H\xbe\xbb\x05N\x91\xa1\x11\xbe\xfc-ej\x99\x97-v\xaeIC\t#I\x14R\xa1\x1e*\x9a\xe9u\xb9l\x16\xf0%)x3(\x80X\xb4\x8d\x90og\x95\xcd\xe8W8\xba\x9ar\xd1\x1d\xdd\xc0\xf9q\xc2\xdc\xf8\x0e\xf4\xe5\xff\x81\x00/\x84\xed{\xc6\x8ca\x9b\x0e\xeb5\xd4-P\xaejJ\xa3a+\xd8\x98$PW\xabM\xd3\xf6H\x93\xe3\x95\xca\xf2\xb7m3\xf8M\'\x0c\xcb\x01(\xc7\x83\xcc,b\xeb=n\xce\x0c`\x86\x93\xd2\xdce\xe4\xd9&lt;\x10;\xbeK\xde\xe7\xb2Zf\xfbo0d\x9c\xdbb\xa4\x84\x15\x8ef\xc3\xa5&amp;\x84\xee\x92)\x1fYu@Lj\x84\x0f\xef\xae\xe5\x11\xe0\x839\x03\x01|\xe9V1\xa5\xac2Z\x13,Y&lt;\x06\x8d\t\x02\x00\x13`\x86\xf4#n\x00\xff?\xb9\x18\xbd\xbdc\x0cDD|]N\x93#h\xf5D\xa9Lb%u\xc0\xe62\\@7\xea\x13\x04\x89E\xd8\x1fm\x89W(\xf4\x94\xc2\xeae\n7[\xfey\xad\xa3\xfc\xa0\t\xc0\x94\x112\x0c\x8f\xafm\xd75(\xc5\xd2\x1e\'\xeb\x02D\x96\xc8\xd1\xd1KX_\xc1m\x14_\xf3\x91\x87\xc59\x8b_\xd0^\x15\xf6?2\x9eZ\xc9\x85o\x84\x14p\xc7\xc9\xe2\x16Q\xfc\x9a\xb0\xb8\x9a\x0c\x82\xc7c\xd9*$\x97\xcc\xd1aT\x9d-\x16\xc8\xa28\x03\xb6\x86\xdf\xca\x9foP\x90\x9c\x8f\\B\xe2\xa8\xd1\xbb\xd1\x19\xb4\x14D\xec)\xa7/a\xbfv\x1d%\xdb\xc4\xfe\xb4\x0f/(%\x82\x17\x96\x99\xf6\xea\xdc{\x01&lt;EK\xd3\xab\x1e\x04\xbc\xa1}2I\xe6\xb2\xbcp2\x18;jm\x98\xf8\x1d\xf8^\x03MO\x81\xeb0`$\xa0E\x8f\xd6Q\xe4\xe5\xa3\xe7`R&gt;\xa4\xc9GE \xb8\xa4\x137|\x06`\x12\xf8\x1dR\xcd\xe3\xd8\xd5`\xe3\xb2\xf3&lt;\xd2\x9b\xf9]\xc0\x94\xfdf\xe1\x9f\xdb\xb9a\xff\xcfK\xc2&gt;u_\xb61T.\xd8\x8fb\x93:\xcb\rQ\xb7\x91\\,`\xb7L(2\xcb\xcek\xff\x97/\x99^s~\x8d\x01Q\xb4\x0fp\x8b%\xb9\x85\xde\xdem\xd5\xb7A\xa7GA2J\xe0\xba\xadW\x10\xec"\xb0?\xde\x90-\xa5\x18\xfd\x03a\x84m\xd6\xbd\xfca\x17\x1d\xfe\xdb|\\x\xdd\x8a\xc5,\xe8\xda\xa4\xbc\xc7\\@\xf0\x94\x1aK\xa6xa\xc35\xbd\xfeN\xc03\xc7I\xa6\xe9\xc9V\x1eH\xfe\x9aW\x81\x8eD\xde\xab7\x01p\xdb\xab\xe5NHpdN\xc0u\x0b\xb1\xcb\xe1\x16\x7f\xd8\x84\x08Ms\x80!\xed\xea\x1f\xbd&lt;\xea\xde{\xbf\xec4\xf9t\x96\xae\x8b\\y\xe7\xcb\x92\xa3\xbe-X\x8f)\xd0j\x8b\xbdhM7\xe3U\xa1\x9f4\xcd\xd5\x8d.\xb4F\x05"|\xd2\xf6\x8eKfd\x13_\xaf\x9bz,5\x865|\xd9\xfa\x02\xb9!\xcb\xfd\xa6\xea\xd7\x1f\xd8\x18\xfd\xfcw$\xe3\x95\x1b\xc1d\x96\xd2+\xa8Qu\x96\x15\x81\x1es\xa4c\xb1A\x95i/\x06\xe3\x8e4\x85\xcf.\x0bA\x9e\x19\xba\n&gt;\x18\xd7\xc8\x0fk\r`I\xbaw\x92V\xb3\xb6^\xc6\nZ!GN\x00\xc6\xc5\xca\xa9\xae\xa2\xb9Wd\r=cx&lt;\x02|\xd8fg\xed\xa9\xf4\x95\xc8\x18\xd39\xe7\x1c\xfc\x86\x84\xd7\xbc;\x1b\xee\xe6\xd1\xdf\xec\x16P\xe6\xd8\xde^9\xba\xb1\x91,\x99H\xe0e\xa2\xc7\xcf\xbf\xb5\xe8\x8b\x83?\x8b\xf4}i\xc8\xab?\xe0\x97 \x86\xb35A\xe7\\\xfc\xf8T\xcd\xc8\x06\x11\xe0\x1f\xd4\xbc\x15h\xdc\xdd\xd9*L\xd0\xf5\x10\x87\xbb*\t\xf9\x04\'m\xda\x04r\x92VZ\xc2[\x98w\xc7\xb5\xb1\x1b\xd7W\x00\xde*\xd8\xec\x8f\x90\x05\xe0W\xffUk\x04=\xc0\xa5\xd2\xe0\xa0\xf9b\xf7q3/Q\xb1\xa3Gh\x12,f6\xc9\xe8\x7fEv0\xe9M\xf3\xcb2_\xbd\x1d\x00\x13T\xaf\xba\xad\x08\xf6\xdf\xad\xa3\x87\x17\xcc\xdd\x07\x00\x9f\xe81\x96Q{1"\x00|\xa1}\xb7s9\xb9\xb8\x0e\xff 2\x18g\x85\xc8\x8d[\x83\xf5\x16\xef%\xd4\xd3M\xe5v/&gt;\x8c\xc9 7)dUE\x8b\xf9\xb6t\x0e\xa0\x1d\xbb\xeb\x8as4\x10_\xd7\x80P\t\xbcv\x05\xade\xe7O\x08\xf4Y\x12\x8dC\xb6\x9e\xd0\xd0\xc1\x83\x01\xd8\x9c\xdbF\xd3uY\xf0\xbf\x86\x10o\x1e\x9e%\x07\xfcX\xe6\x9e\xfc\x98g:v\xdd\x0e\x97\xea`q\x803\x12\xefv\xd1)\xcd\xe5\x8f\x81\x06W\xee\xba\xb4\x19\xc1y\xdbqs\x8d\xfeM\xd1[1l\xe6\x82\xf4\x13\x96\x98{ex\xe3#,\xf7A|\x1c\x18&lt;\xf3\x81\x88\xbf\np\x8fQ\xcf\xd4V\xe8\x9b&lt;\x93tr\xa0\xe7W\xbe\'|2\t$\xab\xf5\xfe:\x7fX\x06\x99\xaf\x99\xa0\xf2I\\\x81\x1f\x83"u6,\xda_\x95m\xb9%\xa6\xa7\x01\xdc-\xfb\xc0\xa</t>
        </is>
      </c>
      <c r="E713" t="inlineStr">
        <is>
          <t>&lt;class 'numpy.ndarray'&gt;</t>
        </is>
      </c>
    </row>
    <row r="714">
      <c r="A714" s="1" t="n">
        <v>712</v>
      </c>
      <c r="B714" t="inlineStr">
        <is>
          <t>steps_per_sec</t>
        </is>
      </c>
      <c r="C714" t="n">
        <v>8000</v>
      </c>
      <c r="D714" t="inlineStr">
        <is>
          <t>2.639233</t>
        </is>
      </c>
      <c r="E714" t="inlineStr">
        <is>
          <t>&lt;class 'numpy.ndarray'&gt;</t>
        </is>
      </c>
    </row>
    <row r="715">
      <c r="A715" s="1" t="n">
        <v>713</v>
      </c>
      <c r="B715" t="inlineStr">
        <is>
          <t>Loss/RPNLoss/localization_loss</t>
        </is>
      </c>
      <c r="C715" t="n">
        <v>8000</v>
      </c>
      <c r="D715" t="inlineStr">
        <is>
          <t>0.19672367</t>
        </is>
      </c>
      <c r="E715" t="inlineStr">
        <is>
          <t>&lt;class 'numpy.ndarray'&gt;</t>
        </is>
      </c>
    </row>
    <row r="716">
      <c r="A716" s="1" t="n">
        <v>714</v>
      </c>
      <c r="B716" t="inlineStr">
        <is>
          <t>Loss/RPNLoss/objectness_loss</t>
        </is>
      </c>
      <c r="C716" t="n">
        <v>8000</v>
      </c>
      <c r="D716" t="inlineStr">
        <is>
          <t>0.016617099</t>
        </is>
      </c>
      <c r="E716" t="inlineStr">
        <is>
          <t>&lt;class 'numpy.ndarray'&gt;</t>
        </is>
      </c>
    </row>
    <row r="717">
      <c r="A717" s="1" t="n">
        <v>715</v>
      </c>
      <c r="B717" t="inlineStr">
        <is>
          <t>Loss/BoxClassifierLoss/localization_loss</t>
        </is>
      </c>
      <c r="C717" t="n">
        <v>8000</v>
      </c>
      <c r="D717" t="inlineStr">
        <is>
          <t>0.16087389</t>
        </is>
      </c>
      <c r="E717" t="inlineStr">
        <is>
          <t>&lt;class 'numpy.ndarray'&gt;</t>
        </is>
      </c>
    </row>
    <row r="718">
      <c r="A718" s="1" t="n">
        <v>716</v>
      </c>
      <c r="B718" t="inlineStr">
        <is>
          <t>Loss/BoxClassifierLoss/classification_loss</t>
        </is>
      </c>
      <c r="C718" t="n">
        <v>8000</v>
      </c>
      <c r="D718" t="inlineStr">
        <is>
          <t>0.04600739</t>
        </is>
      </c>
      <c r="E718" t="inlineStr">
        <is>
          <t>&lt;class 'numpy.ndarray'&gt;</t>
        </is>
      </c>
    </row>
    <row r="719">
      <c r="A719" s="1" t="n">
        <v>717</v>
      </c>
      <c r="B719" t="inlineStr">
        <is>
          <t>Loss/regularization_loss</t>
        </is>
      </c>
      <c r="C719" t="n">
        <v>8000</v>
      </c>
      <c r="D719" t="inlineStr">
        <is>
          <t>0.0</t>
        </is>
      </c>
      <c r="E719" t="inlineStr">
        <is>
          <t>&lt;class 'numpy.ndarray'&gt;</t>
        </is>
      </c>
    </row>
    <row r="720">
      <c r="A720" s="1" t="n">
        <v>718</v>
      </c>
      <c r="B720" t="inlineStr">
        <is>
          <t>Loss/total_loss</t>
        </is>
      </c>
      <c r="C720" t="n">
        <v>8000</v>
      </c>
      <c r="D720" t="inlineStr">
        <is>
          <t>0.42022204</t>
        </is>
      </c>
      <c r="E720" t="inlineStr">
        <is>
          <t>&lt;class 'numpy.ndarray'&gt;</t>
        </is>
      </c>
    </row>
    <row r="721">
      <c r="A721" s="1" t="n">
        <v>719</v>
      </c>
      <c r="B721" t="inlineStr">
        <is>
          <t>learning_rate</t>
        </is>
      </c>
      <c r="C721" t="n">
        <v>8000</v>
      </c>
      <c r="D721" t="inlineStr">
        <is>
          <t>0.03963118</t>
        </is>
      </c>
      <c r="E721" t="inlineStr">
        <is>
          <t>&lt;class 'numpy.ndarray'&gt;</t>
        </is>
      </c>
    </row>
    <row r="722">
      <c r="A722" s="1" t="n">
        <v>720</v>
      </c>
      <c r="B722" t="inlineStr">
        <is>
          <t>train_input_images</t>
        </is>
      </c>
      <c r="C722" t="n">
        <v>8000</v>
      </c>
      <c r="D722" t="inlineStr">
        <is>
          <t>[b'1024' b'1024'
 b'\x89PNG\r\n\x1a\n\x00\x00\x00\rIHDR\x00\x00\x04\x00\x00\x00\x04\x00\x08\x02\x00\x00\x00\xf0\x7f\xbc\xd4\x00\x00 \x00IDATx\x9c\xec}u\xfc&gt;Gq\xff&lt;\xc1\x0bA\x8aS&lt;\xb8\x17\x82S\xb4@\x08\xc5\t\x12\xa0\x14)\x14w\n\xc5\t\x16\\K\x8b\x04)\x14\x08\xeeZ\\R\xa4A\x82\x14(\xee\xee\xfec~\x7f\xdcsw\xeb\xb72\xbb;{\xb7\xef\xd7\x97\xf0|\x9e\xe7nfv|\xf6\xee\xb9\x07\xa0\xc3\x1f\x1f\xc3\xda\x12t\xac\t\xac\xdc\x89\x950+\x07\x8e\xa8-H\x04p\xfc\xb7Z\xecM\xc3\xce:\x08\xff\xcaM\xa4\xe6\x81\xa5\x00\xe8\x195\xa7\xcc\xbd\xe4\x0e\t_\xc4\xc9\t\xd6\x9d\xd6\x8c\xd8\xd5\x16\xa0%\x0c\x05{\xb7[\x99\xd2\x06\xa7_\xd9\xa2:l\xc0nk\x0e\x18\x93\tts0\x03"\xf2\xb4\xcb\xd4\x9d\x94\x15\x0c\x11\x01v\xc7\x03\xf837\x85\x90 \xcb\x18\xbe\x03\x803\x01|w\xe00\xfc\xbdJ\xed\xb5\x0e\xc9\xfa;\xd8gdF\x18\xa2/\x9b\xff\x1c\x90\x83hU\xe4\x9d\xe1\x98y\x07\tv\xeb\\\x96\x0b\x1f\xac-@El\xcd\xd6L\xb1\xdb\xedXv\x99\x1d\x83a\x18\xdae\'\xfc\xb74\xf0\xffUa[\x00a\x1bz\x83g\xec^o5\xc3nh\xd7v\xbb}\xf7\x0f;`\xeaN\xebCr\xef\xc7\xccJG\xb7y\x8d\xb8\xa3#7\x18^\xa0\xef\xe8\xe8\xe8\xa8\x85\xac\xf9p\x13\xf9v\xf96\x1e@\x80g\x1bO\x95\xffu4\x84\xd0\xfb\x7f\xfc\xef\xe6J\x85\xecx\x1d\x1d+D\x8cg\x0b\x81\x11I\xa1\xa3\xa3\x11t\xf7f\x85\xcd\x9a\xe3oj\x0bP\x02\x1e\x03\x80\x03\xef\xd0\xc6\x83\xcdzKa \xc0_\x14\xe3%\xf4\x1e%\x18\xf5\x01\xa0\xa3C\x82\xf0\xb5*8\x06\x11\xde\xda\xc3\xa3c}\xe8\xa9\x9f\x1b6\xb1\x11\xbey\xec\xe3N\xc7\xd7|\xe3Q\xb8\x1a\xd0C8\x0c\xe1\xea\xaa\xd0"\xe7\xce\x03\x087W\xbe\x9a\xfc\xc3L\x9c\x8e\x9f\x89nGG&gt;\xecv;\x80\xff\x038\x08\x00^\n\x00_\xab,O\n\x90\xd17\xcb\xfb\xd7\xc1\x8d\xa8\xa6\x96\xda^\x81\x80\xfc\xbe\x15W\x13\xbb\x1e\x1c\x1b\xc0&gt;\xecv;\x00\xc4\xf1\xfb\xbb\x07\x02\xfc\xd2\x9f\x82\xf1eN\xf0I\xdd\x18\xfb\x1d\xfa\xb8\x96\x1a?Ua\xd9y\xf3\x80i\xb88mF~\x1d\x1d\r\xa2\xf5m\x95\xbd\xfc\xc3\x94\xff\xc6\xfa;\x8b\xca=\xac}\xe3J\xc0F\xb7\xf1\xca\\\xe9\xee\xf0D\xb7E\x87\x021]3AT\xd2H\xba\xa9fe_\xbd\x08\xbd\xf1\xac\xa3\x83;rx\xf0\x852\xd0\xac\x80R7\x14\xfa@\xc95L\xa4\xe2\x00\xfc,\x17\x1b\x15\x06\n/\xb6\xa9\x01&gt;\xa8\xa8\xff\xb3\xd4c\xdd\xb1vD\xb6\xb9\x1f\x1f\x92\xd2x\xee\x8a\xb2\x13"H\x03\xc0:@\xb6\x92u\x19{m@\x80/u\x03\xf9\x03\x11\x7f\xb8\x9e \xaf\x87U\xe5J\x07\xaa\xacqu%6\x0b\xb2\xaa\xe8\xaeU\xf5\xdfM\xdf\x91\x0f\xc6[\xea\x17\xa3\t\xa7Fy\x8dWhW5\x00\x8cv\x82+\xd6\x96\xa4#+\xf0&amp;+\x0c\xc5\xcc\xe0\xf8\x9b\xa3.p\xbd(9\x7f/&lt;\x1f\x8b\x9c\xc4\xb9a\xb6\xb2Pb7\xa5\x01n\xa8\xa5\xfcn\xf7\xb5\xe2\xf0&lt;dI\xdaV\x1b\x05\x9c\xfaID&lt;\xcb|\xf5`m.\xba\x9e\xfb\x7f\xb4\x9b\x998/\xa9@\x1b\xb1V \x00\xc2)\xbb\xeaB\xd1\\\x90s\x16\xf8L\xa67I\x04^\xcf~L \xc6\x85\xaf\xa3\x1a5\x8c\xae\xfc\x8e\x06\x903O\xe2t\xdb\xcf\x06\xfa\xb4\x12\x03@\x91\xefO#\x02\x0c\xcf\x93\xd8q\xfa\xba\xba\x01\x83\xe3\xfe\x01\xe0D\xfd\xd9\x17\x1d\x1d\xeb\x00\x12\xfc\x9a\xbaX\xd26\xf6\x0b\xbe\xfb\xa5\x8f\x19q;\x0bg\x86\xf1\xe9*\x1d\x1d\xbc1&lt;\x08(\xb7\xaf\xe2\xdasQ\xf4\xf3\x94T:\x00V"\x07\xa4\x91\xf6\xc3\x0e\xe0\x93m\xe4\xae\xddn\xb7\xdb\xc1\x89Z\x10\xb5\xa3\xa3\xc3\x0b7%\xa0!\xa6\x84\xe1)\xe1\x04D\xb9c\xb8\xda\x0e\xd0\x9f\x05\xca\x01\xeb7\xc1\x16bj\x0b\xd8\x15y~q\xadx(\xd23\xcf Yf\xe5\xdc\xa1\xdfN\xda\xd1\xd1\xd1\xd1\x12\xd4\xa7\xb3\xad\xfe\x8e \xdc\xdfn\x0b\x7f?\xdde\xfb\xfa\xda2utttl\x01\xab\xba\xe5\xb2?\\\xbc\x83\x10\xcf\xee\x8e\xd4Q\x03\xdaC\x9a\xd7&lt;\x03\xccO\xd9\xdb\xea\xf7\x1f\xf2!\xb72\xbb\xb1:::x\xe1\xce\xb5\x05\xe8HEo\x05:\xb6\x0ee\x06X-\xc6\x8d\xff\xf5\xaf\xb40r\x7f\xbd\xaf\xdbk\x0bP\x9e\xadR\x82\x9b\xfen\t\xd6\x1d\x1d\x1d&lt;\xd0KK\xc7\xca\x10\xe7\xcc\x08\xf0\xd4\xb5\xdf\x05\xb4\xbfl\xbb\x81Q\xa7&lt;\xecO9&lt;3\xcd\x13\xabzs\xb6n\x08QY\xc2\xd0=\x03\xac\x12\xeb\xffbQG \xdc\x8fiBD\xd8A\xffV`\xc7j\xc0\xfa\xb9d\xd51U\xfd\xdd\xf1\x00\xfe\xdc\xb5\xd4\n\xc4g\xa4\xac\xfey)\xdb\x84\xd8\x8e\x17\xb0o\xe1&lt;\x99\xee\xb49\x04\xf6\x91j\xb2K\x03Aw\xfc\xda\x02l\r\xb5r\xb1?_\xe3a8\xfd\x7f\xc8s\xa9N\x00\xf0G\xbf#;:j\xa1\x814mA\x81d\xf2\xf0\xf9\xe5\x9f3\xb3\xea\xa0\xc4\xce\xf2z\x11}\x1en\x08%\xcd\xd4\x96K(\x0f/&amp; \x08\x00!\xdd\x7fG\x87\x8e\x9aWf\xa3\xf9~c\xfe\xbe\xe3?u\xff\xee(\x80\xeefL\x80\x85\xef4\xe80\xe2q\xe5\xf4\xdf\xad\xdc\n\xba\xa5l\xe8w-vt\x90az\xdaIo\x02::\xfc\x11\x1a,\x81\xc7\x97x\x06\x11"\xe25V\xfe\xb0#\x0e\xf8\x86\xfb\xe3\xb5w3\xbd\xb2t\x90a\x1b\x8fh#\x01\x16\xfeQ\x83\x8e&amp;\xb1\xdb\r\xd7\xbev\xbc\xaf\x03\xf6h_=\xdaj\x14\x02\x83\x05\x03\xaf\x10\xee\xc3\xf1?\x02\xa5\xf2\x92C\xe0\x01\x7f\x00\xdeq\xdf0\xa6\x87,\x9d\xc5m\xf7\xdd\xae\xc0O\xabvt\xf0\x07""|\xc2\x1d,\xbb\xe9U\t\x89r\x81\xa4\xd2]`~\x98\x9b\xce\xa0\xa1Z\xda\xd1,\xbe^[\x80\x8e\xd5\xe0c\xfc\x06\x00:y\x98l\\)\xdc\x1f\xdc\xef\xff\xc9\x8a;\xfa]\xc9\xe9\xfa\xef\xe8\x80\x0fn\xe6\x8eDD\xbc&lt;U!0\xabk\xdd\x17\x15;\xaa\xa1{U\xc7&amp;p\x08q\xcb\xfe~\x88\xa9m%\xee\x02\xca\xcc\xa2\xc3\x8d~\xfbeG\x07\x00\xe0\x01[\x1a\x00\xe8\x96\xa9\xd0\xb91\x00\x1e\xcdI\x87x\x8b\xea\xfb^\x1d\xa9\xe8\xdf\x17d\x85\xac&amp;xeN\xe2\x8d\x00%P\x11-rJ(\xfd\x1e\xce\xa1\xb8&gt;)\xb5n\x82\x8e\x0e\x18\xee\x97\x1b\xaf\x98\xad&gt;"6\xd4J\xf5\xafl\xb7\rT\x9b\xa1\xc7\xd4\x96\xa8\xa3GS^\xe0X\x8aH\xd3t\xe4\xaf\x92\xa5]\x85@\x80\xe3b\xcf\xed\xd0\x81\x19~\xa5\xb5\x87\xf3\x84\xae\x8amB|\x12\tO\x1f@\x80[P\x10\xd9\xbfXOK&lt;\xad\x04\x11w\xa6Umg\xd6Y#PGm\x91::r\x83\x87\x93\xe3\xf4E\xd2\x14yx\xaceE\xe8\x990\x03\xfa\x15\xe6P\xacGQ\x82\xe9\xdf\xc4s\xae\xa6\r\xf6\x95e\x0f\x94\xf7Et\x9c\xad\xb4D\x1d4\xc0K\x19\xfa\xff\xf58nG\x07g\\\x8e\xfb\xae\xd8V\x917\x13n\xd0\xdcBq\xe9\xf5es\xb8\x91\xd0Zl\xc1\xf9\x0b\xf5QM?&amp;\xa9\x83\x03\xcc^\xda\x1fZ\xd7\xd1\xd1\xb1i B\xc0\xef\xa6{\x92\x9c\xb3\xed\xc6r\xec\xbc\xf4\x90_\xa3\xa7a=\xb0-\xc8\xb1C\x82\xec\xf6\x00pz\x80\x1f\xd4\x13\xa7\x0c\xb0\x80\xcbu\x9f\xee \x802\x04l\xac2u4\x07D,\xdfFtt\xa4b\xc3\x03\x00\x00\xe0\xd8\x8a\x17^x\x1f\x00*C\x1b\x00\xa0\x9b\x83\x04\xfd\x87\xc0\xe2\xb0\xfa+Pa\x10K\xd1\xf6\xcaR\x07+\xf8\\ \xfe\r\xcb\xee\xbfg\x95\x8e\x0ec\xfc\x9e\x17\x00\x00&gt;\x0eP&gt;j/\xcd\xfe\x170\xd7\x0e\xe5\x1e\x83\x9e&amp;\x17\x80\x00?\x92\xdf\xb9y\x1dAV\x89\xa8\xdb\xdc\xfbW\x97::*\xa2\x7f/\xa5c5X\xf3M\xf0\xf6\xda\xfa\xf7\x15\x16\xbe\x17\xe6\xd0\xa2L;Th\xdf0D\x04xkm\xa9\xd8@\x08\n\xe9\x9b\x12\xe3\xf7%\xfe\x19\x11\xe0x\x15\x05\\\x15\x82\x06\x80wI_\xd1k:k#\xc0\x8dj\xcb\xd0\xd1\x11\x87w4\x1e}E\xd1\xbf\xc7O\x87\xfe\xe0\x9a0\x08\xbe\x87\xfa\x07\xa5\xd48?\xb4\xb0\xdbN\xfe\x85\x9f\xda\x12\xd4\x96$\x18\xd9\xfdG\xd0\xc6\xa3\xcdZjI]-`\x9b9}k\xeb\xed\xe8\xd8(\x1a+\xb1\\\xa1\xedY\xde\xb4\xb6DM@|\xdc\xbb\xfc~\x99\x02\x84\x08\xdf\x9d\x9f\xc5\xbe\xf9\xaa\x87\x0c\x07\x008k\x19I\xd2\xbfg&lt;\xc5\xbe\xeb\x18\x02\x16\xf0\xb2\xe9uucm\x03\xe8c\xda\x8e\x0e\x12\x94t\xb3\xee\xd2A8W\xd7X\x87\x06}\xcb\xb2\xb7\x92\x9e\xa8\xfe;\xaf\xddR\n\xf0\x93{\x07~RuI\x8a\xb5\xb6Da\xeb\xd3""\xc0G\x13X\x80I\xc2\xee\xc0\xf9\x91\xd9\x17\xbb\t\x15l\xf6\x8b,\xd3\x8f\x9fw\xac\x18\xd5\xfb\x9e\x0e*\x18\xba\xff67\xe4j\xc9\xdc\xa2\xaeV\x8dV\x1d8\x1e}tg\x80G\xf2W=s\xf1:V\x00\xfeQ\xd0\xd1\xd11a\x1d\x03\x00\xc2\x99\xaag\x9e\xe6\x94\xb6J4\xea\xc0I\x90#\xf7\xb4\x00\x00p\xbb\xca2m\x0c\xfd\x1e\x9b\x8e\x8e\xf5c\x83\xd5\xa5c\xed\xd8?\x85\xa3\xea&gt;\xe2\n\xaag\xeb\xf2\xf3\xc3\xe1Q~\xc8t\x17&lt;\xa3Hs\xd8\xce_I\xe7\xa9\x84$0~\xbam\x86\x9fQ\xec\xe8(\x05\xec\xae\xbb\x04\xa9\xed\xef?\x1f\xe1\x8d\xeeZ\xcd`r\xf1&lt;\xbf;\xb1\'\xdfc\xa7\xc3\x17\xe3/ \xb6\x0e!\xb2\xb2,G\xa3?\xd5\xaa5ho\x02\xe3\x1f\x02\xdb=\xa6\xb6\x04\x15\xb1\xb6As{XU\x9a\xc8\x81\xe6w\'\xab\xa1\xbbVc`\xf9\xabs\x1d\x9b\x04\xef\xee\xdf\xf3BY\x81+\xc6C\xdf\xbf{\x80\xc857\xcf\x8e\x0e\x15\xb7\xaf-@GG\x16\xf4\xafX\xc5\xa2k\xac!tK\xb5\x0e\xf1\x0e\x90\x8e\x8c\xf0\xac\x08\xde_\xad\xa1\xb5\x17\x9e|\x8d\xa5\x8a\xf58\xd8Q\x038\xdeb\xd0}\xa3\xa3\xa39\xac\xf3RuGG%\x0c\xe5p\x08\xab\x1eS\xb9\xa0\xb7\xf2\xb6{{\x94#\xed\xb7\x00\xd1\xde*\x89\x02\xbd&lt;n\x80\x88\xc5\xaf\x162\xbe\x05\xa8&gt;\x10N\xbf\xb6\x81\xcf\x03;\xd8\xedz\xa6\xeb\xa0\x85\xfc\x85\xaa\x8e\xac\xe8\xf1\xdb\xd1A\x85\xdd\xf8\xdf\xb8\x98Z\xe1\xb6qU\xf8&lt;V\x7f\x00u\x0e\xdc\x01\xfc,\x971k=\x07\xe3\xf85\x986\x01\x04\x00\xf8~m)::\xd6\x801\xb9\xf5\xbe4;\xba\x8a;:\xf8\xa0\xc7#%&lt;\xda\xe4\x9c\n?e\x06\x9a\x88pX\x06\xb2\r\xc2\xffw\xe6\xfaH\xdd\xc1\x03\xf5\xb7\xb4\x1bH\x1e\x8d&lt;\n\xfdN\xb5\x05\xe8\xe8\xe8\xe8\xd8"&lt;\x7f7#\xea\xe75R\xebN\xbe\xaf\xabE-g\xb5\xf0\\\xfc7\xb8ij/\xcf\x8b\x19\x89\x94\x13\xfd\x9a&amp;\x1f4b\x0bf\x01k\x01\xce\xff.\xcd_\xda\x8e\x8e\xdaX\xe3\xd7";\xaa\xc0\xaf\x0f~\xb2\xa9c\xce\xea\x81yy\rd/\xd9\xbb\xff\x10\x1c\xc1-\xefljz+\x15x\x1d\x15Ak\xd9\xe3\xb5\x11\x1d\x83\x908\xff~Sm\x81::\xf8\xa2\x17\x02?\x1c\xe9\xb1M\x93\xa8\xc35\x98\xc0o\x00\xd0\xfb\xffr\xdd?\xd2\x7f\x87\r\xe1\x83X\xf7\x87\x96\xfb\rj$@\xc4\xad\xfc\x1a\x8b\xe8\xa9\x1bYr}\x94\xfeQ&lt;\xc2\xe7\'|\x12\xf1\xa2\xc3+\x96OC\x17\x1f\xee\x81\x92\x9a\xc7\'2tx\xa1\xffn\xe3\xf60\xd5\x82^\x08\xe21*q\xe3:T:`\xcfG\x009\x8e$\x17\t\xc8K\xd8\xfeg\xfc\xf6\xb4\xc9\xc8vt\xac\x17\xcdou\xc4 r{\xe0-\xc4b\xc4\xa0\xccV\r\t\x10\xfe\xdf\x1a\xf6\xd2::\n\xa2\xc7K\n2m-7\t\x9fkJ\xf9\xaf\x00\\z\xfa\xe5\x87\xcc\xbc&amp;\x9a\xbf %\xdb\xd1\xb1r\x1cY[\x80\xf2h\xb7&lt;45\x00p\xbf\x98\x9e~\xab\x80\xfe\xde\xe2\xcd\t\x1d\x1d\x1d\x1d\x05\xf0\xbb\xc5J\x91\xfb\xfe\x1f\x91\xac\xcc\x88\xba:\xdcla\xd4Q\xe4ZY*^\xd5b\xe8\x11vceWf\x07\t.\x96\xc3\x97\xda\x19\x00\xd8#~\xa7\x10\x01\xcc\xe7.\x15!\xd4^ttt(\xe8\xd1\x91\x1f\x0f\xd4\xf7\xe3\xd3vC,\xf9P(U(ub\x8f%\xef\xc2\x83z\xbc\xeec\x9bA\xe05\xc1\xee\x19\x1d\x1d[@\x8eH\xf7\xde\x82z}\xcf3\x1d\x1dF\xf4\xd0\xc8\x8c\xf9F)\xa2V\xd8:B\xd8\xe8\xf7\x16\xbc\xa3\x14\x92\xa7\xdb\x8e\x0e\x11\xe9\xee\xd4\x1dr\xadX4+\x8e\xff\xed\x0e\xd0\xd1\xd1\xb1\x0e\xd8&amp;\n\xc7\xdek\xad\x04\xf8\xe9J|;\xaa\xa1\xd7\xda\x0e*\xdc2\xe1\xd6\x11O\x1c\xd9=\xb6\xa3\xa3\xa3\xa3\xa3\x19\x18\x07\x80\xe7\xa7\xdf\\\xb4\xcc\xb8\x97\xcb\x0eV\xe8\xee\xc8\x19\xcf\xaf\xc7:\xe8+J\xc3\xbf\xa7\xe4\x95\xa8\xa3\xa3\xa3\xa3\xa3\x83\x00\xa8\xed\x8e9\xbe\xb1\xf6j\xa2N\xa9\xb7[\x1d\x1d\xf5\x81\x00\x17\xab-CGuD\xa7\xe3\xfe\xcd\xe6\x8e\x8e\x8e\x8eP\xb0J\x9b\xea\xd3\x9f\xed\x03\x00\x9f\x9d{&gt;\x92\xb4\x84\xf1\xe2N\xd2%\x9e\xae\xf7\xd5\xa09Sr\x16x\xdc8i\xed\xeb+\t\x17|I\x06\x00O"-\xa9\xb4\xa3\xa3\xa3\x12\x10~\xc7\xfbq\xc6\x1c\x9f\x08WK]q|I\x1e\x82\xb4\xc7\x01\xe9$\xda\xc1\xfe\xb7\xd6nMA\xa4#3\x84\xa7}}&amp;Sp\xb6f\xca\xaf\xd7\x16\xc0\x8e)\xa5\xe3\xe2\x93\xe5;d\xf8\xfd\x90ek\xbeZ\x14\xdd\xe1:V\x0f\xcf\xb6\xfe081\x00\xec\xf8f\x8c\xddf\x7f`\x1d\xd5?\x83\xf3\x96r\xa5"Y\xa2\x8e\x0e\x96@\xed\x17?\xba\xb3\xb3\x07\xe2\xe7[\xdb\xfe\x07\x08\xfd\xcd\x8d\x8e\x8e\x8e\x8erP\x0ba/\x85\xf48C\xb6\x12\xa0\xfc\xa4\x80\xf8\t~\x17\x11\xe0oB\xa8\xfd\x02\xe0\x8d\xd2\xdeh\xaf\\\x1d+\xc5\xe1=\xebu\xe4G\xf7\xaeE\xf42\xd3\x91\x13\xbd\x8f\xb1C\xef\xfe{\xb2\x1a\xf1\xa4\xda\x02,`\xea\xd1M\x86C@&lt;"\xf6W\x1dg\x82\xdd\x19\xd8\xe0\x86\xb5\x05X\x1dz\xd6\xeb(\x81\xeeZ\x8b\xf8Um\x01::6\n\xb5\xfb\xef\xa5\xb0\r\xcc\xf62\xf40\xc7\xa5\xec\xdfwg\xe8\xd8\x00\xfa\xb6G\x87\x86\xed\xa6\xbc"Q\x80\xf0\x8a4\x16\xf3s\xb5-\xe5m\xab\xe6\xeb\xe8HF\xbfT\xd2\x16^\xa0t1\xc2G\x08gHz\xfa\x1cQ9\xe8\xee\xb4Q|\x19\xe0Q\xb5eX\x80\x1c9\xddS;\xe0\x7f\xcdY/\xe5\x89^\xd8\xca\xd3&lt;c\x85D\xe9\xc5\xd1\xee\t*=\xd0\x0e\x98\xbb\xff\x87\x19\xa8\xf5X\xee\xe8\xe8\xd8\x0c,W\x00(\xc8\x02\xfc\x9e\x8e`^\xf4\x8c\xcf\x107\x0b?e(\xde\xf7\xa7\x97\xc5\xc6\xafo\xffw\xe4\xc2#\xc5\xef\x9a\xaf5G\x8d\x97\x89\x11\x11\xe1\r\x1c\x16\xbbN=wtt\xb4\x0c\x9f\xdf\x01\x08\xc5\x1d\xf6-S\xfd\xac\xdb\xd1A\x83\xe2N|\x91\x1e9\xab\xc6M8\x0cx\xd5\x05\xc8\x07\xf1*\x07\x87\x01 \x1fV\xb9\xa8\x8e\tk\xf5\xdb\x0e\x0e\x98\xaf\x94\xd2\r\x00\x88\x88\x9f"\xf8\xed\xa9\x8e\x8e`\xac\xe6n\xe9\x0b\xd4\x16\xa0#+\xca\r\x00\xdcz\xdf\x92W\xb7n\x8c\xf3^\x14\x83\x89\x8b\x1c\xbc,\xdb\x91\x01\xdd\xc4\x1d\xf9\xf0\xe8\xe9\x15Y\x99\x10\xbe\xaa\x9b\xe5\x96\xfd\x06\x7fv\xb3\xa3\x18\x9a\xdf\xea\x1bc\xe6\xce\xb5\x05\xe9\xc8\x8db\x8eJ\xb3\xafCA\x04`\xf6\xf0\x7f\xf5 \x9e\xae"\x9cY\x96\x1b\x00\xa6\xcb\xdf\x07\x97\xe2\xd8\xd1\xd1\xb1i0\xd9\xe3x(\xaa\xa0,s\xdf\xcaF\xb9\xa3\x83\x03\xa2\xbe\x00\xf0\xf6\\\xd2l\x10\xdf\xa6j\x97{n2\xc3\x94\xbb\x8d\x17\xee\x94\\\x9f\xca\xb3\x98E\x88d\xee\xe8`\x8b\x02\xbe\xddS\xa8\x1b\x8ar\xd8\xe4\x1c}\x00 \xfd\x1ep\xc6\xe9\xa2\xa3\xa3.\xe8:\x9e\x8e\x18\x90)\x7f\xcez\xdd\x8e\xa0(A/\t\x16\x9d\x9b\x12}\x13\x19\xbf\xc7\xefF\xd1\x82s\x12\xa0\x98{#\xc0\xe5\x8a0j\x11\xa8\xbc@D8\x07\x07\xf7\x93\xee\xba\xa4\xee\xd1\xf5\x01\xa0#\x0b^Y[\x80\xcd\xa1\xbbuu\x10\xee7\x8f\x89\xafuS\x9a\xe5\x8f\xda\xd7\x11\n\xd5\xd2H0\xbe\xadT\x91\xbe\xeb\xd3\xc1\x16\x88\x88\xb7\xddJ\xea.x7\x1d|\x03\x00\xe1\x81\x1bQ\xac?\xa6\r&amp;\xc6\x9a\x91r5\x8d\x9c}\xfb?\x07\xf4\x02\xccJ\xb3F\x1fb%a2z\xf7\xaf\xa2\x96\x1e\x16~k\xdd#\xf5\xf8\xa7\'\xfe\xb6v\xdc\x9d\x1f\x89\xcb\xee5s6\x99\x9a\x81\xa0\x16\x11\xd7\xe2\x96\xf7\x11\x11~TF\x98G\x14\xe1\xd2\x11\x89\xf6\xb37W\xc9\x0b)\x96\xeb\xf2\xad\xf8tm\x01BA\xb7#\x86\x08Wn\xce^\xbc`\xd8o\xab \x85\x1f\x18$V\x048.7\x0b\x06\xcb4\x02)C7\x00\xaf+\xcb\xce\x0b\x9e{\x0f\xde\xa6dh\xee*\xf0\xd7\xc3\xa0\xf9gg\x94Ee\xc7\x04|$\xe9\xd0\x81\nj\xcb\x13\x08\xc6b\x17Q)\xa3=\x85\xf5\x02\x01\x10\xbe\xd0U\xcd\x02\x8f\xab-\x80\x0f\xe6{\x06\xaa\xe6\xa6\x1c\x8f\x9d\xaa\x19\x03a\xdb\xa8\xcc\xf6\\\x93\x91|k\xbe\xd7\xdd/\x9ew\xc8 \xc0?\xc5K2\xca\xc3\xb3rkJ~m2\x85\xc5\xf7\xc9\xc1\xe7&gt;.\x0e2t\xd81\xa4\x85\xbc\xddj&gt;W\xe4;\x00\x94\x92m\x97\x99\xfe:\xf0\xd1d\n&lt;}\xac\x83#8\xf8Jb\xf7o:\xb1\xf6vK\xf8\x9e\n\xc2[9\xd8b} \xa9\xe8L:Tz\xd8\xbc\xb4\xe8D\xba&lt;\xef\x95\x11\xe6\x12\xf9Y0G+Nn\x95\x93\xf7%\x02\x86"M(\x10b\xab\xcd\xa2t\x182\xe1\xd3k\x8b\xd1\xd1$\x10\xe0U\xb5e\x08F\x96{\x8e\x0f\xaf\xbc\xa7\x1eU\x84zr\xec(\r\xbb\x97\x96\xf4F7\xaf7\x15\xef\xe7\n\\\x8a\xec\xcdP\x16\xf0\x1e\x006\x8e\xee\xf3&gt;8cm\x01:Jc\xd3\x81\x81\xc4O\xb1\xe5\x81\xa1\x02\xado]\x1d|0\x8f\xb8\x08\xe7\x1c^\x9c8\x9c\xca\xb5\xd8\'\x9f\x97\xc2\xe7\xca\xcc\xf3{e\x16\xe9\x1d\x11\xe0\xd8\xfc\\\xb6\x85\xc0/\tl\xba\xecR\xa3k\xb2\x18\xa8\xfc\xf6\x18\n"[\x04\x02\xdc\xb0\xb6\x0c\x8d\x02\xe1n\xa8\xbe\xd3s\x07%\xd6\xa1\xccu\xac\xa2\x00Pl{Z\xd0[\xac\x84\xc5\x06\x80&gt;\xb77\x8b\xa0\xed\xff~\x95\x80\x14]\x93AH\xbb\xe7\xf9\xd2\x08py\x8d`(\x99&amp;\xea\x05Gt\xc5EB\xcb\xce\xfc5y\xc7\xf0S\x98\xaf\xa8cmh\xea\x9e\x07}\xfe\x8f;1\xfa\x18\x1f"Mh\xb2CE\xe0$\xdc\r\xddQ\x0b)\x8e7\xf8\xed\x91\xc2\x1b\x08\xcf\x8b \xd8\x9d\xbf\xa3,\xb4\x04\xcd&lt;\x05W\x14\x0f\x85\x7f\x1d\x1dn\xb4\xb2\xfd\x9f\x82\xa5\xd5\xed\x13\xcb\xb9)\x18\xad[\x93l\x91\xaay\xf6\xd7\xc1\xd8\nV\x04\xed\xdd\x16{\xb6\xda\x02\x18\xa1\xe9\xf0\x1b\x9c}\xbe\xa3c\x840\x00\xfczx\xa3-\xc7-\xb2\xcf\x8aC\x847u_\x87\x11\x8d\x8a\xdd\xd1*\x1a\xb9\x06\xd2\xb1Y\x94\xf7OF\xe5\xa3\xfd\x8a\xc6\x04u\x7fR\xd6\xf7\x89\x11\x07\xe4\x16\xa4\xc3\x89\x1cO\xd6O\xc5n~\x10\xf0I\x877\x12\x9e\r\xcckid@@\x84\x9bJoUy|r\xff\x86PGc\xd8\xed\xfa\x83\xc6;8\xa3\xbc\x7f\xa6T\xd8W\xd1\x16\xd9!:w\xbb\x81j\xd3\xe5\xfb\xcf5\x99?l\xf8?Q\x81\x9e&amp;&amp;\xd1\xf9Q\xa67{\xe2\xe5\x08v\x03\x00\x00\xe4\x97*\xf3&amp;}\xa1\xb1\x8a\xe3\xfcf\xc1\xcd*\xf1mE?\xeb\xc6\xc7\x12\xce\xdd\x9a\x05/Z[\x80\xc2xIm\x01:"\xf0\x1d\x00\xe87\xa0\xdaQW-\xfb\x1b\x04\x9a\xba\x93\xaa\xa3\xa3\x14\xf2\x7f!\xb2\xc7\x9e\x02*m`\xf0\xd8\xd3\rQ\x15\xc2\x05}\xcd\x10\xcd|)97\x94g\x1ett\xb4\x82&gt;\x00\xd8\xc0\xe1\x9b\x81\xdcM\xc3\xed\x16 \x04\xf8Um\x19\xcaa\xb3w\xda\xed&gt;\x02\x00\xb0{\xb4\xfa&gt;\xdd`\xd0\xafv\xe9 \xf1\xb4\x1d\xc0\x0ev!\xd7\xac\xe9o\xf9@\x80?P\xd3\\\'\xe6PR\'\xe2\xe6/\xf0\xd3\xa2\xdf\x97\xd4\x026Z.\x9dH\xb9}h\xdd\xa8\xa3\x16\x94\xf6\xc7D\x19\xb8\xb9.\x02\x9c\xb2\xb6\x0c\n6\xd7\x10#\xe9m\xdc\xcd\xab\x8e\xf2\x1bH\'\xb0\x11\xf91\xc0\x8bR\x89wT\xc4\xa3\x11\xe0\xb1\xb5\x85(\x83\xc4(\xc0)\xa4$jc\x88\xb5\xf3X\xd2\x92\xe8\n!D\x902\x97\x1f!\xd5/\'\x9a\xd0u\xc2\n\xc6\xc6\x83\xdb\xf7\xaa\x0f:\x88\x97&lt;\x1d\x1d\x03\x9eI\x15*2\x11\xc7\x8d\x10\x1d\x1dL\xd1}\xb5\xa3"\x92\xe7O\xd2&amp;\xa3?\x9d\xc6\x84\xae\x90&amp;\xd0gWF\xe0\x163\x88\x88g\xeb\xfe\xb1G\x96\x8d\xc9\x02\xcf6\xa6\xabO\xdd\x13\n\x83[B\x98\xb0(\xd5*\xb6\xf0{c\xb7:\x08OH&amp;4\xebv\x9c\xc4\xb3Z\xf5\x8bxT(\xf2\xc8\x10~\xc4\xb9}\x07\xa0\x00\x98\xc6\xcb\xd7j\x0b\xb0j\xfc&gt;\xe8\xae\xf58\x10\x91\xbf"\r\x99\x8e\x00\xb0\xbd\x8fv\x90\n\x01.n\xfatJe,3Z x\xa6\xe5\x8e\x18\xbcB\xb1%\x95i\xcb\xc4)\x871c\xe7\xf3\xad\x14\xf2]2Zr\xed\x00\xe5\xa5g\xbaY`\xd1\xa0\xd1\xecp\xbb\xa6\xeb\xe8X\x17\x10\xe0]\xb5e\xe8PP7\xbf"\x9c\xd5 @\xfeGi\x91\xc0\xe3&gt;\x90i!\xdc\xd7R\x05M\xeaD\xbe\x02p\xa7\xda\xe2,Bt\xd1P?|&gt;\xbd8~\xa0\x8c\x9a\xadG\xdf\xbcv\xac\x96\x8e\xa2\xa7\x0e\x0e#kG9t{wp\xc0\xe0\x87\x8fIp\xc8V&lt;\xb9\xb6\x90\xb7\x15k\xc3\xdc\xa9\xb4p\xe7\x8c\xcf\x8d\xe0(\xf7\x8b\xccW\x14\x8e6F5B(\x06\x95qRv\xda\x10\xbd\xae\xec\\\x8d\x00\x8f\x8a?\x978X\xf2\x85^[A]\xeb\xeb\x82)\xd9\xaf!\xf5v\xa4`\xeb\x93z\x077\xc4\xef[\xb4\xd8\xf0\xe5\xef\x0c\xcc\x0f\x91\x10\xfe\xbbBH\xfd\xe2\xea\xf2[#\xd7j\xc8\x802\xd4\x8f\xff\x91[\xd4K\xf2\x14\x1f\x00\xd8`\x8e&gt;J\xa9\xb6\xe6\xfc\t\xa8\x10\x14&lt;\xef|\xed\xb0\x01\x11a\x07\xfd\xb1\xd5\x99\x80\x00\xd05\\\x04{U\xc3\x94\x83ZQ8b\rQG\xcf\x1c\x95U\\\x80\xdc\x10\xfc\xa1\x15O\xf0\xc6\xd4\xfd\xccK\xfb\x13\xc2\xf1a\x8dv\x04\x90\x87\xe4\x16r)\x8e\x91\xb5\x03\xa3\xb1\xb6\x01\xc9jtkoS\x9f\xb8\xd6\xd8T\xb0\xc1/\x017\x8d\xdd\xf8e\xd6\x98I\xf1&lt;}\nw\x01\x01\x00\xfec\xffj\xdc\x13\xfa\x9fT\x82\xcd#\xd3\xb6\xc4\x0e\x00\xae5\xbd,Z\x1b\x8c\xbb\\\x08\xff\xe2\xb7\xd2:e\xec\xb9\xc3\xff5\xb8?\xeey\x81h\x07\xb0\x1bPB\xa8\xb2\xd8\xed\xf6\xcb\x9b\xdf:&gt;\xdb\xef\x9d\x13@Zi\x0b\x06\xdd}\x0cVl\x0eOd5T\x0b^ \xa21q\x01`-\xfdF\xc72\x10\xfe7\xca\xd87\xaf\xe7"\xdc/\x02N\x8d\x15\xea\xd0\x0f\xe6\xbd\x16\x05\x17\xa8-\x003 "\xa2&lt;\x0c\x8b7#q\xb6,\x7f\t;:\x00\xda\xb8\xf1c\x08\xa5K\xa9\x01\xd5\x80\xe4\xd9\x90\xeb\x1e\xbcM*\xb34\xa2\xbf\xc5\xbe-\xac\xa3\x82\xb6\xb6\x04\xb2\x94\x9a55\x7f\xd3\xd0\xfek\xecZ\xa8m\xe2\x03"X\xcbY\x05\x06\xdb\xcd\x03@\x18\xa5\xae^\x0bz\x11\xda&lt;\x98;\x805C\x0eo\xbe\xbb\x8eT\x1d{\x8c\x9b\x1d\xbd\x84\x05\x82\x7fsR\x17\xab\xf0\xa7\xffn\x7f\tQ\xf0i\xbe1\xb2\x99\x03\x00\x80Kk\xdd\xbf\x89W\x0b3@\xeb\xa9\xd3!\xf9\xb0\xaeW\x97\x93\xc5\n\xe6&gt;\x90\x03\x7f\xedsPR\x0cv\xac\x04\xbc\xad\x9fk\xb7\xbb#\x15s\xe5U\xd3H7\xd6"\xb0\xe7\xdeE\xb4\xaf\x9a\x0b\x99\x96\xb0F\xc3+}\xb6\xff\x00\x90\xd0\x99=q\x8e";\x91\xe1\x80\x9f7p\xdf\x08c \xc2\x99\x8d\xaa;\xff\xc2\x00`\xf5\xf3\xc2\xb6\xf8\xfdJ\x07\x80T5\xb2\x1f\x8f;\xf2\x83y1\xba:o\xf12B\xdc\\/\xc9\xd4\xfb\xd0\xb9\x93\x19\xfe=3\x82\xc8\xaapO\xef)hn~\xb6\xaa\xab\x16@o\x1bi\xd3zU\x90\xf2T\xf6+\x00\xfeb\x8d8b+w\xdadZ\xa0\x8d\xec\xe5]\xa7 \x02\\\xc6\xfc\xd1_\x14\xaej\xab\xb7\xbb\x88i\xb1\x9f\xa9)E\x07{\xb8\xaf\xa0vT\x05\x02\xe0cK\xb4\n\xd1\x9b\xf7\x08p\xbc\x15\xa4\xd6\xe3\x88\x1a\x03y\x1c\xd2\xeeXS\x8f\x9d\xfa\x9f\xe3\xd2Yw\x18\x91hT\xfa\xbea\x1bc\xdf_1\x1arP\xc2\xd58\x88D\x8f\x02\x8b\x8a`\xc1\xc4\xcf\x0f\x02@\xf8g&amp;\xc2\xe4\xc3\xb4\xc0y\xa5\xd8/|u8!$\xea\xee$\xdc`k%31\x82X^\xad{\x0e\xa1\xff#\xc0[\xccV\x13\x1b\x8f\xd3\x89A\xd7C/\x17\xd2\xd5\xdam\x13\x87\xf4\xab\x1c\x94j\x97G\x00\x04x\x1f!q\x1e(\xd0\x9d7\x1d\x08l\xc6\xd1\x12@\xed\xf5F\x16\xde\x11\x83B\xdd\xff\x1a\x02\xb0u\xf9;\x8c\xc8\xf4&lt;%\xdb\x15\x80\x0b\t\xdd\xff\x9b\xbbSm\r(_\xfdY%x\r\x00\xca\x08\x90L\xfc\x99\xab0\\`\xf7?\x99RRcCz\x88\xcc\xf2\x88\x08\xbb\x86\x969\xe09u\xd8\xb6\x91\xd6\x9e\xd8\x9a\xeb\xae\x03\x08p\xc6\xda2$\xa2\xfb\xcc:q\xd5\xd2Y\x0b\x0fB\x84\xbf\xebYhc@\r\x9fi\xa0^\xc6\x81\xe1\x9ek\xfaX2\x93"\x10\xa72B\x960(\rQw\xe1vT\x912\x8b\x1eB)H\t\xdc\xbe\x06\xd3\xb6\\\xa2\t!;\xf8\x80[9\xeb\xa0A\x9d\xac\xd5\xde\x0e\x1aw\xa8\xda&lt;\x8c]\x03j\xfa\xf1*\xb2\x96\x94!\xae\x98\xcf\xbfc\xf5\xd6P\x83\xc2\nBo\xb7\t\xd7]\x01\xca\xdb\xa5\xfbC\xa3\xe0i2\x9eRu\xac\x03\xd2\x17\xa5H\xb3\x96\'\xa9\xde\x87d\xc7?\xd4R\xb1\xad\xcbt\x0c\x00s;\xd5+\xa8\x07z\x03Z\x1c_\x10\xff\x10\x94\xdf\xf5\xcf\x11Xe\x87Iy\x16\xf8aU|\xa3\xfbdGG\xc7"rd\t\xe1\xeb\xd4/\xee\x89h\xa38\xc3\xe2c\xe9\x17f\x80\x8e%lOW,W\xba!\xfd7\x86J\x13\x9a\xba\xafV#B\x11\xe0\xef\x8b3\xed\x008"\x93\xcb\xed\x7fjj\x1b\x0fq\xeeX\x056\xd7\x9ft\xf8B\xda\xe6o\xe1"\x00+a:X\xa1\xe9\x1c7\xed\x91\xffw2\x110\x85\t\x99f"\x94\x8c\x86\x9f\xe7\x0c\xc2\x8f\x03\x8f\xff\xf8\xc4y\x12\xa0\xde\x00\xc0\x16\x9ceK\x81\xfa\xed B\xb2\xd2w\xb7\x1a\xce6T(\xa0\x81Y\xed\xa4\xec65\xbf\xe9\xc3\xf0\x9fk\x8a\xd3Q\x04\xdf\x0f&gt;\x83\xfbE\x80M\x05mG\x18\xa87\xfcp|V\x8f\x8d y\x13\x90\xd3\xbd\xa9\xe4\xbc\xa0\x98\x10|o0E\xccQ\xc2\xdd\xec\xf6\xaf\xa7wjtl\xac\x92\xa7\x0e\xb79jI~(\x01\xeb,\x1bX\xa7R\x07\x80\xad\x17\xa3\x02\xee\x9di\x96\x03gb_#\x86@\xf8\xe5\xc6V\xcd\x03u\xee=\rL\x7f\x9f3~\xa5\x92\xd9\x00\xd0\xd1a\x05\x89\xbb\x06\xf8\xff\xe6\xa2\xe3\xbb\xda7k\x11\xe0&amp;~\xe7\xa2\xf0/+\xa6I\xe3\x942\xd3Z\xf7l4\xea\x1e\x15}\x9b\xc4L\xf9F\xbe\xde\xfd\x03\x80\x98\xfd\xb2Gt\x8eV\xa4\xaa\x05\xa3Y\xbf\x98\x82\xef\xb6\xfd\xb60n[)\x8dj\x1d\x8c[\x86\xc3,\x9d\xff\xd6Z\x9c\x8e\x96\x91\xe0\xaeo_\xf0\xff\';\x18\xa6\t]\x1ai\x02\xcb\x1a^H,\xc2\x9cP\xae\xdcN\xbd&gt;\xcc\x05\xef\x92\x93\x00\x8d\x19\xab\x1e\x9a\xcf\xfc\x19;\xbc\xbb\xf5\x9b\x7f\x8a\xdeS\x17\xc2\xcb\xd7\xe8U};\xda3\x11\xce\xb2u\xc7k\x0b\xd5\xd2\xa8\xa5\x8f\x99\xb6\xc7\x96\x0f\xee\x03@=\xf4N%\x0e\x91\xee\xba-\xff?cJ+\xfc\x9f\x00 u\xf6&gt;\x03\xc0\x9c|\x8a\x01an\x01\xc7\xafl\x1e\xbb:S\xe6Dq\x93u4\x85!\xa8\x99\x05\x94\xb7HuSA$k\xac\x90H;&lt;\x80\x88\x0070\x7fP\xc3`\x8b\r\x8d\xe8\xfd\x97\x0c9\xb8\xc3\x08ZEu\x9dG\xe3\xd3\xe1\xaa\x0b\n\x96\x15\xa1\xc0\xa2\xf6\x9dw55\x8e\x03\xc0\xe0\x15\xaf\xa1\x94\x01\x01&gt;HD\xaa\xa3\xa3Q\x90E\x13"\x02\\\x8d\x84\x90\x97T\x95\xb3z4k.\x971w\xb5\x05`\x84\xc9\x93v;]-\x88\x08\xbb\x1d\x14\xd6\x98\xa7s\x0f\x02\x0f\x07\x8b\xafmGv\xd8\xb0\xd7!\x00\x10(jo\x84\xae\xf3"X\x8e\x95\xf2\xf1\xcb\x15\xa2\xa6|\x14\x82\x88\xb0\x13N\xab\xe7\xd2\x08\xb8\x17\x83B\x86\xfd\xba(\x82\xbd\xa3\x16~\npJ\x00\xe8\xa1]\x1db\x07\x92N\x0c\x00&lt;l\x8a\x80=~\xe3q@m\x01Z\xc1n\xb7\xdb\x15O1\x01\xdd\xff\xf0b~\xfdSZA\xa6iU\x14)\xe7\x08Ks\xbd%\x98\xc8^\x87D\te\x17\x90\x9a\xb2\xee\x07\x9c-\x1be6\xf0\x8b\x95\xdcR4\x03\x04\x80\x80\xcb\xfe\xbb\xdd\x9c_\xaa\x0e\xb4;\xd8\xedv7$\x0b\xd0\nI=\x18\x85\xb7\t\xeb\xefJ\x06\xe2T\xfcn`\xd9(\x84\x06\xa4\x1cO\xd8\x1d[\x98e\xc7Z\xc1-\x91$\xdd\xcf\x90\xe7\x16\x88\x99B\x0b\xf7T0\x17OD\xbe\x01 \xf1\xc1\xed\xad`\x837\xffDc\xf4\x87V\xd5\x92\xf0\xdd;\xb8\x1d\x89\x00\xd8\xbbNF\xf0\xf1\x87\xba\xc6z\x91\xb6w\xc6\x07,KC@\xcd:Wva::j \xb5\xa11\x9cu\x1cY\xa8\xf7\x12\xd8\x0e,\x99\xb4\xc6\x17:\xed\x1f\xdd+\xf1\xab\xf6\xae`\x89w\xd4Uz\xf8\xbe\xb8V\x9a\x8bH\x98\xc6\xb8.\xd5(\x98g\xaa\\\xa5\xa7\xf1\x01\x02|\xbd\xb6\x0c\x00f\xe7\xf9`\xb7\xbe\n\xc4+x\x95\'\x96\xd3KG\x83`\xe8F\xa9\xdb\x99\xa6\x13\x19.\xb3\xc3\x81\x8c7Yehbf\xea\xc2\xbfo{\xb0C\x90Jc\x8cT\xf6`\xb9X\xec*\x9a\xb8\xcc\x15\x07\xfd\x8e\xbe\x92\xac\xcb\xf0U\xb9p\x1d\x00.,\xb8\xfdD\xf9.\x00\x00p8\x11\x8b\x0e.Q&lt;;\x8f\xf8\x10\xdeu&amp;\x99\x14x}M\xf6\x8f\xbcT\xc7\xe5\xab\xbd\x1d\xe1\x08\x7f\xe4H\x19\xcf344I\x03@\x83\xd8\xf4\xdc\xf2\x8d|\xa4G_"W\xaf\xd4\xca *\xafMr\xa0\xf4\x9c\x99\xe8\xc8\xfa}\xda\x08a\x11\xad\xce\xd7Q\xbc\tG\x90\xa5TQ\x04\xf7C\x8bp\xd7lG\x97\x03\x89\xd3\xa9)L&gt;?Mh\x8f&amp;\xe2\xd2\xc1\x02Z9N\xcax\xeb\x85\xe7\x9d\xab|z\x03&lt;|\xd3\x8d\xca\x16q\xa9B|b\x9ax}f(\x7f\xbf\x87\xf3\x96\x8f\x80\xd6j\xf5Au\x01y\x8d\x1f\xb3\x1f\xc9^\x15\xb3Y%\xf7sx/j\xe0T\x0e\xa9\xa2&amp;W\xf4E\xb5\xf2\x11\xf9$\x05\x08pq\xe9\xcf"&amp;\x96S_\xd0]\xc5^\xb4\t\r\x8a\x88gY\x9c\x93;V\x02\xd1\xca\xb8\x0f\x07\xfe\x89\xbd&lt;(\x03v\x99\x17E+\xd2\x8d\xd8\x91\r!\xb5A)\xf0$\xfb\x97\xa4x\x1d\xc2\xfd\x9b\xcbz\xb9\xa4\r\x9a\xeb2\xc9@\x85q-\xa7\x94\xfe^\xf2FT\xae\x00\\\x9a\xfb29a\xd2\xd5wMoZ\xce!\xce\x0fA\x98\x86\xff\xbcx\xd2\xb4\xc0\xf3O\xbb\xe9\xdc\xfd\xaa\x0f\x00\xb1h\xea\xee\x0b\xb1\xfb\xffTS\x92\x17E\xa1\xfdA\xef\xdd\x90\xf7r\xda\x99\xea\xe8\xb0`\xf6f\x1a\x7f}R\x06\xbf\x8fKy5\xef[\xc8w\x15\x85\xceRL\xa0\xacE\x9f\x01\xac\'VjIW\x00\xc19}\xebYamKw\xe3\x14\xe1\x98;\xb2r\x10\xef\xdd\x7f\x1c\x1a\x1c\x9c&gt;-\x06`\xf0E&lt;\xf8\xeb\xb8\xc5\x126\x06\xe4\xb8l\xe0\xf1\x08\xdf X\xcb\x9c-o\xb4HJ?\xe0y\x89\xcc\xd3N\xef\xd80,)\x0f\xe1\xf9\xfd\xbe\x9ah8o[\x02\xbcc\x96\x86i\xdd\xb6\xf0\x1f\x00\xd6\xf4\xa5\xdbc\x0b\xf2B\xb1\x01\xf2\xde\xd0\x9a\xce-\x83\x15\xceu\x7fZ\x89\xaf\xae\x02\xadm\x1c\x08A\x1a.\xf9iCO\x99\x8eoh\x87\xc5)\xa7\xb4\xcb\x99\xb8\x9cx\x9d\xdc(\x9e{\xbf\xf2\xd3\x91\x86\xa4\r\xbc\xa3\xf24\xb2+\xaf\x88x\xa1f\xb2\'\x17\xa8\xed\xff\xca=d\x0f\x9f\rx*V\xd3\x00\x00\xf2}\xe4\xedTz\x13\x9a\xf0\x93\xab\xb6 \xe42\xd6\xb1\x8a\x16\x91\xd2&gt;\x86\x1c\xdcD4\xc9\xb0_\xa9\xe0\x93\xe2\x10\x11\xe1\xd0p\x01\xe2\xaf\xfctt\x90\x01\x01n\x18{\xe2f\x1d\x97v\xe1\x8d\xaa\xd1\xdf\x01\xf4\xee\xbf\xd1%\x87\xa1\xec\xa8\x83\xe2\xbf\xc6\xb5\x8d\x10\xf6\x84\x80\x8et\x9c\xac\xb6\x00+C\xc9{\xea\xb2\xf2\xaa:9X\x06\x00N\xf9-:\xc9W\x97\xbc\xa3#\x16\x9b\xda\xca\xcd\x8ag\xd4Oaq\xf0\x16{{{\xffv\x94\xbb\xf1\x9dM\x81\xf4\x07\x02\xc0g\x14o\xd9\xba\xc3t\xe4\x03uhT\xd9\xd3\xa5\xb9\x01\xc6\xc5\xa0\xee\x00`IbSrxa\x15\xb9\x88\xd0\x93[G\x83\xe8\xfd\x1c\x1d\x1aU\xe3\xb7\xe0\xb1\xbeUg\r\xde\xd2R\x1b=\x02\x11\xe0\xb7\xc3\xabF\xdah\xe9\xda\x05\xf5\x83\xf6;\xb6\x81\x8bx{;qP?~t\xd7\x97\xd3\xd1\xf4D\xfe\x8b\x00\xf4\x04\x7f\xe1y\xa4\xb0\x11p`f\xa9\x8a\x03\x11\xe0\x93\xb5\x85\xe8h\t\'\xf0&lt;.\xeb\xce\xdf\x1aZ\xbaH\x90hU\xa0p\xaaF\xd5\x18\xb0\xd1E\xb8\x15\x8d\x88\x7fQCW\xfe\xc27hJV\x10]\x05\x11\xf1\xe6]\x9fv\xcd\xbe\xcd\x00\x00 \x00IDAT\xf1\xb8{m\x01j  \xcf\x10\xbb\xd6o\x11\xe1\xa2\xebsW\xf2F\x02\x11\x11\xaek\xa3\xa9\xb0C\x96\xfb\x17\xa7#\xd2\t\xb7uup\x87\xaf\xc7\xf4\x01 \x0f\xce\xb7\xac\xd5k.6\xc7R\x82\xe3t\x93F\xa4\x18nO\xa0\x1a\x00\x04:G\xa5\xd0\xc9\x87Q\xbc3\xd7\x16\xa4i\xc8\xe5\xbfD\x86a\x12}\x1d$\xf0\xb4\xe6\x03\xbc\t\xfe2R\x90\x95 Cyr\x95\x03&gt;\xd5\xd0\x81&amp;\x84\xec\xd84r:(\xdd\x9e\xee\xea0]\xaf\xfc\xb2\xf2\xfe\xfcb\xbeO\xb4\xf8\r\xa3f\x8cbD\x1atr\x86\x13\x03 \xc0\xdb\x8d\x1f\x13\\p\x9f\xbc\xee\xf7e\xf4\x86?\r\x1cqs\x8e\xc4\x08p\xba&lt;\x94\x99\xa3Lt\x88\x1e\xa5\xdem\\D\x80\x8e\xc2\xf0\xbfJP+E\xb3(\rD\tM!r6{9\xe0\xb0\xeaE4!d\x87\x0bDM\x897\xbb\xb5y\xcc\x16\xb7\xff}0\xf9\x95\xf4\xe6d}\xf9\xe2\t\x07\x05""\xc2\xd1(\xf4\xf1\x11\x04\\\xcb\x99\xd7\xebK\xdcRt_\x81\n\x8c\xac\xc2\x84w\xcb\x11v\xa5\x8b\xc98\xb72\x14\xd3\xa78\x06\xaf\x06\x9f\xaf-\x00[ \xc0\xa7\xfc\x0eC\x80\xcfd\x17G/\rw\xae\x9fLj\xd4\xa9\xfa\xab&amp;\x02\xab*\xdf\xa1\xe0+\xa1MI\xa3X\xf7\xea\x0c\x08\xe9\xd8\xb2\xb1\x96\xb8\x8b\xf2\xfc_x7\x9c\x1d\xf3$\x1c.\xd5\x1f\xbd\x86\x99\xb0%_\x18m\x92\xa0T$\xf5\x03\xe8\xed\x1e4\x00t\x90\xa3d\x98\xdc\x07\x00\x00\xbe\xbf\xaa\x9c\xd9\xfb\x0f3\xfc\xd5RF\x81(\xf7\xff\x08\x80p\xf5\xfa5b\xce\xdb\xd3U\xeb\xdc\xdb\xa6ki\x9a\x19\x16\xfa\x8e\x19\xb3y\x1e\xd9\xcd\x13\x8a|\xf1I@\x96\xc3\x00 \xa40\xc3;\xe5\x05[B\x92A+h\xdb\xfa\xac\xbdL\x9e\xc90\x89s\x93\xc7\x1fLn\xa9\xb2\xf2t\xde\x99P\xf2\xa21\x01\xd6\xd1K\xd5\xc3\xdb&lt;v7H\xa0om\xbcm\xbc\x9eY\xd5|\xf3\xf2\xf5\x11%\x1f\xc35x\xec\xac\xa8k\xb2]\x0e[\xc1\xf2\xa3o\xec\xa5!\x8f\xde\x1eF\x93\xef\xa8\xf3\xa6?)T fv:y:\x00\xe0\xae\x00\xa7\xd6\xde\x1c\xec\xfe\xa3\xf1\xcf\x7f\xdat\x8e\xe3\x88\xa0\xc0T&amp;\xe7\x12\xb0\x87\xaa\x12\xd7\xa7-&amp;\x92(C\xf8C\x03\xaf\x95C\x8e\r\xc1\xe0\x81\x19\x1cR\xad\x1b\x08\xf0&amp;\x86{\xe1\xc9\x03\xc0U|\x98\xb0Zr,\x04E\xbdWY\x0e\xb7\xd5q\x93\'\x17\xa4-\x9c\xbdmz[\xc6\x0bUz\xe5\xc5\x8c\x13\x9a\x92\xbe\xa6\xce\x00\x9b\x89\xb1RP\xf6b\'\xf5\xe2\r$\xffA@\x84Kt\xe57\x8a\xdf\x96\x1f\x00\x1cW\x00\xb4\xa0n\x11\xedJN\x8b\xb0AT\x1b\x00\xc8\xa1_\x01\xe0x\xb9\xa9}\xff/\x05\xd5\x9a\xd2\x07c\xdby\xcb:\xb2\xa9`mJZ\xe1P0\x00\xdb\xfb1\xb6\x0c|Q\x85\x01\xc0\x07\x11"\x05fIk\xcaX\tH+\x07\x02 \xdcs\xbe0\xad\xdcp5\x95\xcf&gt;\xe4\xb7\x0cV\xdb4m\r\x00\xef7\xbe\xdb\x88\xf0\x05\xc0V\t\xcc},\xba&lt;\xf1\\N&gt;\x98\xab\xb9\x90\xd0\xf8\xec\x0cr\x90\xc1\x8a\x0c\xd9\x9fE9\xc9\x87t\xaf\xaa\xab\x1f\xb6\xb9/3.\xb2\xe6\x01\xc0ciAK\x9e\xa6w\x1c\xa8+|\x14\xae[p\xa75\xba\r;\xf3\x8d\xc2&lt;\xa8\xb6 \x8bp]\xc4\x00\xf8\xb7\xd2\xe2t,\xe3\xb1\x00`k\x1c\x19!r g\x10\xc5\x88\xf0\x88\xa22h\xfb\x17x]a\x00x?\x97\xad\r\xe68\xae\xeb(\x08\x89\x91\xc6a0m\xc7\xe2\x88\x00\x9f \xa5\xf8\xa9\x96\x96\xef\x8b\xa5\xddS\xb2&gt;O)\x9c\x0cKi\xae\xe0BD\x80\xcb\xe5\xa0\xec\xc7\x9adQo\xd3\x08\xb3\xb2]\xf3`5Mu\x18\xb1\x90*\xab"a8\xa9\xbe\x96\x7f\x01\xc47UN&amp;\xf7\x86;OfE\xba\xaa\xb7\x19\xf4bP\x04\x8aS\xbe\xa5\x9a \xdc\xd1\x03x\x01h\x82r\xcc\x1diw\xbc\xbe\xb2\xd1\x01\xa0"r6+k\xd3UG\xc7"\xa6\xac\xf5\'f\xf5%m\x00\xe0\x80\xea\xfa\x14S\xa5\xfff+\xc2\x05\x86#\x8f\xc8+\x1dw0*\xe4\x9b\x01\xb3\x1cd\xc2f\x1bq\xee\xabVv\xb3\xd0p\xd1\xf3\xbe\xf21\xef\x8a\xe3\xb3\xc8\x9f\xb9\xa2\x9aFWrG\xc7\x16\xc02\xd2\x83\x84\xa9\x7f\xd7M\xf8\xf8\x84\x80\xf3\x17\xde\x96\x0f\x96^\xf31SGG&gt;\xf0JIEPno;\x89\x85[H\xed\xe2\x00\xedr\x14\xca\x1b\xf3\x90R\x98\x95\\\xbb\xb8vtl\x16\x05\xaevr\xbd\xa0J$\xcf\xa9J\xac\xeb\xcf\xc1y\x12\xe1y\xfek\x94\x07\x00F\x96\xea\xe8\xe8\xa0C\xce\\\x8c\xfaFB\xa6\x1e]\x1b\x00&lt;e\xf3\x96a\xa2|Q\xcbO\x0b\xc7\x83\xdbN\x98\x82ru\xba\x0f\x00\x1d\x1du\x11\x9eH\x93\xf8$R \x13g\xa4\xc9\x8c\x0e!~8~\xebz\xbe\xafU\xf8t\xa9\xa2\x19T\xfd|:\xd9:\xdaE\xb9\x0by\x9c\x9b\xa4\x86Qz3\xe6\xd7\xfe\x03@\xd8\xf6FH\xddBD&lt;c\xc4\x0e\x8ayl\xb8|\x08\x11\x93(\xbc6\xc3\x14\x94\x9cO\x98\xab\xa2ck\xd8\xa2+\xc6\xee\xa4&lt;&gt;\x94O\x88z\xff^?\x9dq\xa2xcm\x01t\x88\xcf\x0c\x85%\xe5\xdfN\xa9\x8c\xa8N\x0e\x9bl\xc6r\xec\\\xb6\x06\x84[\x89J\xf8\xdb\x95\xead}+\xb2\xa2F\x03\xea\xa7\xdeP\xbf\n\xaa[\xf3\x91\xb5\r\xcdG\x12+\x98\t\xf6t\xce\xbaj\x17]\xa5\x1d3\xbc3\x92m[\x84X\x1c\xea\xeb\xae"\xaeG*\xbc\xf1g\xd7~CG?\x1d6{}[&gt;`&gt;\x1e\x11\xe10\x9c\xfe\xda\xe2\x9d\xd2\x03\xfc\xfa\xa4;g\x97\xa3\x0e~$\xef\r|{\xf0\x8c\xdb\xf3\x1d\xc4\x83\xf01m\xc6\xad\x85\x89\xf5\xb7\n\xb1\xe3\x18\xcf1\xf7\x81\xdc*h\x989\xd9\xd4v\xfb\x97\xba,`\x7f\x11\x80\x1b\xb0\xc6}S\x87\xf0\x8b\x11\x1f0\x0c\xed\x8e\x95!\xbb\x83e\xdd"\x11\x88\x93\xb0@T\xae-#\xc2\x9dX\xc5\xa0m\xcb\xc9\xb6|yE\xe7\xe5\xd90\xcc\xa8-\xd9\xac\x9d\x97V\x96d\x0f*\x85\x9cz\xeeTz\xb3"\xe2\xa14\xf1\x80\x1a\xd2i\xfa\xb0c\x1e\xcf\x81\xc8X\'r\x90\x05i\x00\x08eQf\xfb\x8d%2|\xd5[\xbeJn\xfc\xb41h\xd7\xeem\xb8j\ti::\xc2\xb0\xf7\xd8\xbc\xd5p \xfe\x10\xaa:\xa8\xd5\xee=\xd9\x8b\x0e\x7f0H\xd7B\x83\xf1\xa399\xbc\xd0\xba\xfc+\xca+b~\xbd\xba&gt;\x06\xed\xbcB~\xa7\x1ez\xbf\x9e\x13S\x0f\x1d\x96\xa4LF1\r\x00\xd9\x9b\xcemLt\x07P\x10\xc9\xa7\xa2\xbf\x8c\x1e\x00\x8a\x8d\x8b,\xe1\xbf\xe4\x1bz\x1c&lt;\x06\xc2\xbd,\x03@\xdaW\xbd\x13\xce-\x80\xc2\x15\xbd7\x10\xd5\xc1\xa1\x13u\x03\xe5\xd79E\x1d\x02\x9f$\x85\x1a\xb2\xb1\xa0\xeak\x88j\xa7c\x1a)\xe3\x98\xf1\x0cE\x04\x95\xe3\x01q\xfcnC\x1f\x00\xbcpb\xe1\xf5i\xabI\x01\xd0\xe8\xde\x95\x06\xa6\t+\xb6eGx\x8b~d\xa1\x01\xa0\xe4\xa4\xd1\xe1\x89\xc4\x01\xe0\x89k\x88\xf1\\\xf0\x1b\x90\xdc[\x80\x01\xd6\xd1;\x80\x1a\x81\xe6\xcf\xa8\x85\xf0G\x84\xbb\xb1\x17\xb2\x11\xcc\xde\xf8@\x04\xb8\xcb\xf4v\x03n\x90\x0b\x84\xdd\x85\xbe\xa1&amp;\\\xa7E\xe9u\xcd\xbd\x1b\xbd\t\x98\x13\x94.\x15\xc2\x05\xb7\xec\x1emc5\x96C\xb8B\xe9\xb5x\xc4\xa7\x12?$\x0c\xf3\xb5\x0b\xa8\xb2\xe8\xdd?\x17x\x1a\xe2\xe5\xe2)\xad\xcdoUD\xf5\x8c\xcd\xa5\xee\xdf#\xbaM\x05\xb5\xd8\xa3\x15#\xc1\xd8\x7f\xe6\x9eIk\xaa:"a\xcb\xfc&lt;\x9d\xb3\x14\x08C@O\xc8\xd3\x9f\x0f\x01A\xf3\x99\x0b\xbd\x97\x9cF\x1ce\xccT|\xb3D$V\xb5\x98m\xe0\xebQVK2\xb4_\xe11\x0e\xcd)&lt;\xf3\xe6\x85"\xedH\x86+6\xaf\r\x13\xbb\xb5z\x16\xa7\xaeF\xf3\xf2\xf1\n\xf2\xf2\xf3\x99\xe5ps|j\xad\xa6:\xb85\xb2\x95\xfa\x0f\x1fL\xf7H\\\x91\xab\x84-\xc2\x18\x0e\xb9\xcb\x01g\xd0F\xe5\x03\x01\x11\xde\x88\x00\x1f\xd4?\x9b*\x98e\x008Kq?\xbf\xa3-wi\x92\xb0\xcd\x12,\xf0\xc7\xda\x02l\x00\xe1\x85*k\x1b\x9d\x13\x88\x88\x9f\xc9\x97\x8e\xdf\x9c\xbd\xfb\xcf\xa1y9=\xdd\xad\x8a\x0c\x19\xd1\x96\xb4Vp\x94\xdf[\xb1\xbe;\xfd*\xf5\x10P\xa8\x88\xd6O8\x9a\x8c7\x18j\x8c\xa1Hm@\x08L\x1az\xe3\xd4j"\xb80\x00\xd4\xca\xff\x82$8I\xb2" "\xc0\xc9\xfc\x0f\'=\x8c\xf0\xc4&amp;\xf1*Dx7\xc1\x921|L\x9f\xa3\xeb9\xeb\xe8\xaeBQq\xbd\xa1\xda\xfe\xbc\xe9\xcd\xaf)D\x84\x8c\xf9\xe3e\t\xa4\x0c\xcb\x1fs\x19\x88pu.hTl\tAK8\xd4\xa3\xe3\x1f\xa8\x1a#b\xbc\xbf%\xa0\xe8\xe0s\x9bIe\xfa&amp;bG&amp;t\xdd\xc6\xe1\x96\xe7%\xab\x11\x0f\x98w\x9d\x1c\xd4\xac\x03@+A=\x00\xe1\x90i\xbb\x84\xbb\xd8G\x92\x17\xd44\x82\xfe\'&gt;3\x96EI\x18=\xe0\xa4p\x0br\xb7\x0e\xa63F\xd7=\x88\x04\xe8\xa0\x81\xdc\xf1\xe0q\xaeh2\xf7L\x81\x8c\xb8g(\x11M\r-\xd1\xf8jm\x01\x82\xb0pk\xd0B\xeb\xbfD\\\xa8&amp;\x9f\xf3r\xd7\x16\x8a.\x18\xaad\x0327\x8b\xae\xdb\xea\xf0\x8f}4\x1d\xdfFP\x8f\xd0\x85g\x0c\xf2j\x9a&lt;\x00,\x8d\x89\xed@\xf2\x03f\xae\xd0\x80kZ\xb0\xee\x16\x10\x11\xaf\x96\xb4\xba\xd5jf@ZV\xbd\x14\xb14[\xc7B\xa2N\xeb\xfe\x15\x1c\xbb\xa2\xf1\xaf\x91\xe6\xa0\xa3\x83\x06\xe1\xe1/\x1e\x7f\xe3\xb6\xc2\xc4\x90\xeev\xb5e"\x01\xfa-d\xb0V\xdc\x92\x11.\x08x\x1c\xec\x00`\xd7\xbc\xd2\x14_\xdf\xed\x80\x8d\'x\x9a\xd2\x93\x14 \x06\x9b\x0c\x11w\xe1&amp;\x16U\x1aqz# \xb4NGG. \xa29\xea\xedE&gt;%\xb1OTwS\x8di6\x03\xccmA\xb3K\xe8\xe8\xf0\xc7\x1c\xbc\x01\x0e\x8fc_\x01\xad\x15\xc4\xbd\xe48\xc68\xc9\xaf\xed\xd4\xc5\xdd\xbd\x8fL1\xd5\x0e&gt;\xbb\xdb\xedv\xebH\x8b\xda"\xb8,j\xb8\xd1\x8e\x84\x92\xe1U\xc0\x89%\'\xfb\x86\xf6\x0e\xb9\xf8IG%|\xba\xb6\x00^\xd8\xed\x8c\xae\xea\x0c3\x8a\xc4&gt;\xd3\x7fd+\x11\xadbw\xc6\xe1\xffNSY\x8e\x8e\xad`1RJ\x84R`\xf4\xefv;k\x96\xe1\x8d}\x13\xdb\xa4\xec\x14@\xb8Y\xab\xa99\x03|b\xefm%\x04\x19\xd9\x91\xdfd\x15ri&gt;\xfd\xce\xd7\xd5\xdc\t\xc0\x01]\x8d\xbc \xdc\x1c\xd2\xa0\x93[\xef\xf9\xa1Y\x08\xd1\xddD\x1d\x1d\xd5\xc1\xcdus\xcb\x83G \x02\xfc!3\x97\x8e\xdc\x88\xe9\xf3\x9aA\xf9\xa2\xb2\xe7X\x94i\x86o\xd5D\xca\xdf\xa4\x93\xb0E\x8c\xf7n\xa9\x85\x12:Q\xbe\xb7_\xcf\xadm{\r\xae\xa5\xfb\xbf*\xe1*Njf\xd1\x9e\xaeZG\xd7v"\xb8)\x90\x9b&lt;\xab\xc2\x8a.\x03 J\x17r\x94?[\x87p\xd3Y\tfB\xd0q\xfa\x86@nL\xf7\xb8\xf7\x9b\xddi\x81\x80\xb9\xef*n\xd8dz\x8f\xc8\xf0&amp;r\xe1fY\x10T\x9dO\xed)_\xd9\x92\tYZpj%\xbbZ}\x86\x06])\x1a\xce\x03&lt;\xc0M\x81\xdc\xe4Y\x15V\xf0\x1d\x80\x11;\xb1&amp;\r\xa9\xf8\x8e\x05\xd9g\xde\xba+{\xd3\xd6n\x07\xaf\x10\xfe*\xc6\xb7*p\xf8\xda0\xc0\x8bkK\xb2&gt;d\xfd\xf2\xcct\x81\xc1\x18\x80+yrWu\xec\xf6 $)\xd9E\xb9L4^}l\xc6vK^\xd6\xccB2\xa0\xe4mQ\xb3\x83\x12\xde\xe2\xb5%\x14\xdad\xf46\xcdF\xda\x8f\x8e\xa6\x11\xf0&lt;\xcd\xf2))\xfe\x8e\xf6\x8d%\xd0\xca\xb7a\x94\xbd\xd1\xeb\xc9\xa5\x18\x95\x80]o\x05\x06\x80t\x87i\xe5\x0erE\xbc4\xdd\xca\xbf,\xa1\xac}|M\xa0\n\xf3\xcd9\xa41\xfe\x01\xf3MF\xd2\xbd@\x84\xecZC%\x97\xde\xb4\xce\x99ck\xadEG\xf3p\xff\xf2\xd1\xf0\xcf\xe7y\xde\xa9\xae/\x170</t>
        </is>
      </c>
      <c r="E722" t="inlineStr">
        <is>
          <t>&lt;class 'numpy.ndarray'&gt;</t>
        </is>
      </c>
    </row>
    <row r="723">
      <c r="A723" s="1" t="n">
        <v>721</v>
      </c>
      <c r="B723" t="inlineStr">
        <is>
          <t>steps_per_sec</t>
        </is>
      </c>
      <c r="C723" t="n">
        <v>8100</v>
      </c>
      <c r="D723" t="inlineStr">
        <is>
          <t>2.551002</t>
        </is>
      </c>
      <c r="E723" t="inlineStr">
        <is>
          <t>&lt;class 'numpy.ndarray'&gt;</t>
        </is>
      </c>
    </row>
    <row r="724">
      <c r="A724" s="1" t="n">
        <v>722</v>
      </c>
      <c r="B724" t="inlineStr">
        <is>
          <t>Loss/RPNLoss/localization_loss</t>
        </is>
      </c>
      <c r="C724" t="n">
        <v>8100</v>
      </c>
      <c r="D724" t="inlineStr">
        <is>
          <t>0.04655734</t>
        </is>
      </c>
      <c r="E724" t="inlineStr">
        <is>
          <t>&lt;class 'numpy.ndarray'&gt;</t>
        </is>
      </c>
    </row>
    <row r="725">
      <c r="A725" s="1" t="n">
        <v>723</v>
      </c>
      <c r="B725" t="inlineStr">
        <is>
          <t>Loss/RPNLoss/objectness_loss</t>
        </is>
      </c>
      <c r="C725" t="n">
        <v>8100</v>
      </c>
      <c r="D725" t="inlineStr">
        <is>
          <t>0.007847382</t>
        </is>
      </c>
      <c r="E725" t="inlineStr">
        <is>
          <t>&lt;class 'numpy.ndarray'&gt;</t>
        </is>
      </c>
    </row>
    <row r="726">
      <c r="A726" s="1" t="n">
        <v>724</v>
      </c>
      <c r="B726" t="inlineStr">
        <is>
          <t>Loss/BoxClassifierLoss/localization_loss</t>
        </is>
      </c>
      <c r="C726" t="n">
        <v>8100</v>
      </c>
      <c r="D726" t="inlineStr">
        <is>
          <t>0.07153197</t>
        </is>
      </c>
      <c r="E726" t="inlineStr">
        <is>
          <t>&lt;class 'numpy.ndarray'&gt;</t>
        </is>
      </c>
    </row>
    <row r="727">
      <c r="A727" s="1" t="n">
        <v>725</v>
      </c>
      <c r="B727" t="inlineStr">
        <is>
          <t>Loss/BoxClassifierLoss/classification_loss</t>
        </is>
      </c>
      <c r="C727" t="n">
        <v>8100</v>
      </c>
      <c r="D727" t="inlineStr">
        <is>
          <t>0.07866667</t>
        </is>
      </c>
      <c r="E727" t="inlineStr">
        <is>
          <t>&lt;class 'numpy.ndarray'&gt;</t>
        </is>
      </c>
    </row>
    <row r="728">
      <c r="A728" s="1" t="n">
        <v>726</v>
      </c>
      <c r="B728" t="inlineStr">
        <is>
          <t>Loss/regularization_loss</t>
        </is>
      </c>
      <c r="C728" t="n">
        <v>8100</v>
      </c>
      <c r="D728" t="inlineStr">
        <is>
          <t>0.0</t>
        </is>
      </c>
      <c r="E728" t="inlineStr">
        <is>
          <t>&lt;class 'numpy.ndarray'&gt;</t>
        </is>
      </c>
    </row>
    <row r="729">
      <c r="A729" s="1" t="n">
        <v>727</v>
      </c>
      <c r="B729" t="inlineStr">
        <is>
          <t>Loss/total_loss</t>
        </is>
      </c>
      <c r="C729" t="n">
        <v>8100</v>
      </c>
      <c r="D729" t="inlineStr">
        <is>
          <t>0.20460336</t>
        </is>
      </c>
      <c r="E729" t="inlineStr">
        <is>
          <t>&lt;class 'numpy.ndarray'&gt;</t>
        </is>
      </c>
    </row>
    <row r="730">
      <c r="A730" s="1" t="n">
        <v>728</v>
      </c>
      <c r="B730" t="inlineStr">
        <is>
          <t>learning_rate</t>
        </is>
      </c>
      <c r="C730" t="n">
        <v>8100</v>
      </c>
      <c r="D730" t="inlineStr">
        <is>
          <t>0.039618824</t>
        </is>
      </c>
      <c r="E730" t="inlineStr">
        <is>
          <t>&lt;class 'numpy.ndarray'&gt;</t>
        </is>
      </c>
    </row>
    <row r="731">
      <c r="A731" s="1" t="n">
        <v>729</v>
      </c>
      <c r="B731" t="inlineStr">
        <is>
          <t>train_input_images</t>
        </is>
      </c>
      <c r="C731" t="n">
        <v>8100</v>
      </c>
      <c r="D731" t="inlineStr">
        <is>
          <t>[b'1024' b'1024'
 b'\x89PNG\r\n\x1a\n\x00\x00\x00\rIHDR\x00\x00\x04\x00\x00\x00\x04\x00\x08\x02\x00\x00\x00\xf0\x7f\xbc\xd4\x00\x00 \x00IDATx\x9c\xec\xbdy\xfc\xbf_9\xe0\x7f\x9d\xaf&amp;\xa5b\x86\x16\xb2\xcd K*T\x12\xb2%\xcc\xf0\x0b\x91V&amp;\xdb`,\x93m\x88H\xc6\xf8\xa5\x18KH&amp;\t\xbf2L\x96\x89L\x0ccI\x8961I\xc8\xbe%\xb2\x96\xa2\xd1\xf5\xfb\xe3\xbe\xefs\x9f\xe5:\xe7\\g\xbd\xcf\xfdz]\xcfG}\xbe\xaf\xf7\xebu\xceu]\xe7:\xdbu\xce}\xee\xfb\x06\x10\x04A\x98\x15DDD\xe3#\x1el\x90PH\xc7\x8a[\x1b\x86\xd76\xa4\xc1P\xdc\x95\x97\xac\xd8ohR*D\x98\x11\xa9SA\x10\x04a\x10\x12IL\xcaL5\x12m!\xbf5\xd4\x94\x8b`\xf3ga\x15#\xe2G\xd6I\x10&amp;D\x86\xe2&amp;L\xd5/\xd4\xd1\x06\x08\x82 \x04\xd1\xf3\x8dR2X\t!\x96F"-\xa4\t{\x8c\xa7\x14\x94z\x15\xa5:\xe6\x02\x11\xd2Ch\xa2\xd6\x10Q\x010\xe4\x08aX\x15!\x08\x82 \x08\x820\x94m\xa3\xb7j\xabRg\xfc\xb4y\xf6;\xaf\x9a\xc3w\xee\xc7\xed|#\xc8i%A\x10\x04A\x10\xc6\xf2\x96\xa7\x8f&lt;\xda\xd9/q\x98\x00\x00KC\xe8(\x9a\x10.\xadN\x10\x04\xe1|\xf4\x1d\xbbC\xf7\x8c\nB\x13\xa6:\xe6\x1bf\x98\x85\xf3\xbb\xe2\x1a\xb8\xc3\xd1\x06\xf4B\x16\x99\x82 \x08\x17Bt@/\x18\xe8?\x9b\x94\x7f\x19s\x86}\xbff\xa7;/#b\xd1L\xd4Z\xefY9\x89+Na\xa4P\xc9w\xad\xfd7\xd8&amp;oz\x92\xe6\x1a\xe1\xec\xf6\x0b\x82 \x08VtN\\\xd5-\np\x89\xf4\xe7\x9f\xf34\x88\x88\xdf\x84\xfb\xb1\xd7&gt;E\x0b\xc8\xdct]\xcc\x82\xaa\x11\xe2\na\x0e\xe4\x91\xacB\x18\xb9\x19Y\x10\x84Y0g)\xeaq\x13\xeb\xefJ\xc1\xf6!1\x82-\x19\xbcd\x17\xfc\xd0\x989\x9f\xbe2\xa7U\x17@\xa9c\xb7\x9e&amp;\x0f\xd7\xbal\xac\x11\xf5B\xeb\x1a\x11/\xb5h\xbd\xb9\xe1h\x03\x04A\x10\x00\xbc]\xf9\xa7\x12I\xd4\x96\x12\x94R\x9cA\x9fJ\xb6\xc4L\x97:a\xccY\xae&gt;V\xfd\x13B\xd6\xee\xe6aG\xf3\x7f\xbf\xdb\xfek\xa1ce7\xf8:\xb8\xfcz\x96+\x1b\x85 \xc2W\x8b\xeb\x04A\x98\x06\xf38{\xe8\xe8\x8e\x8c\xf8\x82&amp;\xe7x\x83\x93,\xbf\x15ulx\xf8Nc[\xb5\x1c\x0b\xb9h\xac\x83y\x97]\xd1\x97]\xba\x8e\x88\xd3\x04A\x10N\x8b\xcc|\x00\xcb\xa21\xed\x07\'\x0c*s\xdd\x07\xe6ga\x11\xbe\xe9\xa5\x87\x16\xe1\xe2y\xc8\xf2\x9f+Y\x00\\\xc3\x85\x0eA\x10\x04AX\xe1\xcd\xeb25\xae8\xbe\x9a+$z\xd7PU\xb64\xf2\xb2\x03A\x81`\x8a\xe8\xff\xe3\x0e\xd5~\x1c\xb22\x11\x04A\xc8b\x82\x19\xebD\x88\xa3\xf8&lt;\xe0h\x03\x8aA\xdeU\x0e\x0e7k!D\x10\x84\x04riB\x10\x04!\x0fY\x00\x08\x82C$\x98\xc8\xeb/\xd2\xb3\x04\xa1?c\x0e\xf5\xd53\xe7##\x04A\x10\x8a\x91\x87N^\x0fW_\xd7\x88\xc8{\xc2\xe3\xfaH\\\xf0\x9f\xae+\x08BS\xf6\xc7\xec\xc2\xcc\x03\x94&lt;\x06T\x10\x84\xcbb\xf6m\x17\xa1\x11\x93]+:\xc6\x9a\xdch^\xa2\x7fA\xe8\x8d\xf42A\x10\x84\x02\xe4\x14\x90\xc0bi\'\xcf\x97\xa6\x92\xe6\x90\xa7\xc1HG\x16.\x0bi\xcc\x82 \x08\x1dq#\x95\xb3\x9c\xa7\xbc\x0cN\x18\xb4\x9d\xcb\xdab\xaa\x8a\x19]\x00\xe0\xf6\xc4\x92\xb7\xacQ\x11R\xdaV\xa6`#\xee\x15\x04A\x10.\x05r\x01\xf0&amp;\x12I\x08\xd5\\sHJ\x17|\x8a\'E\n\x85\x04\xebNvL\x04\x06rPI\x10\x84\xa9Yo^\x9c\xfbn*\xe1\x14\xe8h\x89s\xd7\xec5 \x0e95\x88H\r\x8c\x88(w{\x0bi\xe4&amp;`A\x10NAx2\x93\xfdK\x81\x87RJ\xa9k\x8c\x8bd\x9b\xff"QJQ\x03\xe3K\x0f0\xe5\x18\xa4I\x0b\x82 \\,\xe9#\n\x12\xd9\x08Br\x19Lt\x93\xe7\xca\xf9\x9f\x13\x13\xa98\xa9SA\x10\x04\xe1\xecH\x80"\x08I\x98\xaf\n\xbeS*\x81\xbc*\xf8\x0c\xc8\x9d\x1bB\x0b\xae\xefR\xa8 \x08\x13\xc1y\x91\xd3\xa5\xbe\xec\xe9R\xcb%\x8cG\xda\xd2\x95\x80\x80\xfb\xc1\x17\xb9sC\xa8A\xee\x01\x10\x04\xe1\x18\xc2O\xb0\xd8\xf6\xb7\xba&gt;\xcb\x02\x99\x9b\xa6\x1b\xcf\n$.\xdf\x87\x93\xc9\xbb\x0cy\xc2\x89\x8f\xb4\xa5+A\xe9\xaa\x96\xe8_\x10\x04A8\'\xe4\n\x00]\xbaE{\\\xc9\xcbR$t\xc1}3\xf2\xbd$*\x1d\x82D\xff\x1c\xe4\x88\xc8%s\x13\xa9Y9\x1a\xda\x02YA\n\x82p\x08\x81C\x0b\xde\xb8^\xb4\xd1\xb5Ji\xb2If&lt;*\x11l\x9bw[O\xfa\x94\xd2\xed\x11\xab\xe7\xb3\\\x88`\xf6!\xa9\\\xe1\xa2\x91\xc3o\xe5\xc8\x11 A\x10\xc6\x83\xad\xb7q\x83\xdb\xf3\xf5\xa2u\x08e\n\xf36Xe\x12:5\xb2\x9b(\\*\x97\xdd\xb6\'\x19xO\xe9dY\x00\x08\x820\x1e\x05J\xd1\xa7\x14\xec\r\xcb\xd2\xed\xcbt\xb6\xca\xf3E\xca\x02z\x1eU\xea\x88R\x97\xb6C\\z\xf4E\x9d\xb1\xfa\x92\\X\xe5\xb2\xb9\xc0\xaa,G\x9c1\x02\xbdI\xd4o"xEs\x897j.Q\x10\x04\x81\x83R\xf4\r\xb4J\xa9\xae\x17v\x11Q\xdd#\xa8\xbd\x08\xb5\xbe}\xf3|\xe1\xd6\xf9,\xe6Q\xd6~.\xe18\x01"\x16\xc4\xfd\x81w\xca\x9e\x94\xcb(E\x1b.\xa1M\xf7\xa4\xac\xbfD\xe9\xe1\xef\x93\xce/\x82 \x08#\xf8\x12\xf3\x0f\xe3\x1e\xe2\x060D\xc9Mi\xd3p\xc5\x15Q|]k{\xe8\x96 \\\x17\xd7&lt;n\xcb\x82B\x10\x84K\xc0\xda\xc24\x06\xf5\x8a\xdd\x1d\x04\\\x0f!\xc9\xcd\xb2\xc2\xecXm\x1edr\x17\x04!\x8e\xdc\x03 \x08\xc2\x08"\x1b\x93\xadn\xd5u" (\xbf\x85`\xcdm\xc8Q\x12\xfd\x0b\xd3\xe2]~R\xce\xcf#\x8d\x11\x04\xe1\x14\xc8\x02@\x10\x84A\xc4\xe2\x90\x87\xb6|\\\x0f\xec!\xbbD\xed\xc2u\xe1\xaeT\x97\x95\xf7\xd5\xad\x01\xae\xad\xbc \xa7\x10C\x9c\xf4\t\r\x03\x90\x9b\x80\x05A\x18\tqO\xda\x95m\xae/S\x912&gt;\x08B\x15\xe1\x1e\xd47$\xecp\x03e\x1b\xae\xf0\x8e\xc9\xa5\xa6\xa7\xad\x91\xe3@X\x9dsI\xb7\xb9\xb7A\xae\x00\x08\x820\x8e\xab\xdf\xa2\xc2\xf5U\xb6\x98\x11\xfd\xcb\xc6\x9eP\x8c2\xfem/|\xd6Xs\x8c]\x1f;\xcf\xeb\x96\'1cF\x94\xd1\x05&amp;m\xaeG!\xee\x10\x04a\x04\xc6\xfbt\xaft\xd8\x91;\x89\x05\xa1\x03\xc7=\xe8\x12\x11\x0f\xbe\xe5z}:\xa4\xf1J\xf2\xc9\x87\x97\xad\xb2\x10!\xdfor}\xa3-r\x05@\x10\x84\xc3h\xfb\xb0\xce\x99\xf8m\xff+\xb9\x93X(\xc6\xef&amp;\x97\xd5q:\x17\xa4\x93\xa3\x0e\xbf\xd1\x08\x8d\x7fO\x10\xfd\xafGq\x8c\xffg\xe5\xdd2\xbc\x9f&lt;\xb2V\x10\x04\xe1&lt;\xd0\xf1J\xfd\x02`\xbe\x99\xe0\xb2"3a\n\xfc\xa52\xbb\x99\xcd\xdf\x14+-df\x9f\xdf\x0f\x15\x9cd\xc0Y_7\xf1\xfdE#\xe4\xf6\xaa\n\x19`\x05A\x10NE`\xc8\xae|D\xc3\x84Ox\x90\xf9\xe9\n\xe9]\xe9\xa5o\xf8\xba\x82\xa6\xf8\x97\x97^@\x16gq\xc2+\xb76Yl\xf0\xa5^4\x16\x04A\x10X\xa0\xc9\xd1\xc6\xf8\xf1\xd9\xf1&amp;\tc\xa9\x0ck2\xf4\x00\xbcCV\x86^\x96\x9c\x9f`\x95}\x14\x9a\x03\xccY\xf6\xd7\xaf\x81y\xc6|A\x10\x04\xe1\x08\xac\xf8\x7f\x8a\xc9`\x1eK\x04\x92\x01\x9b\xf4\xfd\x84\x9bZn+\xcd\xac\x11\x8c&amp;\xf1\rC\xaau\xfce\xcc\xf36\xa1\x89\xc6|A\x10\x04a(S\xc5\xfd\x17\xc6}.\xd7\xab\x05\xbb\xb9\x99\xcd\xecb]w\xb9\xcc0\x8c\xdct\xf89\xc6G\x9f\xb9\xad&gt;W\x06\x7fA\x10\x84\xab\xe5\xbb\x9b\xcc\x012\x8b8\xbc\x84^Y]\x88\x97\x8a\xda\xcc\x85\x94}Z$\x98\x1bO\xbf\xf5F\xdf\xaa\\W\xefmv\x7f\xa4\xd5\t\x82 \xccMj\x98FD\x80;\x14\t\x96\xd3\xbd\xe0\xc7\x01\x12\x90\xd50\xcau\x97SA\xd2\xde\xc6\xd3\xc9\xe1\xbd/\xcc\xda\xa7&gt;k\x9f\x1c%\xadN\x10\x04an\x1a\x0f\xd3\x88\x88_\xb5\xc8l\xb9\x00`M\'\x12\xeb\\&amp;V\x9d\x8e\xb8\t\xf8\xe2Z\xd1i\x8bsi\x15\xc1$\xf8&lt;\xb7\x92!\xeeo\x96,\xbf\x94\xd6\x1a\\\x00\x14\x8c\xe4\x97\xd7\x89\x04A\x10\x848\xc6T\xd1\xeaR8s\xda\x93\x05\xc0)\xc8\xac#7\x16il\r\xa9OZ\xd1\x08\x9e5D\xcb\xc9\xaa2\x1c\xe5\x97\xef\xcd\xf3\xc2\xf7e\xacFD\xfc\xb7\xd4\x1b\xf1\xa4S\x08\x82 \\\x0b\x15#~\xf3\x87u\xb2&amp;?\x99\xa5\xe0\x12\x8f\xde\xbe\xb5\xb1\x9e\x1cS\xbaV\x0bWA\xc8\x87\x18\xe8*O\xe6 \xe2\xcf\xa7\x9b\xf4#\x96\xb4\x00?E\x1aT\xa07\x1f\xe9t\x82 \x08\xc7\xf3\xcb\x93\xc5\xd3\xb2\x0b\xc5\xe4b]42\x10\xb9\x80\x96f\xba\xeb\x02\x8ase\xec\xf5U\x19\xfd\x83\xbe\x02P\xba\xac-R\xcd\xc9\xf2\xe2\xfc,\'\xe3FG\x1b \x08\x82P\xc0{\xcc\x15J\xced\xcb\xdc\xa8\xa3\r8?\xd2\xd8\x04\x83%0UjX\xcfBDX\xb45\x8b\x89\x95\xf5\x1fRi\xe4W\xf5\x17y\xda\x92Vo.\xcd\xc8rFn8\xda\x00A\x10\xae\x89\xc3\xc7\xd1u\xbb\x08\xa1\xed\xbe\xa3\xd2\xff\x08\x97\x08c{r\\\x046.\xd4\xeb\x88Rj\xf3\xd8\xd1cB\x90i\r\x03\xd36E}9\x9e\xe2\xf6\xaf\x14\x00\xa8\xc8\xf0\xb9\x8c\xd9\x81\x93o\x08\x00p\xcb\x0cu\x9ca\xdfh\x9c\x97\x8c,\x00\x04A\x18\xc6\xfa\x18g\xfarj\xde\x95\xdc\xd2\xcb\xcd\xc6\x7f\x9a\x0e\xf1J)eFfr"\xe8\x92@`\xb5\xb8aA\x03\xa1\xe8\xc4\x8dm\xde`k\xeb\xc5?{\xb4!&gt;\x86\xc7\xf6hu\x8c\x1b\x89\xfa\xeaU\x83\xdfn\x8d\xa2\xd4\xa4\x01\x00\xf0&gt;]t\xbb\xcc\xdaH\x05A\x10\xa6\xc7:-J\xc6+?\xc7\rb\x8aO\x9d\xb6\x8a\xcb\xe5\x96_a\x1e*\x0fa\x0b\x11\x0e\xf1jp\x84\x9c\x91nv"\x01\x99$\xcb\x86\xa2\xce\xf2#\xe7\xa9\x0eA\x10\x84)i\x17\xa6\x1c\x19\xf1p\xa7\x90\x07^\xea=\x8e\x17V\x9c\xd3#\x0b\x80K\xe3\x1a\xab2\xf6h\xd1\xady?\xa5\x81\x9a\xcc\xce"\x9dK\x10\x04aB\x8e\xd9\x9c\x93)A\x10N\x0e\xf1\x1c\x9b\x11Z\x07\xbf6\xee\xcc$\xb7\xff\xeb\xa5r\xaa`Iyo\x19\xed\x05A\x10\xe6!0%\x98#\xfb\xe3 \xf3bzr\x9a\xd9\'\x8f\x17\xcb\xe3\xd8\x85\xeb\xe1b\x9bz\xfb\x05\xc0\xdd.\xd6W#\xf1\xa2\xff\x16^\xf5\x17\x15\xbc\x01\xbf\x81j\x86m#\xb4\x18\xc8M\r\x82 \x9c\x0f\xdc\x1f\xd3\xe6\x0eb\xa1\xc1\x9ay\x9b\x1a"*uk\x80?\x8f\xab\xce\x92yyl\xfeW\xe4\x9f\xc2%\x12{\x0e\xe3L `\xf6\r\x9bk\x03\x06\xb9\xd3\xb3\x01z\x84\xe4\r\x08\x91ve\x8d\xe5\xad\x86\x17r\x828|\xec:d\x08\x95\xa7\x00\t\x82p^\x88\xe1\xb2r\x08UJE\xa2\xffr\xacm$\x84o\xce\xb8\xfa\xdc\xde\x98\xd6\x1c&gt;}\n\xc2\x02b\xc9Fq\xd7\xc7\x91\x9e\xa5\x17\xb7"\xf3\xb1\xa4\n\x9e\x9f|\xc0.w-Qv\xa1\xa0\xf7\xf0\xd5\xec\xf2\x85 \x08\x82\x90\x04\xb7\x87\x8d\xb6\xbc|\xbc\n.9\x93\xea\x9fg\xbd\xaa\x98\x80\xc1\xa7\x1cm\x80p\t\xf0{\x96\x9d\xb2G\x97\\\xa4}\xf9Uv\xf6\xc3\xee\xceJ\xaa\xce:\xff3\xcc\xaa%ioc\x04A\x10\x0e 9\x0b\x9eb\x9b\xc4\x9b&lt;\xf8S\x88,\x00.\x83\xa3*N\x1a\x0c\x13\xb6\x97\xec\x01\xa7\x9f{\xc3\x9d]*\xb41Yk?D\x04\xf8\xcd\xde\xf6d\xb6\xab\xd2\xf7\xdb\xc8\xe0 \x08\xc2\xb4\xb0\x86\xc2uJ\x9ep,C nJ{a\xee\xf3\xa7\xbb\x99W\x89\x04\x97\x19\x1c\xb2R\x95\x15\xe3\xe5!\x15z\x1d\x8c\xa9\xe5\xfb\x0c\xd1"\x08\x82P\x00"\xbc\x03s\x01\xf0\xc0&gt;\x17C\xab\xe3\xb63\\\xa3\xc8G.G\x9c\x82k\xae\xa0K-\xfb\xa1\xe5\x92^?\x12q\xb5 \x08\xd7K\xfa\xc0evx\x9d\x15\xb9^I\x98{\x8a\x93TW\xccU4\xc2\x86 "\xfcI\x8d\xc7\xc4\xdb4\x17q\x10\xf14\xc6\x9f\xdc\xcf\x82 \x08U\xb4\x9fl\n\x16\x00\x13\x0e\xc4\x95\x869\x11\x7f\x9e\x9c\xdf\x90\xe3\xec\x17\xc4\x05z\xb5\xae\xcf\xfe\xa5\xb4\xb4\x08x\xe0%\xcd9\x87bA\x10\x04\xe1\x02\x99v\x01P\x19\xe5T\x95\xe8 oT\x94w\xc2\xea\xab#\xc3\x0f\x17Wv\x06\x95]\x03\x11\x9f=c\x9779lPBD\x80\xcf?F\xf1\xbc\xa3qc\xae\xa4\x98\x82 \x08B\x11\xbfv\xbe \xbe\x06Y\x00\x08\x06\x89\x87\x83\xd9M\x85\xfb\xd0-#\xef\xe4m\xe6\x14F\xb6\x04\x87,\x00&amp;\t\xbbg^\x00\xdc\xe8h\x03\x04A\x10\xfa\x82\x88\xe4;\x83\xe7\x00\x97W\x97\x02b\xe1\xfbh\xa6~\t\x17\xb6v\xbb\xea \xf3\xcc \xe21/b\xbb\x01\xe0\xf5M\x04!\xc2\x12\xfe\x92\xa5PJ\x15\xc5O*\xf0yB\xae\xf75z]\xcb=\x8fW\xa7\xad`y\x13\xb0 \x08\x97\x0f"\xa0~r\xff\\O\x1aU\x86)\xb7=\xce\x8cN\xd03\x9fR\xaa|R\xdc\xe2E\x01\x00@\x1d\x15\xde\xb6\x89\xfe9\xd8Me\xd2X\xaa\x82W\x1fm\xc0h\xd4[\xeaO}\xf5\x94fl9AL\x1b\xfd\x0b\x82 \\\x07\x88\xf6u\xe7\x99"\xc8\x9f\xbd\x96\xe3\xb0\xc2E\xf0\x98\xb6\xe2\xba\x9d\x06)\xec\xe9\xc6\x101\xa6K^V\xc7/y\r\xf3\x05\xd3\xbeU\x9f\xf1\xcc\xa7 \x08BW\x12\x13\xf6\x98\x83\xa7\xe5\xcc\xb6,\x11.\x8ay\x9bV\xa75yqO7\x8c\x99{\xc483\xfdwa.\xb7\xca\x9e(3\x85 \x08\x82M|\x9e\x9e{\x01\xa0f5l$W^\xfc+\xa5S\xcbo"v\xe2\x11C\x88r\xd1U\xf6={\x9b\xbc\xe4b\n\x82 4\xa3\xf1t\xbe\x88zEHZ\x96\x16\x893\x84+%\xbf\xe5\xf3\x12\xcb%\xb5\xab\xa6\xf2\xe5qgi9r"H\x10\x84\x130\xc5\xa8\xda\xf0\xd23uI\x01\x97[\x8d\xf3o6\x90\x05\x00\xcc\xd0&lt;\xae\x909Z]\x87\x05\x80\x9f\xed\xf4]l\x8a!4\x8b\xef\x1d\xef\xf3m\x04\xae\x10p\xf6v"\x08\x820\x1b\xd1\x80x\x1bv\x7f\xb8\xb7\x11\x00\xf8F\x8d\xc6wo\r\x80\xe6\x03\xc83\'\x92\xeb\x9er\xe4\xacE%\x0c\xd7\x91\xee\xbd\x0e\xb7cQ\x97\x1cOt\xd7\xe0\xbb&amp;7\xde\xe5\x08\x87\x1b\xb5\x8c\x08\xf07\x03U\x0b\x82 \x08e\xf4\x9f\xa1\x1fa\x85\x01M\xb5\x10\xd2\x10\x11\xe1\xcb\xce4a\xdb\x0c\xb5\xdc\x9e\xb6\x85&lt;x\xed\x99\xbe*5}L\xdc\x883,\x00&amp;7/\x07\'\x10?B\xb1\x0c&amp;)\xe4\x01\xa5\x82 L\xc5:\x036\x7f|\xb2?\xb3N\xfcv\xb0\x190\xdf\xb7\xd5\xf1\xdd[T\xbd\\O\xa5\xb4q\xec\xe2C\x05\xf1\xb7\x1f!\xa2\xfe\xfdz&lt;\xbc\x83\x88\xcaX\xfdH\xf7\xefF\xf9\x18\x8e\xd5/m4\xc7\x93k\x1aIJ\x90\x17\x81\t\x820\x15\xdb\x98\xfd\x12\x04@\xf8\x98\xc8\x96X\xc6\x89\xd8\x80\x90&amp;\xd3\xc3\xc3[\x08\x99\x10\xc39\xf2\xee\xad\x0c2\x1ce\xbc\x9f.\x94\x80\xb5\x8b\xb9\xbeW-\x11\xee\xac\x89\xf8\xcd~\xc4n\xf4\xc0mZ\xa5\x94\xe9"\xf3n\x9d1\x06\\\x07:\xfa/\x16\x00\x00\x1f[i\x84\xfa7\x12\xfd\'\x91f/\x08\xc2\x89\xc9x\xe9\x8cC\x8b\xe1\xef\xaa\xa2\x87\xbe\xc5lZ/\x87\xc3.\xc2\x17\'\x9a\xd0\xa58\x84\xc4|3\xf7(\x95\x01.\xd7\xc9\x839\xc19+\x01\x00\x00~G\xeaH\x10\x84\xcb\xa7\xdb\x9cd\x1d6\xf5Td\xed\x04\x9fq,\x0e\xd8\\\xfa\xf6\xa5Qq\xc3l\xaeN\xdc\x19?\xd2\x94\x91\x1c\x12&amp;\x86\x16\x00\xad-\xb9\xd8ZK"\xd1\xff\xdc,\xa3\xcd=*\x1f\x94$\x08\x82 \xc0\xb2\x91\xa9\x97\x01\xfb\xb7\xfb7\xd7\xb5\xbfX\xbc\xa5:`B\xf2\xabi2\xaeh\xf7t\xaa\xe8\xff\xdc&gt;\xbf\xdf\x99\x8d\x17\x06b4\xf5\x93\xb7yA\x10NE\xfb\x11g\xe6\x99\xfbr\xc2\x8b\\\x9eW\xb8\x00\xe8\x0f\xb1N\x1b\xaa8\xa5\xd7H\x86\xf0\x01s\xfapF\xb8\xbd\x0c\xddG\xf4^@\x0f=\xb5\xf1\xc2\x81 \xa2\xdc$!\x08\xc2\x18\x101\xf9\xa0\x92|\x89\xb3&gt;\xea\xc1\x99\x95\xfb\x1b\xd9\xf1A=\x97\xc2m\x10_\xde\xb6\x052\xd1\x8d!\xdd\x0c\xecv3g\xdb\x9e\n2\xfc\r\xfb-\x18-\x9f\xf6\xa1@Ky\xceh\xb9p0\xd2h\x04A\x18\xc4\xcc\xf1z\x07\xacPc\xc8\x02\x00dH\x9f\x93\xad\xe5\x03\xb3\x822\x16\x0cWO(\xa2\']\x17\xd9,?\xed\x02\xe0\xdc \xa2z\x15\xc0-\xc4\xf3\x07 \x8f\x01\x15\x04A`\x91y\xb2e\x9f\xd2f\n\xe3f&gt;-0\xb3mU(\xa5\x1f\xc1\xc9M\xdf\xd5\x9ek\xc0\x8c\xf5\xd7\xcf\x89\xa32q\x9f_l\xe3&lt;\x90\xa5^\xf0\xe6G\xdbq\xad\xc8\x02@\x10\x841\xac3(\xb9\tw\xc8\xc9\xec(h\xfck|\x9bc\xa3\xdahfTT[2\xbe\x9c\xfc\xb4p\xd9\xd3\x83\x9a\x9b1\t\x03[\xce\xf1\xd4\xb4K\x8e\x93VOr\xfd\xe9\x1b3u\xc79-\xef}\xb4\x01\xd7\x8e,\x00\x04A\x18Az\x06\xfd\xa1\x11f\xb0Q9\xb3\xfey\xa3\x83\xb2g\xf5t)on\xbc+A\xd9l|uY\x8d\xd4\xd6c\xec\xe5\xc7\xf6\x9f\xbf\x98%p\xdd\x95x2\xdeY\x1aZ\x17\x9e3V\xdd\xb4\x0f\'\x10\x04A\xb8h\xf6\xa7mt\x8d\xdb\xbe\xba\xe3\x10\x1f\x9c?\xf8\x0b\x85C\x1f&lt;\xe2)\xfd\x8f\xa7~D\xe9\x8fM\xb0\x00\x90g\xb0\x98\xe4\xb8\xa2e4\xc6}\xb0O(]\xa2?J\xfd2(\xed\x05\xc3z\xd0Q\xa3\xee\xcc\\\xcb\x15FA\x10\x8ee\xc0}\x8d\xe6\xe0\xdeMK\xd5\xc3v\x86?\x1aH\xe8\xc1o\x03\xbc\xfd\xf2\t\x97G\xe9\x9d\xa7\x1e\x11q\x82\xbb]\xf7~\xd0\xa4\x0b\xf0\xef\x03F\xc4\xfdK/\x9b\xf4\xc7\x8bey\x02\x1d\x9e\xa9\xab\x0e@\x8e\x00\t\x820\x82\xfe\x07\xe2\xed\xd9&lt;\xb0\xbf\xf8\xef;\x9e7X\xd4\xc66\x99\xd4\xf7\xb8\x89e\x7f\xf1\x84\xbc\xbd\xfe\xa4\x94:]Hq\xf8\x1eh\xf3\xd7\x818\x7f/\xc3\x0cY-\xcaN\xd7\xd6\x0ea^\x96[\xf0\xa5\xc6m\xc4\x1d\x82 \\\x08h=l\x11\xcd\xfd\x9em\xa7V\xef\xe0\xf7\xbd\n\x91\xdcd\x1dr\xb1\xe2\xcaA\xb3\xbe\x85\x85\xad}\x1e\xec\x13\xe3z\xe0\xba\x1e(4\t\x11\x94{\xbb\x0eS\x94\\\x8e\x13\xae\x1c\xb9\x02 \x08\xc2\x85\xb0]`\xd8\x82\xfe\xed\x9fe\xa6\xc7e\xebQ)\x80\x17\xda\xf9\x0e\xd8\x11U\x06\xe3\xb5_\x04\xccZ\xe3\xdf!Z\xafk~&gt;\x12\xe6\xd8\xf86\x9a}\xdd\x11*\x05\x17T;\xc2\xb98}\xc3\x9b`$\x10\x04AhM\xf8X\xf0+\x00n3\xd8\x18\x06\xe7\xda\xa8&gt;\x97\xb5\x100\xb8w)\xb0\xf5\x99\xe3\x98\xc1\xb1\x83g\xdb\xaax\x92\xed\xfff\x04\xca\xcc)\xa0l\xff\x0bU\xe0\xb2\x9bt\xeefsn\xeb\x05A\x10H\xc2\x0b\x00h7\xee\xe9\x80\xac&gt;\x94D\xc4\xd3O\'\x82\xc9\x80\xbb\xde\x1dE\x11\xf6sq\x00\x174\xef\xafE_."p\x8f\xd5\xc9\xbd\xbfB_N\xb3?r\xa3\xa3\r\x10\x04A\x18\xc4\x93\x01\x1a\x0f\xcd\xcb\xc3%\x1a\xa0\xd4\xfaD\xces\xcc\x1c\xc2$\x90\xd1\xff\x12\xd0\x9a\xbf,\x87\xe08\xab\xdfS=\xd7\xc8\n\xdd\x95R\xdb\x91?\xe3Z\xc7\xdaC\x83O\xfe\x11\xae\x86\x0b[\xfd\n\x82 \x08\x14\x81\xe7|7\x9c\xfd\x1f\xbd\xcal\x19Q\x9c78\xe1=C\xfd\x9a\x9e\xc3=\xe0\xa1\xe3n\xf3\x0e\xa8\xe3=\xed~O|\xfcs\x82\xaa\xa1\x9f\xf3O\x0c\x08\xc7\x1by\xac\r\xd7\xc3\xa8\x86-\x15*\x08\x82p4\xceL\x8f\x88\xf0\xda\xb6\xa3s\xf3E\xc5\xa5\xb1M\xba\xa8\xff&lt;o\xc4cX\xce*B\xef\xb6\xc1\t\xfd\xc9\xc4\xc7T\xc1=\x87jO\xc4\xfd\xb34\xc2}h:u\xd7\x10\x04A\x10\x84y\xd9\xa6\xd8\xc6k\x00\xb8\xafL\xdbA\xfe\xc0\t\xb9\xce\x1c\xe2,\x8dG\xb7\xa2\xc3\xe3\xc8\xac\x80&gt;s\x01\xf0\xec&amp;\x16\x86\xf4\xb7\x16\x9eP9F]\r\xa3\x9cs\xa9\xbb\x15\xfd\x0b\xf5\xe6\x17\xe979\x0e%\x08\xc2\x15\xd1\xfe\x90=\xf2\x1e\xfc\x7f\xcd\xa0\xf9\xfa\xd5\x89\xe1\xd8\xa9\xab\xbb\xea\xe9\xf5\xd5\xe8H\x91\xdf\xf0\x9c\xe02j9\xddM\xb6\xb2\xbb\xe7\xe9\x99Nck\xbf:L\xff\x88g\x9a\xd2f\xc0\xc7)\xde\x9f\xdd\x1ey\x0f\x80 \x08\xd3\xd2|\xdf\xa5\xdf\xfb\xbf.\xe4\xf04Em\xa1N\x15\xd2$\n\xab\xd4\')\xa5\xb6W\x00\x1f\\0#(I_\xdd\xca\xb46(\n\x11\x1f\xcb\xdf\xac\xce\xde\xd5\xbe\xc8\x1e\x94\xe0\xd0\x86\x94t\xf8\x89kd\xbb\x1d\xbcA\x11.rh?\xd3\xc0,\x08\x820\x1bo\x88\xf8Z\xe3\xcfc\x83\xc2\xda\xbdv;XS\xdb\xa3\x15/r\xf7\xcb\xe7\xd8}&gt;d?~\xc7\xdf\xfe7\xbe\xe1&gt;\xfe2ZR\xa4\xafo\x04b\xf9\xb0R:\x03\xa9z\xda]\xf0a\xad\xe2,\x17\xcaNH\xeeu\x00\xf7yA\xee\xb5\xaf3\x11+\xbb\\\x01\x10\x04\xe1Z(8b\x9b&lt;\x9b\xfb\x0f\xc6\xacp\xf4\xfcP\xb9I\xe5\x16\xd2(\xf5\xd1%\x1b\xc2\xb2\xb5\x7f\xb4\x15YX\xd6\xc6\xe3\x13\xafr\xb9b\xb9\n\xc2r\xccl\xea\x91a\xf9\x1bS\x1d\xdc\x1f\xf6\xae\xe1s\xc6\x97\xa7 \xcf\xb1\xe1U+\x93\'\x7f\xd1\\7\x9f&lt;\xfch\x03\x04A\x10\x8e\xe7_\xe5f\xc8\xb99\xaf\xc1\xb5\xe6\xcai\xa3v\xd6A\x9a\xc6\x11\x10\xd7\xc8yf\xd01d\x94\xd7i\x93\xa9&amp;\xfa\xcc@\xb5&amp;t$\xad\xe0\x9a\xcb\xe1\x119\xb6]\x08WU\xd8\x13q-5"+NA\x10.\x8d\xa6W\xed\x03\xc7!\x02i\xeb\x0e\xbcc\xe5\xfb\x80\xabO\x11,\xd7\x8b\xcd"\xe7\x14\xbf1\xed\xef\xd8\xbe\x14p{\xbd\x95\xda\xff\x0e\xd7Q(\xc4\x8c\xd7\xe9!\x07\xa2\x9a(=\xcbY\x9a\xfd\xe0\x16\x9c\xecF\x19\x87\x03\xcf\xceM{r\xec\x14\xc8\x11 A\x10.\x8d\xa6g9r\xe4\xd4\xeaT\x95s\x98~\x19j!\xfbIrm\x89\xf9y0\x170\x9dw\xba\xd6\xa1\xf4?\x0c\xd9%\xd1\x7f\xa6\x8ef\xb4\xeb\xb9g\xda\\\x7f\x9f\xa3\r\xa8\x01\xd7W\x19\x1c\xa3\xdc1\xe5\x10#\x04A\x10\x84\xcb\xe1D\xd1\x83\xcd3\xb6\x13;g4&gt;\xc6\xf0\xea\xd8\x1e\xf6_\xc1\'$\xb2\xef\xefG\xf3~\xfaxD|X8;\xbf}\x06Nu]Z\xf3\xf0\x99\xbf\xa4\xbd\x8e\xd8\xf5\xc55u\x06?\x8f\xb5\xe1\\\xf5%\x08\x82 \xe4p\xc2\x89y\xa5\xf3\\\xf8\xba&gt;b\x93\x0c\x8e0\x10\x06\x86\x14dKCDxX\xd6\x02\x80N,\x0b\x80\xa3\r\tr\xdeA\xc6`\x8a\x165\xcc\x86s\xae\xd9\x04A\x10.\x96\xf6\xa3\xff9F\xf9\x97\x12\xa5\x1e5\x19[w\xa0\xfa\x164V68\xc2x\xc6\xa2k\x90\xc6\xd2\xa2\xc9\x15\x80\x04\xbc\x92\x1ex\xc5\xec"*b\x86q2\xd8\xaa\x1b\x0f\xe3\xd7\xd6\x83\x04A\x10\xe6\xa7\xe4\xf9\x9e=\xec\x18\xca\x04\xf3\x105\x17\xc6^\x88fn\xa1M\xbf\xc4\x9a\xd96\xe0\x86\x8f\xdfz\xbd\x0b\x00\x1ez\xb1\'&gt;\xb94z\xec\xe3H\x0f\x12\x04A8;\x971\x82\xff\xd1\xb1\xea\x91~\xffqz\x01\xb0N\xa22\x8ff\xf08\xf7\x0b^pse\x0b\x00\x04\xf8\xd1\xedC4\xdd\x85\xfb\xe1X\xe6if\x1c\x1b\xf2\xec\xcc^TL\xe1\x07A\x10\x04A8\x8eSE\xa2\xfbM\xba\x87\xd8\xb9\xea\xfdJ}F\x85\xb4!\xed\xc9\x13-\x00Z\xd8\x96\xb7(\xaa\xd3\x95\xc1\xccno\xcf\xdc\xcdl\xa7p\x1b"ys\xbf\xdd\x08\xe7\xf7\x83 \x08\x82 te\x0b\x0bp\x86\xf3K\x01\x10\x00\xe0\x0fV;\x8f\x8a\x98\xf9Q{(\x01)a\xf2\xb0l~\x0bK\xd1\xe5\x1az{\xc9\x95\x80\x88\x00\xf7+\xcb\xda\xe7\x1e\x069Q&amp;\x08\x82 \x9c\x18\xebN\xdfFaY\xd9\x96\xdb! \x1c\x17\x92\x06\x02w\xc2\x0c?M8\xee\x9f\xdf\xedG\x99\xda]\xe3Z\xae3\xd5E\x1f\xbe\xa5m\xd9+\x1f\xd8\x95}\x0b\xf8\xf4u7\xb9y\x82 \\\x1f\xf5\x81\x94\x9eA\x1bZ\xd5\x83S\x18\x19\x87\x0c\x19\xcf\xbb/[\xdf\xea\x0e+;\xf1\xacO\xf4\xff\x8c/\x00\xb6\x94\x9d\x0cl\x1e\xce\x1e\x13\x1fo\x05y\xfb~\xf2\x9d\xaa\xe9\xa4hr\x9a\x0e\xe3\xfb\xb5\xc4"\x7ffg\xf9\xa3\xeb\xae;A\x10\x84\x12\xec\x98\x12\xe1O\x8b\xc6\xeb.\x0fL\x94\xd1|\xc7\x0cP&gt;\xa8\xcb&lt;\xf7\xa4\x0e2\x13\xd4\x04\x943\x87k\xaea\xef\x7fX\xdc\xdc\xda?\xf3\xfa\xbc\x0crm\x06\xf0\xe0\xa3\xedjAvMui-\xd1\xa9!\xde/\xf2\xb6\xff/\xace\n\x82 t\xc7\xdd\x95\x9ca\x0c\xbd\xfa\xdd8\x8a\xde&gt;9\xeen\xda\x9a\xbcS\xb6\x90I\x9a.a\x86\xb5\xda/\x14X#\xc1\x17X$\xa7Y\xbd#"\xbc\xdc\x19\x02\xe7lT\xf9\x8e\x9a\xa0 \xa9\x8e\x80?7\xfb\xb9\x1dA\x10\x84\xcb\xc5\x9d\xfc\xa6`6{\x84.\x18\xf5+\x15\xdd\x05\xaf\x07U\xf5\xac\x0e\x81\xf2\x04\xf5\xee\xc6\xff\xd3\x86\xa4\xf3X\xc5\xb5$\xd9\xd2\x02\t\xe6))\xbc{U\x93(\xccxC\x912A\x10\x843\x11\x18[\xd5\x01\xa6\x08\\\xb6\xfa\xaa~.\xa4R\xba\xa2\x9b\xd7\xf8\xb4a\xdcP\x0c\x0f\xaf_\x04\xbe/a9:\x03\x8a\xf43\xd3\xf9\xb9f4\xdf\xd5&amp;\xc5\xcd9\xfe\xd4XUt\x99\xe5\xadB\xb9\x9e\xc7R\x87\x08\x00\xf1\x86\xa6\x14Y\xaa\x89\xfc\xff\xa2*[\xd4Te\x11\x04A\xb08\xf6\n\x80l\xf3\xcf\xc2\xd4{\x9f|\xac\xbbo\x8f6\xe6\x02\xf1\xb6\xcbi?/\xdf\xf7\xb9Y\xa5\xdd]\xaa\x00d\x81Z\xc8\xbfT\xf8.\xca\x18L\xc4\xed\x0e7:\xda\x00A\x10\xae\x02\xa5\x00p\x1d\xaa\x9b\xec\x0b\n\x15,\xc1\xeb\xfa\xc7\xd0\xeaP\x8br\xa6F\xdc\xf2LJ\xdau\x8b\x97\x15\xb8\xa5x\x1b\xc4\xdf\x97\x8e\x10d\xf1L2\\S\xcb\xb0\xd2\xb2\x85hi-d" \x80R\xf0\xb5\x12v\xe6`T\xbb_\xb9\xce7\x05\xd5\xd4\xb6\xc1\x08\x82 \x08\x13s\xdd{?_\xed~\xf1\xd4\x93\xecD"\xc2o\xcfj\xdee\x1cL\x1f\xcb\xf7\xe77\xb9\xd1\r\xb5\xcf{\x88\x99\x174\x04\r\xed\xa2:\xd7my\xb1\xc3\x11/A\x10\x04aJN:\xe3V\xdbL\xce\x97\xf82+\n\x89==\xe3\xa4~\x1b\xc2\xe5\xba\xa5g\x8d/-\xea\x8f\xe7mTh\xfc\x9b\x95%\x9a\x02\x11&gt;\xd9\x89\xfe\x7f\xa4\xcc\xbe+\x07\x11\xe1v\xcb\xa8u\xdf\x82\xbc\xcbh\xc6\x18\xfa\xac|\xb9\x8a\x04A\x10\x84Y\x18\x18\xc8"\xb6{.^@\xd4\x1eF|eB\x91kL\xee6\xa4,\x00\xae\x8d!5\xde\xea&amp;\x90^7\x93t\xf0\xc0\x1ewJ\x9fj\x8d\xf6\xe7[e\xe5\xe2\x8aF\xb9b \x08\x82\xd0\x91\xfc\x87O\xe7\xee\xd2\r\x19\xc1\x7f\x891\xc1\xd7N\xff\xba\xec\x88/\xcc\x14\x95\x15\xfdo|H\xb6\x859\x16\xc9\xcc:\x19\xe1\x861WM\x15\x04\xd3\xcc\x94_\xd8)F\x97\x05@&gt;\xfa\x82L\xd0c]\xbd\xbam\xa0h\xe1}n7G\xfc\x18i\x12\x82 \\+\xf9\x0b\x80\xeb\x1d1?\xbb8\xa79Y\xde\x97\xef\xc0Om\xe8j\xf7&lt;\x92\xc4C\xe7`\xcej\xca\xb1jmi\xe9\xf4\xbaM\xb6\xb9L\xa1-\x94\x05\x80\t\xc7\xc3\x9c\r\x0b3\xc1\xbf\xed\xf6\xfaB\xdc\xce\x0euX\x03\xb4mo\x82 \x08\xa7B\x86\xbfQ ;\xe6v\x0f\x0eu3\xe9i\xdd$\x0b\xcd8&gt;l\xad\xd4\xfe:3\x8eL\x1f\x9ckU^S\x8e,\x00l\x10\xe0\x8b\x12)\xd8\x0b\x00\xe0\xae\xee*\xe94OI\x93\x10\x04\xe1J\x91-\x90\xc9\xb0g\\\tY\xda\xd1\xe5p\xf9\x18\x0el\x03T\x14\x98m\x0c\x7f\x01\x00-\xdb&lt;q\x07N\x0b\xb1\xd7\xc3\xcb"N{C\xaba\x1c\xee\xd8\xc3\r\xc8C\xde\x04,\x08\xc2,X\x83\xfc\x14\x03\xfa\xd5AF(J%^\xb4)0Yv*\xdb\n\xfc\xd9Q\x01\xe5Qo-\xf0&lt;\x86\xd5\x8b\x91xA\xf6\xb76\x94m*\xdb\xc6\xed\xba\xee\x9d+\xe8\xa2a\x07\xee\xef\xa0\x94\n\xb5\xbd\xd7n\x1f\xd4+@\x9e\xee\x9f\x8b\xf8K\x10\x84\x91,c\xbd;\xf2\xe8)\xd3\x18\xe8Q\x06\xa8\xc1\xf8Q\x95\xbc\xa9\xaa)\xab\x83[zu\x93\xd8L\xe0t\xb8\xad\xd2(kn\xa9\x11q\xc9\xce\xcah*\xce\xaa\xb2%#\x95\x85\x1e\xfd\xae\x13\xa7^K;E\x87&gt;5%\x7f\x87xs\x00hZR\xb9\x02 \x08\xc2\x08\xf4v\xcf\xb6\tJ\xec\xfa\xd8#\xdb\x85\x0f\xe8\xf3!\xd7[z\xa3"{\x99\xc5"\x99\x1d\xe5\x9c\'O\xcc\x10\\\x97Um\xff\xcb%\'K\x85\xbb\xb6*\xfe\x1e\xca\x00\x19\xd6VZ\xf5\x83/wD]\xe2\xa5c\xdc\xa2\x7fA\x10\x84Sb\x1f\xe4u\xc7\xe8s\x06(\x97\x03R\x00|\xbd\x99\xe28\xeb\xae\x14\xce\x91qD\x84\x9f\xbe\xe0\xaaiW\xb4\xcc\xd0P\x8e\xec\x0f\xa0\xc6\xc9\xceTb\x0f\\\x17\x84;&amp;\x0b\x82 \x08B;\x02\x0b\x00\xcd\x9fO\xb3\x00\x98\xc4\x8c!\xf0\x1e[9\xc2\x92*\xe6\x08_fi\xc0\x82I\xabV\xf19\x97\x12%{\xc6\xcb\x02@\x10\x04\xe1\x00\xael\xc0\x8d_\xa59\x9aw\x82\xfc\xc7\xb3l\x89g+K\x88\xb3\xd8i\x82[\x18\x172~kQ\x87\xf6&amp;\t\x9e.\x9a\xcb\x88\x92\x89~\x14\xde\x94\xa9E\x8e\xa3\t\x82 \xd0\xe8\xd16un\x1b\x01\xf71\xfb\xec\xb7\xa3a\xf0\x16\xc63\xa2o\xbb\xcc\xbd\xa7\xfc\xa8{\xd0\xcfz\xef;":\xf7\xd7\xce\xd6\x90\x0c\x0b\xcf\xea\xe4\xcb\x05\x11\xab\x9b\xca6^+8\xebm\xf1\xd4\x8cc\xc5\xfcm{\x93\xdc\x04,\x08\xc2\xc5\xf3\xd5\xd5\x12\xde%\xf2\x1b\xe2\xc9\xb6m\xe3;I\xedoT=\x12}\xdben\x89\x92\xe9;\xedg\x9b\x13\xff\x99\x9a\x95R\xb3\xdf\xe1\xba\xb7\xea\x91~=\xfd\x9etw\xb4{j\xaf\x11\xa9\xed&amp;\xfb\xf3\x0f_F\x9b)\x7f\xe8\x95 \x08\xc2u\xf0\xbb=&amp;\xda~\xd7\x94\x0f&gt;\x0b!\x11\xc9)\x90\x9a\xd2\x1c~\x82\xa8\x08\x94\x05@\x1c\xf48\xe7)\xb8FP\xa7}\xfa\x9dk\x92+\x00\x82 \x9c\x1d\x04D\xfc\x97\xfa\xaf\xdc\x812\x92&gt;p!\xb6\x10=\x88\x97\tC\x80\x9f\xab\xb6\x01\xe0\x1c{\xfcg\x89\x03\xae-\xbc;t\xe1Z\x93\xef\xe5\x87\x04\x97j\xdf\x96\x16\x1c\xce\xd4qF-&gt;\x8df\xb2\xb4\x99/E\x04\x80G\xcct\x94N\x10\x04\xa1?\xdc1W\xdf\xe5\x99?F\xf3&amp;\xa1v[S\x08\xd7\xb7\xad[T\xdes\xb8\xe8\xe2\xb7-\x11\x11\xe0\x1fO^:47V\x8f6\xe6B\xa8\xf7\xa4\xbf\xf7\xbf\xf0\xe0\xe9\xea\x88\xd8\x95\xef\xadL\x1a\xad \x08\xd7K\xce\xd8G\xa7i&lt;n6\x94&amp;\x03:\x87\x07O\xe1\xa5?\x8e\x06\xf7\x971C\x87\x8b\xb0\xbd\xb7\xef\xe4\x05\x04\x00\xc6\x1a\x06\xcfs\xddij\x98\xad%\xb4\x00\xe8\xd6\xd8\x8a\xe5?n\xe4\x02`e\x84C\x04A\x10\xe6\xc3\x18\xf8.p\xec\xbb\xd4r\x9d\x0e\xd6\xfc:qe)L&gt;\x7f\x93D\xa7\x97 c\x01\x11\xf1%\x17=\xe6LK\xa7\xe8?\xb2\xa6\xcdWqT\xc3\xc0"k3\xb8Q?\xd1\x82 \x08e\xa8}\xac\xbd\xcc\x83\x8f\x88\x17\xf0\xa4\n\x0bD&lt;\xef\xd3\xf7bL\\"\xd4\x0f\xb5|\x15\xc0\xcd\xf3\xb3\x9f \xd0\x1d\xf3\xbc\xce\xf5|\xf5%\xae\x82f\x7f\xe0\xa9R\xcat\xbbR?\xdeP8"zG\xe7\x0b\xce\xd2\xab\xbf\x05|\x13\xfb\x11\xb7C\xb8\xcc\x01U\x10\x04\xe1\xba\xc1\xee\xbb;\xc3\xb9\xa4\xb2dr\x93S\x96]\xb6\xff\x1d6W\xf81\xd7\x19\x1f@\x94`\x9eJ\xef\xd2\x02\xaf\xe6z\xce&lt;\xf5(\x08\x82 p\xe9\x1c{\x8d\xbc\x8d\x0c\x01\xbe\xa4\xb3\x8a99\xd3\xc1\xf1+\t\x89\xaa\xa0z\x8a\xbdR\x12\x07\n\xb3 \xabwA\x10\xae\x19\x04\xf8_\r\xa4\\\xe6V\xe8\xc5\xdc\xc1)\xd4#\xfb\xfd\xe5\xd8\x0b\'q\xa00\x03\xf8%u}Y\x8e\x17\t\x820\x07m\xce\xc5\x97\x9dy]\x83\xa2\x8b;t\xb9L\x0f\x97T\xa2B\x96\n\x1e\xf9,m\xea\xfc\xf1\x91\xe8\xb8\x7fP#_{T\\\xd1\xec\'\xd4\x05\xe1\x82\x91\x17\x81\t\x820\x03\xeb\xcb\xe0\x13i\xd2\xfb\x97e\xf1\x04\xf3\x1d\xf2\xa7\xdb@U\t\x87 \x02\xfcB\x89`9\x0ea\xe1:\xa1q#\xa9\x97fJ\x18\xb1,I\x9f4ZZ\x90\\\x94\x10.\x019Y\'\x08\x82P\x0c\xe3t\xf2\xc1g\x18..X\xa9\xf1\xe7\xfa\x84xFl\x9a)\xfc\x7f\x9e\xcf\xc3\xbe\xc1\r\xdbI\x13Q\xf6)\xf6!&lt;4\xd4\x9d\xd17\xe9\xb2\xbaU=\xe2\x8a3q\xde6,W\xdf\x04A\x10\xb8\x8c?I\xd2\x0fg\xba\x9a\xa4Px\xb2\xc7\x89n\x87\xc7\xd8\x06#\xa2zc\x80\xbf\xcbH\x1f\x92\x8f\x88\x8a\xf3tB\xbb\xa6GU4q\xfc\xcc&lt;\x86\xe4\xc7J\x93\xb4\xc0c\xb9\xa4\x11\xe6j\xd8;\xd8\xb9*N\x8e\x00\t\x82 pYO\n]\x04f9\x86\x9c\t\xd7\xa7\x86 \xb2\xc79,T\xd8\x81\xd9\x00\x00 \x00IDAT\xfao\xb4]\xf7N\xb9j\x01\x00\xff6/\xbd\xda?\xfb\xc7\xae\xd2\xbe:b[\x92\xbe\xf9d\xafX\xe5~?A\xb7\x1ap\x8a\xe3?r\x12\xf5r\x05\xe2_\x9dm\x8b\xfa$\x1c\xdfv=\xa4\xa2\x05A\x98\x8c\xd7l! "~\xd6\xb5\xceFv(\x1cK6\xc6\x9ea\x18\x17\xcag(\xdab\xc3\xe7\xd4JA\x04\xf8\xcd\xac\xf4\xfc\x9aM\xf9\x8a%\x878\xa2\xd0\xb5i\xb1\x84Ovj\xe2\xed\xb2\x8d\t\xd8O}i\xdc\xebp\xe8a\xf19\\\xdd\x8chq&amp;iW\x82 \x08\x82\xc5:G~\xfa\xd1v\x1c\x01\xfb\xc0\xe8D\xe1Qc\x8an9X\xfe\xad\x8a\x9f\xba8\xb3\xa0\x8e\x98Y\x1a6\x80\x91\xd16W\xcbDK\xc1\x827$\xd0\xbdx\xff\xd2\xfa\xdez#\xc7\xe5\xf6\xeb\xc1\xc4}\xf87_W\xeed\xa9\x1dA\x10\x04\xa1%k\x14;\xfb\x02\xe0v\x93\xce\x7fM\x83\xa7\xa3CON\xb8i\xc7\x91k\x84\xba;a\xdej\xe2\xa4\xeanG\x1e\xf9\xef\xfa\r\xa4\x0fU\x8d\xb7\x00\x98\xcd\x03\xa7\x86vx\xe1u\x00Y\x9e\t\x82 \x08=`\x07\xb2\xfc`\xf7\x82g\xac=Tj\xb8\x00h\x17\x81\x15\n\xa1\xf6\x89YYRN\xc0\x92XVhH\xcc\xf9\xf1\xea\x93UA1\xa4\xeb\x10\xe0\xe3J\xa5\t\x82 \x08\xc2\t\xb0\xe6?n\x94\xfc\x98\xf9\xe79;J\xce\x0f\x9a{S\xb6\x90\xf8\xdd=\n\xbc{\x96\xaex\xb5^\xf2!\x93\x8b*\xce%\x95\xa5\x1d\xd4\xdd\x14\xc7X"\x08\x82 LCA\x98\x85\xf6\x87\xab\x9aK\xe6\x8a\x92\xcby\x91u^b\xc2\xb8\xd6\xb0\x87m\xd8\xbe\x8c\xf9\xa0\\]\xcfH\x14\xdf:k&gt;g\x9b/\xa8\xc4\x82\xab%\x8e\x80\xe8\xaf\xb7\x18\xee\xa8fU3[w\xa8\xc3-\xcbe\x95N\x10\x04A(\xa0\xe0x\xee\'\xa3\xb7%\x9a\xbd\x84\x90\x19\xa8\x8c-\\\xc3F\xb1\xce*g\xc2\x05\x80\x06\xb7\x03\xfa\xc7\x86\xdd\xd1\x06?\xc5\xb20\xaf\x12\xd1\xea\xc5\x15\n\x83ygnT4\xce\xed\xc5\x15\x82fh\x0f\x82 \x08\x82\xd0\x0e\x1d\x87}_\xf9\x02\xe0\xde\xa7\x8b\x0cf\xc1_w\xb5q\xe3S\xf2\x97pM\xf4r\x14M\xb2\xe3\x1eY\x00Le!\xcf\x124\x17\x00e\xd1*\xa3\xef\xf7\x8c\x83\xbbHnv\xf5@\xc6\xb7#x\xaf\x19\xba\xa1 \x08\xc2\xa5\xf2\xd4\xeb\x1ed\x11&gt;\xf2\xb0\xe2\xbb\xe1\xff\x95\xc4\x19\xd3\x94q\xf7\xb9\xbdU\xdc\xa6\x16\x10\xe1\xf6Ur2\xd7\x84o\xa1\xf3\xd5(\x9d\x80\xb5F\x8aW2}\x98\xc7\x92+\xe6JFHA\x10\x84\x13s\xa6\x91\xfa@;\xbf\xe9\x1a\x17\x00\xb3\xd3\xa4\n&gt;\xc5\x92S\xb1%?S\x10\xdc\x96GE\x7fm|ML\xb8\x00\x0e\x1c!\xe7{\x81\xb1 \x08\xc2\xb4 \x82\x02\x199\x938S\x9aR\x97\xed1\xbc\xf8&amp;\xb1T\xa82\x1b?"dW\xeb\xda.\xfa\xb7\x07\x04\x04\xca&lt;\xa2\xa6\xb6\xa251ii\xf6**\xd9Jc\xda\xa1\r6\xbb\x8f\x02\xbb \x9b\x07[X+\x1c\x0f"\xaa\x83\xe6\x94\x1b\xc6\xab\x14\x04\xe1\n\xb9\x90m`\xa5&amp;\r\xf5\n\xb7\x91\xca\x9e\x93\x9d$\xe3\xe9\x96\xc2\x19X\x9b\xd6;\xaf\xff\xfd=\xd8\xee\xcb\xce\x10a\xb4\xd0\xea\xd1 \xf14$\xa4\xa3\x7f\x88v^\xbeI\x08\x88p\xf3\xc05\xae\xafH\n\xa4\xc6\x90E\xc4"\xc7\xb9y\xc3\xb3\xf2"FRaEM;\xa7\x08\x82 4\xe1B\x16\x00\xb3\x92{\x1d\xb9\xff\xe1\x9cG\x19*\xa4\xeag P\x0b\xbc\n\xf2[Kq\x93;\xfb\xa90\xff\x84\xdb~\xa8\xc9vf]1\xcd\xb7&gt;\xbb\xda+\xc4\ngDj\\\x10\x84\xd3r\xaa@0d\xeax\xfb_\xd9I\xae\x17F\xf8O\x8ci\xa3B\x82\x95\x19\x88\x1c\xbb\xefPG\xa1\x9b\x8f\xbdpy\x00\x1d\x14\x91\x0b\x80\xad\x98\'k\xed\xb2D\xcf\xe1\x18/\xf5\x1bH\xe5\x08\x90 \x08#8\xd5\x85N\xc2\xd4N\xa1lj\xf6}SSk\xc3\x99@\x19G$|\x91\x97~d\xff\xcaXO\x8d\xc7\x93\xb4k\xdc\x08\xdb\x12\x1a\xb7m\xf1\xf5\xd4\xbb\x86}\x84\xbd\xd8\xaa\xe5@\xcd\xfe\x18\xd1UT\x93\xbe\xa3"\xfd\xa3[\xc7y;l\xf6(\'\x02\xe9\xef)J|o\xad~\x8b5\xfb\xc7\xc5\x8aE\t\x82 \x08\xa7\xa1\xd3\x02\xc0\x96\xd3q\x97\x94\x99\xbc\xb9\x01s3\xb8\xbc\xf1]\xde\xae\x17j*\x84\x97[\x85\xfb\x02\x80\xde\xaa\xbf\x0ba\xa2\xdd\xd1\xd8\x06\x9ab{\xf8\xd0V\xf1\xed\x8dUt\xab\xf7\x0b\x86\xeb\xb1N\xad\xa2[K\x13\x04A\x10\xa6\x86?\xfaG\x93u\x8c\xf9\xac\xa0\x85\x99&lt;\xfe3\xaf\xc8\xc7O\x8a\xbd\\Z\xb7\xf0[\xf3\x86\xc3\x915\xc1\x8d[\x19_/\xa7\\\x82\xd9\xf0B\x0b\x00\xa4\x16\xd5N.\x80\x9f\xca\xd2\xd8\xaf\xf9u^`\x08\xbd\xa8\xe9\xb3q\xa1\xad\x84\xc9\x11 A\x10\xae\x16sN\xad\x8a\xb1\x06\xc2?I\x15M\xb6\x1eb\xe8u\xaa)\x8bF\'\x8e\x8e:\xc6@\\Hi\xdb\x90\x9a\xc8Z\x8f\xa8Gd\xfdC\x0b5\x15\xa7l\xb4\xd3\x96\x83;\xfe\xaf\x99^\xdd\x13\xab\'\x80R\xac\xf6\xa1U\xfc\x1a~0S\xcdz\xa8\xa9[\xf3S\x9b\x169\xa83\x17\xcc\xd6\x18K\x96\x7f\xa8(5Z\x9ed\x16\x13\x04A(\xa1~\x80\xd3q\x86\x15\xf4\xff\xf1A\xdbl\x8b\x01\xaf\xb7\xb6!o\xbe}\xdf\xd1\x987\xe9sy\x9a\xdcg\x8d\xe7\xe9a\xc6\x0f\r\xb9)\x13\x83\xf7\xb3vql\xe2\xd7\xc0\x16\xbe]#\xc1+\x00\xb3\xc4\r\x01;\xb9\x16"\xc1VGD\xcb\xa4\x92\x1f\xe9\x8d\x9e\xaa\xcb$\xcf\xd1*\xce\x06\xab!\xdd\xa4}u\x1c2\x85\t\x82 \xf4\xa6\xcdN\xa8?\xfd\x1f;b\xe2~\xa7\xa25at\rA\x92Aa\x0b\xb1=`I\xeeT:R\xd1\x13\x9b\x95\x14\xcb\xd6B\xba\xa4\xbf\x1a}\xceO\xd8o\x07\x87\xbc&gt;U\x96\xe8\xb28\xd1&lt;\xd2O\xd5\x047\xe6\xee\xderv{"\xbfv\xbb-\x07\xe0?,\x7f9?6Ww\xe5\xd8\xad/\xe9^d\x9f\xed|\x9bvW\x04\xa5\xd2\x05A\x18C}x\xf1\x8a\x06\x03\xd6T\x81\x0e\x18\xf3\xfdH\xc32\'\xa75SD\x96/\xbc\xd6\xc4\x90\x11&lt;\x9b\xbd\xd2Ef\xbb\x81\x8f\xa4\x8cQP#n\xd6\xa4\xe8P\x82\xbb\x94\xe9]\xf9\xf8\xae\xe12\x00\x00|Z2\x85\xd3\x8f\x0c{X\xcbE\xb3\rh\t_\xd3\xa7a\xa4\xaa\xe3\xbfaxyP\xafw\xfd\xe3\xff\xb6\x19K\xeb\x85\xb4\xa5s;\xe4\xe3\x0c\xb1\xc9\x95\xb9\xf9\xbf\xb4\xdc\x0e\x06\x0b\x82 t\xe4\xbc\xc3V\xc9\xa6,\x95+x\xfa\xa2\xc8*KJ^\xea\xa2X\x93\x88\xf3\x8ac\xd6R\xf8\xea\xbc\xc9uvVk\xfb93*\xb6\xbc\x12\xfb7\x80\xa0p\xeb{4&gt;\xe4,H\xeeK\xd8\xdf\xb3U\xf3\x83\xc2.\x8a\x97\x8f\xf5\xb5\x16rZ\x9d\x8d\xb5 "\xfc\xe2$\x9d=\xe1d{\x10F\xfdmJ\xea9F3A\x10\x84\xf1\xb4\x99\x84p\xdb\x84#\xa2^\x9e\r9f\x8c\x1d\xd0\xc9\x89\'S\x04\x00\xc2\x8bG_\xb8\x80\xcc\xf0\x88H\x96w^\xbfk\xb9\x10\xfe\xb7/\xff\xd3{j\x8c1C\xf4\x96\xc9g\x99\x15\xb4\x1b\x9f\x7f\xefG8\x96\xed\xb2\x00X\xc7(\xd6\xaepS\xc5\x1e\x95\xd2\xe0\xdd\r\to\xd0\xcb\xec,\xbcB\x05\x8aytkoX\x11\x82 \x08\x02@\xa38f\x1f\x97/btvfe\xb3t\xc5"\x0f:\x87Z;e\x06\x02\x14:Dx\xd4i\xaa\x9e\xef\x90\xd81!\xf8\xd9\xb3\x94wa\xaf\xca_\xf2c\xdb\xacF\xd2\xb9\xa2mKXg&lt;\xea\xbagBr\xa3H\xdd\xcd&gt;\xc3\x02\x80\xcd\xf1W*\x18\r\xf5Cz/\x0f\xe4\xa9R\x82 \\\x0e\xcbp)/\xb25\xd9|\x02\x00J\x07#\xc7\xba\x08\x11\x95Z#\x1c\xa6%v\xcd\xde\x12\xe0/\xca4\x03\x00g\xe2\xeb\xdf\x90\x10\xb1\x8d\xfc\x1cS1XvD\xf6\xdby\xe7\xc4\x8d\x94\xa6\x19\x04ps\xad\xd2&amp;&amp;lC\\\xeb\xa9m\x11l\x0f\x196\x84[\xc5\x01LeL/\xcc\xaa\x884\x86\xde\xa3\xd0\xe5;Z\x10\x84\x13\x81\x8853_e\xf6:\x9a\x85tm\xf1\xf7\x90\xd6\xc5\xc0\x91\xecF\xf1\x17\x00\x15f\x9b\xea\x8a\x85\xb4\x85l-\x03\xa2\x9fK\x0e\xb0\xb8\x11\xf6P\x8c\x8af/\xbf\x111\x9c\x06\xb3V\xce~F\xb0l(l\x0fQ\x0b\xaf\x85\xe2\xe9f\x8e\x86\x8a\xf2"0A\x10&amp;B\xa9\xaa\xf0])u\xdcF\xa6\n\x8c\xe6\xebX?\xd3i\xa2\xc3gn\xc2U\x81\xeb\xdd\xeb\xa1\x82\xe2\x17!9R\x97;;\n\xe4\xe4*M%!\xca\xb2\x1d:\x9b\xa7\x9d\x9c\x8c\xf5\x8d\\s\x05\xa6\xc6\xb0\xa0\xd4\xf6\xd6\xb0T\x9e\x1e\x86\x10\xcd\n\x8b\xbb\xc2T.&gt;\x88e\x1dV\x9e\xff\xe8\x86*u(\x08\xc2E\x11\x9b\xd0\xc6\x87V\xe6\x89\xdb\xa3\x02\xbb\xdd\x86\xfb\x16\xde\xf2;\xc6\xf2Ng\x88\xa9\xa3\xe1#\x16\x00\xc9P\x9e\xb4$s\x01\xf0\xdc\xfc\xb2\xc8\xea\xe2\x9aA\xfb\xc6\x9b\x16}\xe1\x02\xd7\xab\x97W"A\x10\x04a,_\xc7\x08\x04\x07\xc0\x0bFc\xbf\x17\xc8\xcc\x85\n\x9a\xcb\x0e\xfa\xbbr\xffE8\xf4\xefT5\x9ce\x06m\x12\xdb\x1e\xce\x1a#7e\'\xb0\xc3-\xadG\x13pi\xf0*V4\xd7P\xf0%-\xee\x00FDx\xa9Y\x9cW\x00\xfc~\x03\xeb&amp;\xe0\xe8\n\x12\x04A\xb8B\x9ez\xf8\xec\x98\x01g./\x8d\xbd\xda;\xa1S\xb0\xee\x885\xbe)\x89\xf9\xfa\x86G\xaf!%\x1f\x16\x9b\xee\x0e4\x1ea\xc9\xbf@\x11\xaa\x82H\xe2\x1ak\xcb\xf9\xef3D\xbdM\xf9s\xd3\xf7\xf8\xe7F\xd1\xdc\n%8\xde\x0f\xa1\xc5p\xae\x04\xbb\x01\x1f_\xae\xcb\xc6\xa85\xf1\xb6 \x08\x17\xc7\xa5\x05\n\x85\x8f\xad\xc4\xdf\xf3\x1e\xdc9\xe1\x88O\xc6:nd\xc0\x10C\xc8\x1c\xb5O\xcf1\xa9\xa3\x9a&lt;G\x05\xc5\xf0\x17\x0c\x15Z\xb4\x8c"k\xa7\xbc\x02P\xda\xad\xfe\x92\x08\x7f\x1f\xea\x07\xc4\x17\xcc^\xcc\xfa\xb5\xc4\x89\xa9~\xf6\xae\'/\x98\xd2\x1d(\x9e\x88\x7f\xb2\xdc\xcct\xe1-M\x10\x84\xab\xe1\xe2\x16\x00k\x89\xee_3G6\x88\x11\xc7Q\x19\xd4\xfeo;o\xfer\xe2tt-T\xf3H\x14\x11\x11\xbe\xb5H\xa6\xd9\x05\xe6\xa8\xca\xe2\xc5\x8c\xd1 \xb5\x87/\xbe\xa1.\x98\xdb\xcf\r^\'|"J\xd79\xfcV\x11K\xd3\xa9i\xc9]\xc0\x82 \\&gt;\xd8\xfd\xb1\xee\t\xd5\x0bG?\xf6a\x04\xab\xab_\x07p\xe3\xc2\x87\xf6\x00\x80R\xca\x99\xed\x1a\xbaNKf\xcb\xc4}\xaeD\xc4\xf3\xd4#\xce\xf5\xac\xc6\xd5\x8d[\x15\xc3\xb1\x11H\xbc\x19\x1c8bd\xb2w\x94!\xd6\xea\xbe\xb0h\x9d\xdf?m(k\x0f\xad\x06\xff\xfc!\x8b\x85&lt;\x06T\x10\x84\x8b\xe6\xe0=\xaaK\xda\x1e\xcb)\xcb\x8d\x0bu\xf8\x0f\xfbd&gt;9\xb1\x88o\xe4%\xdb#\x9esU\xe7d\xf1\xebj\xcc\xf6L\xfc\x89.\x05$\xbf\x99\x80\x90I{\x15\x0f1[m\x17\x01\n\x1f\xcb{R\nF\xa1\x86\xd5\xa1\xd8\x0f\x90er\xbd\x07\xb7\x04A\xb8\x1ef\xb94_\xa2}\xae\x01\xda\x983b\x865s\xf5dg\xa9q;t\x9b*\xdd\xe0\x96\xb6\xb5\xed\x98\xd2/\x9c\xad-\x01@\xe0\xee\x85dYZ\x1b\x81\xa6\x03\xdd\xb3g\xc3\xcc\x88\x93\xb0\xc79\x954\xc4\x96N\xa2\xb3\xec\x9f\xaa\x8e|\xd0\xc6\xff\xf5\xb0^9Y\xf3\x16\x04A\xe8\xcc\xf4\xe3\x9d=UL7@\'g,\xd9U\x02\x80{\x0ew\x82\x13g|TN\xb3a,\x1e\xbar{\xf2.\xf0\xbe-?z\xdb\xfa\xd2\x86g\x0b\x8fRn\xf1\x8b\xd0\xd7\x96\xb6-\x1c\x8d\xfb\x89\xb3\x8c\x9fe\xc0\xf9\\\xda\x86H\xa5\x0c\xa9\xa9 \xc7j\x17\x04A\xe8E`\\\x9bc\xaa\x083j\xfe.\x07\x11\x01\xde=\x92\xe0\xcd\xc6Z\xde\xc6c\xb3z;\x8f\x9f,\x8c\x9f\xe6ku\xbb%}\xacBt\x17&lt;#\xa3\xe7b\x12\xb6\x8d-Bc\xf9\x9e\xf1\xff\x0b\x8e[\x9a"\xe2\x03\xb2\x95\xd2\x93Kr\x01p\xcc\x94\xf4\x0f\x937uA\x10\x84\x86\x9ca\xb03\x06\xe5\x1cS\x07\x16\xad\xfb\x9c\x919\xdf7\tzN2\x11"\xfcY\xe3i\xdb\r{;;\xc1\r\xe6b\xad\xddY\x00t\xaf\x9d\xb1\xd1s\tI\xdb&amp;\xb7\x9f\x83c\xbf\xfe\xf3G\xc6\x96\xe8\x9f\xf7\xe9b\xfe\</t>
        </is>
      </c>
      <c r="E731" t="inlineStr">
        <is>
          <t>&lt;class 'numpy.ndarray'&gt;</t>
        </is>
      </c>
    </row>
    <row r="732">
      <c r="A732" s="1" t="n">
        <v>730</v>
      </c>
      <c r="B732" t="inlineStr">
        <is>
          <t>steps_per_sec</t>
        </is>
      </c>
      <c r="C732" t="n">
        <v>8200</v>
      </c>
      <c r="D732" t="inlineStr">
        <is>
          <t>2.6318357</t>
        </is>
      </c>
      <c r="E732" t="inlineStr">
        <is>
          <t>&lt;class 'numpy.ndarray'&gt;</t>
        </is>
      </c>
    </row>
    <row r="733">
      <c r="A733" s="1" t="n">
        <v>731</v>
      </c>
      <c r="B733" t="inlineStr">
        <is>
          <t>Loss/RPNLoss/localization_loss</t>
        </is>
      </c>
      <c r="C733" t="n">
        <v>8200</v>
      </c>
      <c r="D733" t="inlineStr">
        <is>
          <t>0.16979031</t>
        </is>
      </c>
      <c r="E733" t="inlineStr">
        <is>
          <t>&lt;class 'numpy.ndarray'&gt;</t>
        </is>
      </c>
    </row>
    <row r="734">
      <c r="A734" s="1" t="n">
        <v>732</v>
      </c>
      <c r="B734" t="inlineStr">
        <is>
          <t>Loss/RPNLoss/objectness_loss</t>
        </is>
      </c>
      <c r="C734" t="n">
        <v>8200</v>
      </c>
      <c r="D734" t="inlineStr">
        <is>
          <t>0.004129638</t>
        </is>
      </c>
      <c r="E734" t="inlineStr">
        <is>
          <t>&lt;class 'numpy.ndarray'&gt;</t>
        </is>
      </c>
    </row>
    <row r="735">
      <c r="A735" s="1" t="n">
        <v>733</v>
      </c>
      <c r="B735" t="inlineStr">
        <is>
          <t>Loss/BoxClassifierLoss/localization_loss</t>
        </is>
      </c>
      <c r="C735" t="n">
        <v>8200</v>
      </c>
      <c r="D735" t="inlineStr">
        <is>
          <t>0.086498804</t>
        </is>
      </c>
      <c r="E735" t="inlineStr">
        <is>
          <t>&lt;class 'numpy.ndarray'&gt;</t>
        </is>
      </c>
    </row>
    <row r="736">
      <c r="A736" s="1" t="n">
        <v>734</v>
      </c>
      <c r="B736" t="inlineStr">
        <is>
          <t>Loss/BoxClassifierLoss/classification_loss</t>
        </is>
      </c>
      <c r="C736" t="n">
        <v>8200</v>
      </c>
      <c r="D736" t="inlineStr">
        <is>
          <t>0.05999356</t>
        </is>
      </c>
      <c r="E736" t="inlineStr">
        <is>
          <t>&lt;class 'numpy.ndarray'&gt;</t>
        </is>
      </c>
    </row>
    <row r="737">
      <c r="A737" s="1" t="n">
        <v>735</v>
      </c>
      <c r="B737" t="inlineStr">
        <is>
          <t>Loss/regularization_loss</t>
        </is>
      </c>
      <c r="C737" t="n">
        <v>8200</v>
      </c>
      <c r="D737" t="inlineStr">
        <is>
          <t>0.0</t>
        </is>
      </c>
      <c r="E737" t="inlineStr">
        <is>
          <t>&lt;class 'numpy.ndarray'&gt;</t>
        </is>
      </c>
    </row>
    <row r="738">
      <c r="A738" s="1" t="n">
        <v>736</v>
      </c>
      <c r="B738" t="inlineStr">
        <is>
          <t>Loss/total_loss</t>
        </is>
      </c>
      <c r="C738" t="n">
        <v>8200</v>
      </c>
      <c r="D738" t="inlineStr">
        <is>
          <t>0.3204123</t>
        </is>
      </c>
      <c r="E738" t="inlineStr">
        <is>
          <t>&lt;class 'numpy.ndarray'&gt;</t>
        </is>
      </c>
    </row>
    <row r="739">
      <c r="A739" s="1" t="n">
        <v>737</v>
      </c>
      <c r="B739" t="inlineStr">
        <is>
          <t>learning_rate</t>
        </is>
      </c>
      <c r="C739" t="n">
        <v>8200</v>
      </c>
      <c r="D739" t="inlineStr">
        <is>
          <t>0.039606266</t>
        </is>
      </c>
      <c r="E739" t="inlineStr">
        <is>
          <t>&lt;class 'numpy.ndarray'&gt;</t>
        </is>
      </c>
    </row>
    <row r="740">
      <c r="A740" s="1" t="n">
        <v>738</v>
      </c>
      <c r="B740" t="inlineStr">
        <is>
          <t>train_input_images</t>
        </is>
      </c>
      <c r="C740" t="n">
        <v>8200</v>
      </c>
      <c r="D740" t="inlineStr">
        <is>
          <t>[b'1024' b'1024'
 b'\x89PNG\r\n\x1a\n\x00\x00\x00\rIHDR\x00\x00\x04\x00\x00\x00\x04\x00\x08\x02\x00\x00\x00\xf0\x7f\xbc\xd4\x00\x00 \x00IDATx\x9c\xed\xdd{\xec=\xcf\x7f\xd0\xf5\x99\x8f\x9f\xcaETn\x15\x04\x91J\xa0\x8a\xa6Q014m)E\xa0\x94KZ\xe5b\xb9\x18\x88%"\xc1X\x02"\xb5jQ\t\x11A-\x17\xcbM\xb4\xa5\x80\x11\x12\x1a\xb9#TB\x00\x83\x1a\xa0(\x14\xb1\\\xa4\xc1&amp;\x16\x10PA\x01-/\xff8g\xf7\xec\xd9\xcb\xec\xdc\xe753\xcfG\xda\xef\xef\xfdy\xbf\xcf\xd9\x9d\x9d\x9d\x9dy\xcd\xec\xec\xac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J\xc9b\xf3\xe3\xfa\x9b\xf8\xad\xee\xb6\xef\x9f\x8c\x88]\xef\x0e\xc1\xf1\xb1\xa0\xcd\xa6\xf1\xda\x97\xcf\xc1\x8a\xc8\x97\x8a\x98\xb7\xc3\xdc\x7f\xe0t\xb3\xee\xac\xf0\xd9\xef\xedF\xdc\xdfrl\xc1\xfd\xfb\xc7\xa9t\'\xef*\x19\x9e\xc7\xe5\xbf\xfd\xcdf\xc5g\xfbm\xedr&gt;%\xb5\xcb\xd7\xff\x91|\xa9\x03\x807\xb6u\x02\x80Im\xe3\x03k\xad\x1116\xc3\xf5("\xd6\x9a\xc7\xa5\xfd\xd8\x85]6+"\xf6z\x17kz\x1c\x9f\xc9\xf5\xad\xa2v\x87yu\xd4\xbb\xcc\xb9\xda\xd4\xf6\x9f\xbb\x0f\x9fn\xe16C\x9e\xdf2\xe6\xeat\xfb$,o\x9a\xe3\xf6{&lt;\xd2\xdb-\xec\xcb\xfc@N\xc3\xfd\xc1\x8e\x11\xc0H&gt;\xb4N\x000\xa958x\xfe\x90)VX\xa3\xff\xdd^L\xc9p\xc4g\xcb\xdb\xc1\xe9\xf5\xdf\xb7\x1f\x8e\xe3\x19hzf\xc7c\x0b\xc7\xcd\x9cn\xd97\x93K\x9e\x0bk\xad\xb5\xcf\x1fN\xfe\xfa\xf6\x0b\xd9}1hG\xe6\xfdx\xbfr\xf9\xa7\xbc\xdb\xa7Mwd\x9ce\x08\xdf\x14&lt;\xc3\x00\xd0\'\xe5\xb7q\x81IEE&lt;\xfeq\xd2\xae\x03\xe0\xfe\x96\xc7D\x91\xf8\xce\xc3\x1a\xde\xfd\x13\x813X&lt;\xb9\x13\x90\x1eY\x1e}Y\x9dJ5\xf0\\\xa7\x1di\xb3f"1\xf1Y:\x0f\x00\x00\x005\x88\x88\x89\xea\x00\x94\x88\xd5n7\x1b\x12a\xbf\xfe\xe9\x08\xcev\xbf\xcfu\xff\xc1#y\xa9&lt;\x0eJL\x8e\xfd\x86~=zwM\x03h\xd9fZ\xf4&amp;L\xa6\xb2\x04\x00\x00P\x90\x88\x18\xf3\xf9&amp;-n3\xe6\x8fdMO\xe6\xefz\x8e\xce^\x7f\xe6\xab\x8e\xb7/\xda\x87ww\x1d\x80\x1c\xe3\xf1U\xf9\x9c\xa0V\xbb\xf6\xda\x84\xaa\xe2\x01\x00\x00PH\xf6[\x01A\x91\xd3\xcd\x87\x9d\xa3\xe0\xbb\x94;\x02\xe5\xf5O\xfdDu\xaf\x04w\xd4\x01h\x87,\x020\x0b\x1e\x02~\xa1\xea\x07\xe2,\xd7N\x9b\xc7\x1e\x97\xbd\xaf\xd7\xef\xe9\x85\xec^\xed\xe7\xf5h\xb2y_\xd6f[-\xac\x8f\xc9j~\x86\xf5\xdd\xeb\xb9\xde\xc7c\xc1mS\xd3\xdc]%\x1f\xf6\x18tbJ\xd6rK\xd3\x03\xa0\xbe\x8f\xad\x13\xa0\x8b8\xd7I,\xf1E\xa0\xb4\n\x85\xb3m\xe1\xdf-Ci\x8e\x0b\xb0\xf8\'\xef\xedH^O\x0e\xf4~u\xf7\x9e\xfe,6\x1d\xc5\xc6\xb9\xf1\x1e\xf1sr\x004\xc0\x1d\x80&lt;\xa8\xc2\xa1VJ\xe1l86\x19\x9d\xec\\+\xe87\x0f\x13\x91\xd7z/$z\x0b\xbb\x12\x12=\xb1\x8a\xe6\x02\x004\xd9,\x15\xd26!\x98\x93\xb6Y\xda9\xd2S\xefpR\xa6\xb9\xbb\x1f\xa2\xbd\xfdX\x16\xaaN=\x8e\xb4]\x9e\x00\x00\xa0=\xe2\x83\xa3\x9ay\x92\xb2/\xcf/\x8e\xd2\x01(\xb2r+\x00\x00\xc0tf\xeb\x00\xccv\xbc\xa6\xf2!{\xdc\xd0\x88K\xcc_\xcb\xf7\xbe\xb3,\xdb\x19\x03\xb9\x01\x00\x00\xc6w\x1a\x9e\x8e\x1d\x06U[L\xd3sG\xa9)\x99\xe0d\x8d\xb7/\x00\x00\x00U\xc6\x8f\x81\x12C=\xdf\xefV\x89&amp;\x07\x8eY\xb3?\r\xe2\xf3\xc5\x88o\x01\x00\x00\x00\xc8@\xa2^K\xc7@&gt;\x00\x00\x11\xfev\xeb\x04\x00\xaa\xcd6i*\xdc\xcd3\x0fj\xb3\xab\xda\xf40\x00\xc8\x82\xf7\x00 \x1b\x11V\xb7\x06\xc24|\x85\x88;`m\x14\xcb\xde\xe4\x86;\xbb\x08\xc1\x01\xc0\x13\x1d\x00d\xc3\xdb\xd0&amp;D\xbc\x15D\xe15ru\x06\x15&amp;Ua\x92v\xf4\xa7\x10\x00\x00\x00S\xab\xf1@sE\r\x93\xc4\xcd\x07\x00}a\xb8\x02\x00\x10\xea\x19\xee2\xe6\r\x00=b\n\x10\x00 \xcc\x12\xfd\xb7NG\x01mo#\xb4\xda5\x80\xd9\xd0\x01\x00\xb4\xe8\xb1\xf9\xef1\xcd\xc8g\xb4\x1e\x80\x88\xb4\xba\xa7\xc1\xa5\x04\xa0\xa61;\x00\x9e5)\x15.\x90\xa8b\xb4\xc4\xd5\xaa\xcb\x90\xc3\xff\xa6i\xbb\xb0^M\xb4M\x00\x10\x83\x0e\x00zD\x81\xc4T\xea\x17\xf8..1\x9e\'\x06\x00`"\xb4\xfa=\x9a\xf3\xac\xcdy\xd4\x00\x00\x00\xc0\xa4\x06\xe9\x00(&gt;\x8aAr\x18\x00\x00\x00\xd8j\x1b\xe6\x12d\x03\x00P\x18m\xed\x80~\xc2\xed\'z\x9c\xd0\xdc]\x82\x8b\xea\xf1\x0c\x02\x00\x00\xa0\x08\x11\x19oq\x9eg\xbcK\xc8\x0b\x00\x18\xd7\x98\xcb\x80\x02(m\x19\x15\x1et1\xc8Q\x17\xb9\x04\x00\x00\x00\xb0b\xbaK\x11\x7f7wT\x00\x00\x00\xa0\x12\xd1\x7f\tt\xab\x00@\x1b\xa6\x00\x01\xc0S\xc5\x17\x1b\xcf\xe5k[\'\x00\x00\x00\x00\x00\xfc}\x13\xb3\x98\x00\x8c\x84;\x00\x00\x00\xb8\x88| \xfc\x07\x80\x9e0\xf7\x14\x00\x90\x05\r\n\x00\x00\x000\x0b\x111\xe6\x17\xb5N\x05\x00\x00\xbda\xfc\x0c\xc0\x0cX\xfb\x08\x00\x00\x00\x98\n\xd1?\x00\x00\xb8\xc00!0\x16\xaeh\x00\xda\xb1\n\x10\x00\x00\xa7\x82\xa7\xf10\xf1\x07\x00\x00\x00\xe8UZ,/&lt;\x06\x00@-\xee\x00\xa0\x1e\xda\xc2\x91p61\xbc\xe87C\x13\xf9\x03Pn\x96\x0e\x00#1@^\xd1\xb1\x110\x0f.\x13\x00:Q7\x01\x00\x90\xcd:\xd8D\xf4\x0f@\xadY\xee\x00\x00\x00P\x01q?\x00\xe8\xc2, \xc5&amp;?5\xb2\xf9/\x80\xbe\xd1\xd6\x00\x00pM\x08|_\x08\x1a\x00=\xb8\x1e\x01\x0c\x8c)@\xd9\xd0Z\x84[\xb3\xec\xe6\x8e\xf9$y\xcb\xcc\x01@-V\x92\x000\x12:\x00\xa3\xe9\xa8\x89\xea\'\xa5\x00\xa6\xb3\xed\x90G\xd7\xabt\x1b\x00\xe8\xf4\xb1u\x02\xc6Qc\xf8V\xc4\xdc\xed\x85Ad\x00\xc8\x8b\xbbs\x00\x063Y\xa5\xb6\x0c\xc5P\x9b\x03\x00J{\xb49\xb48\x00\xd0\x12wc\x01\xe8!"\x8d\x9f\x80\xa7J\x04\x00\xc0\x13M&amp;\x80t\xcdk\x92\xe6\t\x00\x00\xa0\xa0\xbcc\xff\x9e\x9b\xa2q\xbdB\xce\x00c\x98\xf6Z\x9e\xf6\xc0\x01\x007\xfc[\x08\xe6&amp;\x01\xe8\x11\x15\x17\x00\x00QD\xe8\x00\x18"\t\x00\x00\x80*X\x9a`:"\xc2\x92\x14\xc8\xe5\xd8m\xa3t\x01\x00\xa0\x1c/\x02\xd3\xe2\xea&amp;@\xf6qq\xe2\xb3\xb1\xd5\xbc\x91\xb2,q\xd8,\x01\x00\x00 \x02\xb1\xa0\x16"b\xad\xe1\x8c \x8dT+B\x8e@\x9fN&amp;\x00\x00\x9aq\x07\xa0\xa9M\x08e\xad%\xfaG2\x8a\x10\x10\x8c\xa7\xb0\x00\xcc\x86\x0e@S\x0c\x94\x02\x80\x02\xd4\xc5\x00\xa6\xf2AD\xccW0\xf2\x01\x00\x98\x94\xb56|8\xa6`\xbb\xc9\xed\x08\x00\xa51\xea\x01 \x06\xcf\x00\xa8\xc5J_\x00\x007\xa6\x00\xe51\xde\x80\xcdxG\x84\xbc\xaeBLB\xcf\xe6RN\x81\x88&lt;\xc6\xb6\xa9\x01\x00\x00\x98K\xc8#qD\t\xc0 ~\x1c\xcf\xc2\x02\x00\xe0\x8fV\x13\x00vX]\x07\x00tb\nP\x1eL{\x00\x00\x00\x00\x00\x003\x0b\x18\xfe\xe7^\x01\x00T\xc3\x1d\x00\x00@!\xdc\x1a\x05\x00\x00\xa8\x86\xf1T\x00\x00\x00\x00\x00T\xe1Qi\x00\xf51\x05\x08\xa8\xcd\xd1\xd8\x13\x07\x00\x00\x80\xd2&gt;\xb6N\x00\x80\'\xa2\xff.&lt;N\x13\x0b\x7f\xe1Jh\t\xa1,\x01\xa8\xaf\xea\x1d\x80\xdfE|\x038\xdf\xa1K(\x00\x8c!\xa8?O\xe7\x1f@eD\x1b\x00\x10@D\x1a\xf7\xd3D\x0c\x1dE\xc5\xb6\xd1\xbcgQ\xe1\xb6\x12\x80\xcax\x06\x00\x00\x02\xb4\x8f\xd2\x9a\'\x00Y1\xfc\x0f\xa0&gt;:\x00\x00\x00\x84\xf1Y\xba\'\xa8\xaf\xd8\xbec\t`&amp;\xd48\x00\x00\x04y\x05\xff\xa7\x81{\xfbyb\x00\x00\x00\x002b\xf1~\x00\x00\x00\x00\x00\x00\x00\xc0\x05\x86\x90\x01\x00@\xef\xbe\x8d1\xafh\xa6\xc7\xc8\xa6B\x9a\x89\xf9\xa0\xc0_l\x9d\x00\x00@c&lt;\xa5\x84&lt;\xde\xd6\xb1^\x82\\kX\xb2\xf0\r\x8f\x06\x02\x00\x80\xe6&gt;0\x1e\x89\x08"\xf2\x1a\xef\x7f+BoC\xdc\xd2\xe7\xad\x80r\x88\xfe\x01\x00@s\xbc\x07\x001\xac\xb5\x8f\xf1\xfd%\xdc\x7f\x0el\xff\xe9\xb3h\x9f&gt;\x00\x00\x00\x80\x1e\xbe\xe3\x91L]\xc0\x99\xddb\xd8b\xc4\x9c\x06\xfb\xd6\x1a\xe6\x9b\xa1k:\xea@\xe1:\x02\x00\xa4\xf3\x9a\x02\xc4\x08.\xf6DD\xe4;\xec\xe7\xfe\x9cG\xfff7K\x08\x85q\xc1\x96\xd0&gt;\xf87\x86\xe8\x1f\x00\x90\xc5G\xcf1-\x05C_PD\xd6A\xfd%\xd6$\xe4T\x86\xa1\xe2\xec\xc8O\x00\xc0 \xbc\x9e\x01 \xfa\xc7\x1b\x91/5fY\xe3\'`\x16Y\xb9\x14a\x87\xcc\x06\xd4b9`\x00\xcd\x11\xd9\xeb\xa7n(wY\xf1\xd3\x9c&amp;\xcc\xd1\xb0\xd1\x93\xacE]\x99\x01\xb0z[4\x19\x00Zp\xdd\x01\xe8t\x88\xa2\xd3d_\xd1v4k\xf6\x8a&lt;\xc7\xb1\x06\xcb\xf0!\x10X\x00JQa\x02\xd0`\x9ce@O#Q\xd9h\x92\xaat\xcaF\x89\xee\xb3QWz\x81^\xfd\x8c\xd6\t@A\xca*v\x00\xe8\xd6!\xd0_\xfe\xf9\xc3^\xbf\xef\xba\'P\x87;\x7f\xe4\x82\xf7\xc7\xc8|t\x89z\x03\x00\x00u\xf6Q\xe6Ek\xdd\xfb\xdd\x80\xf6.#\xfb_\xe1\xf1)\xb2\x1d\xbd\xa2\xf4\xba\x91?\x00\xd0\x97\x11\xeeB\xee\xda\x9e\xdb[\xab\xeb\xe7y;U\x84\xab\x96\xfe=\xdb\xcf?\xc5]o`H\xa2\xe2-i:\xf1D&gt;\x00\x8d\xc6y\x06\xc0\x18c\xad\xd7\x04\xf4\xb5\xa1z&lt;\xc6Z6M\x1b\x03\x8f\x82\x1f\xda~{\x8c\x06\x88\x0fZ\x1a\xb4\xe0\x8d\xa7\xd3*\x82\xab\xfb\x1a9\x03@\xa3\x01:\x00\xdb\xf6\xd2*\xaem\xd7\xa53\xf5\xf2\t&gt;""{k\x89\x0fZ#\xfb\x01\x00\xc0\xa2\xef\x0e\xc0vH}\x17b\x86\x0c\xa4\xd5\x19r{\x0c\x8a\xab\x0e\xc4"\xc2t\xc7W\xac\xfd\xc2%\xf4W}\xd4s\xe0\x14\xf4\x81\xae2\x00\xa0\x82\xbe\x1b\x9b\xab\xd9\xffr\xf1\x9a\x95u\xa2j\xe8c\x03\x00\x10\x84i\xf1\x00\x00\xb5z\xbe\x03\xf03\xafF\xee?\xc1\\\xc4\xf4W\xedq\xa7\xf3n\x01\x00\x00\x80P\x1d\x0fP\xdd.Gs\x1c\x81s\x04\xfa\x8c\xd5\x01\x00\x00`\x06=\xdf\x01\xb8\xb0Y\xe5\x93\x98\x1e81\xcc-\xafa\x0e\x04\x00\x80\x9a\x06\xec\x00\x00p\x1b\xa6o&lt;\xcc\x81\x00\x00P\xd3\xb1\x03\xf0\x8d\rR\x11\xc5\xd1\xf23.\x08\x00\x89\xa8H\x01`T\xc7(\xba\xa7\xd7\x16\x1e\x16\xf3\xd9\xbf\xef\x88g\x00\x00 \x0e\x0b\x19\x01\xc0\xa8z\xaf\xdc\xdfB\xfa\xed\x12\x9f\xd7\xed\xd6y/\x80v\x0e\x85\x10E\x01\x00\x00U\x8a\xc4%\x87\x88\xa7\xe0]\x85\xbbp\xdf\xf5\xad\x955\xea_\xd2\x0bdE\xb7\xe4J\\\x95\x82\xbe\x89H\xc0I\xef\xe9&gt;9\x00\x9c\xca^\x8b\x9d\x0c\xc9\x97\x16\x11\xca\x94y\x11\x18\xad\x02&amp;2n\x17\x82\x0by\xe0\x93\x0b\x000&amp;\xfb*@q\xcf\x8c\x89H\xca\xd3f6\xeda\xb5|\xed\x1c\xed%\xf4\xcb\xf3Xg\x8b\xc7C%W\xe2\xefp!s\x03\x04\x00\x06\x97\xb3\x03\xb0\x8d\t\xac\xb5\x9eMH\x86Hb3\xf5\xdf\x0fK[\xa0c)\x97L\xae\xb8\xdd\xff\x02\xcf\xc7\x12\x9a\x03\x00\x90E\xb6\x0e\xc0.\xfa\xf7\xffb\xc60\xc2\'0\xda\xddl`\xa0\x0bS\xa1\xc0\x03\x9a0\x1a\x05\xa0\x8d&lt;s\xdf5\x84\xd4\x1e/\x00\xdew\x10\x08\x86\x80\x1e0)\x1f=\xe1\t\n\x00\xfae\xa8\xa4r=P+"\xd6&amp;%\xe9\xf2.\xc4\xd9\xad\x01*h\x00\x80Zt$\x00\x94\x93\xf9!`cL\xec=M1\xcf\t\xcaI\x8f\xf3\xda\x7fn\xd9\xdc\xd6\xee3\r\xa6/\x03\x00\x10\x80v\n\x80^r\xb0\xfb{\xc4\xa6\x8c\x91\x0c\xcf*~/G\xaa\x00\x00\x00\x80I\xa5\x0e0\x1cc\xebe\xd0\xe2\xf5\x17\xff\xb7\xab\x8c4G\x9f\xbb\xb7\x00:E\xf5\x05\x00cK\x9c\x02\xf4\xa3O~%\xb2\x0f\xe5/\x07\xe0?o\xfb\xb9\xc1\x86\xe9i&gt;Q\xc8\xf3.\x19t\xeb\xfa\xc6#\x95\x17\x00\x8c-\xad\x9e\xf7k\xe2NC\xe1\xdd\x03\xbb\xa7["\x86\x06\x8e\xd2\x1f\x97\x07\x90\x1d\xb7M\x00t$\xed\x0e@\xa6\xba\xee"\xfa\xcf\xb3q`0\xd6\xf2J,@\x1d\xda,\x00\x1dI\x9c\x02D\x85\x07\x00\x80\xa1A\x04\xd0\x91\x12\xcb\x80\xbeX{1\x8d\xc7\xeb\x95\xbd\xf9\xd3\x03\xc0\xdbPW`\xd73\xf2\x01\x00\xc8\xab`\x07\xc0\xae\xff9\xa0)\x06\xd4\x1bj8\xb3\xf7\xc9\xd9t`\x00\x00\x19%u\x00\xae\xda$k\x8d\xb5\xae\x19\x91\xfe\xeb\x82F\xa5\x0b\x00\x00\x00\xc0\xb9\xa4\x0e\xc01\x8e\xb7\xaf\'\x14\x9d1&gt;\x81=0\x10\xc6\xa7K\xeb\xfd\x0eFi\x94@\x00\x08\x92\xfb!`\xcfV*\xef\xc7\x004Ex\x8a\xb6(\x80\x00\x10$\xf5\x19\x00\xfb\xcf\xc4~\xd1\x123Dc\xac\x0b\x00\xb6hN\x00\xa0.\xd9\xf0\xff\xd2\xf1\xbb;\xc6\xfc\xd2B\t\xc6\x82\x8e\x04\x00\x00\x00"\xc9?\x15\xd2\x01\x10\x91G\xf4\xe9\xec\x00\xa0 2\x19\x00\x00`NYo\x9b\x8a\x84\xcc\xc4\x14c\xacc\x1d!n\xe9\x16\xf5\xc8y\xa6a\x01\x00\x00\xcc&amp;\xeb{\x00\xece@\x7f\xfai\xe7\x1f\x08L\x95\xf2\xb9u\xc0\xbd\x05\x00\x00\x00\xb5&gt;\xe6\xdd\\\xd0\x88\xf2\'\x9e\x85\x89\x8cI\xd7Q\xf4\x1e\x0b\'q&gt;B\xa7\x1d\xcaP&amp;\x01\xe0R\xa1\xfaQD\xee\xa2\xc0\xb3Qbf\xfeD\x10\x91\x9a\x01\xf7\xb2;\x1aW\x00\x00\x80.\x15\x8d\xe1^1\xbe\xb5\xe7o\xf5}D\xae\xcb|\xf4\xd2\xe9\x01fQ\xb9[\xd8|\xbf\x00\x00\xc0_\xd9\xa6\x9ag|\x01\x00\x00\x00U*D\xe1\xfb^\x00\x03\x84\x00\x00\x00\xc0\x0c\x847O\x01\x00Za\x812\x00\xe8\x12\xd5\xb7/\xde\xf3\x05\x00\xd5Q\xf1\x02\xe8B\xd6\xf7\x00@\r\x9a \x00\xa8\x8c\xe8\x1f\x00\x00\x00\x98\x83\x88\xf1{O"\x00h\xc0\xf3\xb8\x00\x00$Y\xe3~V\xb9\x00\xd0\x05\xa6\x00\x01\x00\x90\x01\xd1?\x00\x00\x00\x00\x00\x00\x00\x00\x00\x00\x00@,\x1e\xbb\x04\x00\x00H6\xf6r\x16\x03\x1f\x1a\x00\x00\x00\x00\x00\x00\x00\xd4\xc6\x80+\x00\x00\x00\x00\x00\x00:\xc7\xacB\x00\x00\x00`\x16"b\xbeK\xfe\x0e\x00\x9d\n\x00\x00\x00@\x1dY\x94\xd8r\xf6m\x02\xc0\x03o\x02\x1e\xd9\xd8+\xf9\xb4F\xc6\x02(\x85\xaa\x1b@Qt\x00\x808\xb6u\x02\x00\xb4g\xad5T\x07\x00\x00U\xfe&lt;\xc3H\x00\x00\x00\xa8\x8c\x89(\x00\x00\x00\xc0\\\xe8\x00\x00\x00\x00\x00S\xa1\x03\x00\x00P\x84\x91)\x00\xd3\xaa\xf6\x100\x8fH\x01\x00\x00\x00\x00\x004\xf0x4K\x0c\xa3\xe0\x000\x1f\x96\x01\x05p\x8b\x18q4K\xd8o\x8d\xe5\xf6,\x00 \x1f\x16\xff\x01\x80\x8c\xbe&amp;_\xa5J\xe5\x0c\x00(b\xb0\x0e\xc0`\x87\x03\xa0;y\xab\xa0\xd3:\x8dZ\x0e\x00f\x10?\x05h\xb6\x80\xd8r\xa3\x1c\x9d\x91\xf8\xa9;\xcfK[\x8c\xf9\xef\xa2\xbe\x88"2\xd6B\x8f\xda\xfb\xb8=\xaa9\x00\x80\xcbm\xf4\x7f\xd5C\x98\xad\xe7\x00\x00\xda&lt;\x9f\x00\x06\x00\xa0\x12:\x00\x18\x0eE\x1a\x00\x00`\x1c\xc4v\xc0\x1b\xae\x08\x00\x00P\x0ba\x871tH\x00\xa0+L|\x05\xa0MgO|\x89\x08\x0f\xe3\x02-\x89\x08\xcf\xc4\xd7\xb5&lt;\xb0K\x9e\xf7j\x1b\xfds\x1e\x01h\xd0\xd9\x8b\xc0\xa8:\x81\xc6\xca_\x83&lt;\x9fzD\xd57\x06\xce#\x00\x00\xc0\t&amp;Kh\xf6\x8d\xfd\x9d\x9d\xc6\t\x96E\xdbd\x00\x00\x00h\xf4\x08\x92\x08\x95\x14#\x90\rF\xf4\x0f@\xa1\x8f\xad\x13\x00\x00\xe8\x05sXb\x90k\x00\x00@!=#\x94\x0c\x97\xee\x90\x1b\x00\x00\xd4B\x14\x82&gt;\xfc\xa1\xa4\x82J9\x07\xfcp\xa5\x00@\x0e\xca\xd7\xfa 0\x02\x00\x18\xe6\xf1\x03\x18N\xcb\x89\x89k}\xca\xfcH\x00\x1a\xf0\xa6\x11\x18c\xd6\xd6\x89\xc2\x00\x00\xa5h^\xf7Cg\xaa\x00\x147\xdc\xb5\xcf\x18\xb6\x02\xe4?\x00-\xda\xbf\x08\xec1\xc4\xa2p\x9c\x85\xb1\xc0#\x02\x88\x08Y2\x8d\x9c\xafLmvS\x12z\xb4\xbe\t\x80\xd3\x07\x00\xaa1Z\x06`$Th-\xf1.0\x00\xe8\x0255fF\xb0\x02\x00\x00\x00L\x84\xe8\x7f,t\xe7\x00\x00o\xda?\x03\x00\xa0\x9d\xf3\xb8\x90\xa7_\x9aXWD\xc8\x1b\xaf\x13\xfc\x03\x00v\xf4t\x00\x18\xa3\x02\xea#\xd0W\x84n\x17\x00\xa0\x0e=\x1d\x00\xcb\xa0c\tt\xab\x80~\xd8B\xeb\x0fQ\xbb\x02\x00\xb6\xf4t\x00\x00_&lt;\xa2\x9a\x83\xd2&lt;\xd4\x99\xaajJ\x1c}\x8f\xd1\xff\xe4\xc5\x00\x00J\xfb\xd8:\x01(+\xae\xed\x7f\xb4\xbej\xe3\x06\xa5o\x8e\xe8\x8a\xda\xf8Jm\xa9\xab\x89L\x00\x00\x14E\x07\x00\x1d"&lt;J\xa55\xfc\x9f\x1e\xa1\xff\x03\xf9\x00\x00\x00f\x0fX\xb3\xcf\x88xN\xa3\xfa!]f,s\xc0\x00\x00\x00\xae=C%\xa2\xa5\xbe\x15\xea\x00T\x0e\xa3s\xed\x8e\x0e\x00\x00\x00)\xb8\xcd:\xb2m\x90\xc4-u\x1c\x88Hj\xc1P\xfe\xb8\x08\x00\x008b\x15\xa0\xc1\x11\x97\xe1\x1ak\xef\x02\x000\xa3}\x07\x80{\xeb#\xb1\xd6&gt;\x9e\x97\x8d\x8e\xf3(\x0c\x83\xe22\x07\x00\x00\xc6\x98W\xf4Od\x80\'\xc2\xc41\xd1\xcf/\x8c\xec\x05\x00\x00\x00j"\xfe\x06\x00\xe0\xd2\x07ZJ\x00\xcd\xe5\x1d2\x9f~\xfc}\xf6\xe3\x07\x00\xdc\xa2\xa9\x00\x90*:\x82\x7fL;d\xce\x0c\x00\x00\xc0\x90\x88\xf3\xda\x1b\xe3\x95\x02\x80\'J&amp;\x00\x1c\xb1\x0c(j\x1am\xd1\xc9nc\x8bN\x93\r\x00\x00\x00 P\xe6N\x0b\xc3\xff\x00\x00\x00\x00\x00x\xa2\x0b\r\xa0&gt;\xa6\x00\x01\x00\x00\x00\x00\x00\x00\x851\xf6\x0f\xa0\t\xee\x00\x00\x00&amp;\xd5:\xfe&amp;\xfa\x07\x00\x008h\x1d\xa2\x01\x000\x9a\xd1\x96e\x04\x1a\xdb\x84\xab\xd6r}e\xf0\xc8Q2\x13\x00\x80\\\x98\x02\x04\xe4$\xf4\xaa\x9dX\xf0\x04\x00\x80\xe6&gt;\xb6N@^D_h\xec1PM)t`(\x1f\x00\x00\xd4\xf4i\xc6\x18#b\x98X\x0c$\xd3|\x11\x89\x881\xdf\xa9u*\x00\x00\x80&amp;\x9ac\x17\xa0\x0b\\Dh\xef\x87P\x08\x01`|\xd9\xeazb\x17\xe0Z\xfe\xabC\x96;o\x11\x97\x9e,\xb2\xa7\n\x00\x80\tu\xf7\x10\xf0\xe5\xf4\xe1\xd0\x10\x81EE\x80S\x9f#E\x9e\xa5\xe9\xe8\x8a\xeb\xb6\xb3\xd1c\x9a\x01\x00\xb8\xe3h\x95\xb7mv\x9f\x8d\xf7\x9c~Q\xeb\x04\x94C!\xcc\xa9nP\xfe\xffP\x87\x00\x00\x06\xd6\xd9\x1d\x00\xc7 \xa2\xb5v\xfdkGc\x8d3\x13\x11c\xfeh\xa3H\xab\xf8N\t \xf3\xda^\xe0\xe5}\x0b\xea\x10\x00\x00\x80R\xc6\xed\x00\xd0\x03\x00\x00\x00(\x8bxk\x10\xdd\xce\xc0\x06\x00\x00\xe8@gS\x80\x9c\xb8e?\x82\xbb\xd0\x9f\x8e\x01\x00\x00@\x92&gt;:\x00\x8c\x07\xcf\xe6z\x066\xdd&lt;\x00\x00\x00\x00\xc3\xa1\xd3\x0b\xcc\x899\x90\x00\x00\x00m\x10\x84\x01\x000,\x9ay\x00\x00\x00\xcc\xa3\x8fg\x002"\xdc\x07\x00\x00\x00\x00\x00\xe8\x00\x838\x00\x80K"\xd2v\xc9HZ)?2\xc1\x13o\xc3\x1f \x80,&gt;g\x82\xfa\x10\x00J\x12\x11\xd3\xb4\x1a\xa5\x12\xf74|\x837\xf0\xd1\r|h~&gt;\xb9u\x020\x14\xd9h\x9d\x16\x00\x83\x1b\xf6\x19\x00k\xad\xb9\\K\xbe\x12=\xf5x\xf3\xfb!W.\xf2\xa7xRk\xf6\x0f\xaf\xdfi\xd0\xbd\x81\x0f\xcd\xcf\xb7j\x9d\x00\x00\x002\xd0\x18#"\x9d\x92~\xc8\xd1Oj\xd4G\xd2\xd37;\x15\x97&lt;\xe5\x07\x05\xc0\x8d;\x00\x00\xfa\xf7K\xa8\xbf\xe0\xa5QS\xa7\xbd|\x12\x01 7JT\x07\xe8\x00\x00\x00\x00\x9c B\xc2\xa8(\xdb\x00\xea\x18\xf6\x19\x00\x00;\x04\x16\x00\x00\x00h\x8f\xa8\x14\xc1(3\x18\x14\xf5!\x00\x00\x9eh2\x81\x01p!\xaf\xc8\n\x00-\xf0\x1cR\t\xe4\'fF\xf9/o\x90\x1c\xa6\xf5!\x07\x00\x94v\xfe\x0c\xc0\xf4\xcb{\x17A\xaebf\x94\xff\xf2\xc8a\x00\x00\xb4bh\'\x05\xb97\x155\xa7[I20\x0e5e\x1b\xc0\x8cX\x05\x08=Ih2\xb9\xa5\xde%5\xb7\r\xb4\xa4\x03\x00\x80t7\xad\x9a\x88x\xde\xb8\xdfFW\xbb\xaf&lt;\xfe\xa4u\x02\x80L\xd2\xb4\x8b\x88\xb5\xfb\xd5S\x12NJ\x9b|\xf3/\x90\xa7_\xd6\x13N^\x11\x11kR\xc3^\xddW\x1c\x80\x87YZ\x1f\x00\ne\xe8\x00\x1c\x07V\x89&lt;\xb4y\xef\x9e\xad\xbf\\\x7f\xc3\xf9\xd2"\xa9\x87\x03\x00\x00\xe0\xe1f\nPD\xf4?\x98\x01\x0e\xf0p\x08\xf6\xf1\x7f\xf6\xf2\x03h&amp;4\xfa\xe7\xdc\x01\x00\x80P\x89\xcf\x00\x9c\x04\x1f\x83\x8d_\x0ev8[D\x8e\x03\x18\xb7x\x02\xdd\xdb\xf6\xcf}\xfa\xea\xac\xfe\t\xa0\x9a\xc4\x0e\x00\xd1\x87\x16\xe1\xcd\xc6\xa7\x16I\x07j\xe3\x1a\x04\x94\xda\x8e\x1f\xf9\x8f%\xd1\r\x00P\x81\xbd\x9as\xec9\x17\xd9\xf1\xec/R\x84\xce\x05w|\xfe\xf4\x1c\xed\x1a\x18\xce\x9d?\x1e\xb1\x054X+\xb1a.F\xdaS\x00\xd5|0\x87X0h\xec\xc1ndNZy*GY\xfe\x83\n\xfbPy\xe0\xddX\x8a:y\x08\xb4T\xa1\xdd\xa9\\U\xae\x87\xd3c{\n\xa0/\xf6j8s\x92\xd5H\xb4\x8d\xe6\x96\xc8\xf6\xdd\xa8\xd2i\x93\xa6\'\x07\xa0\xdf$\x95\x03\xe0\x89+\x02@wfy\x11\xd8\xd5\xacJm\xf7.\x8a&amp;\xe6j\xdb\x9a2\xa0#\xffy\xbe\xd1An&amp;\x00\x1d\xcbUo3\xfb\x1f@5\x97w\x00\x063\xc9a:8\xda\x95\x99\xb3\x05\x8f7\xc4e\x7f\x98\x981Q(\xa3\xfd\xad[\xe3=\xd2\x00@\xb3\x8f\x86\xea\xa6,-\xad\xce\xfe,/\xad\rg\x7fr\x85\n\x00\xe5\nJ\xf45\xfa\xd3I2\x01\x00\xd7\xb8\x9f\xdb\xaf\x81O\xdc\xc0\x87\x06\xectV\tw\x94T\x00\xf3\xa8S\x8d\xf6TY\x03\x00T\xeb\xa6A\xe9\xac\xaf\x02`&gt;\xe95\x14u\x1c\xe0\x85\x80\x00pRz\x81\x84^\xb9D\xff\x00*\x0b[\x05(K\x1d%BX\x83q\xd0r{!\x8b*\x9a\xa4L\xaa=\xca\x88di[\x8f\x0e\x00\x80ae\t\x1f\xea\x04[\xbd\x87t"\xa2v\xb0v0?\xa9\xe7r\x12D\x16\xad\x13\x02\x00\xf3\xa1\xf2\xf5S*\x97h\xfft\xa0\x03\xe0R=P\x93u\xbf\xb5\xf6\x88\x13\xa5\xf3\xbf\xb7\x0e@/\xe9\x040\x85\x0f\xfd\xd4\x9e\x1d+\x9a\xc7\xadn\x1cSrV\x15f\xb5u=C\xe0\x91\xf4j\xc9_OE\xb7\x196\x88~Kl\t\xd4\x97\x00t\xd9\x05.\x11\x8f.\xad?\x10\x11bN\x15\n?\xd7\x17\xfcLTH\x96\x8bb\xa2C\x06\x80\x8c^\xb5g\xca\x1d\xd5\x19\x02\x14\x1a\x1b\xb42\xc3\xf5\x05\x00\x00\xea\xf8\x90\xeb=\xb55o\xf17D\x0c\x868D\xf0p\xa0x\xd4A&amp;\x03\xc0\x89&amp;\xcfT\xd5\xdac\x9e\xf5^\xd27\x82iQ~\xaa\x11\x91\x1f\xbf\xcfm2\x7fv\xf4\xb2\x00\xe0R\x8b*\x92J\x19@\x18w\xa5A\x95\x02\x00\x80v\x0c\xcc\x00ijw\xdak\xec\xe3\xa6Z\xf8W*\xa4\x01\x00\x00\xb4E\'\x01\x1d\x19\xb9\xac:\xae\xc4\x02\x17\xa9\x18\xc6\x08\x00\x00\xc8\xeaC\xeb\x04\xf8\x12\x99\xe2!cE\xaa\xc5[_3Z`\xb7\x0fV\x87\x8b\\\xdd\xeb\xbb\xe7\x8e\xd4\xedf\x83t\x03r"3\x01\x00\x07\xb4\r\xc0\x042\r\xae\x17~\x1f\xc8g7\x0b\xfd\x07\x8e\x92\x07&gt;4\x00@\xa4&amp;k\xde\xd3 \x01\xea\xb9b\xf1\xbe\xde\x95A\x85\x03\x00\x00\x90\x01A\xd5\xd8n\xc7\xf8\xdb\x15\x00&amp;\x08\x01\x00\x004\xf1I\x04a#\xeb$\xc8\xde\'\x92\xc7\x88\xa7\xc1Y\x06\x00\xa4!b\x00\xc6\xf0\x03\xcf\xaee\x111\xe6\x1f\xad\x9f\x18\x00\x00\x10\xa1R\\\xce\xa8!04.px\x13\xc9\xb86\x06\x05\x0f@\xc7\x1aVa\xb2h\x95\x00\x1fk\xf2\x94\xa7S\x07\xedg\x13\x00r\xd1\xdf~\x01\x80f\xc5+\xd0\xe8j\x9a\xfa\x1d\x00p\x8a\x06\x02\xc0H\xa8\xce\x00\xa0W%BR\xc2\xdcSt\x00\x00\xcc\xe8Q\xf1\xdd/&amp;H\xfd\x08\xa4\xb9\xbd\xca\xae&gt;@t\x02\x00\x00\xd6X\xc1;,H\x0b \xfaz\xa3\x10\xd0\x99\xd7S4\x8e\x0e\xc0h\x17`\x97\xc3\xae\xdd%\x18\x81\xba,\x96\x00:\xf7\xc1\xfb\x93\xff\xf5\xf2\x83\xf5\xfc\x82d\x18D\xf4\xdd\x17\x80 b\x8c\xb5\xd6Z\xeb\xbc\xcaZ]\x80\x19\x83\xa1\x1fPf\xb3\xd5H\x8e\x8a\x14\xdaYk\xfb,\x9f\x00\xba\xe5\xdf\xb4\x846B\x89\xa3\x1a\x7f\xabP\x9bGS\n89\x96\xd8\xea1\x12\xdd\x1eK\x8f\xb75z\xccs\xf8\xeb\xb1L\x02\x18A\xfd\xd6\x85\xf6\x0c\xd0\xccq\x85vz\xf1\xb2 /\x00\x00\'\xea\xcfA,\xb4;\x1a\xf810)V\xa7NG+)K\xf0C9\x010\x8b\xb7g\x00R\xd6\xbc\xcf\x94\x9eT\xd6\xf2\xd8\x00PT\x7f\x97\x18\xd5\x02|\xa8i\xc7\x00\xa0\x85\x88n@D\x07@O\x9f\x01\xd50\xae?\xb4\xeb\xc7\x068\xe9\xca\x94\xba\x0cg=\xd1\xd4l\x00\xd0)\xean \x89\xe3\xd1ah\xc3i\xca\x8d\xfc\x04\x80\xa2\xfe\xa6\xb6zV[z\x00\x00\x00\x00\x84\xf3\x19!cn\x03\xfa\xc5h=P\x13\x97\x1b\x80yx\xd6wT\x8b@mt\x00\x00U\xb8\x1e\x01\x0cbW\x9dQ\xbb\x01X\xd0\xfd\x00^\xe8\x90\x03h&amp;{\xed\xf3^\xa3Q\xbb\x95E\xf6\x02\x00\x00 L\x89\x08\x92\xa8\x14\xa8\x8e\x8b\x0e#`P\x1c\x00\xa0\x1d\r\x15zD\xb9\x85R\xcf\xe8\x9f\xf2\t\x00\xf3\xe9(:Y\x93\xdaQ\x9a\x8b\xa2\xf1\x8eC\xf9\x01\x00\x00\xa5}\xf0\xf8L\xb3\xfb\xb0\xd6\xda&amp;\xfb\x8d\x90\x98\xd41\xc2\xbe\xfa\xb7\xec\xff\xad!\xf2m\x12c\x14r\x00\x00fA\xcb\rO\xdc\t\xc1)\x11\xf9\x83\xc3\x15\t\n9\x00\xa0_L\xd5\x08F\xc3\x0f\x04\xe1\x92\x01\x00\x00}\xeb\'\x9a\xe9%\x9d@\x03\xfd\\\xc8\x00\x00\xe4\xd4\xcd${\x00\xc8M\xa8\x03Q\xcd\xa3\xc3\xb9&lt;/F\xc1\x03\xd0\xd2\xc7\xa6{\x7f\x0c\xbfQ\x0f"\x9e\x88t\xf4\xb08T\x111\xc6\x1c\xcb\x0f\xbd\x02\x84Y"{W\xb1\xd9\xdcn\xb2\xc7\xa55\xa8\xc4\x00T\xd6\xac\x03\xb0V\x7f\xd4{HA\xc3\x89h\xd6\x9ac\xac\x7f\xd1+\x00n\xf8t\x03\x96O\x96O\r\x008\xf9,\x03Z\x84\xb5\xf6QQ.kGR#\xce\x89\x97}\xa2!\xa2|\xe4\xe4\x88\xfe\xed\x17m?\xe6\xfb-\x00\x18\xd7[\xfcG,\x08t\xe3\xd9{\xa7\x0b7\x99_\xaa\xe1\x8ckH\x03\x00\x8c\xeb\xbc\x92\xad\xff\xca\xa7!\x91\x8d(\xafH\x01\x93\x8d\xe7\xa4\x99\x03c&gt;\xad\xc4\xae\xd1\xd6\xfb)\x06\x00L\x866\x003\xe8\xbf\x84\x17J\xff~\xec\xff\xd8\x01xN\xed\xfb\xb6R2\x19\x83\xe8\xab\x98Q\xf9\x17B\x96\x02\x00&amp;\xf5=\x955\x814\xc9{\xe7\x81\xfec\xb0\x7f\x9fW\xe7]\x02\x00\xef\xe8S\x01\xa8\x8cg\x8fpFd\x92\xe5\x99D\xe4t)\x98\xd2;5\xdd&gt;\xf9w\x1a\xa3\xdc\x1e\xcbUd\xd3i&amp;\xa0\x1a\x11\xb1\x86\xd5\xe2\x00 \xb3f\xab\x00\xf5e\xb6\x81\x99\xf8\xa3\xfdY\x9deTB\x00\xda\xd9\x91fq\x1e\xfd{|\xd1\xdau\xdd\xaf\xfb\r\x02o&amp;\x0c\xfe\xb9.\x00\xa0\x0b\r\xe76$\x87Po_\x97\xe5\x81\xce9\x03\xdc::\x8dz/f\xf9\xa7n\xe4G\x89\x18c~s|\x9e\x9c|QI\x0e\xc7%\x83\xa9 o&amp;\xcd\x8a9\x8f\x1a\x80J\xb4I\x0e\xfd\xb6\xd9\xa7\xc9\xee\xf4X:\xf1\x15=\xb6\xee\xb9f\xf3g\xe9E\x8c\x8e\x0c\x01\x00\xe8B\xcbtn\xb88\xe6{\xb4N\x00t\xc9\x17\xb5\x7f\x17\xfa\x00\xf0\xd3M\xa9\xc8^\x80\xb9\x07\x0b\xa0\xb4\t\'W\x02}\x10\x11%\xcf\xc8\x1e\xe3\x9b\x94\x84\x9dFKJ\x8etx\xd2\xf3\x03\xe8je\xcfUN\x13\x80\xd2x\x08\x18\xc0\x8d]\x1cb\x7fN\xd2\xcc\xec\x8b\xb0\x86\xf1\xce\xcc\xce:Z\x84\x95E\x9c?\xe1\xee\xe3\xe2\x0e\x18\xe7\x08\x00t\x92Y\x1fMS\x8d\xfb\xe6\xa5\xfc\xe1\xcc3v\x98\x05T\x1eY\xaa\x1f\x85\x1f\xc0\x94\xfa\xad\xfbr\xa4&lt;\xcfQ\xf7\x98{\xe8N\xae`\xfd\xf7\x89\x9c\xc7\xfe}\xd6\x03@\x1aJ&gt;\x80f\x9a\xddg\xdc\xd5z\xdd\xdc\xf1|Ow7\xc9\x06b]\x05(\xd6\xda\xc7\xdf\xee\xae\x02\x111\xcb\xcb\xd6\xec\xcd\x06\x81)\x88\x08\x05\x1e@K\xcd\x9e\x01x\xd4}\xf6\xea\xfd@\xd7\x1a\x8f\x97l\x12\x9c\xfd\x91\xaf\x99\xf5\x99\x03\r\x06\xf0~\xaf\x9e!\xc3%\x1d\xa7\xe9Y\x7f\xf9\xf8_y\xfe\xc0\x1c-\x80\t\xa4\x00\xda\xebo\x04Bt,\x8d\x927\x19J\x0e\xaa\xa1Ns@\xaa/\xd6\xd1j\x8fn\xa7\xef\xf8}&lt;;\xec\xdf]QU\x00D\xe4\xd1\xcb\xdf\xfd\xba\xc7:3?\x11cm\xc25;{6\xd6\xbf\x8a\x01`\x87\n\x08\x98\xd8\x12\xa6;?\x12\xd5\x01(\xb0\x91\x9aN\xa3\xdbN\xbb\xa9\x85DG\xb1d#\x004\xc72\xa0\xfe#\x94\xdc\xb5E\x13b~\x8c\xf6\xb2\xe7\xbc\x88\xd4\xccY\nq\x16\xa1N\x17\xb6\xbag\xb8Y\x1b\x19\xfd\xa7%\n\x00\x90A\x91\xf6\xac\xaf\xfb\x9b\x0cGA\xb3\xe6W\x93\xdf\xe0\xbd\xb9\xa8L\x02\xe2=\xe5\x97\xe1[E\xf1\xc9b\xbeNuj\x13\x95\xab\x15\x9b\x97g\x00\x80)w\x07\xa0\xa3\xfa\xbd\xa3\xa4bB\xf1\xef\x18\xaa\xea*\x85]$\xde\xd7\xab7\xf3u_\xd34!\xc5\x8dt\xd6\x00\x00G\xd4\xf2\xe7\xb8-\xe04\xfb3|\xbd\xc82\xda\x9a&lt;}\xff\xb5\x01k]\xeb\x9f(\xbf\xe2.\x1e\x0bF\x18\x11\xb9\xbe_4 \xeex\x00\xd0\x89g\x00N\xa4G\xff\xa3\xcfs\xa51\xebC\x85\xbb\x07?\xcf+\x19\xeb\x7fS/\xab\x86W\x96\xb5\x96\xe8?\x9d\xb5\x96\n\x04\x00\x9a\xfb\xd8:\x01\n\xb1\xfaG6\xe4\x9b[\xd7\xf9c}W\xf9|\x1b7\xb7\x17O\xd3{\xe6C\xbf\xd9\x85\x99q\x1f\x00\x8065\xea#\xea&gt;\xa0_\xd9_\xdc{\xbaA\xea\x07\x8cj[\xe0)\xe7\x00\x94`\n\x10\x80\x97ct~\x1a\xb2\x10\xc7\x00\x9e\xec\xe7.?p\xd5\x00P\xa3N}t\xf9\xcch\xd7S f\xc3\xc9\x9a\xc1\xf93\x9a\x87nABI8\xbf\xa3@\xd1\n#"\x1df\x1au\x08\x00(A]\x0c\xe0\x86\xe7m\x81&amp;[\x9b\xd3lk\xe9\x00\x00\xf2\xa2\xfd\x88\xc4\x83\r\x98\xc7c\xe0\xf6m*\xb3\x89\\\x10\x93\xf9\xd0\x00\x004\xc73\x00\x91t\xc6.\xa3/?\x8a6\x1e\xa5}]T\xd4\xda\xffM\x1e\x85-\xb0\xbcQ&gt;u\xe0,\x00\xc0\xec4F\xb1zt7cu\xb9/a\x14\x9cY^\x166\xbaM8\xefY\xe4v\x1d\x80\xbe..t\xad\xbb\xca\x1c\x00\x8ajs\x07`\x89\x03\xba\x18\x88\xea"\x91O\x9aZ8=)\xd1\xa5\xed\xdb\xacB\xfd:Gj7\x85\xed\xfa\x80d9\xde\xfdv4\x95Uc\xca\xdc\x9d\xe8\xe8D\x1bc\xc2\xeb:=G\xd7\xd35\x05\x00\x1a\xb4i\x83\x19\x8c)\x84\x8c-$"c\xc7xL\xf3\xf6Y\x97\xcd\x07\xbcb0\xb5\xe5\x93k\'\xc8\xf5\xcd\x89\x91\x9a\xc4\x00\x00 \x00IDAT\xc6\x06\xb7\xfe\xba{"\xab\xbb\x04\x03\x18\x8f\xef\x1d\x80\xbc\xe3+\xd4{%\xa8\x1d\x03S\x9b0O\x11\xe9\x7f|\xe5\xf6{\xfa\xef\x06\xac\xf3\xfe=&gt;psY\xdfn\xaa-\xc5I\xd3\xec\x98k#\xe7\xe3\xe3^V\xfav\xac\xbd\x8a\xfeU\xd7\x06\x00F2\xe9\x1d\x80\xe6\t\xa8c\x92\xc3,-t\xb8ND\xa2\x17\xc9ym\xa1\xd3\x13w\xd1\xa1\xe9\xf5p\x80\x8d\xa0\xaa\xc0\xe7\xee\xd9\xee\xaf\xeb\xd5\xc3\xf5\x02\xa0\xb4\x8f\xad\x13\xd0L\xc71\x96\xd3v\xe6\xc9\x90\x07\xa8_\x93l\xd7R\x9eU$\x02\xc8/\xe4f\xdd\xeb\xb3W\xdd\x80\xe5&amp;\xe1\xdbe\xcb\xd5\x03\xa0\x9a6\x0f\x01k\xa8\xe64\xa4\xa1\x10\xdd\x93J\xf4\xbaj\xe0\x1b\xcd]\t:\x8b\xdf\xbeT*2\xa3h\x0eB\xff\xec\xb5\x86\xdc\x19\xf3\xc8\xbaG\x8d2n+\x04@\xbb\x88\x0e\xc00\xf5~\x9d\xa3\xa8\x9dW\xba\'Z\x17\x94^,+g\xdc]\x82\x83\x12\xf3\x17\xbd7\xdb\xd6\x94E\xd3OO!\xf5\xeb\t\xe0\xe9\xf8\xd4\x12&gt;\x9fY\'\xfb\xa4&amp;\x08\x00\xaa\xf1o\xa8\xd4\xb6g\xd5\xdaZ\x111\xe6\xef-\xbd\x93\xe3N\xd5\xe6\xfc$j\xe7\xff\xe6\x8c_\xef\xfa\xe7\x1b#\xdb\xff[\x17\xe8\xac\x96L8d\xbfl\xcb\x15\xc2\x8cI\x9d\xb0\xa6\xa2~\x06\xa0A\xcc3\x00\xfe\x03\xa5=\x8fEg\\\xcc\xee\xff\xc8\xb4\x9d+\xfbt\xf6\x9c\xed\x91\xb4\xcc\x807\xc6\xb4\x88i&gt;k\xf3\xf31\x1b\xdc\xe9yLE\xd6\x93{\xd3\xca~\n\x8a\x9e\xd1\xac\xa9\x9d\xe8\xa5\x81\x84\xfe\x00F\xb0\xad\xcb\xfa\xaa\xd7|\xc6`2\x8d\xd3\xf4\x94-\x99\xd4?d5#j\xad\x92q(\xabr\xf08/\xbf\xff\xf8\x87\xd7\x07\x00\x94\xc5\xb5\x06@\t\x9fq\x97\x01\x87g|\x06\x8cw\xab7\xdc~E\xd5 \xf4T\xae\xd6\xd9\xa8\xb6\xf7c!\xc9\x98\xa4\xf0M\x9d\x04\x18W\xab\r:&gt;\x83\x19Pk]\xb8i\xf5$\xea5\x7fmk*\x00\xd8\xf2y\x08\xb8tm\xd5`8\xc4\xf3A\xae\x88\x97\xbf\xc6\xa6\x08\'\xba\x18-;\xc6\xd6y\xd3\x1cZ\x0e\x83^\xc7\xbb\xddr\x17\xb9\xdd\x0b2\xb3s\xfeO\xf1\x86l\xf4\xf2\xfd_\x14\x18\x00\xb5ix\x0f@\xaf\xc3!\xc7\xe1\x1c\x86v\x9a\x88\xce\xf6\xec\xc3\x9f\xd6\xda\xb5\x15\xf7\xder\xde;l\xaf\x18\xc2:\xfb\xd6\xbb&gt;\xc0\xe93\xc4\x94\xe7hd\xdd\xc0\x12"uJ\x05\x00-\xda\xbc\x07 \xc8\xf9\xf2&amp;\xbf\xf5\xa2\n.\xb6\xaa\x89\xfb\x85\x8e\xee\x0f \x8e\xe74\xad$\xa9[\xd8\x7f\xdd\xfe\xa5\xd0-\xe4,6\xeb\xd1\xd8?\xf3\xb8w\xf0\xa3\x97\xdb\x07r\xfd\xa4\xc4\xb3\xf4\x1eo4\xb0FP\n\x05\x03\xba\xf7\x83\xca\xd4Z)2\x0e\xdbs\x1e\x00\xc0\xcbU\xcd\xdb$dQ\xd0\xd2\xabHC}\x89G=X\xa6=/\x8a\x93\x83\x12c\xbe\xab\xdf\xa3\xd2&lt;\x1c&lt;\x0eN_1\\#\x00\xba\x17v\x07`W\xd35\xac\xf8\x9c\x13\xa3k\x8f\xa50\x8a\xd6\n9\xbfz]\x8coy\xb2F\'_\x7f}\xb1\xfe\xda\xe5\x87\xdfq\xdaw\xaet\x99\x13E\xa1\x17b\xccsB\xff\xe3\x07j!\x00\x13\xd8F\x03\x8c|\x00\x1a\x9c\x8eD\x06\x0fO~\xed\xc9\xf0\x7f\xb5\x01N*\x13\xf4\xa3\xd6\xa8?\x17\x05\x00\x9dh\xb3\x81\x14Y\xae\xa0\xabH\xdd3v\xff\xed\xef]\xfaV}\x00*\x13t\x84\x8b\x02@\xef\xe2\xef]\xca\xeb\xc9\xd7\x01_\x14P\xc1&amp;\x03\x872\xeaqe\xb7\xb6\xee)y\xb5\x0b\x11\xb6k\x93K\xf8\x1aG\x8e\x80\x83\x13\nly^_)\xf5a\xc4%\x0c\x00\x9e&gt;\x98\xa8a\x86\xf7\xafPC\xc5\x08\x7f\xcd@\x1f\xfa=\xae\x9a\xcf\xf3e\x89\xfe\xcf6\x1b\x90\x80\xdd\x00\xbf\x92\xe1F%\xc9\x80\x06\x9a\x0bC\xe0\xdb9\xf6\xf7\xd9|\x16\xab\xb0\xf6\x87\xc5\xa4\x0c\x00\xbc\xe9\xadd\x07\xb6\r7\x8f? \xda\xaf\x8a\x8c\xe3\xeb\xcdw7\x99:\x1b\xa7su\xben\x89\xe6\xef\xb6\xef\x98\xefs\xa2Z-\xc1%\x80\x8d\x11\n\xc31\xfa\xafY\xd5\x00\xc0\xa9&gt;\x87j[(w7\xb6\xd0`\xf0\x9c\xa23\xb3\xdaY\x10\x91\xedD\x9d\xe4\x8d\xdd|\xc2\xfeqc&gt;\xe5t_\xc1\x11H\xb5\xf2Y\xeeZC5\xc2T\xc03\xdb\xab\xce\xf1V`\xf7\x07\x00 ]\xe1\xfaE\xc4X;Ls^\xe8@\xea\xb7\x94\x03\xb7\xcd\xcb\xa1\x99\x19:\xb7\x9e!\xfc\xd9\x89\x8e\x19\x7f\x1c\xb5\xc0\x0cy\\\xd12f\xc8\xd8y\xbb9\xba\x80\xa7\xe0n\x83{\xa2\x7f\x00u\x14|\x13\xb0\x88hx\xbd\xa1\xda\x9b\xad\xdb\x8a\x9e\xba&gt;#kmP\xf4\xaf\xb3xdt\xbc\x04F?bD\xca{-\x8c=\x83\xfdQi\x8b\x04\xaf\x81a\xed}pO\x83\x00\xa0\xb4\xda\xd5L\xfd1!\x9d\x03*\xcd\xc7\xe0G\x1d\x9c\x0b=\xae\xae\xf3!(\\\xdb\x1e\xe6\xb6\xf8\xf9o\xa4\xdf\x8c:\x95u.\xd6 |\xea\xa5\x90\xba\x8b\x05\xe2\x00@\xa9\x82w\x00\xaeT\x1ep}4T\xf1\xb1K\x81\xd4&gt;\x82\xce\xb6\xd1\xff\xe3\x7f\x1b\xed\xb7\xa0\xd0\\\x1d,\xa8ub\xd8\xffM\xe8\x9d\xa2\x19\xd8\xccW\x04\xd9\x0b\x00J\xc5w\x00\xdc\xc1\x9c\xe3\xaf\xf5C\xae\xa4=\xe6[\xa3\xdd\xf1\xcb\xaa^+\x0ey~&lt;O\x82\xbf@\xd3Z\x93Y\xf4u,\xc7\xc4\xd6O\x7f_96#\x8f\xea\x8e)\x8b\xb7(\xe7\x00\x86u\xbb\x90Y\xa3\x1ap\xff&amp;\xd4\x16ix\xed}\x93\x00\xd9\xfeRC\xc2\x9a\'\x03\x19\xd8\xcbU;\x8f\xde\xbe\xf8I\x9b\xdf?\x97\xf8\xbc\xdf\xc2/\xcfP`&lt;\x97(\xed\xc60\x07\x82\x8c\xd2J\x05\x953\x00\xdd\xee*\xa9\x06\xf5\xd7.=\x1a\xe2\xec\xf5\xc7\xed/[&amp;\xccw\x91xt 2\xfa?|\xdd\x98\xff\xd2s\x83\xa7\x1b)w\x80@}\xe9E:q\x0b\xd4\xcf\x00\x94\xf2\xa9\x9b4\xc4\xe2\x1a\xeb\xd0}\xcd^?\x85\x7f\xd0\xd0\xc0\xe4\xce\x81V\x99\xe9\x8c\xd4\xe5P\xd8\x9e_z\x9f\x0c\xb4\xffL|/b\xdc\x125\xf9\xc5\x82\xca(o\x004\xea\xa8nR\x99T\x15\x917\x1d\x80\xbc\x1af\xe6#\xf2\xf6\x0c\xd6\x8d1\xe6?\xbdy\xe7tD\x07\xc0\xe4,Q\x1a\x8b%\x17KQR\xf1=\xd3}\xa1\xe0\x01\xa8\xcdQ\xef\xf4[%\xf5\x9b\xf2\x14\xc7\xf1\xdd\x8b\x81a\xcd&gt;\xb3u\x02\xb4\xf3\x8d\xfe\x0f\x9f\xbf\xdaB\xe8\x06s\xd3^&gt;{\xbb\x82\x02\xd4?\xb4v\xc5L;\xf2\x04\x002\xf8\xfc\xc2\x95\xa9\xce\xca\xfa\xa4\x03\xa0&gt;\xbaB\xa8}\xbc.\xaf\x87z\xdd\x9f\xbe\xda\xc2akU\xe9\xbc\x94&amp;Q9\xf3\x1b\x163\x85\xa8\x9f\x01\xa0?\xad\xc6\xb1$`yM\x86\xd9F\xe5Z\xc6\xe7\xd0\x19\xf8\x11WA\xc6\xe9w\xf3&amp;\xf4\x17S\x02\xb1\xa1y\xf8\xbf~\xb7DmV\x00\x18\x0f\xcb9g\xb3V\xdcM\x16\xc9\x96\x8b\xd7s\x8a\xd67\xdd:\x13&amp;\xbb\x92\xa9\xf6(T\xb9\n\x1d\xac\xb5W\xc5\xc3\xf9=s\xfd\x15 \x0fg\xc9l\xac~\xb5\xa397\x00\x0c\xa6\xc1\x9b\x80Ge\x9f~y\xe5\xfd.m\xc6y\xb3\xd1I[\xf26\xd2\xbc\xc6\xa3\xebxX\'G\xa1T\\\x1e.\x1f\x8f\x1f\x8fd8\x13w\x1a\xbf\x13\xdd-.a)e\xde&amp;\xbdy\x12\x000\xaec\xebR \xcc\xfa\xf3Y\xb7v\xe28\xb7\xe4\xf4(\x14F\x90\n\x93\xb4u=\x0b(\xe7W\x90\x15Y=\x12\xae\x1d\x00\x03\xc9S\xa3Q-\xe6@\xeb\x82[\x17\xd1\xfc2\xa7\xff\xf3\xc4\x98_c\x0eo\xa7^}\xc6]\x87\xa1\xfc\x11\x00\xbd\xe2\x02\x01\xd0\x85z\xb7\x1b\x99\xcb1\x96\xfd4}\x94\xe3\x98\x8b|\xf1\xa7\xd4 \xc4q\x9djz\x1e\x83B\x88\xf64]\x11\x00\xe0\xab\xde3\x00\x9a\xe7zb\xc7#~\xbc?\x95\x8c\x84e\xb1\xcd\xc6\xe3\xd4\xa9,\xd7T\xd0&amp;4]\xc5zR\x82sj*\x81\xcf*\xb7\xe9BW\x043\xf1\x00\x14\xa5\xb2\x05\x15\xe1I(`\xb5\x0c1\x8a\x88w\xb4\x11\x1e;,\x1b.=\xf6\xcf\xb0=\xfa\x10}\xd7:\xcb\xedn\xee\x99\x03(J\xe5*@m\xab\xbci\x06]\xaeF\x98\x18y\xd2*\xe4\x1e\xda\xb2(\x951\xc6Z\xf3\x19W\x9fz}\xd0&gt;\xfe\xe5\xdedPr\xaf\xf7\x89A\xccTQ\xccs\xa4\x000\xa1\x99b_G\xa0\xef\xfeS\xc9D\xa1\xac\xe3$" \xda&lt;\xb5A\xfd#e \x06\xc0t\x1a\xd6z\x89unw\xf5\xb5#\xc1&gt;kG\x16H\x11\xf2\x9b\xe0L\r\x7f\x80\x98\x0c\xab\xf1\x02@\t\x97\x15kZ\x85;L}\xcd8\xf102\x86\x11\x11\xdb\x19\xe6\x8a\xc0\x84\xfa\x1d\x8a\x02\x00\x0c\x88\xb6!\xc2\x189\xd6\xf6(\xe8\x00\xe0\x94\x88\x0c\xf9\xe8\xd4\xee\xb8(\xcc\x00\xd0\xb1\xcf\xaeU\x89\x9f\xbd\x89)ik\xbbm\xe6H#\xc6D\xf1(\xe9\x93[\'\x00\x95\xecV\xe0\xad|Yq\x15\x03(\x8a\x159J\xd9U\xdf\x8f\xe5X\xe26b\xad\x15\x11\xfb&gt;)\xa7\xf9\xf2p3\xbc\xfef\x86c\x04\xa0\xcd\xda|P\xff\x00($\xc32\xa0\x0cT\xdcZ\xd6X\x0c\xff\xe2\xe6gym\n5,\x05\x9b\xe2\x8dTT\x92\x9d\xcby\xfa\x9e7\x13(\x12\x00\x9a\xfa\x98\xbe\tGH\x9a\xfdU&amp;=\x8e\xc8&amp;%x\xf9\xf2v#\xdd\xe5@\xa7\xf4\xe4sh\xb1g\xf8\x10\xc8e\x1d\x08\xc8{5\xf1&gt;&lt;\x00m\x95}\x11X\xf6\xf8Ce\x8dy&gt;7t\xf3~\xa51i&gt;\xb4^\x06\\K\xa4Ss\xf4?\xf7\xe3+\xd3\x1e\xf8 r\x15\xdd\xe5\xf5|\xea.O\x00SQ\xf9&amp;`\x07\x8d\x95\xa6\xc2$)A\xc4\x93GP\xac@x\xa1S\xf3\x8e\xcf\xc4]\xaf$\xdbK)o\x1f\xc0\xfd\x81\xb1\xc7\x8f\x004W\xb6\x03\xd0W\x93\x13\x9d\xdaj\xd5to\x03\xa8\xb4^7v%g\xbb\xd6\x93\xcf\xd7\xaf&gt;\xa69n\xd0\x9c\xb6\x83\x9c\x97[\xf3\x03\xef(\xdfU\xc9_\xe5&gt;/\xf0\x8ejr\x00@S\xbdu\x00pt\x7f\xfa\xfcO\xf1\xcc\x85\xa1\xc0\xb1\x9flp\xe6\x1c\xc6S\x81\xc5\x97o7\xc5r\xcf\x00J\xebm\n\xd0\xdc\xb8)\x9c\xaeZ\x9bzl\xc2=\x1bt\xffS\\\xb40\x14}&gt;A\xa5\x93\xcc\xe4rC\x89y\xa7\x94+\x00\xcd\xd1\x01\xc0\x8b\xee\xf8,\x8fjM\xef\xd5~\xe22\xf9\xea[eOY\xee1H\xe2\x9e\x04\xe3_\x9b\xf5\x9dM\xc5\xc9?\xee\x1e1\x96\xcf3\x00\x00J\xa3\x03\x8073\xf4\x01j\xd97\xe1\xd1\r\xfa\xfal\xc0\xe9&gt;b\x93w\xb3\xbb\xc7\xd6\x9f\xff\xf4(\x15\x95g,\xcc\x17\x1b\x85\xad\x03\xdb\xe3\x85\xdc$\xcd\xbb}\x96H\x0</t>
        </is>
      </c>
      <c r="E740" t="inlineStr">
        <is>
          <t>&lt;class 'numpy.ndarray'&gt;</t>
        </is>
      </c>
    </row>
    <row r="741">
      <c r="A741" s="1" t="n">
        <v>739</v>
      </c>
      <c r="B741" t="inlineStr">
        <is>
          <t>steps_per_sec</t>
        </is>
      </c>
      <c r="C741" t="n">
        <v>8300</v>
      </c>
      <c r="D741" t="inlineStr">
        <is>
          <t>2.5826046</t>
        </is>
      </c>
      <c r="E741" t="inlineStr">
        <is>
          <t>&lt;class 'numpy.ndarray'&gt;</t>
        </is>
      </c>
    </row>
    <row r="742">
      <c r="A742" s="1" t="n">
        <v>740</v>
      </c>
      <c r="B742" t="inlineStr">
        <is>
          <t>Loss/RPNLoss/localization_loss</t>
        </is>
      </c>
      <c r="C742" t="n">
        <v>8300</v>
      </c>
      <c r="D742" t="inlineStr">
        <is>
          <t>0.20771632</t>
        </is>
      </c>
      <c r="E742" t="inlineStr">
        <is>
          <t>&lt;class 'numpy.ndarray'&gt;</t>
        </is>
      </c>
    </row>
    <row r="743">
      <c r="A743" s="1" t="n">
        <v>741</v>
      </c>
      <c r="B743" t="inlineStr">
        <is>
          <t>Loss/RPNLoss/objectness_loss</t>
        </is>
      </c>
      <c r="C743" t="n">
        <v>8300</v>
      </c>
      <c r="D743" t="inlineStr">
        <is>
          <t>0.015697395</t>
        </is>
      </c>
      <c r="E743" t="inlineStr">
        <is>
          <t>&lt;class 'numpy.ndarray'&gt;</t>
        </is>
      </c>
    </row>
    <row r="744">
      <c r="A744" s="1" t="n">
        <v>742</v>
      </c>
      <c r="B744" t="inlineStr">
        <is>
          <t>Loss/BoxClassifierLoss/localization_loss</t>
        </is>
      </c>
      <c r="C744" t="n">
        <v>8300</v>
      </c>
      <c r="D744" t="inlineStr">
        <is>
          <t>0.11707512</t>
        </is>
      </c>
      <c r="E744" t="inlineStr">
        <is>
          <t>&lt;class 'numpy.ndarray'&gt;</t>
        </is>
      </c>
    </row>
    <row r="745">
      <c r="A745" s="1" t="n">
        <v>743</v>
      </c>
      <c r="B745" t="inlineStr">
        <is>
          <t>Loss/BoxClassifierLoss/classification_loss</t>
        </is>
      </c>
      <c r="C745" t="n">
        <v>8300</v>
      </c>
      <c r="D745" t="inlineStr">
        <is>
          <t>0.046462055</t>
        </is>
      </c>
      <c r="E745" t="inlineStr">
        <is>
          <t>&lt;class 'numpy.ndarray'&gt;</t>
        </is>
      </c>
    </row>
    <row r="746">
      <c r="A746" s="1" t="n">
        <v>744</v>
      </c>
      <c r="B746" t="inlineStr">
        <is>
          <t>Loss/regularization_loss</t>
        </is>
      </c>
      <c r="C746" t="n">
        <v>8300</v>
      </c>
      <c r="D746" t="inlineStr">
        <is>
          <t>0.0</t>
        </is>
      </c>
      <c r="E746" t="inlineStr">
        <is>
          <t>&lt;class 'numpy.ndarray'&gt;</t>
        </is>
      </c>
    </row>
    <row r="747">
      <c r="A747" s="1" t="n">
        <v>745</v>
      </c>
      <c r="B747" t="inlineStr">
        <is>
          <t>Loss/total_loss</t>
        </is>
      </c>
      <c r="C747" t="n">
        <v>8300</v>
      </c>
      <c r="D747" t="inlineStr">
        <is>
          <t>0.38695088</t>
        </is>
      </c>
      <c r="E747" t="inlineStr">
        <is>
          <t>&lt;class 'numpy.ndarray'&gt;</t>
        </is>
      </c>
    </row>
    <row r="748">
      <c r="A748" s="1" t="n">
        <v>746</v>
      </c>
      <c r="B748" t="inlineStr">
        <is>
          <t>learning_rate</t>
        </is>
      </c>
      <c r="C748" t="n">
        <v>8300</v>
      </c>
      <c r="D748" t="inlineStr">
        <is>
          <t>0.039593507</t>
        </is>
      </c>
      <c r="E748" t="inlineStr">
        <is>
          <t>&lt;class 'numpy.ndarray'&gt;</t>
        </is>
      </c>
    </row>
    <row r="749">
      <c r="A749" s="1" t="n">
        <v>747</v>
      </c>
      <c r="B749" t="inlineStr">
        <is>
          <t>train_input_images</t>
        </is>
      </c>
      <c r="C749" t="n">
        <v>8300</v>
      </c>
      <c r="D749" t="inlineStr">
        <is>
          <t>[b'1024' b'1024'
 b'\x89PNG\r\n\x1a\n\x00\x00\x00\rIHDR\x00\x00\x04\x00\x00\x00\x04\x00\x08\x02\x00\x00\x00\xf0\x7f\xbc\xd4\x00\x00 \x00IDATx\x9c\xed\xddy\xcc=\xddc\x10\xf4\x99\x97\x97%\x96E\x05\xaa,Z4\n\x95\x14\xab\xc8\xbeE\x89`#\x18D\x81@\x15#\x84U\xc2R\x01\x0b\xca.&amp;B\x02\x12\x16Q\tX \x88\x80(FYR@\\\x00\x15%\x14\xa8\x82\x80\x01\xa5\x02\xb2$\x04(!\xd4\xf6\xf8\xc7]\x9e\xb9\xf7\xce\xcc\x9d\xe5\x9c3\xe7\x9c\xf9|\xd2\xbe\xbf\xe7\xfb&lt;\xf7\xce\x9c}\x9b33]\x07\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4]\xd7\x85\x10\xfa\xbe\x7f\xfb\xd1\x10B\xd7u}\x7f\xfdV3.\xf1\x1aZ\x92\x1a\xd1\x0fuK\xde\xf8i\xfb\x1a\xaa\')N\np\xac\x85]\x1b\xc0\t}\xf2vt\xf8d\xd5\xc7C\x08]\xb7\xee\xf8)\xcc\xc7\xb1\xbf\x89~\xde=\xc7\x0c!\xac\xcd\x9a\x99`&lt;\x85\xe49`\x91N\x04P\x0e\xa3\x7f\x80)\x9f,\xff\xe8\xdb\xc6tt\xc0\x1agl\x19\xc2\xc6\x03\xadYV\x8f\xd8Y,\x98QD\x1b\xdf/\xd4\x0ft\x8fib\xf8\x0f@\\\x11\x97\xb1\x80\xe8&gt;\xe9V.\x93\xcc|\xf8\xf9/\x1f[\x86\xf6Zr\x1da\xd8\xd6\\~X\xdf\xf6\xf4\xc3\xaf\'\xf6\xba*\xff\x90V\x89.J&lt;\x85\xe0\xe9\x07\x80f\x18}\x02L\xf9dj\xf079w\x0fazZ\xffp\xa8p\xfd\xf8\xce\x10.\xd5_Owd\x8b\xbfo \xdd\xe7\xbf\xb9"\xc34\x03H\xc1\xe8v\x9e\xf49\x96\xf4\x87\xc2}l\x01Zr\xb5\xae\x1f,S?\xed\xef\x0f\x1bw\xe9\xfc\xfah\xcd\xc4`0{\xdb\xe5\x12\xe7\xc0k\x03\x91\xff\xac\xc0\xd9hj\x960\x0c=\x96R\n\x15\xb8N\x00\xbe[x\xf8\xe7\xec\x87\x87\x1fx\xfd\xfc\xd2\xfd\x7f\x0b&gt;\x93t+a\x94#?%\xc5\xfe\x03\x02\xb0\xd9k\'\x05\xc0\xb85\xcd\xe5\xfb\xb65V\xcb\x9b\xba\x11\x8fr\xfc\xc7\x83\xe8r\x80R\x9cs\x10l\x02\x000\xe3\xe1)@\x97\xabu\xcb\x16\xf2_n\xf8]\xf0\x08\xfc2\x9b\xe3\xd1Xo8\xc8 \xbe.zB-\x8ak\x91\xa2;\xe76\x8cA\xac\xdb\xcfb\x80\xb5&gt;\x19\x1f\x94\xdf\x9f\xa23=,~\xecT\xea\xeea\xa2\xcc\x01\x80\xba\x14\xb9"A4\xb7\x86\xfd\xe8pd\xa4@\x03\x0b]\xaf\x00\xdc[\x8d\xeb\xb0\xbe\xff{\xdf~\xf3\xb9\xa1\x19\x9b\x02&lt;]\x84\xdd\xf6\xc8\x99&lt;s\x8b\x03\x9f\x87\xa3\xc9\x06H\xe1l\x0f:;Ud\x81=&gt;\xbd\xfc\xcf\xb0\xd5\xb8\xfd\xbchT\x1af\xdf\xb5\xde\xf7}\xb8]L\xb8?\xa1g} {\xd7p\x81\xd8\xb4*4#\xd8z\n\xacr\x1d\xa0\x8f\x0e\xe2\x9f/\x0bl\x15\xeb8e\t!\\\xafN4\x14)8\x93\x99\xd6\x0f\x00\x1avy\x13\xf0\x0f\x1f\xfd[s\xddb\xd4\r\xbf\x15\xee.M\xb0\xd7\xa8\xaa\xf8C\xd7u\x8fK\x12F\xff@Rv\xf9R\xabX\x8f\xc9\x7fzqX~e&gt;\x83\xa8j\x92\x14\x00\xa6\xe8%\xa12a\xe3\x8b\x8d\xcfE\xd3\x06\x00St\x91\x14\xeb\x93\xf7\x1fi\x9a\xca\xb9\x93\r\x14\xc0Q4\xe0\x14\xce&amp;C(\xd5D\xff\xe1\n\x00\x00,\xf2\x0f\xeb.\x01\x00 \x87"F\xde.\xc5\x00\x00\x00\x00\xc0\x9d\xd52\x00\xe08g\xbf\t\x18\xf23\xfc\x078\x03\x9b\xa3\xa0\x1ag\xaa\xae\xe7\x89)@\xad\xce\xd4+\x01\x99\xb8\x02pf\x1eO\x06P4\xa3\x7f\x00\x00\x00\x00\x00\x00\x00\x00\x00\x80wl\xb8\x04\x00\x00\x1a\x10Bp?\x19\x00\xc0\xc9\x15\xf7\x14 #T\xe08\xeb&amp;\xc9&amp;\xd5\x00\xd4\xa8\xb8\t@\xdf{6eB\x12\x17f\xad\xab"\xda+\x00\xa0hV+\x01\x00\x00\x00\x00\x00\x00\x00\xa8\x97\xdd/\xe9|\x17\t\x0b\x00P\xa9\x86G\xc9\xb7\xa8-\x8c]\xf06\x006k\xb5\x12\x01\x00mxx\x84\xc5}\xe0r\xf2G[\\\xd2\xe1\xe4\x89\x00\x00@\x93\x8a{\x0chI\xac\xe3\x02\x00\xd0\x9a\xe7En\x17\x01\xaeB\xe8N\x9e\x02\x00\x00\xb4\xe8\xf9\n\xc0\xd9\xc7\xfdw\xd2\x01\x00\x80\xf3h\xf8n`\x00\x00\x00\x00\x00\x00\x00\x00\x00\x00\x88\xc8\xb6[ \'\x8f\x01\x05\x80#\x19\xfd\x03\x99\x99\x00\x00\x00\x00\x00\x8c\xb1XKt\n\x15\x00\xd4\xc8\x93s\x81\xd5\xb4\x1b\x00\x00p"&amp;\x00\x00\x00\x00\x00$\x10B\xe8\xac&lt;\x01\x00\x9c\x8f\xa7\x00\xb5e\xd5\x98\xbe\xef\x93\x85\x03\x00\x00\x00\x00\x00\x8a\xe5\xde,\xd6Sf\x00\x00\xe04L\x1a[\x15\x82\xc7\xbc\x02\x00\xc0\x89\x98\x00\x00\x00\x00\x00\x00\x00\x00\x00\xe5\xc8\xb6\x8d\xa1\xcd\xfd\x12\xf6\x81\x9c\x8d\x1c\x07\xa0=\xde\x03p"y\xefcl\xfe%\x03\xc6\x85\xa7\xd0|9\x06\x00`\x11\x0b\xc3G\x91\xf2\x00\xb0\x93+\x00\xd0u\x9b\x9e\xf3h$z\x1c)\x0f\x00\xdb\x99\x00\xc0U\x7f\xfa\xdd\x1eULi\xfa\xfb\x7f\x00\x00`\xbb\x95c\xdf/&lt;\xf7\x9b\xa1\xce\x1cw\x00\x008\x9d3L\x00~i\x08^\x00\x0c@\x93\\I\x07\x18w\x1f\xfd\xf7\xf6\x87\x01\xd0\x10\xf7\x00\x00\x8c3\xee\x07\x00\xe0\x95-"\xcb%L\xab\xa4\xdbu\xec\x05\x02\xb6\xd1tP&amp;W\x00`\xa7~\xed\r\xc4\'\xb6jA=\xacMX\x0b\xf6\xd0\x86\x96\x06\xcd\xda%\x00N\xca\n:\xb0\x90\xe6\x022p\x05\x00\x16\xfa3G\x07\xa0Z\xfar`1K\xe6\x00\x10\x81\xe54\x00\xe0\xce\x15\x00 \xa9\xe0&gt;i\x00\x80E\xac\xdaR\x8b\x99\xb2z\xdb\xce\xab0\x03\x00\xbcg\xccD\x0bLe\xcfH\xa6\xaf\xe7\xe6W\x00\xa0M\x7f\xd4\x10\x07\x00\x00\x00\x00\x00\x1aw\xc2\r\x0f\xedE\xd9\xc6\x15\x00\x008\x117y\x03\x00\x00\x00\x00Db\xc7\x85\xf5\xe6\x86Lg\xe5\xd9\x0b9@B^\x04\x06\xc7\xdb0\xa0?\xf7\x1c\xa0?:\x00\xc41W\x8a{\xb9\x0c\x00@\xd7ug\x9f\xfc\x00\xc0^\xae\x00\x00\x00\x00\x00\x00\xf1\xb8v\x07\xe5p\x05\x00\x00\x00N\xc4\x04\x00\x00\xca\xe2a_@R&amp;\x00e\xd1\xe2\x03\x9c^\x9b\x1dA\xef\xc9N\x00\x00\x00\x00\x00\x00\x00\x11\xbc\xd9Q\x1aB\xf0\xeaM\x00\x00h\x87\x1b\x0c\x00\x00\x00\xa0b&amp;\xf6\xe4\xa1\xa4\x01\x00\xc0\x89,\x9e\x00|U\xdap\x001x&amp;\x17\x00\xb0\xd7}\x860\xfa\xb8\xcf\xcb_=\t\x14\x00\x00\x00\x00\x00\xa8\x81w6\x03\x00\xd0 c\xdcQF\xff\xd4\xeb\x93\xa3\x03\x00\x00gd\xec\xd8\x06\xf9\x08\x00\x00g\xe1"\x00\x95r\x05\x00\x00`\xbb\x1fj\x0e\x00T\xcdJ\x06\xc0\xc0\x9f9:\x00\x14\xcd\x15\x00\xa0\x05\x07\xb7e\xdfA3\nP\x8a\x10B\xd7i\x96\x01N\xc0b\x06P\x97f[\xad\xa3W\x97\x9bMX8=\xf7\x00\xf0\xcc\x9b\x1a\x81*4?&lt;=&lt;z\xba\x03h\x95\t\x00\x00\xdb\xa5\x19\x85\xff=K&gt;dx\n\x001\xb4\xbe\xa2\x06D\xd7\xfcJ&lt;\x0b\x9d\xbc$\x9c&lt;\xfa\xd4\xc5\x15\x00\x1eYQ\x83\xb3\xdb\xb2\xef\xdc\xd0\x87\xee\xec\xd7dT\x01`\x9f\x10\x82\x95x\xe0(\xabF\xf3\x1e\x83xF2\x1d*\xe7\n@\xa1\xb4\xac\xc0\x81\x96\x0f\xef\xfa\xfeL\xeb\xbeG\x8cz\x8b\x1bj\x7f~\x08\xae\x16\x03\xc4e9\r\x00\x80t\\\x01(\x959\x00\x00\x00\x9c\x84+\x00TF\x89\x05\xceA\x07\r\x004\xcep\x07\x86\xd4\x08\x00\xa0q\x86;\x00\x00\x00\x00\x00\x00\x14\xe9\xb3]\xc8\x02\x00\x80\xf3H\xb2\x93\xed\xfbxf7\x00\xec\xa2\x1f\x85\x82\x19\xe9\xbe\xf0\xd2\x1e\x00\xd8EW\nT\xe7\xd2ji\xbb\xa8\x91\x17\x81\x1dO\xdb\xc1\x1e!\x04\x8bs\x1cA\xa9\xe3\xec\xfa\xbe\xef\xba\xae\xef\x8f\x0e\x07\x00\'\xd4\xc0\x1c\xd2\x15\x00\x00\x00\x80j\x98\xbf\x01\x00\x00\x00\x00\x00\x00\x00\x00\x004\xee\xa4\x1bF\xcf\x19k\xa0}?\xf8\xe8\x00\x00P\xbcsN\x00\xce\x19k\xa0y\x1a7\x00\x008\x11\x13\x00\x00\x00h\xd2\x9f;:\x00\x00\x00@&gt;V\xfa\x01\xa0u\xae\xec\x03\x00\xb4\xe4\x93\xa3\x03p&amp;u\x8e\xa4\xff\x81\xa3\x03\x00\x00@B!\x04+\xbe\x00\x00\xc0\xe9\x98\x08\x01\x00\xa3,\x98R\xb5\xe2\xb6\x00\x15S\x9dBWP`\x00\xaa\xa2\xf1\xa4i\x86\x07\xd4\xae\xb8\t@1\xfa\x84\xc7\xfeC\xd1\x96\r\xb4A@i.\r\xdc?\xa7u*[U\x0b\xd8\xa9\xc2YU"\x00-\xf8\x82(G\xd1r\x01\xe51\xa8"\x83\x08el\xcf\x04\xc0\xe4\x01\x12Q\xaf\xde\xd3\xfa\x00\xd0\xa6\xf4\x1d\x9c&gt;\x14\x00\x00N\xc4\x04\x80\xd3r\x0f\x00\x00\xa9\x18`Q8E\x14\x00 &amp;\xa3+\x00\x00\x00\xce\xc2\x1c\x982\xd9\x02\x04\x14J\xc7\t\x00\x00gb\x02\x00\x000\xe4!\xc4\x00P2\xdd4e\xb2\x05\x08\x80\xc3\x18\x1e\xd1\x8c\xd1U\xb9\xbe\xef\x0f\t\x0c\x00@\xa9L\x00\x00\x00\x00\x00\nw\xea\x9d\xe8g\x8e;\x00\x00\'e\x10\x0c@\xc3ts\x00\x00\x14\xc1\xc0\x14\x00\xe0\xe4\x0c\x07\x01\xae\xcc\x90\x8174\x13\x00\x00\x000\xc3\xb4\x19\x00\x00\x00\xd8\xe3/\x9d\xfa\x01\x83\x00;h=\x89O\xa1\x02\xd2\x1b{\xabn\xe6\x00\x1cyv\x00\x00\x00\x00\x98\x14.\x8bgV\xb0\x80\x8a\xa4l\xb2l(\x82\xa1O\x8e\x0e\x00\x90\x8a\xee\x8eB\x18{\xb1H\xdf\xa7&lt;\xf6\xba\x83\x878{\x90\x94|\x80S[\xd1\x97D\x19-E\xea\xbd\x00\x80\xd6\xb8\x02\x00y,]|2j\x07\x00\xc8\xc6\xc0\x8b\xe3Y\xb9\x07\x98\xe6\x02)D\xe0\n\xc0P\xc2\xdd\x87\xb0H\x08k7\xaa&amp;\xa5\x8f\x04\xca\xa1E\x02\xa2)\xadA\xb12\xc1\xdb\x02\xa0\x84\xec\'\r\xe1\x10{\xfa8\xfd#\x10M\x91\xadI\x81A\x02\x80#\x99\x00\x00\x00\x00\x00\x00\x00\x00\x00\x00\x00pv\xf6\xd4\x02\xa9id\xa04\x1e\x03\n\x90\x89a\x10\xe7T\xd4\xd3\x8d\x01\x00\xa3R\x00\x00\x00\x00\x00\x00\xa0Rny\x82;\xf7\x00\x00\x00\x8d3\xf4\x87!\x13\x00\x00 \x95\xa2F\xdenG\x06\x00\x80\xd4\x96N\x00f\xa7\n\xdf5JP\x80\x0bSa\x00\xe0`\xf7\xd1\xbfEz\x00.\n\xba\x82\x0c\x10I\xd0\xb8\r\xa5\xdc,$\x9d\xe1\x81y6\x15\x08!\xf4}\xa7\xb8v]w\xe9"\xad\x90A\x03.\xe3]\xd59\xb5\xe1\xbcBj\xc3\xc5\xa7G\x07\x00\xde\xeb\xef\xffA\xff\x05\x00\x00\x005*\xea\t9\x00\x00T\xc38\x12\x00\x00\x80\x9a\x98\xc7B6^\x04\x06@\x8d\xfe\xb1\xa3\x03@4!\x04\xa3\x7f\x00\x008\x0b\x13\x00\xc8\xcc\x15\x00R\xd0\x8eW@w\x0b\x90\x94f\x16\x80\xb2Xr\x03\xaaUG\xdb\xa5\x99\xa5X\xae\x00\x00\x00u\xf1&gt;\x14\xd8\xc5\x8b\xc0\xe0\xa4\xbcQ\x0c8N0\x88\x07\x00\xd8\xceN\x03\xea\x11:%\x16\x00`\xa7\x10B-\xbb\xa29\xb9\xefi\xdc\x0f\x00\xb0\x9f\xc5T\x00\x00\x00x`\xeb\x11\x00\x00\x9c\x8b9\x00t\x1e\x03\n\x00\x9c\x8f9\x00\x00\x00\x9c\x86\x8b\x00\x00@;B\x08\x9d\xc1\r\x00\xd3l\x01\x02Zs\xe6=\xbe\x97\x88\x9f4\xf2\x00,c\x02\x00@\xcbN;\x1b\x04\x98b\x02\xd0\xed\xb8V\xfeq\x9d=J\x07\xe3\xc2=D\xd1\xf7]\xdf\xf7G\x87"\xa1X\r\xceI.\x95\xb4]\x18\xdav\x86\xf2\t\x00\xf0\xc6\xdb\x81\xfb\xf2a\xfdI&amp;\x00t\xd5\x8e\xa4\x15Q\x80Bi\x9d!\xa7\xf3\xac\xdc\x13U\x83\x05&amp;\x84\xd0d\xbc\x80\x0f\xf9z;\xdd*\xb4\xc2(\x19\x00\x00v\xa9kHm\x81\x10\x00X\xad\xae\xe1\x0e\xa4\xa6F\xec$\x01\x01\xa0t\xf6\xda\x02\xf1hL \x81\xbf\x1a\xba\xee\x8f\x1d\x1d\x08 \x85\x9ft\xcc@\xdc\x04\x00\x00\x00\x8ea \x0e@\xf3tv@j5\xbd\x08\xcc\xbb\\\x00\x00\xe0Dn\xbbq\xec\xc9\x01`;\x9d\x08pr5]\x01\xb8i\xf0B\x80\xde\x08\x00\x00^Y\xfb\x07\x88B[\n@5\xfe\x85\xa3\x03\xb0\x8a\x19\x0b\x00\x9c\x941\x00\x9c\x94\xca\x0f\x85h\xe0\x91\xbe\xb5\x87\x1fNG\x9d\xa5T\r\xee\xa7\x07\x18\x15B\xe8\xeb|\x9a\xd8}\xe8\xdf\xf7\x9dv\x1b\x80\x9d\xc6o\x02\xb6\xce\x04\xb4\xa7\xd2\xd1\xff\xa3\x06\xa2\x00@A\xc2/7\xee\x07\x1aU\xe7\xba\xc6u\xdbR\x9d\x81\x07\xa0|\xf5o\x90%\xc5\x93=\x94\x8a\xa3H\xf9\xb8j\xbc\x07\xa0\xba\x00S\x17\x05\x0c\x00hY\x8d\x13\x00HL\x8d\x00\xd8\xea?5\xaa\x80\x1a\x98\x03\x00\x00q\x18U\x00P3]\x18\xc0\x06&amp;\x00\x00\x00@\xd7uVV\x00\x00\x00\x80y\xc1\xa5E\x00R\xf8\xf4\xe8\x00\x000&amp;\\_\xfc\x0b;\r\xde$\xadD%\x12\xbc\xa4\x8f\xba\x8c\xbf\t\xb8X\xf5\xdek[o\xc8\xdb#/.\xa4C\xe9\x8c\xd5\x88AM\xcfBm\xa52\x95M\x00*uk\x7f\xb5\xc2%\xf0^U\x00\xe0\xd4*\xdb\x02T\xf5\xe5\xcb\x10\xac\xe8\x95\xa0\xef\xbb\xbas"\xd6\xd5\xfc\xaak\x13\x00\xb0\x99+\x00\x9c\x8f\x81/p\x1a\xa6\xfa@\xa1\x9a\xdf\x8f\x11n\xec\x02Z\xe5\x8b\xb2\x16\x0c\xb9\x03P\x19/\xe2\x84J}\x93\xe6ko\x18\xc8p\xae\xd4\xa7\xc8\xa9\xb1\xe8\x94#\x84\xd3?_\xb2\xf5f\x07N\xc2\xca\x1a\xd4\xab\xac\xaa\x1b}X0\x18\xfd\x7fY\xdc#\x8f\x9e,\xf9)\xa8\xddg\xe7\x9b\x91\x02\x00\x05\xb25\xf0A\xaa\x87%\xbb\xff\x97b&lt;\x8d\xfb\xed\x0f\x06\x80\xb3q\x13p\x16\xb9\xc6X\xd6tY\xce\xc0\x1f\x00\xce\xc9\x04 \x9f\x0c\xa3s\xab\xb9\xad\x8bP\x84&gt;\nI\xdf+0\xacb\xe7\x18@\x1bL\x00\x1e\\\xc6C\xe9FE\xfaN\xf6\x88U|\x0c\xfb\xd9\xc34\x00\x00\x00N\xc4\x04\x00\x80\x19\x89{\x08=\x10\x00\x00\xac\x94t\x0bP\xd2}\x06\xffe\xe8\xba\xae\xfb\xb9)O\x01\xc0{.\x08\x00\x90\xc9\xfd2t\x94\xbeG\x07\x06\xb0\x8d\xf6\x13\xa0a\xcd6\xf1\xde\x8b\x04\x00\x15\xf8\xa3:k\x88\xc0\xd3@\xba\xeeq\xf9*\xf5\x83\x11C\x08\x97\'\r%=\x0b\xf9]J\x91\x07krB\n\x7f\x85\xae\xfd^\x8d\xb9\x16B\xa81\xd8P\x14U\xe8*\xcf\x1c\xe0\xd6Mv\xad\xa6\xbcv\x19N\xc8\x04\x00\x80z\xe5\xd9\x08\xe4\xda%\xd0\x94?m\x0b%\x00\x00\x9c\x8a\t\x00\x00\x00\x00\x00\x00\x00\x00Er9\x1b\x00\x00\xb2\xfa\xdaG\x07\x00\x00\x00\xc8\xe4\x7fuK\x19@\xa5\xbc]\x11\xa0d\x85&gt;\xb6\xd9S\xa5\x8b\xf4\xd0\x9b\xcb\x1d\x80\x0c\xee-\xafV\x17\x88\xe5\x93\xa3\x03\x90\xc4`\xe5\xc9\xfaSD\xfa\x1e\x00\x80\xea\xb59\x01\x180f\x8d\xe9\xb2\xfc\xd4\xf7\xbd\x85(\x18c\xc5\x01\x80S;\xb6#\xb4\xf7\x14\xda\xa4jsBn\xa8\x00\xaaP}SU{\xf8\x81\xcd\xea\xad\xfe\xf5\x86\x1c\x00\x8e\xa7\x1f\x85\xd3R\xfd\x01 \xab(\x0f\x8f\xbb\x1f![Gn\xc4\x00\xcdHX\x9d5\x14\x00\x14\xe0\xe3&amp;\xe0\x12\x86\xb0\xd1\xc3\x90\xf3N\xd5\x12\x12\x10N&amp;I\xa5\xdbv\x8f\xfbm\xdda6H\xee\x9eg+]\x0c\x10\xd1\xc3S\x80\xde\xf7^\xd5\xc9\xd5\xddz0\x0e\x1c\xa1\x94Jw\x1f\x9c\xbd\x0c\xd2\xdajQ\x130\xae]NZ\x01I\x94\xd0\xb8x\xd6A\xd9Z\xce\x9aU\x05OA\xe5\xeac\xe8\x7f\xf6"1\x13\xfdm\x7f\xe2\x892\x06@nG\xf6=\x89\xcf\x1b\x06V}+]\x90\xa0:\xf3\xa3|\xf5%\x8e\n\x93Q\xd6C\x81\x9a\x7f\x11\x18\xd1\x1c\xb8\xc5)[\xef\xf1\x18\xc77\xa7\xb5\xe9\x0b\x86fj\xc497I&amp;\x99\xf6\x9c/\x19\x81\x14L\x00X\xee\xb0.&lt;\xe9y\x1fz\xe8?\xfdp\xdat\'\xa5IV:\xc9\xae\x82K+\'\x9c\xfbA\xf9TK\xcen\xd8}\xea\xa8\x80XB\x08\x9a\x14\xa0L\xae\x00pj\xcf\x8bg\xef\xd6\xd2\xca_l\xa3\x1e\xcd=u\x8dGF\xff@\xb1L\x008\xb5~\xcd\xae\xff\xcco\x97\xa3m\xca\x11e\xd2\xc4\xc1\x19\x98\x004NS\x1e\xcfGJJU\xf6\xeb\xfb\xbe\xa1M\x98\x15\xecD\xdf\xab\xf9\x08\x02gr\x9b\x00h\xda\x1a\xe5\x1a\xf4\xbc\xa7Q\xcbLry\xc1\x13\xbcZ\xff\xf8\xdcj}\xb4\r\xffO\xd4\xe3\x9e!\xed\x80\xe2\x18\x1drj\x0b\'\x00\xa3\x03\x1c\x93+N\xce\r\xf4\x00\x95\xb2\x05\x08\xae~\xd9\x9a\x0f\x1b\xee4&amp;\x840r!\xf4,\x8b\xdb[H\x99\xe3\xbc\\\x8eTP\x01`\x95\xc1;\x80gz\xd0\xf0$_\xf8\xc8\xe3G\x8df\xab\xbc\x9e\xf2\\#\x16$\x94\x94\x8cC\x99\x04\x80\xbd\x16\x0ebL\x00\xe0nd\xf8\xff\xa6R|;\x15\x07\xa0\x1c\xb610\xe7&lt;/\xb2\xb9\x0cM\xfa\xae\xeb^\xe2\xeb\x06\x80#\x85\xf0\x9a#\xa5(9l\x89MT\x8an\xaaO\xa9\xf7n\x81\x10\xc2L\xbc\xf2k\xafMn/FP\x05\xf7\x00L\xb0Rus\x92E\xbb\xbe\xef\xfb\xbe\x9f\x1f\xcf\xe9\xa52+|\xc5\xb8\xe4\xb0\x1db*\xb7\xca\xce\xc67J{Z\xabV\x08\x88\xc2\x04`\x82F\xb6\xeb\xba\xfb\xb0\xf8h\xc7\x0e \xfa\x9b\xae\x8d\xde\xf7G\xd61\x1a+\x7f\xd4\xd8Ba\x88jqz\x94\x9e\xb3\xe4\xa4\x1e\x01\xbc\x88\xb2k\xb6\xf8\x81\xd4\xbc\xd2\xb6\x0eW~\x1b@5!\xaf&lt;\x9d[\x16B\xe8\xbe\xcd\xd2{\x00\xd6\xdf+\x0c\x00\xe7\xb6\xbf\xbfl\xa0\xc7--\n\xa5\x85g\xad\xaa\x03O!\xc6\x86\xf5&amp;\x00\xdd\xefi:v@K&gt;=:\x00\xcc\x89rm\xb4\x81\x0b\xacEE\xa0\xef\xfb\xaa\x071\r\x94\x07\x16\x08I\xebM\xff8\xde?y\xa1\xaa\xbaA\x00\xce\xe9\xf8V\xbb\xb4g,\x00\xf0\xd6\xc2\x07\xfb\xa4y\xfeO\xda\xe9\xcd\xbb\x93\x87\xf0\x18\x97\xa7\t\xc0\xc9\xa7C\x00\x8b4\x7fQx\xd49c\rI\xa8J%\xfb\x83M\xed\xfc\x99\xbf\xd5a\xc3\xd1\xe2\x1e\x10\xa0\x1a\x9a\xb9\xec\xa4\xf6NJl\x89N\xb5\xd7\xbc|\xd7\xf4\xff7\x9b\xca\x85\xe8\xe5j\xf9\x04@y\x06\x80#\x19\\\x96\xe6u\xe8o&amp;@t?*oqRt\x81\xa4lU\xa4}\xc1\x9b&amp;\x1b\xb5|\x84\xa4\x00\xb0\xc7\xbd\xa4e+H\xee\x8e\x03\x92j\xfcE`VP\xe8\x0c\xfe\xea\xb0\xbe\xaaN\xd4\xeeKf?\xe5\xb9\xf5\xd4}.\xa9w\xda\x04\x0c\xdd1oE\xfc\xcc\xbc\xa7\x03h\x85.\x1f\xaa\xb0\xb6\xaaNl\xf5\t]\xf7Y\xf3\x9f\x8d\x15\xe0\xf3\x90tn\xfb\x01\xdace\x14\xa8\xcf\xeb\x80lv\xbf\xc4\xc7\xc7]\x0eZ/t\xe1\xe5\x92\n#\xae\xc5L\x19\x03\xcaWt;e\xeb6\xe9(]\x87\xbb\x0c\x97\xb6\xe4\xc2\xcb\xf0\xff\xddA\x06\x13\x80\xceX\x16\x80\xb3+\xfa\x1e\x80\xd3\x8e\xcf\\n\x9e\x17kC\x82t&gt;\xd6\xd6\xfa\xfd\x90m\xfd\xb2\x86\xe2\xfe\x91\xb9,W\x1eFI\x16\x80\xe6\x14=\x018\xb3\xe8c\xd3\xc6\x06\xbb\xfb\xa7\x86\xc5\xce.\x1b\xcb\xa9Y\x9b\xee\xaa\xdc\x90&lt;O_\x99z\xf2\xfa\xfa\x03\x97cjV\xbc\xf7\x89\xa8g*\x8e\x00\xe7Q\xea \x88\xd8\xb6o\xb7 /{\x93f\x8d\x0cHg\x93\xeb\xbe-\xfb\xf2\x8f%_i\xca\xe8\x00~y\xf4\x95F\x80&amp;}zt\x00\xc8D/^\x0b95\xe7u\xf4\xff\xfc\xb7\xf1\xd4\xb3\x8e=dX\x0fpr\xb6\x00U\xc6\x05y\xce\xec\xb5\xf4\x87k\xa5X\xfd\x14\xd1XA\xaa\xd4\xc2\x148\xe7&lt;a{\xf18\xfb\xf3R\x8bs\xfa\'\xd8\xc2$\x13\x80\xca\x9c\xb3?\xdeE\xeb\x7f\x06a\xf2\xb5`}?\xfej\xb0\x93\xd0bl\xb0=\xd1\x0exY\x18\xc0\x16&amp;\x00\xb4N\x7f\xbc^\xb1kfS\xa3\xabKp\'_\r|\xeea\xd9\x89\xa3\xce\xb8b+xtG\xbc\xbf\x19\xea`\x02@\x12.\xbc\x16`W\xfao\xcd\xbe#\xf3\xfd\x7f|\xf3\xf7\xd3\x8e\x03\xf6\x8e\x80\xdeT\xe7T9\xae\x01I\xc5\x98\x18\x80$L\x00\x0e1L\xf6=\xe9\x7f\xd4w\x17\x1e\x7f\xc6\xdc7\x7f\xdc\xbe\x07b\x16\xe5\xf7f\r\xff=\xc5\xa6\x9e4\xfa\xf4\x03\x00\x85\xb3\x0c@\x12\x1e3r\x94\x02R&gt;\x0c\x1a\x96\x10\xbd\x91\x99\x1fe\xf6}?}\xd20\xfb\x18\xd0\xdb\x03C;\x9bf\x9e\xdd\x1f"&lt;Z\xba\xe6\xff\n@\x81l\x01z\xa3\x85\xc5\xc2\xdc\xbcp\xe0\xe4\xee/\xddMRqf\x8aV\xdfw\x97\xe1h\x08\xa1\xeb\xfe\xea\xc3\xdf\xc2\xfc\xe8\xbf\xbb\xbd.\xa07\xfa\x9f15\xfa\x9f\xfa+\x00e2\x01x\xc3-Dk\x85\xd0u\x7f\xd6\x94\xe90\x05\x15\xd7\xbe\xcf|\x8d1\x84\xfb8\xbe\xeb\xba\xbf\xf3\xf6\xcbE\x93\xf8\xd9\x9a\xfeY\x8f\x1b\x87NW\xbc\xfb\xa2\xca\x15\x00\xbb\x9d\xb4M\xcfu\xa9:\x84\xa0\xe3\x84\xf86_\x97\xdbT\x1f\xdf\\=83W\x00\x00jt\xd2+\x00\xb9:*W\x0f \x89m[u\xd4\xc7\xe8$)@\x8dN:\x018\xd2\xdfu\xba\xfd\x03S\xdc\\\xc1\x8cw\xc5\xe3\xb2-\xa5\xff6\x8b\x0f\xb8c\xa8z\x9d\xc9\x1b\xec\x8e\xba\'K]5\xba\xae\xd0F\xe7\xf6689\xfd\x19\x07\x8a\xff\x88\x18\x9a\xb1b\x9f\xde\xe5\t\x95\xd3\x7f7p\xcf\xe0\xfe,\xa0\xa3\x03\xb2T\x08\xe1\xccO|\xba\x8f\xfe+\xca2\x00\x80\'\x83g\xfcW\xbe\xbay`\xe0\xf7,\x0cO}\xb1\xea\xbchV\x1b/\xc4\x00\x00h\xc4\xa2aY\xf4\xa1\xdb\xbe\x03N\x8f&amp;k\x18e\x86\xf3=\xdc\xe9\x84Q\x06&gt;\xb8\x07\xa0M!dm\xdc\x1by\xbb*\x14\xe2\xdd\xae\x8c\x14\xb5\xed\xf6\xfe\x84\xad_\x9f\ru\xd9\x8dC\xb8?@\xf6\xf2\xaf\x91?\xa7&gt;\xfd\x01r?\xa5\xb7\x10\x99;G\xe00\'\x19\x98\x1e\x1b\xcd\x94\x13\x80\xf6\xf3\x0e(\xc7k;\x96\xb4i=I\x0fU\x0e\t\x0e\x17\x89\xae\x00\xa8]G98\xe5\x134\xacg\\\xa3*\xc7\xad\xb3\x1c\xcd\xd6D\x85M\xebA\x11\xee%?\xe9m\xb2\xde5\x99\x99\xd4\x86\x8b$\x13\x80\xfb \xf0\xf1\xc2j&amp;\x8fc\xd0\xb3\x0c&amp;n\x8d\xdaaM[\x7fsT\x00\x1aP\xec\xba\xd4D\xb8\x92\xe4u\xa9i\xd0\x9ab\x0b[zo"\xfe\xd8\x88i\xd0\x1at\xcd\xe2\xcf?m\x15\x80tn]\xcb1}\xcc\xd3I\xcf\xdb\xcfe\xe2\x8aj,\xa5&amp;c\xd6P\x95\x9a\x08\xcfj\t\xe7\x94\xa8\xe1\xaf\xe8\x16\xa0\x99+Z\x00P\x9b\xd9\xad\x1a\xc9\xcf[I\xdf\xcf\x89(\x93O\x9e\xea\xe9\xf6\xf4\x19\xdb"\xaf\x11\x00\xa8\x8b\xa7\x005\xe2rM3\x7f\x17l\xe7\x0f\x052\x18}ks\x9d\r/\xc9\xdb\xdf\x0eh\x1a\x00P\x0b\x13\x80\xa6D\x1c\x86\xeb\xc8\xa9T\xb8\xbe\x92\xf6\xe8p\xb4(\x8cn\xef\xbc-\x01X\x08\x00\xa8E\x9c\t\xc0\xe8`\xd1\x08\xf2\x00\x91:\xe0K\xde\xc9Ajf0\xfa\xa0\xefs\x0c\xd0\x8f\x9d\x03\xb8\x04\x01p8\rq\xc5\xe4\x1d\x94\xa3\x9c\xfaX\xf8v\xff\x92\xc3\xd6\x08\xc9\x0b\xadH\xb7\x05h\xd1:\xd0\t\x1a\xeb\x1f\x16\xe5(\x99\x13\xca\xa5|(D\x81\x8dd\xb1\xed\x83\xfb\x91R\x1b\xbc.\xb9\x9d\xb9V3\x11\x81\x9a,\xa9xuW\xceH\x81\xaf;\x11\x80\xadZ\x1ai\xe5\x11\xfdyh\x85_\xf78\x88\x04\x01b\x8b\xf3\xac\xbah4s@4k\xdb\x13\xed\xcf*\x1f\x83\xf5\xcf\x8e\xb6\xf82\x98\x00\xac~\xc9\x8c\xfb\xa9\x00\xde\xb87\x94\xc3\xe5\x96\xa4\xed\xa6u\x9d\r$\x17\xec\x14\x8exE\xfa\x99\xc4l\xd8\x9f\xba\xa4\r_\xef4\x9b@y\xca}\x0c\xe8e\'g\xd6\r\x9d\xda\xe8\x85$\x14\xe9\x9c\xa0t\xf5}\xdf\xdccJ\x8bZII\x92\xb6\xdb:\xa3\xfbK\x12\xa6?RN\xba\x01gRR\xab}\x11~N\xae \xbd\xac\xebD&gt;\xaf\xcb\x0b@\x1b\xe6\x9b\xb2"\xaf\xa6\x16\x15\x98\x98\nKg\xa0uM6:\xcb:\xad\x06#\x0e\x14\xac\xa4\xc1tq#\xfb\xb3[\x98\x1dr-5)\x0cK\x84\x02{\x91%\xa3\xff"W\xb6\xa8\x95\x82\xc4\x12\xda\x1cf(\x1b\xa5\xe8e\x04\xe7\xb6\xe8\x86\xb6"\x1b,\xeb(d\xa6,A]L\xc6\xbaj\x16\xc2\n\x0f\x1e4g\xba]P\x1b\x01\xa8X\x92\x81o\x84c\xe6\xed^\xbf\xb7\xe7V\xc1y\x95?\xfb\x07\x18\xa5\xf9\x02\x80\x0fK\x1f\x03\xaa\xf7\x04*u`\xf3u\x9bx4\xdf\x806\x1f\xc1S\xa8a\x9f\x0f\x00\x8cH\xd7{\xb9\x08\x9e\xc3\xe3\xf8\xa3\xee\x04\xdf\xf9\x0e\xa9\xd4\xca\x0c\x15\x87R$\x00\x80\xec\xee\xa3\xd2X\xe3\xe6\x03\xc7\xdf\x83S\x1bW\x15\xc1\x9c\x07\xe0\xa2\xdc7\x01\x03\'\x94\xea\xe5\xdfG\x8c\xfc\xfa\xbe\xbfE\xa7\xb1\xf7\xfeV`\xea\xf1t\xe6\x009Im\xe0\xbc\x96\xb4\x80ZI8\xb3\x0c-\xc0\xa9\x1a\x99\xeb\xb5\x97\x97(\x97\xbc#k\x89\xaa\x03\x7f\x14)\x06\xa3\\\x01\xd8k\xbeq\xb9\xfcU\x03\x04\xcc[\xb5R\xb0\xa1IIuie\xd6\xc1\x03\xd6\x89(/O\x89\xb5\xe1\x9f\xfap\x93\x03\xf7\xa9YVi\x0e)\xf9P\xbeOw|\xf7o\x87\xf0\xd5;\xb5kV\xdf\xf7K\xda}i\x08\xbcuo(R\xb4\x18\xf7\x96*\xee\xc17\x1e\xed\x16\x9a\xbe[3`\xef\xde\xcc\x8dvD-l\xdb\xc7\xf5rS\xfb\xf6\xb4-t\n\xa1\xef\x82:\xed\xb8\x02\x10\xbe\xfa\xc4\xef\x8bl\xa4R\x9ao\x97\xfb\xef\xb8\xe8c\x89\x14\xdag\x00i\xdc\x16\x9b\xb7W\xfcX\x8d\xc6\xae\xe3\xdcF\xeak\x0fq\xff|\x94q\xe9`\xc2\xd0w\xdd7~\xff\xf9\xb1#\xdc\xc4\nT)n\xb1\xaa9R\t\xfaG}.\xa70\xbc\xac\x99\xe1\x12\xe7\xb1\xf5\xea\xcd\xb5]u\x1e\x9a\x93\xb3\xcd\x898\xec\xde\xdc\x1ao\x9b&lt;\xcc\xb7\x8d\x9b\xe3\xf5\xf1\xf5\x95G\x88\xdb\x19\x953\x9ekr\x1f\xd1\xa1\xea\xbe!\x04v\x8au\x0f\xc0\x8f\x89t\x9c\xae\xeb&amp;\'\xe5e\xee\x93\xb9]\x92/\xa8\x9f\x00\xaa\x13\xb1}\xdb|\xa4\xcdk\xba\x83\x9b\x9d\xa25\x83\x1f\t\xb22&gt;\x83\x87/\x15\xc1\nQ\x99\xe4\t\xec\xb3\xe3\xa6\xb4\x8a,Z\'h:\x05\x80\xe3\r\x1a\x99x\xa3\xed\xbd\x07\xb97\x8f\xe11xQ\x1e\xb9s`\xcf\x12\xeb\nF\x93\x97#j\x17=k\xa0:\xbb\xaf\x00\x94\xb4\xd0r0I\xd1\x10}\x03\xabd*-}\x7f/\x99\xf1\xb6_o;Hx\x0cI\xf74\x91\x88\xd5\x1a\x1e\xb7\x96\x1f\xed\x8d\xd4Q\xaf\xed\xc4L\x8d37q\xc3;3\xe0\x9c\xa2=\x06TE\x02\x8a\x94c\x94\x93\xad\x01\xdcy\xa2(c\xbe\xd7\xd9\xf1\xc8l$r\x82\xac|\x16\xe7\xeeh\xde\x0f\xb0\xed\xe6\xdd\xfb\xd4\xa8\xe0\x9eq4\x89\xde&lt;\xd5\xfa\xccs\x06h\xcc\x9e\xc7\x80\xd6\xe4q\xa5j\xb5\x82\x1bq\x92\xd8\x96\xe3!\x04E\xa5&lt;M\xe5\xc8\xb1[b\xba[\xd5\x18}\xc0qA\x85?fH6\xf7\x1a\xf1\x82\x10\xdbt)\x9a\x0b\xf4\xaa\xfc\xdd\xd9\xe7\x02\xa9\x9d\xe5E`3\xcf\x94\xb3\x17\x10N\xaf\x9a\xea\x1fcQ\xf9_\xdf\x1f\x86H!Yq\xce\xe5Mt\t\x83\xce\xc2\x9f\x8f9\xdc\x00\xa3\xef\x83s*\xb7\x85\xca\xe6\xde\xfc\x95\xd0m\x004 z\xbb\x9ayEY\xbf\x00\x00U\xb3\xbe\xd5\xb2\x9a\xd7/\xeb\r\xf9[[\x9e\xdf\xbf\xe4\xa0q\x0f\x08\x00\t\xd9e\x04\x89\xac\xaaY\x83Q\xa9\xca\x98\x94\xe6\x0e\x00&lt;?\x01\x12R\xb3\xa0\x02:A\x00 \x1a\x03\x8bG\x96\x1b\x96\xaa4\xa1\xb6\xbf\x06\xee\xe8\x17\xab\xdd\x83]i\xca\x03\x85\xd2\xa6@\x14\xaaR-^\xaf.\xba\xde\xb8\xd05\xa1*L\xab\x14\xaf\x19\xce\xa3\xba\x00C\xabZ{\x0c\xa8\'6@\xa9t\xfcI&lt;\xb5yy\x06X\x1b\x86\x9e\xe5\x8e\xfc*\xec5\xbe\xfc\xe8\x00l\x16\xa5\x8f\xaeq\xe6\x03D\xa6\x15\x00\xf8\x90el\xb4e\x04\xb6y\xd7J\x9dR\x0cR_\x0fx\xda\x1e\xf0\xb4\x11\x87X\xea[\xf9\xa8\x8e\x17"\x02\x9c\xc4\xfdu\xe0\x89\xde\x84\x10\xf1\x80\xc0\x99\xb5\xb6\x05\xa8@\xd7\xc6\xdar\x05\xec0\\\xf0ko\xf1\xef?n.F\'t)\x96\x9f\xffX&gt;#\x0e\xd5\xef\xc3\xfe\xf6\xca\xff&amp;\xdfq\xe7\xf7\x7f\x9ed\x84\xb6i+\xaf&gt;\xc7\xa6\xc9\xc3\xbcl\x068gF\xec\x8au\xeb\xbb~\x8b\x8bZ\xd3\xa9\x9d\xc4 \xc5B\xf7\xf0\xd2\x89\x98\xa7HP\x11\xe2\x1c\xed\x1e\xb0\x10B\xf7\xd3slB\xdb\xf9u%\x1c\x1a\xa7\x92s\xb8\xc7\xce\xe6\xa4\x1d\xcf9c])\xc3\xa3\r\xf2$Z\x99Y\x93\xf9\x91De&amp;\x02\xd4\xe5\x14[\x80\xb4\x14\x1c\xebq\xcf\xeeI7\xf0\xda\xb8\\\x91\r\x99\xa5\x99\xcd\xa3\xef\xfb\xbe?&gt;\xb5\x87\xeb\xfd\xd9\x03\x13\xf9\x92\x05\xd0&amp;\x95\x1cJ\x90\xbe\x1a\xaa\xe6\x878\xd7\xb3}fd^\x02\xcfs\xa2%2/\xffGq\x0bpMa\x86#\xd5U\xc3\x07*\r6\xb0TuC\x90\xf3H\x91/\xe7\xcc\xee{\x94O\x18\xf7U\xa4\x0f\xc4\xa6RACt\x93\xa477R?\xe78~\xb3kZ}\x9b\xfaV\xdc\x8f } \x12\xcd\r\x15Sz\xe1(_\xad\x9d\t\xc0\xc1\xa1\x1dl\xbb\xaf+\xdd\xa6\xb4\x11\x0b\xa8\xd1\xcbM\xc0_o\xa266TK\xbfyCqa!YN\xed&gt;\x9e\xb1X\x9d\xaf\x9c\xbc\xa5\xb8\xbf\xdc\xd3Z\x8d\xa3\x13\xbf\xa6\xb4\x02\xaa2\xb3\xae\xf0\xe55v&lt;\x00M\xb8\xdc\xb3X\xe5\x04 \xbb\x87g\xd2\xc7&gt;r\xdc\x03n\x0b\xc3\xfe+\x00%D\x048\xd0\xa7\xcb?\xfa\x19\xd6\x1e\xe0*D}\xc5\'Lz\x1c\xa8U\xb5\\^\x80\xe8\xe9\xd5\x7f\xc15K\xe4D\xf1FZ\xe9Km\x92w0\xa2\x99\x9d\x85k\x9c-\xbe\xecu\xbe:B~\x1fe\xec\x94\xcd\xf2vi\xb7\xc8\xdf\x0f~9\xfe\x11\xf9\xa2&lt;,1\xfa\x94OI\x07\x00\x07\xb8\xf7\xca\xba\xe1*|\x8ct\xab\x92n\x9c\x17\x06.\xbfHq\x16f,\xcc\xd9\x10B\xf7\'^?\x99(\xbf\x14\x03`+\xe3!\xce\xc0\n\\QZz\x9e\xcc\x8bD\x91\xfaZ]\xe5\xe9Vo\xc8W9C\x1c\x81\x16\x9c\xa7\xb5:OL\xa1\\5\x0fa\x0f\xf7r\x1d\xa04s\x01+5\xcc\t\x9c\'\xa6\x00\xe5\xab\xab\xfb\xa9+\xb4P\xa0\xf6*Q\xfa\xa1\x7f\xc2\x83\xdf\x02\xdfZ\xa6&lt;){\x86\x06\xc7{y\x0f\x00\xa7\x94\xb3\xa1\\\xf8\x04\x86\xe3/+D\x00\x00 \x00IDATB\x1an\xcf\x8b\x80}VT\xe4\x10B\xd7}\xcb\x98\xe7N\xd9\x8c\xa4&lt;x\xc2f\xe7\xd6\xa6\x9d\xa2e[\xd2\x80\x17\xd2\xd7\x00\x1c\xa0\xb4\xc5\x92\x1fYR`\x12\xd8\x1b\xb5\xa22\x0bf\xac*\xab\xd1\x0bv\xea[\x81S\x1c\x9c\x9c\xe4#\xa7U\xf5\x1a\x80g\xb1Gso\x01#-x\xcb\x9a\xb4\x82\xa7Y/\x10B\x90D\x87\x0b!\xf4\xdd\xd2W\xd8n-\xd8\xd7\x06\xac\xef\xbb&lt;-O\xec\x06\x93\xc3hK!\xbe\xb9Y\xf5\xde\t\xf7\xe5\xeb?f\xdfA\xa0V\xf7U\xab\xb1Z\x16wwoqkcV\xecf\x9d1e\x06\xeb\xf1\xf9\xa2\xaf\x10\x16G\x8e\x00\x1b\x18Ut\xba\xb4z\xcc\x14\xd7\xd6K\xf2}\xa8\xf7\xcf\x1c\x1d\x92V\xd5VxJ\x7f \x0f\x99(\x00\xc0F\x9a\x8f\xfa\xfa\xfe\x13;mq5\xd4\xe3\x89"\xd1\x80\xfd\x99x\x86G\x1b\x01\x90\x86a\x04\xa7\x96\xea\x96\xd9\x14\x87\xa5x\xcb\xf3=B\tQ\xcc\x00\xba\xce\xaaX*?\xe7\xe8\x00\x00\xd1h$\xf7\x93\x86\xc0)\xd4\xd2\xd8\x9d\xfaz\xe8\x99\xe3\x0e\xecWI;_\x82k\x9f8\x92b_\x91=,1]\x17\xd1\x94\x04\xe0JsP\xbc\xfc\x8f\x04a\x99T9\xe2z\x17q5Q\xa2\xb2\xdd\x1b\xdd\xecM\xd8\xa3\xf1\x9a\x8di\x83\x89\x00P\x17\rq\x1c\xe5\xf7\xebgx\x08\xcc\x19\xe2X\x9e\x82S\xfb]I\x18&lt;\x1b)\xce\xf6\xfa\xb7\xe3\xe0p{0\xf1\x99K\xe9\xc9\xa3O]&gt;9:\x00\x90\x88\x17\xbb\xc4Q\xd5+r\xda\xec}\x87\x912\xc2\xc8\xa8\xdc\x92\xbf\xb0\x04\xa4\x8b\xc0k!\xec\xfb\xbe\xe8)\x13\xb0\x8a\x9e\x06(_\xdb\xc3\xe2\xd3L\x00\x1a\x8eZ\xdd2\x94:Y\x0feQ\'\x0bW\xd4h\xa0\xa8\xc0\xa4\xd0|\x04\xd3\xc92z(=k\x9a/?U\xe4B;2\x96\xa5\xe6\x8b.\x9c\xd0}\x0b\xd0x\xf5\xae\xea\xea?\xc7k\xbe\xc0\xb4\x1e\xbf\xaa\x95\x9e7}\xdf~\x05!\x9f\x8ce\xa9\xef\xfbXE\xd7D\x02\x8a\xa3Z\x02\x00\x00\xec\xe7\xe2)\xccKSA\xd6\xd4;\x95\x94\xd3\x1a-\xfc\x15\xd5\x88\xd1\xa0\xfe\x93\xc7\x85\xbf\xa2\xa4\x03\xee\xaa\xaf\xb76k\xc2\x06-\xd6\x1aMAV\x95\xa6v\xed]\xc6T\xf8g"\xe5\x86f\xe8\xba\xee\xd3\xa3\x03P\x9a\xeaw\xe8\xdad\x0c\x1b\xb4Wq\xf2\x0fB\xee\xe3\x9e\xf6\x123\x962\x93\xe8\xe8\xc0\x84\x14=\xefL\xa4R\xc7\xf7\xe8\xf4\x84E\xbc\x07\xa0\x14\xd6\x0c \xb5S\xd5\xb2\xa3F!F?S\xca,~\x05\xe4\xd7\xae\x00D\xbcA\x19H\xa7\xc4\xe6o\x83\x14\xedx\xed\xd7a\x01^Eo\xd6j~\xd8h\xcc\xb7\xf3\xb6\xe7\xf0d\xb9d\xcd\xef::\x18p:\xd7f\xf1\xdf\xa8\xa0\xee\x1d\xdeN\x8d\tCG\x07\x06\xa2I3\x82$\x8dk\xda~\xb4B)\xb2O\x0e6\xa9\x84{\x91\xf5\xa1\x9cGY\x17\xce.\xb5\xce\xe5\xbcU\xe6\x9b\xaa\xb7\x89\x19B\x90\xe0\x89%\xd9\xe1z\x1e\x9b\x8b\xe8L{\xb2\xf1\x98!4\xf9&amp;\x88\xb8\x8d@\xeam\xee\xba\t\x92R\xc0\xe0 \xabg\xde\xf5^\x0e\x8eb~\xe1\x7fI\xe2\x9c9\xf5\xd2\xabx\xbb\xc2\x91\x86\x85y\xfbj\xdc\x99\x96\xf1\x8aZ\xb6\\\x16\x92RB\xcb\x94\xa2\n\xd5.\xeb"\xd2D\x94\xe1\x9d\xf2n\x02^3\xed\x0e\xe1\xb2\xb6\xbaz\xa6\xdeH\xa3\xf6~\x84\xd3w]\xffn\xcb\xacu\x8e\x94\xfa-\xe5\x93\xe1\xf2\xdb\xf6\xa58kx\x91-m6\x97e\xd9\x976\xd3\x0e\x97m\xddS2\xdb\xcc\x94u\xf7\tk7\xa0x\xa55UG\xedV|7\xc4\x0f!\x84S\xad\x86\xc2\xd9\xb4\xb3X\xcbz\x1b\xb2~f\x020\xbc\x7f\xa3\xa5B\xd5Xt\xe0\xd4\x8a\xaa\xcc\xf9\x1b\x97\xf9\xdb\x95\x86\xb3\x82\xeb\xc7JJ.\x96(\xaa\x84\xc7\xd5p\xd4\x12Y\x90b\x92\xb4y\xb2x\xbb=}\xf4\xbbU6\xa8Oy[\x80\xd68\xea6\x9d\xd1F\xa4\xb0\x87\x11\x87\xae\xebBx\xdcK}\\h\xd8\xa6\xa8"\x15W\xc3QKdA\x8aI\xd2\xac\x16\x0f(#6\xbdk\xb7\xc8\x16\xa7\x84P\xad\x0e\xc3\xf5\xf3\xea\x17MQ\xa0\xb7(\xe3\xc99\x0f\x8d\xd8Sx\x86\x7f\xeb\xfb\xfe\xfe\x8b\x02\x82\r\x91yj\x07\x87H\xfd\xbc#\xcaT\xc6\x00\x00\xf6\xaa\xfb\n\xc0\xb9M\x8e\xf8G\x1c\xbf\xe6\x02\t\xe9\x8d\x89b\xd5\xda\xf0`\x14\xa8\x85\xad\xd2\xa6\xcb\x11a\xeb\x17\xa1,&amp;\x00[\x941\xf9\xff\xd1/\xbfyZ\xf5\xbf\xfc\xf0\xf3;\xbd\x13\x8b\xd5\xda\xb1\x95Q\'I$[\xb1\x9c_\xd9}\rF\x7f\xdd\xfa\xa9\xf8%\x92\xf6\xce\xbaM\xd9\xd6w\xda\x1b\xe0X\xe1E\xd7\xfd\x90\xb7\x9f\xcd\x1aDn\xcaO\xf9\xb6KH\xc3Qk\xde=\xefdbN\x85$u!\xc1\x00\xb8*\xa1Uz\x9d\x00L\x87\xea\x87,\xe9;=\xe8\xe0\xcc\x9a\x1e]\x85\xc6\xcav\xab95_\x08\x87\x7fm5\x05f4]C\x81\xdc\xde_\xeet\xb3\xcb\xa8\x10B\xdfw\xc7^\xf9\x9dz\x18Q\xfe\x90\xd0\x88\x10\xc2\xf5\xea\xb6RT\xb0k6\x9d9\x8fB\x08\nj\rn\xf9\x04\x94f\xee\x1e\x00\xd5vF\t\xfb&gt;_G\x00}\xd7u\xddp\xa5\xf3\xdd\xc2\xe7\x9a\xf5\xa4\x9d\xebOg[\xbe\xaa2\xb2}\xdf\xad+\x14\x1c!u\xd3\\A\t\xe8\x07\xa3\xff\xf2C{b%\r#n}\x90\x02\x03]\xf7\xee&amp;\xe0\xb2\x9el\xcf\xab\xe7\xa7\x7f^\x9f\xfd?|&gt;]73Q\t\xeb\xc7\xa9\xfb\xa7\x01\x9b\xbfK\x06j|\x15\x92fS%U\xb4\x7f\xf9\x01\xde\xd3\x05\xc1\x85\xa6\xb3\x11\x83\x11\x7f\x7f\xdb\xbb\xd5%\xca\xdfm{\xc3\x86!\x8c\x1f&amp;6\t\x1eh=\xa1\xd4\x94\t]\xd7o\xab\x80pr\xa9{F\xa0V\x05/N/\n\xd8\xc3\xedq\xc3\x17\x00?\xfe\xf3@g\xdb\x05T\x17\xb9sW\xfe\x03\x91J\x0e[u$&amp;@c\x1ai\xd6O\xb3\xf9\xbe\x8a@6\xab\x9er\x92\x83\xd4(\xd9\x9a\x9d\xdcs\x1f\xbb?]\xf4\xfe\xef\x9d\x01\x03\xa8E\xdb/\x02s\x99\xaf[\xd4M\x96\xd2\xed\xc5\xcf/c8X\xa2\xc2\x9a\xb2\xa0\xb9X6\x89\xfb\xd8LeW\x15p\x1a\x9f\x1e\x1d\x00\xc6\xc5\xdb\xe6\xdbw]\x98?L0U:\xb7\x02\xf7\x94\x1f\xbb\x05\xbf\xc2\xd1\xf0.\xd5\xc5wi\xd9x\xf3\xb9\xcab\r\x10Q\xdbW\x00\xe8\xba\x05O,]5\xd2\xaakkDIcZ*S\xd4\x8ch\xb9m\xd5\xb3\xd2\xc8.1\x95 \xf54c\x00\x9cR9c\xee\xf2o\x8e|R^P\xbf\xc1\xd1\x01\xa8\xc3\xb1\x19WW!g#Y\x9c\xd6\xaf8:\x00\x00\x95+u8R`\x90\x9e\x95\x97tE\x05\xa6\\\xd1smUI(\xaf\xd8\xc4\xf1\x14\xa9&amp;\xe3H9\x0e\x9f\xc6ko\x81\x13I:v\x196\xa9!\x84\xdf\xf9t\xa2\xbf]\\k\xeb\xd5\x8f5\xdb\x95kO\x15a\xd5\xc5\xab\x1f\xde\xe2\x04`C\xcb\xd0^"@~\xea\x11\x90C\xd2\xf1nx\x94\xe8,\x11\x19\xf44fy\x86\xbe~rU\xce*\x06DW`\xa1\xaa\xa5%\x07\xa2s\x13pk\xde\xde\xf2{*\xdb\xeel\xd4#Vd\xf9\x8cw\xd5}\xae\xa5\xdd\x14\xdb^\x99l/Fo\x95V\xa8Zr\xc2\xe2\x04;\x99\x00\x14\xe1\xb8e\x98\x9f\xb9\xf9\x9b\x19:\xb3\x18W3\xfa\xb5\xcf8\xea\xf4\xd3\x05\x1b\xcd\x99\xa9\xaa\xf3\xef\'\rJ^\xed\x95\xc9\xe6"T\xa5\xbe_\xd7B\x96\xcd\x1c\x00\xa8ME\xd7a\xe7\xf7\xff\xc4\x8dE\xdcd\t!,y\xeeG-\x19qr\xd7\xb2Q\xc6n\xb4\xb53\xd5\x8f\x00\x1f\x1dr\x8a\x95\xff\xe6\xa5\xaao\x97\xaa:\xf0p\x08W\x00\x8aP\xd12L\x7f3\xf5\xd7\xcc\xe1YeI\xffPx\x142\xa9e`\xda\xf7]\x19Y6\x93`s\x13\xe6T\xc1)H\t3\xb4\x1a\x1d\xb3\x99s\xe5\rS\x9b\x1b\nE\x02\x80I\x86\x0eG\x91\xf2\xabT\x9a\\\xafaN\x11\x91J\x13g\xbf\x8a\x1e\x96\xb0\xd5\xf6\xd85\x9d,@Zm7\xac\x00i\xbd4\xa1\xc1&gt;\x8aX\xeazZ\x1apB\xb5n\x01\xfaD\xa3\n\x10\xc9e\xa4\xea\x19b\xb1\x0c\xb7\xa5\x15&lt;\x07(6`@r\xb5N\x00\xbe\xaa\x80]\xbfm(\xb8s\x022\xa9\xe86$\xe2Y\x95\xe3z\nhJ\xad\x13\x80\xae\x8c;\xffjw\x19\xfd\x9b\x03d#\xa9\xbb\x13o\n/\x84\xc4\xcf\x93\x02\x0f=\xd4\xed\x8c5\'\xbe\x0e\x17\x9aR\xdb\x04\xe0O\x96\xd2z\xd6\xdc\x8eO84F\xcdo&gt;&gt;v\xd4\xdb`qe\xab\xcb\xc0\xf4&gt;\xf9?U\xd9\xc8\x1c\xdf\xfb\x1c \xbc\xfc\x86\x02l\x7f\x8a\x11\x90\xdb\xc2G\xb9\xb3\xdc\xadG&lt;x\x1cp\x82\x1b\xe6\x1a\x8e\xdaZjq\x11\xa2T\xba\x98\xd5\xf6\xaf\xae\\\x05X\xdf\x1d\xec\x89\xf2\xb6\xef\x9e\xa0e+\xc7\xea\xac\xd1\x10qfY\xae\x00\xc4\xabc}\xef\x05\x92\x91\xdd\x96\x03/?\xd4\xbd\x0c_v_{\xbar;\xbc\xaa3\xcc\x94\x10j.d\r\x99\x7f\xa7\xc7\xaa\x83D\tO\xf8z\xab\xfa\x8a\xca.\x1a\xde\xaa\xc0788\x1c-[]\x0e+*?pv\xa5\x8e\xedZ\xf1\xab\x0e\xde\xa6\xb2\xfb\xec\x1e\xbdW"\x8fD$\xae\xf0h\xc3w7\x9ft\xdb\xd7\x86\xbf\xf8+!t_V\xd7\xe4\xa52K6\x94j\x91`!\xf5$\x05\xa9\x1a\xdfH\xb3~\xe2D.\xa7\x87\xcb\xdd\xddN\xbdy\xb7\x8c\xd4H\xa5\x85;M\xdf[2\xfa\x9f\xfa\xd3\xe8\x17\x17\'W\xb4\x97^}\xddb*\xe6i\x95\xd36\xc2Q\x16n\x01:\xdd\xee\x85\xb56-D%\nK\x0bB\x08]\xf7\xdfl\xf8\xe2\xc8n\x84\xf3\xee\x19\x0b/?\x1c\xe6i\xb7I\xea\xaew\xea\xe8;7\xab\x14&gt;h\xb8\xdc\xd5;\xfcW{\x16\xa6\xff\x92\x8dI\xeb\xb3rc\xe1y\r\xc9_\xf3\xd0\xd5\xa3\xf5\xbd\x1b\xb29\xbbu\x15 \x84\xa0\xce\x8c\xba\xf4%+\x12\xe7\xd6\xf9H\xcfQ\xab\xd3\xf3\xe5\xeb\x12\xb6\xdb\x9d\x8c\xe9\x14\x1b\xb0\x19\xc3\xf1b\x99!\x0f!\xf4]\xe33\xde\xa7Q{\xdfw\xdb\xc6\xe55\x96@\x80\x88j{\x0ch\xc1\xd6\xf5%1n\xbfk\xd8\xf0I\x85\xb5)+\xcce\x96\xb1K\xe1_\xb2U\xb7\x1c\xa5\xa5\xe4_x\xb9\x1c\xd1\xf7}\xdb\xa3\xffW!ll%\ni~cU\x81:\x9bJ\x00ZQ\xf8\x1e\x89\xa4~maw\x95\x95\x7f\x97[\xb6\xe0\xc5;KA\x89yK\xbd\x82\x82\x94\xc1\xb0T\x97_\xc2\xdf\xaa=\xfc\xab&lt;\xddw\x91.\xe2\xe7IR</t>
        </is>
      </c>
      <c r="E749" t="inlineStr">
        <is>
          <t>&lt;class 'numpy.ndarray'&gt;</t>
        </is>
      </c>
    </row>
    <row r="750">
      <c r="A750" s="1" t="n">
        <v>748</v>
      </c>
      <c r="B750" t="inlineStr">
        <is>
          <t>steps_per_sec</t>
        </is>
      </c>
      <c r="C750" t="n">
        <v>8400</v>
      </c>
      <c r="D750" t="inlineStr">
        <is>
          <t>2.6444771</t>
        </is>
      </c>
      <c r="E750" t="inlineStr">
        <is>
          <t>&lt;class 'numpy.ndarray'&gt;</t>
        </is>
      </c>
    </row>
    <row r="751">
      <c r="A751" s="1" t="n">
        <v>749</v>
      </c>
      <c r="B751" t="inlineStr">
        <is>
          <t>Loss/RPNLoss/localization_loss</t>
        </is>
      </c>
      <c r="C751" t="n">
        <v>8400</v>
      </c>
      <c r="D751" t="inlineStr">
        <is>
          <t>0.13207284</t>
        </is>
      </c>
      <c r="E751" t="inlineStr">
        <is>
          <t>&lt;class 'numpy.ndarray'&gt;</t>
        </is>
      </c>
    </row>
    <row r="752">
      <c r="A752" s="1" t="n">
        <v>750</v>
      </c>
      <c r="B752" t="inlineStr">
        <is>
          <t>Loss/RPNLoss/objectness_loss</t>
        </is>
      </c>
      <c r="C752" t="n">
        <v>8400</v>
      </c>
      <c r="D752" t="inlineStr">
        <is>
          <t>0.022843488</t>
        </is>
      </c>
      <c r="E752" t="inlineStr">
        <is>
          <t>&lt;class 'numpy.ndarray'&gt;</t>
        </is>
      </c>
    </row>
    <row r="753">
      <c r="A753" s="1" t="n">
        <v>751</v>
      </c>
      <c r="B753" t="inlineStr">
        <is>
          <t>Loss/BoxClassifierLoss/localization_loss</t>
        </is>
      </c>
      <c r="C753" t="n">
        <v>8400</v>
      </c>
      <c r="D753" t="inlineStr">
        <is>
          <t>0.11926699</t>
        </is>
      </c>
      <c r="E753" t="inlineStr">
        <is>
          <t>&lt;class 'numpy.ndarray'&gt;</t>
        </is>
      </c>
    </row>
    <row r="754">
      <c r="A754" s="1" t="n">
        <v>752</v>
      </c>
      <c r="B754" t="inlineStr">
        <is>
          <t>Loss/BoxClassifierLoss/classification_loss</t>
        </is>
      </c>
      <c r="C754" t="n">
        <v>8400</v>
      </c>
      <c r="D754" t="inlineStr">
        <is>
          <t>0.13474551</t>
        </is>
      </c>
      <c r="E754" t="inlineStr">
        <is>
          <t>&lt;class 'numpy.ndarray'&gt;</t>
        </is>
      </c>
    </row>
    <row r="755">
      <c r="A755" s="1" t="n">
        <v>753</v>
      </c>
      <c r="B755" t="inlineStr">
        <is>
          <t>Loss/regularization_loss</t>
        </is>
      </c>
      <c r="C755" t="n">
        <v>8400</v>
      </c>
      <c r="D755" t="inlineStr">
        <is>
          <t>0.0</t>
        </is>
      </c>
      <c r="E755" t="inlineStr">
        <is>
          <t>&lt;class 'numpy.ndarray'&gt;</t>
        </is>
      </c>
    </row>
    <row r="756">
      <c r="A756" s="1" t="n">
        <v>754</v>
      </c>
      <c r="B756" t="inlineStr">
        <is>
          <t>Loss/total_loss</t>
        </is>
      </c>
      <c r="C756" t="n">
        <v>8400</v>
      </c>
      <c r="D756" t="inlineStr">
        <is>
          <t>0.4089288</t>
        </is>
      </c>
      <c r="E756" t="inlineStr">
        <is>
          <t>&lt;class 'numpy.ndarray'&gt;</t>
        </is>
      </c>
    </row>
    <row r="757">
      <c r="A757" s="1" t="n">
        <v>755</v>
      </c>
      <c r="B757" t="inlineStr">
        <is>
          <t>learning_rate</t>
        </is>
      </c>
      <c r="C757" t="n">
        <v>8400</v>
      </c>
      <c r="D757" t="inlineStr">
        <is>
          <t>0.039580546</t>
        </is>
      </c>
      <c r="E757" t="inlineStr">
        <is>
          <t>&lt;class 'numpy.ndarray'&gt;</t>
        </is>
      </c>
    </row>
    <row r="758">
      <c r="A758" s="1" t="n">
        <v>756</v>
      </c>
      <c r="B758" t="inlineStr">
        <is>
          <t>train_input_images</t>
        </is>
      </c>
      <c r="C758" t="n">
        <v>8400</v>
      </c>
      <c r="D758" t="inlineStr">
        <is>
          <t>[b'1024' b'1024'
 b'\x89PNG\r\n\x1a\n\x00\x00\x00\rIHDR\x00\x00\x04\x00\x00\x00\x04\x00\x08\x02\x00\x00\x00\xf0\x7f\xbc\xd4\x00\x00 \x00IDATx\x9c\xec\xfdy\xfc\xbf\xdf6\xd7\x8f\xef\xeb\xe3\x1c\x8e1I*d\xa8D\x14!\x95\xf8v\xccQ\x07}M\xa7\x0c\x192\xcf\x99\xfa!\xc3\x11\x11\xf2\xcd-e\x8e\x0c\xdf\xcaP\xc9P\x19\x8a2\xcfB\xf25EJ\xa6B\xe8t\xc2\xfa\xfdqM{\xdek\xef\xbd\xf6p]\xcf\xc7\xfd\xc6\xe7\xbc\xde\xcf\xe7\xbe\xd6Z{\xed\xbd\xd7^{_\xfb\xba\x9eJ\x0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e0\x1e,\xa3\r\x00\x00\x00\xd0\x8eW$\xfan\xa5\xd4\xb2 \xda_\x05\xba\xe8\xd4LD\xea\x91z\xdaV_\xa5\xd4\xc3T\xd9du@\x8c\xca\xcepxX\xd7\xa3\xc9$"\xbf\n\xd7\xb2\x90%DT/!\xf2m;\x0e\x0b\x0f\xd5\xc9\xba\xe8\xae{\xd8^\x0b\x00\x98\x8bGK\x1dz\x02\xdf^\x1a4\x1f\x98\x16+K^\x96\xe5\xcc5U~\x86Id]\x12Za,\xcb\xa2\x7f\xe7\x8e\x0e~\xfa\x1e\xb6\xe5\x94\x10\xbf\xd6\x97^o_\xac^\xc8\xbb*\xd3&lt;=\xfb\x0fI\x0b}\xf5D\x81b\x00\x00hAzC\t\x80\x07cY\x16d\xff`~\xd6^\xba,{\x87\xcd\xef\xb4\xef\x18\x94\x1c\xcb\x92\xbd_\t\x8e\x9a\xa8\x1c#\xb1\xa6\x9d\xedo\xa5B\x13Z4\xfb\'\xf3\x86GbNt\'\xcdU\xf3v\xe1n\x0fG\x14\x00\x00\x8c@\x0b\x9d\xfc+:F\xb4\x0b\x87\xce\\\xc7\xde\x138\x01&lt;*m{\xfe\xb8a\xc5\x88l\xd9\xd3\x8aq\x99\x96\xcd\x87\x8a\xb9\xe5\xadk\xf5\xe2\xae\xfc\x88\r\xef\x10-\x13\xd0r|BDd\x99\xe5X\x8ex\x08\x00\x98\x83\xa2\x05\x00H\xc0\x99i\x00\x00\xe0v\x84\x12\xf1\x8c+\x8f,\xf9{\xbdB\xcc\x05@T\xa9.\x8deX\xbc\x80k\xa1u\x89\xb3\x14\xf1,\x00pc\x11\x00\x00n\xcb1\x1f\xdc\xf8\x18\t\x05\x1e}\x03\x00\\\x0e\xda\x0e\xac\xab\x82G\xe1\x89h\xbf\x90\x14\x9d9\xef\xb2\x1c\xcf\x170e\x92\xf9x\xb1\xf5\xcf\xc4\xb5\xff\x9b\xd4s\xa4\xce\xe23"s\\\xe9\xb9:\xf0\n\xd4\x17\x0f\xbb\x90\xcd\'\xeb\xa3\x1a\xcb\xb2\xe0\x19\x00\x00\x008\xc0N9\x00\x00\x0ccy\xbe\xed\x8f\xe8\x06y\xf2\x04\xcb\xa2?\x84\xa0?\x99\x9c\xe6\xb3h{|w7#\xf3\x16\xc2\xe2\xcd\xfe-\x83\x19\xab\t\xef\x03\x02\xfa\x93\xcf\xc6\xb3\x07Z\x11\xc39\x9a\x94\xe5\xb8\x01\x81\x1d\x13\x00\xc0t\x10\xd1{\x8d8\xafr\x9e\x9bT\xef\xd2XK?p\xfe\xe7r\xa0\xbd\x1e\x9a\x97\xc2\xc9l\x1e\xec#\xec\xde\x030\xacK\x9eBJ:\x84\xea\x96\xf0${N\xf8X\x97h3\x17\xb9\xb8\x06`R\x00\x00L\n\x11\ry\xaa\xec\x96\x91\xf1f\xd5y\x04\xb6&amp;+:\xb5\xac=\x02\xf8y-l\x9b\x8d\x0b\xf5\xed\x0b\x99\xda\x81Jo\xe4\x86\xb5\xba9\xa5U\x08e/\x00\xbc\xe5\x8f\xbf\xed\xc5\x80\xb3\x00\x08\x16\x10\xab\t\x00\x00\x88040\xf9\x83&amp;\x00\xdd\xa8\x9f\x9e1\xbb\x83\xc9\xe9\xbf\x00h3"\xbcC\x95\xd4\x93X3\x08\xdf*k\x01\x13N\xe2\xbf~\x9d\xbc\xbeN/\x10\xbd\x16\xc7\x80\x00\x00\xe0\x84p&gt;\x12\x8c\xe3\x98\xd4\x8f\x07\xf5\xc6\xda\xa3\xf1\xbcD\xbfR\xf6h&amp;\x18\t\x11\xf1\xde\x01@\xe1_\x92\xcaW8\xdb[\x07\xd6au&gt;\x1d[\xd9\x93\xf5\xe4[\x13\xb5\x9e\x1aZ?\x94\xa9\xbe\x1e\x10B\x9f\x1ce\xd7\'|M\xdb\xd60r~\xaf\x9b\x8d\x87\x80\x01\x98\x16\xec\xe4\r`\xb2y\x0b&lt;\x16k\xef[\x96e\xba\xdbP\xaf\xf6+J)d\xffa&amp;k\xaf\x83\xe5\xf5G[0\x03\x8b\xd3u\xc5z\xf2\xfaS\x01\xfb\x1f\xcb\xb2p\x1e\xf0\xcdcY\xf5$n\x1a\xac\x8a\x8f\xe5\xc1\xf9\xd3l[\xf5m\xb30\x96\x01\x98\x18\xdc\xcd\x07\xe0\xd1xu\x0c\xf9\x14\x08\x8c90}%v4|\xf2\xd6I\xd9\x96q2\xe7&lt;f\xa3\x94R\xbfW\xfc\xf8\xe8.\xd0\xfe\xf5\x80\x88\x85I\xe7O\xde:\x00\x80\x8d9\xc6\xeap\x03@+&amp;\xe8]\xe5\xb46\xfe\xd2\xcey\x00\xd0:\xb2\x88-\x00\xa6\'QG\xbf\x1f~\x93\x9c\xfc\xde\xf7\x00\x80$\x89g\x97\xadg\x03\xb8B\x1f\xa2\x89\x01\xb8\t\x18\xae\xa0\x15\x98\x0c\x00\x00+D\xf4\xce\x0f\x11\x10\xb2\x17\x00\xc9}\xf7!\xd4[\x853@\x00\x80I\x19\xfa0\x19!&lt;\x02\x00\xc0\xa3\xe1\xcc;g\x8e\x8d\'\xc4\x00\x00\xa0\x13\xa36]f\xdb\xec\x01\x00\x00\xd0\x9f\x1f\xed\xbb\xfd/\xfe \x01\x00\x00\x80&amp;`\xa9\x00\xae\xcf\x8c\'\x1c\xda\xf185\x05\x97\xc3|\xf0\x97{\xcd\x90_\xcf\x04\x004\xe4\xa1fe\x00\xc0\x10Jr\x8e+\x83\xa0\xda\x02xU\x148\x13\x80\x87\x077\x04\xa7\x02\xcd\x01\xee\x07R\xb7{0p\xc3\xe8~{U}j4\xd6i\xf8!0\x00f\x86\x8e\xff\x80I\xb8\xd74\x07\x00\x1em\xbc\x07#\x03\xd3\xb2,\xbc^\x84\xc3*\x06I\xa7\xddlY\x05\x00\xc8\x05!\x00\x00\xd0\x8a\xfbm\xdf\x82b\xd0\x13V\xe0\x07\x00\x00\x00\x00\x00\xf0\xa0pRa\xbd\x0cR\xe7\xab\x80#@\x00\x00\x00\x00\x00\xa0\x90\x0b\x9e"K\xff\x1cX\x1f;\x06\x82\x05\x00\x00\x00\x00\x00\x80\x87O~\x80D0NfrO\xea\x1a\xd9\xf3d+\x96r\x8f\xcd\xefj\x00\x00\x00\xe01\xe0\'@WH\x95V\xaeb\'\x18\x0c\x1e)\xc9g\xf3\x18\xf5}\xa3?\xee\x00\x00\x00\x00\x00b\xe4g?\x97\xc8\x96&amp;\xdb1\x05\xe0&gt;,\xcb\xb2\xdd\x04\xe8\x19\x0b\xb0\x00\x00`f.\x91\x19\x00\x00N\xb8oD\xd4\xaehd\t(\x00\xbb\xd7`\x04\x8bZ\x96eA,\x00\x00\x00\x00$@&gt;\x07@\x07~|\x1fh\x18q\x00\x00\x00\x00\x00\x00\xccNu\xd6NW\xf8\x95t\xf1\x87\x13\x9eCT\x1a\x00\x00\x00\x00n\xcb\xe4I\x12x\xb8\x06\x12zl\x17~\xbb\x18x\x06\x00\x00\x00\xdar\xe9I\x02H\x83S\xbeSs\xf1\xc1Z\x98\x92J\xbc\xc8\x7f\xbe\x8e\xfd*\x85m\xc9\xca\xec_\\\xb6\xa3\\\xbb\xdb\x01\x00\x00\xf0\x80\x05\xc08\xe0y\x00\xba@\xfa)\xa0\x0b\x8f;\xda\xe1\x94\x15T*%j\x95\xc7)\x84;\x00\x00\x00\xd0\x96\x0b\xfeL\xe6M\xc0\xca\x0b\x80&gt;\xd0z\x0b\xe0\xc9J\x8d\x1fw\x02\xeay![,\xb0\xcb\xce\x11\xa3\xfd\x0f\x00h\x02F6\x00\x00\x00\x10\x00\xf9/\x00\x00\x00\x00\x00\x00\xedA\xda}1p\x04\x08\x00\x00\x00\xe8\x00)\xf5\x8c\xd16\x00\xd0\x04l\xbb\x03\x00\x00x@\xae5\xfb]\xcb\xda;P\xf9\x90\xdf\xd5_8\x08\x00\x00\x00\x00p7\xae\x95\x9f]\xc8\xd4{p\xad\xee\x01@\x11\xe8\xe1\x17\x03G\x80\x00\x00\xe0\xb1\xc0[\x89\xfaB\n&gt;\x07\xf7\x07=\xfcb`\x01\x00\x00\x00\x00\xb4\xc2\xbb\xf5\x8f\x1b\x02\x00\x80\xb1`\x01\x00\x00\x00\xb5\xac\xfb\xbb\xa9\x93\x1e\xc8\xf9\x1e\x8e\xb5?\x0c\xd9\xfe\xc7\x1a\xa3\x128\x10\xdc\x1b,\x00\x00\x00@\x00\x9c\xf1\x00\x16\x91\x0c\xb2CoA\x87\xac\x01\xd9\x7f)\xef2\xda\x00\x00\x00xh0{\x8d\x01y\x038 "\xbc\x1cq*0&lt;\x9b\xf2\x89D\xf7\x99z\xd0U\x00\x00\x00$\xc0T\x01\xc05\x88\rU,\x0f\xca!\xc2\xab\xae.\x07\x8e\x00\x01\x00@\x1d\xc7Y\x0b\xcc\x7f \n\x92\xa4\xd1\xc4\x8eE\xe1\xd0T1\xdc&gt;\x8d\xfe\x0f\x00\x00\x99 h\x02q\x84;\x15\xa6v\x00\x1e\x17\xc6\xf0\x7f\xfd+,\x00\xe6\xb7\x10\x00\x00\xc0\xd5\x98\xeaP\xf8&lt;\x96H\xc1\xad\xd1\xa8\x8a\xdf\xce\xe17\x057j\x1e\x96\x87jz\x1c\x01\x02\x00\x80N\xac\xaf\x84\x1cm\xc5N\x13K\x9e\xa7\x81La\x86\xcc\xef\x8f\x94WT\x027\x81a,\x0bN\x82\x01\x00\x00xp\x90\xb1\x8ar\xef\x15\xc0\xbdk\x07\xb2@g\x00\x00\x00\x00\xc0\nr\x82[s\xc9\x9c\xef\x8a6O\xcfT\x07\x1d\x01\x00\x00\x00\x00\x86\xf3\xad\xc8\x8d.\x0es{{\xe2]\xf0V\xc7\xd1\xf6w\x81N[q`\x80\xa3N\x00&lt;(D\xb4,\nA\x00\xf8!\x9a\xe8q\x85\x1bAD8d|E\xf4\xbc\xf6\xd2-\xd8(\xf2[y\xff\xa5]\xf4 \xe0!`\x00\x1e\x94eY\x90\xfd\x83\x00\xa4\xbet\xb4\t7\xa5Kb\x84]Xa\xbe*\'\xfb\x9f\xdc\xf9\x8d"?2\xfe\xcb\x81\x06\x03\x00\xe4B\x08\x1d\x12\xc0\x8d\x9dy\x14\x87\xaf\t(\x122A\x8e\x9c&gt;\xed\xd5\xbd\xe8\x03\xfa\x7f\xebxj\xa6w\x9d%x\x94\x98\xe0\x05w\x00\x00\x00\xb9&lt;n\xc4\x14\x05n\xec\x0c\x1c&gt;\x12"\xda\x1f\xba}\xe1\xc1\xa6\x94\xc2Jk\x97\x8fjn\xc7\xacl\xef\xd0\xbcH\xf6O\xf4\xd0\xd9?\x00\x00\x00\x00\xba\xa2\xa5\xc2UR$l\x11\x80\xf9\xdc\xe7\xe4\x07c\xe2d=\xdb\x8a\x07a\x01\x00\x00\xb4\x06\xd3\x0c\x00WB\xeaM)o\xd96\xc5\xcc\x10Nx\xed#\x00\x17\x04\xb7?\x00\xb82xU\x0b\x00\xd7A\xfaM28\xc3\xd0\x1e"\x85\xb7\xa5\x81;\x82g\x00\x00\x98\x97\xf46!f\xa5ip\xb6u\xb1\'\n\x0c\xf4\x07I3\xb2\xffp\x10 \xba\xf6\xb9\x9a(s\xd4\xebi\xb7\xf5/PJ\xa9\xbfI\xea\x8d\xd0\xc2\x00\x80\xf9\xb8\xe8\xec~Q\xb3\xc1X\xee\xddmJO\xfe\xc4\xaf\xfa\xcb|\x99Y%q\xa4g%\xa7\xc9\xe01\x00\x00\x00\x0f\r~\x0c\x12\x94q\x95&gt;Sbg\xf1\xa0\x88^E\xfc\xe7\x89\x0b\x1ec\xbd\xca(ng\xe7\x85\x9cpi\xe0d\x00\x00\xb8\x03\x985A&amp;\xd7\xeb-\x05{\xf9\xb2\xd5\xcc6 \xa7|\xc1\x02\xe0\x96C&gt;R\xa9[\xd6w\x14p&amp;\x00\x00\xdc\x03Dsp{\x06w\xf2\xa69\x13i\xb4\xd3\xe2\xd5+\xbeRj\x04rVI\xda8\x13m\x04\x00\x00\x00\x00\x90Gt\x01\xd0,cC\xd2\x06vB\xdd\x8f\x9b\xd9\xa3/\x01\x00@5\x88\xa4A"\xb3\xd1\x9f\x14\xf9\xc9\'\x00\xba\x13\xb9\t\xf0 g\xfc\x1e\xa4\x9a\xd3\xb2\xfb\x1fM\x00\x00\x00#A\x14\xf63m\x960\xd6\xaai\xdd2\t\xb3:Go5z\xf0\x0c\x0c}x,\xe7\xfa\x13\xad\x00\x00\x00\x80\xc5\xdf\xe89a K\xf0\x03\xb7\\\x8e\x19R\xde\x19l\xd8\x99\xc4\x8c\xc7\xe5Zo\xa3\x02\x00\x00\x00\x80\xc3\xc5\'\xf2K\x1b\x1fG\xdf\xf5\x1fi\x87RY/6\xf5^.i\x0b\x98\x00,\x00\xda\x81_\x02\x06\x00\x00\xd0\x1c\xb2\xfe\x17\xcc\x88\xf0O\x8b\xe7\xa7n\xebo$\x17\x9b\x81\x9fF\xbf+\x88\x1b\x00\x00\x00\xc05\xc1N^\x07\xb0c\xda\x11\xf8\xb9=8\x05\xd4\x0c\xdc\x01\x00\x00\x80\xbbS:}\xca\xce\xbb\xcbr\x97\rZ\xa4#\xa3\xc9J\n\x9b\xa5\x8fw\xe9\xcf3\xb3,\xfb\x7f\xd4vB\x0c\xa3O\x08,\x00\x00\x00\xe0\xee\x14e\xde\xa9\x9fA}\xe0ixY\x90\x85\x0c\x04\xfb\xc1\x0f\x85v*\xec\x1d\xd7\x7f\x0f5g\x120\x04\x00\x00\x00\xb4\x02sL\x88y=\xf3\x18\xe7%\xfeIN5o\xef\r\x00\x00\x00\x00\x00\xf0\xc0&lt;\xc6\x02\x00\x00\x00\x00\x00\x17\x04i\n\x00\x8d\xc0\xc8\x02\x00$\xc13\x00\x00\x00\x90\r\x160`Zz=l\x1d\xe8\xff\x18\x1a\xa0\x01U\xbfV\x81\x0e\xe9\x03\x0b\x00\x00\xc0\x00\xb4\x14\x05\xa1\x19\x80+\x12Xf,\xcb}^\xf7\x04&amp;\xc0\xdam)I\xe6\xed\x0e\xf9\xd4J\x93\x00\x00\xa0\x1f\xf7\xddT\xbbd\xbdp\x07\x00\x00\x00z!\x18o\xd7\x17\x89\xbe\x9c\x904\x00\x00\x00\x00\x00\x00\x00\x00\x00\x80n\xac\x1b$/r\xa9m\xe9\xae\xaf\x93\x9f\xc83\xf3X\x02\xc0\xd5\xf1\x8f\xa6\xb7\x9ch\xbc\xdf\x90\xe8-P\xfcv\xef5\xc0A=\x00\x00\x00\x00\x00\xc0e\xcd\xef\xbd\x0f{\x1c\xa9?\x1e\x05\x01\x00\x00 \t\xf6\x96\x00\x1f\xf4\x16\x00:\xf3\xe8\xbf\x14~\x11\xf0\x16 \x00\xc0\x18\xbc\x99\x19\xf3\xde1\xb2:\x00\x00\x98\x93eY\xfa\x1e0\xc1tP\x02\x16\x00\x00\x80a\x84\xf2\xf8\xf8\x06\xd2\xb2\xe0\xe62\xe0\xc2\xea*XO\x02pa\xa4\xa7\x03\x04\x04\x00\xc0\xcc\xdch\x17\xfc6\x15Y\xb9Yu\x00\x00\rx\x9dV\x81\xe2FS\x03\x00\x00\x00\x93\xed\xa8L8\xd0_h\x0e(xe\xc4\xcc\xb5\x9b\xd9\xb6&gt;\xc4{&amp;\xb8\n\xff\x10\x8d\x08\x00\x00\x00L\x05\xed\x8c6D\x88\xfc\x05\xc0\x9cu\x9f\xd6\xb0\x9e\xc0\x03\x80\xc1\x8b\x8e6\x00\x143\xdd\x00G\xcc\x01\x00&lt;\nw[\x00\xe43g\xdd\xf7F\x19b\xdb\x8c\x0e\x01\x00Dx\xf00.\x05|X\x00\x1e\xa4\x03\xe0z\xe8\xc1\x0e\x8f\xc36\x85\x88\xe0a\x00\x00\xc8\x86H!xN\x0c\xde\x02\x04\xc0\x85Atm\xcd\xa0\xec\xdf\xd8\xcd\xc2\x1e!\x98\x1c\xf4\xcf\x87\x82\xdb\xdc\x98\x9e\x00\x00@\x1c$\x85\nN(fn\xbf\xcdl\x1b\xf0\x81\xf6\x1aI\xe70\x88\xa8{\x1bp\x07\x00\x80Kr\xd7\xbd\xff\xa2\xa9\xa5\xf7\xe4w\xf5\xf9\xef\xb0~\x96\x8a\x98f\xdc\xb5o\xdf\x174\xd8\xa30K\xc4\x00\x12`\x01\x00\xc0U\xb9\xe5\xd9\xf4\xa2J\xf5\xf3\x83\xa6\xa9r"\xfc\xa8\xba\xcb\xcbq\xa6\xf0WH\x15\xcf\xaai\xb4pH\x94\xdd\xe87\xec\xd8\x00\x04\xf9\xf5\xaa`\xb2,\xcb-\xe7\x02\r\xac:\x00\x00\x80\xc5\xb5\xb7\xa8\xf9\xc6\x0f\xd9\x8c\xbf\xc1\x1d\x00\x95\xf1\x9e\xa2\xbc\xcaF\n\xe7\xf8m\xd4k\x94\x00\x00Q&gt;\xe7\xb8\x05\x1a}\x8b\xebGb\xfc\x02\x00\x80(w\xc8&gt;S&lt;B\x1d\x1f\x8d\xac\xa3S\xf78g\x05\x86\x80n\xd3\x9a\xf7g\x8cM\xb4\x02\x00\x00\xb4\xe01c\xebc\xd6\xba\'\r=\xac\xe5\xf4i-X\x00\x0001\xd3&gt;s&lt;c\xc4\x989\x8e\xe1\x19\x00\x00.\xc7\xbd\x8f{\xfa!\x9a"\x92\xb6\xb7\x81\x94\xa2Ao\xe9i\xd8\xaf\x8e3\xca\xc9j\xcd\xd0\xca\xe0\xd1A\'\x0cCT\xf2\xa4V\xe5\xb8f/\x03\xa6k\xb8\x99\x1f\xcf\xc0\x02\x00\x00p\x01&amp;\x8e\xa2UX\xb3\x1a\x91"Rj\xf9\xbaQ\xf6\xb4c\x9d\x08\x93\xcdx\x14\x9by\xe2\x047\x07}/L\xd9\xc0\xac\x1f\xce\x0c\t\xcbc\xee\x8e\x01\x00\x00\xb8\x1e\xee\xb6\x16\xb6\xc0\x01\x00\x97E8|\xe1@`;p\x07\x00\x80;\xa0\x85H\x04\xcak\x83\x9d\xefL\xd0\xe1\x07\x80\x84\x0c\xb8 Q\xbf\x16X\x00\x00p3\x90&gt;^\t\xa4\xfb\x07\xccG\x84\x1d\xe0@\x00\xa6@\xfa\x17\t\xbeI}&gt;\xed\x923\xd7\x9cX\x88\x00\x00\x00\x00W\x00\x9b\x87\x00\x80\x93uG\xa0t_\x00\x00\x00\x00\x00w\x07\x8b\x87\x07\x01\r\r\x00\x00\x00\x08\x83\xc9\x15\x0003\x88Q\x00\x00\x00\x1e\x1d\xf1w#\xcc?\xb9\x1e\xb7\x83;\xbc\x17b~o\x00P\x05\x0eW\x00\x00\x00\x00\xd7\x82\xf7\xd3\xaa\xb1\xd9\x1d\t.\x00\x0f\x0b\xde\xae\x08\xae\x0b\xfa\xad\x08x\x0b\x10\x00w\x83\x88\x94z\x11\xa5T\xfc\x05)x\xff\xcc`\x1eu\xff\x15y\'(\x83\xb6\xdf\xc9\x03\x0f\x0e\xfa\x00\x00\x00\x80\xcb2}63\xb3m\xa0\x96+.\xc3.gpS\xae\xd8\x82R&lt;l\xc5\x01\x00\xe0\xe1\x98&gt;]n\xc1Y\xdf\xfe\x13\x9e\xf8\xe3%\x98\xb3\xa7\x82\x88^\x1a-re0\xa0f\x07A\x0f\x00\xd0\x08\x04\x17\x00\x00\x00`B\xb0\xeb\x01\x00h\x05\x82\x0b\x98\x08\xf4F\x00@\x17\x90[\x03\x00\x00\x00\x93\x90\x98\x8f1a\x83\x0b\x83\xde;9\xbf\x1f\r\x04\x00\x00\xe0\x02&lt;\xd6t\x85\x1d;\x00@#\xee\x1d^\xda\xd5\x0e\xaf\x01\x05\xe0\xc2\xdc8\xea\xdd\x1d\xbc\x83U\x0e\x8c\x02\x00\x1e\x98\xa2`\xfav\xc2F\xb4\x04\xef\xec\x06\x00\xd8\xe8\x0b\x00,\x06\xee\xc7\xedw\xb6F\x9bps\xe0a\xf0\x10\\\xfe7U.m&lt;\x00`4\x98\xeco\xc9\x8d\x9b5\xf5;\xd6\xa0\x11\xf09\xb8\x19\xdf/+nD\xd4\xc5\xa8\x04\x00\x14s\xdfL\x11\\\x1f\xb7s\xde\xf9\xe6\x06\x00w\xe2\xa1\x86\xea\x98\xfb\xae\x8f\xe4a\x00\x00\x00\x00\xb4\x03)\x05\x90\xe1\n7\xeb\xa8\xcf\x8fE\xb6X\x1bh\xee\xed\xead&lt;\x04\x0c\x00\x00\x00\xdc\x8a[?&lt;\x02\x860\xf5s\xa8[o\x97yX\xb6\xf7\xc8Y\xf6\xff\x10\xb1n\x05`l\x03\xf0hx\xa6t\xf1\x9b\x95\x88,\x00\xdc\x00\x0cd\xf0\x10\xbc)\xc9\xde\x9d\xd8\xa6\xd4\xda\xe1Sr9\xed\xd4\xa9\x06\x00&lt;\x02D\x85!\xa3"\xc4\x84\xa2\xed\xb4\xf7\x88\x11O\x87 4\x8f\x02\x00nL&lt;&gt;$\xa3\x87&gt;\xfd\xfdI\x19\x83V\x81\x7f\xb6*p\x95M:X\x00\x00\x00\xf8\x14.\x00*\xa3\x8cs9M{\xe0\x00\xf1t\x14\x98\xcc\x00\x00+D\xf4U\xd6\x1b\xab\x89T:&gt;\xa7\x7f\\\xbc\xc5=\xf0z\x81X\x00\x00\x00\xa4\t\x1e\x01\x12[\x00p\xa2O\xe5\xe5 \xc0\xad\\\xf7\xce\x98\xc9\x00\x00J)g^8\xe6,\xe9\xad\xa8\xab\xa2\xdd\xcb\xc7]S\x00@K\xea\xc3n([\xbdG8\x1e\xc3\xad\\\xc7\xad\xcbm\xa6p\x00@.\xed\xc6\xfe\x85\xa2\n\x99\x8c6\x07\x00pk$\x16\x00\x00\xf8\xc14\x06\x00\x90\xa2\xe0\x16\xf7\x059\xde\x01\xda\xb5\xa6O\xea\xa9\x0c\x000\x14\x12y\x95\xdb"\xf3\xaa5p?\x90\xf9\x03\x00\xc4\xb9\xfd\x8c\xb3h\xff\x05\x00\x80\xd0O\xa5"\xc9\x02S\x12\xba\x8b\x8de\xc1\x14\xbc\x07Z\x01\x00\x00\x00\xb8\x008J\x01\xee\x00\xba\xf1xp.\x0b\x00`\x82_\x02\x06`Z\xd6\x1b\x82\x98\xb6\xc1\xb5\xc1\x991\x1f\xdd\xc65\xf5T\x06\x00\x9f\xcf\xc4\xba\x14\x00\x00\xbc\xb8\x07*\x10.\x01\x00\x19\xec/\\\x1fm\x87\x0e\xdb\x98\xb9\xcc\x06\xb2\xdc\xe5\xbd77\xa8\x02\x00`&gt;p\x9c\x1aL\x873m\xa3O\x82\x86 \xe8\xdd\x95\x9b,\x00\x00\x00\x00\x1c \xac\xcf\x86d\x8b\xa0qAG\x10L\xee\nZ\x16\x00\x00\x9aP\xf6;\xc1\x95\x1a\xb1\x1f,\x89\xe4\x04\x89viE*\x8f\x81\xe7\xab@\x9ax_z\xb7l\xb2/\xdd\xe0g\xb9\xf8\x96\xe3!`\x00\xee\t\x11-\xdb\xf3\x97\xfd\x1e\xc1\xec\xac\xee\xde\xe4\xcc?\x9c\x1f\x90G\xbb\xb4"\xf5\x94\xb3\xac\xe7/\x99\x94\x00\xe0\xa3oP\xfa\x0c\xd6\xd8\xd1G\xf3\xe5\xd6\x00\xab\xc1x\xed\x02\x00\x0f\xceG!W\xb0 "\xa5\xfe\xe0h+\xd8\\v\x0bj*\xe0\xc3\xab\x83\x16\x04I8\x9d\x84\xbf5~\x83\xfb\x00\x00\x00\x90\t\xe2\x1d\xb8\x17\xe8\xcf=\x11O\x98*\x04\xa2\xdd\x1f\x08\xa7\x93p\x13\xfd\xe0\x17\x0f\xb0\x06\xc0\x11 \x00\x80\xc6R\xfe\xd2\xf6D\x94\xbco\x18}X.\xd1\xa0\xf8\x15\x82F\xf4y\xe0gY\x8a[\x10\xed\x1e\xe1\x02#7\x0b\xb3\x93\xf0"\x13\xd1\xb2\xfc\x15\xffW\x7fO\xc2&amp;Q.\x11l\x01\x00 \x00B\xd8`\xc4\xfd\x8f\x06}\\&lt;;\xa3\x1d\x16\xf9\xaf\x84.\x07\x04H\xee\xeb\xc7\xef\x00\xf4O\xc7\xb1\x00\x00\x00d0"d`\x9b\x7fRn|#;\x0c9\x7f\x80V\xcc\xd7\xc1\xa62\xe6\xa1\x99\xacclT/\x00f\xacT\x168\x02\x04\xc0\x9d\xe9\x1cy\xa7\x8c\xf3@\xa9\x86\'a&amp;n\xf2\xb7\x19m\xc0,\xb4k\xa3Mr\xc78\xc3U\xc4\xb5\x081\xab9sz\xb8\xfe\x17\xb2\x87\x9d1\x9bsA\x05\x00\x10\xa6f\xa8\x13\xd1k\xb1/o\x13S\x10\xa7:\x03\x87\x83\x01t{\xf6\x97\xff\x16\x17d\xf6 B\xf2\x01\xdfGx\x08\x18O\xc9\x0005\xb4\xbd\xd6\xb7d\xa8f]KD\xe2\x9b\xc4-d\x82i\xa9\xe9\xab\x00\xec\x9c\xe9\xd6\xb2(3K!"N\x07[\x8b)d8\xf3A\x934\x8a\x9e\xd3Gz\xd4\xbdc\x1a\x8e\x00\x0105\xcbR\xf1^\x9e\x9c\xc8U\xbc\xc6\x88\xec\x8e\xdc5n\x02\x00\x1a\xf1\xc5F8\xb1\x02HN0dl\xda\xdeugwbf\x9c\x11\xe2\xdd`\x8eY\xacIG\x9d\xa1b\x00\x80Kr\xef\xdd\x11\x00\xb2 "\xec:\xd7\xc3\xdc\x9a\xe5HXT\xfc7Q\x99\xf7\x13\xc0\x1d\xd1\xfaY\xa8\x9f\xdc~\x82\xc3\x1d\x00\x00n\xcc_u?:^_p\xe3\xa3\x8d\x00\xf4g\xc1\x03\xa5\x06\xb5\xbe\xa8O\xbc(aF\xd5\xcd\xd5\x80J\xf4\x80\x8b\xa07\xbd\xaf\x17\xac\xe7W\xb5\x1e\xd2\xafe1/\x03\x00j\t=E\xb7~^\xffx\xd3v\xf9{\x8aG\xab\xcf\x91\x16\xc8E\xf7\x06\xa20P\x99\xef\xfb#"\xf5\x15\xe86J\xb5\xff\x05\xdf\x88\xf0\xc6\x8fo&amp;\xde\x1d)\xad\x0e\xac4ql\xa0\x9fx\x86|\xcf\xfd\xb2c\x82\xee\xa3\x0e\x00\xf0xT\xbf(#k\x8a\x95Zu\x00\xd0\x93\xac\xbe\x9a\xb5Z\x88\xcb\xc1\x18\x89\x13\xf7\x0f\xe2\xcc\x9d\x98\xa1)\xfb\xdb0\xbc\xca\x00\x80\xa1\xcc\x1c\x02\xce)6k\xc7\xee\x0e\xbf\x9f2?\x98&lt;.\x0e\x9a\xaf\'/u\x8c\x97\xd4\xc0A\xbb\x0c\xe01\x17\x00\x00\x80\x07g\xda\x88\xf3tDC\x00\xc0u\xe1\xa5t\x88r`\x05=\x01\x00p1X/\xc3ko\x06\x00\x00\xcc\x02\xe7\x8c\x106}\xc1\xbd\xc1[\x80\x00\xb87\xe9\xd7\\\xd0\xb8\x13#\xd7\x9fb/m\xfcCS\xd2\xf7\xae\xddWgA\xeaI\t\x11&lt;}\xe0s\x0c\xf3\xe6\x0cPsZ\xd5\x8eG\xa8\xefq\xa4\xf6\x11*\x0b\x00\x98\x84a\xe1&amp;?\t\x9b,2^~\x01\xf3\xc8\xe45\xdc$\x8b\xd5\x19l\xa8c\xfc\xe3\xb9d\x12\xffV/0\xdcr\x8d\x1f\x19m\x00\xb8&lt;\xb7\xfd\x81\x03\x00\x00\xe8\x00\x11\xdd\xf8\x97b\xc0\x01]\xe7W\x81f6\xf5H\xa0\x07\x9ag%\xf1\x96%n\x8a\x7f\x14\xc0`\xcf\x84\x1e,\xc9\xbcX}q\x04\x08\x80G\xa6\xf6M\xa0\xb5\xea\'\xdaQ+\x04\t\xc1\xfcH\x9d9\xb9VS\xcf9\xb2\xd6\xf12\xd6\x93\xc6o@9\x96DF4\x06{&amp;\x8f\xe6\xae\x8b\xd5\x17\x0b\x00\x00\x1e\x99E-\xcb\x96\x85\x8fH\x17\xcc\x9fZ\x04@\x9e=\x0f\xae\xedf\xcb\xb2d\x08\x992\xf9\x9e\x84u\t0\xd6\x84\xc0\xdf\xfbG\xb7\nJ\xaf&gt;\xda\x80\x143=\x13\x02\x00\x00\x0f\x04\xe7\x85\x18\x00\\\x15\xb1\xf4\xa2H\xc8\xa7\xb6\x1cY\xc6\xc8%\xf33\x8c\xe8\x14Q/\xc1\x8d\x02p]\x07\x0f\x97R\xd79\xef\xb4\xcc\x05\x00\x142\xf0\xd0\xf0\xcc\xe7\x95\xc1=\x10:\xba]|\xc0\xb7\xd5\xc9`\xefYv\xfdC\x0c\xab\x08\x91\xa7\x11\xe2\x0f\t\x00\xc0c\xf6G\x02p\x04\x08\x00Pu\x14g\xdd$\xfb\x88\xc0\xcb4\xd2\xaa\x9f\x89\xf9\x15\xb4E\xa8\x83\x15\x0b\xe9\xda\xbd\xf5\xcab\xf7\xda\x87\x93\xf7G\xdf\xf33Ut\xbag\x83\xde\xb2R\xf2\xd5\x92\xf7\xd2D=\x1b\x00\x90\x01Q\x83\'\xe9*w,\x8c\xcb\x1fsk\x9f\x88&amp;8\xe2&lt;\'v\xef\xc2;U*\tm\xf6\xcfs\x13\xa0m\x10 \xa26\xc2w\xb3\xd5d\x03\x99\x88\x1e.\xa2vd\xde\r\xfbF\xef\xce\xc2\x1d\x00\x00.\x0b\xd1\xeb\x08m2\x1c\x87]\xebv\x98\x8c\xd8\xf4\x80\x0f\xf8\xae\xde\xbb\xe9~V\x9a\xf8=\x1f\xf7\x9bG\xeb\x1e\xd2\xa4\x97O\xc3\xb3\xff\xa6A\x80v-\xe2\x92w\xb3\xe7\xea\x9f\x0f\x1bX\xfaP\xe1\xde\xc4\xefI\x17\xcb\x05\x00\x80 "\xc1%\xf4\xab7 \x0b\xf8P)\xa5\x9e\xf2\xc0u\x1f\x84\xaf\xbf\x8d\x7f\xadJ\x87Q\xf0hc\xed\xd1\xea\x0b\x00\x00\xa0!\xdb\xb6?2W\x11\xee\xe3\xc6@\x15\xeeP5\xd0\x9au\x08|\xc3h3\xee\xc5\x0f\xdc&amp;\xb6&lt;2\xe3W\xe6\x00\x00p \x15\x8f\xc8\xf9\xe3\x11\xc1\x0c=\x0fh\x8bA O\x95\xa7\xe3\x1e\r\xda\xae\x15\x84_&lt;\x00\x00&lt;\x027\xba\xab\xf0\xc8Q{\xf0oE\x03\x00T\xc7\xf3?\xad\x93\xd4[\xcc\x087\x01\x0f\x01\x0303\xbfR-aX\xb4=\x1e\xa0\xbb~\xc4\x9f\xeeq@AR\xad\xb3\xf0\x8a\x81iA\xc3\xdd\x81\xbe\xefT\xb8m\xb8k\x06F\x19\x00@\x98k\xef=\xdf\xe8&amp;\xc0}a\xb5\x0e\x1a\x11\x80\xfb\x80\xb0\x0c\x14\xee\x00\x00034\xeb\xf9\x0b\xe6mb\xbc\xe7\xf1\x02\xb0\xda\xe8\xe1\xde\xe8\nZ\x83\x1ct\x1cp;P\n\x0b\x00\x00@\x19\xcc\xb9\xbb\xff\xaf\x01 \xab\x00\xf3\x81&gt;i\x80A:\x8e_\x86\xef\x01\x00`v\xb0IV\x00&lt;\xf6\x18|\xd7h\x03@\x15\x8d\x82\x1b\x86\x7f\x12L+\x00\x000;\xd2/d\x18\xfcD\x01~*\x0bt\x03\xdd\x0c\x00/\x18\x17\x131\xb4-p\x04\x08\x80y\x91\xfd9\xfa=\xd4\x8c{/\x10\xce\x91?8\xc8&lt;\x00\x18\xcd\x85\xe3\xf0\xfdV\xf5\xd7m\x0b\x00\xc0\xa5\xf0\x84\xce\x16o}\xc6\xe6+\x08\xd0\xb3W\xd0\xf1+\xd78\x82\x0f\xc0\rx\xc0\x99\x85\x10\xc1\x00\x00-\xc0\x81\x1cpc*:\xf6\xdf\x90\xb4\x03\x00 \xc1\x03\xceV\x8fV_\x00@[\xc8a\xb4E\xa07h\xf40_\x08\xe7\x00pu0\xb5%\xc1\xf1#\x00\x1e\x0e+,.\x8bB(x0H\x11\x8e\x9f\x02\x00\xfaB\xd4-\xec\x10\xd1\xa2bQ\x8e\x88.\xfc8\x84\x04x\x08\x18\x80\x87C\x0fz\xb2\xcf\x19?\x12\x17\xdf[z\xec\x99\xef\x9a\\\xbc\xcb\x01\xd01\xec,\x8c\x01\xf3\xe0\xb7\x08\x9e4\xda\x00\x00@\x7f\xac\x8d\x0f\xc2\x1a\x80\xc7\xfc\x8ebZ8y-\n9\xa6\xf3\x9bn\xec\xad\x95\xdajy\xd3:\x02 \x83\x93\xda\xe3\xb6\xa7\r\xee\x00\x00\x00\xa4b\xe2\x7f\x13\x923-K\xe0\xef\xfe\xfcd\xe0\xf3E\xed\x19"\x11}\xcd\xe5\xf7\xb7~\xd6\xf8\x17\xbb:\xb7\xde\xd8C\x06\x03@\x1a\xebG\xe8\x89\xb6%\xc1\xf1l@\xd6\xaf\xd4\xe3U&lt;\x00\x00\x10\x84\x88^\xf9\xce\x89\xd7T&lt;\x84\x9f\xf5\xc7\xf8R\x0f\xac\x93\xf5l{7#\xfbs\xfb\nv\x03n\xbc\x10\x9cn\x1f)s\xbcO\xb3,DL1\xe8\x86\x1b\x00\x00xh\xc21h\xfe7\x16\x9b\xa1\x7f\x82\x80&gt;;\xe3\xfd\xc3\x9d\xb3S\xd9\xff#,\x0c@6\xe8\x0f\x1bS\xc7\xed\x15\xde\xf8\x8dMOk5\xb9\xa1\x80\xe8\xeb\x8d2\xe3\xfd\x83\xf0\x05\x00\x18Ib\x17\xb6\xaf!E\x17\x11\x11\xbd\xdb\xbe\x06\xa8\xb3\xe1\x97\xeb.\x7fLJ}\xfeFU\x8d\xf5 7\x07\x00(\xe0\xd1\xc6E\xa0\xb2\x86\x13Z\xfb\xa4@\xf8C\xb5\x11\x00`:n0U\\\xdd~P\n]z\xc7\xf7\x06CO\x088\xa1\x05\x8f\xeeUs|\xb5\xdd,\x98\xe4n9\x1e\x02\x06\x00d\xb0,\x97\x7f\xfd\xc8\xd5\xed\x07\xa5,5\xef\x00A\xf2\x1d\xa7\xc3\xfa\x84\xb6\xa7\xdb\x9b*yX\x1e&lt;*v\xedU\xfb\xf3\xc7\x83}\x8e\x05\x00\x00 \x8d6\xb5?\xf8&lt;1\'\xe2\xb3\xd7\xd3\xdb\xab\xb8\x16\xdb\x8b\x95F\x9b1-=&lt;s.\xdd\xd1\x10@\x94\xa3C\xedc|\xc9zGP\x99\xce\x96\xc2\x01\x00@\x88Y\x8f\x1fLh\x12\xb8+s\x0e\x81i\xe8\xe5\x9c\x06g\'\xf0p\xc8\xa3\xd3\xf9\x19\xa1\x86G\x80\xd0\x8d\x01\x00w\xe4\xb5G\x1b`\x80\xa4\x01\x80i\xa8\x1d\x89\x18\xcb\x8f\xcd\xefI\xc6s\xa9\x94][i\x08\xaf\x01fx\xae\x00\x00\x00\xee\xcf1a uxh&gt;\x16\xeb@?p\xcb}\x98\xb0)\x19\xaf\x04\x95M\x88Ev|\xcc[\r]\xbd\xfa\xc2\x136"\x00\x00\\\x91c2\x98$\xd1in\xc6\x1c\xd5\xac\xa1\x89\x8bZ\xbe*\xa4\x91d\x00\xf2\xe8\xb2\xd3\xc1\xce\xb0Ygu\xb623\r"#\xfb\x9f\xc00&lt;\x04\x0c\x00\x00%\x1cO\x88\x8d~\xadP\xaf\xb9Yu\xca\x03\x9a"o|\x8f\'\x05/\xecpq.\xdd\xfd\xaeLs\xb7s^1\xb7&amp;\xcf\xcb\xb2,\xcbSyB\x05\x0ck\xc2\xb4\x86\x01\x00&amp;\xa1d\xb6{;L\x90q(\xfa\xcfI\xb8\xe0/\xd5\xb7G\xe2\xbe\xf9\xc5\xbc\xf4E\xb7j\xd9o\xabo\xbe\x16\xde\xc0\xe1\xe9\x99H\x1e\xc4\x0f\xfe\xf3\xf8\xb0\xf3C\xbd|d\xad\xfa\xa0\xc9j\x07\x00\x10c\xc2\xf8uu\xde\xf62.\xbd\xd2\x02\xa0\x9bj\xa9c\xb8"\xc64f5\xf2E\xe7900\x0b\xad\x16\x00@\x80JO\xe6^\xeeY\x0f\xd8\x87\xec\xa7kY\xb1X]-\x077!\x00\x98\x97ux\xef7E;\x8d\xd6#\xa6\x8c&gt;\xd9\xf2\xe0\xd0\xa5\xe2sOk\r]\xfb\x18ak\xdf\xfb\xf7\xb2A\xa9\xa6[\x00\x00 \x00IDAT\xa8\xf9=\xacO\xf0\x18\x8f+D\x04W\xdc\x95\xea\xc6%\xa5\x96\xc9{Hv\xc8R*\x10`\xcf\xf0PV_&lt;\x03\x00\xc0\xd4,\xdb\x86W\xbfp\xb6\x86\x92\x89\xe3\xe7\x83p\xad\x06\xe8i\xad\x8c\xaeu\xafPDT+\xf4\xec\x7f\xa0\x19\x80\xcd\xec=jz~\xa1V\xc0:y\xddn\xb8x\xbb\xd5\x91\xfd\x97J\xbd\x9d\x9b\x00\xb8\x11D\xb4,\x8aH=\x9bR\xbf\xd5*\xa8]k\xa7\x19\x80Z\xac,m\xdat\xe1!\xb7\xff\x11\x8ef\x06\xad3!\xdbS\xd1\x05W\xe2\x0e\x00\x00\xf3\xb2o\xc6/\xcd\xb2\x7fu\xef\x80\x8e\xc3\xd3Q\x1e\xd43\xcb\xb2\xe8\xf3%vm\'A\xe4h4\x9e\x9b\x12G{\nE`\xb2p\x9e\xb7~\xeez\x99\x8fLMg\xc7\x02\x00\x80\xc9i\x9d\xa0\xdfx\xb2$u\xeb\xeaUs\xdb\xb5\x1f\'\x05\\\xf6u\xc0\xac\x9b\xeb4\xa9]\xcd0\xd7e\x1b\x05\xd9\xfc.\xe4\x87\xebM\x02m\xd0\x9b\xf9\xd7\xfa\xa9\xfd\xd1\xbb\xcd\x06X\xeb\x02\x00\x1e\x84\xf7\x8c~\xab\x85B\xa2\xef\xdc_\x07\xc1\xbd\x04\x80\xf9\x98\xf3U\x86\xf7\x00^\xe5\xf2g&amp;}\x9dN\xaeU\xa5C\x89\xfeN\xf0\xaa\xe1\xc3s\xb8\x01\x00\x00`\xd2&amp;$qe"m\x02u\xcc\xd2s\xd0\x93-\x88\xe8\'\xc4\xbc\x01\xaf\xf2\xb8E\xf7\xbb\xf1P\xbae\xa5\x00\x00\xa0\x00\xfd%\xd0]\xd5vU\xf7\x00\x8c\x9b\xd8\x12z\xd3\x99Dm\xaaA\xa6\xa2\x87\xeaZ\xfb\xf8\r\xfc\xc6S\x7f\x83\x98\xccl\xdb\xe3\x10\x1a/W\xce\xfe=\x96\xd7=\xdevQ?\x00\x00\x80\x1c\x97\x9d\x12\x1e\x82^\xad\x93\xad\xa5\xf1n\xe29\xb5_9k\xa9!\xbc\xecyDo\x00.\x97\xd8\xe6/X\xd2\x9b\x95\xaa\xac\xe3y!\x1e\x02\x06\xe0r\xcc\x1e\xe0\xe6\xc6\x88\x9e\xb3&gt;\x00\xda\x9f\x19{T\x87\xd6\xd9\xf7\x9a\xf3\xaa\xbf\xb4\xfd\x15\xb1\xe5\xe1\x7f\x86c{&lt;\xdb\xfd\x82\x8e\xff\x00`s\x99\x8e\x91;\x81\xbb\x8f\xc7W\xc4\xc6\xf3B,\x00\x00\xb8\x1ad\xfc\x0f\xe03\xfd\xde\xd00\x1e\xd3-5\xbd\x81\xf7kyY{u\x9eb\x8b\xf7\xcd8\xd7\xa7x\xa7v9\xfes5^\xea1\xc7XG\xfa;8\xbf\x03W\x98x\xc6\x81\xdc\x98\xf0\xedA\x91\xe5\xd6\x00\x00\x1aC\xfb\x0f\x81)s\xc5Os\xff\xd4\xf9\x9cX\xc1\x1a\x0e\x04\xad\x7f\xd8\x087\x9a"\xac\xcey\x10\xcf\xdc\xb2\'\xcc6\r\xadN\xfe\r\xa5\x9e\xdc\xf4\xfe\\5D\xc4\xdb&gt;h\x0e\xee\x00\x000/\xfbk\xca\xed\x15\xffTa\x17&lt;\x127\xdb\xc5l;\x8e\x96\xc53x\xc1\xca\xa7U\\{\x89\xa3\xde\x1am\xec\xfc\x03\x83\xab?W\xc7~\xdb\xcd\x1bORj\xe6\xec\x7fc*\xd7\x01\x00\xc0\xed!\x8d\xd1\xb6\x80\x16\xa0e\x1f\x82\xa9F1\xc7\x98\x16\xd6NR\xfdI0c\xfb?\x1em\x0e\x00\x00\xdc\x0b\xce\xeb\x0b\n^q\xd0\x93\xc9\xcd\x03&lt;\x8c\x16\x1c\x91\t\xa1\x0b\rf\x8e\x05\x00Y\x1c\x9fz\x8b\xca*V\xea\xad\x04\x05^\x1doC\\\x18\xa3.\xb7\xa8\x11\x00\xe0\xd2\xc4c+\x11)\xf5\x1a\x93d\xd8\x88\x98\x8f\xc3\xfd\xda\xfa&amp;IL\x8a\xab\xa7kv\xfaO\xa4\x1aWj\x17K\x93\x84\xd9,\xf4\x8c\xb6\x9dp\xaazA~\xad\x01RB\xdcN%`"\x00\x00\x14s\xf5\t\x1bT\x82\xa6\xef\xc6\xed]=&lt;c+\xc6\xcd\xfb\xf5\xa8x\xd4\xc8\xfc\xea\xa5\xa4T_.\xef?\xf9\xb3m\x97F\xb2\xd3S\xeeZ%\xa4\xbaLH\x9f\xa9\x16\x0f"\x00\x00\\boG!\xa2\x9a\xd7\xa0\xd3d\xef\x8e\xc8\xa7\xed\xabc\xa4!"\xd5\xf6\xb5\xf5\x0f\x07\x111_\x03\n\xfcX\x99\xcd\xc8\xfe\xb9\xb7%\xafl\xc6\x9b\xc4\xb2\n\xb3\xb9V\xf0\xb1\xa1\xb6\xaf~"\xf7\x8dy\xb5\xb2f{\xd6Y\x14\xbc\x05\x08\x80\xcb\xd3`\x9f \x16\xf2B\xbf\xd1\xc3\x15}\xf9xz-\xfb\x1b\xffhU\x1d\xd7\xdc\xe7^\x96\x05\xbf\xd553\x19\x9d\x8a\x9a\xbd?\xde\ntB]}\xe2^\xf7VW\x1c\xcb,&gt;\xff\x92a\xca\xe0\x9a\x91\x16\x00\x10\x05gr\x1e\x89\xfb4\xf4}\x8f\x93\xdd\xafF\xad\xd0\xfa@\xa1\xd3\xaa\xbbP\xde\xb5\x19\xe7L\x8e\x02\xd6Y\xa0\x1bvx\xa5&amp;\x98\x86\xc4\xe3\x89\xd63\xd7?\xdeEJr\x7f\x86\xb7\x0e\x00\xa0\x11\xff|\xb4\x01\x99 \x12\x81;/\x00\x94R?=\xda\x80kP\xdf\x01:w!~\xa7\xdd\xca\x90\x07Y\x8bD\xa5]\x15\xae{\x7f"\xe7\xd6\xd0.\xed&amp;a\xea\x06U\x00\x00\xdc\x03\xf1\x90z\x87\x18\xfdH&lt;X{=Te\xef\x0b\x91R\x9f\xc7(e\xe4\x8e-\xd6\x00\x84\xb7CzH\xdc`)s\x97T\xab\xb5h,t\x00\x00@\x13n\xb2\xf3\x01\xe6\xe0\xd6[\xfe\xe0\x11xn\xee6\xea~\xa8\xa9\xdd\x02 \x0b\x0c\xba\xbdE\x8a\xfcp\xb6Z\xa9\x1b\xffJ\x9bvG8\x05\x00\x80[r\xb3\xe0\x8e\xec\x1f\\\x98\xcc\xdc=\x94\xfa\xb7_\x03`\x88\xa5\xc8t\xfe\xd6^\xa5M\xd6u\xe1\xf7f\x11\x15\xc3\xd6\x9f\x00\x80~\xf4\x19\xe4\x17\t%\x970\xb2;#~:\xb7f\x12-WI\xa4\xbe\x04}\x00dc\xf5\x99\xdc\xf4}\xdc\x02\xe0\xd1 "\xfa\x8aV\xfe\xacm/\xb3\xc5\xdb6z\xbcw\xf5\xb4\x04\x000\x90\x1e\xc3\xfb\x12\xd3\xd8\xb8\xe9v"\xcf\xbc\xbal\xf5+\xce\xd1\xf6r\x8b\xf1\x93L\x9b\xea\xe9\xfbj\x11\xb7\xac\xd4\x14\x18q\xc3\x93\xbe\'\xfa\xf3d\x0b\x80XR\xc8\x17!j\x92\x0cM\x93\xda\xfa\xa4\xb9g\xce\x1do "\xfaQ\xa7\xefM\xfcNY\x00\x00\xa8e=\x89\xdb\xe2\xc7\x07.\xf3\x8b&lt;\xc4\xfc\xe5\xb5\xfd\x07\xc3\xe2\x85\x8ajM\xfb\x0f\xf4\xa8\x9eN[\xb5\xe2\x17\xbb@\x11t\xc4\x8dxj\xe5\x1d\\\xc9ty\xf8\xcf\xa1\x1c\x16\x0e\xb7\xa4\x06\xad\x16J.\xb6\x90R\x8b\xd5\x82\x05^\x9a\xdf\xc3\xf8!0\x00@WRS\xa3\xec+\x14\x97\xedg\x9b\xe4\x994\xa6\xbb\x88\xd6\xbeRVW\xa7m\x15\xef8\xfb\xe6\xec\x92\xda\'L|{\x843\xee\xb9&gt;\x0cg\xdc(\xeb@\xd3\xa6}+\xcb\xcehC\xaa\xd0\xaaPZ\x11g\xccZ\x1fTz(\xe2\xe1\xe17U\xb0\x00\x00\x00t\xe7\xeb"\xb7\xce_\xa4\xa7!\x8f\x01o\x06KNt\xe5\xd3\xd5\xa8,c\xe6\xfc\xc60\xec\x7f\xa8\xc4q\x92\xe6\xe6\x800\x05\xde\xdf~\x7f;\xd0\xffZv\xcb\xff\xd1L\xf2\xbc\xd4\xf8\x93\x02\x89\xb8\xb6@*\x14\x9eZ_\xd1\xbc\xc1\t\x00\x00Z\xd0\xf1,\xf8|\x94gr\x9dN\xcfg\xe5\x9aHL\x9b\x83\xd7\xbdO@\xe5i\xfe\xd1\x0f\x00\x80\x18[\x8bh\xb3\x92\xa7\x81\xbe\xb9\xa0\xc9\x92\x97\xa0\x1b\x00\x00\xc0\x9dy\xaa\xf1\xaf\x17\x9f\xfbq\xe4\x8c\xec$\xf1\xf8#\xa67p\'\xcaR\xff\xd0\xe5\xed\xec\x04\x05X\xed\xe2k#R\xea\xb3re\nY\x07\x00\x00\xe0\xe2L?%Ln^\x06|WO\xdf(`\n\x92\x0b\x80xG\xc2\x02\xa0\x86\x1e\x1e\x8b.\x00\xf6[\x04\xad\xf8\x16"\xf5\x8b\xe8\x15\x00\x80^\xe4\xceF\x8f&gt;o\t\xecj\x0fs`\xe7\xb6\x1b\x9e\xe8\xf0\xefc\xe4\x1a\x19.\xff\xd8\xa3\xe3\x01\x88g\xff_\xf0(\x0b\x80\x01\xb5\xe8\xa3\xab\x85\x16\x86L\xca\xfd\x8d\xb9JtEO\xea\xa3\x12\x000\x1b\xb9\x0fNM\xfc&lt;ek\xf6\x98IJ)\xde+5\xfd\x0cs\xe0\xc3\xb6\\\x8a\xec\xc6\x0c_\x00\x1f?.\xf1nd\xe5v\x93\x07R\xddZ\xdf\xbb5\x07\x98\xdfGe\xb5\x8e\xdfP\xeaIDt\xbcw\x98\x95\xd3kE\x88\xf9\xbef9\xa6\xee\x88\x00\x000\x07g0\x9f|\xfe\x06\xfa\x1b\xdc\xaf\xcf\x9d\xearyrSy7\x05\x9c\xbf)\xaf\xb5\\\t\xd0\xfbGZ\xbcN[?\xe48\xf0\xb8\xbc\xb3\xb7\xf1\x1aP\x00\x00Hr\xc5Y\xf0\xf2\x94\xde\x16\x1f\xf3\xf6O\xa9\x83\xc2f\xad\x13u\xd9\x95^\xfaT\xc9e\xb0\xda\xc2\xe9\x9fd~\xe9f\xffm\xcc\x12E\x7fw\xe5%\x0c\xf61\x83\xdd\xdc\xec\xbfT\xfc\xda\xc1\xaa\x8e\x0fa\x01\x00\x00\xb8\x1c\xa4\xd4\xc7\x8d\xb6\x01\xb4%\xeb!K\xb3\xe0\xb8\x93\xd6\xcc_\\\x96{LbY\xd6\x17\x99\x1b\xfe\xb9\xfeA\xf3y\xb1Z\xd8j\xc7c\x11h\xb9\xff\xbb\xb6\\p\x86\xc4\x94\xc3\xf6\n\xfc\x07\xeeDy5\xd7\x13\xfds\xf5\xc4\xce\xfe\x97\xcfS\xcb\x92\xb9Z\xd8n2\xec\xff,j\xaa\xabtG\x00\x00\xc8\x83\x88D\x7f\x1f^\xe9\xe7;A=\xad\xce\xbc\xee\xe9\xd8\x9c\xa7\x17nq\xc4\xe2\xd1\xc9]_\xa1\x95/\x04\xff\xe8\x8eu\xc9J\xd7\xb6\xd6\x14\xefsS\xc6\xf1\'\xdc\x01\x00\x00\xccK\xcd^\xa6\xf8\x96\xdb\xb2 \xfb\x17Fj\xa3\xda8~s\xfe\x84\xa70"\xd6Z\xb6M\xb8U?\xa1IsP\x93\xe4\xc1\xa5\xc3\xc9h\x82\x9a\xd8\x917|\xf4=\xfc\x82\xc9N\x8bud\xc93\xd5x?\xc5\x02\x00\x000/\xcb\xcbW\\,\x99\xc7\x10\x11\xa9\xaf\x90\x93\x07D\x8f\xea/\xcb\x92\xb76\xfb\x0b\xa5}c?p\xef\x9e\xff\xce\x9a\xbf\xc5\x97\'\x82\x07\x9f\xb0]\xed\xc7t\xad\xb5\xcc\xb4|\xb6\x98\\\xea\xb4EY\x17\x9ap\x85\xf3\xad\xe7\x9f\xeb\xc8\xf88\x96\x91\xd9\xc1\xa4\x86]\xd11p\xa9\xe8\x91\x9e\xa3/z\x07/V\xf4\x00\x00P\xc8-^\xe0\xad\xa4&amp;\xe9\xdc)\xea\</t>
        </is>
      </c>
      <c r="E758" t="inlineStr">
        <is>
          <t>&lt;class 'numpy.ndarray'&gt;</t>
        </is>
      </c>
    </row>
    <row r="759">
      <c r="A759" s="1" t="n">
        <v>757</v>
      </c>
      <c r="B759" t="inlineStr">
        <is>
          <t>steps_per_sec</t>
        </is>
      </c>
      <c r="C759" t="n">
        <v>8500</v>
      </c>
      <c r="D759" t="inlineStr">
        <is>
          <t>2.6258051</t>
        </is>
      </c>
      <c r="E759" t="inlineStr">
        <is>
          <t>&lt;class 'numpy.ndarray'&gt;</t>
        </is>
      </c>
    </row>
    <row r="760">
      <c r="A760" s="1" t="n">
        <v>758</v>
      </c>
      <c r="B760" t="inlineStr">
        <is>
          <t>Loss/RPNLoss/localization_loss</t>
        </is>
      </c>
      <c r="C760" t="n">
        <v>8500</v>
      </c>
      <c r="D760" t="inlineStr">
        <is>
          <t>0.05366829</t>
        </is>
      </c>
      <c r="E760" t="inlineStr">
        <is>
          <t>&lt;class 'numpy.ndarray'&gt;</t>
        </is>
      </c>
    </row>
    <row r="761">
      <c r="A761" s="1" t="n">
        <v>759</v>
      </c>
      <c r="B761" t="inlineStr">
        <is>
          <t>Loss/RPNLoss/objectness_loss</t>
        </is>
      </c>
      <c r="C761" t="n">
        <v>8500</v>
      </c>
      <c r="D761" t="inlineStr">
        <is>
          <t>0.02897248</t>
        </is>
      </c>
      <c r="E761" t="inlineStr">
        <is>
          <t>&lt;class 'numpy.ndarray'&gt;</t>
        </is>
      </c>
    </row>
    <row r="762">
      <c r="A762" s="1" t="n">
        <v>760</v>
      </c>
      <c r="B762" t="inlineStr">
        <is>
          <t>Loss/BoxClassifierLoss/localization_loss</t>
        </is>
      </c>
      <c r="C762" t="n">
        <v>8500</v>
      </c>
      <c r="D762" t="inlineStr">
        <is>
          <t>0.16854839</t>
        </is>
      </c>
      <c r="E762" t="inlineStr">
        <is>
          <t>&lt;class 'numpy.ndarray'&gt;</t>
        </is>
      </c>
    </row>
    <row r="763">
      <c r="A763" s="1" t="n">
        <v>761</v>
      </c>
      <c r="B763" t="inlineStr">
        <is>
          <t>Loss/BoxClassifierLoss/classification_loss</t>
        </is>
      </c>
      <c r="C763" t="n">
        <v>8500</v>
      </c>
      <c r="D763" t="inlineStr">
        <is>
          <t>0.15230387</t>
        </is>
      </c>
      <c r="E763" t="inlineStr">
        <is>
          <t>&lt;class 'numpy.ndarray'&gt;</t>
        </is>
      </c>
    </row>
    <row r="764">
      <c r="A764" s="1" t="n">
        <v>762</v>
      </c>
      <c r="B764" t="inlineStr">
        <is>
          <t>Loss/regularization_loss</t>
        </is>
      </c>
      <c r="C764" t="n">
        <v>8500</v>
      </c>
      <c r="D764" t="inlineStr">
        <is>
          <t>0.0</t>
        </is>
      </c>
      <c r="E764" t="inlineStr">
        <is>
          <t>&lt;class 'numpy.ndarray'&gt;</t>
        </is>
      </c>
    </row>
    <row r="765">
      <c r="A765" s="1" t="n">
        <v>763</v>
      </c>
      <c r="B765" t="inlineStr">
        <is>
          <t>Loss/total_loss</t>
        </is>
      </c>
      <c r="C765" t="n">
        <v>8500</v>
      </c>
      <c r="D765" t="inlineStr">
        <is>
          <t>0.40349305</t>
        </is>
      </c>
      <c r="E765" t="inlineStr">
        <is>
          <t>&lt;class 'numpy.ndarray'&gt;</t>
        </is>
      </c>
    </row>
    <row r="766">
      <c r="A766" s="1" t="n">
        <v>764</v>
      </c>
      <c r="B766" t="inlineStr">
        <is>
          <t>learning_rate</t>
        </is>
      </c>
      <c r="C766" t="n">
        <v>8500</v>
      </c>
      <c r="D766" t="inlineStr">
        <is>
          <t>0.039567385</t>
        </is>
      </c>
      <c r="E766" t="inlineStr">
        <is>
          <t>&lt;class 'numpy.ndarray'&gt;</t>
        </is>
      </c>
    </row>
    <row r="767">
      <c r="A767" s="1" t="n">
        <v>765</v>
      </c>
      <c r="B767" t="inlineStr">
        <is>
          <t>train_input_images</t>
        </is>
      </c>
      <c r="C767" t="n">
        <v>8500</v>
      </c>
      <c r="D767" t="inlineStr">
        <is>
          <t>[b'1024' b'1024'
 b'\x89PNG\r\n\x1a\n\x00\x00\x00\rIHDR\x00\x00\x04\x00\x00\x00\x04\x00\x08\x02\x00\x00\x00\xf0\x7f\xbc\xd4\x00\x00 \x00IDATx\x9c\xec\xbdy\xfc\xbe\xcfT?~nB\x8b6\xa1HIY\xca\x9a|UD\x96\x12\xf5\x93R\x88\xb4 \tE\x96H\x96\x94,\x95\xbe\x91=D\x9b\x90\x14\x92ThS\xdaTD\x85|\xb3\x94\xa4P\n\x85:\xbf?\xee\xfb\xba\xae\xd9\xe7\x9c\x993s\xcdu\xdd\xe7\xf9\xd0\xa7\xfb}\xdf3\xe7\x9c9s\xd6\x99\xeb\xbe_\x00\x8a8\x10qm\x11v\x85\x9d\xeb\x13\x11`[\x0b\xbc\x7f3\x81\xb7\xa5\x07y "\xc0%\xd6\x96B\xb1U "\x88EK)R\xe7\xee\xd4\xc2x::X[ \x85B\xd1\x10\xef[[\x00ESh\x04w0\xb2B\x9a\xca\xb6\xb9VP1\x16\x10\x11\xae\xb3]\x13\xfa\xcc\xb5\x05\xd8\x04\x9c\xea\x7f\xbb\xdb\xad\xd8*\x0ek\x0b\xa08; \xe2\xe1\x80\x00\x17X[\x10E\x19\x10\x11\x0e\x07\xc8G\x8fi\xdcx8.A\\\xb6\xe5\x14\xef\x000\xea\xda\x15\n\xc5(\x98CF\x83p\xa4Pd\xa06\x17C\xa3\x12Aq\ny]t\x8bj\xe1\x820/\xa9\xd55B\xb0\xae\xf1UE\n\xc5\xee\x81\x88\xea\xe9\x8a\x8db\xddS\xd8\x91\xef\xbcv\xe9\xd4\x97][\x00\x00\x80\xc3\xe1\xd0Z\xb9\xd3\xa5\xea\x0e\xb7p5,\'Uy\xdf@D\x80;\xb5\x97i4\xec2h(\x14g\x8bL\x89\xe2?\xb8?\xa5\x9eoo&amp;\x92B\xa1P\x94`\xe4\x8eK\x12\xa3~\xa7j@\x91\xa8\xe0|S\xed\x8c\xbf\xd3\xf6%\xf81[z\x9cwC\xa2*\xce\x18s0\xe9\x11U&amp;\xa7 \x041\xe7\xd9\xfd\xcao\xf4\xea\x97\x01\x14\x9d\xa1\x07V\xe3CO\xb2\xd9\xe8\xf8\x94\xd1\x89!`\xfe\x99oD\x9c\x1e\x9d\xdf\xde\x9eN*\x05\x8a\xe4\xdd\xf5\xaf(\xc3\xf6\xecPq\x86\x98"\xe7\xa9\xfe\x1f6\xb0,\x0f\xf4C\xc1W\x80\x8co\x10\x8d\xba@\xc5\xce\xa0_\xc4\x1c\x1f;\x8c\x052\'\xc4q\n\x12O\x191\xc4C$\x8d6\xaa\xe7\xed\xee)Ir\xcd_\x1b\x81\xee\x93b@\xdc\xfax\x0co\x9e\xa6[?\x8b\x8a\x08p\xfb\x01O\xca\x0f\x13J"\xe0R\xfd\xcb\n\xa5P(\x14\xa3`O?{|Z\x82\xde\xdb*\xf6\x0b5lY\x98O\xb3\xac\xa5\xdb\x10\xdf\x11\x02\xf2O\xb9?\x8d\x1f\xc3\xa4\xbd\x01d\x16\xc3n\xd2\xa2B\xa1X\x1f\xff\xb2\xb6\x00\x01\x14=%\x99\x18\x89\xf0\xb2\xbdF\xccQ\xd2\xdb\xb5%\xff&amp;\xd1Ya\x13J{\xccF\xe4\xdc\x19\xe6\x18(\xae|\nMg\xc0\x9f\xae[z\xce\xaa(\xc0\xf0\xd6\xeb\x8b\x97h]\x06_\x8bB\x11G(\x88\xa8A+\x16\x14\x85l\x84T\x01:\x9f\x06\x91\xa9Q\x87\xad\x9eZ\x06\xf1\x9dMd\xd9\x911\xb8\xeatsW\x01"\xe2\x7f \x02\\_\x9cp\xa14b\x7f-\x98M\xa7\xa4\xf07{\x80\x81\x8f\'\x06\x17Oq\xe6\xf8(AZ\xa1\xa7\xae\xf5q6"\x10\xe0\x80;\xffE\xe19\x0e\xb2\xd6x8&gt;`\x1f\x99s8f&lt;\nE\\\xbe\xc6\x9a\x1dJ\xf9Nok\x0ca\t\xe6\xb7\xda\xb2c\x07\x91y0\x10u\xb2\x96\xf6t\xcbV\x01+\xd2\x1f\x9d\x906\xa1(l\t\xe5\x1d\x9c\xbe\xa4+A\x8c\xce\x15\x00\x06M\x9d\x08\x1a\x16\x15\x03C\xbf\x04&lt;\x08\xee\r[\xfa\xee\x7f\xf9\x019g\x85\xf3\x0f\xcf\'\xbe\xd1\x8b\x87\x16\xf9\xe6p\x80\xd3\xd7\xce\x98\x97\x15\xaba\x84C\xa6\xadX\xef\x88\xc0S\xa9\xa0P\xf88\xec\xd8\xb9\x821\xf6p\x80\x03\xc0\xe1\t\xc0\xf9&gt;\xed\xa0\xee\xb3\x99\xac\xaeP(\xd6\xc1\x16o\tKd\x96\\f\xc9\xd3D\xe4\xf1\x05\xcf\x98\n\xdd\xa1o\x06\xfah\x90 \xce\xcdx\x14\xeb\xc2y\x8a\xe6\xb7\x84\xcc\x8f\x1b\x13\xa2O\xf5\xc0\x85h\x03\x9dY\xf5\xf8@5\x05\x8d\x8a\x8a\xcd@\x9bSE1\xa4\xee6\x8b\xe9pn\xc6\xd9\xb8$\xe2?\x1f_\xf5\xbc\x99A\xc4\xc3\xc4\xb5\x1b\xd3R\xe8\xe5\xb6 \x9a(s\xefO\x15*J\x90\xae\x95O\x7f\xa6\xa4\x8f\xd9\x84D\t\xff\x88&gt;\xa1\xc0/\xfa\xf5}A4\xcdG\n\x85&lt;\xf4\x11 )\\rm\x01\xfaC*\xd2\x15\xd39\x00&lt;JH\x06\x1f\xef2R`\xe0\x97\x1c\x1a\x9e\x7f7y\xaa\xa9\x0c\xe95\x0e"\xe4&gt;\x10Vf\xd4\xcch\xe7\x9dZ\xfd+\x8e\xa0\x9f\x94\xa31\xde\xa1 /\x95\xf7\x8e\xf7#\xfa\xd3\xe3\xa6\x04C^\xf5\xe0\xfd\xf6\x00\xa0!Qq~\xc8&lt;)!u7\xb7E\x9c\xed\xc2\xf3\xf0\xacb@]\x9d\xf2\xe5%=\x03\x96\xbbq\x1e\x1ag\xb2\xcca\xf1\xf0\xa3\xfe\xf5Q+E-H\x8f\xd0D\x9e\xabAX^\xb7\x15+j\xe7\x88\xc4\x15\x88K\xa8P(R 8\xde:n\xb9v8HF4\xc5\xa0\x9a\xb1\x8cy*\xbfV\x10c\r\xa6\x1e4\xa7\xae\x8c\xa9\xac\xd1]P\x94\x82\\"\xafPX\xdb,^\x16\x1etMj\xf5\xdfLN\\&lt;Q\xa1\xd8\x11\xf4\xc6\x8a\x05\xees\xba\xfa\x90\xf4V0\xed\x14\xa2\xc4\xf3\xafU\xfb\x8e\xa7\x9f+U\xcbQ\xc0\xd1\x1c\xd6~\xb8Y\xb1U\x985+!\xa4DK\\\xfbyH1S\x9c\xf9\xcd\x16\x8e\xc7/AM\xff\x97\x96*)\xa7\x14,\xee\x07K\xb0B\x82I\n8}\xae\xfe\xaeh\x8en\xdf\x01\xd8G\xeb\xcc\xf5Ik\xfct\x84\xb0UU\xec\xf8\xfccYY\xea\'G\xe9\xf0\x9fae\xc8r8\xd4\xa4\xb1\xdd\xee\xd1\xb9B\x0b\x7fE!\x96\xf2\x9a\x1a\xd6\xa2c\xa6\xcc\xf5\xc8,O\xb2tVB\xc1%?\x1e_;A\xf9g\x0eOd\xd3\x94\x82\x9d\xc5\x99\x93\x97\xa4O\xfc\xed\xec\xe3W \xb8N\xaf\xb7\x13\n\xc5\xd8h}\x9d\xda\x1a\xdb\x91\x9c-g\xd3;\xeeF\x94\xbb\xe0\xe2k\x0b\xa0X\x02\xc7\xdar(Z\xa0\xc9\xb6\xd6=\x15\x13y\xba\x86D\n\x8d\xff\x162\x8aH~\xa9\xcc\xe8\x86nr,\xdc\xbf\xa7\xe0\xdb8\xb6H\xc4\x1e\x80-\xde\x89\xcb-4D(\x14a\x0c\xe1\x1b\x9a\xc5;`\x8a\xb9\xaa\xea\x0eP%W\x02\xbd\x17\x811\xa12B\xb1?\xc8lkI5\xec\xfd\xe0Oiy\x8d\xb9\x1f\x05y\xee\xfc\x91E6\xcd\xee}\x98\xed\x16Z6\x00\xf6\x02\xd7\x87\xaf^\xfd\x9a\x90\xa2\x04\xe7\xf33\xa0\x85\x17\xe9\xd1\x80R\xe4o;z\xb0{\xdc*d\xd2\xf1nT\x1d\x06+\xe15\xcb\x8b;Wr{\x1c\xbc\x17\x811\xc6O#jo\xbbcH\xfdY\x95\xa29\xb8\xd4\xe5\x15\xdc\xb3\xf6\xfc\rQ\x01\x12\xf8h\x80\x17\x14\n$\n\x1c\xc3\xf5\xfcg\x84\x18\x7f0Y\xa1\x98\xf1Qk\x0b04\xa6P\x18\xf8\xd6\xce1b\xee\xa8\xa0\xe7\xe2\x00H\xfam\xe6\x15\x80\xf3\xff\x1bS&gt;\x01\xccI\x9af\x80Cd-E\x05\x96\xba\xeap\xd8\xb3a3\x80\xa8E\x8f\x8f\xa2\xea\xfd\x94\xc8H\xa5\x7fV\xed\x07\x82u~\x0c\xc2\x07\x0f\x87\xc3\xc1\xe4x\xf0\xe2\xd4\xe1\xf0\x03\xa7W\x17&gt;\x8cQ|S\xd6\xa6Pl\x06j\xce\x8a\xbd\x01\xcf\xe4Wt\xa6_\x87\xa1\x0c\xad\xf0t-7\x15\n\x07\xa3:\x85]\xc2\x1f.\x06\xf0^\x86\x9c\xc4\xb3\xff\xba\xd0\x8a\xe6\xafZ\xe5\x1a\x00p~P!+\xe0\xfe\xc3\xbeB!\x87\xf3y\x04h\x8b\xf8\xf4\xb5\x05\xd8$\xce%\x030~,\xa2F%\xe7\xa2N\x85\x82\x8cA\x9d\xc2-\x8f9\xd5\x7f\x1f$*x\x048\x1c\x9cG\x88\x86\x93_\xa1\xd8\x13*\x1c\xac\xeb\r\xec\xa8\'.\x8aA\xb1\xb6\xc1\xe8\xf3\t\nyT\xde\xe4\x80F\xd1\x1d\xc3?\x1e\xa7\x1f\x87\xb3\x9e\xfb/?e\x9f\xd8\x98G\xfb\xcb\xd3\x8c\xa7\x0f\xd03U\xc6%\x80\xde\x00(\x14t\x94\xdf\x00`\xd5\xb7\x85\x1e\xcc\x1c\xaf^\xad`\xa1\x8f\xc1\xac\xffP\xaa\xe2&lt;`\x87\xdb\xaa\xafi\xaa\xd1\x9e\rhvr\xb5\x8e? s\x93\xf8\xdf\xd2\xc2\xd3\x7f\xa6\xef\xb3"L?=J\x15\xef\xcc\xaa\x7fudE-\xea\xff^i\x15\x11\x85b\x8fX\xfb\xfeA\xb1/ \xe2\xe1\xf8\xad\xfb?\x07\xb8\xd6\xa1\xe2~i*\x1a\xfe\x1b\xe0"\xa0V\xca\xc7\xb8\xae\x1d;\x8f\x9b\xbfk\x9b\xa8\x8f;\xdd\x00\x10\xb8O\x15\x05\x9e\xfe$\xeeR`,_\x02\x0e\xcazV\xd5\xff\xb9|\xcfM\xd1\x18\xf5\xdf\x01P\x13&lt;B\xdbq\xc5\x0cu\n\x85$\x0e\xf3\xf7=\xaeu|4\xba\xd8\xc0\x0e\xa7\xff]DJ\xb4\xb3\xc2&amp;\x83\xfc\\^\x0f\xfb\x0b\xb2^!\x8b\x00\xc7\x9b\x80\xf9kN\x88\x98\xfa3ZgU\n\x1f7\xd4\xf8\x9b\xcc\x83n\xabB\xb1{|\xdd\xda\x02(\x14\x8a\xb5\xf0\xda\xb5\x05Pt\x03\xfeoU\x01\x8d\x00\x08/oX\xa8\xd5\xff\x9d\xac\x01\xfe\xd2\x96\xcdhRxN\x9e.\xe5\xefmD\x18\t\x88\xealD\xfbMQ\xec\x16k\xf5\xcdc^\xa4\x8e)\x95B\x91F\xec\xfb\x9d\xfa\xbd\xcf\x86\xc0\xd4-\xfc)#\x9f\xd5\xc1\xe4\xae1o(\x0c\xebP\xc4*0\xb7\x04&lt;\xfe\x8d\x97\x04\xad\xa6J`\xd5\xb2\xf3\xcf\x89\xf6\x00\xe3g\x97\xa7o_\x90dcW\x1dh?}\x9d\x0cD\nE\nk\xfd\x0c\xe8\x98\xc6z\x94\xea\xa7\xd7\x15B\xa1`"\xf6{\xa0\xf4\xdf\tUH\xc2\xa8a\xf4dn\x070\x8b\xd2\x1d8Tz\t\x07\x00\x80\xffN\x8d\x18\xe1\xb8\xf9p8\x98\x7f\x1f\xbb\x0fK@b\x7f\x82\xef\x01J\xf5?\xdfs K\xa7\x87\x03\xdc\xc0\xd8\x85\x93*\x14\n&gt;\xd4n\xf6\x0f&lt;\xeb\xbfX\xacP\x9c\x03.\t\xf0\xae\xb5e\xd8+\xd0,\xb6V\x95dF\xf8r\x8fR\x9e\x06\xcf\xef\xe7\x89\xce_\xe7\xa5Sh\x80\x80 +\xeb\x1f\x11]\x19\x82\xe7\xf7\xb4C}{},\xad:\x97\x00\nE\x19\xf4\x0f\x81\xd11\xc0\xb9G\x11\x86IZ\n\x85\xa2\x11\xc4\xab\xff\xad\x86;q\x0cX\xfd3\x8f\x8c\x1d\x04Va,\r\x879Q&gt;\xf8X["\xdf\x06\xfc\xbf_\x0c\x9e\x86#[\xf5\xf5\xf6 \xfa\x86NC\x1f\xa8&gt;\xaaP($\xa0\xb1D\xd1\x1fju\xadQ\xaa\xe1\x11\x9e\xf3\x18\x05\x08\x0f\x19\xea\x87V\xe6o\xbe\xa2\xf7\xb6\xec\xb7x+\xa7\x9f\x0fb:AH}M\xb9H\xb1\xcf\xd1\xbdP\x0c\x8e\xdfP\xbb\x1c*a(\x14c\xa2\x99\x8fhjT\x9c\x19H\xa5?\xe77s\xc2\x14\x9e\xa6\x9e\xc5\x80Q\xa9\x07\xf4f\x97\xf24\xc5F\xa7\xe8\xbe(\x86@\xd5\xf5\xe4Np\x17U\xc2&gt;\xb0\xc5M\xdc\xa2\xcc\x8az\xe8\xbe7\xc2&amp;\x14;\xfd\xd5\xdcD\xf5\xcf\xa5\x18\xa0\xb0\tU\xf4CV\xab9\xfd\x17\xec\xce|\xab`\xbf\xa9P\xf0!\xffP\x1d\xae\xf9\xf5\x94q~\xf7p\x1cI\x14\xe7\x86\r\xfe\x9am\xf9\x9f\xb6]\x0bC)\x19\x01\x0e\xa8\xdf\xf5o\x82\xa16\x9a\x82h1\xc9\xfc\xd1L\x97N\xd7\xdf\xdc\xdc\x06\xb2Y\xde\xd2a\xec\'\x83ODX?3\xaaPH@\xfeK\xc0\x7f&amp;N\x91\x8d\x11\xbaa\xfd\x05F\xc5Z\xd8\x9a\xe1\x15\x1cN\xae\x8f\xa1\x94\xac\xb5Y;lN\xadq\x81\xe9&amp;\x12&lt;\x92V\x0bs\x91\xcd\xf2\xcb\xa7q\xe5MD\x0eZ3(\x06E\xff\x04\xed\xdfpq\xee\xc8\x14\n\x85\xa2!\xa8\x0f\xecj8R\xd8\xc0\xdcwC%x\xc4\x9e\x02B\xbc\r\xa1\xdd\x16y\x82H\xa1P(\xca\x10\xf8}\x83\xc2\xb9\nE\x07\x8c\x95 \x87\x12\xa6\x0fz.\x99\x1e\x8e\xfaHu\x86\xdb\xbdi&lt;\xba\xfd#\xf5\x89\xef\x02\xa4\xad\x97;^\xa1P(6\x85\xb1\x83Z\xeb\xdc\xa0 B{\xcem\xa0\xb3;\'\xd9\xa9%((hn\'\x99\x0e\xc0\xea@\xdc\xfbvD\x84K\xc7&gt;U(\x14\xe7\x0b\xa9#\x815\xc3\xca\xbc\x04\xcaZ\x1e\xd1\xa3\xb6\xd0 \xabP\xd4\xa0\x97\x07=\'\x11\x00\xb5oW\x8c\x05J\x1b0\xf6q\x98B\xa1\x18\t\xc7x\xf1K\x1b\x0e\x19f\xc8\xbbh6g3\x83cj\xb0\xc6Y\x05\x01gh$\x1b*\x9d\x9d\xd3S\xeb\xa3vL\x9bQV$ h\x96\x08\xf0\x88\x8a\xb9\xc1\xd7$\xfc\r\xe3*@\xa1P(\x92\xd8K\xc8x&gt;q\x9cD\x03@\xbdm0x\xee@\xc3\x8a5\xa0Mf[\x10k&amp;\xf5\xdf\xcdc\xc0\xa3q\xc4\xe0\xcf\xc0s\xa6/\x19\x8dC\xe4#c\xe9A\xa1P(d\xd14\xc6q\xceZ\xf4ZVQ\nD\x04x\xf4\xdaR\xec\x1b\x14\xdf\x94u\xde\xcb\x93Gj\xd0\x90\xc2\xaf\x8c\x16\x84O\xf2\x9c\x92Hg\xc1\x06\xd2\x83B\xa1\xd8::gP\n\xdar$?m\xa9\xcfe*V\x87\x1e`\'P\xf2w\xbekNm\x91Z\xf3\r\xb9k\x9b\x8dcH\xfb\xd1\xcc\x8e\x98\x93\x82f\x87\xa1\x80\xb7\xd4|\xad8\x074\xb7\xf2\xbb\x9c\xb2\xdd\x1e\xdd\x89\xd7\x00|\xaf&gt;\x05\xa4X\r7Z[\x80\x91Q\xe2\x95\x95\r\xc0t\xf4\x9b\x1f^\xc6E\x11\xc0\x0es\x90\xa2\x01\xa2w\xfb\x82\xf6\xa3\xa6\xa8\x18\x00\xe2u\xb9\xe79\xfb~\xfc}\xc7KS(\x14\xf2\xd0oj\xae\x86\xe6\r\x80n\xe8\xfe\x80\x00_{|!\xe5\xb3\xea\xfe\x8a\xdd\xc2\xeb(\xee\xaf\xe7.\x8a-@\xadT\x11\x82t\xaa\xd6\x07\x02\xd7BB\xe7\xba#\x8a\x10\x9eg\xf9\xbe\x84\x850/\x00\x15\x8amA\xcdzFI\xe9\xa0\x07\x03\xeb@\xd3\xbf"\x04\xf1&lt;\xfd\x85\xf6W??\xcc\x90D\xd1\x08_\xa4\x05\x99\xa2\x0fP\x1b\x00\x85\xe2,\xa0\xa7J\x1b\x82\xee\x94\xa29&gt;\x0f\xed_\x0f\x13\xfb\x83$\x8a:4\xd7\xed\xbc\xe3\x1ag\xce\x19h`mY\x14\nEK\xd49\xb9\x06\x88\xb3\x85n\xfd&gt;q\xaa\x025\xf7\xf7\xb6\xf0\x9fX\xf7\xabhhc\x15\x19\x14#@\xbf\xff\xa3P\x88c\x97\xbe\xb4\xcbE)\\\xe8]\xb0B\xd1\x14k\x17\xdf\xf8\xaa\xe5\x89/\x85B\xa1h\x08\x8d2\n\xc5\x86\xa0\x0e\xab\xd8\x19\xc62\xe9-\x1c\xbb\x0e+\x18\x00\xc05\xce\xf7\xe2\xa2\xdcf\x1eu\xbeJS\x8c\t5G\xc5\xae\xa17\xec\n\x85\xc2C2&amp;\xb4\x8d\x18ooI\xbc\x13\xce8\xae\x96\xaf\xfa\x8c\x95\xa6P\x9c\x17\xf0\x1a\xea\xeakc\xb3\x8f\xd8nN`\x85&lt;\x08v;\xf2\x01\xf6\xc0\xc8\x1f\xfc\xb7\xd2\xea\xf0\xd7\x0e\x8a\x86`&amp;\xa3{7\x14E\xa1h\x0f\x84s}\x9ay\x9bu\xe7\xde\xb0\xc5\x06`s\x02\xb7\xc7yj\x83b\x06\xe7\xa9\x99ZdJ\xf0V\xde\xb7\xb7\xaf\xfc\xeef!\xfd\xc0+\x87\xb4QTl\x1e\xdf\x01\x9fJ?k\xe9m\xee\xef\x14\x0fa\x1a\x13G\xc2\x16\xd3\xed\xe6\x04n\x8c\xed\xed\xa0\x18F_\xf8\xe0\xe2%\x90\x92\xbc\x8d\xbd\xe1\xe9\x9b\xfd\xa3\xef\xa9b \xe8e\x91b\xf7\x10\xfe\xa3z&lt;\xde\xd2\x1c\xcf\xb7X\x19\x14\x1a@\x15\x8avx&gt;l\xb0\xc7\xaeL4%\xc7\n\x9bS\x91\x82\x07M4\n\xc5~\x80\x00\xf7Y[\x06\x85\xa234\x87\x8d\x86\xc1wd\x8b\xbfeY+\xed\x16\xef\x15\x15m\xb1\xfc\x15?\xa2a\xa8\xfd(\x14\x9b\x83&gt;\x95\xab\xd83\xd4z\x87\x02\xfe\t"\xc0\'\xac-\x86\xc2\x02"^]\x1b\x00E\x00/\xa0\r\xd3\'\xc1\x14\x8a&amp;h\xedW\x19\xfa\xfa\xd0\x9eb\xcbP\xeb\x1d\x19\xc1\x83\xe7=\xed\xd7\x9e\xd6R\x0b\xfdk\x80\xbb\xc5Wk\x98U\x9c\x05\x10\xe0\xaek\xcb\xd0\x0f\xed\xaf\x865j(\x14g\x8bcx\xb9{S\x16-\x89\'\x19\xf7x\xaefK\x85W\xf7\xa7\x8c6\xa3\x19\x85B\xa1\x18\x0e\x8ds\xd8\x96\xb2\x97B\xa1\x10\x07?\xbcp\x83\xc6\x9a\r@k\x0e\x1aB\x93\xe8\xffu\x0e\xbd\xe2P(\x14\xbb\xfeN\x95&gt;\x14\xd4\x1eA\r\xab\xce\x15;\xc3V"IL\xc8\xad\xc8\x7f\x9e\xe8\xff7\n\xce\xcd\x18\xcem\xbd\x8a!p\x81\xb5\x05\xc8\xe1p8\x1c\xd6\x96A\x06a\x0f\xdfow3\x08\x0e\x00;1 \xc5\xaa\xf8\x9c\xb5\x05H\xa3\xde\xce\xefl\xbcnW\xed\xc5\x84&lt;\xc03\xda0T\xd4c\x85$ufA\x1bA{`\x85b\xdf\xf8z\xfb\x9f\xea\xf0\n\xc56\xc0\xb9\xac\xfb\x8f\xb6\xa2\xa4 \x14R\xf2\xc7\xbd\r\x02\x97^\x87\x8e\x8a\x0e\xdf9\xde\xc2=\x7fAW\xcc\xfc\xcb\xbe\xea\x02\n\x85B!\x01}\x8aT!\x86-&lt;\xad\x87\x1c!\xcb\xd7\xd2D\x15?8\xd3$\x12\x97\x93a\xd7O\x99\xd6C\xff\xb2\xc1\x8f\xe2\x02\xba\xd5q\xc7\x1f\'\x15\x88\xa7P(\x14\n\x0b\xfaKy\x8a3\x83dM\x9c\xfbT\xdc\xb3N\xd5?\xd1m\x05\x9b\x90S\xa1\xb6\x81\x06o\x05\x14U\xb1;\xc3M\xd0j\x00\x88\xe8\xff\xad\t\x85be\xa8\xb9+\xc6\xc1\xce\xacqg\xcbQ\x08\xe1\xb9\xc2%\x1a\xbf\xd6\tS\xa9aN\x1b|\xa7"\x16\x0b\xaf\xe4?\x15\x00z\xfc\x7f\x02\xe7bmi&amp;Uo\n\x85\x81\xb3:N\x90\xc9\xa3\n\x85b\x0f\xf0\xe3\x1e\x02dO\xd3s\xd1\xc3z2A\xf4D\xfc\xa9U\xd4\n\xe3\x9e\xc6\xcc\x00\x10\x10\xe1\'U\'[\x81\xe0NE\x82\x86B!\x84\xfa\xef\xda#\x8b\x88\x19\xdcw\xf3\xfb&gt;A\xcc+\xdd\xf72\x15\nE\x16\x88x\x11\x80\x0fM\xa1\x00\x11\x0f\x00p8\x1d\x94\xc7CD&amp;\xba\x1aA\x06J\x83y\x90\x05/\xaaKAcf\x088\xed\x86\xea\xe4&lt;qt\x8a\xc3\xec\x1f\x87\xc3a(\xb7Ul\x17\xbd\x7f\x06\xd4\x8c\xec\xdeI\xcf\xae\xba\xdb\xe3J5\x93\x8d\x8d]\x99\x9cbX\x1c\x8c\xea\x1f\x96r.\x1b\x1c2\x03\x0e\x87\xc3\xe1p\x0c2\xfe\xc8\xbf%\x8b\xc6\xe6+\x8d\xdf0\x0f\xfe\x0f?\xd8\x97\xf9\xe88h\xf5\xbfS\xd0\xef\xbb\xac\xdd\xd7K2\xc5\xfa\xa8y\x98\'\xf2\x9d\xfa\xfd\x18\xf5U\x99\xdf\x16j(\x8aB\xb1#\xcf\xda\x19\x08\xbe\x8f\xc6\xffd)\x8f\x82%\x1d\x9c\xd33\xa2\x8a\xb3G\xc1\x03o\x98zL\x0e\x11\xae\xa5\xbe\xa3h\x8e\x82/\xc5G\xe6o\'K\xd1\xb1\xd7u)\x14\x8a\xee8\xab\x9a\xf8W\xcff\xa5\n\x06\xf6\x9aR\x0b];\xa2\x8d\xbdjI1\x14\xb0\xbe|G\x14 2$b\x8b\xda\xd3\x1a\x15\x8a\xadcS\xfe\x98\x8a\x90\xcf\xe9\'FC&lt;\x7fm\x01\x14\x83cS\x0e\xdb\x03\xe1\x06@\x7f\xf9Z\xc1\x02\xfb\xc9B\xbf^?~%\x05\x91\xfaE\xb4\x08\x85\x9d\x00\x11\xfd\xe5 b\xc5\xb7\xf4\x142\x08n\xcd\xbe\xa0_\x02;7\xe8\x8e+Z\xe3|l\xac\xd1J\xcfG\x81\x8a\x8dA\xe0K\xc0\xf3y7\xad\xf9\xdcy\x87\x1a*1ot\xfc\xa4\xb7(\n\x0bh\xfcW\xa1\xd8\x074\xaa(Z\xe2\x94\xdcE\xc3\xe6\xb8\xa7\xd4\x8d\xbc\xe9-m\xc8*\x14\x9d\xf1&amp;L#&gt;\xf3\xf4=6\xe6,\xc5\x8e\xd1\xe9\xc9\xe6S\x06\x1b\xcb\xd2\x9eB\x1e9\x8e\xcc\ny\x08\x99\xe5\x9d\x05DQH\xa0c\x9c\xe9\x14&lt;\xa7\x07Kd\x7f\xde\xbe\x1d\xc6y\xf8\x16\x97\x17M\xd4\xa8P\xf4E\xa6\xfc\x8f\x07\xbe\xd2\xb6aX8boq\t\xe7\x86A\xf6\x88{\x11\xa1\x17\x17{\xc6f\x03\xa0\x8d\x1d,A\x08;k\x00~n{\xf69\x8c\xb4\x8b\xde\xecj\x87S\xf6 "\xfc\xbfaV\xa48{d[\x00d\r\xee\x9b\xff\xc4\x18yb\xdfC\x8a\xb2\xe2\x0c\xc0\xb7\xc3\xdf\xd7\x1c\xb03L\x1bZx(\xb8W{\xd8\xeb\xba*0g\xc9O\xec\xaf\x9cc\x9ak\xc4w\xdf\xc7\xe1F\x85PX\xf6\xcc\xc3v\xac%\xc5\xca\x10\xf8\x12\xb0K1\xf5\xa7\xbe\xf2S\x1ab\xfa\x9e\xb2\xa2\x01\x12\xdfs\x9a\xff\x90\xa1\xa2\x10\xb8\xff\xaf/\x9f)tg\x15)\xd8\x19\xf4&lt;L\xe5\xf8\x97\x8fw\xb0R3\'\xceI\x10\x01\x0eH\xf9Q\x90y\xe7\xf5\xe7C\x14\xcd\xd0\xfc/\x01\x1f\x8e\x7f\xac\xb2\x14\x92\xf7\x03M\x9cH\xbbs\x008\xaa!\xa6\n\r^\xb5P\r\xee\x15\xd5u\x0e;\xfe\xf0/]\xff\x80\xcbbmt\xbeXn\x07\x84\x03\x1c\x8c\xff\x9d\x01\xae\x00\xb0\x97\xea\xdf2\xc0\xf9ou\x1f\x00b\x7f\xba\xdb\xc6\xb2\xeb;\xd0\x86bP\xc8\xdc\x00\x1c\x0e\x87\xf9\xfd\xe0\x8f`f\x84\x889&lt;\xe2t\x16\x90\x95S\x8f\x99WG\xb7\x1f;;\xc3_U;\xc3%+Z\x00\x11\xb9\x07\xc9\x1b\xb3\xbdc\xba\xd1\x9f]\xde#\xb6b\x8as\xc1\xb3\ti\x15\xe7\x0b\x81\x1b\x80c:9L\xf0&gt;\xaf\xb8\xe3&gt;\xcd\xa4L\xd7F9\x8a^\x87a\xdd\xf4\xdf\x8e\x91\x94\xa2d\x7f1\xa3x\x03wp\x08zn\xb8z\xf1L\x8a\x95 \x168\xcf\xc6\xe2\xea\x94\x866&amp;v\x1a{\xb9\xd3(F\xe7\xe5W\xf3B\xd8\x99\x05*\x14\'\xd8_d\xa1\xba\xca\x00_\x02&gt;[\xa8\x86{B\xd6\xa4\x7f\xab\xc2Gt\xdf\xcf\n\xd6v\xcb}}p\x84\x10\x8d\xc9\xef\x8c\xde\xb5\xab,+\xe0\xdc\xbf\x0cZY\'\xf0\xe7V\xaa\xba\xe97\xa7\x15\n1\x944\xa9\xa6;\xb1N\xf7c~X\xf1%\x81\x95\xef\x04\xf5;|\xe7\x8c\xe9a\x83\x83\xff.\xd9*(\x06\xec\x8c\xd1\xa7\xddD\xb0\x95\xc7\t\n!\x15\x9a\xc2F\x0e\xd0]\x81H\xffc\xf3\x8a\x9d\x81\xf4\xad\xd9\xf8\xdc\xe3\x0b\xcd\xd4\n\x85\x83\x92G\x80*\xbf\xd7\xebS\xab\x99\xcd\x1a\xfdn\xe9\xa3,\x8d)\xe7\x0c\xff\xdb.\x7f\x1d\xad\x96\xaa\xf8\x10\xdeQ(,H\x19a,\xda_\xe0\xf4\xbd\xffnG\x92\x87\xa9\x04\xd4C\xd0\xb3C\xfd3]\x1bI\xd4j\xdb\x8a\xae\xa8r\x0b\xeeU\x80\x7f\x03\xd0\xb9\x80ns`?\xf2Q\xa2\xf5\xebc+\xcb\xb2w\x14}\xfb\x10\xf9\xbbC\x1f\xdcb\xa4\xa2\x04;\xbc*&lt;\x06\xf3\xd5\x16\xa5\x16\xab\x10\xc7\xba\x97\xab4\xee\xa7\xef\xf1\xa8\xf1+\x04 \xf63\xa0\x05\x8f\xe8\xf5\xcf\x88\xe7\xe74{\xfb2\\)\x9a?\x94i\xd8?K\xe1\x07\xe3\xbf\x1e.\\#3&gt;\x88\xfc\xf5\x9c\n.\n\x12vV\xfc\x03\x1cC\xcbz\xabR\x9b\xa5B5E\xc4\xea_u\xa1%\xeb\xc3\xe1\xf8\xc3\x10\xed\xe5Q(\x92\xf0\xbe\xcb\x1b6\xca\xc5\xb1z|\xf1W\x1dc4 \xc0\xc3\xd7\x96\xa1=\xa4\xad\xfa\xe4&amp;\x1eM"\x97\xe0\\\xc5\x00x\xf3\xda\x02\xac\x0b\xb5\xc9 4!\xd6@j\x8d/\x13\xa2\xd3\x16\x1a\xdb\x15\xa3 \xf9\xdb&gt;\xf7\x00\xf8\xdb\xb3\xfa\xb5\x9f3Y\xe6`\xd8\x9f\xc2\xd3\xbf\x91En\x00v\xa8\x19\xc5\xd9b\x13%r\xfa\xd7\x8aV\xc1\x93\xd7\x16`\x15\x0c\xb5\x05\xd2\xd0\x1aC1\x18\x12\x8d\xc0\x195\x00\xe3E\x7f\xc5\x06!\xe12\xc4\xe9\xda\'(6\x82FVz\x1fQ\xca7\x01\x80\x06\x7f;Y=\x14\x00^\x9f,|5\x8e)\x14\xab"Q\xee\x9fG\xf5\x7f\xee\xd0\xabI\x11H\xf4\xcc&amp;\x85\x14\x11uLE\x0ey+j\xc1\xb4/\xbbnx\\\xd1\xd2\xa4\xb5\xb1E\xaf\x17&gt;CtR\x95\xf6\x0f\n\x05\x80\xed\x06\xea\x12\n&amp;\xf4DyBy\x05/qc\xb64\x00}wD;\x8a\xbeh\xaf\xed\xd9\x14o\xdf\xcf\x90\xf6kE\xeb?#t\x95\xad\xde\xc6K\xaa\xce\x0b\xb0[T\x88B!\x0f\xf5\x04\x85\x03N\xd8\x15\xbb\x04\xd8\xfceB\xeb\xc7\xde\xd2\xc4\x897\x00e\x9c+&gt;U\x94`\x84G(\xbb\xca\x80\x08p\x1fD\x04\xb8m\'\x8eg\x84M{(U\xf8\xff\xce\xd8\xea\xe0J@\x80\xfb\xae-\x83B\xa1P\x90\xb0\xfc\xd0\x93Hl\x1d\xa1\xe2\x19\x1c\xe4\x06@\x98\xad4AE\x1e#\xb8\xc3\n2\xd4\xb2;\x13[E\x80;4\xfe\xa5\xe3A\xeeuG\x90A\xa1P\x8c\x8f\xb6\xb9\xea\x175\x18\xad\x01\xd5\xf9\xea\xd0-X\x05\xebW`#4!\x8a8tk\x14\n\x85B\xa1\xa8\x82\xa6R\xc5\x99@M\xbd\x02\xe1\x8eHU\xda\x14\xad\xbbP\xdd&gt;\xc5\x19A\xec/\x01+6\x88\x82c\xc53\x89\x8fg\xb2L\xc5\x86\xd0\xc2&amp;\xbf\xbd\x01\xcd:l\xe4\x92\xe1X\x87\x86\xfe\x98\xfd\xfe\xfe\xe6\xf3@@l\xa8\xdf\xe9G\x13\x8ao\xdb\xb2\xdf:\xb0\xbev\xac?\xc1\xac\xd8\x016\xffe\xcd\xb3E\xc1\x9d\xfey&lt;\x03p\xaf\xd6\x0c\xf4i\n\x01\x9c\x9d\x02\xcfa\xbd\xa7\x1f\xad\xda\x82w\x8c/\xe1\xb9\xa1~G\xa6\x9fMk\x15\x9f\xdd\x06`\x0bv\xaeP$\xa1F\xbce\xb0\xf6n\x88\x805\x82\x0cu\x10\x0f\xfd]\x7f\xe5s\x18\xfd\x0f"F\x1a\x9b\x10R\x16\xe5\x7f\xbcBR\x8a\x9d\x00\xbd\x7f\xaa\x96\x9a#\x19\xe5$\x7f\x87t\xfa\x99f\x85b\x1d\x08&lt;\x02\xa4W\x9e\x13F\xf6\xe4\x91e\xe3!t\xed~\xe6\xe8\xa7\x90\xc3\xe1\x8b\x86\xd1\xff b(L\xd4\xc4\x19\xddP\x1f\xb3N^\x0b\x80\x00\x07\xd5R\x07\x1c\x0e\x89,S\xab\x7f\xb7\xe8\x97\xdc\xcf\xfddy\x85B!\x06\xa1\x93\x06=\x7f\x92\x01"\xc2\xff\xaa&amp;\xbba|U\x8f/\xa1B\xb1c|\x9a\xe1\x83m\xffx\x8b\t\xe9\xbf\xd2\xa8aD\xa1P\xb8\x90\xbag|4\x8f\xa9"\x8a\xed+\xc7\xc9dCcp\xf1@\xbfIU\x81\x0f\n\xed\xefWJ\x10Ql\x14\x08\x80p\xb1\xe6\xd1\xccm\x00\x00\x00\xde\xd6\x8e\x9dB\xa1P\x00\xdcP"\xa8\x15F\xc6\xf1\x0bD\x05\x11\xe8f\xb0\xcd\xf4\x00\x83C\xef\xd6\x8a\xa1zS\xd4c\xfeM\x9e\xd6\xe64G\xcb##\xb5^\x85B\xd1\x18B\xf5\x99F\xab\xf3E\xbc\xf2\xd76\xa0\x1e\xbe\xde\xben\x05)\xc4\xf1\xedj\x0f\nA\xb4\xfdbn\x85\x00\xc5\xd4j\x08\xea\xa9\x81B\xb1m\xa8\x03\x9f\x03\xda\xedrY\x0e`\xff\xf6+\x17|\x91\x18\xd24$\xbe\x1av\xb9(\xe9\xcd\xd2\xdfM?\x01\x01\xde\xb1\xb6\x0c\xfd\x81\x007\x0f\x7f\x901\xb3Ol!\x8d\x04\xd4\x9e\x15\xbb\xc3\xd9\x1f\x04&amp;\xd6\xee~\x84\x88\xf0\x9as\xd6U%\xc6W\x1db\xdb\x1fz3o\x93[\xf2\x18\xa5\x078\xf3\xd8\xd2\x18\xa5\xcf\xf8%-\xf0#"\x85\x8e^1u\xc7\x9f\xae-\x00\x1d[\xb4\x8a\xa3S\xbcH\x9a\xa6B\xb1"\xce&lt;Lg\xd6~\xaej9St*\xcd\x9b\x1e\x8a\x87\x8b{F\x1b )[\x0b\x9a\x8a\x19\x15q\xbb\xc3\x8e\xe8\xd6w\xc5\xf7!\x02\\}m)\x0c\x9c\xefO\xe6\x9f\xe7\xaa\x15\x9d f^\xed\xcf\xff\xba!\x91iz\xa4:i\x82\x97\x97&amp;\xa8\xc8\xa2\x87\x17\xb4.\x89\x08\x05=F\x06\x9aS&gt;SV\x1e)j+a\xeb\xf2+\xce\x02\xc3\xb4[\xa7\xef\xe6\n\xf9\xfe\xe5\x04$\xea\x8d`\xc8U(\x86\xc4.\x924D\xddl[K\xfb\xb5MI\xbb\x1f\xec\xe1\xb4\xd2\xeb\xe73\xcbI\xf6\x00\x12\xf8\x11\xc4N\xa7\x80\xdb\xde\xb8\xb1\xb1y\xbfPl\x18\xdbJ\xdf\'lQf\xc5\xae\xc01\xc1M\xfa\xd8&gt;\xb1\x8bNl\xa3h\xfe\xf0O\xf0M\xc1\x82\xbb\xa0\x82\x8f7\x00\x95?v\xb1\x10\xef\xd5\x004\xe5\xf2o\xe7\x9b\xd4\xb7\xdf\x18+\x86F&amp;&gt;\xacn~{8\x1bR\xec\x06\x17\xa0\x0e\xfcz\xb2\xc9F\xff\x86v\x19\xb0\xbd\xd3\xa6\xe9\xe3\x7fn\xb6\x8c\x8e\xff=\xf3\xb3\xc2*\x01\xb7\xa1\xe6\xfd#\xf9\xe3;\x07\xf3\x9fuFk\x16\xfd\x87C\xf5\xb5^\x95,\x87Y\x8c\x03\x88\x87\x97\x10\x1a\xdb\x0b\xe2\xb0?K\xd2\x1e\x87CS\xd7P\x9c7\x8eA*\xe1\xbd\x87\xf5jo\x0cEni\x1e\x9b\xadU\x14\xab@c1 \xe2\xe1\x00IU \x00 j=\xad\x18\x00F\x8c\x9f\xedv~\xefp8\xd8\xb5{\xa1\xc5\xfa\x89\x84R|\'\xd2\xcfx\xbe\x83\x80\xb1\x15\x1dW1\x9a\xc0\x83\x03Uc\x8a\x01\x10s\xde7\x01\\a\x1a\xb0\x8a\xa1Z\xd1\xb1E&lt;&lt;\x1d\x03\r\x17i\x15\xe3\xe2\xa3\xd6\x16`}\x10\x1c\xe68@{k\x85,J\n\xcd\xd3\x1c\xdbh\xe7\x7f\x8a\x9c\x00\x05\xaa\xff\xc3\xa9\x0b\xdeM\x91w\\bd1;Yc_\x14(m?\xe6\xa4\x18\x06\xb1\x96\xfe\x90\x1c\xc0\x05;t{1\xb5\xc0\xf8\xd5_\x14\xc2\xd0\x06\x80\nm\xac\x15\xa28\x95\xd9,\xb3\x9aK\xf3\xe01\x7f\xd3\xfb\xdfc\xfd\x9f\x94vC\x1d\xf2\x86DU\x9c!\xb4\xd4\x93\xc5\x0e\x94\x99\rY\x1a\xd3\x14l\x98\xdf\x01\xe8l@j\xaf=\xd1N\xdb\x08p\xc7U\x05\xd8(\x84sR\xa3\xea\xff\x00p\xf8\xec\xe5\xf8*\xc1e;O\x9f\x96\xb4^\n\x85B1\x81\xfdU\x16s\xf4\xa1\xe4\x9b0\x99)\xdb\t\xbf\x8a\x91\xa0\xdf\x1a\xd9,\x1e\x94\x1f\xa2\x9b;0\n\xbeY\x9b\xf8\x91M\xc1\xdf\xdf\\\xa6O?X\x91\xa3\x89p\xa5\xd8/\x00UI\xd2\x08\x03\x8at\xc6\xf8\xc5\xb5\x05P\x9c3\xf6\xf4\x9b&lt;\xbbY\x88\xa2\x13\x0e\x88\xd8\xe9\xb75\x14\x00=\xefv\xf5+A\xfbC\xb0lM&lt;\x02T\xff%\xe0#\x85\xdc\x17\x8b3\xe5\xf4x\x11f\xbb\x8fXlW\xf2\x18\xf4+\xd7\xe7\x83\xfdY\xafB\xb1a\\\x00\xb4m\xec\x89\xd37){r\xd4\xed\xdd\'\x0e\x13\x00`\xfay\xe9Q1V\xf5\x0f[\xabB\xac\x9d\x1dz\xa3K\xc0z\x1c\xe2W\x1b\n\xb2g\xf4\xf9\x03\x1aY\xd07z\x04iG\xbc\xbdT(\x04q\xfa\x0e\x80Zy\'d~oT\x94\xd5\xb1\xea:\xc0\xben9\xcf\x1aV!}\xebyO\xa7\x87\xda\xdd\xc1b\x96\x96#5\\\x81\xbf/\x1c\x00\xae}zy~~\x8c\x88\xf0\x9e9\x82}uSV\xcc\xe1\xdb\xd9\x0c\xcc\xaeM\xb4C\x10 \xc5\x8a(\xad\xdb\x9b\xedl\xb4B\xc1\x82\xf1\x90\xaeZy\x07lD\xc9\x1b\xcam\xe7\x87\x93\xc3\xfe\x9d\xf5t\xbe\xf9\x91H??}\x07\xc0\xe2\x1a3\x8c\r}\x01`\xdb`\xebs\x07\xca\x1f~\t[\xcd\x9e\xf7\x9f\xc5\x16\xad\x01\xcaH5\xd2a\x15M\xe9\xd2\xa8\xad\x91h\xa4U\xb0q\xb6\r\xc0\x17\xae\xb3\xe4\x9f\xef\xceQ\xb1K,n\xdb\xa8\xe0\xf6I\xc5)O|/\xaa\r@\x16=\xb5\xa1\xca\xef\x03\xdcf\x0f\xe0\xf9\xa9\x94\xb5\x14\xd2i\xa0\xc0\xa7W\xed\xcb\x03\xd6,\x8d(|\xd1z\xad\xce\xae\xe0\xe2\\\x93\xf4\x80\xf1z4y\x14C\xa3u\xa9\xcd"x\x1a|]\xad\xfes\xe8\xaa\x10\x84{\xa5\xd8\x9d\xe1\xb9\x8f\xc2\x80\xef\xaa\xfb3\x86\xcaE]}\xcd\x06 \x1d+\x1e \xda\xb3)\xce\x13\xcc&lt;mw\x9c\x1b\x8e\x17\x08p\xd3\xb5eh\x82]\x07\x05\xf4^(NhQj\xf3"C\xf8\xf4_wjE\xf8\xfaw\xaftt\x83hx\xee\xda\x02\x9c Z\x8f\xde\xdc&gt;\xfbWKh\x87\x8f\xe7O\xc9\xed\xc8n{6EG\x14\xe5\xe9\xf1m\xee\\+\xc5=\x9f\xe5\xcc\xd0\xca\xb2/H\xaa\x8eU\xff\xbaM+\x02\xdd#\x9b\xd3V&gt;yz_\xfdh@ D*\xf2\x06&gt;e\xba\xea\xfb\xe5\xc8*:`\xc7\'}\x8a^\xd8\xeaA]R\xe0i9\x1b\\\x97\x0b3\xdc\xe7\xa3\xff\x99\x9c\xbc\xee~\x81c![\xcd\xdfB\xcf\xfe\xbb\x81\xa0\xd5\x98\xe6\xa7M)\xab#\xc7\xd8\xd3\xd5\x05h\x0e\xfbH\xbe\xf9\x8dM\xd4[\x87\xd8nE\xa2\xd4\xd1\xddQTc\xcb\xd9z\x8b2s\xb1$\x83\xdcN\xe5\xcb\xaf\xcdn\xb4\x8b\xdd,d\x00\x90\n\xc1\xc5\xa8\x02\x9a\xd7\xd2\xbf\x13H\xba\x8d\x8f\x99\xeb\xfe\xb2m\x9a\x02\x11\xac\x19x\x1fs\x0ewJ\xd3\x02\xbb\\\xa0\xc5\x8ca/\x8e\xbc\x8f%\xec`\x15\x8a!\xa19;\x89Fjy\x02\x87#\x9a\x0fX\'\'.\xd9=\xf0\xf1\x9a\xf5\x99Z\xd7P\xc0\xc8\xeb\xe4\x1c\x1aZ\x88\xdb\x03[\x10^L\xc2\xa9\x97\xcb\x0c\xbbrk\x9d\xb0\x89c\xab\x9a\xf8bg\x1b\xa3\xe2n\xabugw\xe83\x93\x8a\xce\xd8|\xe6\xde$\xd6\xd1\xf6\x0e\xf6z\xd3\xc2\xef\x00\x86\ta\xb0)X[\xc0b\xcc\x8b:\x13\x84Vj\xed`\xf0\xb6GT\x82\x02\x85\xbf\xa7\x91&lt;;\xde\xfa\xb2u\xdd\x07\x10\x01\xfeXX\x16E\x1c\x1b\x8f\x9f\x8amb\xfb\x99[\xd1\x01C\x98\x87Qz\x8e\x89\xf6\xb2\x1d\x97\x7f\xabu50\xac\xfe\x155p\x12\x01~N\xdb\xbc\xb0\xb4\x91\xcdX0d\xe9.\xc6\xfc0\x15\x8b/W\xc8\x8aE\r\x1diw\t\x8a\xb6\x7f\xba\xb5\x10\x8a\xf3\x02\x12\xaf\x83\x15\xe7\x8e\x0b\xad\xde%\x0e\xde\xa9\xf6\x10\x0f\x11\xe0\xf3\xf5\xf7\x1f\x1a@\xf5\x89v\x83\x8d\x00\xf8E;7\xb3i\xa5\xe9e6Q\x02N\x94)\xc4W\xcc\xd1\xf5m\xc0\xbeMH\x10\xfe\x97\xfdl\xd5i\x9d\xa6\x10G\xc7S\xd5\xb1\x1e\'\xcd\xe1\xa5\x1e\xcds\xf7\xbd\x01\xea\xef\x91\x0f\xa5:\xde\xa4\xb5\xc8\x04\x88\xff\xab\xd9\xe5\x8c\xd1\xfd9\xae\x01n\xf3\xfe\x8a\xc0\xbd\xad\x90\xaf \x8c\x89\x94\x83\x9d\xf0\x8bk0\xed\x8cA\xe2^\xe0\xa1\xcaadS\xec\x14\xf1\x1b\x00q\xcbSS\xde\x01t\x13G@01Tm\x8d\xe6\x9b}\x81}x\xd1\xb9\x010\xecM\x96\xdd\x91\xec}\x89cEY7\x81&gt;\xa3+\x80\xb8\xf6F{\x02"\xdb\x00\xa8%($\x11\t.$#3\xe6\xaaQ*\x14\xeb\xa2\xda\x075\xb5\xec\r\xdc\n;3\x18\x11\xaf/b$s}sY\xd9\x06`\x87\x1d\xec\x1a\x9d9\xf5\xc1$@|;\xe9\x17\x84.)#W!\x12\xedS\xfdA\xbbp\xf3\xe05\x00!\x8e\n\x85\x10.\x10y\xff\xc0!2NS:\x8a\x1c9lEN\x12.\xdf\xf0\x80j\xdb\x8aBD\x80\xdb\xf5\xe2\x96\xf0Y\x9a\x1a\x0fD\xaf\xdf\xf6\xa6\x94b\xbcU\x13\x9c\x8eY\xdb\x1c\xb2\x91\xff\xe2tb\x11|\xdb\x14,\xbe\x12\x00\xdeZM\xceBN\xfea\x12\x15\x1d\x87\xc3\xe1pH\xae+{\x80\xfd\'\xac&gt;\x10\xa95-\x02\x02\\\x06\x12Z\x9d\xdf\x7f\x17[\xa3O&lt;\x00\x00 \x00IDAT\x8du\x0b\xe0Q\x85\xb9a\xac\x82\xc7\x99Z17A\x15 "v\x13v\x8a3E]\xe9v\n+kw\x00\'\xee\x8dOJ\xe6\xbf\xce\xf8\x1a\xf8\xb6\xed%\x92\x136\xf5\x98\x87&gt;\x94"\x04\xd5a=\xfa\x04:Z/=}Y\x90@l\xa0\xc7\x1b\xc0y\xd0\xa8P\xb0\x81\x963\x02\x08\x0f\x08\xb5\xd2X\x8a\xf5V\x1e[\x1a+\xc5\xd4\xdfH(\x14lT\xf6\x00\x83\xa0\xb5\xe7\xe0r\xd6\xb2a\x17\xddH\\&gt;a\xd2\xf3\x96dn\x8d\xb1J\xba\xb3A\xcfg\x1d3\xcf\xe1\x10\n\xbe\xe5\x0b\x85\xf0\xe9\x03Y\xcb?%\x9fo.\xc2@\xabk\x81\xbc\xa2\x06\xeb\xf1&amp;\x0c(\xd2\x8cqe\xd3\xea_\xa18\x82\xeb\x06\xeb\x96\xb6\x9dX\x13\xd2\xff\xea\xb8\xb6\x1c\xa9\xa9\xfa\xdfOXD\xf8\x81\xca\x85\xb41\x00D\xf8\xdb}hx\xeb\xc8\x9a\xba\xfd\xa9k\x0c\xcf?\xb6\x88\xb9\'\x89\x0b\xa4z\xbf\x04\x1d0\x8e9e\x88\xc9\xd0\x19\x14\xa9N\xe9j\xcbE\xca\xbe\x95 \x8b\x80\xba\xb4\xecV(F\xc3\x96\x1a\x80\x8e\xac\x05\x96\xb9\x9dxg\x1cdn \xd3\xf7\x92\xb0\x89*\x9e\xdf\x80\xe6y\xa2jw\xf8\xbe\xe9\xf7\x03\xa6\xcb\xbc\xa6F\x98F\x10lK\x10\x11\xe0\xc2\x9cg\xdc\xa9\xb8\xfe\x06\x82$\xeb\xe1~E\x0cb\x95\xc3\x16\x8e\xe7\x14\x8am@\x1d)\x06K3\xfc\xa0#{4\xd8\x18\xb5O\x0c\xd7\xe3\xefV\xe2\x1bEr\xe3V\xdfS\xae\x00\xbf\xd0D\x8a\xcdB\xee\xc0\xbe\x05\xc4\x8e\xed\xb9!+\xe6\xfe\xd2\x0f\x14\x19\x1c\x15D\xfc\xd5hM\x08\xcb\x1e\x90\xf3P\xa5C\xd6e\x943E\xbd\xaeQ(\x14\xc2`\x97\xf2\xf6\x03\x02\x03\xc7#\xab\xfa\x1fX\xce\xde\x18Y\x15#\xcbV\x0f\x04\xb8\xe7\xda2l\x1f?\xcb\xea\xe7\xaf\x02\x001\xbb\x9a\xea\xadB\xab\x0b\x9e,\x0c\x1d\x12G\xc4`\xea\xba+=\xa9\xbd\x86\xf9@\x1a\x1aE\xfci\xe2O\xa0\xd5\x00\xc0_\xa7Og\x06\xd3\x95BQ\x01}0c\xab\xb0\x1b\x00_E\xeb*m\xe2\x8e\x88\x88\x9f\xd5\xe4\x84oL\xbcE\xc2\xa1\xceDW\xfdQ\xa9\xd8\xc7J\xc9\xa1\xb0Q~\x8a1\x07@D\xfc\xe1\xe9o\xdatk\x00\xba\x1fm\xb4&gt;\xf4i\xba\x96F\x94?\x95s\xbd\xfc\xb3F\xcd\xd3\xe8\xea\tf\xe2z\xec\xa5\xd8\x016g\xc1\x9b\x13\xb8\x14\xe3_\x02\xe0\xf2u\xc6\xf3\xd8\x97\xe0JK\xaew\x04eR\x08=\x84\x86\x165\x85\x0c*#\x18\x02\xe0M\x1a\x86\xc1\xbb\xd9\xff\xbc\x9a\xc1\xb9\xc8\xa2~\xa1XN\xbc\xf6@\x01\x9f\xfd\x05\xbf\x86G\x8d\xad\x7f&lt;\xd0\xea\x8b\xf2\x8c\xac\xb3\xb9\xf5wJ\xa1Pl\r\xb7\xdaI\xc5&lt;N\xc6Z\x11\xcc\xb5\xcf[\xff\xc3\xe7\xac4I\x18\xc9X@\xa5\xd2\xc6\xcc\xa1V\xb5\x04\x04\xf8\xdf\xc8\xfb\xebY\x1a\xe2\xaf\t\xc4\x87&gt;\x11\xe6\x8a\xf5\x8a\xaa\x0c\x86\x83\x1c\xa6\xd4\x1fs\x88b\xa48\x89\x16\xc6\x92M\xa1P4\x83z{\x00\xda\x00\xb4\x83j\x95\x8a\xb7T=h\xde\x18t\xa9\x8a]\xe9M\xf0\xf1\xf1\xef5\xae\xfc\xd5F\xec\xf9\xd0\x8e\x81\'\xb14\xbf\xb6\x96fA\x06\x90\x01  \xc3(\x82\r\x00=\xfeW\xac\x08-\xb9F\xc2*\xbb \x14z$\x88\xa85:hp2$K\xea2r\xd4\xc6\xc1\x1e\xccow\xaed\x86\xa9\xc1\x17\x85\xc6\xffV\x93a\xaa)/\x9a\x18\xd3O\x1c\x01lKZ\x1a\x9e_\xd3(\xeeQ!\x8a\xe6\xc0(\xe0!,\x93R\xfb\x13\xc6z\xd9:\xc77_\x86\xd6\x9dxM\x0b\xdf\xefMhJu\xc9Z\xed\xa8\x8dgJ\xebD\x84\xda.wj[@D\xfc\x97\xf8\x8ffv\x96&amp;\x0c\xb6\x18\x08\x88\xf0\xc7\xe6\xac\x9a#\xd2!\xcfV\x11\xaf^\xf7\x8bF9\xf2sH\xb9\x93\xff\xd9\xf1\xff\x89\xf0\x89\xd0\x19O\xe1\xeb \xb7\xbf\xb5\x0f\xe9)\x14\x0c\x1c\xb2)\xe1p\x00\x80C\x17a\x14&gt;\xb0\xbd\xf2\x11\x11\x0ep\xdai\xd6,\x008df\xd5\xcb\x8f\x88Y.;\x04"\x86W=\xedVo\x81\x14[\xc0\x1c\xcfGv\x99\xa3\x90L\t\xcd8@\x0c&gt;\x05\xf8&lt;\x80\xbf)\x9axT{\xb1&lt;n\x1e\x96]\x9aI\xbd\x9da\x18\xb6\x07\xbb\x0eP\x1d\x92\xb2B\xd1\x03\x17\xc8\x8e@\x84\xf9\xfar\xcf\xcf\xa5\xc9\xfc\xfc\xa28zT\xffP":\xbde\xa8U\xcbNcm\xe6\xa4\'\x96\xa7w\xea~\x83`\xeb\xda\xdd\xba\xfc\t\x98\x0eq\xb1\xc3\xa1Q![T\xfd\x1f\x0f\xd6\xdfS\xc1\xf6\xb7+\xe6r\xd04\x96\x1e\x00\x0e\xa7\xfb\x85\x9d\xc6\xec#N\x15\x91B\xb1}\xc4\x1f\xffI\xa1\xf0\'\xcc\x86\xc6\xce\x96C\xc2q7oU\xb8\x9b\x94)\x89GYB\xb8\xfa\xd9\xecB\xea!\x9f\xccLya\xba`\x8f\xc7\x07c-gy^\xae\x97]\xf1\r\x18a\x91\xb3\x1b*\x9f\xab\xc9\xce\x150l7\xc3J\xa3\xbb\xce\xdb`\x88\x18\xb2\x8a\x00\xef]\x83\xa9b\xef(k\x00\x8c8\x85\x00\xdf&lt;Z"Tt\xc1\xb7dG\xec\xb4W\x94\xc1\xc9\x83\xbe\xa7\xe2k6\xdbQl\xbb\xcafU\x8c\xb5\x9c\xe5tf0\xc1l\xach\t\\_;\xb5+\x8d\xa4q\xd8\xd55\x00\xb2_\xe5\x97\xc55E\xa8\xec4\x86\xe4qgD\xf8\xd0\xea_"W\xec\x11\x95\r\x80\x91r\xce\x04\x89\x95&gt;\xa6\x9f\x14q\x9ca|\xdc0J7\xcb\xc8\x85W\x94\x95\xa8\rN\xd2\xbeE\xfe\'\xf0\xd5\xdag8\xe72#c\xd4\xdf6\x08\x0cFxP\'iK\x0b\\\xf1\xb2\x18#\xaf\xcb(\xc0m\xe4\xfe\x80\xc6y6\x00\x84\x1f\x06=?\x9d(D \xd2\x000}\x922\xf87\n\xd7s.\x88\x06\x82s\x8c\x8f\xe7\x87\xc1s\xe1\x83]\xc1\xa6o\x10\xc1OI\xb2\xb9\xf2\xa0\xcb_\x05V4\xeeuh\xdd\x85\xcb*\x98/R\xae\x04\x80\xf0\xb6\x1e\xf7*d\x8f\xb6\x0b\xf4\xb75\r\x05|s\x12\xf8#_1U\x8f\x1b\xf1\x1ac\xda\xe2\xbbh\x03\xa0\x10\x85T\x03p\xae\x9e9\x04p\x03g~\x05\xb8\xd8\xda\x02\xf4A\xf1\xde\x8d{\xf3\xe6\x19\xa4|\x88\xd8\xb2\xcd7\x11\xbbq4&amp;&lt;\x07\x0f\x9f+\xb1\xb4Ix\xbb\x9fi\xd9\xd5Dk\xcd\x99\xf5H\t\x0e{[&gt;r9\xfa#y\xfd\xc3H\xda\x1e\x07\x0f\xd7\x0bO\x85&lt;dj\xff\xc5i\xf5I5\x85\x00\xce$\x07\xd8\x8e\xb3\x1f,E\xdb\xf2\x86\xcc\x02g]mRi-\xabI/\x14K\xd2\xa6KP&gt;\xdd&amp;\xe2\xad\xa5\xf3^\xbfx\xe97~bkf&amp;\r\xecv\xa7t1A\xebM\x13A\xef\x85Bq~\x10\xa8\xfaCX{Y\x0e\x10\xe0u"\x84\xfec\xb8\xa5\x89\x00\x01\xee\xb1\xb6\x0c\xe7\x06\xdb_\xf6eW^\x10\x10[\xdd\xc6u5\x87\xc7\xb6\x97\x00\x82\x8f\\3\xb4\x8d\xf8\x80X\x03\xf01\x9c\xf3\xe3\xa5\xe2\xef\x9cJ\x06\xb1\xabA\xc40\xd1\xa7\xd9&gt;\xed\xf8KE6\xfdkH\r@;gT(6\x80F\r\xc0Hy\x1a\x11\x11\xbep\x10a\x88\x18\\\xda\xa1\xf6w\x93p\x9de\xc5\x1do\xb2\x95N\xf5\xaf\xa6r\xc4wN\xdb\xdd\n\x82\xf4\x870\xce\x8e@\xf6OrE)\xad:}\xd3\xe8mo\xe7c\xde\nE\x00\xf9:\x1e\xbe\x876p\xf56`\x93n\xdc\xb4\x1aP\x8c\x8b@\x03p\x1fA\xea\x1c\xbfk\x97\x02\xcf\xea\x81\xc0\x9bQ|\xb9i\x03p\x05\xd1\x90k\x19\xe7\xf6\xeb\xa4l\xa9\'\xb1/X\xbd\xbf\xdbVr\x05\xd62\xb3\xb3U\xb8BAj\x00\xca\xe6e)\x14\xe1\xabG\xceC\x08pg\xc6h\xab\xf8\xdb\x13\xf6\xb7\xa2V\x10\xb0\x01-8F\xc1\xcawb\x86-]A\x90\xa0\xf1(\xce\xa6MeYKbL-\x93[7Hy\xc3\x01\x01&gt;\xb8\xb6\x0cA\\\x7fm\x01\x14\x8a\xad\xc1\x89\xf2n\xed\x9e\x8ae\xa7\x96\x9d\xd0\x00\xec; \x16\xa2I\x834\x08~q\x8f\x8bj\x81\xe3\x9fa\xae\xa5\x81\x00_\'"\xce\xa6pV\xd7\x0by\x10"6\xf0[\x14\x04\x00\xf8\xd0&gt;\xc2xV\xfe\x8bT\x91\xff\x8b\xfd\xc6s\xc58@D\xc4\xc7\xa8\x99)D`\xc6\xacP\xedN$\x90\xeb\x01\xd4^O8W=|\xef\x1e\x9e"P\x88\xe2*U\xf6\x80\xf3\xc94\xe5\xe7bwl{Ntm\xf0\x94\x8b\xc8QN\x9b\xc3 \xb9\x9a\xbb\x9e\xc8;\x11\xf1\x86\xfa\xc8ks\x9c\xc3\xc2MO1_\x7f\xbf\x9e\xab*$aG\xcf\x82\x92\xfd\xab\xa9=\xc0\xd9\xdb\xab\xf6B\n\xc5J\xd0\xf8c^\x98\xb0\xef\x01\x1e\\\x19\xc3\x9be\x01\xaf\xfaO\xd3?\x1b3\x10\xeb\x8bF\xc0n\x16BG\xda[\xcf\xc6\x8c\x15\xad\xe14\x00\xdc?\xc3\xf1\xe6\xf9\xc1J\xc2%\x00"\x02\xdc\xa4T6Q\\}\x05\xff\x91;\xacr\t\x03\xfc[\xfc#\x8d\x14\x8a\xb3\x82o\xf0\xbf\xb7\x82\x14l\xf49\xc6.h\x00jkw\xfb\x18\xa8)\x10\xde\x9fx0l\xfc\xd3\xa8+K\x11\x1a{\x99,tX\x08\x85\xfe\x85Z\n\x10DY\xaf\xaePT\x01\xe1be6G\xba\x07\x18\xe6X\xa2\xff\xf7&amp;\x11\x11\xe1\xc1}\x97o\xb5^\x83h^\xb1\r\x8c\xe4\xad\xf5H\xd8\xff\xc6\xd7\xd8\xb2\xa8\xb5\xe3vm^\x00x\x8a\xb0|!N\xb1\xbd\xb6\xcf\xa1\xc6\xdb\xf4_*\x93*&gt;e7\xce\x8b\x08p\xc1v\xc4i\x81\xae\xb32\xf7\xb2w\x8a\xad\xa1&lt;\xebS;\x80\xee\x81\x89\xcc\x912\xec\xf3\xcb\x02\xebq\xe1\x17\xeb\xb4\xf6)\x97\x98:\xdfM&gt;0\xb1\xcbE\x8d\x81ve\xe5J\x88\x17\x85\x15\x14VG\xd3\xb8Z\xdf\x00pdk\x7f?p\xfc\xbeD\xbf\xa0q\x81^\x8cf\x18K\xdbk\xcc\x8f\xa2\xa4}\xaa\xeeo\xa5pV;\xa5\x18\x17\x01\x7f \xbb\x07\xb9\x01\xf8\xaa\xc2\xc3\xa4\xa2Y\xe4\x06\xa0a\x96\xea\x1fe\x1e0\xf3\xd5\xe0B\x80\xaa(\x88]\xabe\xa5\xf3\x08Q&lt;\xcc.b\x84\x80\x08^4/1\x86\xefCD\xbcD\xe6\xa7\xe4\x82\xaf\x15e\x98u\xd8!\xf2/O\xff\x0e\xbcw\x19\xc1\x10\xf19\xab\xcb\x8fi\x1d\x06?\xfa\xf5\xb6")\xce\x10\x88\xec\xef\x00\x1c\xa7\x19\x04\xc8=@WH\xdd\x00\xd4&gt;\x08[6\xb7\x02\xbdC\x1b9\xebx7\xf5\xaf\xf3\xf5sUc\xcc\xb0\tF1 \xce\xceZ*bK\xe0P|\xf2\xe2\xa5\xf4/\xad&amp;s?$\xbd\xed\xee\x8b\x0e\x0cD\xbc\xf00Y\x8e\xf6[\xe2\x95\xee\x83)\x8bZ\x17\x95\xb2uXZ\xda6^\xe0\x7f\xb4R\x11\xa5\xd8?\xaa\x0e\xe6\x19\xe5\xffVm\xd7\xf7\xd2\xc1\xc3_\x7f\xd4h\xc3\x9f\xbb\x14"\x15d\x15\xe7\x06\xb5\x16\x06\x8c\x03\xfe\x93\xde\x9e\xe0V\x8a\x8d\x1c\xf0L\x82\xe7)\xe5}\xce\xfaAL\\\x80\xabK\x13\\]E6\xdanY\xd9\x03i[/\xa2\x14c\xa1\xe2\xe8\xc8\xfc\x07\x13|\xbe}\xcc\x9d\xeeW\x08\x00p\xeb3\xc9a\xabC\x95\xacP4\x02"Z\xb5\x08\x06\xea\x12\xbe\x03~\x80r\xa1z\x06x\x91\xdb_)"\x18PE\rE\xe2\x17B\xe8\xd4Y\x8d\x04S\x9c\x11\x08f\xf4\x98,\rv\xf9\xdf\xd3|y\x8c\x10.B\x1b\xff\x8f\xf1a\x8bco\xc2E7!\xe4\xf9\xe09k\x0b\xa08CX19\x14\x9fK\x8e*E$\x1b\x15\xf4\xf0\xfe\xba\xb6\x82\xec\x0f\x03}}\xb9]\xad\xc2\xa5lU\xff{w.\xc5fPT\xfb\xf7l\x00\x18\x90|\x04s]/%\xab\xb7`#b\xe3o\xc0\xa4\xa3Pl\x14\xbd\xdb\xfb&gt;\xc1\xc4\xe0\x12j\x00\xea\x1e\x10\xcd\xb2\xee\x98\x11$\x18!\xc2\xa7\x0c\x98\xc2\xf6\x00&lt;\x9b\x06\xa0L\x1a\x80\x1fh \x8fB\xc1Ay\xe1\xbfJ\x03\xd0\xb7\x1c7\xd6h=J\xdbS\x00\xda\xc0\xaf\xe4n\xc4\x90\x9d\x9b,v\xbf@\x05\x05\xb1*d\xfe\xc9\x8e\xbd5\x00rAr!B\x08\x17\xcb\xd1f\x9f\xb2O(\x82\xf54\x80\'\xf5b4\x08\xbe\x02\xe0\x95k\xcb\xd0\x1az\x8a\xaf\x18\x00\xa5\xd1\xb0\xbe\xfe\xdf\xbd\xf5\xaf~\x03\xb0\x0f\r\xeff!\xe7\x80=\xec\xd4\xa8a\x8a\xf7\xb4@c\x16\x81\xb9\x7f\x8bF)\x7fz\x8f\xa2@\xe7\xd9\x86\xf60~\xb6\xae\x7f/W\x04\x84\xab\x0e.\xa1,V\xf1\xbb\xb3\xd2\xb0B\x01p\xfcK%E\xc5\xe2\xa1\x854\xfb\xc2A\xb5$\x81\x83F\xe6\x8d\x00\xd5\xe0[\x82\xae\xdb\xe2\xc8S\xbe}\x88p%\xef\xfbV4\xc7\xad\x89\x93G\x0eW\xe1\xe5\xaf\xc3\xcc\xee\x00\x87Wm\xc3h\xcf\xe9{\x04/B8\xdc\xa1+\xc7N\xbd\xe7@\xa7\t\n\x05\x00\xc0a6\xfc\xc3\x81\x1a\x07\x11\xf18\xb8\xd2i\xe8\x1c\xcf\x15\x888\xb2\x96\xdc\x82\xefh\x0fL\x81\x03</t>
        </is>
      </c>
      <c r="E767" t="inlineStr">
        <is>
          <t>&lt;class 'numpy.ndarray'&gt;</t>
        </is>
      </c>
    </row>
    <row r="768">
      <c r="A768" s="1" t="n">
        <v>766</v>
      </c>
      <c r="B768" t="inlineStr">
        <is>
          <t>steps_per_sec</t>
        </is>
      </c>
      <c r="C768" t="n">
        <v>8600</v>
      </c>
      <c r="D768" t="inlineStr">
        <is>
          <t>2.6500368</t>
        </is>
      </c>
      <c r="E768" t="inlineStr">
        <is>
          <t>&lt;class 'numpy.ndarray'&gt;</t>
        </is>
      </c>
    </row>
    <row r="769">
      <c r="A769" s="1" t="n">
        <v>767</v>
      </c>
      <c r="B769" t="inlineStr">
        <is>
          <t>Loss/RPNLoss/localization_loss</t>
        </is>
      </c>
      <c r="C769" t="n">
        <v>8600</v>
      </c>
      <c r="D769" t="inlineStr">
        <is>
          <t>0.12262347</t>
        </is>
      </c>
      <c r="E769" t="inlineStr">
        <is>
          <t>&lt;class 'numpy.ndarray'&gt;</t>
        </is>
      </c>
    </row>
    <row r="770">
      <c r="A770" s="1" t="n">
        <v>768</v>
      </c>
      <c r="B770" t="inlineStr">
        <is>
          <t>Loss/RPNLoss/objectness_loss</t>
        </is>
      </c>
      <c r="C770" t="n">
        <v>8600</v>
      </c>
      <c r="D770" t="inlineStr">
        <is>
          <t>0.009331908</t>
        </is>
      </c>
      <c r="E770" t="inlineStr">
        <is>
          <t>&lt;class 'numpy.ndarray'&gt;</t>
        </is>
      </c>
    </row>
    <row r="771">
      <c r="A771" s="1" t="n">
        <v>769</v>
      </c>
      <c r="B771" t="inlineStr">
        <is>
          <t>Loss/BoxClassifierLoss/localization_loss</t>
        </is>
      </c>
      <c r="C771" t="n">
        <v>8600</v>
      </c>
      <c r="D771" t="inlineStr">
        <is>
          <t>0.08031354</t>
        </is>
      </c>
      <c r="E771" t="inlineStr">
        <is>
          <t>&lt;class 'numpy.ndarray'&gt;</t>
        </is>
      </c>
    </row>
    <row r="772">
      <c r="A772" s="1" t="n">
        <v>770</v>
      </c>
      <c r="B772" t="inlineStr">
        <is>
          <t>Loss/BoxClassifierLoss/classification_loss</t>
        </is>
      </c>
      <c r="C772" t="n">
        <v>8600</v>
      </c>
      <c r="D772" t="inlineStr">
        <is>
          <t>0.038085632</t>
        </is>
      </c>
      <c r="E772" t="inlineStr">
        <is>
          <t>&lt;class 'numpy.ndarray'&gt;</t>
        </is>
      </c>
    </row>
    <row r="773">
      <c r="A773" s="1" t="n">
        <v>771</v>
      </c>
      <c r="B773" t="inlineStr">
        <is>
          <t>Loss/regularization_loss</t>
        </is>
      </c>
      <c r="C773" t="n">
        <v>8600</v>
      </c>
      <c r="D773" t="inlineStr">
        <is>
          <t>0.0</t>
        </is>
      </c>
      <c r="E773" t="inlineStr">
        <is>
          <t>&lt;class 'numpy.ndarray'&gt;</t>
        </is>
      </c>
    </row>
    <row r="774">
      <c r="A774" s="1" t="n">
        <v>772</v>
      </c>
      <c r="B774" t="inlineStr">
        <is>
          <t>Loss/total_loss</t>
        </is>
      </c>
      <c r="C774" t="n">
        <v>8600</v>
      </c>
      <c r="D774" t="inlineStr">
        <is>
          <t>0.25035456</t>
        </is>
      </c>
      <c r="E774" t="inlineStr">
        <is>
          <t>&lt;class 'numpy.ndarray'&gt;</t>
        </is>
      </c>
    </row>
    <row r="775">
      <c r="A775" s="1" t="n">
        <v>773</v>
      </c>
      <c r="B775" t="inlineStr">
        <is>
          <t>learning_rate</t>
        </is>
      </c>
      <c r="C775" t="n">
        <v>8600</v>
      </c>
      <c r="D775" t="inlineStr">
        <is>
          <t>0.03955402</t>
        </is>
      </c>
      <c r="E775" t="inlineStr">
        <is>
          <t>&lt;class 'numpy.ndarray'&gt;</t>
        </is>
      </c>
    </row>
    <row r="776">
      <c r="A776" s="1" t="n">
        <v>774</v>
      </c>
      <c r="B776" t="inlineStr">
        <is>
          <t>train_input_images</t>
        </is>
      </c>
      <c r="C776" t="n">
        <v>8600</v>
      </c>
      <c r="D776" t="inlineStr">
        <is>
          <t>[b'1024' b'1024'
 b'\x89PNG\r\n\x1a\n\x00\x00\x00\rIHDR\x00\x00\x04\x00\x00\x00\x04\x00\x08\x02\x00\x00\x00\xf0\x7f\xbc\xd4\x00\x00 \x00IDATx\x9c\xed\xddy\x105\xcdw\xd0\xf5\x9e_^4&amp;\xb2\x9a\x05\x8c\x14(\xb2\x89\x185@\x10\x0b\x88B)\x05.\x80\x0b"\x915P\x12\xb6\x80\x82$\x15\x0c\x8a% &amp;bTJ@\r\n\x91E"\xa0\x08A\xc0\x02\x82 \x15\xa4\x0c[BD\x11\x84$\x04\x83A4\xc4\x00\xb6\x7f\xdc;s\xe7\xce\xd2\xd3\xcb\xe9\xeesz\xbe\x9f\x82_\x9e\xf7y\xee\xed9\xbdNw\xcfr\x9d\x03\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0\x8b\xf7\xde\xf7\x8e\x01@k~\xe6\xdc\x1f\xf1\xef\x04\xd3\x8f\x0f#\xe3\xd0~\xe7\xeccI\xc9\x16\x8b\xcdu\xe4g\xcer\xe7\xbdw\xee\xfb&amp;\xa5\x1c\x7f\xdcp"\x81\xaf\xad\xff#!\x80\xf46\xf0y\xef\x9f\xf4\xde_\x95|~\x1bs\x1dZQ\x9aMS)\x89Vv\x1c\x00\xaa\xa3\xb1\x02@\xac\xcdD\xe1s\xbd\xfbR\x81!t=o\xd8\xcc!.g\xa5\xd9\x93\xb3\x88o\xb5;;\x1c\x05\x932\x0f\xde}&amp;P8i3\xec\xf74\xc3\x1fp\xb9\xe7\xd3p\xc0\xee\xfc\xe8\xf3\xdf\xc7\x1ew\x7f\x88\xb3#\x1e\xc6\x16y\x14+\xf6Me\xbc&lt;nL\xbd\x03\x80\x16\x8f\xb6&gt;M4\x89\x1c\xde{\x8a\x0e\xb8\x9b:\xc3\xa6_N\xcd\xbb\xf4}\xf8\xac\x9d\x11\xcf2\xcb\xb9\xfc\xd6\x92\xf82\xdc\x05\xc6\xbd\x92\x92\x89\xccu\xdc!\xdefq\xfb\x0f\x1ff!\x9c\xf2e\x89\x89\xb4\n\xef\xfd4\xb9\xb3\x8c\xbf\x12\xf7\xde\x15\x1ch\x93\xfdu\xcd\xae?\xb6\xcdK\xd9Ak[\x07\x1f_\x0b\x87\xd3\xfd\xb1O\xeb\x1f\xea\x1d\x00\xb48\xec\xf6\x88r\xb3B\xa3\x91\x00\x0f\xd34U\x98"\xbc\x12\xdc\xa5\xafh:R:\x0e\xfc\xe5\xf8\xaf\x1fL\xd0\xcf\xb6\xc0\xf7\xdf];H:\xb6\xfa\xb6)\x07\xbe\x98\xd1*\xf6;\xf7\xd34\x9dU\xf7[\xe29\x07:I\xea$S\xbf\xee(\x82\xa4\x83\x9a\xb0o"c\xcf\xfe\x817L\xec\xf2\xdc\xe1Z!\x00\xe5\xf2\x06\xa2\xdc\xe1+\xf6\xe6\xfb\xc0\x07\xe2\xbf\xbb\xfa\xcf\x7f\xfb\xec\xf6\x8c\xfd\xdd,\xe1\x08\xf3b;\x0c\xafP\xe0\x86\x93\xf5?\x95\x1f75\x85\xec\xc3\xf5=\'\x96\xdf\xc0#\xd8\x96\x00\x8cl\xb8\x05\xc0Hy\x01nC`\xa6(9\x94\xd5\x98\x82_\xcd\xed\x8e\x9f\x9d8HY\xd5\xf4\xeeg_/\x00\xca\'\xb5-]\xc6Y/#\x12\xa5\xf4V\xd4\xff\x99\xf7\xce\xfd\xb2\xf2\xc0\x00\x0c\xc8\xd0\xb8\x0c\x00\x87\x84\xc6\xb1\xab\'J\xcf\x8f~\x91\xec\xf9\xdaf\xbf_{\xb9~(\x9f#\x96}}\x9f\xde\xe9\x92f\xbd\xa8\xe3Ds\x89R\x02l\x18\xa1\xa32\xdc\xa8AE\x00\xb9\xe4\xc7\xb1\xf8\xa9\xd8\xe5\xec\xd6\xcf\xb7\xc8\x07\x16\x00\xf3\xdf\xc7.\x06l\x89\xce\xc8\x08\x99\r\xd2\x92\xc1u\x8d\x18mc&lt;\xe2\x80\xbd\x8b\x17M\x00:\xf9\xfc\x97ox\xefy\xe4\x0bJ\x154\xec\x9e|\xd6\xbb\xd1\xc2\x99=\xfc\xd7e\xfa59\xe7\xa6i\xfd\x8e\x9a\xd7?Y+=\x1cR\xd3\x17\x9e-\xeb\xecMM&amp;\xf0\x16 \xecui\xcd\xbf\xbd\xc7A\x81\x87\x1a\xefr\x01d\x94\xbck\xa8\xe3\xdedF\xc8\xf3\xf4.\xf3\x88\xcbd?\xf3\xfbM\x99\xdc3\xd6\xa0d\xac\xdev\x87\xfc\x1b\xab\xa6\xdd\x1fp\x0fF/\xf7\x00\x833~A\x16\x03P\xd5\xf6Dn\x80i\x96\xa3\x88\xdb\xdc\xffd\xf8\xbb\xa7\x7f\xbf\xfcS\xe5;\x82T\xd5&gt;\xf6\x86\xb9%\x0c\xdd\xd0\x86\x00`0B\x03\xfbh\xa7\x86\xc6\x0b\x80\xec\xef\xd6&gt;D\xdf\xc4\xf7\xc7js \x00[t?\x00\x18\xc9\xfdvv\xee\x96\xdf\xdd\x05\x01\xe9\xd4\xf7\xc7\n\x97pf\xf9K5\xd4\x9b\xd5~\xd8\xdd\xfa\x82\xe3\x19\x80l\xdc1\x0c\x00#\xa9\xf3\xb3\xbe\xc6\xdca\x1aT+\x87\xeb\xc6\xf3\xef\xaf\x9eK\xaep\xa0\xb9\xa1\x96eEwko\xba \x9f\xdf\xb5\xda\xe8p\x80~\xf4\x07\x00\xb8\x8d\xf1\x07\xfc\xc2ie\xf4\xd7\x7f\xf0j\x7f\xfdo\xc9&gt;\xdce0\x95R\x16\x96\x15g^Me\xd7\xef\xfd.\x00\x02\x00\x00\xa0\x02\xe6\x94y\x8af\xff\x949\x00\x00\x00\xa4\xecg\xa5L\xf1\xdf\xfd\x9e\xc0\xbf\xc5O\xeb\xdb\x97j\xcc3\x1b\x80s\xf4y\x00\xc0\x13\xa7\x83\xbb\xa89G\xcc\xbe\xdd\xe5\xf8\x8b\n\xa7\xb3\x81h\x97\x0f\xf4\x8a\xf9\x86\x0b\x00\x1e\x02\xce\xc4\xb3b\xcd\xdc\xaaC\x020\xc8\xf0\xe9\x80\x016U\xb5\xb3\x7f\xf6o\xbd\x9d$\xa7\xef\xa1\xf6i\x9a\x94w\x16m%\x06\x00\x00\x00\xbc)|\xa0Y0\x12\x11\x1dC\xba\xdb\xf6?\x00\x00\x00n\x87)\xef\xcdq\x0b\x10\x00\x00\xc0\x8d\x0c&lt;\xf5\xef{\x19\xa1\xd7\xa13\xb0\x00\x00\x00@\x80\xad\xd3\xff\x93\xc5\x98!d\xbc[\xde\x99\xfd\xc7c\x01\x00@\x1d\xb5\xaf\x8a\x03F\xd3t\nH\x87\xc5\xc8\x96\x05\x15\xe7&amp;\x00\xc8\xc1\x02\x00\x16\xd1 !I}s\xea\xf2\xb6\xfe\xc6G\xcc\xc0\xc3\x15\x00\x00\xdc\x08g}\x8b\x14\xd7Z\xc5\xc0._\xc9\x8fRz\xdb\x15\x00\x00\x00\xee\x87\x05@m\x8a\x17\x96\x00\x00\x00@\xae\xbe\xd3\\\xd5\x93l\xcd\xb1\x01\x00\x10I\xf5\xb9\xb6\xd8\xd8\xb9+a\xf1\x86fs\x01\xd7F\x81`o\xb47@\x01\x00\x80\x18\x8fy\xe1`\xef\x82\\&amp;\xbb\x83\xe5\x0b\x90\xc5k@\x01\x00\xb8\xa9Q\'\xc9\xa3\xe6\x0b\x00\x00\x00\xc0\x8b\xc5\x1b\x96L\xa0T\xc7\xc3\x15\x00\x00\x000\x88\x9f\xdf;\x80\xf10\xfb\x1f\xd2\x07\xbd\x03\x00\x00\x00\x10\xc0}\xffh\xc5\xf3\x18-\x00\x00\x00\xa0\x17\xd716\xb8\x05\x08Fq\xa3\'\x00\x00\xb8\xc6\x84\x01\x18\x07\xfd\xf96\xa8h\x00\x80\x00f\x0e\x0b\xae\x00\x00\x00\x00`p\xcc\xfe\x81q\xd0\x9f\x81\x96\xbc\xf7\\\x93\x010&lt;^)\x0b\xa8F\xff\x04\x00\x00/?J`b\xc0\xec\x02\x00\x00\x04pU\x04\x18\xc7M\xa6\xfe&lt;\x03\x00\x00@&gt;\xef]\xc4\x84\xe1\x16S\n@\x9b\xd4\xd9\xfcMf\xff\x00\x00\xa0&gt;f\x15@se\xf7\xf1\xfb\xb1\x1f\x03\xe0g\xcc\x00\x00\x91\xf8\xf1\xcbqx\xef\xf9\xdd\\\xe0\xd0z\xde?j7\xe1\x16 \x00\x06\x8c\xbd\x13c\x0550\x92Q\xa75\x00\x00\x00\x00\x00$xn9\xfdJ\xf6&lt;\x00\x00\x00\x80\x1b\xb8\xc35gn\x01\x02`\xcb\xe0\x83\xb2Q\xe6N\x96\xb2\x01\xcf\xa9\x19+\x04\x00g\xb8E\x0e\x00\x80c\xcf\x89\xaf\xb5\xd9\x7f%\xde{\xf7)\x14\x05\x00\x00\x80\x11\xe6\xf6\xb05\x88,4\xca\x16@c\x9ba\xe7\x0ew\xf5$\xe1\x16 \x00P\xc4\xd0)\xcaP\xa8\x00\xeef\xfd\x9e\xab\xc2_\x03\x18\xf2\xee&gt;\x16\x00\x00\xe0\x1coE\x04\x80A=\x86\xf7\x8cA~^8pv\x00\x80\xae\xb8\x8c\x0b\x00h\x833\x0e\x00\xf4\xe7g\xbd\x03\x01\x00\x15\xb3\xc3\xee\x01\x00\x00`\x03\xa7L\x00\xe5\xba\x8f$\xdd\x03\x00\xa0\x11C\x03\x86!\xbb\xd3&amp;\xfd\xee\x9a\xdbu4\xc6\x16`\x0c\xb7\xed\xcb\xb7\xcd8n\x81\xf6\x8d\x91\xb4o\xcf\xf1G\xd4p\'\x00\x00\xa4b\xec\x02\x06D\xaf\x06\xda\xe0$:\xa3\x10\x00\xc0\x00^l\x04\x00\x96x\xefyc)\xa4\xec\x17\xae\xb4.\xe0\x0e\xf8\x1d\x00\x00\x10pv\x11@\xfc\xe2\x00\xf3\xb3\xb1\xb5\xbc\x94\xf48\xd6t\xf4\x97\x00\xc6\xc6\x02\x00\xf6p~\x82!\xd341e\x87B\xcb@\xcax\n\xdc\x10\xa7%\x00\xc8\xc4\xdd8\xb0+\xb0\x93B\xab\x86-\xcfkY\xb4\xdb\x14\\\x01\x00\x80D\xcb\xaf\xc3s\xbe\x01\x00\x18\xc4\x02\x00\xb0\xcd\xda\xfbg\x0c\x85zj\x84&lt;\x00\xc0(2\xee\xb4\xacz\xde4qRf\xfb\n\x00\x80\xfb9\x9f\xa4pi\xab/\x8b\xf7\x16~\x98\xf7\x7f\xddZ\xcc7\xc7\x15\x00\x00\xb0\xb1a\x93\xc4{\xff\xc91\x99\x1a.\xe3\x88u2]37\xf5\x1cOQ\x15|\xf0\xbc&amp;\xdcxLc\xf6\x0f\x00\x91\x8eG\xe7\xf1f\xa2h/\xfe\xc60\xda\x1b0\x12z4\x00\x00\xb18k\x02\xc0\x1ec\xe3\xa8\xb8\x05\xe8\xd6~0\x1d\x1bp\xce\x9d\xde\r\x01\x00\xf7\xc5\xec\x1f\x18\x13}\x1b\x00\x00\x1cJ\x9a$0\xa3\xb0\x85+\x000\x83\xc1\x05\x00\x80fx"\x1c@\x7f\xde{\xde\xc0\x0e\xe06\x18\xee\x00+\xe8\xad\x00\x00\x00\xc0]\xd8\xfa9\xce\'n\x01\x02\x00 A\xe0-\xab\x16\xe7\x01\x00J\xec:=\x83\x00\x00\x00\xc3\t\xcc\xf2Y\x00\xe8\xf7X\xbf}-5\x85\x13\xcf\x15&gt;-\x04\xd8\xe0\x0cw[T=\x00\xeb\xe2\x7f&amp;\x0f\xf7\xe4gI_\xa9\x17O%\xdc\x02tk\x87M&lt;\xa3\xe9\xe3&amp;x#\x04\x00\x94\xf2\xde\xfdB\xce\xb0\x06\x8c\xbd\x06\xf8\xa0w\x00\xe8i\x9a\xa6}\x93\x9d\xa6)\xdc\x92\x99\x05\x02\x00\x8c\xea\x7f\n\xeb\x1e\x00dY\x9b\xfa?\xd0\n\x85y\xef\xfb\x0f.\x00\x00\x008\xf1\xd8\xe6\x9c&amp;\xb7\x9f\t/;\xa0\x91\xd3\xb99)cs?n\x01\x92g\xee2P\x86;\xe4\x11\x00\x00\x0c\xecp.\xf3\x98\xca\xc7O\xe8\xa7i27\xfb\x87&lt;f\xc6\x8d\xf1\xb8\x020\x92\xefJw\x06P\xdf&lt;y`\xc0\x81\x04&amp;\xa3\x00\x00\x00P\x8e[\x80\x80\x17\xd6o\x00\xc2\x18%\xb0\xa01\x00\xb8#\xaex\x00#\xf9\xcaUw\xb6\xd8\xb5\x1b\xc4\xcc\xa0\x87\xeeh\x81\x00:k6\x0c\x19\x1c\xef\x96Y\x82\xb9\xc8q+o3\xfe\xe5\x8e\xd8_\xe0_\xfa\xc5\xa6\x11\x05\x02`\x0c&lt;\xb6\x8c|\xcd\xdeyj\xf0\x1d[&gt;\xa6s\x89\x14 o\x9eE\x86g\x9fr\xceM\x93\xf7~\x9aBo\xb2\xa6\x81\x01\xc0`x\x06@\xc6`\xdbB\x91\xd9i6-\x98&amp;sS\x90\xa8h\xade\n\xe3\x98&amp;7M\xceMsg\xf7\xa1\xdf&amp;\x1al|+Di\x00\x18\x00\x0b\x00\x1c\xd071\xd5\x16\x8f\x16\xf1s\x11f-\xd8\xfb\x95s\xa3\xf0\xee\xe2n5\xda\xcfB\xdf\xf0\x88(:\xde\xf9\xd8=\x00\xe0\xe9\x83\xde\x01\x0cb\xf8S\x82\xc1\x9bpna\x8a;\x9f0{\xc3\xc6\xbeE\xd0D\xf4`\xbc\xad\xe1\xf07_\xdbG\xd1;\x00\xe0\x89+\x00\x88\xd2\xf1TTo\xf2:\xc2\xb48\xfa\x07\x08\x99L`\x8fV\xa1\x165S\x01e\n\xbc\xd0\x1f\x00\xe0^6\x1b\xcc\xf1+a\x16\x0cmp\x05\x00Pn\x80N\xca\x15\x80\x8aF\xd8`\x06PJ\xe98\xb0\x0cP\xd3\x9b\xbeA\xc19\xe3\xb3\n\x9b\x94vR\xe84\xc6\xec\x8e\x05@eC\xb4\x12\x18\xa5\xe3\xa1\xb7tc\xf5\x1am\xb9Y\x9f\xba\x8e^\xf6\xcf\xd4S\x05\xd6\x00mQ\xda\x88\xf7\xda:\xe9\x1bG!\x16\x00\x15M\xcf7\xed\x01\x1d\x99i\x81\xcbL\xd4\xef\xfe\xd2\xf4/R);I\\\x17\xa3\xaex\x01\xab\x96\xbe\xf6\xb9=\xa3\x804\xb3\xe7"\x00Pi;\xd1\xff\\\xbf\xe1\x8c\xaf\x04\xda\x08\x97\xcf\xb6LO\x8a\xf4\xecc\x14&gt;\x8c\xb2z9\x14\xa8\x86\xad\x1eyR\xbf\xcc\xca/\xbc\xe2&gt;\xf63\xcb\xc3\xc6\xbf\xbem\xbdzLC:\x99\xc2?~\x12\xf8\xeaS\xceQ\xf2\xb0\x89\xf3i\x18\xe5sC\xdc\x02\xa4\x97\xe6\xde\xc8F \x04E\xce\xfe\xdd\xfc\xb8\xaa[\xee\x17\xa2\x1d\xa6:)X\x1f\xf5)\xd5\x83\x12\x10@\xd3E\x9e\x81g;,\x00d\r\xdbP6\x18LQ\xcfe\xebz\xbd\xbf\xb2\xed\xe8&lt;\xf0=0\xbb2?x\x1f\x10\x9d\xbe\xa3Q\x1b\xdex\x8c\xdek\xc49\xfd\xcc\xc0%\xc3\x02@\xd6\xe3B\xfa\xb0\xcd\x05\xa8\xe0u\xb2\xe4=\x94\x85b\xa6\x89G3\xfb\xeb2\x9f\xa6\x89[F\x818\xf4\x14\x18\xc0\x02\x000\xcc\xfa\xbe\xe0zK}3\x0b\rf\xed\xed\x9f\x9a\x15\xc2\xa4~y\x9f\x11^\xe0\x1b\xd3\xfc\xbf\xcas}\x07T\x81\x15\xd4\x14\xac`\x01\x00\x186\xd2\xc9f=\x8d?\x9b\xd3\xcf7\xe1ls\xddh\r0Ji?\x9a\xcd4M\xd3\xf4y\xa1\xdd\xca\xc7\x05\x99Qr\x8d\x1a~\x98\xf1=\x88\x80\x81o\xf9\x03\x00\xa0\xa3/8y\xc5\xa4\xbf\xbc\x8f\x96\xd7S\x02\xa8\x8aQ\x05cck\x07@\x1f\x97\xef\x9a\xdc\xbf\x99\x8e\xd7S\x02\x00P\x8e[\x80\x00\xc3\xc6\xde\xa3J\x9c\xd3\x8f\\\x14\xc0\xda0\x1d\x7f\x98\x8c\xa4\xbam\xc6\xa1\x07\x0b\x00ytl\xa0PV\'\xe2\n\x00\xeeb\x98\xeb]\xc3d$\xd5m3\x0e=X\x00\xc8\xa3c\xdbdr\xd9v\xd4\xd8\xccd$\xdcQXH\x03@\t\x9e\x8fB\x00\x0b\x00\xe0a\x90e\xdb\x0f\xb44\xda_\x949\xa7.\x00(\xc1\x8e$\xce\xd02\x00\xf4\xf3&gt;\xc7_\x9e\xfdu\xe7\xe7\xad\xb3U\x01\xe79\xd4\xe2=\xefB\x05\xd4;xC4\x02\xb8\x02\x00`\xcb{\xef\xdcg\xad\xff\xa2\xd6\x91V\xf3\xaae\x06\x1f\xfe5`~-\x18\xad\xa9lo\\\x1f\x0b\xa0p\x9cs\xee\xc3oU\x08Iu\xee\x1d-\x84\xd5R\r\xe1\xfdK@\xb9\xf58\xfa\xf8\xc1\xa86GL\xea2\x9b\xc1\x9e\xee\x06\xa4\xda\xbffw\x14\xec\x04\x0f\\\xb9\x10\xc3\x15\x80Z\xd8\x81@%U\x9b\xd6&amp;\xf1\xc8C\x15&gt;j\x96q\x9a\xe2\xd4\x86\xbb\x92\xe9\xfe=\xceP\x1f\xb4:(\xa3\x03{"\xb8\xc6\x02@\x05\xc9aQ\xcd\xc2\x83%P\r-g\xff\x917\xdb\x08\x84\xb4\xba\xf5?\xce\xdbg9\xd5\xc1\x96\x92.#5\x00\xf4\xe85_AW\x0504\xef\x137i\xf2wO\x99d\xdfP\xa5J\xf7+\xa9\xb3\x8c\xf2\x97\xcd\xbd\x0e\x1d\xfdI\xdep\x07\xa3h\xb7\xc0(\xfc\xdfBwF\t\xce\x07\xe8\xeb}J\xfd\x03\xfb\xc6\x10\xf1\x11f\xff0\xed#{\x07\xd0\x14]\x15\xb6d\xb5X\x1a9r0\x95A\xa4\x9fZ#\xd1\xdd\xac:\xffz\xd4\x8f\x14\xba\x0e\xb0\rc;\xf3/\x8a\x13\x00\x80\xda\x94O\xed\xb8!\x0f\xb0\xc1W{\xab\xc3\xf6\xd6\xff\xd5\xff\xcfK\xa6,\xce\xeb1\xb3\xcd\xbb\x89\x00\x00\x18\x15\'\xd1\x1c\xf5\xa6b@k\xbb\xf9\xf64M\xab\xf7\xe8%\xbcPo\xbb\x90(\xeb#\xfbu\x00\xf3~\x00\x00D\xf0\x16\xa0\x1cL\xfe1\x8c\x93\xdd\xf6iy\xb27\xfe"\xe6\xa6_\x14^\xfd\x9cv\x9a\xcf\xfe?_\xf9\x05\\\x008\xc4\xd8\x85K\xccd\xf3\xf0;#\x18\xc4\xe1yb\x9a\xb6\xef\x01:\xd9\xce\xffS\xde\x7f\xdbec\xfeh\xcf\x9en\x02ly~,\xd2\x02\xd3\xd5\xc4}\n\xb8\xf4A\xef\x00\x8cz\xebW\xa6\x87\t(\xe3\xbd\xef\xdf\x96b6\x8f\x96\xe9\xbe\xf7n\x9a\xce\xf6\x9bX*\x030\xa9\xfb8\\\xc2t\xf0m\xbdNR\xd1\xab\xa6A\xcek,\x00\x04\xd0\xd3 Gck\xba\x8c\xe9|\xc1\xa0/3@o\x1a;9\xaa\x1bd\xd68\x9c\x9c_\xa2\x97\x8f\xa2\x07\x9e\x01\x00\x00\x00\xa8j\x90Y\xe3\xc0\xee\xb62g\x01\x00\x08\xfc\x90\xed\xc0\x8e\xc7D\x8a\x0b\xd0m\xb01m\xb0\xec\x00\xdd\xb1\x00\x00\x9c\xbb\xdf\xd2?\xd2Y\xb1D\x9e\x8a9g\x03\xbd\x0c6\xa6\r\x96\x1d\xa0;\x16\x00\xca1\x7fj\xe1\xb6\xa7\x96\xb3\t\xfa\x7f\xec\x9c\x0b\x16\xcbM\xcbK-\x16Z\x80n\xec\x86@\x1b\xce\xe3\xc0\xad\xe5\xbd\xbb3\xe5\xc7\x01\x18d\x9c\xe3\xad|\xd0\x8d\xf6\x89\xbeh\x81\xedq\x05\x00\xc0K\xe4\x10,\xfb\xb1;\xa0(\xa0\x19\xed\x13\xb8\x1b\x16\x00M5\xbb\x08\xc8S\xad\x88\x94}\xde\x9f\x982\xe4\xa3o\xde\x04\x15\rD\xe1|\xd2\x1e%\x0e\xdc\xddz\xad\x18;\n{\xff\x18&lt;\xc2\xcbL\xc6\xf4\xcax\xb38\x00 \x07W\x00r\xfd\xd1\x9c\xad\x9d\xf8]y\xc1\xfd{.\x05 ,c\x9a\xee#\x9e;e\xf2_\xd5\xf3"\x1f\xbd\x1b\x00\x90\x8eStc\xec\xd8!O\x8b\x96\xe3\xbd\x9f&amp;\x17y \xef\xfd\x14\xbc\xc5\x81\xed\xff\xaa\x1e\x0b{\n\x19\x00\x90\x81+\x00\x8dq\xb6F\x9e\x16-g\x9a\xa6\xf8\r\xe5i\x9a\x02\x9b\xfcLL\xf5\x8ax@\xe8qq\xa1M8\x00\x80\xf68I+R\xf2\x1a,^\xa1\x059\xf1W\x1b\x8eg\x924E\xdd\x9e\xb5F5\x01P\x8c;&amp;\xea\xe2\n\x00\x80\x8d\xe9\xb1K|\xf51f\xff2\xba&lt;\xa5C%\x01\xd0\x8dQ\n\x88\x906\x87\xe0%\xa1\xb8\xf6S\xdc\'\xfa\xc5\xfcj\xd9\xad\xc7\x8d"\xab\xff\xecOI\x18@\x89^\xcd\x98\xee\x03\xdc\x04\x0b\xacAp\x0b\x10j\x08\xcc\x06\xe2\x1f\x17\x06\x00\x00\xaap\xfe\x06\x10t\xb4\x08`\xb5\t\x00\x00\x00\x8cN\xcdM&gt;\x00\x80\x1b\xe2\x1c\x04H\xb2\xd6\xa3lE\x8b7\xd6\x1a[O\x94\x15\x004v\x9f\x81\x97\xb7\x00\xc1\xdc\xed\x1c\xb6\xa2\x05\x00\x00\x06&lt;f\xff\xf7Y\x03\x00\x00\x00\x00w\xe5_o\xb4\xeb\x1dJ#l\xa6\xea\xe3\xbd\xb7\xb7+\x0f\x00\x00`\xd22\xef\xbf\xcf\xec\x8b[\x80\xf4\x99\x9c\xe3\n\x14\x00\x00@C\xf7\x99\xfdC\xa9\xf6\x17\xa1Xo\x00\x00\x00\x00\xf6\xfc\xa2\xa3y&lt;\x93{\x00\x00\x00\xe0FX\x00\x00\x00\xf4\xe2$\x05\x00n\xbe\x05\x88\x89{\x0c\n\n84v\xd7\x188k\x00\xd0\xc0\x07\xbd\x03\x00\x00\xc8\x1b\xfbi\xb6\xb1s\x07\x00\x00B\xd8\x08l\x83r\xae\x83R\x05\x00\x00\x150u\x03\x00\x008s\xc3\x99\x12\xbf\x03p\x0bc\xdf\r\x0c\x00\x00\x90\xa7\xd2\x04I\xf9\xbc\x8b\x05\xc0\xf8\xb8Y\x16\x00\x00`O\xf94\xbd\x1e\x16\x00\x99\xcc\xb5\x18\x96\x01\x80A\\\xbb\xab\x87\x82\x05P\x8f\xf6\x11\x86\x05@\x0es\xa7df\xff\x80E\xd6F\x1a[\x18\x15\x01\xd4\x9a 1z\x8f\x89[\xea\x01\xb4\xc1P\x03\x00\x10\xc7\x16\xc8\xed,\xf3\t.\x0b \x96\xf7\x9e\x06\x03\x00\x00\x00\xdc\x07\xfb\xd0\x00\x00\x0c\x83g\x00t\xe1\xe6"\x00\xc0\ng\x04\xe0\x18\xf3\xa5\x12,\x00\x00\\\xe3\xfe\x1f\xa0\x13\xba\x1e\x10\xc0\x1a\x00\xf6\xb1\xfd\x0f\x00\x00\xae=\'\x0cL\x1b\x90\x89+\x00\xba\xb0\xcf\n\x00\x10\xc6\x1cq8s\x8dNL\x1b\x00\x00\x92\xb8$\x05\x00\xb2\xa4\x06U\xef=\xeb:\x94\xe0\n\x00\x90\x8f\xf9\xb1-\xd4\x17\x80\x8e\xbc\xf7R\x1b\xf6\xd34\xf9\xe31\x8dQ\x0eQX\x00\x0c\x88YN3\xa6\xaf\xbd\xb2\xc1\x0f(w\xddCO&gt;0\x7f1y\x93\x981\xa1*\xd1S\xc6Y\xd5\xcb\x1d\x01\x80-:G\xf0%*\x9d\xe1\xdd\xd0eE\x9c\xad\x10\x9e\x7fO=\x02@\'\xec\xe0\x00\xf7E\xe7G/,\x000\x98;\x0f\xa7_\\%\xef\xf7-O\x00\x00\xd0\x1f[e\xc0\xda\xa6;\xd0;\x00\x00\x00\xeab\xbe\x05\x00\x96\x8c\xb8\x8bd\xf8\x11\xc6\xdb\x12|\x8d\x00\xd0\x18\xad\x17\xe8k\x99\xc7\xd0\x13\x9by\x949\x05n\xd7z\xf6?L=\xf2\x16 {\x86i|\xb8!Z\xafA\xa3\xed{\xdd\xdc\xa3\x0fV\xed\x89\xdct\xb7\xc7\xd0W@Q[\xa2\x16\x81&gt;8\xa9\x00\x80r\x0c\xd4\xaa\x99\xab\x9d\xde\x01\xfb\x99\xaa\xa5H9\xae\x00\xc0\x92\xee\x9b(\x9c\xd8\x00\xe0\x8c\xf7\xde\xb9o\xd4;\n\x84\xd8;\x87\xf5&gt;\xef?L\xd34\xd8\x05\x00\x16\x00\x00\x00@\xca7\xf4\x0e\x00!\xdd\xf7\xd1,\xa2\xd0\x80\xdb\x1b\xf0\n\xc0\xaf\xef\x1d\x00\x80r_\xd8;\x80\x17\xae\x94\xbe\xa34\x80q\xf0\x84\x13\xa0\x1d\x9d\x14w\xe0\xbd\xff&gt;4u\xe0\ng\x04\x98\xf3\xd1\xbd\x03\x00\x8e)\x7f\xd7\x87\xe6\xd8\x00\x04\xfd\xea\xde\x01`(\xca\xcfV]pW\x13\x80L\xbcP\x1c\x80.\xde+yf\x14}\xf1\xdb\x0b\x00P\xd7c\x9c\xd5\xb9\xb9\xa23*\x00\xb5\x8d\xd7\xf7\xd9\xc3V`\xa8\xf2\xe7-@\xa8\x85\xa1\xea&amp;\xe6\xdf\x15\xea\x1d\xc7\x0e-p\x8f2\xc9 Rh\x94&lt;\x1eh\t\x16-\xbf\x04@\xf5\x01\x80j\xff&gt;\xbbe\x00\x06\xc2\x80\xd6\x91_\xe9\x1d\x0b\xa0\x15\xdd\x03\x1a0R\xe3\xceh\xff\x00\x00\x00w\xc1\xb4\x0f\x8ef0\x1c*\x14\x00\x00\x00\xce9\xe7\xfey\xe6\x85\x8ax\xef\x97\xbbEd\x93e\x01\x00\x00\xd0\x89S\x14\x80\x87\x9b\x0e\x05,\x00\x80;\xa2\x7f\x06\xf0\xf4\x0c\x90\x87^\x03\xd8Rc\x01 \x98\x1a\xf0\xc0k@\x0b\xbc\xf7I~o"\x06\x03\x19\x00\xae\x17\x89\xd0Y\x86:\xa3j\xa6F\xf6-\xce.n\xde\x0cL`\x01P\xc0`\x9f\x04`K\xde\xb9_\xfd\x05\xb7\x8f\xec\x1d\x80yj\xeb\xd7\xe2lU\x1c\x85\x00\x00O\x8f\x9b#{G\x01\xdc\x82\xfa\x05\x00JQ\xc5\xd0\x8d\xc6\t\xd4\xc1\xd0\x0f\xc0\x8az\xe3\x95\x99\x91P:N\x9b\x0fV\xfd\x03\x8f\xffc0r\x9c\xa1\x1e\x81\xb6\x18=\x81\x13\xa3u\rfK\x03\x10\xaf\xc1.\x0b\x80\xe2\xc3\xf9%\x1d\x9a4\xd0\x17\xb7\xa9\x01\x80R\xebI\x12w\x15c\xcf{_\xd80\x1em\x8c\xd6\x05\xdc\r\x0f\x01\x03\x00PW\xa5\ro&amp;\xee\x00\xf2\xb0\x00\x00\x86\xc2\xb5\xf5\x91L\xd3$\xb2\xbf\x8b\xee\xc4g\xea\xd4l}\x940F\xc6\x02\x00\x18\x07s\x82!\x95/\x030\x1c\xb1\x9eN\xeb:\xf4\xf5\xde3\xff\x07\x00\x00\x00\x9aa\xf6\r\xd4\xc5\x15\x00\xc06v\xfd\x01t\'{\xf3\xe1\xedG\xb5\xbb\xe7\x1f\x00p\x81\x05\x00\x80r\xd9#\xc9\xe3G\x1e\x19\x88\x00\xa0-\xad\x0f}\xea\x8c\n@\t\xfauw\xf5~R\x80\xca\x85B4\xcbJ\xb8\x05\xc8&gt;\xc5\x8fp\xd1ok{\xec\xbd\xf5\x8e\x02\xb0\xca\xe8\x18U\xed\xa5\xa25R\x05\x00\x00\xa2\x8cN_\x00\xe4\x93\xde\xaag\xef\x1f\x00\x00K8m\x03\x00\xd0\xd1\xbc\x846v:\xe6\x16 \xc00\xb5w\x7f\x01\x00p\'\x9c\x8e\x01\x00\x00\x80\xd1q\x07\x1d\x00\x000\x85\x89\x0b\x8c\xeb&gt;\xf9\xee\x1e\x00\x80\xf1\xcd;\r\x9f\xd6;\x10\x00\x88\xe5\xbdg\xa5\x01h\xf3A\xef\x00\x80S\xcb\xc2\x9a;\xdd\x1f(\x07\xa0\x01F\x1eq\x9e\xfb\xa3\x01ex\x08\x18\x00\x80\'.\xe8\x9f\xf3\x8e;\x9e\x81Qp\x05\x00\x80\x16\xde{\xf6\\\xd1\x17-\xf0\x1c%\x03\x00h\x82\xad&amp;\r\xb4\xd5\xc2\xa7\xf9\xe7Nd\xef@\x00\xdbTw".5\x00\x00\x80\r&amp;\x07@\xa1\xf4ND\xa7\x830F\xf2^x\x06\x00z1.\x00@\x86\xc8\xc13\xe9~\xa7\xaf\xf6\xde\xf9\xccg\x00\xfc,\xf5\x8b\x00\x80\xdb\xb9\xe1\t\xe3n\xf9]c\x8a\x00\x88\xa8\xda\x89l,\x00\x9e\xc7\xb28\x98X\x8c\x19&amp;q\x05\x00J=N\x15&lt;\x90\x17`q\xae\x1c\x19\xb3\xc5\xac\xdd\x135\xa5P\xd5as\x9a\xa6\x8c\xf4[\x8f\xe4\xcf\xc3Y&lt;}X\x8c9\x84!\x02PMa\x17U\x18R/g;g\x14\x11\xfa\xeax\xd1\xa6\xc1A\xe9_\x00\x80\xd1\x8dx\xaa\xe3\xfc\r4\xd0\xa7\xa3\xb1\x00\x00\x00`\x08\xc2\xa7[n(\xb7\xc6\x0f\xb9\x10\xbd!\xba\x1e\x00(7\xda\xddf\xe8\xeau\xd2\xe7\xde}\xbc\xf3\x8c6w1\x0f\x03\x87\x83\x00\xbf\xf5\x06\x00\x1a\xf0\x100\x8a}\xc4\xc1\x9d\xc0\xbc\xd1\x05k4\x84\xfb\x08\xcc\xfe\x03\x7f\x0f\x00h\x89\xb1\x1892f\xf6\xd3\xe4\xaa\xb47\xef\x9d\xcc\x94\x82-j\x00b\xb8\xd6\xa1\x00\xa3::\xb0\xf2\x0eC\xae\x00 ]\xd6v\xee\xeaK\x92\xbb\xc1\xa5i\xbd\xc2\xd2\xdeW\x01\x18\xa2\xff\xf4?&lt;.&lt;\xa2\x8b\xbcW\xe5\xb6\xc7\x02\x00i\xc2\xb7\xf5&lt;\xda\xfc\xa3\xf1\xef\xdb\xffr[\xd0\xee\xee\xa0o\x96}\xb3Pi7\xb3\xd0K\xf1n\xdbT\xb8\xd3\x0c\xc0\x9e\x89I\x18\xd0\x0b\x0b\x00$\x08\xcc\xb4\xa6\xe91\xda\xfe\xed\xd3\xeb\x17X\xa6\xe8u\xf0\xd7n&gt;\xc6\x94\x0egh\x1a\x00\x00\x14b}\x8cX\xe1I\xf9\xd5D\xff\xf4\xdbl\xd2\x00\x00p\x17bO\xee\xa1\x08W\x00\xee\xa4\xce\xdei\xdc6\xff\xf9\x07N\xa2\x1a\xf5\xe7E\x11\xad\xf3[\xa4h\x0c\x91\xee\xf0\xbe\xaf\xe13\x08\xb43\xf4\xec\xdf\xd0x\xc8\x02\xe0N\nz\xddY\x83\x9e\x9cs?\xbc\xa8\xad\x9f}\xb9\xcb\x95\x01.G\xe8ad\x08\xc5\xf8\xbc\xf7\xa3\x0e\x0cVf*\x80\tK\x87\xa2ga\x1c\xfe\x88s\xfe}\x02\x1fj\xf1\x87),\x0f\x05\xd7\x8e\x1fH\xa5\xea\xb7,\xf4D\xb2qXJ\rBU[ \xb3\xec\xd8~\x9cd\x14\x08z4!\xdd\r\t\x96\xbcO\x90\x80A\xecg\xff\xce9\xef\xdc\x97o\xfe\xf5\xec\xeb\xc1%\x00]E\n\xab\xa91)\xee&amp;\x1f\xd3%6\xc5\x05\xe2\\nx\xca35*\xca\x1cRl\xcdj&gt;\xe8\x1d\x00\xac\x98\xd6{Z\xd3\xe4\x96\xdfX\x89k\xe8\xd3\xc5\x96X\xe5\xa7\x82\xd6A\x0e}\x9f\xcf$\xfa`\xff\xfagt\xf8I\x9d\x9e\x147\xda\xafv=\xc2\x9b&amp;\xf7m\x15\x9fa\xa7i\xca\x98\x01(\xae\xe5\x91Y)v\xcfO\xcb\xa9\x97\xd7\xf1{\xa11!\xd2[\xab\x9e\x7f\xd6\xd7\xff%\xef\xbe\x89[\xff}\xa0E]\xf4\x8b\xcb\xa1\xadd\xf8;[\x000\xa4\x02@c\xde\xc8O\xa5\x02\xa9\x96\xc9\x86\xfe\xe6\xcd\x15\x00Dzm\xe1\xcf\xb3\xff&amp;7\x9b\\]\x19\x88&lt;\x91&lt;&gt;\xb0\x9f\xee?\xd6\xeb\xfa;*\xea\xe0\xb2\x06,a\xb0\x02L0\xd1Ky\x0b\x10"}\x87\xd5\xb6\xf9\xf3\xffn\x9a\xf8i\x8b\x7f&lt;.\x9c\xb7Z\x888\xdb\xc5\x9f\x11\xcf&gt;i\xe8\x9a\x1dD\x99\x18\xa5\xb5\xb3r\xc3\xeb\x00\x86\x99\xfdO\x03\xe5\x05X{6k\x0b\xcd\x9b\x05\x00"}\xf9\xc1\x19~\xd3\xc4\x8f[\xbc\xf7\xce\xf9\xdc\xf9\xff\xa5\xf2\xb3\xc8\xe3\xfb\xcc`$\xfc;\xbd\x03@\x07\xd1?\xf8}\x8a\xdew;\x16\xa6GHEGv\xee9 \x16\xbc\x07\x0c\xd0\xe8\xe0\xf1\xf6\xe03\xef\xde9\xf7E\xa1w\xff\xa4\xbd\x08\xa8\xea\xe02\xd8.\xa6\xa1\x17\x11\x18By\xe2\xdeL\xb7\x7f\x03\xc1\x0f1\xc2\xbc\xde\xf8w\xe7W\xd2q\xfe\xc5`\xfc\xaf~\xde\xcc\xb3j\xd6\xf3\xdf\x9c,\x00\xa2\xa7\xff\x95\xbb\xca\x9d\xba\xe2\xeb\x87H\xee\x94k\x00@w\xab\x05\xc0\x8d\x99(\x01.\xc3!I\xdaC\x93\xf1\x1d\xa0\xf6\xfd\xa0\xfe\xa6/\x9d\xe0!\xd7*&lt;\xcfb\x16\xa0\xf4nEIu+\t\x03#\xb1\xde\xa8x\x06\x00\t\x9e\xb7\xf3G\x9b\xfe\xa3z\xb1\xa4)\xbfM\xd9&amp;\xeeD\\P\x0eJ\xf8\xd5\xff&amp;~S\xfd\x8e\x9a\xa4Q2\xabd\xdc\xd52\xfe\x8fR\xad\x98\x19\xaeP\x1d]\x02\xa3\x8a&gt;ck\x19\x9d\x87\x93\xb0E\xb1\xaa\xac\xe5M\xaf\xeb\x7f\xd1ZG\xcd\xaert\xbe\x9c\xe2\xbd\x9f\xa6\xed\xfc\xa1\xe4\x971:U\xa8\xf7&gt;3l\x13\xfbm"\x9dEw\x8f\x03\xe0\x9c\x91\x11)\x80\xdf\x01\xb0\xc8\xce}\x1dq\x1b\xd0\x96{\xd0\x08.\x97i\xba\xc7\xb8f\xb1u\x9e\xfd\xbb\xa3\xddC\x833\xc5\xfc`Me\xb3\xc8}r\n\xd8e\xbd\x9fr\x0b\x90z\x07\x933+m.\xfe\xdd\x9f\xd5s\x94~\xf3\x80\xe1\xebzk1\xbf\xaf|\xf8\xbd\x1a\xc1t\xe1\x1f\xcf\xa9WH\xb8B\x9a\'Gz\xaf\xa3ir\x9b;\xda2\xee\x8d\xb1~\xeaR+\xf5n\xc3{\xdd\xd7\x04@\r\x16\x00\xaa\x19x\x8c&lt;\xa0\xda\xbb\xff\x81x\xd34\xd5Y\xcft\x9c@O\xbd\x03\x00\x80\xf1\xad\xa7`\x91/+\xaf\xb6\xe5$\x8f\x05\x80j\xba\x1f]=n\xe2\xff\xf7\xe3\xed\xbf\x7fI\xd7\xdd\xff\xe9GQ[\xec\xd5)nr#3\xbd\xd8G6\xba\x1b\xa0\xd64}\xf2\xea\xcf\xb1]\xd5{\x1b\xe39C\x0f\xb2x\xef^\xcf\x89n\x9eIHk\xf9w&gt;\xff\x89&lt;Btv\x17xd\xe2\xeb\xda\x9a\x1c\x0fd\xc8Jx\\\'p7\xff\xee\x16\xa0\xe9\xec/\x11\xc9\xfa\xd3{\xc0\x00\x96A\xacjgl\xd9\xd9\xdf\xce\xa7\xeaG\x18\xae\x00X\xd6q\x899\xdfV1\xff\xd8\xc5r\xd9+\xed\x01e\xfd=\xa4*\x91W\x85\x84\xfe&gt;\xa2\x85L+)\xb3\x7f\x15\xdb\x1b\nwYV!%\xf6\x85\xb8\xf6p8\xfbG\x06\xca\x10\xe8\xab\xc1=\x0e\x8d\xbb\xf9\x92\x1d\x13S\x1b\x16\x00\x96\xa9ib\x8f.6\xff\xf2\xb7\x96\x1f\xff\xaa\xe6\xdf\xeb{\xf8\xcb]\x93\xd7\xdfW,a\x15u7M\x93\xe2\x1f\\L,\xa2\xf8\xcaR\x9a_Kt\xdf]Y\x9d\xf7\x9eV\x04%\xaa\xf6\xc4\xc8\x9e\xfe\x1b\xe5n\xdc\x9f\x8fh`x1\x10"4+\x99{\xdd\xf9\x04,\xa8\xf0\x16 +\xc2w\xc8\x8c\x94\xd3\xbd\xcde\xe5\xc3N7v\tT2|\xcb9s\xdb\x8c\x03U\xd9z/3W\x00P\x84Wz\xf7I\xb9\xfbr\x00\x00 \x00IDAT\x15X\x80\rZ\xc2w\x9c\xfb\xae7\xb1\x98\xfd\x0b\x1a\xa4\xdc\xd2/\x82\xa5&gt;\x1dt\xee/\'\x1d\x17\xc8\xa7\xfe\x9a\x95\xd6k\xd1\xa7X\x00\xa0P\xce\xb5\xf4A\xce\xbb\xfd\xb5x\x82J\x99\xd69\xfd\xe3j\xc6\xf4\xf5\x93\x1a\xd3\xfb\xdfw\x8b\t\x1aL\xbf\xb3F\x1b\x88K\xf3\x1b\x8b\x1f\x17\xd8\xf1\xfe\xf9\xde\x11\xd5\xa6?\xdf;\x02\xa0\x0b\x1f\xa7w\x98E\xb4\xc5\xdf\xb5Hu\x15E%\xab\x12\xfeC\x9dCA\xaa\xcf6?\xe0\x9c\x195_\xc0\x9e\xad\x99\x83\xa1P\x81Ki\xadyy\x17\xd0n\xde?F\xaf\xe8\x9a\x8b\xdd\xc8\x92:2\xb6\x19\x9b\x18\x01\x01\x00"\x0c\x9dPl\xadU\x80z|\xc6\x9d\xa9Zi\xc8\xc5Aa\xa6\x17\xaf_\xfdoQ,\xc1\x7f\xd4P\\\x80\nt\x07 Hi\x07I\xed\xb9\xcc\xfe!\x806\x14O\xb6\xac6\xa9-\xff\xa9\xa1F\xceb\xe82H1\xd2a$U\xdb\xf30=e\x98\x8cX\xe1o\xf0\xaaV\xc5\xa7\x12\xb5\x81a`z\xfb\x83N\xe2\x0b\x00\xff\xfe\x9f\xc0C\xcd\xc6@K\xcb%\xd2I\xdb\xccB\xac?\x07e:xk\xeeR\xce\xd6;\x85u\xbc\x05H\x99\x89wz\xb8\xdf\x990\x1cH\x96\xd5\xf3\xc7;\xe6\xf1\xe8&amp;\x15\xc1\xe0\x1b\xa5Z!q\xf6+!\xd2I\xdb\xf4\xf4\xc7A\x06\x1aU*6[UW_\xef\x8c\xf2_\xa34P\x11\xcd\xcb\x04U;\x16\xd9\xc1p\x8aM2\xe4-"T\xfdBU\xa7\xd6iWD,\x00P\xca\xd6\x15\x00+q\x02\xb8\x85\x83\xd13\xfd\xa9\x80\xd3\xa4\x064|\x06\x91\xa3\xc1D\xe4\x1e\xfd\x0b\xa5n\xd5Hl-\x00\x00@\x85e\xdc\xdc?\xbb\x9c}M`\xf8\x81\xf8\x0ey\x84N\xb4=\x00\xaa\xf0\x0c\x00 i\xf3$q=\xcb/0\xaf\xef*.\x99aL?@ *`T\x853\xf8qn\xfe\xc7\x11\x16xmP\xc8\x00\x94\x92;\r\xe4\xef\xe2\xb7\x1f"\x9b\x1cQ\xe6}/\xdc\x05\x84l\xfe\x06ofT\xe2h\x1c\xa3\xe4\xef\x8eU\x16Fc\xa2A{\xef\xbf\xcc\x0b\xfd\x8c\x14j\xba\x18"\xeb46\x13m\x18\x80.\xe7\xe3\x06S=\x00Pb\xe4\xb1x\xb5q^\x94\xcd\xdb\x9e\xb18[\x03\x86\xfc\x9bMz\xeb\xf5\xb0\xc0\xa0\x01\x00\x10t\xf8tl\xf8\xf3\xe57\xcf\xdc\xfe\x85\x06\x97\x19\xffd\xee\xc0\x81\x19Cw\xe4\xc00\xe5\xbdw\xee\xb7\x8a\x1f\xeb\xdec#\x00@\xda\xd5\x99,!\x9d\x92S\xd4\xedg\xff\x11,\x97\x8f\xc9\xc8\x7fG\xb3\x98\r\x16N\xd0\xae/\x8f\x96\xc1\x80\x1a\xe3\x98\x7fw\xab\xf2\xac\xca\xe4\xb8\x04\x00\x01]\xc6\xb5\xc2\x83vy\xf4Vj\xfd\x03\xc0(\xa1)\xfbs^^k#\xe3\x99\xec\x8f\x91O9\xe2\xc8\xed\x0f\xda\xc6\xc0Y\x03\xac\xbaa\xb7L\xddn\x17L\xed\xdet=E\xc7\xf6\x1e\xa0_x\xe3\xc0\xd0\xf0[\'T3\xd9\x07p/\nFg&amp;y@&lt;c\x9dE\xc1\x08\x83\x8a.\xa7\xf8\xbd\x1a@\xc4\xda\x83\x969\x04F\x18 W\xff\xce\xa3q\x97\xa8\xf8\x94\xa61S@\x07\xac\xf0Gfc\x94\xfb\xf2]\x90\x8c\xcf\xb7AE\x03\x00\x8ap"\x01\x86\xc6\xaa\x00\xc8\xf4\xa1\xde\x01`\x1c\x0c\xc4H\xd1\xa8\xb5\xd0,\x81qM\xbd\x03\x80\x94\x1fY\xff\x10\xe9\xcb\xc5\xf0k68\xb9\x000\xaa\xe3\xe4\xd8\xc4\x8bS\x97\xf0\x94\xc7\xa9\xc3\xef\xa3\x94\x00\xa4\xfbY\xbd\x03\xc8a\xe2\x14\x06D\xa1\x1d\xc7\xa3\xdbKiP\x8c\x05\x95\xc5;\xcb\x01\x00GX\x00\x00\x95\xa8\xedW\x87\xeb\xfe\xf9o\xfe\xa5^Q\xc9\xd0Z\xe6e\x86\xcc\x14\x00l\xd58o2\xcd=\xc4\xaf\xda\xe1\x16\xcc\xbdQ\xfe8\xda\xb8\x17\x01\xc5%\xbf/\x90\xbc\xcd\x80\xb4\xcfW\xaf\x85\xe8\xf4\x1f\x91\\\xbeL\x90\xd3\x06\xea\x1b\xbc\x8de\xf72f\'@e\xb6\xfb\x17\x0f\x01C\xaf\xbc\xd9\xe3kn\xba\xf9\xfe\xc5\xd3b\xf1w{O\x0f\x9b\xbf\x8c\xfe\xbas\xce}\xe7\x1e\x17\x0f\xaf\xefY\xdcd\xea\xfc\x93\x8f\xec\xef\n\x01ho\xf0Fx\xde\xcb\xae\xe7\xf7\xe3-\xc0mn+\x98\x0b\x18\x91^\xe7}\x83\xcd\x12\x12D*\x9e\xd6\xb3\xd1\xbcG]oi_|\xff\x11p\\\nI\x1f\xde~+W\xeaCK\xe5\x87\xe3\xcc\x87\x1b\xfb\xca\xaa\xa9\xcf}s\x90\xdf\xf4=u|\xb3\xa5!\xdc)&gt;&gt;n\x07B\xbe\xd4\x99\xd9\x1d\x14\x17\xc8w\xca;h\xc1\x11\x13\xbe\x9e\x91\xbb}#\x89\xb9\x0f\xa7\xe4\xa0\x12\x0b\x00\x00\xad\x05N(F{\xe5\x92\x1d\x8b\'Js\x01#\x89\xc56\t]hC[\x9f\xd7t\xb7{\xfd\xad\xec\x83&amp;\x1d(\xe3\x01\x80\xa3\x05@\xce\x95\x84B\xefED\xa3\x05t\t\x0cbFO4K\xcc\x16\x83\x07\x004\x95|U\xce\xfb\xfd$[\x8f\xc3\x05\xc0\xfa\xbc\x98\x14\xf6\xa7\x16\xe7\xb1R)\xe9,|\xa4\xfb\x93T\xa5Bj\xc7\xb70\x8b1\xa3=\xda\tPQ\xf0\xfc\xa1\xeef\xcd\xf4\x18\x8a\x16\x00\x91_,I\x7fw\x05\xe0\xed\x9f\xb2\x83\xcf\xbbZ\x92q\xa0.\x0c\x85:\x8cU\x8b\xa2\xf0\x15\xd10,\x03\x95\xd0\xb6\x81L\xb2\xe7\x06%]Q\xed]@\x19"ck3\x9bW[J\xa8Gs\xef@\xb1\xe3\xca\xa5\xd2\x15\xe2\x02\xac0\x1a9\x10\x16\xddC\x0cw\xa4\xaag\xbb\xc2\xc4\xe7\xaf\x7f\x8a`H\x00\xe0x\x17\x85)T\x930\xca\x13\x80s\x15\x9f\xa9-\x1f\xb5\xed\x9f\xa1u\x05o\xbc0\x01\x00\x00P\xc8\xc2t\x909k\x0c\x1f\xf1\xfc\xb7\xfd\xd5\x14\xeekn\xbd4`\xa0\x05N\x16\x18\n\x13 \x04\xd5}\xa6\x19@6Fo@\x15\xfa#\x0cX\x9a\xa9o\xfe\n\xf90\xcd7\xa1\xdep\xb3-\xf0\xd2!\x88\xa3xa\x0b-\x16Xh\x9e\xbd\x9c\xf9P\xef\x00P*\xa3\xc1M\xd3\xf4\xfa\xc3\xfc\xe7\xee\xf4\xf7\x9c^\x01F\x96\x8c\xfe\x02\x1c\x98\x9a\xc2W\x12\x06\xc67\xa99w\x00\xddM\xb3\xde\x81\xe0N\x96\x99\xc7/\xd72\x05\xc9\'&gt;\x8bR3-\xcb\x17\xbf\xa9P\xe3\x1a\xc5\x00\x05\x08\xa06\x06\n\xec\x99\xdb\x11\x07\xa0B\xf9\xd8\xb1N\x81a\x08a\xb4\x10X\xc4\x1c\x0b:\xfd\x19\x83\xb7\xc4\x00\xddx\xef\xddO\xee\xff{L\xcf\x04\x8b\'\xdf\x85_\x17\xd9\xcf~\x84\xb1\xfc/\x83Qc\x86\n\x9c\xb5\xe2\x06\xfd%\x0f\x85\x06\x00hA\xfc&lt;\xbd\x9e.\xf7:\x99\xd58\xf4\x9d\'4\xb7\xcdx\x86\xbc\xb2\x1a\xa4\x84\xdf/\x9a5\xc8\xd4 \xe5\xb62^\x8e\x16\x03f\xed\xa3\x86\xcb\x11J\xd1$\xd0\\\xf6\x86w\xb5\xf3\xf4\xb2\x04h\xbd}^\xe5@\xff\xca\x98\x97#y&gt;\x18\xb2\xb8\x12\x82Cw\x1e?\x01\xa0&amp;}\xc3k\xaf\x8b\x00\x95\x8e\xd8\xf1jF\xed#\xb0i\x91\xaa\xc6\x03\xd3\xc0\xc0\x86\\\x00\x00\x80z\x86\xe7+\x99O5\x0cs\xb2\x11\xc9\x08g_YV\x16\x00T:\x10@\x07\x01\xb2\xf1;\x00FL\x93s\x02\xef\x97\xed1\xefI\x0b{\x1e\xd0\x7fH\x8dP\xce\x8eY5\xf5\xb4\x17\x03\x7f\xc6\xf1D\x9f\xb7\x0b\xcb\x9a\x84:\x14\x00\xe0&amp;^\xb7E\x0c\xb1\xf2\xe4\x14x/\x8f\xc9\xa5\xe6\xd9\xe43B\xe7\x9a\xfdB\x99\xf7^Y\x81x+\x1dS_\xd1\xc1\x1ee\xad\xc8L\xefkB{i\xe8?\xa3\xc1\x84\xb8\x86\xf4\xda\x9d\x9b\xa6i\xb3Ug\xb1\x11r\x05\xe0^\x1a\xffR]\xf6\xf5\xd9\x86\x8bk\x99\xfbsD\x1f\xe1\xb01\x8e\x0cv\xa7\x16zQv\xe2T\x15Lw\xdaKc:j?\xdc0\x89&lt;\xe1\x96\xb3\x9a\xfd\x0fr\xe2c\x01\xa0\xceQ\x13\x1c\xa1\xa9)\xb3\xbc\xda\xc8M\x1fS\x9a\xd64M\x8f\x1a\x1acP\x88\xb4,&amp;{=,\x0e\x1d\xa8z\xf4\xa3k\xf5\x08\xf3\x02\rj\xbd\xd4\xa4\xd9a\xcf\xbb\xcf\x11\xf8\xed\xaa\xcd\t\xf5rv5\xd8\t\xb8\xc1l\xf2\xf1,\x84\xe0\xccU\xd3$\xb8K\x0c\xbc;\xf2\xbe\xa8t\xbb4\r\\\x82\x06\xcb\x8e&lt;\r5\xae!\x86R\x03d\x01\xea\x19^\x00\xe8|\xdd\x8a\x7f\'\x95\xa6H:\xb2\xce\xa2\x1a\xe61\xa6\xae\x86\x9c&lt;A\x97J\rl?\x06\xfa\x9d\xefE\xdb\x1e\x91\xf8\xb9\x0fFq\x1d\xc3\x04\xedOb\x85\xf9\xa3\x87\xfc\x0e\xff\xb2\x99e\xe0Sv\xffq\x86\xec\xb6\xf1\x1a\xfc\xed\x17\x02p\xaa\xefPS\xaeR\xfc\xab1\xd0=\xc6\x90\xc3\xe9\xe04=\xc6\x98i\xde\xc71\\\x92uyo\xe8~\xa4\x81\xce\x80\xbax\x9eJ\x87\xa0O\xb0\xbdR\xd7\x1b\xbch`\xd53\xa8\xf3B\n\xa0\x9f\xce\xf1\xa7\xaf\xfdf\xffr\x11`\xfd!7\xbf\xde\xe0\xe4\x92)\x05k\x1c]C\x92\xbd\xeb*,S\xfa\xbb\\2\x9a\xde\xc1R\x1b\xbc\xe0J\xbd0\x8f1\x91\xb0\xaf\x80D\xb6/\x1b\xc6\xeb\xd35\xbc\xf7f\xfb\xe3\xd9\x04%f\x08J\xfd\x16\xc0\xc9K-\xde\x02d\x80\xe9\x9e#\x1b\xbc\xce\xb5\xf5Q\x1e\x85\xe34\xdc\x02t\xd0\xd9r\xeay\xec\xe7f}\xd1XA\x15\x8c0\xf995VF+\xd9\xf3\xf8i:~\x89\xb4\xe7i"`\xc7\xc4@\xca\x02\xa0?\xcb\xd3\xfb\xd6L\xac\x85\x1e\xd7\x00\xbd\xf7\xee\x07G\r\x01Q\x99j\xfb\x03\x0e\xe3\xb9,\xbd~\x97n\x8b\xe7O\xbb\x97\x86\x1d\xfdu,\x8b\xad,\xafk\x14\x96\xba\xcd\xfeX\xbe\x8b\x7f\xf0\xc9\xd7K\x903\xcb\xf4\xe0[J\xe6Oy\xc3</t>
        </is>
      </c>
      <c r="E776" t="inlineStr">
        <is>
          <t>&lt;class 'numpy.ndarray'&gt;</t>
        </is>
      </c>
    </row>
    <row r="777">
      <c r="A777" s="1" t="n">
        <v>775</v>
      </c>
      <c r="B777" t="inlineStr">
        <is>
          <t>steps_per_sec</t>
        </is>
      </c>
      <c r="C777" t="n">
        <v>8700</v>
      </c>
      <c r="D777" t="inlineStr">
        <is>
          <t>2.6093736</t>
        </is>
      </c>
      <c r="E777" t="inlineStr">
        <is>
          <t>&lt;class 'numpy.ndarray'&gt;</t>
        </is>
      </c>
    </row>
    <row r="778">
      <c r="A778" s="1" t="n">
        <v>776</v>
      </c>
      <c r="B778" t="inlineStr">
        <is>
          <t>Loss/RPNLoss/localization_loss</t>
        </is>
      </c>
      <c r="C778" t="n">
        <v>8700</v>
      </c>
      <c r="D778" t="inlineStr">
        <is>
          <t>0.048686974</t>
        </is>
      </c>
      <c r="E778" t="inlineStr">
        <is>
          <t>&lt;class 'numpy.ndarray'&gt;</t>
        </is>
      </c>
    </row>
    <row r="779">
      <c r="A779" s="1" t="n">
        <v>777</v>
      </c>
      <c r="B779" t="inlineStr">
        <is>
          <t>Loss/RPNLoss/objectness_loss</t>
        </is>
      </c>
      <c r="C779" t="n">
        <v>8700</v>
      </c>
      <c r="D779" t="inlineStr">
        <is>
          <t>0.009334702</t>
        </is>
      </c>
      <c r="E779" t="inlineStr">
        <is>
          <t>&lt;class 'numpy.ndarray'&gt;</t>
        </is>
      </c>
    </row>
    <row r="780">
      <c r="A780" s="1" t="n">
        <v>778</v>
      </c>
      <c r="B780" t="inlineStr">
        <is>
          <t>Loss/BoxClassifierLoss/localization_loss</t>
        </is>
      </c>
      <c r="C780" t="n">
        <v>8700</v>
      </c>
      <c r="D780" t="inlineStr">
        <is>
          <t>0.17862202</t>
        </is>
      </c>
      <c r="E780" t="inlineStr">
        <is>
          <t>&lt;class 'numpy.ndarray'&gt;</t>
        </is>
      </c>
    </row>
    <row r="781">
      <c r="A781" s="1" t="n">
        <v>779</v>
      </c>
      <c r="B781" t="inlineStr">
        <is>
          <t>Loss/BoxClassifierLoss/classification_loss</t>
        </is>
      </c>
      <c r="C781" t="n">
        <v>8700</v>
      </c>
      <c r="D781" t="inlineStr">
        <is>
          <t>0.030204562</t>
        </is>
      </c>
      <c r="E781" t="inlineStr">
        <is>
          <t>&lt;class 'numpy.ndarray'&gt;</t>
        </is>
      </c>
    </row>
    <row r="782">
      <c r="A782" s="1" t="n">
        <v>780</v>
      </c>
      <c r="B782" t="inlineStr">
        <is>
          <t>Loss/regularization_loss</t>
        </is>
      </c>
      <c r="C782" t="n">
        <v>8700</v>
      </c>
      <c r="D782" t="inlineStr">
        <is>
          <t>0.0</t>
        </is>
      </c>
      <c r="E782" t="inlineStr">
        <is>
          <t>&lt;class 'numpy.ndarray'&gt;</t>
        </is>
      </c>
    </row>
    <row r="783">
      <c r="A783" s="1" t="n">
        <v>781</v>
      </c>
      <c r="B783" t="inlineStr">
        <is>
          <t>Loss/total_loss</t>
        </is>
      </c>
      <c r="C783" t="n">
        <v>8700</v>
      </c>
      <c r="D783" t="inlineStr">
        <is>
          <t>0.26684827</t>
        </is>
      </c>
      <c r="E783" t="inlineStr">
        <is>
          <t>&lt;class 'numpy.ndarray'&gt;</t>
        </is>
      </c>
    </row>
    <row r="784">
      <c r="A784" s="1" t="n">
        <v>782</v>
      </c>
      <c r="B784" t="inlineStr">
        <is>
          <t>learning_rate</t>
        </is>
      </c>
      <c r="C784" t="n">
        <v>8700</v>
      </c>
      <c r="D784" t="inlineStr">
        <is>
          <t>0.03954046</t>
        </is>
      </c>
      <c r="E784" t="inlineStr">
        <is>
          <t>&lt;class 'numpy.ndarray'&gt;</t>
        </is>
      </c>
    </row>
    <row r="785">
      <c r="A785" s="1" t="n">
        <v>783</v>
      </c>
      <c r="B785" t="inlineStr">
        <is>
          <t>train_input_images</t>
        </is>
      </c>
      <c r="C785" t="n">
        <v>8700</v>
      </c>
      <c r="D785" t="inlineStr">
        <is>
          <t>[b'1024' b'1024'
 b'\x89PNG\r\n\x1a\n\x00\x00\x00\rIHDR\x00\x00\x04\x00\x00\x00\x04\x00\x08\x02\x00\x00\x00\xf0\x7f\xbc\xd4\x00\x00 \x00IDATx\x9c\xec\xbdw\xdc~OQ\x1e\xbc\x07\xb1\x00\x12_\x05\x05\xa3 \xc4\x90\xd8#\x1a\xd1WcC\x8dJ,QT\xd0X\xb0\x81\x18\x8c(j"\xf8b\xc5\x8e"v\x04\xbbb\x05\x05\xa3(J\xc4\x8e\x82\xa2\t\n\x8a\x88\r\x0b\x8a\x05\x05M$\xf3\xfeq\x9f\xb2efvf\xcb9{\xeeg\xae\x0f|\x7f\xcfs\xce\xee\xcc\xb5\xb33\xb3\xb3{\xce}?\xce\x19\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18\x0c\x06\x83\xc1`0\x9c\r\xd3\xd1\x04v\x07\x80\x9bn\xde\xa8e\x00\x00\xe7\xdct\xe5\xf6\x81\xe3\xdd\x1e\xc0\xb9\x0b\x8b\x0b\x93\x01(-\xb8\x1a\x1fX\x06\xe2\x0e\xb4m\xc6\x98\xca\\t\x91\xc6@2X\x00\xf0\xf9\xa02/\rP\xf2Q{lh\x1f\n\xf0\xdd|/\xb4c\x91\xe3E\x81s\xd12y?\x04\xb7P\xfbQTW#\xa8\xc6\xe2\xdf\x9d&amp;\xe7\xc0\xa1sv\x99\xa8\xb5\xed4\xb7\x8e\x11Hs~\xc6\x08\x1ad\'\x94o3M\x93d\x82(f~\xf7\xa5\xd7|a\x15\xe25p\xce}\x83s\x0f\xc4F\xe1_\xa1\xc80\xa9r\xbe%v\xa4\x92\xac\xcb\xc4K\x81\x90+H\xb3\x06\xc3i\x00\x00\xd9E\xf4f\xe3b\x1f3\xd1\xae\x00\x00\xe7\xde\xf4h\x16+\x8e\x9d\xfd\x86\xda\xc1I\x9d\xf9&lt;\x0e\xff\xeb@A8\x8a(\x01\xe2\xa2\xc2\x9f\x99\xf6R\xda\xb4\xc0\xb4\xc9\xe57\xe7\x9cs/\xa6\xb4\xc4\x04.bsF\x88\x0c\x85\n\xcf\x1a\x13\xb3&lt;r3\xd2\xb26\x0b~e-\x99\xaa\xa0\x9a\xadc_\xf42\x0c\x91\x11,T\xe7_\xffZ0\xad[_\x00\xd4&amp;\xbep\xe2\xba\x10\xea\xd8\xa4\x84\x03M\x95\xf2ITH\xc5XV\xbc\xbf+\xech0\x18J\x11\xe6\xbb\xc38\x1c\xa8\x9dGEF+\xd7Y=\x1d\x8a\xdc]\xa7\xe8\xe6\xe0\x04\x86:\xd7l6d\x9b\x06\xa9Jx\xdc\x18+\xd4\xc2\x9f\x19\n\xea\xb2i)R\x91\xdbt\xa5\x88\xd7\xe8\xa9\x9c\x88&lt;\xd3\x11\x96Z\xd0\xb9_\xd8\xae|W\xa473\x96\xa0\xd9R\x85o\xd7\xd1\x8a?\xe6\xc0\xa9\xa3:\xba\xcfJ\x1b\xc7r\x02-\x1fM\x19\xcay\xb6\x92\x00\xd9\n\xa26\t\xb4\x7f\x06^vo\xd2\x00\x9c{o\x19\x81*\xacC\x0eG\xc0M\x01&amp;\xa3\xa0\x17\xcf\xc7`0\xec\x02q\xd0\xd6\xc66/\xbc\x8f\xd8\x06\xa8Oj\xbb\xa3\xa2\xf41\x9c\x19\xe3\xcdf\xe6\xecy7]\xadT\x04UZrK\x95(\xbc\xf6\xdf\x90\x8a}\xf9"\n\xaf =!\x97\xa7:\xbcv\xa4\xc4$ho\xbf\xa6J_%zJ\x00\xde\xcf\xb2\xa1\x86\x15v\xaa\x14\x82\xbd\n)\x0c\x13\xec\x97\xce\x94^\xb4\x1fr\xd4-\x1a\x14\xb14&lt;\x97\x90\x86\x0e\x99\x16\x99\x18\x9fh*p\xfbL\x83\x8b\x9c\xaf\x14=\'\xc9II\xc68\xf2\xcan0\x8c\x05E\xbc]\x85\xdeS@\x9d\n\x0fG\xb8\x04\x1e\xc7\xc3\xb0?D\'v\x8d\xda\x08\xfa\x9e\xc5\xfd\xd83\xf2\xf0\x89\\|\xe2\xeb\x1e\x1aW\x93\xc2\xba\'\xc8*H\x86\x99\x85\xbcN\xf8J\tU\xe0zi\nSM\xde\xfa\xaa\xb4h\x83\xa4\x16\x0ck}\xbf=\xa5tn\x90\x88\xfdfr\xa7\xe4\xe9\xe2\xf3\xedz\xf7\x13\x90Q_~\xfe\x89\xd4&lt;\xb4\xc1\x10u4\x01\xb4\x99\xc0\xc9q#\'\xf8\xa2\xad\x19\xc5m\x95\xf8x\x99v\xc6\x92!5\xce 2\xbc\x96\xdfw\xfe\xe1,\x19\xc0`0tC\xba\xb65\x97\xd9\x07\xf1\x02s2\x14\xe5q\x83\xe1fAPr\xa1\xd7\xd7\xcc\x10\x1f\x9dJ4\xae\x89\xa5\xa2\xe4\n\x8e\'x9I\x12\xc3\xcf\xd1\xb9Z0\xb9BiL\xbbG\x83]\xeaB\xa4\xe3jLf\'C\xdb*\xb8\x15p\xb8{&lt;\xc5\xf8\x18\x97\x9e\x91\xd8\xcb\x7f\xde\x80t\x00\x1dh\xfe)\xee\xc7\x08\xd1\xc8\xe1\xe9\xa4\xd6(\xf7\xc6\xd6\xf4\x0c\x06Cw\xec\x11\xae\xd4\x82Q)\xb3\xa1\xb4T\xb8%\xb2}\xa0\xb6\xb3MJ\r\x18\xeb\t\x8e\x0c\x1b\x93\x19\x0e\xfe;\x0c\xeb\x8f\xfeq\xe6V\x13{\x9d\x88j\x12U\xb0\xd4\xc1\x95\x19f\x95\xe3r\xc9*-\xce\xb6\x96L]\x1c\x8e\x9a\x87K\xe4\x13db\xbd\xc1\xcdw\x81h1\xa2~\x8e\xa5%\r\xbeo\xdb\x9ea\xb6\x90\xd9\xdf\x1b\x1a\xa5\xfa\x98p\xd0\xfa\x8c?d~s\xa5\x95\\@c\x07E\x06\x83A\x8c]\xa2\x11[T\x86\x86%\xa9\xdd\xa05\xb5\xbf~\xf7c\xb5\x03\xc8\xf5\x98\xed\xe3\xff\xd2\x9a\xce\xb9\xed\x99E\xc1\x00\x177\x13\xbdM\xa1Mn$\x9f@\xa3\xf4\xfb|r\xd2\x00E"#\xba\xcb\xf5\xc5\xeb9Y`\x12\xe6\x8a\xdftJ\x1a\xbc\x0e\'P\xfa\x92\xdb\x9f\xacD\x99.\xe1\xddO\x13H&gt;\x10"\xf7(I8\x8b\x84D]\xc9&amp;$\xe3\xa8\x06\x83\xe1\x00\xec\x12\x907)\xf8o\xc2\x18\xdb\xe0\xb7\xcb\xbd\xa2\x99/a\xb5\xc8\xe9gp\xd8@\x13T!U3K\xf5-\xab~\xc4e\xd3\x83|7.Nti\x91$)\xdd\xb2\xear2\xb9\x12?\xbd\xe3\x9e\x10\x7f\xc9\x0f\x00\xbc\xb3n\xec\xa2J\x1d\rL\xcc\x1a\x01\x7fI5\xbc\xfe\xcc4#\xe4\xe0\x17k&lt;\xb6\x08\x9f\x1e\xe9\xe7[G\x0e\xa0\x02\xe5&lt;*i\xbe;\x15p0\x18\xc6\xc2\xee\x01\x7f\r\xc8fg\xc3\r\x81\x1f&gt;~\x9d\xb1?\x93{\xd5.K5\x9c\x9b\xd4I\xca\xbeG\'\xael\xe9PW(\x94\x17:\r x!\x87\x9d\xd3\xa4\xd4\x0eB\xe3^\x15\xbcp\xac\x9c\xdd\x9d\xe6_\xc32z\x9d\x88\xa4\xd7\x82\x07\x06\x17\xa9"/\xfc\x15\xc0\xb97\x16\xb2v\x89\xc3\x00\x80\xfb\xfdT\xa0\xf4\x8c9\x1e]\xaeMz\x0b\x9d\xc1}].\xd1\xc5i\x9fg\xb9\x98ad\xd2\xac\x85\x19\x11\x02\xb6\x06\xc3\x19\x80\xa59\x83\xc1\xa0\xc6\xb66&lt;\xf2\x90\x80\x02w\x9b\x03\xf4R\x95D\xd4JpE\x89\xef=\xc9\x06\xe0U\x8axV\x14:\xad\xf0\xbfI\x0et\xe5\x84\x1e\xaf\x06\xb58\x8f\xfc\xf3\x81\x14i\x05\xcc\xd4v\xfc-\xe7^\x11\xb6QU\xa8\x0c 5Z\xc8\x04)\xd0i\x07\x08^\xa6Z[RC\xa3.\xa2\x92\xa9\xeb\x04\x93*\xec\xec\xe1\x9c\x13\xbe\x92\x90\xc9\xb2\x89\xfdR\xa1?\x1b\x0cc#\xbb\x8c5\xd7fa3\x08\x0e\xaf0\x184\xe7\xb6\x8b\xe3\xc1}\x066i\'\x08f\n;bPL\xc7\xa0&amp;\xcd\x0e\\\\\xf5\xe2\xbd\x8bz\xb5\xc6\xd3\xd1\x9d[\xb6\x9c\xdd\xae\xf8\xbf\x08\xf4\xd1\xe6\x8a\x8d\x99T\xc0\x81\xfc\xec\xc19K"\xd8]\xa4\x0c\x0b\xe1\x0b\x84\x10\xca\r@\x90\xcdR\x99\xc5\x9c\x91\xee\xd8\xb3\x8b}\xd1]\xb5&amp;N\xe7\xa7\x10\xa3\x84\xa7\xc1P\x8f}c{\x0f]#\x97\xb6#\xe1\x86$\xb2\x86c\xbc\t\xe6r\xad\x87\x89\xff\xa1\xa2\xab\x7f\xf0xh\xd9\xd4\n\xd2J\x9a\xae&gt;;0\xf9\x06p\xee\xf5;\xaa\xe66\x00\xd2\xaeb\rDc\xb1\xf6\xa0Y\x05s\x87\x94\xc2\xf1C\x06\xb9$4\xba\x0b\x88\x15\xa8.Sq\xfeP5\x18\x0c\xce\xb9\xbd\x96^K\x19\x86+E\xeb\r@\x8fW\x80F\xc7 \x03\xecEc\xaf\xea?\xff\xddAuc\xc4\xfb\xf6\xdc\x00\x04\xaf\xebt\xda\xba$\xe3\xd2\xaa\xa8\xed\xbe\xd0\xf8\x1e\x8c\x9d\xee\x89DA{X\x1e\\0\xcd\xa8^\x06\xc3\r\x83\xf9}\x11\xb2\xf9\xc2r\x8a\xa1-\xae\xc5\xa3\xae`\x08\x06\x1f\x1d\xddRRO;\xe7\x9c{\xd7\xe3\xa3\x03\x90/\xf6\x85\x04\xd1\xad\x8c\xc4s\xc4\xbb\xee\xbc_2S\x05Ey\xd4\xa5\xdfN\xc3`\xb8\x12\x98\xdf\x1b\x0c\xa5\xd85p\xaef\x95\xba\x82!(\xa1+b\xf6W:\x18\xe2\xef\xaa\x17\xba=\x00\xfc\xf0\xa1\xae\x15V\xf9\xe9G\x14\xd67\xc8\x15\x02\xe7=\x80n\\\xff\x826\xd7~\t\x84\x9c5A\x1e\xab\xc8u\x05]\xbe\xf4jR\xab\xc1\xa0\x83\xf9}S&lt;\xcd\x8ci\xe8\x04\xbf\xaa\xe8\x8b\xd7\xed\xf3.\x07\xfe\xf39P\x95\'\xbf\xb3\xe2S\x98I\x13\xb1\xf5\xf6x\x07\xb2\x83O\xbe7k\x81\xd1?\xb6\x84\xee\x01\xeae\x96qX\xca}\xd53\x87VH\x1514\x96\r\x12\x04\x7f\x96\xc1\xb9\x17\xefD\xb4\xf5\x94\x19\x0c\xe7\x80\xed}\xdb\xc2,i\xe8\x86\xbd\xe2\xd4|8F\xc1)\xec\xd6W\xd32\xff^\xc48\xb3\xb3\xf7\xc2\xc1\xaa\xfb\x8ca\xcc\xb2\x9e\xf4\xefPP\xa2*\xa2\r\x80|\x8e\xbaN\xa8/9\xaa\xb6C\xaf\xf6\x0br\xf5\xce\xa7\x90\x99UA\x06\x83\xa1\x01,\x89\x9c\x1e\x83\xce\xe0\x8eK\xd4\x17\xef\xa2\xe5\\(\xb4|4e\xec\x0cF\xcf\x0f\x07\xf5C\x1fo`\xe9\x8e\xc6}`\xd97\xb6\xb5\x92\x9f\x07~\xb5\xa5d\xfa\x14\xbc\xf7#\xc1\x94\x05\xfcm\xef\xef\x0b*\xdd&amp;\x19\x0c\x06\x83\xe1\xc4\xc8\xa5\xfb\x1b\xbe\x18\x0c2\xfcAh\xb4\x04\x7f\x84\xbf\xba\xe58\x15\tOc\x10\x927\x0b}|\x83\x7f\r\xe6D\x13-\x8f\x1do\xb0U\xa3\x1b\xea\xb9\x9c\xc1p\x8b\xa3\t\x18\x0cCc\x9a2\xf7\xf7\xa11*\x06\x18&gt;\xc0\']\xe3\x92:9\xce\xf9\x96;\xe3\x8c\x1c8W\xe8Y\xf4\x00\x80\xca\x0f\xdbV\xa8\xd5\xd2z\xce\xe0\xc4\xa5\xaf\x16\xef\x1d!\xd2\xa7\\\xc6\x1c\x04\xc8\xc4\xd1\x06\x99&amp;\xc7~_h\xa9F\x83\xc1`0\x9c\x19\x92c\xa4Q\x8ei\xdd\x15\xaeCW\xf9\x81&lt;\xc9\x88Fz\'\xe1\xcd\x0f\x9b\x85\xed@Zq\x9a\xdbFs#9\x07Ac\xb4\xa4\x9f\xd6\xeb\xd2\xd7\xdb\xf6\xb0\x1eC\x92\x18\x05\xde~mv\xd7\n\xe7Y\xd5\x8d\x12\xb3\x06\x83\x06\xe6\xb2\x86\xbd\xd1"Qv\xfft]\x96\xa4e\xfc\xd60c\xce\x18\xc6\xb5\x0e\xe3\x00\x1evT\xfb\x00\xc9\x0bZ\xc7\xa2\xa1M&lt;9\xdc\xfb?\x14\x8bN\xac\xf8\xcd\x7fN\x11\xfe\xa9\xe8\xa2\x03\x85\xce\x1fB0\x18\x0e\x87\xb9\xac\xe1\x8c0\xbf\xbd&gt;4\x9d\xd3\xc3\xdd\xa3\xe6[\x83\x86y\x02\x10`\x7f&gt;\xd0\xe9}wR\x1dsO\xca\xa4\xfb)x\'\xdfPn\x00\x8eE\x01\xc9o\xed\xe2H\xde\xa7\x08\x8e\xd8\xaf\x1a\x0c\x06\xc3\xcd\xc3qy\xd6\xf2\xbbA\x82\xb2R\x00\x00\xe0\xe7\x01\xdc\xd7\x81\xfb\xb4C=\xadM)s\x82`\x11V\xbdbk\xc0\xddvMM\xcdJ\xf6\x16\xc5k\xe1\xdbG\xb5*\xc1\xfb;kt\xb3~\x14\xdc\xf29`\xdb\x00\x18\x0c\x06Co\xbc\xbfs\xbf|\x8c\xe6\xc6+\x9c\xad\x16\xd7\x89\xe2R`\x94\x02\xa2\x9a\x86W\x99\x1d\x82\xcf\x14\xb5\xba\xf2coFX\xfb\x81\x1fq\x04\xfeP\xa9\x9bI\x9f\xde\x94a6\xe6\xa1\x0eo0\x18\xce\x03;-8-l\xd6\xba`\xf0\xe5S\x15\xb0\x15\xa1}\\=\xaa\xe1\x9c\xb5F\xed\x06`\x97\xba\xfcD\xafm&lt;\xbd\xf5\xd7\x1c\xb5\x0f\xb7\x93X\xb2\x07\xa0\xc7\x1f|0\x18\x0c\xd7\x8a\xb3,&lt;\x03\xa2\xb7\xe9\xfa\x08?\xe3\\\x7f\xe3\xd1\x04n\x1c\xb6\xca\xacA\x05\xfc\x1c\xb9Z\xad\xe8]bP \xbf\xe23\xbb^\xf5\x7f\xc6\xd8\x0c\xa0\x9f\x8bk\x18u=Z\xf9\xf0\x89v\x92\x06\x03\x89\x97\x9b\x07\x1b\xc6\x87\xa5ZCw\xfc\xb3C\xb4\n\xdfi\x16\xca\x92\xeb\xd4\xcb\x1e$\x06\x1fF\xdd\xc8\xd1{\xc8Y\x8a6\xc9Q\xfd\xbe\xa38\x81\xd1r\x98\xf9\xc7\x03\xe1\xc7\xf5x\xee\xdb\x87\xaec\'i0\x048\x7f\xa8\x1b\x0c\xad\xb1GPX\xdc\xddHX\xbe\xdd\x05\xad\x8f\xff\xfb&gt;\x0c\x19j\x15\x1e\x8dO\x15\x82\xcdU\xd6\x19~\xcfYEd0\x18\xc4\xb0dq5\x00\x00pw-x\xd4n0\x08qHiu\x13]\xb4\xff\xf1\x7fS\xe1\xf7\x1ah\x8e\x10\xbb\x9d\xf6\xf0[\xb2\x03\xf4\x07{U\x9b\x1f\x83\xc1\xd0\x1b\xc3\xe5\x8b\xd1\xf8\x9c\x04e\x87\x85\xc3\xcd\xbe\xa1\x17\x9a\xbdL\xdcD\x8eJ\xe5\xde\x1a\x8f\xc7\xf2\x17\x06n\xe2\xd8k\x01\x00\xee3 \xbe\xf2%GXR\\\x8e\xcb\nwpO\x8e\x9b%\x1d\xef\xaa\xa4h0\x18n0\xc6;3x\xf9\xd1\x04\xce\x87]&amp;\xf1\xb7;\xcb7tC\xbb\x13\xd0\xfds\xc5`\xd9\xc904\xd0Lx\xdc\x1a\xa7\xf8V\xae,s{\x89\xdf`0\xb4F\xcb7M\x07\xc7\xb5\x8eq\x9f\x19\xbcV\xeb\x19\x0c7\x18s}9ft\x7f\xb2\xb6pG3\xe1P\x0b\x1cS\xe8c\xb7F\xa1m0\x9c\x08\x166\n\xb0\x9f6{\xe7\xbd\xd9\x184@\x97\x8d\x1e\xc7]7\xfd 6|\xd1\xf6@"\x06\x83\xe1\xbc\x00\x00\xe7~\n\xbb,\xfd\xd4\x07\xbb^\x1b\x0c\x06\x83\x0ed\xea\xb1Zgp\xf4\xff\xb0\xe0\xa6\xa8\xb7\x8a1\xf0\xeb\xfc\xed\xf1^\x99\xdb\x1dV|\x18\x0c\x15 ?\xdd!\xae\xfe5{\x00\x0bU\xc3X\xb8e7\xc9\xe0\xc0\xb9i\xea&amp;\xff*\x01\xceM\xd3\x84W5f\xcbS`\xea?O;\xa88\x1c\x97\x18\xe0\x07z\x13\xec\xc0\x02\xc0\xb9S\x98\x00\x00&amp;g)\xccp\x1e\xe4|5y\xd2+\xf1n\xf3\x7f\x83\xc1@\xe0\x92S\x00\xc0\xdd\xca\x8e\n\xce\x06\x00\xe7\xbe?\xbcp\xaaI&lt;\t\xdb\xd2S\xffs\x8cN\x83\xfc\xe3\xa6\x93y\xa0\xc1p\xa8\xd3\xcasK\xf4\xb0\xd7\x1eE\x1an\x0e\xcc\xd1;\xe1\xff^\xfes\x9d\xa9d\xa4o\xa7\xde\x07\xd79\x8f\x86a\xc0\xbfxp\xc2\xa2\xe4\\l\xabp\xc2\xd9\xb9rh\xdf\xfb_\xdf\xfc\xd9\xed\xcdO\x83a\x10\x98\xafw\xc0\x17\xe0V\r3\xcb\x01\x89\xa6\x89\xc6\xfdh\x8b\x14\x99\x03\xa38\x97Y\xec\xab\xd93\x18\xa1(\xd1\xd4F7\xe8\xf3\x0c\xdaO\x8e~\xfe\x00Sy\xd5\xd0\x15\xf1\x80\xa1+?\x83\xc1p\x13\x80\xe6\x11\xfb\xfaa)\x84G8\xbd9\x9cs=\x80\xba"lW\xe7&lt;\xad\x91;aPSh&gt;\x1f9\xe8\x10\x8e\xc7Mp\xf5\xa3\x07X\xb9\x010\xef5\x9c\x11\xb78\x9a\x80!\x02\xf79\xa1i\x9a\x8e\xf8 \x11\xf7\x9a\xc1\x9e&lt;$\x90|0\xb4\xf7\x87GO\xfbY\xc7\xa9\xee\x0f\x9e\xf6\x1a6\xeaf\xa5\x93\xb8\xbf\xc7\xee\xf1\xadP\xe3\x05\xe2\x0cq\xca:$\xb3\x9d\x03\xd5s[\xee\x1f{9\x96\xe8#\xb4]1MS\xdd\xba\xa0\xef;l\xd0\x1a\x0ccb\xdc\x85\xee\x8a\xc1\xd9\xbcv:\x92\t\xb5\xf9=\x16#\x1ee\xfdN\xb3\xa8\x1f\xf9\x0f-\x95\x01\x86.\xff\r-P\xfd\xb0\xab\xde=X\t7\xd0\xfd\xec\xe5\x1f\x83\xc1`0P\xb8yk\xc3\x00\x83\x15,\xc9\x87OJ+\xc7\xb07\x10\xc4\x80\x93\xff\xc1\x84g\x1eM\xc0\xc7y\xcd\xd8\x18\xb6\x010\x18\naa3\x06\xcag\xc1\xca\x8e\x0c\xbe\x11^p\xbe?\x03|\xe2\t\x15U\xc3\x0f;\xf1\x00#\\\xe9\x06\xe0j\x06b8\r\xac\x8e7\x18\x0c\'\xc25-\xf9\x02\x9c\xeb\x9b\x88\xba\xc1\x16*\n\x92\xd3\xb8\xab\xb3\xde\x88/!\x0cE\xe6&lt;\xe0\x8df&amp;-\xc6\x1c\x1d\\\x98\x84AT\x16S\xe6\xf6\x863\xe2\\\x1f\x02\xb6\x18[1\xc4g\xe6\xf6\xcbz\xd3T\xafn\xe0?\x1c\xab\x1dW\'\xb3g\xaa\x90u)\xed\xa3\xbd\x01dS&lt;.\x7f%\xe6\xbf\xae;\x8ec\x03\xc08dN\x05\xdeh\xd7m\xd2\x9e\xf1\xe8}\xba\x98\xf4\xcciB?\x01,Nt\'H\x8c\x06\xc3u\xc0b\xccp\x1a\x14\x9f\xceB\xdd\xd7\xf1 \xd2D\xadx\xa5C\x7f\xef\xbe\xd0\xd4\xb6H\x1f\x07\xb3\xbc!\xc5X\xcf\xaf\xca\xa0zhp\x05\xe35\x18\x02\\\xd7K\xa8\x06\x83\x00\xb9&lt;.^\x15\xf0\x06M\xd7\t\xc9\x87b\xb3T\x7fE\xac\xeb\n\xbfj\xd3P\x8dk(\xf5z\xc0\x7f\xf9\xa4\x91\'srb-\x83\xbdB6&lt;\x10[\x8d\xf6\x1a\x9e\xc1\xd0\x1e\x8c\x8b\x9b\xf7\xb7Bt\nk\x86\xad\xc3\x81\x9f\x97\x15~:\x13\xc8\xc2\xe8\x9c\x8b\xca\xfeg\x01\xb6\xfa\xba\x91\x8e`l:\xf4\xf8\x1a\'\xfc\x08\xbb\x0c\xb9)xKM\xe33\xa1\xc7@"\x99\x8b\xb9\xee\xd3\\\x91\xc104\x06N\x13\xc3\x12S\xe3\x0eq:\xbe\x9e\xa1iq\xde\x95I\xb5\x903\x8d%\x16\x90(\xda\xd7\x92{O\x99\xc0\xdagu$%n\xc80\xaf\x16\x8b\x1bWO\xa2\xc6\rj|\xe6\xbc)Z\x0c\xc5\xbb=Q\xc7\x9b\xbcv\x1b\x0c;a\x8e\xcf+OC7\x0e\xbf9\xd8\xd2\xa2\xf21\xed\x9a\xc1&lt;\x01\xc8\xc9\x119?\x88D\xed\x89vd\x1a\x1d\x9a\xde\x04\x0c\xe6\x03\x06=\xc6\x9a\xc1\xd1\xb2J{Td\xcek6\x8b\xc10\x10\x00\xc0\xb9G\x1f\xcdbL\x9c2\r\x8d\xba\xa8\x88W\x02iIJ\xb7\x11\xaf:\x92f\xf2\xb7\x0b\xf6Z\xd1[\xaa@\t\xdb\xa1@\x8a\xab/\xd7\x0c;c|\x8f*\xab\xdd\xbd\xec1\xf4\xe8\x0c\x06\x83\xc1\xb0\x07\xeaN\x9a\x81\xfd\x95R\xd7\x0c;&lt;\x04\x18\xac\x1a\x18\x87\xc90\x90\xcf\xceO\x0b\x9e;\x19n\x04\xfe\xfeh\x02\xbb\x02\x00\xdc\xabw\xf2m\x0b\x19\x83A\t[iNn\x81&amp;\x07\xb1\x83X`g\x1am\xd5\xe1\x0f\x01\x1aV\xedG8*\xb3\xab\x19\xc4gF\x07\xe5\x15G\xf11\x0c\x05\x00p\xee\xf9G\xb3\xd8\x0f\xe6\xf9\x06\xc3(\x00\x00\xe7\xfe\xf0h\x16;\x81*e\xf6y\xc5y\xb7\xc47\xd89qw\x1c;XO\xfbR+\xffV\xb6\xd4\xfb\xf4\x1d\x885\xc2\xf5\xbf\x85\xdc\x1b\xe3}&gt;\xc40\x02\xc0\xb9=&gt;r\xb0\xbf\xef=\xdf\xbc\xdd`8\t\xc6\n\xd4\xdeoP\xf4\x13.\xd1\xbf\x9b\x04l\xa4\x99W\x0e\n\xd8\x1c\x8dJ\xcem\xbaW\xac\xaf\xea^\xb3\xae\xc7\xee:YGGM\r\xde{\x04\xc7n\xba\x018~8\x86&gt;\xe85\xb3;\x7fV\x07&lt;\x14\x0b\xe0e\x97\x933\x18\x0c\x06\x0cW\x9bVdI\xf3\xb8\xe1\x9f3\xa7\xaf\xcbj=y\xf1\xaaV\xb2\xfe\x9d\xd1\xb6\xd7\x07+\\\x06\xc3XsA?\x82n\xe26\xfb}\x85\xd7\xdb@\x00\xe1\xc6cm\x8c\xed\x1c\xc0o\xa7\x19\x88E\x9c\xc1`h\x8b\x13\xe6\x94\xc1\x8b\x8f\xa1\xe8\xc9\xc94\xe4&lt;\xce\xf0\t0\xf4^\xb4\x1f\x8b3\xc3\xde\x02\x1a\x0c\xeb\xf7\xcf\xd4\xcdH\x93wG_\xcc9\xc6Z\x19\x17\x8b\xdf\xdb\xf1\x00\xdc\xcbW\xce\x9a\r\x80\xb7\x13X\xef\x94\x93\xb0\x883\x18\x0c\x83a~\xefso\xad\'\xc9\x83;?\xadF\t\xc8\xd7\xad1!|\x98P\xa3A\xa9\xebf\x00\xd8\x9ar+G\x1eV[\x97\x98\xcd\x9b\xa1\xb6@,\xceW\xe1A9+\xe1\r\x986\x12\xfe\x87\xd5\xc1{\'\xf3t\x98od\x91b8?\x8e^e-\x8a\x8e\x05\xfe,\xf5h\xaf\xe8\x83\xa3\xcfl\xce~h\x94\x1c\xa1\x91\x8d*\xf5\xd4u\xbf\x99\xa8\xff\xd0\xc8\x19p\xc5Ck\x84\xb8\xfa\xcfYls\x98\xa4\xe5\xa3\x05\xbet\xd4\x89\xc65;\xb9\xc1`\xb8j\x8c\x93\xbcv;\x93&gt;~\xc8\x87\xaf\x19^qv\xbc5\n (.\x8b\xdc\xe9\xe8y1\x9c\x03\xbb\xf9\xc9\x99\x1dRz\xf6/\x16\xc5\xb7\xf9\xfe\x93?\xd24\x18\x0cC\x03\x00\x9c\xfb\xfa\xa3Y\x1c\x82\x1d\x12\xeb+\xfa\xabp\xce\x9d{Mm\x85+?\x9d-\xc7\x7f;\x9a\x80\xc1\xe0\xe3\xb7\x8e&amp;p&lt;\xc4\xbb\x08\xcbi\x06\xc35c\x9cs\xd3\x11\xd1\x93\xdb\xb8\xa36\x94aGO\x1e:j\x0c\xad\xe1?{\x11\xcf\xfb\xbb\x98\x93\x0c\x8a\xa3\xe7e\xa9\xfe?w\xdc\x8f\x01\x18\x0c\x86\xfdpT\x90\x13G\x11\xe4\xe7\xe1v!\xe5+\xd4\xa6\xbf\xaf\xe8E\xc5p#\x81\xba\xdfQ\xef\xe6\x1a\x0e\x81\x97$\x15\xe9h~G|~S\xfco\xba2&lt;\x03\x06\n\x991&gt;\xad$\xfa\xc4\xff\r\xd9\x00\xdc\x90a\x1a\xae\x1fg\xf4c1\xe7\xf17\x00\x06\x83\x0fs\x1eC-\x82S\x92\x82t\xd4\xe8\xad\xf1\x93c\xb7\x0fD]\x15n\x88\xdbx\x01\xf2\x87\xee\x9do\xc4\x90\r\xd7\x893F\xec\x199_\x07\x1ec\x967\x18\x0c\xd7\x0e\xfd\x16\xe8\x0f~\xec\x8a6N\'\x1aE9\xd5\xc2\x8ew\xf47\xd8W3\xe3\x06C\x0c\xf1G\x7f\xf6E7J\x07\x1c\xf9\x1cl\xde\xc1f\xd6pB`\x0e&lt;^\xd2\x18\x0fTj\x1d1\xe5\xde0T,|\xd1G/l\x1e\xbb\x83\x98)H\x1b\xa5\x17\xbd+\xf2\xa5\x7f\xf1\x8d`\x03`\x13m0\x9c\x1e\xfb\x84\xf18\xf9\x02\x9c;\xf8\xefa\xe9q.\xb6\x06\x03\x0e\x00p\x9fJo\x00\xfe\xb7\xf9\xf91\xd8\xaa\xff\x93%\xc6\x9b\x8ad\xb7\xf6\x83\xe8\x9f\xb2!\xfe\xc0Y(C8\xe9\x91F\xf3\x13\x83a\'\xfcJ\x1ao\xccQ\x8d\x1d\xa7]\x19lan\x8d}\x8c\xf9ov\xd1b\xc8\xc1b\'\x87\xc3\x9e{\xdbRU\x88x\xbe\xf4f\x04\x1f\x1a\x8d6_\x06\xc3\x8eHC\xd4\x8b[&lt;\x1a-\xab\xeaq\xde\xd4vR\xda\x86\xf6\x08\x8f\xe8\xcc1\x18(\x8cs\xedG*\xffm\x19\xe0\xfb\xed\xac\x18-@\xaf\xda\xd4\x8d\x90.\xfd\xb7\x03\xe4\xe2\xa5)\xea\xbd\x1f\xaa\xda\x00\xa0\x8dm\x9a\x0cW\x01*\x00\x9e;J&amp;\xda\xde\xbdsU\x9b\xfe\x9d18\xbd\x08r\xb6\xe7\x1a\xd75\xa1\xbd\xe5\x9b\x04\xd18\x91\xd8\xf2\x88\xceN\xfbn\x0e\x0e\x9e\xeb`Q\xb3\x07\x9e-AW\xf9\xf2\r@\xd8r{\x83\xc8\xf2\x83\xe1\x1a@\xc5\x00\x008\xf7\xb2\xfd\xf9P\x90\x1fDU\xe4\xd0&amp;!\r\'|\xb6+5\xec\xd9\xc6u=\x18\xd5\xf2c\xb22l\x18\xd5s\x06\xc1@\x05w\x92`-\xdfJ\xc0Y\x89|_\xe0\x91HY\xcf\x8b(\xfa\x00\xb1\xc106NU\xd5\x9d\xa1N\x95&gt;X\x9c[\'\xbf~\xa0\xa0\xd7\x8f^\xf4\xb8\xc7\xee&lt;\xcc\x13\xb9\x8aa\x17\x0c\xe7\x0f0\xa6\x97\x1eCi}vj `\xc69;\x9e\xcc\x9c\xf7\xf9\x87\xf7\xe9\x87\xec/\x1d\x9f8b\xba0\x18\xf6\x00\xf9\x14\xccB\x02\x83\xfc\x11DiN\xd1\xbd\x9bk\xd3d0D\x18\xf5D#\xff\xa6A/\xc5U\x92\xed\xb03Fb\xcf\x9dMd\xd3\xa1\xc0\x9c\r~.o4{\xab\xc7p\xe3 |\r\xee\x948\xe1\xa0\xfc\x89\x10\xcd\x0b\x80s?\xd0\x97\x93\xe148jCx\xbe@\xdb\x1f\xd9X\xbe\xce$\xdc\x12\xc3\xda\x07v\xff\x96\x98aMa0\x18\xce\x84=\xd3V+\x9c\xe1E\xa06\xc8\xf2\xbfS\xa6\xff\xd1\x16\xb8\x8aY\x18\x01\xc2\x13\xacCp%\xf3\xdb\xf5\x0c\x9e\x10\xde\xdbtW25\xe3\xc3\x9b\xe2\xdb\xb5\x15\xcb\xea\xc2;5$`0\x18\xae\x16\x9f}\xc2\xfa\xac\xff{8\xb1\xa4\xce\xf2{\xc1{\x01\x92;\x1b\xee`%\xcf2\xb8\xea\xa1\xedv\x83q\xa3\xe7\xa5W8\xe3OY\xe1w\x1a&amp;\x90\xb7\xb0\x10+\xc3\xe8V\xc2S\xf7\xaeO\x1b\xc6\x87\xd9\xc1`(\x04Y\xdd\x9e\xf1\x15\x1a\x1f\xbd\x0b\xf4\xf1\xdf\x9e\xf2\xe8q$\xe5\x1b*\xcdu^\xe6\x1fI4\x1av\xc5\x15\x95\x14\x83E%\xba\t\x07\xf7?\xa3\xef\x15\xa9RP\xd3\xfd\xc6\xa22\x81k\xfb\xfaU\xbb$3\xfb]\xd3\xaf\x8b\xb0I_`v0\x18\x948\xf7cDi\xe2\xee;\x8a3\xa4\xe0~\xaf\x8e\xcc_0"y\xb9\xf9\x0c\x862\x94\xc0fV\x82\xdcS8\x0b\x90cP\x97\x9a*6\xcc\xfe\xb3\xd9r\xe4\x13\xefO\x98_\x19\x0c\x86\x14\xa7/\xcb\xceL\xfe\xa3\x8fz+\xa6\xf5)o\xf6\xfd"\xe2\xf8\xd3p%\xa8\xcb!_\xd8\x8c\xc7\xe8P%[\xb5Is/\x84\x1c\xfb\xc6\xc8\xb8\x0b\xcdQ\x8b\xe0\xac\xf7\x17F\x7f\x86|.\x981\r7\r\xd3\xd1\x04\x06\xc1\x1c\xf8\xd3\xb4\x93A\x00`\x9a\\\xb9\xfd\x01\\H\xd5\xcf\\\xbb\x8d\xa2\x1e+m\x8a\xf3I\xc7e\xe8\r\x00\xb81\xfe\xa0\xcbN\x8be@\x98^\x04!\x06\x00nr\xce\xdd\x14\x83KQ\x9b\xc6\xdb\x10\xb0Ii\x00b%\x92\x06\x91\xc1`87\xf6\xdc\xfd79l\x88^\t=\xe9\x01F\x96\xf6|\xf7\x84C3\x18\xc6G\x98:\x86\x8a\xb2\xdf&gt;\x9a@\x06\xcd\xf3\xed\x19\x13\xf8\xb5\xe0\x13\xb6%f^X\xdf\xb5\xe6\xc1\xd7I\x97c\x83\xa1\x1c`\x7f9rG\x84v&gt;o\xba\xa9\xa6}I\xd3g\x1d\xfe\x918\xad\xcf\x18\x9ckw\x8e`\xc5J\x19P\xa3-\xc64{\x9e\x12\xde\xdc\xdd\xb1x\x1e\xb7\x98\xb2\xb02\xdc\x1c\x00\x80s\x9fy4\x8bq`\x9f!.\x87\xbc(Y\xf2\xec5[\xa3\x13\xae\xb6\xf2\xbb\xcaA%h0w\x10`\x0f\x8d\xd7\x8e\xd0\x92\x1f\xde"/\xc1\xfc?3\xfe\t\x00~P\xd9\xaad\xb8Q0w7\xb4\x81%\xd0B\xfc&amp;\xf9]1\xbb\xd2`p\xfdu\xcc\x0e\x03l\xa0",\xfd\xafoR\xba\x8eh?\x8b\xa9vh\x86\xc3a\xf3e0\x18\xce\x8e\xc3\x93W\xd9\x97\x99\x18z\x00\x9c\xfb\x1f\xe5\x9dm^\x06\x85\xcdK\x19\xf6\xab\xf0\xac\x9a\xdc\x1d?R/\xe2Jw\xd4\x06\x03\x86\xda\xdc4Nv\xdbh\xd4|\xbb\xf3U\xe0\x8dv\x1e\xc8\xb5\xd8mD\x1cl\xdbQ\xa2\xdbpm8\xa6\xccb\x8b\xf2\xe6|\xb8\xafgm\xad\xab\x04W\xb69)\xa8\xdd\x01\xe0\xb3\xae\xc8\x02\x06\x83\x02s\xfc\xff_\x88\xaef\xfbEB\x1a\xd3*\x02,\x1fbn\xceg\x90\x01\x1a\xae\x19vRhp\xae\x7f]x\xd3\x1d\x8c\t\xb1\xb6\xd1\xf7H\xc9\xd7\xa3\x1d\x8d+;\xed\xd6Z\xd5\x9e\xcf\x18n.\xa8\xb3\x10\xc8~.\xd3\x02\xa6\x12\xbb\x1a\xb0{Iqe\xab\xc8!\x18s)\xb2\x99=\x1bX\x17\xb2\xd9\xe4\x92U\x13\xe3\xc0\xa2d\xb8X\xa6p\x16\x9e} Z\xbcn\xb6\x89\x0c\x83\xe2\x16\x95\xfd\xa7\xe9\xf2?\xec\xaf\x91L\x13\xf7G4\xec\xcf\x97T!\xf3\xb7s[\x88\xf1AMV\xdb\xa4f.\xd1\x00C\xfea\xa0\x01)\x15#\xf6\xf9\x9b\xb5\xc3\xe1\xb3\xfa\r\xc0\xfa\x07\xa3\x88[\r\x8c\xb3\x16\xfe\xe2P&gt;\xd4\xfd\xbe\rn\xb4C\xcc3\x9e\xb1\xc1t\xd3\x12\x85\xc1p"\x9c\xe8\xb8e\xc1\xb3\xd0\xab\x9f\x1c\xfeu\xb0\x9e\x04\x1aX\xecl6\x1f\x19\xb0&lt;v3\xec\n\xf3\xe1.\x80\xed\xeb\x14\x8f\xa6\x12\x83\xa6\xd4\xe0\x8d\x9d1\x87|\xb3\xd1f:lZ\rW\x08KX\x86\x15v\xc8a8\x04\x96\x82\x9aB\x19\xc5\x9d\x8c?\xe4\xcaRF\x89]%\xa3[\xc3\r\xf9\x86C\xf8j\xe5\x80\xbej0\x18\x0c\x07c\xb7\xcf\xcc\x19n,\xcc\x91\x1ab)w\xcc\xa4\xcd`\xc7d\'\x06\x1e\x0b\xf1\xb7\x9e\xd8\xfc\x1a\x0c\x86=\xd07\xd7\xb4\x17n\x1b\x00C_X\xc1\xda\t\xf8\x17&lt;\x9c\x01\xd7_s\x7f^\xcf\x01\xae\x92\x9fo\x91\x95\xc7\xf5;\x9b\xc1@\xc1s\xfdw=\x92\xc7a\xd8?\xf2\xaf!\xd7\xb4M\x9a\x96\x82\r\x86\xf6\xf8aEXIZ\xee\xf6I\x95\xd6\xd9`\xb8\x0f$t%\xb3LS\xc7\xea\x7f(c\x1a\x0c\x86B\xac\x91&lt;Z\x8a\xbc\xb18\xe9,\xd89\xae\x10\xc9\xfc\x9a\xd1\x0c]\xa0I\xe9\xdd\x9d\x10e\xb2c\xae\xbbY\x1f\xb2\xef\xba\x9a\x9ft\x85r\x0e\x9c{nr\xc5`0\xd8\x06`\x18\x9c\xe4\x0ba\x90oT\xfc\xc1\x13\xd0\x1e\x0e\x16t\xd7\x89\x11\xa6\xb5hO\xee;d\xd3E\x81\xda\x00\x0c`\xa8\xab\x83\xad\xe6\x12x\x8fJ\x0c\x86\x9b\r&lt;\x17[x\x18H\x07\x08\n\x85!*\x9e\xe1\x81\xad\xcaf\xb7+D\xbe\xb4\xdd\xeb]\x1aA\x91\xcd}\xce\x07\xaf#\x1b\xad\x0b7\xeb#\xcb{e\xc8\x1e\xd5\xff \xdb\t\xf9\xd0\x00\xc0\xb97\x96H\x1bdh\x06\xc3\xb1\xb000 \xb0\xfc\xd8\x08\x00\x00\xcf7c\xde\x0c\xd4\x94\xddmi\xc8\x98\xe8\xbe\x1d__6\xe1\xc7\xff\xb0\xfc\xc5\x00\xbe8\xaeLA\xa3\x14y_\xb3\xe7\x8c_\x1b\xc0\x83\xb0\xb1l\xc7uc\xf6\x9f\x06\x83K\x92i\x9b3\x98\x97\x1c\xbf\xd4\x9d\x01f\x87\x9b\x8c\xeb\\\x98\rc\xa2&gt;\xb1s\xc5V\xc6\x93\xe5g\xb4\xa2S\xd8\xd2\xc0y\x95\xb5\xfb\xcdyDy\xf5\x1b\x00\xae\xd1\xcf\xfb\xdb\x84+4\x82\xc1\xd0\x16~\xb4\xc8\xbe\x05\xa2H\x01\x7fegXj(\xc3&lt;qoi\xd6\xbb\t\xb0Y&gt;\x02Ij\x02\x00\xe7\xbe\x19o\xc9\xfeu\xaa\xfa2\xa8\xb8\xbb\xaaW\xbfr\xed\xf6#\xe5\xf96\x07m2M\xddU\x0c\x8b\x16\x9b^K}\x86\x1b\x84|\xfe\xad\xfdLX\xd0\xe5\xf0\xdd\xf9\xe1\xdb\x8f\xf3\xe2\xf0\xb93\\\x11\xcc\x8bbD5"_\xc43G\xda\xc5\xd5\x7fzR\xe3\xdc+T\x12P9\xd9\xc67!\xab\xdc\x841^\x05\xe0#\x970\x04\xef\x87\xa4\x95M\xa5\xe1\x9c\xd0\x9f\xc7\xf3\x1b\x00He&amp;\n\xa9\xef\x7f\xb8\xe9\x90\xae\n\xc3\xd8J\xee*\x06=n\x9c\xf5\xea\x92\xc0\xb5\x99+\xaa\xe9\xc1{C\x86\xea\xc1\x08s\xcf\x8b\xef&gt;e\x984r\x01\x848\x9aN\x19\xe4\xb4\xcf;\xc6kC\xce\xdf\xf2;p\x9bJ\xc3MD\xfd\x13\x00\xffj\x13J\x86}\xe0\x9fM\xd6\xb41\x18\x0cr0yR[:\x0f\x96r\xa3\xea\x7f(n\x06\x05\x06\xf3\xab&lt;\xe4QC\xf9\xe7\xe9\x86l0\x94cuw\xe5\x06\xc0\x82\xe4\x1ap\xf2#:\x83\xa1!\xde\xe4h\x02\x1eN\x1f\x95o\xba|\x07\xcb\xa9Gq\xa3q\x03\x96\x06{\x02`89b\x7f\xfd\x0f\xf0^\xe6\xc1\x06\x19\xd2\r\xc0\x19\x92\xfe\xe0\xf4\x9c;\xf3*\xf2\x15\xa7e^\x8bm\xe0#[\xe0\x97\xc6\xa6w\x81\xd5\xfd\xfd\xd0\xc4\xb0\x9f\xdfB\x88\x16\xcb\x86\xf0v\xad|\xa3\x89\x9cT\x88\xb9\xae\xe1&lt;8[\xa9a\xc7B#\xe3\'l\x03P\x8f3\xd8\x90D\xf4\xb6\xbaah\xdc\xcbf\xea\x06\xa1\xc9+U\x00\xe0\xdc_\xb5\xa2t\x00.\xd9i\xb3\xc3\xbf8\x94\x8d\xc1p(\xceTm\x9c\x85\xa7\xe1\xea\xf1\xe5]\xca\\\x00p\xee\x93\x8e\t\xc9S}\xe2\xfc\xa6#\xff!\xe0L\xff\x1d\xb7\xc1\xd7\xec3\xddB\x15\\u\xa5\x9e\xcal\xf4\xc6fKV&gt;\x99\x87\xef\x92^\xa2\x97\x967\x83\x08\xb4\x9f\xa6R2\x18\x84\x18\xfb\xfd\x8d\xa1\xc8\xdch\xf8\xbe\x01\x00\xee\x1e#LM=\x87\x11F\x11a\xef\x13t\xf1\xfa\xb7\x14%c\xa5\x88\x9b\t\xfd\x06`\xdf\xea*\xbcr\xbd\x0e\xd3l\xc5\x8c\xc2\xaa\xcb\xe1\x02\x00\xb8Oi#\xb9]\x9d\xb0\x9bo|\xdf\xacovH@Aw\xb7O\x82\x03i\x10\x00\x00 \x00IDAT\xbb\x19n\x04\x06ZQ,\xde\x1a\xa2\xd2\x98\xe2\xf4w}Sv}#J\xa0\xfb\xba\x98\x1b`\x90\xb1\xf1\xf4\xe5\t\x80\xa6\xd3\xf9&amp;\xee&amp;\xe4\x7fY\xf5\xd9LSCq\xa8\x86\xf1O\x07\xd6\xf3\x0e\xa4\xfao\xf7\xb5Z\x06\xc3\xd5\xa2w0X\xa4\xa1\xa8\xaf\xe0\x9b\x90h dT\xe0&amp;2o\xf4`\x1b\x80qP\xea\x96\xaa\xcd\x9e\x04\x1f[D\xa3\x13.\x9c\xcfQ\xae\xbd}|\xfc\xfc\xa0\xa3\x19\x95\xe3\x14\x06w\xc5Qc\x1b\x00\x83\xc19\x87~\xf5\x95a\x07\xe4\x13\xd0\xe7f\x1eb\xb6ft}\xe8U\xdd\xf6&gt;{\xdb\r\x1fa\x1b\x80\xeb\x017\x8f\xf2rg\xc0\xe5\xe0\x9c\xe7\xb5\xe7b+\xc5_4\x9f\x05\x80\x0f)\xdd\xfa\x9e\xd0+\x0c\x861\xf1\xe4\xb3.\x0f\x12\x84\x99b\x88!\xb4\xb0d\x89\x84l\xd2&lt;$\xab\xde\xd8T^&gt;\xeaZ\x8b\x81\x1d\x83\r\x0c\xf5\xa4\xb4\x0c\xea\x11]b@J4\xae3\xac:\xa6\x8b\xb2G\x91\xfc{&gt;B\x19u\xdd\r\x86\x9b\x80%\xd2\n\xe2\x9f\xear\x8d)r\x1f\xacv\xfb\xa1\x92\xceX\xaa]3{\xf8\x08\xfb\xe6\xe0|\x83\x95\xcd\x11\xb3\xac\xc2R\xa6,\rh\xc7\xb84\x0b\x1d\xc3\x1e\x1d\x0c\n\x88\xa6\xb5\xb0\xfbN\x98\xd5!\x1aO\xec]W\x99?\x0b\x06\xa5\xe9R\xe2\xb1Oidd\x00p\xee\x7f6\x11e0\\+\xc0\xfbW\xd3\xeb;l\x03\xd0\x16\xb3\xdd\xca6c[R\xbe3\xf8\xd7_\x1db4bkh\x80hF\xe4st{\xae\xcd{9\xf7[\xbe\xccT\xa3\x04\x05\xc39\t\xce:\xb4\x9aI\xc1\xe6\xb4fG\x91\xefu\xd9\x00\\\xb5#]\x03\x8a\x97\x9b3\xc4\xd1\xb3\x8f&amp;`0\x1c\x84\xde\xab\xf8\xb7Xr\xef\x83\xb2\xf3\x18\xa6t\x8b\xef\xee5k \xfe\xe6\xe6\x9b\x8dm\xe3\xa7\x88Y\xf1&lt;\x06\x02_ \xaf\xffW2\xe0\x1c\xb8\x07\xd9$\xe6q\xba|\xb8c\x19w2\xcb\x188&lt;@\xb6\xfd\xdb\x05\xfc\x8av\xedg\x19\x86\x13c\xea\xad\x00\x00\xa6)\xa7\x05\xc0M\x93s\xa0\xe5s\x89\xab\xbc|\x83\x12\xa2Y\x0b\xdbGW\xfc\xee\xfc\xdd\xbe\x00p\xd3\xa4\x1d\xce)\x00\x00\x93s\xae\xc5\xb8\x16\xfb\xcc\x13%\xb6\x15\x1e\xb0\xa9\xb5\xd7+\x88\'8\x7f\x08\x97W\xc5\x10Msv8\xe5$\xaa\xd3Z\x95\xb2\x03\\\xdd\x1f`I\x0e\xdf\x87\xf0U&amp;\x01\x01.\xe1t\x96\x817\x0b\x96}k\x03\x9e\xb66\xaf\x1a\x0c;\xe1\x16\xaa\xd6\xb0\xbc\xb0\x1b^\xe1\xdb\x0b\xc4\xce\xffU\x87\xc74MkP\xd9&amp;\xbb\x08\xb8\xd1*\xab\xffD\x9a\x82PcL\x97\ns\xa7e`O\'\x9c\xa6\xa9\x95e\x17\xfb\\l\xf5\xbb\xf2~\xe1\xaf\xdf\xe5&gt;z\xb5@\x9a"b\xe3LS:\x84\x89\x99\xab\xd3.\x9f\xbb\xd2&gt;"\x1fN\xc4\xcf\xb2\xce\xf2\xddf\xdd\x88\xea\xfcg\xd7\xc5\xa5\xf1\xdc\x9dia\x8c\xe7\xe8\x13\x93w\xc6\xa4\x82\xa6=\x03\x8fWu\xd2\xc4e0\xf8\xf8\xc7\xf5q\xbc\x14=\x1e~Q2m\x03p\x14\x88\xd76\xb86\x87\xf0&lt;\x1d\xce`(\x9f!1\xbf\x00\xa9\x8bd\x84\n&lt;\xcap\xf5\xf8\x7f2\x93\x9e\xff\x9cz3\xb7\xa9\xf5\xc0\xf7/\xf3\xe1\x1b\xe4\xf6\xa2\xd2b\x80\x97\xfe\x8b\xbe&gt;[[8\x19\x0c\x06\x14\xeaM\x88a\x07\x84\x85\x1a\xf9\xc9\xeck)\xe6\xe6\xcf\x15\xb4\x19\xc8`\xdf![\x0c~~\xb7[\xeb;\xfd+\xee\x90w\x98\xf3\xfb\x8c\xc1\xb9\x03*\xa16\xba:\xd3\x96\noDc\xc8P"c\\\xfe\xe4\'8\x8c\xb0\xcf}\x19\x0cY\xe8^\x01R#IXk\x8d\x98]\xd4\x892\xe2\xf2\x9f\x96\x1c{\xe24D\x9b\x02{\xe2\xf9\xea\xd7d\x8a\xc9\xb9\xf9\xe5\xa2\x06\x85\xe9\xf6f\xc2`O\x8aK\xcb\xee\xf4]\x8b@N\xfc\xe9\x00\x80?\xdd~\xf3C&amp;\x12Sij\xdbB\xa8\xf1\xac\x86\x16\xbb|\xbac\xfe\x8cG\xa7\xb9\xc0\xd6\x94\x86\xef\xc8\xf5\t\xcfuS\xbc\x0f\x8d\x7f\x1a4\x0e \xfa\xef\x06\xe9\x8b\x8e\x97\xb2b\xfb9\xe8\xf4\xeau\xec\x0c\x06\x83\x1ei\xb2\xf9\xd0\xe5\x14\xb0\xf8\x91\xa8\xa0#x\x1b\x05\xa2\xe5.\x07Q&gt;\xd5A\xf3n#d\x9f\x00\x9c\xee(W\xc4\xb3n8\xa3\x9b";\xba/K^\xcf%\xda\x07\xb3\xef}$ \xae}\x88\xf3\x02\x8d\xe7p\x0f\xa0\x04\xddo(0\xf3\xaa2\xa4\xfa\xbd\xd0\x1e\xd3\x91\xf8X\x1b\xa9{\x9c\xe34 \xfc\x04\xe7\x1e\xe2\xdc?\xe6\xf4t\x99\xd3F\xc8\x9b\x9a\xf1\x9c\x11\x02\x9cZ\xfe\x0c\x86+@\xab7\xefo_\xce@\xb6\x018]\xb9y4\x1aX)X}\xc3\x8f\x89\x9fr:\x18\xaa\xdb@\xaez\x03\xd0\x08\x90\x80\xfc\xb4\x80s\xce\xbd\x1e\xdb5_\x1f\xb0\xf7_^\xc0\xff&amp;`\xcf\xd8\xec\x9d\n\xca\x8a\xb0\xb3\x07ck\xab\x1e\x90\xaee\xea\xce=M\x06\xc3P\xd0}\xd9\x0b\xf6E\n\xa0\x95S\x8c5A\x08\xbe\xcf!~\x04\xd8\x89\xcfi\xbf\x99$@\xd7\x81Di\xfd:,\xd6\x03W\xe3N\x11\xd2u}\x9a\xb6\xed\xd5\xe5[\x9a\xd2N\x0e\xc8\xa5\xfe*\xadt0\x00\x1c&gt;\x11}\x94\xc1M\x98\xc4h\r\xdacIr\x00\x87~\xe7Z=\xe0\xf2u\xbfG\x12\x18\xedUL\x83\xa1\x1b\x14\x9f\x01\xc0\xa3\x12\\U\xc0hNk\xa6\x05\x92\xb6\xe5\x94\xa4\x80sgZ\x0f\x9a\xc5X}\x003\x85\xd0v\xef\x89\xb1\x0e\x93z\x18\xe7\xa3\x1b\xbf\x0eQ\x80p\xfb\xe7\xdc4}\xb5\xe4\x8b#+H\x8f5\xad\xe7@#\xdf\x93\x1d\xe2vJ\x03\x03\xcd{zz\xfeO\xfb\xb0\x1b+\xc1\xaa\x01\xf4\xb6\xbfH\x1a\xa8\x1f\x07\x91\xaf\x0c\x073\n\x00\xeew\x06\xf27\x83\xa1;\n\x1f\x08\xb2\x11\xb8\xdbsF\xa1\x96\xa3\x1e\x04\x9f\xfd\x01\xb4\x0c\x03\x8dQ\xeex\'\x9f\x9a\x8747\xbb6f\xa3\x97\x7frB \xec\xa1~\x0bhg\x0c\xc3\xa7\x96F\x9b\x81\x94|a\x8b\xf6.\xaav\xf1\x8d\x11\xa6\xe3\xe9\xc3y\xe9I\xf0k\xf8\xf4\x95\x1a\xb3 iP-#\xef*\xd9Z\x18\x0c\x86\x04;E\xd1\xe0\xd5\x9e8I\xbd\xb07\x93\x1b\x04\x85K|bo.\xa1\xba\x91\xa1\xae\xc2\xd1\r\xc0\xe5N\xae\xb9z\x03\x00\x00\xce\xbd\x9a\x9c[=\xc6\x99\xaf+\xaaHt\xa3X\x07&gt;\xce\\t@\xb0\xb7y\xe0x;\xe1\x9e\xb8CMg"iT\x19\xb0\xee0\xe2\xe6L\x9cat\x1c\xf9\xc4\x10v{\xe9\x19\x00\xc6~u\x18\x00\x88\x97\xa1\xaf\x02G\xbf\x99\n\x00\x97?r\x1b_\x14\xb0\xda\xcfKO\x81e\xd1S\xbd6F\xbc\xf1\x8f\xbdn+XT\x19\xd57z\xb2\xa4QV\xf6\x96\xf3~\xefF\x0b&amp;\xf1F\xbf\xa8\xbd\xbb\x933\xd6&gt;\xc1D4][\xe3\xf4T3\x117:Y\x19\xc6@\xe7\xbf\x03\xc0bJ\x9e\xacu\xc2\xf8;\xee\x8e\xdf3=\x02\x06Hs\xa9\x0f\xc8\x92\xef\x7f\x12\to\xe5\xc0\x0f\x19\xdeUK\xd6R\xafy&lt;\xbe\xe4\xdb\xa2D\xfa\x99\xbb\xc7{\x1a\x82}\x0ek35\xf3j\xdd2\x13]z\xed1\x10\xc1$\xf6\xfaJ\xfel\x8b.z\x95\xd8\xdd\xc9iuC\xd8\x03\x01,_F\xb7\x14\xd9\xad&gt;\xe2\x12\xfc\xfaau\xd2\xc6\xccU\x06C\x1f`\xe9\xb5\xeeQ\x9a\n/\x1c7]\xdd\\\xec\xf7\xcd\x83\x15\x1d\xef&amp;i\xb84\xbf~\x1f\xfb\xe3\xa21z\x91\x8e\x1f:\xe4_\xfd\xe9\x98(\xaea\xd6\xb2\xc6\xa9\xb2\xde\xd58\xf6oUz\xd1\xb5\xd8\xa1\r\x9aZ\xa3\x9d\x8fu\xca\x18\xa1\xd8\x1b\x91\xed\r\x86\xbe\xd8g\x03\xb0\xd76\xc30"\xea6\x00{(\xba\t\x10&lt;\xee;j\x03\xe0\xd6-\\7\xf9\xc7#\xb1\xde\x19\x06{\xad\x015\xc8\xe7\x95\x87Bb\x90\xdf+\xb6R\xbec\xcd\x8a\x00\xfe\x0f\xaa\xbe\xb6@\x18\xce\x0b\xea[;:I\xa6[\x07\x95\xc4\xe3\xd7\xb2\x81\x8b\xf9\x93%\xdc\x13Qm\x89O?\xd3\x1c\xed\x8f\xc3&gt;\xa1\xdeJNP\xca\xc7!\x99\xaf\xfeGZ&gt;\x87"#\xc2\xe9\x08\xd7\x1by0\x9fi\x8c\x82\x1atX\xa0c\xe1\xa6\xafvZ\xeb\xba\x17\xfa\xd5\xb9\x8a\x10\x83!\x87\x16\x19\xb6xi\x0fz]M\xae_\x06r\rcYAMM4\xd2\xab\x99\xc4Z\xe0\x0e\xb0\xbfe\xbe\xb6\xe9\x8cD\xa5\xfc\xfa\xbf\xe4\xde\xe8\xd5\xbf9j\x1e\xa0:s!\xed\tl\xb1u\xf1\x9f;sBm\x9a4x\xbd\xc3\xcc\xf5[D\xc6\x1bo\xfaD\xe9(O\xdb&lt;\xd3p8\x9a\xfd\xfd\x97\xc2O&amp;\x85A0\xe8g\xf8v\x84o\x8fk\xb2\x06\x10_\xc5@]7\x1c\x0f\x10~w\x96\xea\x9b@.O\xcf\x83K\x93l\x91\x1f*\x1c.q:\x14\xa5\xd1\xa0^\x14J\xbe+,\xe3{\x96^\xb4\x00\xec\x0b\xd3\xba\xea\x9b\xff\xeb\x9c;S@\xbd\x81s/d\xfc*v~\xdc\xb7U\x99\xd3`h\x8f6\xdf\x024M\xcc"N/\xee\xafVQ\xfd_\xe9\xee\xf9\x1d\x8e&amp; \x04z\x04\xc2\x1ciP_\xc5\xb0\xcb\xd7\x1f]\xa7\xab\xf4\xc5\\\xfdK\x9a\xaa\xa6o\xba\xfcm\xe8@\x95\xa4\xdbH\x95A\xaf\xa3\xbb\xeb\xcai\xea)\x93}\'\xafs\xdf\xea\xf7\x11p\x18\xc8s\xce\x81}c\r\\\xd5\x14\x1d\xf4\xb4\xfc\xf7y\xd2\xe1=bg{U\xe1n0hQ\xf1|v}\x8b`\x93p\x8e\xe5SB\xf2\xac\x8f\xad\x1f2\x1e\xed\x93Z\xf2p\xec\xf3\xee\x84\xec\xb5\x9fqf\xf0\xdf:\x07\xce=u&amp;\xd6\xda&gt;\xaf\xd5|\xb0W\xe6\xfc\xafd\xaf\xf4\xdc`0/\x91\xee\xe7\x12b\xf7\xdb\x9aq\xdfyP\xcd\xc7`\xd8\r\x85a\xb6\xd3\x12&gt;\xe0\x8b\xc2\x08\xee\xbb\x13\xc3\xe6\xa6 \xa5\x8do\xf3\xeb\xc4\x15\x98]R\xff\x8f8\xccN\xac\x1a\x8b\xcdH\x1b\xce\xaa\xce9\x19\xabW\xee\xce\xc20\x18\xf8\xb3\x80\x0e\xc7\x04\xf8\xc7\x915\x19ims\x7f\xb9\x16\x83a\\\x14.N{\x9d\xe1\r[.\x1c\x83\xd6v\xe0\x0ck\x967\x14\x82\xaf\xfb\x87:\xfeo\t\xc0\x8e-\xdb\xd71\xbfx2\xebir\xc8\xc9\x86f\xa8\x04\x12\x1d\xbb&gt;\xfc/8\x92\xc84\xb3\x15\xd3p&amp;\x0cP\xe4\xe5#\xaa\x11C\x8bL-\x0e\xf7\x8d\x1dq\xaf\x1b3R\x1am\xa7\xfb\x86\xd4\xfd\x17\x1czT\x01\xec\xaf\xa7A\x87C_\xc3\xe9P\xeb\x00\xf20\xc4\x8e\'D\xbd\x98\xcfF\xde\xa0\x15\xd3p\x05H\xfd\xbe\x7f\x16N\xd5\x1d\x89\xfd\x08\xe4\x15Y\xee\xd0\xa0\xd5\xc4\xbd\x04\xb2&gt;\x7f\xb8\x97\xee\x00\xafR7\xe80\xcc\x83\xca\xc3\t\xd4\x00v{\xb0|8\x86\x8c\xb5\xa1\xc8\xd4@:\x10\xec\xe1\xa4\xa8\x17/P\xa8\xdd`8\x1e\x87\xbbl\xac\x9d\'s\xeb\xe6G\x89\xba\xe1\xf7\xb4\xd5\x07t\x93|\xc6\x94$\xe0\xbc\xe3\xa7\xc4\xf6R\xd4\x0f\x9f"i\xd4\xeaQ\xdb\x8d[\x05\x07\xd9\x00\x1cN\xa0\x12o\x00\xce=\xf8*\xc2\xad\t*\xed\xf0\xfemX\x8c\x81.\xc1\x15}\xe3H\x03y\x03$\x01\x83A\x8ej\x7f\xdds\xe5\xd3=\xaa\xbb\xc1\x18\xe0l\xa9\xdb\x1c\x99\x03\x0c\x8f\x01\xdcow\x0c\xe6\x93\xfe\x14\x80{\xcd\xa1\xb81\x007\x9c%\xc7\xc1\xe1f90\xae\x0f\x1f\xbb\xc1p\x83 \x8e\xb7O\xf4_\xf0\xf5{\xd5&amp;\x0bz\x19\xb0=\x00\x87A,\xd3\x8f\xc6:\xfbb\x15C\x18\xc4`\xd8\x13/\x05p\xee\xe3\x9ds\'| \xc3\xb0\x85\xe6\xa7\xb6\xe7En\x1d&lt;\xc2D{\xe6d\xe5\xbb\xfb\x06\x83\xa1\x07\xee\xe3\x9c[R\xf3\x92\x95\xaacr\xbcW${\x03\x1d\xac\xce\x02d6\xdc\xf5k\x95\x9ds\xce\xfd\xf3\x8e\xea\x94\x1b\x80_\xe8\xc7\xc4\xd0\x0e7*\xd8[@\xf6\x99\xa2!_7/\x84\xf6um\xb9\\\xa1v\xe7&gt;\xe7\xf2cK\xed\xa5`j\xdf\xda\xb2X\xd5]\xaf\xa8U\xc9&gt;\xc8\x06  p4\x19\x83\xe1\x00@\x82}\xd4\xee\xa2\xe5\x1c`\</t>
        </is>
      </c>
      <c r="E785" t="inlineStr">
        <is>
          <t>&lt;class 'numpy.ndarray'&gt;</t>
        </is>
      </c>
    </row>
    <row r="786">
      <c r="A786" s="1" t="n">
        <v>784</v>
      </c>
      <c r="B786" t="inlineStr">
        <is>
          <t>steps_per_sec</t>
        </is>
      </c>
      <c r="C786" t="n">
        <v>8800</v>
      </c>
      <c r="D786" t="inlineStr">
        <is>
          <t>2.6673746</t>
        </is>
      </c>
      <c r="E786" t="inlineStr">
        <is>
          <t>&lt;class 'numpy.ndarray'&gt;</t>
        </is>
      </c>
    </row>
    <row r="787">
      <c r="A787" s="1" t="n">
        <v>785</v>
      </c>
      <c r="B787" t="inlineStr">
        <is>
          <t>Loss/RPNLoss/localization_loss</t>
        </is>
      </c>
      <c r="C787" t="n">
        <v>8800</v>
      </c>
      <c r="D787" t="inlineStr">
        <is>
          <t>0.06807237</t>
        </is>
      </c>
      <c r="E787" t="inlineStr">
        <is>
          <t>&lt;class 'numpy.ndarray'&gt;</t>
        </is>
      </c>
    </row>
    <row r="788">
      <c r="A788" s="1" t="n">
        <v>786</v>
      </c>
      <c r="B788" t="inlineStr">
        <is>
          <t>Loss/RPNLoss/objectness_loss</t>
        </is>
      </c>
      <c r="C788" t="n">
        <v>8800</v>
      </c>
      <c r="D788" t="inlineStr">
        <is>
          <t>0.016643958</t>
        </is>
      </c>
      <c r="E788" t="inlineStr">
        <is>
          <t>&lt;class 'numpy.ndarray'&gt;</t>
        </is>
      </c>
    </row>
    <row r="789">
      <c r="A789" s="1" t="n">
        <v>787</v>
      </c>
      <c r="B789" t="inlineStr">
        <is>
          <t>Loss/BoxClassifierLoss/localization_loss</t>
        </is>
      </c>
      <c r="C789" t="n">
        <v>8800</v>
      </c>
      <c r="D789" t="inlineStr">
        <is>
          <t>0.08154782</t>
        </is>
      </c>
      <c r="E789" t="inlineStr">
        <is>
          <t>&lt;class 'numpy.ndarray'&gt;</t>
        </is>
      </c>
    </row>
    <row r="790">
      <c r="A790" s="1" t="n">
        <v>788</v>
      </c>
      <c r="B790" t="inlineStr">
        <is>
          <t>Loss/BoxClassifierLoss/classification_loss</t>
        </is>
      </c>
      <c r="C790" t="n">
        <v>8800</v>
      </c>
      <c r="D790" t="inlineStr">
        <is>
          <t>0.065764174</t>
        </is>
      </c>
      <c r="E790" t="inlineStr">
        <is>
          <t>&lt;class 'numpy.ndarray'&gt;</t>
        </is>
      </c>
    </row>
    <row r="791">
      <c r="A791" s="1" t="n">
        <v>789</v>
      </c>
      <c r="B791" t="inlineStr">
        <is>
          <t>Loss/regularization_loss</t>
        </is>
      </c>
      <c r="C791" t="n">
        <v>8800</v>
      </c>
      <c r="D791" t="inlineStr">
        <is>
          <t>0.0</t>
        </is>
      </c>
      <c r="E791" t="inlineStr">
        <is>
          <t>&lt;class 'numpy.ndarray'&gt;</t>
        </is>
      </c>
    </row>
    <row r="792">
      <c r="A792" s="1" t="n">
        <v>790</v>
      </c>
      <c r="B792" t="inlineStr">
        <is>
          <t>Loss/total_loss</t>
        </is>
      </c>
      <c r="C792" t="n">
        <v>8800</v>
      </c>
      <c r="D792" t="inlineStr">
        <is>
          <t>0.2320283</t>
        </is>
      </c>
      <c r="E792" t="inlineStr">
        <is>
          <t>&lt;class 'numpy.ndarray'&gt;</t>
        </is>
      </c>
    </row>
    <row r="793">
      <c r="A793" s="1" t="n">
        <v>791</v>
      </c>
      <c r="B793" t="inlineStr">
        <is>
          <t>learning_rate</t>
        </is>
      </c>
      <c r="C793" t="n">
        <v>8800</v>
      </c>
      <c r="D793" t="inlineStr">
        <is>
          <t>0.03952669</t>
        </is>
      </c>
      <c r="E793" t="inlineStr">
        <is>
          <t>&lt;class 'numpy.ndarray'&gt;</t>
        </is>
      </c>
    </row>
    <row r="794">
      <c r="A794" s="1" t="n">
        <v>792</v>
      </c>
      <c r="B794" t="inlineStr">
        <is>
          <t>train_input_images</t>
        </is>
      </c>
      <c r="C794" t="n">
        <v>8800</v>
      </c>
      <c r="D794" t="inlineStr">
        <is>
          <t>[b'1024' b'1024'
 b'\x89PNG\r\n\x1a\n\x00\x00\x00\rIHDR\x00\x00\x04\x00\x00\x00\x04\x00\x08\x02\x00\x00\x00\xf0\x7f\xbc\xd4\x00\x00 \x00IDATx\x9c\xec\xbdy\xfc\x7f\xdbT?\xbe\xf65\xd3p\xc9\x94\xcc\x19\x92\xa1$\xd4WE\xa6\x0ce\x16\xc9\x94\xfa\x12\x1a\x88B}\xa3\x90(\xa1d\xf8\xf6%\x99*\x91!C*C\xc9\x10\xb7\xc8,E\x84\xcaP\x86_\x99\xb5~\x7f\x9cs\xf6\xd9\xc3Zk\xaf\xb5\xf7&gt;\xe7\xf5z\x7f\xee~&gt;\xee\xf0z\x9f\xb3\xf7\x9a\xf7\xda\xe39\x07\x00\x00\x00\x01\x108`\x84\xec\xf6-\xc2B\x80\xb8P\xe3\tZ\xf0\xd6\x99i\x1fj9b\xd50G\x05\xc9-%\xcc\xf1\xe0\x88#"\xdc\xac(\xc0\x86\xf6\xa4\xf0\xc7\x94\n\xab\xcdw\x94\xa4/\x10\xc4 i\x8b\xa2-\xb0\x8a\xd1#\xcem\xacC.K\xa2`\xc5I\xae\xc2\x96\xe2e\xac\xb5\xbc\x04\xf1\x1a\xcc{\x88FQ\x96S\xa5\xa3Q\xd9.\x9a"\x9c\xb7\xd0\xfa\xfa\xf6G"+s\xe4 \xe2G\x8e%9\xd0\xb06\x8a\x81\x81\x81S\rb\xef\xb8\\\\\xef\xe6\xc5\xce\xb7\xbd\x8c\x95\xc8\xfa\xad\xea\x9e{\xad\xdbw\xbcr9\xc9\xf83\xdbT\x80\xe0\xcf\x8e\x92\xd4\xa2\xa3Y\x8eA\x9d\x08\xf2\xb0i\xd2Z\x1bK\xdb\x8f\xc2cn\xa5\xb8j\xe7\x97\x0e\xc2B\xfc2U0\x12\xa9E\xc2\x87q\x06\xa7\xaf#\xd8\xb9\x88\xb2\xe1\xbf\xd6\x05|}\xf2)\x90Mf\\$W\x80K\xca\x12-\xd7\xbeN\x1c\xffKb[\xf2\x00\x02\xfc\x9c\xae$\xcd\xa86x\x0c\xe5\xf5\x8a\xaf\xb8\xd1\x06\xfe\xdd\x0c\'H\xd4\x81\x81\x81=\x11\xae\x80\xca\t\xa2{\xfa\xe8H0K\xc7\xd5}\xf0\xd3f\x83\xd4\x8e\xe4h3*$\xe1\xba\xf6\x91\xb8w\x80\x8f\xff\x9f\xe7\xc2R5\x16\x91\xbc|B\x9dx\xc1\xb0\x1d\xdd9\x19\x80\xc6\xd6`\x06R\xb6\xd6\x94\x8eC\xa9\x8a\x9c#D\xef\xec\xb9\x02Z\x99|\x10\x11\xe0u\xc2\xfd\xf8\xcf_\xab\x91&amp;\x96\'\xb7\xf6\xe2\xacB\x90\xff\x1a\xae\xb3\xbb"\xe3\xeaYq\xb9\xc5\xf5\x01f?\x14u&amp;\xd9\x9eR\xddM\x90\xbf7\x01\xd9*OlF\x1a\x18\x18\xe8\x02"\xef\xef\xca\xba;En8b%Uo\n\xba\xfb\xd4Hr\xaa\xa5\xe3\xde\xfe\xdd\x01\xcf\x0c\x96Q\xd9\xc3\x12\xc2\x10\x93kJ{\x8dc\xb6\x00\xc6\x8a\x8b*T\x1e\xd5X\x9b\x06=\x1e\x85\xdf\xe6E"\xaeZXK2\x01\\\xcc\xffU\xb7\xb1`M\xaae\xe1\xab63\x85LX,\xc0Q\xcd\xb6w$\xf6\xbf\x17\xcd\x16\xac\x0e\x8afD\xbd\xfckG"y1\x1b\xf0\x84b\x8bu\x0cZ\x99c(\xf0\xf2\xfb\xb2\xdb\xf1\xdc\x8c\xf2\xc0\xc0@\x0f\xd4d\xff\x06n\xf9\xe8|Kv\x91z\x15\x95\xe1W+\xa6\x01a\xaf\x8f\xc9\xc5]\x8c|&lt; 5=\xa8\xee\x9f\x9fDz\xb0\\Jp\x93\xe8\xbe\xdc\xcb&gt;\x12N\xf4\x04\xe0\xad\xabF\x1b\x84\xee\x0f\xc6\xed\xc2\xff\xfe\xa4\xd4^\xc8[]\xdb\x17""\xfeC|\x9e\xd0\xee\xbe\r&lt;n\x9cN\xe4\x10\x8a\xfd\x82\x8a\xf8\xc7W\xbd&gt;S\xb0\xf9z\xf7\x12A+hs\x90\xc5\xbf{\x8c\xaa;TD\xfc\xc55\xba~d\x1b\xb1;\xb5\x8b\x81\x81\x81S\x07i\xdf\xb0Y\x8e\xc8R?\xd3\x13\xf4\x94A\xee\xf6\x84J\xf3\xf0\xbd~0\xf1;\xc9bp\xb1\x0f\xee\x8dc\xc8\xf5\xb9\x7f\xbd\xee\xa4\x97\x11&gt;\xb9\xed\xfc\xd3b\x7f\x9b\xf7\xc9\x91V\xd4\xacv\xde^\xeb\x87=B7!&gt;\xd9\xea\xba\x02\xd3$_U$\xb1b\x19O\xcaJ\xf9x@\x86b+\xc1\xb8\xf1\x1a\x1e\xa0\x9f\x8b\x9d\xccV@\xa2\xda\xa4y\xc5\xf8\xca\x83\xbas\x1c\x18\x18\x18 \xb0y\xef\x1es\t/\xc4\x9d\x01\x06\x1dLO\xa6?S\xb5f\x06\xebP\xb5\x1a\x8fZ\xc7\r\xe6\x01J\x0b\x8a\\6\x97\x81\r\xaa?_Gl[O\xffx\x894,\x1e\x01\xff\xe8K\x96\xab\xe4\x03\x9d\x94\xdd\xc1\xbb\xed7[-0#\xaaEV\xdc@5\xc2\x80\xf1\xfduN\xc5\x19\\A&gt;\xf8A\x97\x02\xc0\xff\xb3_\xb3\xe5\xa4\xb0\xf9+\xadi\xb0\x8c*\xc8?\xb5\xd8\\\xe3\xf7\x8c\xfb\xa1[A_\xd4F~\xee\x0b\xa9}\xad+)\x9f\x15\x8b\r\x0c\x0c\x0c\x98\xa1M\xcd-\xa9\x87\xea\x8c&lt;\xdfh\xa5\xad\x8e\xbe$3\x9c\xcb\xff\xa5\x17\xb5\xa3\x04\xe1\x1f\xfbt\x81\xa7\x17\xe4\x7f\xb6\xfe\xf1\xc1*\xc8c\x8eo(\x0fGzG\x82~\x18\xb4v\xb1\xc1\x82\xb4N\x98t\xc1X7\xea\xda\x07\xf5R\xc5M\x95\xbe\xdbU\xd4\x88)\xc7W\x9es)\xe9\x07\xc9\x87-\xf3\xd8\x03\xbb\xaf%\x8a:\xc7aJ\xadf\x02p\xfc0\t\xd9m\x02P\xea\x85\x93\\$\xec\xa3\x0e\x0c\x0c\x0c\x98q\x97R\x81&lt;\x89#\xc0]\x95\xd4?\xcdv\xd5\x08p\x13\xbf\x92\xb7\xc1\xdaF\xe7^\xb0]\x94\x03\n\xb0\x17$\x83\xc7\xb7n\xc0Qx_\xcf\xf5B2\xea\nE\xe1"u\xdc\xaf\xa0\xe7u\x10\xd8\x83Pj8\x87\ni&amp;\x9dh\xdb\xf86bo=\x11\xaa\xaf\xab\xa3P\xcfK#\x82\xbe\xd6vM\xa6\xdc$\xf5r\xf6\x0f!\xdb\xc4\xf5h3\xcc\xc0\xc0\xc0\xa9\x05D\xf8\xc9(\xd7Tu\x15dW\x8d\x00\xf8\xb7\xfe\xcf\x9e)\xf5\xe5\xfd\x96c/\xd9E\xbcm\x86\x1du\xd8E\x0c\xbasjw\x87I\x04.\xea\n5\xaaL\x14s\xe9\x1f\xd2\x87\x82\xe0\xa9\xc3\x844\xe9\xd6\rrHY\x08\xbf\x1c\x8b\x88\x00\xb7\xdd\x80\xc3\xa2\xd7\xff\xaa\x9c\x03\xccgH\xfe\xb4p\xfeg\x8bV\xa9kq\x01\xbe\x19\x11\xf1]\xdby\xb0\x8b\x8e\xbei\xef&gt;\xf2\x0e\x8di\xb6\xed\xc0\xc0\xc0\x80\x1d\xf8\x04j\xbf\xb2%\xfbD)8\xea\xb9\xfb\xe4\xb2\xd7u\x1d\x1cH\xa3\r\x9b\xc0\x9f\xdd7_\xf3\x1b\xca;\r\x92\xa4e\xe3\xbeC\x8d\x12\x9f\xd8k\xff\xa9&lt;\xd23\xe3\xbft\xbe\xcecc{\x1d\x01\x00\xe1\xa7\xe2}\xb9\x86P\xe7Xl\xaf\x85\x11\x91\x9d\xbf:\xbc\xb6[\xfb\x8acxS\x13\xa5\x81\xb4A\\%\xa1\xdb\x8dl\xf6\xa3,\xc5\xb6\x1e|D\xab\x8eT\x98\xf5\x15[:\x0b\x84y\xbf9000\xa0C\x90\xe5\xdbVA\xfae\x1f\xa4Rj\x0f\x8a\xd9\x80\x0c\xe0j\xbd\xa8\x19m\xb8\xef\xa6-\xd7\x97wq}\x07D\xa6\xd8\xcc \x82\xdf\xb4\xa3y\x93\xd7\xa8\xc0\x08k!\xc0k\x97\xdfWC\xc4\xa0\x11\xd5:%\xf3r\xaa\xa3\x96,&amp;\x95Ce\xabd\xdb6\xc0\xe8\xf0\x9eD\xdd\x07\\\x13\xdb\x8c_\xce\xbc\xb3\x917Q\x07\x99\xdf\xb2\x08\xf8\x9e#;rV\xc2\x9e\x91\xb02\xdd\xa0\xe4\xc0\xc0\xc0\xc9\x83S\x97L\xd3\x94s\xfa\xba\x11\x1d\xc0\x89m]\xf5\x8cZ\x1f:\x0b9*\x17\xbbZi\x8b\x99\xbdd\xc3\xdc\xe6\xf3\xff+\x84Q b\x17\xca6\xddp\x81\x04\x87\x82\x17\xd1-\xbdSm\x1c\xb2\x1c\x00\n\xa3V\x05G[X&amp;nv\xce\x01b`j\x9c\xffB\xb6C\xb6\x86\xe8j\xc6\x98K@MO\xf0\xd3\xf0\xd8\xaf\xc1\xfb\xd4\xd5-J\x95\t\xd7\x14\x87\xa1\x8e.\xb9\xd1;\x90$\t\xaaSJ\'\xfe\x00\xfd\x1b\xcevP\xb4\xa6 &gt;\x08\xbd\x96\xbbG\xa8\xf2\x12\x0fe\xc1\xe2\x92\x95\x1d\x1f"Z\x9aO\xe7\xeeu``\xe0\xa8p\x9a\xbad\xafD\xe0\xba\xa6\x94\xce\xe9)O\x8cTW\xad]B\x93\xd3zy\x14\x99\x8e\xfeo\x0c\xe0\xf6\x1a\xfd\'\xac\x8fb\xf4\x0f\xa1\xf2n\xc6v\x1cx\x14\xbd_/\x95\xef\xde\xc3!\r\x00 ?\xfa7!\\q\x8c\xad\xe7\xdcjRS\x98}-\xdc\xb7\xba\xee*\x970\xebJ&amp;H\xe1\xf6\x8a\x8d\x07_|\xaf\xd0\xfeW\x98\xcd~\xa8\xa6$\xb4\x99C\x9e\xee\x13\xa1\xb0\x95s\x8f\x99\xffO\xdfun\xbauR\x97\xb4\x83P\xf7\xb9\xa1B\x17k\xb5\xc3\'\xfc\x81\x81\x81\xfd!m\xa4""\xbc\xa0%\x93n\x93\x85{?\x82\xf6\x1d\x11\xc1\xe4\xb7\x85W\xed\xa6\x7ft*c\xfbm\xe2=y\x1d3\xfe/\x16\xd0\x9dcJ\x9fb\xd4C\xa4\x17\x05\xe5\x8f\xd0\xc5l\xf8\x95t\xd7\xeaRW\xeb\xd4F\x12x;\xf0\xdb\xcc\xf2\x02Y\xaf\xdd\xb7n\xc3z\x07\xa4\xd9\xa0\xc2\x8c\x9b&amp;\xb1\x81\x81\x81S\x06L~9L\xf7\xa9:\x8b|\x1c\x9d:\x9a\xa7\x07E\x82\xfb\xe9u\n\xf4\r\x7f\x1fM\xb7\x9a\xbb\xc9\x86\xd1v\x07\xa6\x00\xcfV\n\xa6Pss\x15\xb6D\xc9#:\x8d\xf4\x168\x99V\xd2c]N\x8eBH\x1bK)5u\x10.\xb8\xff\xbe\xb6%\xc4;\xe9\xce\xad\x92\x9f\x8f\xff\xe5\xe2\xc5;\x88600p\x8a\xc2\xd6\xe3\xf6bI\xe5\xbb,\xa1\x1f\xb4\xc36\x8e\xc6\xf6\x047\x0e&amp;\x85\xac\x96\xfcX\xb4\xbe\x16=:4\xc8\xd68\xca\xac\x03\xcb4\xc0\xfb\xd6\xe8\x92\x8a\x15\xe9o\xa6\xc4\x86\xe0\xeccR\x8a)L\xef9\xec\x9eO\x1e\xb1\x1b\xfd\xc5\x08\xb4%\xff\xb2e\xa3R]\x01\xe0\xf6&amp;.\xbd!\xa7DN\x91\x9e\x9b\xcc-\xb5\xab%\xa1=u\xc2\x93\xc3\xc0\xc0\xc0N8@\xa6\xb8e~\xfcf^\xaczLt2\xf2O\xb7\x15\x03\x11\xae\xcbh\x1d&amp;\xd0#\xcb\xa1\xbb\x8c\xfc\xb6\xd5\xdd(|\xfd\x00\x91\xac\xbf\xd7\x0e\x0c!\xf3\xc38\xd6\x89\x84\xdfm\x98\x00\xc0\xed\x8f+&gt;\x95\xa0\x9d\x1a\xf9W;\x07 )\x1f\xbc\xd9\xc6\xf1\xd6\x9b\xe67%\x94\xd7\x14Zm\xc9\x9c\x8f\xa9t\xa5\x9ao70*\n\xb2\nCY\x83\xab\xd2\x89y=)\x93\xb5\xc9\xbaq\xf5\xa2\xf7Od\xc6\x18\x18\x18\xe8\x0f1?J\xd5\xeaR^\xc8\x8b\xee\xae\xb6\x1e\x9f\x95{\xc77XWPbj\xdb\xa6\xd7R\x97VO\x18\xde\x8aa\'\xba\x01\x0b\x80\xd4V\xc6:\x05\xc7\x15*\xb7\xed\x87Tc\xe1~\xf1\xf2lSm\xf3v\x8d\x0e\x0f\xb2\xf9\xdb\x03o\x1d\x04\xdf_\xaaN\xdb\xaa\x9f\r\x11\xa3\xdc\xf5\x17=\x1b\x11\x9f0S\t\xea\x9bI\x8bt\x88\x88\xf0\xb2:F}\x85\x8c\x14\x8f\xecp\xe8\ta\x0c\x7f:k\xf9\xb37}1\x00\x8e\xca\x14\x03\x03\x03\x87\x04"\xe2\xbdm\xf9\xb1\xbac\x0b\xb3\x12\xdb\xf7\xff\xf8\xb6\xc9Z\xd1A\xdaz\xee\xa3\xedfr\xf0\xe2\xbd \x99\xbd\xa4\xfdh\xdc\xa94H\x80\xf5t\x928\xb1V\xb2\xb2\x0b+W\xd4\x8d\xf1\xed%\x0e&amp;9\xf7\x98j\x9a \xb5\xa6R-\x12J\x02$\x19\x8eO&gt;\xbf\xed\xe1\xd9\x94d~\xa9\x9a(,\xed.\xa19\xad\xbf\xc4\x94#\x1da\xf5\xc8\x1b\xaa\xb5\xb2\x89j\xc1\xc5\x99\xf2\x15!\x94S\xf06\xd7\xb9\xe00\xed\xa8k\xf8\xe9Y|l;v\x03\x03\x03g\x12\xd4\xf6miO\x1d\xd2\xf1\xdf*\xday\x11\x9d\xe2\xf5\n\xdbP~!\xf5\x87\xfa\x1a\x87\xeau\xf8;\xb1H\xbc\xa7\x1a\xfb-\xc2\xef\xb5\xd5\x93\x8d\xfeb\x95\x16Y\xc3qX\x17,\xba7\xd8\xb6\\\xb8"\x86\x9b\xa6I\x15&amp;j\x0f\xb0b\xdd\xabp&lt;\xea\xa2B\xcd\xbd\xc5\xa4\xc9\xc4;\x1b\xd6\xd3\x13\x80\x84\xc2QM\x11\x03\xb4\x98EE\xfc\x1e\x98\xce\x0c\xb7\xe1Ep\xf7B\x94{\x90J#\xa8\xad\x17\xeb\xbe\xaf\x1d\x06\x06\x06\x0e\x80\xb3\x06\xbf\xa7Otm\xf0\xea\xdfx\xe7\x19P\xfb!0.\xfd\xb8\xe9?{\xbd\xa4x\xfa.\x13\x08\x9f\xef\xb9\xde\xa4\x13*_\x9c\x9c\xbd\x89\xbbP1\xe0\x9e\xdd\xc1\xf9\x93X[|\xe3\xc6\xb9y\x0e\x90}5i\xfe\xafs\x93\xe4\xc7\xdbQ8\xe7\x82.-\xbe\x87H\xda\xb4\xda\x92\x9e\xfccW\x13\x11\xd6\xb3S\r\xbf\xc1\xf0\x11\x80o\xa8\xa33\x8bw\t\x84\x0f\xb2_J\x9a\x940\x08\xac\ry\x1b\x04\xbb\xad\x17\x83\xe1Ic\xf0c\xfc\x15\xb0\xb7\x96J\xf3I\xd2l\x8e\x90\xaf\xcf3j \xa2\xa7\xb0|\x19om\x9b\x11\x9f,_\xe66\xd3\x7f\x1cJ_XM\x90\xefz\x90\xd6()3\x1b\x8e\xfb\\\t"2\xd9;\xf6\x80\x83(\xb0*\xa1\x0f\x83\xe0\xb3y\x0f-U\xac\nr\x8d\xf5\x18n\xe3#\x00\x03\x03\xa78\xd6\x0f\x81a\xa7/\ryz~y&gt;^w\x9a\xb6\xd5U$~\x86\xbb\xb1wj\n?r\x94\xc2\xaf\x93 \xc2\xed\xeb\x16i\xf4\x16\xe1\xa4\xbb\xbf\x9e\x17"\xe2G\xc4..XJ\xe4\x18B\xfc\x11\xae\xf57\xf7\x1d\x1e\xb5|Y\xdd\xe2\x85z\xd2[\x85\xd1?oBu\n\xbf\x8bj\x87i\x93\x13\xd7\xb3X\xcb\x8d\x0f2\xb4\x01\x1c\xc0e\x96\xda\xda\xe5\xc6*\x13z\xc3;\xf7\xbd^^\xae\x8c@%\xf8\xfaX\x0e\xe1\xd0H\x13\xc4\xfaes\xac-\xc5\xe5\xed\x82M2\x13\xe7l\xc7`\xbe\xbaVv\x0f\xdc\xfe\x8cH\xf7\xe9\xbe\xf3\xff!\x19\x9a\x9a\xe9:\x07\xca.\xab\xc5n\x9d\x04\xa4\x1d\x9e\xaa\x1d9x\xc8&amp;\x9f\x87\x9bg\x87\x92\x11\x17\xf1\xd6\xcf\xa5\r\x0c\x0c\x9c\xc9P\xb5\xe5\xb7\xee;\x87;\xc8\xebF\xeaU0\xfa;\xda\xf8.\xf3\xa2\xeaMu/S\xac\xbb\x1b2\xd9\xf6fo)[\xb6?c\xf0s\xd6qAD\x80W\xe9\xeb&amp;\xb8j\x1f\xc3rQ\xd4\x19+ec\x9c\xd7q\xf1\xbc\x8ae\xecZ\xeb\no\x15\xed\x9bx\xc7S.\xda\x84(\x80\x08\xf0\xe2\xed"g9\x9f\xc3S\xa6&lt;\xae\t0\xa1\x0c\x17&lt;\n\x11\x88\x11v\xca\xa5i\xa2pzE\x0bZ\xcb?\xaey\x8e\xb7\xdaY$\xb5\x16\x88\x87\xfc\xc1u9fr\x9f\x0e\x0c\x0c\x0c\xec\x8f\xba\xaf\xc0\xd0\x1d*\x93\xb8\xf3\x02\x95\xd4M\x8a5\xc0\xd6\xf1\xd8\xad\xd7\t\xad\xb3\xa9r1\xab^\xbd\xdc\xd4\xdd\xe3=\x08Fu\x13\xe3xs\xad\x8c.\x99\x0f\x11\xdaP\xf2\x0b\xe7h\xa3\xe2\x08\x8f\xc6\xf5w\xa9:\x9e\x94AL\xd9\x1a\x82\xd1\xa6\xdf7\xdcH(\xa5\xd4\x81\x9d\xcb6\x174\xb5\xb9\xec.\x92\xddH[\xd5\xc5|\xa0\xa3\'x\x1fKU\rS\x95\xd1\xc2\x92w\x16\xbb\xb3t\xcd?\xbc\xb2\x9a\xa5\xd0T\xc9\xbb\'\xa3M\r\x0c\x0c\x9ctPyJ;\xac$\x06\xf7\xcc*QT\xe6O\xcbK\x8cq\x8a\x9c\xcasg\xa0;\xa7K]_\x02\x00\xe7Pw&lt;\x04\x93\xaaZU\x9c(\xe8\xd7\x8fw\x933\x97\xe40\xd3*\n\x815\xde\xe5\xaf\x086\xf4;c\x88\x08p\xb3\x9d\x85\xec\xe6\xc7G\x14\xaa\x1f6H\xec\x90\xa5\xad1\x9aX\xb2\x18\xc0e.\xb105\xb3\xf1\xd6v$\x1a\xa4\x0f\x8b\x85V-\x11\x95\x00]\x02\xf5{$w\xe4&amp;b\xa5\x12c\xac\xca\x9e\x88/:1\xcd\x90\xc1I\x97\x7f`\xe0$"Ig\xf6N]\xec\x03\x88^\xd5\xb8\xb1\xab^\xeb\xd2\x14\xd6\xb3n\xa7S\xa0\xbfW\xbe\xa3&lt;\xb0\xd5\x98\xa3\x1f\x8ek\r,\xb5\x9e\xe0\xc1`)\xf41\xfb\xda\x90t\xb4\xbd9\xd3\x94\xa3\xdf\x81\x11\x14qrD~\x94a5Z{KY\xa2\xa80O\x00\x8501\xbe\x9cHX!\x9b\xe7^"rX\xffj\xedO\xaa`5\x8e\x14\x1b\x976\x98\xba\x146\xb53=\xd3F\xdfq\xa29Y\r\x0c\x0cX\x10g\xa2.#\x86\x89\xd2\x87\xf2\x0e\xf5;Md\xffK\xcb\xc9\xd2m+\xa9\xc9)\xb2\x81Q/\xf3\x1a\xf9\xa9M\x14\x17\x1b\xb9X\x1aY\x93\xa5\xa9?77#-\xde\xa5\xba;\xf1!ql\x14\xc3\xe9\xb0\x139sC\xcb\xfc\xabo)-2\xb6n\x14\xe4\xa5_\x8c\xe1\xf1-\x84\x86\x94u\xe4\xa9\xa0Q\xafV\xf7\x05\xf4\x82u\x01\xe5l\xa4\x0f\xdf\x98\x9a\x92\xec\xa9\xe6\xcd\x81\x81\x81f\xe8z&gt;\xa12\xbc\xb8\xe3\xa7\xe6\xcd\xdc\xbb0\xd2\xf4\n\xb5=\x07\xee?$\xaapD\xd7~q\xc2s\xfa\x91\x12\x80\xea\xfe\xcfB\xb4C&lt;o\xeb\xf1U$\xff\xcf6\\\xc0/\xff3\xdb}\xca\x11\xf3\x16\xe21\xac8k\xb0\xeb\xd9\x99\x97\xcb,\xca\x1a\xf1\x96\xb9\xafT\xdd\xc2"\xa8\x95k\xf1\xc1\xc8\x1aA3a\x07\xac\xe1\x95\x8a\x80?~\xd4\xd9VK\x11\xe0\x1b\x8be\x01\xae"\x14\xb0\xf2\xb4T\xdc\xa7\rV\xe08\xa5\x1a\x188\xb3\x80\xc8\x89\x7fd\xdeX\x0c\x89\xa8W@\x7f\x12\x7f\xa5\xd3\xd8],\xf2\xb3\x8a\xceL\xd1+D\x1d\xaaV\xba\x86s\xae\rH\x07\x03e\x01:v\x8a\x9b\x10L\xcdx\x99T\xc1\r\x84\xcf\xd1\x91E\x0fTN\xda\xd5%\xcf\xbe\xb4\x1aZw\x8dY\xe2\xb4\xb0][\xc8=\x952\xe2\x83\xa4\xece\x1fc\xea`(\x94\xe1n\xc5\xc2\x9bm\xc5\xc6-wC1\x0f\xb1\xcap\xcc\x90#\xa4\x99\xa4j\xeah\xa5_\xc5\x8e\xe0&gt;\x86\xda\x03\x03gf\xb0o\xfd\xf5\xa9\xc4\x7f?\x05\xe3\xcf\xe5h0\x11\xb1|WhM`.\xf8\x17\xe06\x00\xcf\xed\xf8\x9a\xe40Q\n\xe2\x05F(\x94\xb1Xf\xa2I|\x8ci\xeb\x970\'\xdd\xc3\xde\x9fzY\xd8\xb3\xdfS\xab"\xe7\x1c\x00\xf3\t\x8bN\x8cb~\x0b\xc55P\x0f\xf0\xealD\xec\xc8\xd7[R\xf1m&gt;9\xda\xd3\xf6[nY\x1e]&gt;\x97&amp;\xd0\xa7\xb8\xe0\xd2\xe6\x88\x0f\xf3E)\xe2K\x00gw$\xe5\xb9\xf6\xcc\xff\x1a\x00gp\x12&amp;\x12\xa9\xf5e\xd2\x85\x05\xd6!\xa6\xf09-\xe1\xee\tE\xdc\x17@\x97\x8c\xa1\xeb_\xd6R5\xc1\x8f\xe83QE^-w[\x880\xc5\xb5\xadk;u\x02c`\xe0\x94\x87\xff\x10\xd8M\xe7\x95iL\xd7\xf6Z\x92\x14\xff\x99\x1e\x1a\x18\xff\x0eV\xa9\x9e;\xfd\xb6\n\x901\xa0V\xdfo\x8a\x00\xffT\x12\x87E\x85U\x88,\xf9\x9b\xb3\xdd\xad\xb4l\x8c\xd3\x0f\xfa\xee\xb9\x98\x17rj\xeb$tK]}G\xff1\xe9\xe2W\xa8\xb6\xc6\xa1\xf8\x96Ztpk\x89\xe7\xcd\x03\xcc/g\x87W\xc4\xc2k\x001\x1f\xde\xca\xae\x9c\x8d\xe7&gt;\x95\x9f?!\xfb&amp;F\xe5+\xe7\x12\x15#\xf89\x93\x90\xcf\xa4\xe41\xc2\xbd\xd7V^\xc8E\xceq)\xefL\xbc\x96\xcc\xc7\xb9\xd8L\xe7\x96\xe4^\x045\x1b;Ko\x86k\xab4\xc4\t\xeb\xc6\x90\xfe\xfcK\'\x1b"\xc0\x93\xf4\x02\x0c\x0c\x0c\x1c\x1c\xf4\xb2VZh\x9f\xd1F\xa9Kl\x1e\xd2Ik\xc6\xd4\xb2V\xdb\nM\x95p\x1b\x0e[3^\xbb\xb1\xf3&lt;\xdb\xd6\x0e\xe9\xf8p\xce\x91\xb7\xba\xbbl5\xda\xd9\x01\xbet\xe2\x17\xba\xe2%@\x04\x04\xf80\xc0\xc5\xba/\x7fB\x1e`\xd4\xf2?QLf2\x89\xec\x88\xad\x18\xc3\xacV\xb3\xfb\x97\x8bGm\x02\xb8\xa0M\xd1\xe3c[\x88^\x00\xf1c\xc9.h+\xcc\xfb\x00\x84x\xec\x12\xef\x9a\xbeP\xdf\xc6\x83\x84\\\xa7c\x90\xa0k\xaa\xc7b,\x94*H%f1l\xa95`\xe1\x025\xea\xe3\xfc\x89ee\xfc\x97\xe8\x07\x8e\x1c\x18\x188)8\xadXb\xafF\xad\xe9\x9d\x1a\xf7\xc1\xfd/j\xbd\x85\xa0\xed\xce\xd2\xc2\xcf\x88\x8aU\x9cF^\x01\xbb\x96\xd5\xbb\xd2*\xef\xbc&lt;\xd6\xfa\xa1yaU7\xbf\xb4m\xc7\xfbE\xee\xceU\xe7E\xb9_\xaf;\xda\xbb\'\xb2\xf9\xafs]F\xff\xb0F\x17\xb7\xbe\x1eE\xc1S\xaa\xc6\x7f\xe8\x9b\xf0\xfb\xa3\xcb\xa2T\x90\x04\xa02\x18C\xf1\x989hXX\xabH\xa1\xe0\xc7ai/\xddb\xb9\xc7\x8eU4\x0bB\xea\t\n\xf4\xff\x11\xd1\xa1},\xbb-\x08\x00\xafh\xa1\xd5\xbe\x9f\xe6\xc4?7\x82\x0f\x90jv\xdd\xe4D\xb5\xdf\x07\x06\x06\x8e\x0e\xc8c\'\t^\'\x88\x80]\xce\x12\x94\xe8K\x95\x1aY\x9f\xba \x0cx\xd6\xd4Y\x1d\xac\xf7\xb7\x9c\xd7\x96\x13k\x1e/\xd9\xccY\xbaFq\x88\xb6s\xd4(\x1a\xc1~\xf8!\x0e\x00\r\xcc\\\xe8*2\xa9=\xce;\xf5C\xc1tw\xd0=\xd0\x1c\x079\x867\xcb"\xfc~S3\xc9\\\xdc\x88\x9em\xf6\x14h\xfe|Sbktje\x03\x03\x03\xfb\x82\xe8/w\xcf_b\x7f\xd4E\x18\x86\xb2\xd8\xa9w\x15`\x0f`MVet,*~\xa7 `6\x84\x10\x15\x98\x14\xd8G\x08M\xd9S\xb7o\xbb\x87\xba\xe4&amp;\x1e\x91\x13\x85\x80\n\x0e\x00/\xe8.\xff&gt;\x88\x14\x7f\x0e\xa3\xfbm\x8b\x86z\x0c\x99\x1ee\xab.\xd7\xffG#\xa6R\x1dA\x00\xa46"\xfa\xe3\x10-\xda\x18\xb7\xfdY\x8b\xad\xa9B\xb0\xdcS\xa7j\x92\x1c\x1881 ^f\xa7o\xe1i\xc9\xbf\xad\xceY}s\r\x89\x1f\x9d{\x0b\x15e\xaeS&lt;r\x98D\xcdM=_\xfcR\x7f\xe3\xd7\x83\x8e\x8a\xe0\x08\xc0Tj7\x19\xc2\xcb\x9b2\xed\x05E$?]\xab\x8b\xa19h\x96\xff\xd16O`\x93\x04\x8b`~\x9b\x84\n\xfa\xd4\x97\xecY%\xd5\xb5\xb2\x1d\r(#\x94k\xdc\x8b\x18I\xbf\x9c\xaa\xae!\xbb_c\xc4\x1d&amp;\x00Z3FU|\xd5zk\xd4\xe9\xd5o?\x84lM\x00\x08\x17\xa9\x19\xfd\xab\xa3q```7d;\xe9\xd6\xfaY\x82\xeb\xb3\xaec\xcf\xef\xdd2\x8b\xb1\xfb&lt;\xb1`\x07\n\xeb\xd8\xe8X\xd4O\xe3!\xeb_7\x1e\xab\x91V\n;E\xb3\xad\xaeo\x8a\xed&amp;\xc4\xfdw\x1fb\xfeO\xa1X\x89\xd4\xb9\x82\t\x80v\xb9\xc1\x04a~\xc8\xb7q\x81\x88\x12[\xfbT\xb2-\xb6\xe6\xf3\x94\xd1nQ\x1a\xb2\xd4\x94i\xf3\x91U\xa2\x1ac\x8a\xb5\x1e\xd2E\xb8\xed\xd1h\xde\xb9zd\xc3#\xe9S\x06\x06\x06\x00\xa0\xebjwu\xb2\xa0\xfao}\xb2@&lt;[\xbf\xb4\xd2\xc3\x0e\'\x03sr\xff\xa1I\xdf+\x1cZ\x1c3\xb6\xef\xfe\x13VQ` "\xbc\x14\xe3[:I\xbe\xadWsS!\x90\xad\x95]\xa2\xe9^\xc6O\x98\xd3\xb9\x02\x11_\x9c_\xe7\xc4#JJlLB\xee0\x1e\x15\xee\xf5g\xb6\x97\x97\xd5\xd6\xe6\xc3\xa0\x96sz\xe1fkPU\xd3\x8f\xadw\xa6\xe8Pb,\xea\xff}d\xc93\xa5)\x06\x06\x8e\x18=r\xa8D\x19.X&amp;\x1b\xc9P\x95jke\xdc\x0e\x07\x12\xa9\xbc@{\xaa\xe0 \xa3\x93g!}C\x1b\xb7\xc9\x90b\xf3\x05\xe3Gv\xe3\x92\x0e\x86t\xf2#\x00\xfefs\x0b%\x86{\x88\x88\xf88D\x80\xef\x86X\xaa\xb2G2:\xe1\xb1\x8d\x1cj1_\x04\x7f\xb3\x9dCoV\x94\xa7o\x1a\x0c\xd8\xfdex\xb9#\x8b\x84\x91R~\x8c\x0fs\xda\xddDQc\xe4\t\x88\xffkR\x0f\nM \x98\'\x1fc\xf7\xb45\x9a\x9c200\xb0\x13\xec9T5\xa4P\xf5\xc4)\xd9\x1a\x04\xc2\xef\x98n\x8a\xec\x0e\x90\xfbz\xda!\x8e\x07\xf2\xc0\xf4\x99\nB$\x1b\x8cC\r,\xb6\x00\x02\xfcW\xdfx\xa0\xf6:\xb4\xfa\xea\x0e\x05\xe5\xb5r\xceqJ\x89Od\x91\x83\xf8\x82&amp;D\xc9\xfb\xd5\xf9\x88\xac\xd5\xd3\xd1\x11)\x0b\xb5B\xf9\x0b\xcb\x95c\xdfm\x11\xb1\xa1^\xdf\xa9\xac\x11j\xc4\x1b\xe4CJ\xf6\xf0\x81\xa8\xfakW#\xcbs\xad5\x14\xbby\xf9\x14\xc20\xc8\xc0\xc0I@mW\'\x8fq+:\xd1:\x84\\\xee\xbeW\xc69\xbe\x8c?\xf7C7\xe8&amp;R\xd0\xff\x9d+\xf4\xf8\xf1\xa8\xbc\'\xde6[\xe0eM\x0700Co97dQl\xf2\x9c$\x00\x00p~\xa1`\x12Tqz\xc9\x15\x9ahJ\x833\x8f;\xd1\x02g\xd4\xe2\xf9\x06I\\0&amp;\'aG/\xd4\xfbT,/[\xb2X]\xa8eI\x14\x9b\xac\x91kmU\xc5\x9a\x0e\xca-\xba\x83\xa5\x15\x9cY\x13\xef\xc0\xc0\xc0\xa6x/\xd5\x0b\xd2\x10;N\xbe(\x9b\xbc\xd6\x02\x1f\xaf\x97\xdf\x1f\xbd\xdd(\x053\x1c\x19\x0b\x04\xab\xe6{\xbcS\x15\xd7U\xba\xedxm\xdd\xc9\xc1A6Ll\x08\xdcMl\x02\x04q^\xb0\x92\xa6\xed\xb4\xcb\xe9\x85\xd9\xd7\xb0\x86e\xf8\x15\xaf\xcdL\xca\r\xaf"\xd3\xa9F\xf6\\\xfe\xa1\x08\x16T\x93t9]\xe0\xd8\xa7\xd5d\xf4m\x95\x85{\xf3\x7f\xc5\xb9\x8d\x8d\xdd;\xd5Bz[\xf5_\\\xa8\xb5\x95\x89t\xea\xf1cOb\xf5\xe0\x9b\xd2\xc0\xc0\xc0\x89C\xf0%\xe0\xcb9\x07\xf08\xf0_\x1644r\xa1\xdcDL\xf8,(D\x9d\xe4\xf9\x9f\x88\x08pm%\xdf\x94\xd5\xc4\xa2\xfd{\x97j\x8e\xe4O\x00\x00x\xd5\xf4\xbf9Un/\x8e\x1f\xbd\xac\xff\xe9\xce\xa2(B\xf3\x04\x0ca\xfb9\x00=\xd4\xd3\xf6j\xd3\xd77\x1f\xc9\xdc\\hE\xc7R\x18:\xeb\xf7rur\xb7\xa0/\x17\x04x\x86t\x9b\xfc\xd2v\x11\xdf\x95\xe5\x87\xe9\x1b\xbcni\xd8\xc9M\xcf+\xb60\x19}\xcc7p\xf3r%!?/\xde\xfd\xd4\xca\xc3\x01\\)\xe2\xd0\'\'5\x11\x91*;X\x1cG6\xde\x9a\x8f\x08_\xd1\x7f\r\xba\x80e\x8b\xc7/c\x00\xc0\x0b\x99\xa2\xd69\xcf\xfc\x7f\x17\xfe\xd1\x07\xdcL\xa9G\x02\xd3\xcd\x9a\x9a\xd9D\xe4\xa6\x7f\xde%\xa5\xc1bV\x1b\x18\x188%PZ5\xc9V&gt;\xa2\xc2g\xf0u\xa3\xf5\xd1\xb9\xe2\xf2\xfbQ\x9b\xad\xd6\xf0\xc2\x1c\t\x91V$\xbe\xd8l\x91\x86]Q\xa3\x16\xc3*\xa9o\xda\xbd\x90\xe2\xc5b\xbf\xb8\x0b\xfdSm\xa9\xcc\xa0\x97\xbf\x1b\x94\x7f\xb6\xc6\x0e\ns\xc5\xee\xcb\xbd\x99\xda\x9fr\xb4\xa6\xa4\xcc_\x94\xf3\xc3|+\xe8\x10\x0cE/\xd8\xa3\x8e6\x08\xc3BG\x99\xb5\x80\\V\xaa\xa2\x8b\xbd\xb5,\xbf++\xe0\x93\x8a2\x99@e\xa3\x99\xa9\xee\x987\x90\xd4\x04\xfe\x8d\x0e\xad\xbe\xb2\xe5\x04\x11\x11\xe0\xde\xbd\xe8\x0f\x0c\x0c\xd4\x80J\xa0\xc0w\x06iR\xf8k"\x8f\x7fIH\x99"\x97-P\xeel\x8ef\x95\xc3\xb2\x15\xa3\xe8G3\xdc\x10\xfeR\xbds-\x11\x9fS\xb9\xa5#L\x0b\xf4\xeaD%\x96\x11}\\v\x1dTv+X\xb5\xc6\xf8ux\x9f\xa1l\x0fI\xf8fK\x12O\'\xf9Zk\xe8\x1a\x9d"&lt;\n\x1eD\xc4G\x17\xb5x3O\xff\xf7\nQ\x1d\xab\xfc\xb6\xbe\x91Ly\xe1\xaf\x1aIr\x94\x13\xdf\x95\xbcI\xf8\x1d\xfb%RE\xe0\x01\x00\xc0]t\xc5\x18\xfa\xda\xd9\x85\xcf\x1eHE{\xf5\x16h\x95\xe4\xd5\xe0&lt;.zy\x13\x01\xc2\xbfO\x9dE\x93\x81\x81\x13\x0e\x84GvH\x07r\xa2\xd9\'\xd7\x90\xf2\xec\xccW\x04\xbb\xe2B\x99\xab\xb4H\xa6O\xa3\xbf\xb8v`*)\x95]T\xd1\xe5\x19\xae\xa3V\xb3\x16\xd1X\x1f\xa8\x91M\x10\x15\x19\xeb\xb4@A\xe3&amp;AK.\xeeB\xcaD\x84\xc3_\xe7\xc2\xe4~\xec}\\\xa1\xda\xbc\xab&lt;\xa5)D\x9b\x07\x03\xe2\x9f\xe8\x10\x0f\x11i\x1e\r\x8e&amp;\xa6\xc1\x99\xd8\xa5\xd8f\xa5\xfaY\xa1x"\x83(\xe1*dq\x8e\x07\x80\x00O\xd6\x07\xe1Z\xec\xfb\n6,\x18a)!\x13)\x08\xbfW\xc7\x14FN\xac\x97E\x80\xa2AJ\xf5\x93)h-\x9d\x81\x81\x81\xfe\x10\x9a\xb7\xb6\xcba\xba\x860\xe9\xec\xdc\xec-\x1c\xf7\xc8J\xb4\x91E\x8bu\xe3\xea\xff0\x08Z\x96\xa1\xe8s\x15\xfa\xf5\x853)F~\x85m\x15\x05fF\r\xf8\xb1\x88KNJ\xb8\xc5\xa1\xff\xfa+\x12#\x06\xa1\xec1\xf5\xe8\xcf\xd2\x85VG\xe1\xbf\x12\x90\xbai\x0fS\x08\x8d\xa5T\x91\x0f\x06$)\'\xe5\x0bF\x03\xf8[\x8bT\x01\x8b\xb9a*\x86\xf5\x8au\xfa\x95#)Ly\xf6\x1e\x94\xc9CEe\xea\x82\x84bE\xa6\xae\xe6J\rVv\r\xa1\xce\xfaZ\xb2\xc3u\xab\xd9\r\x0c\x0c\xec\x89.\x03\xf43\xf8\x9e\xabL\\Yl3\x94z\x9d\x1e\xf4i\x16U\xe6RQ\xd6\xf4\xa6&lt;AJ\x0cOMp\xb5\x19}\xcc\xbe\x90\n\xc8\x9eA\xa8$\x99\xb7\xce\xfe\x15b\n\\4rn\x85\xa7y\xbe\xa5I\xa3\xce\x9e\x07\x82B\xb0\xbe\xf2o\x10\xcf5\xcdD,F\x11&lt;W\x9d\x9cZ\xa9\x96\x02WX\xca\x08\xec&lt;)\x8bS\x08\x9dT/\xac\x03\xf8\xe7\xf9\xd2{r]\xea\xb3%e\r:\xdb[\xe8o\x85U\xe0\xf9\x87\xfc9\x05\xda\xb6\x82\xa7d_\x0c\x0c\x0c\x1c\x1c\xbd\x93\x11\x95\x91u\x89\xa0\xdc\x9d\xd4\t\xa4\'\xa8\xedu\xaaE)vl\xfa\x9eo)\xed\xd3w!\x11\x1b\xadJR[.\xfe;\xb0~\x8e\xfa\xd1\xe5\xf7\xb9\x95\x93\x05\x93\x84\x89\x0cp\xfe\xe4\xddDi7\x9c\x89W\xa0i\x15\xc6\x02/@a\xa0\xb6\xe5t\xb4\t\x8c\xc7\xd7\xfb\x87\xec\xf8uA\xc5\xc9\xffOUf\xff\xbb\xb6H.\n\xf9\x1e\xb61\xaa\x97\x8d\x7f\xb8C\x8bS1\xca\xa4\xd4\x15&amp;\xc5\xd3.\x1b\xe9\xf5J\n\xa4\x15\xff\xb4uFt\x87\x94{\xff\xeeU]L;]\xd4\xd8\xed\xcbS\x01]?~\xb4\x89k`\xe0L\x88\xf3p7\xb6h\xab\x01MK*\xb7$}\xa5\x18\x0b5\xdbrN\x17\xee\x1cq\xd4\xa6Q5-u\x06\xef\xc5n\x92\x9f\x83\xa6\xa7\x07\xd5qd\xb3H\xe9l6&amp;8\x15\xbb\xb3bg\x7fS3\xc6\x0bi\xd2\xe2\xfa\xd6\x9dh\xb5\xa6d$\x00\xdc\xd7\xdf\x0ftT\xd3\xef\xdd\xf0\x8b\x11\x95\x04\xed\r\xf9Z\x8c\xbe,\xc1\xbe\x93\x1f\x86\xe0*\xd2\x8b\xd5\xeb\xd6\x01\xa9\xdb\xed2D\xabo\xce\xa1k\x94\x15\x01\x10\xceWp:\xa4\x8d\x8b\xe0\xf8\x8e\x90\xa9Z\x06O&gt;\x98\xdb\xeb2\xa1\x91~QA\xcbRZ\x9a\x8a\x8bD\x8b\xb1\xad!500\xb0#\xa4\xd6\xb8KCU\xa5\x03C\xc6\xd7P\x83c\xde\x7f\xb4\t\xc6\x15\xf6\x199\xec/\xcf\xd5A&lt;\x8eY\t]\x08\xd7\xd5\xccn\xde&amp;\t\'*\xba\xf0r\xbbF\xc8\xea)\xb8]G\xbeMf?\x97dC\xb1fc7\x8f\x08w\xd8\xc6\xf8^6\xe38\x89W\x8a\x0cuz\x92\xd0q&amp;\x93\xc0?\xda\xf0\xdd\x18\x87\xf4\xf4\xa7\xc6\x1d\xc1\xd6\xdc\xf6\xb9\x91\xb0\x92\xa6\xd6\xd7\x8bv\x86+\xb2\xc90`\xab\x99\x00\xf8Z\x84s)wwFu\xb4\xc8\xf2\xd4\xca\\\xae\x15\x05\x9b\x82\x90\x85\xfb\xc0\xc0\xc0\x99\x1e\xa7X\xe2\xe8\xa3N\x81H\xda\x81\xb5\xb2\x93\xa4(\xf5\x91\r\xdc\xa9\x1eW\xbb\xf2\xc7\x14\xbeYb\x93\xb4d\xb3\xcc\x16\x84\xdfm\xe8=@\xfc\xeaN\xf3.\xfb\x04\xa0\x8aoD\xa4\x85B;\x92\x90\xb8\xa4B$^\xf7_\xd9g\xc7&amp;emq\x1f&amp;\x8b\x05\xf6\xc9\xb6I\xce\x16\x17sM[GP\xb9\xf2\x9d\xd2\xcf\xb3P\x97Pg\x85\xa8\x9c.\x96\xa77\xb1\xe9T\xf2\x175U\x9a\xe2\x18\xda\xf5\xc0\xc0\x80\x15[-\\\x19e8*\xccKk\xf0\x875\x82\xc5\xa9pC\xd5,\x1d\x95\xbd\xb3\x11z\xc5\xfe\xbd\xa3\x95l\xda\xdb\xad\xbf\x97\xeb\xcf\xc2\xb5\x17|\xf5az&amp;|9\xe2\xe5\xe3\xbd\x9aC\x88\x91\x00\x11\x11~\x8a\x96\x04\xa5q\t\xa2q\xechgq\xdc8\xa4\xfb\x08\xd6\xa6fX\xd3r\xcfck\xef\x9d\x92C\xd4\xae\xbbC\x94p\xd3\x14\x171j\xd5.\x97-\x929L\x89\nB\x8a\x9d\x93.m\x7f```7\xa8\xbe\xee&gt;5~\xe5\xa7\xe0\x11\xb1\xcfW\xef\x8f\x05\xc8X\xe9\x85\x007\x9f\xd2]\xad\xbe\x1c\xe5\x9eX|\x07E^F\xc7\x95;\x0e\rS#"\xa6Ei}\xe9E\x92\\\xe2^\xe2U\xba\x923\xe2\xa1[\x10"NF\x83\xe5G(\x8f\xa0\xacW\xa7I~Dt0\xbb\xad/L\xa9l\x9f\x16\xba1p\xc9Q\xa0\xc9\x00\xfew\xd0d\xc4ZY\x04\xcb\xb6]\x9bd\xf0\xaf\x15\xb1\x9c[\x05\x89\xc0\xa2\xa3\x00L@N\r\xb0M5Dd\xc4C\xc4 \x1e\n.\x9e%\x04\xa9=n\xed\x91\x81\x81\x81-pZw\x8a\xa7\\\xeb\xe7\x14\xbaE\xf0\xfb\x9e])\xf7\x84\x9b3r\x99\x17\x91\xb8\xbf\x8a\\\x85\xdar\xd9\xab\x00\xe7\xdc\xcf9\xb7t\\\xa5\x05\'\xb7`Q\xdfe\xff\xd8\xf0\r\xd1\xa2c\xf0\x03\x812\xd4\t\x05.\xe7\xc6\xfd\x01\xf2\xa4\x80`\xb7\xc9\xaaWk\x14\x00\x8e\xc1\x9a\xf3\x82\xe6\xe1\x05i\xc3\xdc\x00\xb4E\x01\xdcY\xc2\x8c\xf1\xd9\xed\xe4\xda:\x01V\xfb\x8e\x18\x8c\'\x05\x96\xbc\xd2k\xb0k\x9cF\xe9\xc0{&gt;\xee\x11t\x9c\x12R~\xbd\xff\x83kg\xd0\xd1 \x03\x03\x03\xc7\x82\x03\x8e\xf8\x8e\x10\xe1^\xe7v\xbb\xc0\x1b\xef/\x1b\x84\xa0\xaeI\x80]\x84?\x80}V\x8e\xc1q\x1d\xc4\xf8z\r\xc9\xdc\xa8[\x88O\xb2V\xfa\xd7DXa\x87\'\xd4\x1d\x15X\xe5\x99\xaa\xff\x1a\xc6\x97\x11\x00\xe1C\xdd\x0ch\xd0\xfd\xff\xf0\xc5N\xe1\xcc\x89\xf8"{\xa8\xac\xee\xabg\xabdW\xcf\x85j\x02\x1b\x1e7\xeaL\xfc\xc9[\xe7\x90k7g\x89\x81\x81\x81\x13\x83\xc6\x94}bO\xf4RH\xf2]4"\xd9\x8c\xcb.\xc8xe\x9d\x13\x99\xf7\xc9n`#\xb3\xe4\x92lD_\xe0(\xe0w-R\xbd\xd0\x17\x0e\xad\xb7\xafF\xb9\xd3\x05\x9f*i\x86\x1a\xb1%\x8cd\xbf\x94\x8b4S\x88.\xfe\xc2r%a\xa9gT\x81\x82"\xa9\x91\xd1_7Y\xc0(\x0f\xae\xce\x9d\x19=\xb1?\x1b$\x9e\x02\xd2\xd5\xdbt0\xdd\x8d\x94\xbd\x15\xec\xd1\xd3\xfdwa\xc2\x10\nL\xec\xdf\xf6\x10\x81l\x89&amp;\\\xb8\x87\x18\x03\x03\x03{\x80l\xe1\xa6f\x7f\xeaL\x00\xfc\xe1\x80\xf0\xca\x16\n6\xf7g\xc6\x85[\xe3\x03|L\x1fI\x8du6\x81\xb5o\xee\xc7Le\x07\x03MH\xeb\x1e\xb8\xb1\x88&gt;UU\r~\xb0%[\x84\x82l\xe8\x7f\xe1\x9e\xbcl\x82Y\x1bZ\xe8\xf1\xc6\xf9\xde\xfd\xa8xk\x0cK#*X\xe0C\xab%\xd9\xb1\x81\xa4z\xbd\t\xc9\xdb\xcb\xdf\xd7\x96\xdbK\'w\x94\xebF\xf4\x99\xc0\xe0*\x9a\xbb\x0c\xb8\xab\xa5|R\x97\x93a``\xe0d\xe0\xc45W/\xf0~\x1d\xc9\t\x81v\xe9N\xc6\x0e\x82\x92"\xed\xc4F\x07+\xd5[\xd8(\xec7\xdb\x01@\x80\x9fT\x16\xd6\xc9\x8f\xc1\xf628\n\x00\x00 \x00IDAT\x0fI\x11L\x9bg:\xe2\x8f\x85&lt;A \xe5\x0f\xbfL\xa2\xf5~L\xe4\xb9,\x83\x95\xf2\xa3\x8b\xb2U\xab\xb3\xc3\xe2\xf7\x93\xabZY\x0b0\x1bC\x07w"1\xe4\x80\xa4\x03\xd7\x1e\xba*\xddy+\x89\xd5\xf7\xb3\xaa\x80\x83\x0b000p\xca"\xcf\xd7\xfbl\xda\x9e\x04t_\xfeo\x12F\xd7\x1b\xed6\x1aH5\xfd&amp;\xcf\x97=\xc1o\x98P%D\xa4\xba;\xe9\x9b\xf2\x14DJu/\xadM\x02 \xbc\xa3\xe4\xb8\xec.R\xa7Mv\xb6C"]e\xb5\xcc\\$\xac\xe4\xee\x11\xdb\xaa\xcaJW\x82wV4\xe1\x90\x0b=\xf0\xed\x92\x16^{\x1c\xae\x9f\x90\x8b\x91\xc9\xa6\xda\x93Y\xee\xbf\x12t=\x91`g\xaa\xdd\xdd\x9f\x13&lt;/|\x0cV\x1d\x18\x18\x18\xd8\x10\x98\r\xb6:vQ\xa76\xb8&gt;l\x133z\x82\xffb\x98\x03\xbcf\xdb\xde\x8b\xec\xb9\xe9\xdb\xda\xfd\xa53\xc8\xfex\x99?\xbc\x9a\xa4\x10\x96\xcfkm\x81\x82.i\x0c\xe8\x0e\'\xc8\x03\x8e\xbc\x00\x1fre^jMUh\xa0\xcc)A\xeae\x9e\x90s\xf7\xd4\xa7\x8c\xcc20\xb5\xa8\x8b\xcd^\x90\xf4eJ7r\xd4\x08\xa3\x12O/\xb6\x8e\xef\xfd\x99\xe1;\xc0\xdd,\x92/D._\'\xde\xe81\x07\x06NA\x10Y \xce\xe0\x88\x88p1\x04\xb8\xe9\xce\x92\xa9P\xc8bT\xcf\xd4\xa7\xab8\xb5\x13b\xde\xc1\x11\x00\xf8Pw\xa6\n\xc3\xf6\xe9\\U\xd2 +\xd2\x1aN\x80p\x0b\xad0\x1cMM\x97\x1c\xdcM(\xf8\x1f\x97\xd0\xc8\xd0\x08*\x0c\xd4%\xab&amp;\x00\x00\x08p\x1f\xd1\xc2Z\x91\xc2\x1a\xa5H\xcb\xc57\xc7\x1bA"\xc3\xf5\x15\x19\x89\x92\x84\x8e\x1fx\x97v\xa0\xcc\xc9\xd3eoPC\xc7\xaer\xb9lr\xb9E\x80\x84\x85\xb0\x88N\x8aW\x92Y\xc9\x96fQE&lt;\xf2; \xc2Ok)\xe8\xbc000p\xe2@\xb4\xea\xbc\xa9\x1fo\xe3_\xd3Y\x82\xdf\x9a{\xa0(y\x1d\xa5\nG\x89R\xf7\xbei&lt;\xa8\xd7\x95\xb7\x12\x80\xc5\xca\xf1&amp;+\xf7\x0f\xe9\xc7:\xbc\x01\xcbJ\x05w\xc3\xc2\xf1D}\x07\x9bD\xf2\x17\xbd \x1cu\xa0\xd7S\x01&lt;Y\xbaVn%*2\xcb\xd3\xc8\xa5\xcc_\x074Wi\xabh2\xb2\xf20Mw\xe3Z_\xb6\n\xb3\xee\xb3)\xa4kQ\xaa\xda\\E&gt;d\xb9\xff\xacd:\x95\xbfB\x17\t\xb7nw\x89\xfaE\x1f\xf5\xe2\xa8\x8f\x8a:\xe2\xbd\x08\x0e\x0c\x0cT\xc0\'\xaf(\x85\x11\x8d\xf3X\x9bk)\xef\x7fg2^\xd9U\xb8\x93\x0bm\x1f\xbf!gy\xfcw\x98.\xa4\x07\xbbXxb +W\xe4\x89\x04W\xaa\x0e\xabTh`\xe4\x92\xd2Y~&lt;!Rg\xd2\xe85\x85\xbd\x02Z\xa0B\xf0\xc0\x92\xe8\x96b\x1fd\x0f\xe5\x93\xa8\xd0\xb1\x85\xa0T\xcb\x9c\xcdTvS\t\x16\x16\xb8\x19\xf7\xa8F\xe7\x96"\x93\x9d\xeff+YB\x18p\x9a\x06\x8c\xca*h\x9cX\xa8\xfb6\xb4\xbbr\xf3\t\x809$j\xe9w\xa4900P\x04\xf1%`\x9c\x96\\\xe7\x9f\x00\xcb\x87\x0f\xa3B\x86\xefK\x1e\x04\x9clo\x98&gt;w\xe9\n\xc5J\xd86[\xed\xb65\x81\x88xnD\x80\x8f\x17\n)hm\x1d\r\x8c\x10\x07\r\xc2\x1eM\xc0\xadx\xbeI\x9d\xb0\x05\x16\xaaU\x89\xa9\xee\x92\xdd"\x8f\x91`:\x8cs\xcbV\xcf\xbd\xa2Z\xd3\xff\xbe\x87\xe1\xed\x1cd\xdfM\xa5$\xa1\x84\x9b\x9e0qn%p\x89&gt;&gt;\xe5QM|\xb6\x92\xe3?\x12\xab\xcf\x19\x93\xd5]\xf1\x05OJ\x84}\xc1\'\xb9i:l\xb2\xda\xc2\x90\xf4\xdf\xe9Md\xe0L\x94\xcc\x83\xcc\xfc\x12\xbe\r\xc0+\x1f\xc3\xa2T4\x03\xd9a\\\xbe\xb4\xe2\xad\xf9\x0c\x0c\x0c\xf0\xa0\xd6W\x8e \x1d\x19QNX\x9d\x0e\xa4V\x13\xa1V\xa7\x12\xda\xbbX\xfe\xba\xf3:\x19"\xfe\x9b\xee\x8c\x8d\x80\xed\x04.-;m\xb5.%\x8b\xb4\xfd$\xcdb\xdb\xc7\x10\x16\x98\xff\x14\x8d&amp;\xaf\xa1*\xed\xa9)\x99\x84J\x1a&lt;\xeb\xf1!\xea. \xc0\xc7\x94\x82P:\x12%!b\x1d\\7m\x01\xd8b \xfan4A\xaar\xd7\xc5\xd7\xd2V\'\xe5\xef\xa2\xa6D\xa1\xb9\xbd\xf0\xb25F\xe9B\xe7\x87\xe6\xf0\xbb\xec&gt;g\xe7(I\xa0\xca\xa1\xcd\xb97\\\x00\n\x0c\xfb\x99\xd6x\x18\x18\x188jD\tt\xc9\xa7]\xf2\xb5\xccv\xc9t\xfb\xcf1l\xdd\x86@\xa4U\x02D\xf8\xd5h\xc0\x91tq\x15d\xe1\xa1\xd6Z\xe8\x05*J+c\xbb\x80\xe1m\x82\xe9\xed\x0e\x9e\xd5\xe0\x9f\xa5\xe5\xc4:&lt;\x9a\xa0f\x0e\x86Dw\x14Z\x992\xd2\xba\xe9\xa8\x08\x9el\xeabL\x0eZ[1\xdc\xeb`5\x81\xc0(\x9b\x8a\x14\xf1\x9b\xa4g\x95\x92Df\xef\xa1c\xc9P\xed\xb1\x94\x932\x04IfaBn\xf8\xaf\xf0#\xd6e\xe1\xcd1\xa0\x10\xb3\x0f\x15Dx\xa6\xc1q\xf9\x15D\x84\x1b\xd6\x07\xc3\xc0\xc0\xc0\t@\xd7V\xad9\xbf\xb8&amp;VX;\xa1=\x11v~{\xb0\xe3E(@\xcd\xe2|!I\xd9\xfe\xb3\xe2\xc1R\xab\x17\x884\x88NRDD\xb8U\xd1\xef\x95\x88m\x92\xae\xd7\x922V\xf3:\x08X\xb1\xcdJ\xdd=\xfc\xe3s8\xbb\x95\xac\xbe\xb3\xc5\n\xc1SE\x92dQl\xd7\xbf\xbc0\xfd\x90,\x93\x0eU2\xfb0NH%\xe3Z\x9eJX\xab\xcaz\x18e\x80&gt;\n\x96\x0c\xd5\xaf\x97\xa9\xab\xc5\xe8\x92\x18S\xe1q$*v\x15\xdejy\x92\x82iC\xa9\xdck\x9f\xb4\xa4:00P\xc4i\xd0\xef\xec\x1db)\x8b$\x1d\x96\x9b\xcf\xdf\xf6a\xaf\xc5\xc2\xee\xb5;\xf0\x9a\xd2xf\x15\x85\xcaJ\xab "\xe2\x7f\x84\xbdEy\x01\x14f\x1b\xf8\xc1\xffz\xbd\x05\xcf\x97D\x9c\x86\x19Ut\xa3ZS\x1f\xbd\xfc\xe5\x00~\xf9\xc0\x8f\x01l\n\xe3\x91b\xc4\xff\x1b\x1a\xf9\x9c\x93i\x8e\xe3h-\xa7\x88s\xec-\x01~\xb4\xb6\x86G\x14\xc6\xd2\x80\xe6!\xcb\x8f\x8bZ\xb9fp\xee\xd6\xd6\x1a\xcb\x7f]\xf0\xe7\x8c\xb8!\xf26!\xda\x91\xb9e9\xf7\x8d\x9e\xc5vC;\xff\xb4\x95\xf3\xff\xe9A5\xbbR\x1a\xbfN\xf9\x87\xe2\x9f\x8c\xb3\x05*\xce\x81s\xf7u\xce\xc5\xd9\xd3\x06?\xc5\xa8\xa8kB\xfe\x08\x84\\\xbc\xe4\x1d\x13\xb5\x16x\xe3\xeca\xa5\x81\x81\x81\x19\xc65\x03\n\x0f\xc4\x9f+P\xf0+(\x1d\x17\x84\xea\xb0\x1bw\x96\x11\xb9\xb6\xc4-)\x91\xd9\xf0\xab\xc8\x05*\xd9\x05\xefC@\x84W%|\xd9n\x89]\x07\x8b\xf18\xf1\x18\x89J\xb0b\xfdX\xe0R\x81\x13\xd6yp\xf6\x9f\xeeE\xa6+\x1d\xd6\n\xff\x0corK\xe6\x12k\xaap\xb1\xa4\x86H\xad\x9b\xd8=\x9f\x8cl!\x11}u\x81FN\xb3\x1c\x87\x15`\x08~\x0c\xe0/\x94\x95js\xe9\\W\xa3x\x85.k\x94n\xb7\xd7J-\xd8\xd3\xcf2!"\xe2\x1dj\xf3\x1bm\xde\xbf\xa3\x94-\x8bl\xb6\xea\x01\xa1\x11\xd5j\x01\x1dG\xbf7500\xb0\x07\xfe\xa3\xd0\xdaO\xe0\xa0\x8a\xc7\x85\xd9\xb4\xae\xc1l\xa8[d\xd7\xcc4\xa9\x8e\x96\xee!\xdeA\xba\xe6\xecdwec\xac?lP\xd9S\xd6\x1aG\x90\xa1\xaeL\'\xd4\xbc\xa7\xaf\x1b\xefZK2\xb5L\xe6"\x0b\x1b%i\xf3\x91:\x08\r\xf3\x19\x8a\xc2%\x92\x02\xb0\xd9\x04\x80\x13D\xd4"\x92\n\xdeS\x19\x0f\x9eH\xca\x9a\xd6\xb1\xac/c\x96MZ\n\xe7\xbb\x87\x8a\xc9A\x9e\x03s\x00\xb8-\'A8\t)kJX\xf5\x98\xa1\xd2K\xab\xbb\x85e\x17R\x03\x03\x03z\x14\x12\xd3)\xd62\xdb\xd4AD\x84\xcf\xa3\xff#\\O\xef%a\xce\x94\x15%\xe9\xae\xc4\xc5\xf8\xf8\xb7\xb6G\xd7C\xa4\xf9t\x99\x1d\x03\xfaU\x14\xb2\xb0U\x8cT\xd8\xab!\x04\x96\\\xdc\xaas\xb1L3\xbb\xa4S\xe7\x8de\xfb\xabq\x9eJ"\x96\x08\xb4\xc5vr\'\xe76]T\x04a\x1dH-\n\xe5\xe3\x18h\x9a\x13f\xac\xdf\x9e\xef\xda\xa9U&amp;\x1a\xa6U0%\x08\xa3\x95\xec\xa6%\xa4\xf2\x05i:\x95\xcc\x1b\x1e\xba\xea\x8b\xabu\x0cr\x15\xba6\xab\x81\x81\x01\x1d\x14)\xec\xe4\xa4-\x15\x9a\xd4\t\xf3\xb8\xb6\xc3\xd80\xb5){\xacf\xba:\x00\xbc\x8b\xa3\x07\x80\x00\xef4\xcb\xf1A\x92KAX3\x97\x8f "\xbe\x14\x11\xe0\xdd\xc0wEf\xe2^\x9ew\xcb\x13\xb3\xe8n\xc9\xc25h\xaf\x1b\xc9\xf0\xfe\xc60\xd3\x8fY\xd1\x1f\t\x10p\xa1d\x8e\xa4\xd3\x07nT\x1c2.rv\xf2BI"O&lt;\x9d\xc9,\x17\x81\xb1[\x8b&lt;9k\xb6D\x03\x97\x8d\x80\x88\x08o\xf6\xb6\xaa\xfc\x94/\xe9\xdc\x9f-\r\xd6\x89x\xb8]wC\xb1\xcf\xf1o\x8d\xfd\x99\x1ek\x8c\r\x0c\x9c\xe2`S\x7fXf\'Y\x8e\x1fs\x9ezn\xf47\x9b\xbc\xd6\xe1\xcbV6\xdcjh\x92\x8dzt\x80\x0b\x912\xfc~\xddR\xa5z\x89\xb4\\@\xe0\xee+\xbe\x03\x03\x7f5\xbbL\xe3\x17L\xc7\x19\x8cU-Gc3\x9a\xc4\x95:-\x8a\xeat\xc5\xea\x08\xc2\x1a\x94q\x82?\xcbt5\x02$\x8c\x96\x8a/\xea\xa2\x9e\xc7\xf3\xcb\xb6\xdd\xd4\xe0y\xa4Q7t\xb6\r\xc9n!+\xcb,0\xdd\xf3\xb2\x8d\x1d\xd2\xaa^\xa3HACl\xe3\x85"\x83tl\x1d\xec\xbc\xb7\x99\xb2A\x06\xa35\x06\x06\x06\x06N&lt;\xec)OH\xcd\x95}g\x05\xa2%\xc3\x0e\xe4\x1a\xd0\xb5\xdb {\xc1\xc2&amp;@r\xc7\x9f$\xaaS\xb6\xda\xaa\x19\x1d\xb6\x80,IxO\xc9\xb7\xf2D\x04Cm&amp;\xf8NI\x17\x82E8\x9b\xaamV\x98\r\xd10Y\xef\xffY\x8cJkdS\x15\xeb\x1c\x0c\nl\x9d"D\xde\x81m\xd3Kd4*\x88m)o\xc4\xca\x07\x9b\xbf\x9aK\xc3\xc8\x88\xdd\xa4\xcd\rh\xab\'\x05\xb9\xc5\xf8\x8d\xf8\xe1P\xb01\x01\x18\x18\x18Xp\xb7\xae\xe9\xe0\xd4O.;\xe7\xee\xae\xe0\xfa%5\xb6\x9b\x8d\xc8%\xf2{\xd404\x15\x8f\x94\x1f\x11\xdf\xd6\xea\xb8\x95`N\x8a\x12\x98\xb7\xe1\x8d\x19\xdd)\xa6\xc6\xeb%r\xb30\xa7\xeb\x86\xce\xb7g\xe2\xc1\xc6.3\xc29\xc8\xfbyM%\x8f\x1aQN\\+&amp;\x90\xc5UxcU\x90\xf4\xa1\xca\x02s\xb1\rm\xe5\xe9\xab\xa5\xca6\xc4\x82\x8a\x17\xdaL\xce2X+\'6/\xa6\xd3\xc3\x0c\xd6\xd9X\x1a\x18\x188r$/\xf7\xc5\xd2\xfb\x80\x11qz#p\xaf\xb7\x02\x179\x9et\xcc\x1dSW\xa3\xed\x87\xf6\xe1N?\xc5\x9f\x84\xf8\xe3\x0bM\x92\xe0*,\xc3\xf4\x1a\x88ot\xd4[\xbc\'\x82\x89\xb2\x15\xef\xa7\xe7\xc0\x99\xd19@$\xde\xd6\xef\xcb\xe72 \xa2F\xb0o@\xfc\xc8j\x04\x9c\xb8\xe0Jsj\xc8&amp;\x05\rM\x95\xd7\x97\xa60\x95\x0f\xec\x90\x12\xc8*\x86\xbe&amp;L\xd7\xbf\xb9-\x0c)\x15N@\x12#="\x07\x80\xd0\xf6K\x91\xb3y\xd2\xabPG\xa8\xde\xb1\xa5W@\x93c\xdd\xe9\x00\x9f\xd6\x08\xb9w(\n\x99JQ\x05\x8e\xbf\xe1\x0c\x0c\x9c\xc28-\xf8}\x0b\xcb\xc2\x99v\x19\xb2\xb4&lt;\xb0g\xfb?\xc8*\xc5\xfa\xb5\x1d&gt;\xd1\xe3\xf2\xdf\'U\ty&amp;Y}\xb9\xa7\xffU\xec2\x99\xfboZ\xbe\xe3\xb3w\xaf\xc3\xf7\x8eN\xf8d\x8fs\xdf\\\xcd\xf1\xc3\xe0\xc3j\xb6Vh\x92\xc5&gt;\xa6%yCyR_\xd6\x06\x994\xa5\xd1?p\xa3\x7f\x98?\xd8\x04U.\xa6\xb5\x9b\x17_\xa7oY\xfd\x15qWl\xdaG\x02^\xb5:r\xcc\x02\xff\x92\xed\xdd\xf2}\xb7c\x1f\xde\xa5\xdf\xa1\xbbO\xfbc?\x1fl\x16\x8a\x00~J\xbe\xcd\xee\x88n!L#\x9c\x03\xf7\xc6\x93\x11\x1e\x03\x03\xa76\x8c-p]\x06\xd3\xd4eW\xe9\x0e\x81\x03\xae\xc4Kv\xe8\xb5\x94\xb5\x91\x85{u!\xdd\xc4\xfb\xff\x10\xbfj"8\x8f4\xfc\x9dP\xd42\xbbX\xb1\xa5|tu\x0b\x93FB\xc2&gt;\x9f\xe9]"?\xda\x01x:\xe2\x9d-\n\xfa\xe6\xa3\xaeB[\xb8Pr\xeb\xad\x98\xa2\x08y~\x10\xe2\xea\x10\xde\xac\x02\xd3\x8cy\xc3F\x1bDt\x8e\x82\\\xdf\xfdrl.R(\x0f"\x96e \xb6t\x1a;,{\x1b\xc9\xa5Y\xda\xe9\xbaM\x175[\xb668\x17\xf5\x05oA\xfcVX\xff\xec\x89d\xa3\x15z\x1f\n\x18\x18\x18\xd8\t\xa7\x95\x8b,\xc05c\x82\xae\xb5\xbb\xe8\x7f)\x1e\xa3g\xdd\x8c5g\x99\x162;a\xb1\x03e\x08:;K\xc3\xee\x16\xe1O\xfea\xcd\xafv\x13\x00&gt;.\xc4`y\xde\xe2\x98EjG\xdf\xe8\x05\x17`\xef\xf1\xa2\x83@\xb9\xbbl&gt;</t>
        </is>
      </c>
      <c r="E794" t="inlineStr">
        <is>
          <t>&lt;class 'numpy.ndarray'&gt;</t>
        </is>
      </c>
    </row>
    <row r="795">
      <c r="A795" s="1" t="n">
        <v>793</v>
      </c>
      <c r="B795" t="inlineStr">
        <is>
          <t>steps_per_sec</t>
        </is>
      </c>
      <c r="C795" t="n">
        <v>8900</v>
      </c>
      <c r="D795" t="inlineStr">
        <is>
          <t>2.6184754</t>
        </is>
      </c>
      <c r="E795" t="inlineStr">
        <is>
          <t>&lt;class 'numpy.ndarray'&gt;</t>
        </is>
      </c>
    </row>
    <row r="796">
      <c r="A796" s="1" t="n">
        <v>794</v>
      </c>
      <c r="B796" t="inlineStr">
        <is>
          <t>Loss/RPNLoss/localization_loss</t>
        </is>
      </c>
      <c r="C796" t="n">
        <v>8900</v>
      </c>
      <c r="D796" t="inlineStr">
        <is>
          <t>0.2289452</t>
        </is>
      </c>
      <c r="E796" t="inlineStr">
        <is>
          <t>&lt;class 'numpy.ndarray'&gt;</t>
        </is>
      </c>
    </row>
    <row r="797">
      <c r="A797" s="1" t="n">
        <v>795</v>
      </c>
      <c r="B797" t="inlineStr">
        <is>
          <t>Loss/RPNLoss/objectness_loss</t>
        </is>
      </c>
      <c r="C797" t="n">
        <v>8900</v>
      </c>
      <c r="D797" t="inlineStr">
        <is>
          <t>0.029775087</t>
        </is>
      </c>
      <c r="E797" t="inlineStr">
        <is>
          <t>&lt;class 'numpy.ndarray'&gt;</t>
        </is>
      </c>
    </row>
    <row r="798">
      <c r="A798" s="1" t="n">
        <v>796</v>
      </c>
      <c r="B798" t="inlineStr">
        <is>
          <t>Loss/BoxClassifierLoss/localization_loss</t>
        </is>
      </c>
      <c r="C798" t="n">
        <v>8900</v>
      </c>
      <c r="D798" t="inlineStr">
        <is>
          <t>0.16539821</t>
        </is>
      </c>
      <c r="E798" t="inlineStr">
        <is>
          <t>&lt;class 'numpy.ndarray'&gt;</t>
        </is>
      </c>
    </row>
    <row r="799">
      <c r="A799" s="1" t="n">
        <v>797</v>
      </c>
      <c r="B799" t="inlineStr">
        <is>
          <t>Loss/BoxClassifierLoss/classification_loss</t>
        </is>
      </c>
      <c r="C799" t="n">
        <v>8900</v>
      </c>
      <c r="D799" t="inlineStr">
        <is>
          <t>0.081009015</t>
        </is>
      </c>
      <c r="E799" t="inlineStr">
        <is>
          <t>&lt;class 'numpy.ndarray'&gt;</t>
        </is>
      </c>
    </row>
    <row r="800">
      <c r="A800" s="1" t="n">
        <v>798</v>
      </c>
      <c r="B800" t="inlineStr">
        <is>
          <t>Loss/regularization_loss</t>
        </is>
      </c>
      <c r="C800" t="n">
        <v>8900</v>
      </c>
      <c r="D800" t="inlineStr">
        <is>
          <t>0.0</t>
        </is>
      </c>
      <c r="E800" t="inlineStr">
        <is>
          <t>&lt;class 'numpy.ndarray'&gt;</t>
        </is>
      </c>
    </row>
    <row r="801">
      <c r="A801" s="1" t="n">
        <v>799</v>
      </c>
      <c r="B801" t="inlineStr">
        <is>
          <t>Loss/total_loss</t>
        </is>
      </c>
      <c r="C801" t="n">
        <v>8900</v>
      </c>
      <c r="D801" t="inlineStr">
        <is>
          <t>0.50512755</t>
        </is>
      </c>
      <c r="E801" t="inlineStr">
        <is>
          <t>&lt;class 'numpy.ndarray'&gt;</t>
        </is>
      </c>
    </row>
    <row r="802">
      <c r="A802" s="1" t="n">
        <v>800</v>
      </c>
      <c r="B802" t="inlineStr">
        <is>
          <t>learning_rate</t>
        </is>
      </c>
      <c r="C802" t="n">
        <v>8900</v>
      </c>
      <c r="D802" t="inlineStr">
        <is>
          <t>0.039512724</t>
        </is>
      </c>
      <c r="E802" t="inlineStr">
        <is>
          <t>&lt;class 'numpy.ndarray'&gt;</t>
        </is>
      </c>
    </row>
    <row r="803">
      <c r="A803" s="1" t="n">
        <v>801</v>
      </c>
      <c r="B803" t="inlineStr">
        <is>
          <t>train_input_images</t>
        </is>
      </c>
      <c r="C803" t="n">
        <v>8900</v>
      </c>
      <c r="D803" t="inlineStr">
        <is>
          <t>[b'1024' b'1024'
 b'\x89PNG\r\n\x1a\n\x00\x00\x00\rIHDR\x00\x00\x04\x00\x00\x00\x04\x00\x08\x02\x00\x00\x00\xf0\x7f\xbc\xd4\x00\x00 \x00IDATx\x9c\xed\xdd{\xcc&gt;\xcf{\xd0\xf5\xdd\xa7\xdf4AE\xd3\xe6W\xc4\x10L\xc5\x04E\x94\xa3\x85B\xdaZ\nF\x02\xd6\x8a%\x10$ \x04%\x05D+U"6H\x0c\xb1\x18M\n\x1e \xfec\x13I,I\x9b\x86\x92\xb6\x1c\xa5\x95\xa8DP\xc4\x03)\x8a\xc1Vkm8kEZ\xc0v\xfc\xe3~\xee}\xf6\xde\x9d\x9d\x9d\xc353\xd75\xf3~\xfd\xf1\xfd&gt;\x9f\xe7\xd9{\xf7\x9a\xe3\xce\xcc\x1e\xeee\x0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a\xdf\xef\x1e\x96o~\xfe`\xcfM\xe4\xfb?E\xa6\xd19\xff&gt;\xc3\xbfL\xcd\xbd\xdb\xb0\xaf\xfez\x15\xc6uT9G\xb9\xdas3I\x15\xd2\xed\xdcn\xb9\xffWv`[\xf6\x9am8\x00\x00`V\xeeU\xd2Gj\xc7\x16\xe3\x19\xc6q\x94\xbf\x85\x971\x01\x888\xdc\xf9\x97\xf9CI\x91?]\xcdL\x9cs\xcb\xf2\xa9p\x0c\xb7A\x867\x88\t/\xef\xb8\xa9\x13\x80\x98c\xed~\xfe\x9b\x91;\xbf=\xae\x92\xb6\x00`T\xf43\x00\x84e\x8c`\x94\x0fzr\x17\x83u\tO\x00\n\xf7|:N\xd1%\x02\xef\x87\x02\x87\xde\xff\xf7f/\x89\x93\xd2\xc48\x811\r\xd3\x16h\xd7\x1b\xf2\x01\x80\x8c\x8f\xde\xe47\xe6\xf5\xb0\xed\xe6\x00\x19\x07\x8a\x1f5fE\xf4q\xd9\xc1\xb7\x07\xa9\x9c\t\xec$y\xe7\xfb\x90\x82\xd7\n\x8e\x1bd\xcdC\xc4*F\xea\xbcT\xe4\xa0\x00\x94`\x02\xb0C&gt;\x00\x90V&lt;\x0e\xee\x1cFs\xfbk\x0c\xfe;\x82z\xa5\xc59\xb7\\Gu\xff\xd9\xf4O\x89|\xa4p\x0f\xef\xdb\xff0+\xf5\x07\xe8\xcbLKa\x02\x00\x00\x1a\xb9\xdc{\xdf\xadS{Z\n\xdf]sX\xda\x0f\xfc\xf5\xea\xe31\xa9\x16\xc9\x19\x9d\xd9\x0b\xc4\xa0\xf6\n\x9a\xf6,\x03\x00\xf9~\xc9\xeeE%\x8d\x0f\xadv\x88&lt;\x99\xe3\xbd=\xee\xbaJ\xdcN\x1bZN\x00\x00\xbbh\x02\x00\x80\xfeR\xc7\xe2\xe7\xed\xf3\xceg\x9c\x05\xbb{/J\xdf\x1bB\x93&amp;\x00\x89U\x88r\xc7\xd4\xe8\xfa\x00\x00#\xe0|V\xa2\xfd\xaay\xf8V\x9fEbN\xa8A\xc7\x90\x14\xe6\x064\x08\xdf\x83\x07\x00\x00\xec\xa9w^\x17\x9f\x00\x88\x87j%\xed\x9a\xe9\x9cG\x01@%\xf4x\x80\rU\x07(\x13v\x04\x81$\xd7\xcb\xea\xf4;vt9\xdf~f7-\x07#\xa5\x05\x00\x00\x0c"utR\xf56\x12UC\xa5\xdc`B\x9f:\xdf\x9d/\xc2\xfc(3\xfd\xf5D\x00\x00\x00h\xc4\xf4\x98\xde\x04r\x0c\x00\xb4\xaa\xda?\xd3\xf9\x03hB\xc9\xca\xb1\x86\x18::%\x7f\xea\xdc\x00\x00\x00@\xbc\xb7\xde\x01\\\xaat\xeb\x8b\x80\xe0{0\xdb\x84\xb0\xae\xeb\xeb\xa1\xdb\x1c\x16\x00\x00I\x93/\xe7\x01\xbd\xe8\x9d\x00,\xc1e\xed\xc3\x08\xb8\xa9\x8e\x87\xbe\xd037\x14\xe0\xfc\x01@\t\xba\xa3T\x93\x9f\xbf\x00Kf\xe8\xe0\x94\xdc\xe9\x04\x00\x00\x00\xc8\xca\xb9\x02\xc0|\x1d\x00\x00\x000\xaa\xc5-@\x16\x97\xd2\x99\xe3\x98\xf2\'z\x07p\xc1`\xcd\x07\x00\x00\x10`q\x02\xb0\x98\r\x1bzP\x85 \x85\xba\x04\x00@\x92\x9f\xd3;\x80\'N\xe1\x93a\xd0\x86x\xd4\x16\x00\x00\xfa\x1b\xf1|&lt;^\x8aT\x1b\xb1\n\x01\x00\x00\xa4k9**;\x16\xa37\x00\x00\x00`V\xbc\x18\xb4\xaf\xd92\x7f\xb6\xf4\x02\x00\x00\xa0\x0f\xbd\xf3\x9c`TJc\x06\x00\x00\xd0G\xf57\x01\x03\x1f\xee\xde\xcc\xca\x1c\x00\x00\x00\x00~\x8c\x14\xefh\xbd\x08\x00\x00\x00\x80b\x93^\x01`\x80\x1b\xc4\xb7\xa0\x01\x00\x00\x00\x00\x90\xeb\x8f\xb2\xe8\x00\x00\x18\x15+\xeb\x00\x00\x00\xc0\x14\x18\xfa\x03\x80,\xfaU\xcd(\x1d\x00X\x16zC\x00\xc048\xe5\x01\x18\x1c\xdd\x1c\x80[t\x14\x98\x07\xb5\x1d\x00\x00\x00\x00\x00\x0c\x87\x05\x0f \x83s.\xfc5\xc6\x00\x00\x00\xba\xe4\x8d\xfb\x99-`2Tx\x00\x00`\xc3\xfdW&gt;mC\xf9u\xe5\xfb\xa1\xa0\x98s\x0bU\x14\x00\x00\xe0\xce\xa4\xdf\x04\x8c\x011\xfa\xc7@\xb8\x88\n\x00\xe8\xcc9\xc7\xd9\x08\x00\x00\x00\x18\x00W\x00\x00\x00\x00\x00\x00(6\xf6u\xb3?1t\xea\xba"c\x01\x00v\x1c\xee\x14\x1a{\xf4\x03L#\xdc\x90y\xc9\xe9\xb2\xd0\xdd\x01\x00L\t\xdd\x02Tx\xeb?o\r\x02\xac\xbb\xed\x01\x9cc\xbd\x1a\x00\x80\xb1\xb0\xac\x05 \xccV/a+Z\x00\x00z\xe0d\t\x00\xad\xbc_w\xa5\xe3\x05\x00\xc0\x84\xa6+\x8b\xbc\x98\x15\x00\x00\x00\x00\x00\r\xca\xe7\xe7\xcc\xf0Q\x97\xa6\nFm\x07\xd0\xdf\xafbq\x1d\x98\x18\xdf{\x88\x19P\xc9\x01\x00\x00\xde1\x01\x00\x00\x00\x00\x14b\x8c\x0e\x00\x00\x80:X\x0f\x1e\xd6\xa9dY\xfeG**\x0c\x00\x04\xd1K\x02\xb0\x84.\x0b1\xa8\'\x00p\x8d\xa55\x006\xd1q\x01\x00\x00\x00\xf30\xb2r\xa1m\x85\x85E\x1f\x00\x00\x1e8\x1d\x02\x00\x00\x00\xd6&lt;\x96\xb5X\xdc\x02\xf2|\xfb]\xdba\xf1x*\x945\x00\xc0\x12\xce[\x00\x00\x00\x80\r\x8c\xdd\x01\x00\x00\x80\x110\xb2\x07\x00L\x8eS!\x00\x00\xc98}\x02\x88\xc4S+\x00\x8c\xa1\xcf\x02\x00\xa0\x0cgR\x00\x96\xbc\xf5\x0e\x00\x00\x00\xeb\xd6\xde\x01\x00@\x05\\(\x18\t\xa5\xd9\xc0\xd5-\x01d&gt;\x00\x000\xc0=\xf5\x0e\x042(M\x000\x87~\x1b@K\x8e\t@\x03d/\x00 \x83\xf7\x04\xcd9\x05@HL\x1f\x11\x98\x00\xd0\xc5\x00\x00\x00\x00\xb6D\x8d\xe0\xafF\xff\xce\xb9\xe5?`\x0e\x00\x00\x00B\x9cs\xbc.\t\x18\x01\xb7\x06\x01\x00f\xd3\xe5\xac\xf7\x9b\xed\x9fj\x190\x00\x00\x00\x00Sa\x02\x00h\xc1\xf7\x00XE7j\xd7\x7fI\xd9\x01]}\x0fm\xb0\x0f\xbe-\x01\x000\xabZ\x937\xc64\xc0\x88\x9cs\xb4n\x00\x00\x00@\x1d.\xcc\x02\xb0\x82[\x80\x00\x00\xca0\x92\x06\x00\xa0\x12\xd6\xab\x00\xd4C\x0f\x03/*\x06\x00@5NT\xc0\x95\xdb\xd6A\xf3\xa9\xe4\xa7\x91\xb1\x00\x00\xd4\xc2[\xab\x81\x00Z\xc7I\x9b\x1e\x83~\t\x80\x18\xbe\xa1\x038\xa0Q\x00\x00\x80\x91\xf1\xb5\xbe\x00\xa6Bw\x074@C\x03\xb4c\x02\x00\x00H\xc5\x89\x03\x00\x00K8sC7\xea\'\x00\x00\xc2\xf8\x1e\x80\x17\x8c\x86\x01e\xd6\xde\x01\x00\x90\xc2\x19\x16\xb0\x84\x16\x0b`v?\xc0\xea\x00P\x84{\x8c\x01 \x11\x8fg4C&gt;\xc3\x8b\x8a\x01\x94\xa3\x1d\x01\x00\x80{JF\x0cJ\xc2\x00\x00\x00\xf0\xb3;X\xb1\x1b9\x00\x00\x00\xd0\r\xc3h\x00\x00\x00\x00\x00\x00\x00\x00t\x18o\xcd\xdeJ\x8a\xac\xc4\t\x00\x00\x00\x00\x00\x00\x00\xa8\x8c\x05c\x00\xb8@\xf7\x08\x00\x00\x10\xc4|\x12\x00\x00\x18u?\x88\x19i\xa03RZN\xf8\xc61\x00\x00\x00\xe0\x84Q\xb26\x94\x08\x00\xa8\xc5\xf7\xd9\x03\xaa\xbc\xf5\x0e\xc0\xaau]{\x87`\xce\xa7\xd7&gt;@\xd1\xd9\x853\x13P\x13\x83\xbf[\x03g\xd1\xc0I\x03\x00\xcc\x85S\x1a\x10\x8f\xf62\xa4\xf8u}\xe7\x1c\xeb,\x80It\xdf\xc0\x0bZ\x04\x80\xb910\x00\x00\x00@\x18\xe3\xc5\xa1pg?\x00\x00\x00B\x18,\x02\x00\x00\xc0$\x06\xb2\x80\x14Z\x13\x00\x000\x80!\x0b\x00`"\x9c\xf6L\xa0\x98\x1a \x93\x01 \x03\x9d\'`\x90s&lt;\xc5\x05\x00\x00\x00\x00P\x8a\xd5&amp;\x00\x00\x00\xa0\x08Cj\x00\xd6\xd1\x8f\x01\x00\x14\xe1\xb4\x04\x00\x00\x80i1\x14\x06\x00\x00\x00f\xc2r8\x00\x00\x00\x00\x00\x00\x90\xa9\xde\xe2\x1a\xcbv\x00\x00\x00\x00\x00\x00\x00\xd29\xe7X\\\x04\xcaToA4R\x00\x00f\x17\x1e\r\xa4\x8e\x15\x18[\x00\x00P\xe8\xadw\x00@\t\xc6\x82\x06\xac\xebz\xf5\'F\xf3\x80\x124F\x00\x00\xd0H\xeda\x07\xc3\x1a F\xc6\xb58\x1a\x17\x00\xa0\xb1\x16\'\x1eNo\xa8\x84\xaa\x856\xe2k\x1au\x12\x00\x00\x00\x98\n\x13\x00\x00\x00\x00\x00\x00\xc0\n\x01\x00\xc5\xe8\xa0np\x9b\xc7$(h\x00bx\xe2\x07\x80fswP3\xa7\x1d\x00P\x93sn\x99\xfa\x14\x0b\x00\x00\x00L\x86\xeb\x00\x00\x00L\xcb9\xb7,\xdf\xd8;\n\x00\xcd1\x01\x00\x00@)\xbe[\x03\x00\x00\x00\xc0\x83\xc4\xf0\x9d\t\x00`\xde[\xef\x00\x00\x00\x80!k\xef\x00\x00\x00\xc0\x95\xff\xc6\xeaB\x1d\xf7\x18@\xb3i\x9f\x85\x9b6\xe1\x00\x00\x00\x98\xda\xcc\xe3\xe0\x99\xd3\x0e\x00\x000\x0e\x86t\x00\x80\x1b,\x00\x00\x00`\x11\xa7o\x00\xf9\xe8A\x00\x00\xb0\xe4}\xf1\x8e\xd37\x80\xac\xb7\x00=F\xff\xcc\x01\x00\x000c}\xbc\xbd\x87w\xf8\x00\xc8\xc5\xe8\x1f\x80\x1e\xdc\x97\x08\x98E\xe3\x05\x00\x00\x00f\xc2\x04\x00\x00\x00\xa05F`\xa3\xe2\xe2\x18\x00\x00\x00&lt;\x18#\x02\x00\xea\xe2L\x03\x00\x80]\\X\x00\x80=:D\x00\xc0\xf8\x98\x00\x00\xc0;\x16E\x00\x00\x00\x80\xd9|e\xc9\x87\x99?\x00#\xb1\xd6\xa2Y\xc2\x00\x80)|\xd2;\x00\xc3\x9cs\xeb\xba\x86\x7f\x03\x00V0\xf8\x07\x00 \x19\xb7\x00\x8d\x84\xa2\xc4\xd8\xce5&lt;\xdc\x83\xed\xfe\xfa\xdd5\xe3B;\xf4r\x00\x00\xe8\xe1x\xa0\x1cU\xb1Z\x81+T\x0c\x00\x805\x9c\xba\xa0\x0f#*\x00\x80\r\x9c\xb1\x00\x0c\xe6ww\xeb\xd6Z\x1c\x97N\x1b\x00P\xc4=\xf5\x0edR\xd3d\xbe|\x1a\xe7\xc87+(\x0b\x00\x004z\xeb\x1d\xc0\x1e\xc3\x85w\x93\xbcJ\xe8s+\x14\xf8$Yg\x04e\x01\x00\x80)\xef\x8b\xd0\xd3\xaf\xa7\xb2\xa2\\\xd7o!{\x01\x0c\x80\xae\x0c\xc0(\xa6\xb9\x11\x05\xddP\xc1\x00\xd4@\xdf\x02\x00\x80R\x9c\xa4\x01#h\xaa\x00\x80\x0b\x8c\xe7`En]\xa5\x86#\x9f\x96\x1e\xf2\'\xe9\x08\x03\x000\x86\xfd\xe9\xcd9\xbe\xcch\x1e\x144pO\xc3\x04\x80{;\x01\x00u\xf9N3\x13\xbd`\xd4r2\xedF\x0e\xe0\x02\xefw\x06\x00\x04T:I\\}\xbd\xc0\xa8\xe7$\x8b\x89\xb2\x18\xb3qd\xf8D\xb5n\x9e\x94\x02\x004k\xf7=\x00\xb7g&gt;N\x8d\x1a\xf0\x1e\xfd\xe6\xc8pj\x1d\x00\x00\x83\n\x7f\xbb0\xdf=\x8c\xaa\xa8ZP\x82\xaa\x08\x00\xe8N\xc97\x01\x0f{F\xe4d\xaf\x04k\xccP\x82\xaa\x08\x00\xe8\xae\xc3\x04\xe0\xb4\xd2\x7f\x18$\x8f6b.\x9f\x03&lt;s\x8c+$\x00\x00\x00(\xd5\xe7\n\xc0\xeb\x1a\xd8a=l\xa8\xe51\xd1\xd5\xbe\x95\xb5C\x00\x18\xc6\x9c7\xbeN\x98d@\xa1\x0e\x13\x80J\xa3X\xb5}\x8aXz\xb5&amp;\xb0D\xf7R\xeb\x1e\x806F\xbf\xbe\x83r\x04\xac`%\x0b\xd0@\xc53\x00\xebsi\x9b~\xc1\xeb\x91-C\x0ep4\x948c\xc7\xbdu]5\xe4G\xea\xca\xa8\x86\x8a\x04\xe4\xa1\x0b\x020\xb89/wB3\xea\xa4N\x94\x0b&amp;A=\x070\x05\xce\xeb\x93\xf9_v\xc5\xad\xae\xdc\xe5^&gt;\xab\xabVK\x07\xa3(i\x17\xf4Gx\xa4\xaa\xc2\x00\x07\xd4O\x00\x80v\xd9\xe7*\xe7\xdc\x90OV\xcc\x86e\x05\x00\x00\x92\xa8x\x06\x00(\xe0v\xffM\xb3\xae\xeb"t\xef8\x03\xd0\xee(\x02\x00\x00\x80Y\x14\x8e\xfc\x188Zg\xf4\xcdEC\xa25\x01\x00\x00\x03\x18\xb2\x00R\xb8\x1d\x0b\x00\x80Y\x08\x9c\xf2\x194\x00\x00\x00`&lt;\xac\x8d]!g\x80\xf1\xd0\xae\x01\x00\x800\xee7\x00\x00)\xc2\xdd)\x9d3\xa0\x98\xa2\xb7\x001\x92C\xa6\xe2\x9a\xa3v"\xa13\xaa+\xb6\xa2E\x03T\x89$\xdd\xb3K\xf8\x1b\xb5\xf9~n\x00@%"c\xf7\xee\xe7]`Hj\xa7\xd6\x000;zg\x00\x00\x00`\x1e\x8an\x01\x02\x00\x00\x00\xd0B\xeb\x8b\x00\\s\x00\x00\x00\x00\x80\x19\xf0\xa5\xad\xc0\xb4\xb8\xe3\x14\x00\x80\x191\x02\xb8\xf2|\\\x92\xfc\x01\x0c\xe3\xb9g\x00&amp;\xf0\x0c\x00\xda\x8b:;Nx\x1e]\xd7uYxq\x1e\x00\x00\x00\xb4\xab5L\x9fm\x02\x00\xbb\xa8\xabx\xf7G\xa7[\xb9\x00\x00\xa0\x93\x7f\x9a\x9bg\x80B\xb4 \x00\x00 -qa\xcc=&gt;S\'\x16@\x97\xc2ecV\x9d\x01\x00\xd0M\xeb\xa9\xda9W/\xb6\xd4{\xfa\xc5\x9f\x01`\x84\x84\x01\x0c\xfbl\xcc@\x89\xaa\xda\x91\x02\x80\x08\x1e\x02\xeeaU\xfa\xa0\xe7\xba\xaez\xceZ\xeb\xba\xae\xa2\x19%\xbb\xb7\x99\xe8\xa9\x14(\xd1\xa7\x1c#\xa7+#U2U\x1d)\x00\x00\xd0\xab\xca\xb2n\xf1&gt;c^N:\xe6\x824\x84x\xab\x07u\xa6*\xb2\x17\x00\x00drO\xbd\x03\xc1\x01%\xd2\x8aX\xfd\xa7\xc8\x00\xe8\xf2I\xef\x00\x00\x00I\xb8\x99\xad\x15\xb1\x1b\x07)2\x00\xba\xf0\x0c\x00\x00\x8f\xdb\x85O\xe7\xdc\xf2\x97Y\xd7T\x87+6#\xa14\x01T\xc2\xb2\x04\x00\xbf\xfd\xe0\xe3\xb8\x12\xfa\xfc\xdb\xba.t#@\r\xce9\xda\x17\x80J\xe8Y\x00x\x84F\xffw\x7f\x05\xb6:B\xf5\x00\x00\x85\xb8\x05\x08\x80\xc76l;\x0f\xdf^F\xff\x8d\xc2\x19\xd9\xe16\x8f\x01\xee\xfa\xe0\xd1\xf13r\x04\x80*L\x00\x00x]\xce\x00^\xd6tY\xdf-vX#\x9fc\xc9|\xfc\xd1\xf0a\xc4?G\xb1\x020\x83\t\x00\x00\xbf\xc7\x90\xc5\xb9eY\xbe\x7f\xff{\xd62\x11\xef\xe2{\x00:\xd7"\xea0\x80\xc9\xb1&amp;\x81\x118\xe7\x8c.\xb0Y\x8c|{6\xf11\x8a2\x17\xbf\x88\x96\x05\xe7\x9c[\x17K\x17[\xc2\x8b\xdf&lt;@\x02\x00\xddq\x05`*\xc3.z\xd5\x1eF\xd4[/\xac\x17y\xe5\x98\xb5\x8c\xdb\xba,\xe56&gt;\xe8\xba\xae\x86F\xff\x00\x00\xfd\x98\x00L\xe5\xf7\xf5\x0e`\n\xdc]0\xbcu]Y\xba\x8e\x14\xc8(\xb5YH\x13\x060&lt;\xad\x1d0\x00\x13\x9c\xd3;\x8eC&amp;Wxj\xd8\x06\xd0\x9e\xd1\xffnp\xadd\x12\xb5\xbf\x9b+\x149\x00\x00\x88dh-\xcdP\xa8\xd0\x8c\x8a\x14\xe64\xbd%\xf4\x18I\\l\xe7mT%\n\x00n}\xd2;\x00@\x8b:k~\xa5\x8b\xa9\x9a\xcd\xfc\x10p\xd8\xe9)\xd8e\xe0j\x90Ju\x85Q\x1d\x1c\x00\x88\xa1\xaf\x03\xb0\x8c=Qi\'\xb8\x08\xcc\xd8R\x15\xd9\xe9\xab\xc5\xd7y\x01\x98\xd98\x0f\x01\xdb\xba\x02k(\xd4\xde\xc8\xa86\x18\xbb\xdc\x88\xba3\xe4\xf5\x9f\xeb\xfa\xfe\xb8\xf0cd\xe8\x9c[\x06m\xf8\xb6\xba\xdf\x8d\xe0\x90\x9d\xd1?\x00[\xc6\x99\x00\xd8\xea\x7fmE\xdb\x15\x19\x05\x15n\xdb\xac\xef\xe5\xf7\xeb\xcb\xbf\x1e3\x04\x83\x03\xe5!\x05\n\xd4\xe2d\x06\x002\xd1\xe5\xa1\rjZ\x07?#-\xcf)\xa3\x9d\xc8\xb5\xed/uO\xe1]\x91\xb7\x00\x00E8-\x01\x07\xc3\x0c\xd7RS1F\xaa[\xfa\x18\xfd_f\xdd/\xd3&lt;\x01\xf0D\xf5}\xf1qjL\x11\x00 \x80\xfb+\x80*x(0\xc6(\xb9\xf41~^\x17\xff\x17\\9\xe7\x9eO\x02,\x8b\x81\x9b\x00\x8f3\x82P\xc0|\x17\x04\x00X3\xce3\x00@\x1b\x91+\xb8\xeaGx*\x8c\x91K/5\xe2\xf9\x8dR\x87M\x1e\x9b\xa9\\\xfd\xf7:\x96K\xa8\xda\x0fQ\x88{:\xaf\xd2\x00\x80\xa0\xc0\x04\xe0\xbd\x07\xa4+\x04\xf6\xc6\x18\xb3\xa2\x12\xe7\x1eo\xfb9\xfc\xfa\xbd\xd6\x18\xaa;\x86B\x15G\x1b\xf7b0\x00\x8c$0\x01x\xef\x01\xe9\n\x81\xee8\xf5f\x88\xcc\xb4\xf2\xbc=\xf7\x91n\xfb\xcf~+c}\xa9\xadh\x07\xa0\xbd\x8d[\xab\xc0\x00Bj\xdd\x02$=^\t?]\x07\x8c\x8c\xd1\xff\xf2\x9e\t\x8f|P\x98\x1b\xb1\x03#U%y[\xaf\xf6_b\x90\xfa\x16\xd4\xddo\xf2\xd2\xac)\xa7\x1aax\r\xa0\x1dz\x1c\x00FT~\xd8\xb4\xe4\x89\xe4\xf3\xf0w]\x97\xab;\xe9\x0fGq\xce]=:l\xc8\xf3)\xe7u\xff\x9b\xe5"\x1f\x00\x00}\xf1\x100\x862\xdeb\xf9x)\xcaWy\x88\\r\x87\x83\xe7\xb3n\xf9\x96\x8f\xab\x16\xcb\xef\xbf~\x01\xe8\xba\x1e\x93\xa6\xf6m\xa1\x01\xd7\x03}F\xff\x00\xa0\x0e]3&amp;5\xca\x0b(\xa1F\xdc\x98=\xa6\xd6m{2]E\xdf\xaf\x00,\xe6/n\x00\xc0x\xb4\\\x01\xb0\xb8\xe2\x05\xd3L\x0f\xad\xd0\x97\xbf\xb3Z\xef\x1f\xf3\x8d\xact\x8f\xfdX\xaf\xa2\x8f\xf8\xe9\xd6\xe3q\x12\x04\xd0\x8c\x96\t\xc0\xfb\xa9\x82\xee\x0f\x80z\x81\x91\xf9c\x12p\xde\xe0\xf98m\xec\x98\xde\xfa\xe8\xff\xa1o*\xac\x9dPlE\x0b\x00\x00\x00\x0f\x15C\xbaJ\xe3\xe0\xec\xb7\xacZ\x1b\x97\xb7C\xce\x00P\xa7{\xc74\xc0k@\x07H\x02\xc2d\x9bI\xf7F\x87\xb1eW\xb0\xa4;6s\'\x00\xbf91\xa8P\x00\xbe\x17\x92~~\xf9\x8e\x8b\xf7`\x18\xbd\x13\x80F\x06zH`\x8cT\xb4\xb3{\x01\xbcF\xf5jf\xd9n\xf5\xe6\x18\xd0\xc5k\x83*m \xa3\x9c\x8f2M\x9e|`d\xda\x9aw\x9da\x96\xae4\xdaV\xad\xc2\xe8\x9f\xfb)\x0for\xd2\xf5g\xd6\xb2\x1e\xa5\x92\xd3Z\x01\xc0\x12\xfd\xa3\xc0\x89Q.\xc2&amp;\xa9\xed\x16\xd3h1f\x11y\tw\xce-\xcb?,\x1e\xcc\xeda\x9b\x1f\x11\x00\x00Lf\xdaA!nY\xaf\x1b\xa9\xf1\x1f\xe6\xae\x8f\xfb\xf7\xacg\x02\x00\x8cG\xcbk@\x11\x89S\xe90(\xca\xf1M_\xc4\xef\xefD\x1d\xe2\x95\xa6\x00\x00I\x0c\x83lz)5\n1\x95\xf2\'\x9b!E[\xd3\xa8\x1dO\xdb\xbb\xd7\xb8\xb6\x00\x00@?W\xa7a\xdd\xa7g\xcd\xb1\x01\xf2\x1a\x8c\xceu7\xf9q([A\xd0\x13\t\x00@\x83\xe3h\xc0=\x7f]\xeb\xec\xc5\xf8\x03\xb82b\xeb\xc8\x9c\xd2\xb8\'\xf1\x80\x00\x00P\xa7\xd7i\xefqD\xc1C\x8fx\xe6\x1e/Ehm\xc4vq#\xafW\x89\xff\x94\xb2\xb5v\x00\x80&gt;V\xce\xbe\xbe8[\xdc\x19\xec\x84\xbe\x0b\x99\xa5;\xf4C\xc5\xbb\xe2\xc9\x996M5o\x02P#\x12\x00\x00T\x909\x01\xeb;Y^\'J]\xa8\xc0\xf8\xf4u\x11\xdd1\xc78 C\x00\xa0\x91\xbb\x1b~\xe4\x17\xe7\xda\\.\x0f\x84\xcd9F\'\xca\x05\xbaX\xad\x90\xffx\xef\x00\x00\x00\xea\xed&amp;\x00\x87\xb1\xbe\xdbK\xde\xef\xffu\xfe\x94\xd1\xb3)\x80\xe9\x94\\\x17\xed8\x95e\x16\r@\x90\xec\xf7\xb38\xe9\x1dV\xdd\xed\xf8\x0e\'\x8c\xed\xebx\xae~\x1f\xd8\r_\xe5\x03\x14r\xce\xd1\x8e\x00\x00\x1a||\x13\xb0\xc4\xcd\x1b\x95\xcem\x9c2\xfb\xe2\x8b&lt;\x81M~\'Y\xa1\x1d5~\xa9\x17+\xd0-\x91\xdb\x00*z{\xfd\'\xe3\xbca1\x88\x07\xca=\x06\xdb\x19\xc3\xee\x1a\xc3\xf4\xc7.\x1b6m\x1b}\xc8(\xb7\xca\xd8\xc8m\x00F\xbd\xddo2\xa2\xc9\xdfF\xbf\xae\xcc\x07\x80\x1c\x8f\x86\xb3\xae\xc9\x97\xc5j\xb4\xb8\x8c0\xc6\xe3\x9d\x8ci\xe8\x995\xc4\x00\x00W&gt;&amp;\x00S\x9dH\xa4\x12k6\xd3&gt;\xc26\x9b\x84\x04\xde3q`\x11\x9737\x06\x10\xf1\xb2\xac\x0e\xf5&lt;\xb6q\xd5l\x83\xb71\x9c_r\x90q\xc1\xa7v\xcfJ7\x05\xa0\xc4\x1b\x9d\x88V\xdfR\xbe\x8b\x97\xc1\xbd\xdcE\x8f\xc3\x0b\x85Dv\xdb^`\xe63\xc3\xa4\x083{\xd6po=\x8f\xfd~\xdc\xbcsGl\xe3Z\xa3\x06\xb8\x8fm\x0e\xfb\x8c\xb90\x92\x14|n\xdfY\xb7\x1b\xa1\x97\x02P\x84/U\xd5I\xacP\xbe\xd4\x1d\x14\xee\xcf=\xbf\xcd\xd7P\xb5\xa1\x92cJ9\xdf\x8f\x1b\xd9R\xf2\xdaT\xd2\xa7"7\xae\x1dF\x9eI:\x9c\xb2\x9c\x9c"\x8b\x00\xa0?\x91s\xd2\xb6\x13\xb5g\xb8m\x8ar\xfa\xb5\xd2\x80\x81~~W\xbd]?G\x87\x1f\xef\x97K\x9d\x00T\xba\x11(\xa5+\xc8\\7\x99\xa3\xb7i\xfc\x12*\x00\x80\x02j\xfb}\xb5\x81YG\xc6\x8e$\xaf4S\xaf\x0f\x1c\x06\x88\x1a\xc6\x8b\xbbiI\xfc\xc6\x000\x9afo\x01\xa2\x0f\x1d\r7\xca\x03v\xc5\xb7\xde\xfd\x088\xa6\xd5\xa7n\x7f\xbb\xbb\xbb\xa3\xe5\x9d\\b\x13\xd2\xb0\xa3\xbbO\x0b\x13\x12\x00=\xd1\x07\x85\x9195\x9cs5~\x19\x0f\xcdP\xf9\xadH\xbb\x15GhK\r\xe7\x0e#\xfd\xc6\x17\xe4}\xac{\xf6\x02\x98\xd9W\xf7\x0e\x00S\xe0T\x07\x18\x92=\xfa\x97m\xe9\xf4\x1b\x00\x10B/\x89\x19P\xcf!+f\x15\xbcM$\xdaL\x9bp\x00\x00\xa0\x8b\x86{\x120\x9c/\xea\x1d\x80N4\xb4\xa6\xe8\xd9\x00\x00\x00\x9a16\xf0:\xbc\xa8\xa7c$\xe2\xfa&amp;\xc7=u&lt;\xfa\xd2;\x13\x00\xe8\xd4\xec-@\x00\xd0T\xf6\xb8\xa7x\xc0d\xf5\x05YR#E%\xf7AE\x1f\xa5V0}\xeb\xc1\xf6\x8d\xc8\xf1/2\xe2\x8a(\x00c\xe8\xb3\x86@!\x02#\x88\xeb\x90\xff\xf7\xeaq\x14\x13\x99Crz\x02\x80\xaa\xe8d\x91\x86\xe5.H\xa1"\r\xc6\xfbEfI\x1f\xa7J\x00\x00\x90\xcf\xe8y\xd4h\xd8\xe2v\xf9`&amp;C\x92\xcan\xee\x82\x1ep\x98+\x92\xa2\x96\x13\x80\xc77\x1b\x08\x1dn\xb4\xd2\x04\x00,\x8b\xcd\xc1\x8a\xc5\x98\xb1\xd9\x8a\x8fr\x1c\xcf\x90\xeb\xdc\x82\x89\xaa\x979\xfb\x0b\x14\x82GI\xde\xd5p\xa5\x0f\x00\xd0\xc2\xc87wb \xc5\xc3\x9a\x1f\xca\xc0\xa8\x0eeO\x0f7\xdaO\xf8\x10\xfd\xe6`\x03N\xff\x80\xb9}\x17M\x1a\xaf\xe8\xe5a\xc0\x9f\xef\x1d\xc0\x0eM\xe6Z\xc9\xa8\xd1\xca\x88\x93\xf7o\x02\xb0\xe2\xe5\x95\x05\xf7\xdd\x16\xfd\xdaT(n\x00\xd58\xe7zu2\xd5\xc6\xe8E\xcf\x10\x8b\xe3:*\x80\x83O\x96\x8f\x1e\xd0-//\x0cv\x17o1~\xdf\xdc\xea\x9b\xae\xa5=\xb2c\xcb7\xe7\xdc\xe3\xcd\xcb=c*\xe3\x9c;\xbc7\xfa\xaa*\x000\xe7\xd0ei\xa0*\x18!\xbaR4b\x0e\x03(\x12\xf8"0\x7f\x7f\xa1c9C5\xe3Y\xe4\x89\x9e\x93\x07\xae\xfd\xdb\xbd\x03@\xacmAz\xa4\x16]\xb8\xca\xbeV\xbb\x08\xa0d\xed\xbf\x0e-W6\x00\x880\xd1\x9e\xb5\x079D\xb78@\x12\xd0\xc8\x10\x15~|\x03\xbf\x8b\xa9p\x02\xb0{\x91\x8e|\xce\x0c\x93\xdb\x87\x84\x94d\xd70y\x02`T\xcf\xb3\x02\xbd\x150#\xd68\xad(+\xa9\xe7\x04\xe0\xab\xba\x16\xb7\xf6\xca\xa6&lt;&lt;\x00\x90RoM\xa8\x14\x1d1\x96e\xd1?b\xc0p\x06\xaer\xe5\x97\x11R?Q\xbc\x87\xd6\xf4G\x08\x00\x80R\x03\x9cD\x07H\xc2\xa8\xac\x14M\x9d8\x8b\xf6\xa9 \xebT_q\nO\x904G\x0e`Xz\xde\xb3\x06\xdcjR]U^\xb9Z\x96\xd4\xa8h\xd7C\xbam\x02\x99\xe5^V[$\x1a\xe6\xb4\xd5\x95S0\x00\xd4\x91\xda\xbd\xb6\xef\x8e\xcb\x8f8\xcf)$#\xa5\xf3d\xce\xde\xfe\xf5\xc4\xfa\rQF*\x92\x10\x93\x93\xbb\'w\x85\x0e9B\xf1\xf5B\xee\x01\x00\xda2y\xe2\xb1\x18s\x0f\xe7\xc2U[\xdc\\\x87l\x8c\x0co\x83L\x06pD\xbf\x00\x00\x1f\xe8\x12\xa3q\xfa\xa8I2o))\x00H\xc3\x02\xd5\xb4(w\xe0N\xbb6B{\x04\x80+\xa27S\xe2\xc9\xd0\r\x0c\xa3"\xc3o\x91E\x98\xcdxu^\xf0Y\x08\x99\xfd\xb0\x04\x06X\x11\xff\xce{\x9a40\x14Zt\x05\xfaG?\xca\xc3\xabJC\xdaek\xc8cW\x1a\xd2\x15O\xe9\xd7\xec\x00\xd3\xb2\xd5\x83\x00\xcb\xc2\x10\x16\xea\xb8\x9d\xde\xb1\x1c\xb8}t\xbd\x83\x19\xdf\xe7\\dr\xde\x90}?h&gt;|\xd6\\\x812\x01\x00t1\xd7\x89\xa0*#\x95\xa1[\x90\r\xcea\xaaO\x93_\xab50\x05\x94\xbf\x8a\xb7ex\xce9f\xe9"\x8ct\xc8\x00\x0c\x1ax\x02\x90\xf7*\xfdQs\xe3\x1dO)\x94i\xd0^t\x97\x88\xe6\xd8\xa0\xc5\xc0\xa7\x15\xfdl\xe4\xbc\x89 \x01\x18\x95z\x12\xba\xdax\xb0\xd5,\x1b\xa7\x87j&amp;O&gt;\xe2\x95T\x15\xaa\x19JP\x7f\x00 \x9f\xf4*\xd40=\xb2\xe2;Lt\xe1\x11y\xd4\xa2\xb2\xe6(\x0c\xa9\x91\xbe\xc5\xa1\xe4\x82\xc9\xf9\x19\x83\xf3&amp;\xe2G\x01\x00yJzUe\xc8\x13\x00\x1e\xb2=\x83\xad~&amp;p\xf9w\x9e\xf3\xc8$\xc9\x04pi\xa4;^\xe8\xd1\xce\xc8\x93+\xe4\x0cPCv\xcb\xea\xde$\xc7\x98\x00\xd4\x8b\x7f\x80\xcc\x01\xf0n\x8c\xfe\x0e\x1at\xa9Hm\x8e\xb8{\xe5#\xf7S\xcd\xc5\xeeX\xb6\x8b\xc27+\xcc\x99i\x15\xfc\xf6\xfd?\xc4/\xf5PL\x80y\xaf\xc3\x1a\xa0TLE2W\xd9|m\xe42\t\xe6RWn\xec$\x8f\x94\xba\xb9\xdfg\xa5\x9d\xa2\xdc\xfb\t\xa1H\x14\xc5\t \x17+\x9ah\xce\xda\xc9#4I\xb6\x96\x16L\x8e\xa1[{\x873\xec\xb9\x08\xb6\xdfP:\x00PDm7\xaa6\xb0\x96\x1adB\xb3\xeb\xdd\\:KEv5\xe4\xc9j\xf2\x1f\xf1"k\x0b\x95\n\x00n\xd0Q\xd6P5W\xbdk\xff\xfb\x87\x01(S\xc0\x90\xf0|^\xfah\xbf:\x10\x88\xf4\xb1\xe4\xc5f\x08} \x00\xa0\xbd6\x13\x80\xfdQ\xde\xff9\xc3\xd7H\xe3\x1aEo\x11W\xed\xea!c\x01\x85\xdez\x07\x00\xd4\xb2\xaek\xabC\xbd\x9e\xde\xd6\xf5\xf1\x1bN{\xbd\xf4\xcd\xf9\x86\x15o|\xcd\x8ar]\xd7\t\x0b\x8e&gt;\n@O\xf4A\xb0(\xfc\xa6,\x16\x14?\xb4\xcd\x07\xb5\xd9\xae60\xcd\x8c\xbe\x8cN0`si\x8f0^\x8a\x00\xcb\xd4v\xb2]\xa2R\x9b\x1b1\xa4"\xb7\x9b\x03\x9b\xf6w\x01A\x01J$\x86\xbd\\2\x17p\x17\xe4\x12\x80\x18\x1f\xb7\x00=\xaf\x7f\xe6\xf7\x1d\x15\xfb\x9do\xa3GK0\xe1\x85\xec+U\xb3\xe2u\xd7\xbb\xe1\xd4\xc5\x05\x81\xc0\xae\x92f\x11&amp;N\xf0]\x83\\{\x07`B\xf1\x1d/\xcds\x98\x9e-F\x83\\\xa2q\x01c\xf9mE/4d\x1d\x14sr\xaf\n\xf7\x14\x7f\xc4\x82\x03\x8di\x80&lt;i\x99\x84\x01\xb2\x0b\xbdPy\x80qlC\x8aC\xc3\x8e\x1f\xd90(\xc1\xd8\x82\xd5\xfb\xf2\x1b|\x9aG\x02\xc3\xf9c7r\xcd\xc8U\x008{\xbf\x05H\xea\xa2\xe1@]-\xf3\x19\x9c\\V\x89\xf5u\xab\xba5\x87\x1b!0\xa7@\xcb\xbaz\x10\x7fy\xb6\x17\xfas\x00\xf0\xf3\xae\xf4\xcf\xbc\xae/\x9d\xf6\xf2]\xcd[\x16\xbd=/\x8e\x95\xdd\xa6O\xf15\xd0 \x93\xeb\x1d\xc2D\r1\x11\xe4\x83\xa1P\x01\xa03\xe7\xdc0\xaf\xe8*\x1f\xc1\xeb;\x7fh\x8bg"\xb5\'\xc3\x1d\'\xdb\xfa\xea\xb9j\x93O\x00\x0c!?\x01 \x01\x9d&amp;p6\xf0\xd5\xb0Q\xd3\xa5M\xcc\x93Tm"\x89\xb7\x0fIax8\xa0\x8c\x00\xe4K\x1d\xe8\xd0\xe3&lt;\x90\x0f\x93\x93\xba\xdc\xb4\xdbO\xa3\x1aE\xd5-\x14\xce\xc0\xf814\x05\x01\x00h\xe3\xed\xfc\xab\x8coD\xe7\xbc\xa5M\xd2\r\xeb\x10Q\xfel\xeec\xee\xbd\xdb\x8d\x96\x87}\x07\xbe\xfa!\xc57\x7f\xf3\x08W\x929\x1f\xef\xa6j\xed\xe9\xc9\r=\x91\x00\xa8\xc13\x01\x88\xc7\xb0`\xef\xf3z\x07p4\xe5`BD\xefZ]^pi\r3f\xdc9\xe7\xd84Rx\xd1\x84\x9c\x0b\x1b\xa5j\xc9t\x1a\xa3\xe4\x06\x80q\xb9W\xbd\xc3\xd1\x8e,\xc2-\xa9J\x92\xdd$\xa9\xa5%\x9c\xef\xabTj\x1c\xe2\xfe\x97\xaa\xcb1\xee=\x13\xaa\x93\xd0BDE\xaa\x9bE\xf4\x06\x00.m\'&lt;z\x8a[\xe4\x12Z\xa2\xb2-#fB\xdf\x14\x89&lt;\x10l\xaaP&gt;Gs\xbf\xad60\x00\xb3\xd0\xdcE\xc2\n\xaa\x10\xa0\\\xe4s\x0e\xc3\xe0\xfa6\x00\x84\xd0?\xa2\xdcK-\x1a\xb1F\xd1L\x80\x86$\xef\xa6\xd3\xd4x\xf5D\x02`\\\xfa\xfa&gt; \x95\x96\xda;sS\xaa\x92\xf6&amp;\xdf\xf8;m\x91\x9d\x19:\x1d\xc8\xc6i%\xd5]\x903\x80]/o\x01\xf2v\xf1&amp;^J@7d\xd9\xdfZs\xe7Zj\xef\xa3\x1d\xd5\xab\xa8\x9a\x87)\x19o\x16\x8e\xd9\xa9\xf0\x0e=G\xf8&gt;\x13\xbd_\x1b\x19e\x98Q!o?"[\xc95\xb7\x1a\x1d\xc8\x1c`\x0e\x86\xd6xD8\x17\xf7&gt;\nT3Oe{%\x9f\xea\xd4\x96;UK\x8f\xf5\ru\xdej@&gt;G\x0b\xe7|\xe4\x19*\xb2\x04\xa3\xcfw\xfb\xcd\xa6,\xca\x8b,zf\xcb\x94y\x02\x8c\'c\x18Q/\x98\xdaL\x07\xdf\xccT\xb94ObM\xcf\xf6\xab\x86-\x9d-\x7fZnWSs;\xe7\xbfy\xb7\xdc~Qx\xe8\xaf\x91x\xfdQ\x05\x9d#\xb1\xdb\x81\x00\xf0\x9b\xa9I\x17\xa5t\x92\xeeo\x904F/\xf5\xb5\x08\xa6\xa6\xf8$\x18\xad\xc0-\xc3\x968P\xfe\x1e\x1a\x17\x90\xeeE\xee\xeb\xd1\xff\xf5\xa6\xdb?+\xc7\x06\x00\x18K\xf8|ct\xfc\x94\xa7,\xa5*r\x89\xc2*\xd9R\x95\x1e\xc3\xe2\x0e\x1a\xf40V*\xc0\x96\x15\xf1yR\xfb2Q\xbd\x9d\x03\x00\x0c\xe3\x0c\x01\x11\xb6*\xd2\xc7\xf8l\x94\xc7\x9d\xa5\x0e\xa7\xb3\x1cuF\xe5\x93&lt;\x01\xa8\x1dM\xef\x10\x12\x14Fk+\xb1\x00\xc4\xa9\xe8v1\tW\xfcl\x19\xd5uL\x81\x1b\xc1k\x1e\xd0\xfb\xeb6\x01,\xcd+\xf3\xd5\xe1\xf2\xb2\xdd\xfb\xa9\xc0!R\xf7\xaf\x80\xd2\x98\xc5\x9a\xc9W(M \x80F\xf2\xbb\x12\x93}:l\xb39\x92\xc0\xbd\xc6\x13\x80\xe5c:\xea\x96]\xbd\xea5\x01hr\\\xc9\t@\xd2\xf8Xd\xffJ\xae\x12H\xc9[\r\x19,\x13\x00\x00\xf2\xec\x9e\'j\x8d\x05+\xdf\xc4\xd2\x86\xddb\xbd\xd5(i\xbfF\xcbS\xa4\r\x02\x88\x9fc\x08\x05#\x96\xa2\xf8\xcb\x0bJ}\xe1\xfd[Mswm*\x1f\x00@\x8a\xb1\xd3@K\xa7\xb7\xe6\xf5\n\xa4\xd0v[p\xd5\xfd\xf7\xa2\xa6\\\x94\x84\xf1AM\xce4\xa2-\xbd\xe5\xf1hK\xd1\xbb\xc8\xa8D\x17\x1d\x94f\xc5\x8e\xf3\x9d/$\xc2\xe6\x1a\x05\x80\n\x1a\\\x00\xa5\xf3*G\x1e"\xcf\xa1\x81W\xafH\xcd+\xea\xc0M\xc39\x97\x91\x9f\xf5\xbb\xf4\x84g\x15\xf4\xcc\x8a\xdb\xd7\x93\xda\xcb.\x00P\xa8\xf5\x8d\xc2\xc8@\x01!\x9b\x9e\xca\xd3\xfc\x1e}{&gt;\xb2\xe5\xbd[\x96\xc9\xa5.\x8fd\xdcR\x15L\x9e\xdb$\x0c\x90F\x00\xb5t\xef \x98\x00\x00\x85\x0c\xb7\xa0V\xcd\xdf~?#&lt;\x16\x8f\xd9T\xe4\x88\xcb\xcbK\xa1\x1a\x17A\xb7\x12\x97Ji\xe3\x1c\xb3\xdfL\x80\xb9\xd1\x80\xd1\x11\xd5\xaf\x97\xeb\x93\xb7\xc6\xf5\xd7\x0fm\x86\x86:\xd3\xae\xceGUi?\xf4ly\xb8\xdaGT\xda\xd6\x00X\xf3\xd6;\x00\xe4\x98\xf3\x1c\xb0\xaek\xef\x10zR\xb6\x84\xf6\x88\xe4\xbdD\x94\x16\x8d?*\xe9&lt;|\x1cEQ\xd1\xe8\xb4\xbe\xfc\xaf\xad:\r\xe7\xf3*\xecS\x0f\xea3\x80\x1dM\xe3\x0f@\x18\xd5\x1b\x13\xaa=\xb1\xf4\xee\xbf\xf1l\xb6s\xd3\x16=\xba\xaa\x85\x00=\x91\x00@&lt;z.\xe4\xb88\xe7\xfdYj\x14pv5Fl6vT5b\x161Xr\x00\xa8F\x8f\x03x=\x9b\xc6h\x83\x0c\x11\xe4\td\x9d_\xb8\x14Q\xc7~\xbd\xe0{\x87\xca\x99n\x14\x82\xc1\x8f71\x03\xc6\x94\xdaP\x9ds\xdfa\xb6m\xd3+!\xc96\x07\xe8\x1c\xc7\x04T\x8d\xe4J\xfcCt2B&gt;\xa6\x01\x96\xb2\xd4P\xa8\xcb2P\xbb\x03P\x95\xf9n\x82\t\x00\xd0\xd7\xd5\xea\xe00\x03\x11:\x19)\xfbo\x18\xe8\x1aH\xa6\xc35\x8d\x8eo\xf9\xbcnq\x00\x00D\xf9\xcc\xde\x01\x94\xe0\xc2t#\xa1|\xfe2KE 5\xd8\xaa\xc1Pe\x9e\xf3\x9e\x90}\xaaeo\xb0\x91\xda\x15\x00\xc4\xe0\x1b1QK|\x8d*\xac{T]t3w\xdd\x0b7\xbd\xfd@\xf9\xb0\xa5\xb66\x9b\x14\x8fsn\xf9\xb5\x95\xe2\xaf\xb2[m\xb9\r\xa0\xbf\xf3\x13Z\xc6X\x8c\x19\',\xa4\xf9\x0c\x93\x90L\xcf\xaf\x05+\xcd\x87\xda\xb7\x9b\x0fT\xe5B\x8b\xfa\x81\xbb\xb9\x827\x80\xbd\xfcp\xfe\x93\x1a\xda\xe2\x91\xa4/\xb7\x01\x00\x10\xc5\xa9n\x18\xee\xd5\x92{\xeb\x8e\xd4Dbr\xaf\x04\x11\xcc\x16\x00\x00 \x00IDAT\x13\x80\xa4\xcc\xf4\xe4\xff\xa8\xc5Q\x92\xae\xb4\xcf~3U\x1a\x98\x19g5\xdb(\xbb\x89\x0c0\x06m\x1c\xff6\xe2,\x99\x00,rW\x12\x0c\xa9\x9f\xd8\x892\xd3\xaeI&amp;]\xc0\x8c$\xcej\xd3\x9d\x1a\xf5 \xdbeM8\xcek\xccn\xde\xaa\xac\x18\x02\xf1\x04n\xcbA*}5\x04\x00j\xe1\xe2xO\xe3\xe5|\xf7\x14=\x03\x90\x1aZi\xa2-\x1e\xfb\xd4\x15q\xa2aF\xffV\n\xc2J\x9c\x00\x86\xf4&amp;\xb8\xaf\xad7[\xd7Up\xb7\x88G\xc6\xcbZ\xd7u]\xd7e\x11\xc8Vm\x8db\xda\xa1\x87\x9ea\xae\xb6\xf1\xdf\xba\x0e2+\xd4\xd6\xd6\xf6\xf6\xf7\x9ei\x8esY\x96\xe5gg\xd6\x86\xfb\x8a=F=\x03FR\xbc\xe0\xca\x15\x00\xbb&lt;\xa5F9z\xc5d\x8b\x81\xac\xfb{\xd5GX\x87\x9e\x0eJI\x18{\x95B\xca{\xd8\xbaF$\xe7\xe3&lt;\x0e\xd6\xe4X\x8fCq\x8a\\\x16\x95\x95\x1f@\x11\xba\xb6\x91\x88\x14\xa5\x86\xfa\xa0!\x86\x83}HU\xc3S\x98v\xe0\xd6VoG\xaa\xc0n\xe7j\x83\xc0?\x03\xbb\x15\x08.\xd1H\xe5\x02\xcc)t\x0b\x90T\x0b?\xed\x87\x8e\xe3\x96\x8a,\xd2~\x85\xba\x1b\x89\x17\xc9\xdf\xfdF\x8aP!\x8a=\x0b\x91q\xe0\xf6\x07Ew[\xbd5\xd8\x0b\xb9\x98\xf7\xe9]w\x02\x1f\xbf\x8fL\xbb\xc1,\x020\x1c\xdf\xda\xc6\xf17\xf3\x9e\xd1\xb9&lt;"\xea\xf6r\xd3\xb6\xc1\xfe\xbf]"9o_)\x92\xf1\x90W\xb0(PoC\xd7\x01l\xd6vobi\xb9\xc0\xc84_\xa0\xd4\x89\xac\xe8h\xb0\x0b\xe5\xbd\xeb\xd2\xef\\\x96eY\xfe\xa9\xae1`\x10\xde\x95\xa3\xec]\x95\xc7\xa3P\xe4*C\xaf+u\x000\x82q\x07m\xe8c\xc4r\x8fz\x96Q\xcfpd\xc4"\xb0%\xe1\xd1\xf9\xd4{\xe5#\xf7o\xdd!\x7f\xae6J\xda\x15\x80iI\xbe\x064\xa0BwS\xf1\xf9\xd4\xf2\x1b*/\xf7l\xf6f\xcd\xab\x8b\xbcc\x9cH\xf4\x8cS\xb5\xb9._\xab5yi2\xfa\t\x8f_\xb5\xaa\x1a\xf3M\x85\xf1\xde\xa7w\xd5a\xfa~o\xb8BF\xda?\x17qy*\xe1\xb1\x01\x00\xaa\xb49\xe3f|\xa4R`\xd5\x9e\x9f\xee\xc5?&gt;n9\xca\xa9z\x94\xde7\xf1+\x1d)^,\xc4F,CN\xc0\xe6\x10?\xa4\x7fZ\xf6\x01t\x0f\x06\x00P\xae\xf4\xd4R\xebd\xc09\x06\xcb\x92X?\x9f\xc3\xbe\xd6\x95\xc79\xd7~T\x14\x1c\xe6\xfez[#`\xf1h\xb9p\xd4E\x97\x86\x00\x00\xc8Q8f\xaa1\xc8\xb05v\xe9l\xdc\x81\xcec0Q\\\x13\x1a]\x03i_cw\x13\x80\xab\x17}\xc4\x864ds\xd3ysc\xc2\xc1\xe8\x06\x8b\x91\x81a1\xbd\x04y\x08\xb4\x97\xf3\x0c@F[}\xde\xb3\xa8\xe8\xbeCn\x82\x8c\xe7\xc6\xbe \x1f\xb8\xa16\xcec\x12!\x15\x8eN\xde\xf4ik\xd4\xc2\xe2^\xe5^8\x86&gt;}\xb6i~\x86\xee&amp;\xaf\xa0\xbc\x99\x9cr\xfb?)\xdca\xb9N\xa7\x12K37;\x91\x02P\xc6POgM\xd4YD\xed2\xa1\x92\xa8\xd4\xe6O9\xf7\xaaw8\x03\xba\xcc\xd5\xca\xb9]\xa94\xc3\xf5Dd\xca\xd4\xdc\x9f\xca\xfd\xa0\xa2\xc7\x96\xba\xd0\x1f!\x00\xed\xe8G\xfa\xe6\x80\x85\x93\x8d\x99\xfcQ\x9f\x93G\xd9\x13\x00s)E\xbc`\xe1\x06\xcb\xfd\xa7\xea\xefL\xc4\xcc\x93R\x00V)\xef\xa7\x94\x87W\x9b\xec\xf8\xdb\xfa]\xcbh\xcf\xc2\x0cp4\xca3|[\xcb\xf7\xfd\xa5V\xe4\xdb\x9e\xdf\x7f\xd0\x9dE\x07\xad\xd7\x08\xb2^\x8b\'p\\\x00\x905s\xdf$=\xfcz=\x89\xe2\xa9e\x86x\x8eEq\x08\xa1b\xf7F\xfe\xfb\x9as\xabj\xd9l\xba\xce\xba\x00`\xda\xfe!\xe0\x84\xf5\x89\xeb\xe5\x9f*\xe8eD}|\x9b\xcc"\x99\xb7\x83\x9f\x0c\xc4Sw\xbc\xaf\x86\xa7\xd2\x0b\x0cV\xf7\x8c\x0f\xad\xa8\xc9\x0f\xaf%\xb8\xae\xcd\xca\x94W\\\x00\xa8\xa5\xf1\x04\x00\xf5&amp;]\x14bc\xbbr\xec\x90\xf3\xb7\xc5m\xb4&gt;\x18\r\xfb\xd5K\x12\x86H\xd1&lt;"\x0b\x8b2\x05`\x9f\xe95*\x83\x91\xc7O\x00\xcc%m:Z\xdbN\xc5Y\xbd\xca\xf4\xea\xa26\x8b\xb4VW\xd4\x93\xf3\xd0?\x80Y\x98\xee z\xad\xbf\xd6\xa6\xa4D\x94\x84q\xe0d\xbe\xf3\x0by\xc8y\xc3f.\xbb\x99\xd3~`\xfa\xa4\x0f@Li_@?2\xac\xdftW1:\xbe\xd1H\xcb\tLI\x18\x80!\xed\x1f?\x03\x00\x1c\x95L\x00XH\x90\xd6-3\xbd\xe5\xa8\xb9pU\xc4F\xfd\xf7\xfaK\xad\xf3D\x7f)\xa8\x8f\xd0\x1f\x9e\xfa\xb0/u\x8f\xbc{\x00\x00\x90)\xa6\xffb\x02`\x93\xb7\xc8\xba\xbe:S\x0b\xb5\x81\xc1\x86\xab\x89\xb4\xe2:\x1f\xd2!\xf2/\x959\\\xaf\x0c7Z\xd0\xcb\xb2\xd0\xfb\x01S\x90\x1a\xdc\xdb=\xb1\xcd\xcct\x91\xd5{\xb6Us\xb6\xe4\xc5&amp;\x98(\xcd\x99c\x82\xce\x0c\xac\xf4*\x82\xb2\xc4\xfe\x8a\x82\xcf\xca(\xb9\x1c\xaa\xb3\xa0}&lt;_\xfd\xd6!\n\x00\x8dEN\x00b\xb6\xb1\xd3\xdf\xc1&lt;\xf7t\xf8\xa5\xe0\xfe\x95\xecD\n\x13\x00%\xae2\xb0o\xc6R\xac%Z\xe7^\xe6\xe1.+\x1e\xa5\x0f\x00~\xf4\x8f\xd5%\xe6\xb0w\x02\xd0\x15\xc3k\x14QX\xf4n\xd0W\xab\xcd\xe9\xaa\xc3|\xfe\xfe\xba\xa0u\xf5\xb4\x00.}\xd2;\x80\x01\x9d\xbf\x85\xd19\xd7\xfd\xab\x19\x9ds\xeb\xb3\xdb\xee\x18\xcc\xe3\xdcP\x1a@\xcd\xf8\x9b\x14\x96\xd8\xfe5T\xad\xbd\xfd\xb9\xbfK`\xda2\xa4\x125I|/\xf0u]\xf7\xd9\xbeU\x83\xbee\xf1\xe8\xf4\xf4d\xd60\x9c\xbb\xceT_\x91\xcbt\xfb\x00D\xe54\xc8gc\xce\xfc\xf8H"\xfb\xb5~\x83\x92\xcb\xb5\x98^}q\x9f\xacp\xceQc}\x1e\xc5!xz\xe6L/\xee\xb6\xc9\xf4\xea^\x94\x8c\xf2\x03\x98\x00\x88\x13o\xe0\x93\xcc\xd8\x01\x85\xde\x96%\xfb\x9a\x1d\x8dvY\xe3\xba\xae6\x1d\xdc\xf9\x1e\xf7@\xa9\xc6\xde\x12\xf3\xe7\x8a.\xe6\x9e\x0f\xd1\xbe\xafw\xce-\xef\xcb\x93\x92\x87\xd6pO\x91L\x00\xa2\xa98\xac\x04\xa3\xdcm~viS\xdb@0\xfa\xe8\x1d\x1a\xcb\xba\x96\x8e\xfe\xdf\x9b\x98\xef\xcb\x07\xba7\xff.\x8e%&gt;e&amp;\x00cx[\x96eI&lt;gs\x8e\x7f\xf1\x9a\x15J\xce\n)\xaf\x9e\x08n\xf9w\xaa(hW\xf0\xed?\xf6\xeb\xeae\xaa\xbd7\x9b%\xedz]\xd7\xeew\x85\xc1\x96\xbc\x85\xff\xc7\xd7p\xd7\x89(\xa0\xb4V\xbf\xa7\xb1Y\xeb\xd0q\xfaHp\x913\x97e}\\7\xf9\x1f\xe5C\x02`\x87\xb5.oY\x16\xado\xe7Xv\x0f\xbc\xc6\xeb\x1bp\x9c-\xd4\x9f\xda;\x92\x0fmr/\xe9\x10\xaf!\x9dgw\xc2\x8fi\x1a\xa9&lt;\xb3hP!\xb3\xfb\x8d\xd7\x0f\xba\xed\x97W[\n\xc4\x9a\xa2\xc6\x11\xf3r)j\xa7\xc1\xcd\x8c\xb5J[\xd1\x02\x10cf\x00z\xa4/\xec\xf75\xf2\xd0@\xff\xfd\xd4\xfb\x8c\xdc\xd4\x1c@a\x90Z\xb3\xce\x85+\xc2\x7f\xe8\xde7\x10;\x9e\xc6L\xb0-o\xe0X\xbbB\xa6\x8d\xfe\xbf\xeb|G\xa2\xe7\xe3\xe1\x7f6c\xa5\x0e\xc7\xe4\xbf\x8a\xb4(\xed\x1b\x01D8\xf524\xe6#U\x1d\xdc\xdd\xb8\xff\xfes\xedb\xcd\xa20\xc2]\xd6\xe9\x89-4\xf4\xbf\xac!\x17\xbb:\xec\xb8~\xf0\xba\xc4W\xb9\xbc\xcaYa\x18\xf7\xcb2\xc2\x88\x14Qa\xa2&gt;{\xd8\xc3\xf9\x9f2\xe1\xe6\xeb\x16\x80T?\xec\x9c[\x96\xaf,\xdfOq\x14\xdd\x8b\x12@\xc8\xe5\xad\x8d\x8e\xb7y\x98\x12\xe8mo\xde~\xf3\xfc\xe4\xfeu\x19n\xe873D\xa6.~\xb3EEKq\x8b+\x1a\xbc\xe8|\xd5LW\x8eW\x1d&lt;\x1d;\x98u]\xb7\x07\xecc?\xf3j\xf5\xf76nq\r\xef\xb9Wc\xcb\xab\xf2V\x96\xd0T\xdd\xe3\xf5h\xa1\x12\xe4\xe5`\xc0\xa8\xde\x96\x8bn\x9a\'}mI| owY`;\r\xe7\xeemT\x91\x99\x90\xd7R\xee\xae\xcc$\xee\xcb9W6\xfa_\xee\x9e\x08\x9f\xb2JL\x98\xe4\x0b\xbez\xf1|AN\xe9\x8b\xc2^\xdf*\xa3\xe8jZ=W\x8b\xfd"\xadl{\xb1\xef}\x18\xa7\xa8\xca\x8f~\xd8\xe3\xf6\xe3\x94\x1d\x08\xa0\xda\xdb\xb3\xcd\xd7\xeeu\xc7\xe9\xd5\xcd]\xd9|\xdc\xf2\xbd\xff\xcd\xf6\xee\x97\xe7?\xb7-\x95$\xed\x07\xaa\xee\xbd\xca\xa9(\xf1\xf2\xfd\xe3\x05\x85\x17\x1fI\xb8#B\xf6B{\xe4\xbe\xd4\xd4\x13\xbf\xf0LF\x95\xf69\x99y\x0f\x8f\xefw\xc5\xed\xc8\xb3*\xec\x0e\xff\x0f|\xf8\x9c\x8a\xed\xfe\xa2_\xa4\xbd\xf4\xcf\xab\x06\x82+ni\x1d\xd1k\x0c\xc7\xbf\x96~c\xa3\xff\xd7\xca;\x10`\x12o\xcf\x1f\xaa\xce\xce\xf5\xb5\xf7\xdc\x80\xfa\xa6$p\xf4\x9b\xfb\x89\x97\xf3\x1c`7N\x8aHS\xcb\x84;\xf7\xf6\xb1\xacmE\xf2\xf9;\xb0q\xec~\xe2\xf3g=*\xda\'\x8byR*\xe5\xa4s\xeeK.^\xb0s\xf8!\x92\xef\x85\xb37{\xbb\xbf{\xe4\xb4\xfe\xbc?`FH\x1f\x173\xbf\xf6\xf6`b:vS\x81CG\xd6\xaau]\xc3w[\xed\x0f\x91\x95\xcc\xf5\xe3@\x00\x94yk\xd22\xd55~;\xe3\xca\x17%\x85\xe5=\xdb\xbe\xbf\x0f\xa6((y\xdb\x97v\xad\xeb\xe7\xf7\x8eE\x87\xe0`\xee\x96\xaf\xda\x84f\x01\xfajD\x9aG\xfdQ\x9b\x8a\x98\xc0\xca\x83\xff\xc6\xd7\xfd=\xfe\x97\xdd\x7f$\xc7\xf3|+Qh\x93\xc3\xbf%\xbeP\xe5z\x82\x1b\xf50O~\xb6\x9f\x1enn\xe0j*\x7f;\xacO:\xc4\xe3\x07\xd9\xa41\x1f\x004x[\xea\xb7F\xf1n\xb1|\x87\xd9I\xb6\xdbs=n\x0cu\x1f\x03\xffw\xffy\xf4\xc7\x97ei9uZ\xd7uY\xfe\x8b\xaa\x87hs\xce\xbe:D\xc2\xddw\xf9\xd55Xc\xafg\x01jG\xcf\xf1\xd46\xd5\xc8\xc0\xbeB\xf2=\xad\xc7\x1fR\xf3&amp;5+\x0f\xa1{\x0fw\xf1K\x995\xe3f\x15\xf8}\x14\xde\xb2\xb25\x9ff,\xa1;\x94\xcc\xdcn\x07\xe0@\xe99\x12\xa9"_\xb8q\xbbm\x97aS\x97wD\x08\xbev\xa3$\x80\xbc\xa3G\x8eon^\x00\x15\xdc]B`\xce\xa9zm\xcb0\xaf\x1c\xc9~\x07\xcbU\x0e|\xa1s\xdf\xb6,\xde?\xc5\xec0l\xbf\xcf\xc3\xf6\xdb+\x83\x02\x1f\xe9\xed%\xbc\xecl\x7f|\xd09\x17\xdb\xf4F\xc0\xcb\xb2\x00\x93\x8eW]5\xf5\xc8bFM\xd7\xde\xcd\x04`yy\xc5\xe7\xc7\xef\xff\xe4\xe2~\xe2\xeb\x96\xa3g\xd4Q\xd7\xc1k\xe1\x08\xefV\xfc(\xe4\xbc\xc3\xe9j\x822\xd5\xa61.\xfc\xee\xcep&lt;W&lt;;\xf4\xb5,\xdf\xc4@\x8ba\xe6\x8d-\xcdpn\x05F\xf5\xb6\xff\xc7c\x9d\xa6W(\x17\xb4\xc5\xe3\xa1\xff~\t\xef\xad\xfe\xeb\xb2,?\xa9G4j\xb8\xde\xa3\xff^\x87&gt;\xf3=\xe5\xa9(&lt;\xcb\xf2\xef\x0e\xaf3\xb4j\xf5~g;\xa3\xffm\xe8\x7f\xb8\x88\xe1"\x9ed\x08\xef3\xf0\xd7!\xdbW|\xba\x9cs\xcb/\x1c0\x07\x00C&gt;9\xfd&amp;\xb3S\xae\xb6|"\xf3^\xe4\xf2\x9d(\x17\xf3\xeeg\xe7\xdcz\\\x15&gt;\xbe\x1ah\x181W\xe1\x</t>
        </is>
      </c>
      <c r="E803" t="inlineStr">
        <is>
          <t>&lt;class 'numpy.ndarray'&gt;</t>
        </is>
      </c>
    </row>
    <row r="804">
      <c r="A804" s="1" t="n">
        <v>802</v>
      </c>
      <c r="B804" t="inlineStr">
        <is>
          <t>steps_per_sec</t>
        </is>
      </c>
      <c r="C804" t="n">
        <v>9000</v>
      </c>
      <c r="D804" t="inlineStr">
        <is>
          <t>2.6314256</t>
        </is>
      </c>
      <c r="E804" t="inlineStr">
        <is>
          <t>&lt;class 'numpy.ndarray'&gt;</t>
        </is>
      </c>
    </row>
    <row r="805">
      <c r="A805" s="1" t="n">
        <v>803</v>
      </c>
      <c r="B805" t="inlineStr">
        <is>
          <t>Loss/RPNLoss/localization_loss</t>
        </is>
      </c>
      <c r="C805" t="n">
        <v>9000</v>
      </c>
      <c r="D805" t="inlineStr">
        <is>
          <t>0.14794263</t>
        </is>
      </c>
      <c r="E805" t="inlineStr">
        <is>
          <t>&lt;class 'numpy.ndarray'&gt;</t>
        </is>
      </c>
    </row>
    <row r="806">
      <c r="A806" s="1" t="n">
        <v>804</v>
      </c>
      <c r="B806" t="inlineStr">
        <is>
          <t>Loss/RPNLoss/objectness_loss</t>
        </is>
      </c>
      <c r="C806" t="n">
        <v>9000</v>
      </c>
      <c r="D806" t="inlineStr">
        <is>
          <t>0.010316347</t>
        </is>
      </c>
      <c r="E806" t="inlineStr">
        <is>
          <t>&lt;class 'numpy.ndarray'&gt;</t>
        </is>
      </c>
    </row>
    <row r="807">
      <c r="A807" s="1" t="n">
        <v>805</v>
      </c>
      <c r="B807" t="inlineStr">
        <is>
          <t>Loss/BoxClassifierLoss/localization_loss</t>
        </is>
      </c>
      <c r="C807" t="n">
        <v>9000</v>
      </c>
      <c r="D807" t="inlineStr">
        <is>
          <t>0.18387394</t>
        </is>
      </c>
      <c r="E807" t="inlineStr">
        <is>
          <t>&lt;class 'numpy.ndarray'&gt;</t>
        </is>
      </c>
    </row>
    <row r="808">
      <c r="A808" s="1" t="n">
        <v>806</v>
      </c>
      <c r="B808" t="inlineStr">
        <is>
          <t>Loss/BoxClassifierLoss/classification_loss</t>
        </is>
      </c>
      <c r="C808" t="n">
        <v>9000</v>
      </c>
      <c r="D808" t="inlineStr">
        <is>
          <t>0.094995104</t>
        </is>
      </c>
      <c r="E808" t="inlineStr">
        <is>
          <t>&lt;class 'numpy.ndarray'&gt;</t>
        </is>
      </c>
    </row>
    <row r="809">
      <c r="A809" s="1" t="n">
        <v>807</v>
      </c>
      <c r="B809" t="inlineStr">
        <is>
          <t>Loss/regularization_loss</t>
        </is>
      </c>
      <c r="C809" t="n">
        <v>9000</v>
      </c>
      <c r="D809" t="inlineStr">
        <is>
          <t>0.0</t>
        </is>
      </c>
      <c r="E809" t="inlineStr">
        <is>
          <t>&lt;class 'numpy.ndarray'&gt;</t>
        </is>
      </c>
    </row>
    <row r="810">
      <c r="A810" s="1" t="n">
        <v>808</v>
      </c>
      <c r="B810" t="inlineStr">
        <is>
          <t>Loss/total_loss</t>
        </is>
      </c>
      <c r="C810" t="n">
        <v>9000</v>
      </c>
      <c r="D810" t="inlineStr">
        <is>
          <t>0.437128</t>
        </is>
      </c>
      <c r="E810" t="inlineStr">
        <is>
          <t>&lt;class 'numpy.ndarray'&gt;</t>
        </is>
      </c>
    </row>
    <row r="811">
      <c r="A811" s="1" t="n">
        <v>809</v>
      </c>
      <c r="B811" t="inlineStr">
        <is>
          <t>learning_rate</t>
        </is>
      </c>
      <c r="C811" t="n">
        <v>9000</v>
      </c>
      <c r="D811" t="inlineStr">
        <is>
          <t>0.039498556</t>
        </is>
      </c>
      <c r="E811" t="inlineStr">
        <is>
          <t>&lt;class 'numpy.ndarray'&gt;</t>
        </is>
      </c>
    </row>
    <row r="812">
      <c r="A812" s="1" t="n">
        <v>810</v>
      </c>
      <c r="B812" t="inlineStr">
        <is>
          <t>train_input_images</t>
        </is>
      </c>
      <c r="C812" t="n">
        <v>9000</v>
      </c>
      <c r="D812" t="inlineStr">
        <is>
          <t>[b'1024' b'1024'
 b'\x89PNG\r\n\x1a\n\x00\x00\x00\rIHDR\x00\x00\x04\x00\x00\x00\x04\x00\x08\x02\x00\x00\x00\xf0\x7f\xbc\xd4\x00\x00 \x00IDATx\x9c\xec\xfdw\xdcu\xcfU\x90\x8d\xcf\x0e \x08"(\xa0\xa0H\tb\x00#\xfc\x8c\x10\x81D\xa3\x88\x88\x84^_ED)*U:\xd2Q\xa4\x08\xa1\x834\x05\xa4\x8a`\x14\x0c\x9d\x17\x15\xa9\x01"\x18\x8aH\x10\xc5W:*E\x10\x04\xe6\xf7\xc79{\xef)k\xcd\xac)\xfb\x94\xfb\xb9\xaeO\xf2|\xef{\xef\x99\xb5\xd6\xacY3\xb3f\xf6&gt;\xe7v\x0e\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cJo\xbdS\xc5\xd6\xea&amp;\x15Mb\xbd\xf7\x9bU\xc9\rMN\xb9\xe1\xde{\xb7\xdf5\x19\xb3\xfbd\xad\xe8}\xe2\xa8\xb4\xac\xd3\n(\xb6U\xfb+-\xe0SEAC\x04Q{\x19QK\xdc\xae\xb2\'\x9c\\`F\xa8\xc8}\x1a:[(P\xf6\xa7X%/\xb8\x96in\x85W(\xc4\xa7\xc2O\xeb\xb7\x9e\xd8j\xd5\x1c\x9ag\x8f[\xa1\x18\xc3p\xdf\\\xb8s\x1fsIe\x00\x00\xc3\xf8\xf8\xe7\xca\x8c\xe9\xf7\xfc/\xbax\xca\xbdM\xfa\xc4\x1cHP}N\x8d\x82$\xa9dOj\x95\xf7\xeeG\xb5\xd4*\xd4\xab\x9at\xba\xbbo)Vc\xca\x8d\x8b~\xcaR\xe4\xf0\xd7=?\xcf,\xd3\x92\xeb\xe4\xb2\\*+\x10\xee`\xb6"\xb1\x03\xce{\'\xe7\xbd{\xbd\xbd\x7f%\x03\xd3\x8b\xb1\x01\x89\xf3B\xef\x85\xc5&gt;,\xbe\x134Ynw\xd0\xd2m\x8f\xe7\x9c\xf7\xee\x95\x8b\xdd\x91\xdd\x94\nk\xf1#D\xc5^f39,\\\x1b;\xfa\x86\xed\xacW\x18\x02J\x8d\xd7\xd4\xda\xe2\xfdw\x19,i\xa3\x16\xf3n\xed\x8e\xd2\xde\xc9&gt;9D\xbf\xbf\xabV\xeb\xa2\r&lt;\x9ap\x8cjC@*|\x88-\xc7\x1c\xe5\x04\n.\xe5\xed`\xc6\xa8\x14&lt;\xde\x16\x00\x80\x9bd]r\xb6t\xb9\x92\xc7\x9c3c\t\x8b\xa2\x02b\x9d\xc0\xa4b\x86!\xdf]+nI\xe30\xbbd}O\xb2\x15+\xb61\xbd\xf5\x03\xb2:\x9f\x94M\xea\x1a\xdd\x9c\xdc\xd0&lt;\x91\xd7\x97\xfd\xacTWd\xee\xbd\xa3\x17(5\xaa&amp;_-\xa9\xc4C\xa1|\xa9\x83\x12\xde?\xce\xdb2]9\x91aE;\xcf\xa5E\x9b\xc5\xb2\xd9N^\x10g\x90\xa3\xd8Q\xae\xfbE\xf5\x87\x186\xff\xc4\xc5\xfeWA\xefWZ\xa45k\xbc\x12&gt;\x9cUj&amp;\x1do\xb0\xbd\xa7\xde\xc7,\xe7oE5/\xe2siD;c\xeb\x00\x00\x1e\t\x9a\xa6c{*\xd6ZW\xad\x9e\xa5e\xf1\xf1\xb3Z\xbd\xae\xaeZ\xc2{\xe7\xfe\xf8&amp;,4\xa3\xa9\xc9\x81\xb5\xa9Y\xe1\x0e\'\xd6\xeb\x9d{\xf9\xadz\xee\xa8\x82\x01JCJ.9\xefg\xb2\x93HU\xe3\xdfWE\xf9l\xa3U0-Y\x8f\x15\xb3\xedQW\xb8U\xee"\xbb={\xeb\x92\x82\xa2p\xe7\xbcs\x9f\x93\xc8L\xe4\x17L\xb3gc\xaa\x9c\xf0V\x7f\xe2U\xab\xe8+g\xfc\xb6\xbe0(r\xce9\xf7\x0b\xcd\rQ=i6\xec2\xd47\x00\x87[`\x1b8-C\xec:L\xb4\xf0\x96\x9b\t\x00\xd0O\xd3\xec\xa6d`f\t\xa64N\xa8q\xfa\xb1,\xf2\x1b\xb3\xe3j\xa3\xaeP\x85\xd6\xa8\xe4J.j- d\x90\xe5\xf3\xefMNf\xe1\xf3\x9f~\xfe\x05\xe1\xee\xbf)8M\x12^1\xe0t\xe3[s\x99\x05\x8bKm1i\xb7X\xbe\x15\xd3l\xf6&gt;\xed\x94\xa8\x13kY\xa9\xde\x04\xb9\xccv\xd99\xf72\xa5\xe6\x04\x06|uyt\x14\xeeNH;\xfe}\xec\xc3\x0e\x99Zg5\x95\xa9J\xa8\xca\x1f\xa9~3\xdc}+\xa4\xe1v\xa3(\x03\xb3S\xd6\x04!\x00\x007\x87\xfc\x9c\xb4tf\xe6\xd3#\xe1\x96\xf9\xf17*)Wl\x86\xc5\xfc\x92\x10\xe3\x1a\x10\xb5\xc2\xd0"-SLD\x95\xb3\xc9\x02\'\t\xef\x10i\t]\x9d\x96\xd4\x1c\x12h/\xe8*\xa4\xe6\xc1ECE\xad!&gt;\xc8\xc53\x15%\xfb\xdc\x7f\x8e\xec\x0f\x1a+\n\x91[\xa7R0{7&gt;i\xcb*SP\xf4#%]\xcd|Q\xf1\xee\x01\x19\x89\xea\xab\xe2&gt;\xca\x96\x1b}\xa2\xadX\xa5\xbf\x0c\xf5\x87\xaa\x0f(\x9e\'\xea\xdd\xdccz\xf6i\x97!\x1aS\x15o_\xb9\t\xa6\x19`\x86\x96C\xe5\x03\x00\x1c\xc9\xdb\xc8\xe7\xd6\xe6\t4(`^\xe6U\xe1m\xaa\xa3J\xc6\xc2\xe3\x88\x16JN[\xff-\xbe\xca\xe2\xdcs\x89\xb2\xb7\xdf\xc2\xedD,s/\xe9\x83\x92e\xf3\x02\xb1\xe7\x1b\xb9i\x9a\xa9\x1d\x14$k^uq\xf9\xa4TX\xa1\xba\xf9\xa9H\x10}\x15\xdb\x99\x19\x9c\xdc\xfd\xaf\x99|\x17\x16\xbb\x17\xfe\xb2\xec\xab3\xa7\xc6\xfeAe\xdb6\xa0\xb6\xd2;\xb9\x15\x03\xba\x8e\xa3\x9c\xafkqX*\xbdo\x9b\xa1\x97p\n:B\xf8\xf6\xe3t\xe1\x00\x00\x17\xa3\x92E=\xadv\xd2\xb3\xcd\x86\xf1\x84\xdb\xb6\xf2\x89\xda\xcbe\x92+\x17\x98\x8b\xff~\xfc\x9e\xcf\xde\xde\xd3\x0fj\x82\x1b%\x97&gt;\xcc\xdd\x956&amp;]\x10^\x0f\x1c\xfb\xd3I\xf9$\x9b\xcf\x05\x96\\\x14\xaf\x97~\x8c\xaa\x80\x82\x05\x8a\x91\x91\xf0\xd8\xcfbK\x9d&amp;g\xdb&gt;%\xcd\x145:\xb9Ck\xa4\xe5\x93]\x9c\\\xa7*\xb4\xc1\x80\x0e\xde\xaf$_\xef\x17\xad\xb0zk\xbb+x\xb5\xe4\xe4Bl\xd4\xf5j5\x8a\xbf\x8eR\x0bx\xb5\xc2\xe56\x00\xdbHy\x88\x9b\x8d\xe2|\x02\x00\x00\x12\x86tm\xe3\r\xbc\xf2R\xc4\xb9n\xe3\xd2\x12W\x8c\xb3(%u\xb8\xc4J)/\'r\x03\x0bN\xcb\x1c+\xe7\x9d\x82\x1b\xb3{[\xf9=o0m\xd5|\xfc\xab\xa0v\xde\x03\x80R[4\xe7X\xfc\x96\tl\x08\x00\xa1z\xd1oU\xb3\xf3\x1aN\x89I\xa3\x9c\xc7\xa5&amp;U\r(\x148xhh\x8f\x05l\xfb\x9c\xc4\xe6\xb2sj\xae+\xb8\xc8\xe2\x84/\x0fmn\xeft\xc5\xa0\xc6\xb3\xffPok`\xf7\xd1\xdb\xc6Kg\xd5\x83}q\x01\x96k\x1b\x00\x000\x81d\xb6]\x9csK}~\xd3\xe6\xe8\xc5P7\x97\xb3,\x8b\xf7&gt;\xac\xeb\xbd_\x16\xe7\xdc\xf2\xab\xde\xff\xce@\xecV\xbeIK+\xb9\x96\xad\xbd\xf2E\xe7\xdc\xb28\xef\xddrN-N-\ne.\xc1\xffs\t\xabp\xe7\xfd\xc9\xfd\xcbn\xc6\xe9F\\6\xb0BvE\xd0\x84\xbd\xe2\xd9x\xa5\xf3\xc4\xa6\xe5\xe6\xa5\x17\x8b\t\xc2\x9259T!\xf6cy\xf9_\x05z\xd1\x93\x99\xba\xdci\x17Z\xbb\xc5\x80\t\xef\x8b\x96\xd4j\xedE\xf2\x02\x9a?\'\xe1\xbd\x1fP\xba\x1am\xacX\x1b\xe6\xb2\xf7\x1a\xec\xc9t\x15\xd5M&amp;\x0c\xca\x93\xd2\x8bLk\'\xa5\x1d*To?\xb2\xf0\x87\xc0\x00\xe0Q\xe4tj\xb5,n\xd9qN_"j\xf9\xdcZ=^\xfc\x96e9\x89|\xfe\xad\x84\x0b\x8b\x19\x8f\x88\xea\xc5\x8c\xe7\x7f\xb1\x15\xe9-\xb7\xba@\x14s\xce\xba\xcfYP\x9a\xf1\x07\xf2\x970E\xdfL\xcaE\xae\x89\xecRX\x987\xa3\x92\x848\x17(\xb6+\xf1\xf9\xda\xfc\xb8/Nu\x8bY\x8b\xe6\xd7\x82\xc3\x97\x82\xaf\x9dsnY\x8f\xf2\x85\xe7B\xde;\xf7\xcd\xa1\xe4\xd5\x05\xcb\x1eQ\x15&amp;\x9d&gt;\xeeM\xf8&gt;\xf1pW\xb6$hx\xb3\x19\x07\xa7\x8f\x95d=\xbf\xac\xfeR\xbd\xbc\r\x19\xb5/\xf4\xb0\xd7n\xe8,\xcb\xb2|l{\xb5\x01\xc2\x00?\x85\xf2\x1a\x9f\xb3xc)\x8cm\xf1\x9fqs\xc7\xf1\x976\xe8s\xeaE\x00\x00\xee\x96\xf4\x91\xb4\xa5\x9c]\xb6=\x9b\x89$\x1bT\xe8\xc9\xc7\'\xaf?\xe4\xb7\xdc\xfe\x86\xcc{\x0b\r\x0f~\xb5\x98\xed\xb7\xf7@\xf2\xc7\xfa\xbb\x10\xc5c\x9a3si\xa1.\xb1\xb0\xc1NYx\xa1O\x9b\xe2!\xec8\xef\xbd\xf3\xfeo\x95B\xa5n\xb3_\xe5d\x96\xc8]\x16\xbf\xdadmB\xae\xb5\xa1p]X\xb3\xb4(l\xf4R\xdd&amp;M\'\xf1\xf6\xf6S`\xa4\x10\x06\x96\xd0\xb2\x9b\xd0U\xeb\xca\xd4zy\xa0!\xd6\x987\xa9\xb81\x97~\xc8\xf5\xed\xb9\xba\x01\x00\x00S\xf1\xd9\x0fY\t)\xdb\x0b\xf2\x95\xfd\x8as\xce\xbdj\x9a\x16\x9b\x8c\x08r&gt;\xf7\xdc=[\x91\xec\xba\x9a[gyd\xbc7P\xaa\'\xa2\x82\x86\xcb\xd9gu\x95\x15\x9d\xe33d9\x8d\xee\xcd\x85\xaf\x1f/\xf6\xee/\x9d=\xafK\xab\x04F\xb0.&amp;\x12\xd6\xcfxte\xc3\x81\xf6(\xc6B\xb7\xa4\x06\xa4\x8a:\x17\xec&amp;\xaf\xceck\xda\x1f\xbf\x86\xf6C\xd0\xc6i\xb9\x8e]v\xbfe\xb7\x8a\xde\xa8\xa6c\x11\xb3g\xde\xe8\x01\xfa\xf08x#\n\x00\xee\x14\x1f\xcd`\xde\xe7\xef\xa6\xcb\xd5\xb2WW\xb7\x8b\xc9\xdb\xd5[\xc9\xf0\xadq\xcb3\xee\xb0\xa2jR\xbc6\x86\x1fZ\xd8\xab\xc7\x17ui~+\x1e7g\x7fB\x1f9\xc7\xfb\xe2{\xcc^{?\xbb\xd0\x0e\xadp\xe4\xedl%_\xdf\x91H.V\xf5\xfaS\x83\xfc.$}AhUh"OS\xc4\xd7\xc4\x83\xbb\r\xc2-\x9a\xb7\x8e.\xf6r\xbf\x8e\x8b\xbd\x17\x9e+\xb7\xb5\xc5X\xec\xea\xf8\xe4#\x04\xf3\xfa+\x95&lt;\x91`:\xba\x15\'\xff\xb0\xf7\xafh\x18\xe6w\x12\x15\x00\x00p9\x8co\xb6H5[\xce\x9b\x83C\xeb\xb6#\xea\xaa\x96\xfd\xae\xfa\xca\x8aO\xae66\xf9s\x93\xdf?\xc5\xf6JI\xdf1|IB\xa67rN~\xc5\xa6x\xde\x0b$iG\x886\x08\xe6\xcd\xb4\xe1,q\xaa\xb4@lC\xe8\xfe\x86r\xfd\x93\r\x12|\xfbI\xf6t\x1f\x96xi\xef\xdd\x7f(\xbf\xaf\xd2\xf3\xa4k\x0e\x83b\xf5\xeam#k\x9c\xc3\x15]\xa0!&lt;I\x00\x00xh4\xe5\x9aIB\xd0\xb6*\xe4\xc9\xae\xf7\xfe\r\xe3\x97\x8e\xbc\xf7\xeei\xd9[:\x9ay]\xef\x13\x8b\x17\x13\xf9B^^\x97v\xae(\xe5\xc1&amp;;E\xff\\.M\xc9lQo\xac\xaf\xef\'\xfe?\xdfz\xbe\x19\x06Oh{\xe5-/\x8bp\xafoi\xec\xbd\xd3\xd2\x10\xd3\x8e\xf4\x92\xc46\xa8\xfb@\xa9\xf0\\\xd53\t\xfa\xee\x12\xa9ssC\x9a\xca\x7f\xc0\xf5\x83\x04\x00\x00\xee\x928\xd7\x14\xf3\xd7R\xcd\xee\xec6I\xf2\xbc\xf4k(\xa0\xa5Mr\x95RR\x15\xdd\xaad\xe1\x87%g\x15\xbdM\xa2\xa6\x98\xa2\xdf\x11\xfb}ZF5\xdc\xfc9x\xe9y\xd4\xc6\x1f^\xc3\xb8"\xe5\x83z\x1ar#\x1ehb\xae\xb5\xb3\xdb\xfe\r\x89\xf0\x9e\r\xc0]u\x07\x00\x00@\x85\xce\xbc\xb31G\x91\xe5\xc7i\xf7\xfb[\xcfeM\xaaD\xed\x85Z\x81\xfc\xad\xe4\xfb\x08\xab\xfe\xe7\x9d\xef\xd6d\xf6?!\xb9\x81g\xee\x85\xec6o\xf2|k#\xc7\x1e\xa2\xae3\xd2\xb6\x8b\x85\x9eJ\xa2"\xf8\xb5\xc1\xf2\xdb\x08\x83\xe3\xa8L\x1d\xed\x1b\x80\xe6\xb9\xa8Q~\x0f\xde{\xf7!s\x1f\x13\x01\x00\x00\x04\xec\xb9c\xd7B\xe2\xbd\xfc}\x8ba\x82\x9e\xe8\x1a8\xf1\x1d^\xeaj\xa9C\x9e&lt;5oo"^Y\xd4n\x12\xd8\x92\x94\xecO`F\xfa\xf1\xc5.\x9eIX\xbd\xda\x96\xfe\x1a\xd3\xeb\x0b\xb3i/\x98\xd1f\xa1\xda\xd2\xeb?\x009\xd8\xcf\xed\x1b\x80xj\x12\xe9}\x7f\xecz\xde\x9e\x15H0\x06\x9f\xb0\x06\x80{\xc4;\x1f|\xdbK\xfb\xb7[\x84\xcbL\xfcgY\xfd\xe9Oay\xe9\x8f\xd7J\x7f\x94\xea2\xf8\x9a\xd2\xb3\xd9\xc9\xd7\xfb\x9c~h\xf1O\xd8X\xf9\x8f\xbc\x1e\xf1\x97hOZ{\xbe\xa5d\xb5w\xf0\x1bN\x8c\x06\xc4a3\xf3kL\n\x06\xf4;\xa7\x87\xd4\xe6$!+|\xddS\xf8\xa5U\x13\r\xb8 \xde\x1f\xf6U&lt;c\xbc\x98\xf7?\xab\xdd\x93\xffN\xb6\xc0\x15\x1dk\xb5a`z\xd9W\x83\xf6\xba\x8f(\xfc%`\x00\xb8?\xbcw\xde\xb9e\xf9,{\x8d\xe4\xf7\xf3_\xa0\x8d\xd2\xe5u\x15}\xfb=q^\xcb&amp;\xf5\x12cJ\'p\xfa\x81\x96\xf1\xa0+\x7fDq&gt;\xf6\x8b\x8b-\xeb?\xfeT(\xd7\xa5\x1d0\xb7p\xd4\xe1\\\xed\xef\xe6\xae\xeasg\xae\x15\x07\x0f\x0e\x8fI\xfbJ\xdf%\x9a\x19\xf0\x98\x9a\x05\x979\x19-YQvR\x1as\x9d=B\x02\x97Q\xc9\xfe\x9d\xcdiG9v\xeb\xe8\xea\xf9\xfd&gt;\xc7*\xf4e\xff\xdb!@w\x1b\x1f\xf6c\x87\x87\xdd:\x00x\xa4\xf8F\xe9\xf1w\xe9e\xf7h\x06\xfc\xfa\xfa\xeb4\xd2J\xa6\xaaX\x0b\xbf\x9avw0u\xcb\x1bh|P\x1e\xb7\xa5\xf5=\x01\xf5]\x94)\xcb\x89$\xa4\xda\x8f\xf3\xdeB\xe9$\xf0g\xa7\xae\xa6Z\xbb7\xbc\xf7\xee\xdf^e\x15\x8fB\xa8\xeb\xa5\xa6;"l\xe0\xed\x18\x1f\x8ec\xd5\xa4\x89c\xb3\x1b\xc3\x06\xe0(\x0b\xdf`L\xb2a\x11\x01\x00\x80k\x13-\x87Qv\xf23\xce\xb9\x9f\xde\xf33y-7g\x99\xea\xc9}\xb2\xd6\x1e\xba\xee~\xcb\xc0\xca\x94\xa6n\x1dFfY\xc5\x9e\xfb~\xcc\xf8\xc3\x84H\x82%\xb1\xae\xb9\xfa\\\xfd\xb8\xee\x18N\xb3\x8a\xc6K\xfa\x12\xd5\xbdz\xfb\xb1d\x9f\x85\x8a\xe1o=\xea?\xb13\xf2{t\x1d d\x18\x9f`\xafp\x01\xe3*\xfc\xf9\x8b\xa6\xd4\xc3M\x1e=\xa6\x19\xd3\x0e\x00\x005\xd2%1\xca\x1a\xd7\x17`\xc2\x8b&gt;M4\xdd[\xf7o\x00\x94\xc5x\xf0=\x9f\x8a1\xdd\xabK\x9e\xbe\xf7\x88\x92juoK\x9a\xb4\x88\xe5,r\x0c\xa2zO\xf1\xd3\xed\xa5\xbd\xde\xcc\xae\xbc\x10&gt;\xf9\xac|\xc7\x13\x80\xf7Z]\xfd\x7f\xca\xc5\x07-=R\xda\xb5(Lt\x95j\x96R\xea\x9d\xd2\xdfJ3\xd3\x1e0\x03\xfc\x88;bF\x02\x00\x80[#\xce\xc2\x95\xb3\xe4\xbf\xad%\xe8\xb6\xec\xd0\xa0\xbd\xd1\xea\x1e\xa6\xea\xeaI\xe3\xca\xb2\xc6\xe5\xcc\xa6![\xed\xb4\xbf\xcf\x87Q\xc4\xea\xf6\x98M\xba\x90\xf3_\xfd\xbc\xa3\xee\xebnC\xe6\xfa3\x97\x1cMv\xaenR\x9a\xfbKn,ZX\xd9\xa6V\xe2\xf0\\q\xfc\xa5\x9a\xcb\xd1\xb4Gz4\x89;\x05G\x01\xc0\x1d\x12o\x00*e\xcbrf\x98\xf3?\x8e]\xea~\xb1cU\xfby\xe9\xa2\xddi{\x85\xda\xdd+\'I\xe2EK3\xbd\xf7\xee\xcb\xe5\xea5o\xf7%\xac\x15\xab\xa4\xbb\x9f\\\x16x\x81\xddB\x9a\x80\xb6\x0bp\x9fn\xaa\xf5\xe6\xa9\xf0\xebg\'\x17\xca_\x95\x07\x89\xe2\x06 3\xa9\xe9)\xe5\x88\x8d\x1d#\xdd\xbb\x17(\x997n\xd5e\xc4&gt;$p\x11\x00\xdc=\xfb\xf2\xf6\xbeJ\x0e\x17|\x00 \xaf\x9a\xcb\xf1\x83\xe7"\x17\x9fU\x07\xa6\xf2\x8e\xb78J\xb7o!WK\xd8\xfbT5^\xb5\xdc\xb0\x018:\x83\xb1\xbcZ\xb6Wi\x91\xdc`KXqn6iR\x7f\x854\xe5:a\x9cLG\xe1\xcf\xf2\x06\xa0\xe5c\x00\xd3\xdcx\x96\xf3\xe4\xb6:~\xf41B\x13d\xb7U\xd6\xe9\x05/\x01\xc0\x83\xe3;\r+_\x98\xebo\x0b\xea_kY9B\xf9\xd7Zr.\xb8\xda\x95&lt;9i\x03\x90J\x18l\xdaX\x02t\x9cW-\x92\xdb\xb4\x1b\xfd\xdf\xe6\x07\xe9U\x93y}m4\xe1\xe2\xc3\xea\xf3o$+\x92\xb7^\x96\x90\xdef\xb3\xb8\xb0V\xfe\xc5\x8e;\xb6h\x0b\x95\xaf\xbd\x11\xcf?:\xe0p\x00xp\xc4k\xa4\xbc^\xeeW\x86r\x9a\x0b\x9f\xa3\xa4\r\xb9pB&amp;2g\x13r\xc8Nf\xf6\t\xe8\xadr\xa16\xfe\xfb\xf3G\x81\xdd\xcf&lt;p\x7f\xc6\\\x7fp\xb5\xec\x01\xdav\x0b\xa7*\xb9\x88\xaa]\xc6\r\xe7c\xad6\xc0\xe5\xa1G\x00\xe0!\xb2\xa5\xc5\xaf\x99-?\xfb\x82\xa4\x9f\xdf\x1b\x17\xad\x8b\xe7\xdf\x91\xd9\xbb\x01\x0fbq\x1dH\x11\xbc\xfb\x94\x0b\xbd\x06=\x8d\x99\xf6\\\xac\x81\xe7s\xe5Q)\xde;\xf7\xc7f\xd8s1\xae\x17&lt;\x8d\x1b\x00\xbd\xe4\xcc&amp;(\xda\xb3W}\xbc\x8f7\xe176\x06o\x89\x9b\x9b\xa0\x00\x00\xee\x87\xe6\xb7wN\xa9s\xbe8\x15\x96X\xe5\xcaE\xdf\x8aNlhO\xfenm\xa5\x99bOA\xc8\xc3\xcf&lt;.\x98`M\xd8i\xdca:xMk[sz\xfbnA\xack4\xcal\xbe\xdb\xf6\x8d\xed\x91\xd3P\xfe\xdd\xef;\x81\x9e0\xac\xec\xba.\xa5\x08\x00\xe0\x12\xd8O\xc1\xcf\x9f\x7f\xda6\x00\xce\xf9\xf7\x8e\x17\'m\xd5\xbc\x85\xc4ex\x03p\xc9\x95&amp;\xd2*\xfa\xad);\x81\x07\xc3-\xf7\xb8e\xdb\x7f\xba|\x01c\x9c\x92\xd0\x17\xa6\xbb\xe1\r\xc0\xb4v\xad\xd2\xa2\x0f$\x9cn\xccRq\x15\x98\xb2\x00\x00n\x8a\xfa{\xab\xc1"T*\xac\x15\xbb\xe1y\xff\xbe\xceS\x0f\xe2&gt;=p[\x11\xf5\xaa\xa5\x9b\xbf\xfbf\xe3\x7f.\xe9\x89\xf5\xadm\x00\xaa5\xf2JM\xba\x06\r\x0e\xa5\x05\xe1\xddlL\x9f\xce#\x85\xdf=\xdf~\xbbK\x18\x00@3\xe7\x17O\xc5y-L\xe2\x9bV\xc4\xbc\xc0\xb9\xd6\x07\xdc\xec\xec9b\xd8\xdc\xba\xcb\x80\xb4G\x8e8\xd2:\xff\xba\xf0E\xb0go\x07\xbe\xe9q1\xea\x8d\xbdT.e\x9f\xb8\x92X\xeaJ\xb8\x0f\x0c\xbf\x8bl\x00\xa0\x0c\xfe\x07\x80G\x8e\xfc\x1c\xad\xf5m\xd7\xcb\xac^78A\xdf\x9a=\x8d\xdc\x90?\r\x9d{\x13\x19R\xe5\xe5\xf2\xa9\xaa\xae\xd2\xd86\xa5\xf1Ivx\xb9\xcb\xf8\xc6Z\xef\x98\xceZW\x0f\x8f6B/\xddi\x13\x1e\x1270\xbd\x00\x00\\\x90m\xf9|\x9e\xc6\xe7\x00\xe7b\x17\x9c4oo\x81\xbc\xb81s\xb3\x84\x9f\xbd!g\xde\xfe\th\xd9\xc2\xdb\xb7\xdfB\x1c]\xd6\xf7\xe9/c[\xd5\x8c\x0bOG\xe3$\xae\xbb\xba3[\x08L\xbda\x9b\xef\xc7\x9f\x00\x00\xd7 =\xffW\xb3\xcc\xe8\xe2-,\xffWd\xd6\x89]\x93\x1b\x8f\xf5\xf9\rdr\x96b\xd7\xb2\xb3\xdc\xe3\x0fh,\xd8\xdee\xf2\xde\xb9g\x1en\x8b\x19eh\xbc\xbdV\xf0Bf\x15\xb9\xfa\xde\xe9\xc6U\\\xcc?\xc9\xacr#\xe1\x01\x00\xd0\xc1\x8f4\x95V6\x00rA\xf9\xcb+.Kc\x16x\xd3\xb3\xf9\x13*n\x14\xb7a\xb7L\xb7y\xa6p\xca\xca\\,\x02\xe5\x0f!|\xe5\x03\xcc\x15|u|\xddN\x0e\x1db\xd9\x93_|\xd6j\x8d\xe7y\x8ak\x92\xa7\x9c_TM\xb8^\xf5FM\xc1\xe7\xdao0\xb6\x01\x00L\x98fv\xe5\xcb=+\x0b\xe4)3\x08\xbe\xbfb\x86\xbd\xcdXV\xfa\x8d\xbf\xd1&gt;\x9bW&lt;\xa0\xd7\x8aM\xb2~\x94\x82%\xe7\xccM\xfb\xe1\n\x07\xff\x8d\x1b\xdd\x01\xbe\xd7\xfa\xe6\xcf\xb9\x84\xd4\xea)\xae\x10\x8f\x18N\x17\x03\xf9\x89\x16\xe1E\x9a\xb3\x1c\xfb\xccv\x14S6\x00M6o]i\xd9\x00\x1cF\x83\xab\xb5\x92\r\x93|\x0b\xea@N~\x00\x00\xb8?\x8cS\x98\xd7\xf7\x00j\x06p\x9dEt\x08s\xa6\xe2\xf5[VEi]\xef\x9d\xfb\x1as\xc5{\xf2\xea\xa3\xc7G\x8bW\xa3ts\x0c\xef\xbds\xffiPH\xa7\xde\xf2\xa8\x97*\x89rz\xc6\xce\xb9\xca\xafK\xb9\xba\x8cA\xe4\xb9G:\xeaNe\xe8\xfc{\x9a\x15\xc7\x10f\xcc\x92o\x9fc\x97\xa3\xf5KcL\xa6\x86\x01\x00@\x9d\x0fk[&amp;\xefk\x86\x95\xac\xcd&gt;~W;\xda?\x96\xbbZ\xb4^\xf0\xee6\x81\xc711\xbf\xbc\x96W\xcbz\x0fH\x9d\xe5\xd4\xbc\x89^\xbdCf\xcf\xed\x9d{\x1cD\x8f3\x1b\xfc\xfa\xde;\xf7\x99f\xc1\xfbc\x9f\xecz_\xc59\xf0\xb5\xcd\x00\x00;\xde\xfb\xc59\xb7,\xe7_N\xb3\xe4"N\x95\xbf\xe6\xdc\xef\xbc\xa4m-x\xe7w\xb3\xbd\xf7\x8b\xdc\x84\xb5\xf0\xe1k\xc1i\r\xbb\x8f\x15\xe7e\xbd\xff\xf1\x92\xbb\x9a\xf1\xde/\x8b\xebj\xfe\x05\xba\xa6\xa8&gt;N\x89\x8aQd\x926(\xa1_\xb1b|\xd8\xc0\x11\xdb\xe6&amp;\xbb\xeb\x9c\xa3\xf5\xbe\xf7~\xb4/\x04\x89\'\xd5V\xb1\x95\xc8&lt;\t\xbcNw7\xd3&gt;\xca\xbcW\x16\x05\xb1\xac\xcd\x15\x99\xcc\xf1\xf1R\x96\xf0\x98\x11\xd1\x00\x00\xb7\xce74\x1cD\x9dJ\xfa\xe4\xf5\xa1\xb4\xc8\xf6.\xcd\xf3\xcd:\x1c=\x80%\\Kj\xabHWb\xda\xd0\xe4\x0f\xaa\xbeu\xd5n\xc0\x81\xcc\xcd\xfe\xdd\xd9\xbf=2Oo\xaf\xcc5\xa6\x89\xb9\t\xdc\xb5\xd2A\x9f\xfc7`Y\x96%\xd8\'[%%Wg\xf7\xd1\xfa\x10A\xbb\x7f\xa8#\x8d\xef U\x8a\x84\x8e=\x14?\xf6I\x92\xed\x90\xa7\x8d\xc6\xa6\x99\\\x91\x959\xc6\x81\xb75\xd9\x02\x00\xb4cK\x1c\x9brt\xa5pT\xf1\x9b\x93\xafS8\x17V\xcbw\x93\x89\xbd5J\x1fU\xcc\x0b\xeb\xfe\xbf\xb9\r\xc0U\xd0\x9cp\xc8\x06\xa9Q\xa0\x17\x82|\x82\x11S\xa5\x155\xd5f\x80Z\x81\xca\x87M\xab\xf4\xd6\xab\x18\\\xb0\xaa\x95\x82\xc6\xfc\xa2\x0fsn[\x95\xe3\xe8w\xc5:\x81w\xd4;\xb4\xfcL\xc4\xbe\x03\x00\xb8W\x84/4P\xb3\x93p5\xfd?\xa7\x19\xff\xf7\x97g\xc0\xc7;\xf7w\x86M\xfc\x03\x83\xf5\xab\x19\xc0ad\x1f\x1e\xb0\x95t\xce9\xf7=}\xba\xeetMZ\xcd\x9e`\xfc\xd1}}\xa7\x1e\x9e\x85\xc5\xbd\xdd]\xd0\x97\xc1[\xea\xea\x12\xc2\xbbG\x7f\xbc\xe1$\xe1\xfb\x93k\xe1/\x87\xa9\xbeQ^\xaf\xb5]7\xe7\x87_\xb9\xb6\x01\x00\x00}\xa4\x1b\x00\xef^\xb8\xbe\x10\xe6\x1f\xce\xfb\xa5\xf8k\x82\xa6\x1a8KZ\x87\x9c\xa1\xa7\xe1\xc9\xb2\xed\xd5\x13\xb2\xff:\xd8\xc6P\x97)W\xa8\x9e\xd5\xbd\xf3\x957K\xad\xbcf\xd0j\xd9\x03\xb5\x0c\xefx\x1el\x0e\'\xd2\x9a\xb3v\xe5\xeem\x12\x14!/\xb3=\xff\xac)\x1a\xed\xbeP~\x12\xae\x9b\x01\xb9\x96\xa0\x80\xf1!\xc6\xbc0\x9b\x17\xb1S\x83\xff\x96\xc6\xd1\xa34\xa8\x01\xe0A\x92\xaf.\xa7_\xbf8\xb8^=?\x8b~\x9ff\xd9\x1cQ\xff\xcf\x88\x01\x9a\r\xe5t\xc1\xee\x87!\x8f\t\xf9\x8dET\xe5-\xa3V#\x1a\xcb\xcf\xe7\xa5\xca[\xd0\xcf\x92\xba\xe3R\x8b\xf7\xd0\xa0\xb8\xd9\x0cCOI\x9b\x12\xf7\xbc\x8a-qo\x930\xd2\x05\x96\xba\xed\x05N?\xbf\x99]\xb8\xbf\xf8\x0e\xb6\x7fRr\xce\xb9\x7f&gt;O\xd4M\xf3\x80\x9b\x06\x00\x8f.\x1d\xab\xe6P\xaes\x93\x14ZT]\x92\xf7Z3\xce\xf8\x0b7o!\x05\x7f\x94\xa9\xc4\xfc\xe8\x88\xb8\xcd\xce-5jb\xeen\x19;e\t\x91\xb4v,u\xab\xa6*\x12\xacV\xfd\xd3F\x7f^{\xdf8\xe4\xf0+1d\xea]|C\x13\x00\x80\x9d\xf3\x04n\xff\n\x85|\xc6_\xbf\x82\xcf&amp;\xc1{\xd7\xf9%\x8fG\xb1\xb5H\xfb\xeaC\xdb\xb7R\xfa\xe1F\x8dK\x98\xc5|K\xfc\xb5\xbe\xd4r\x12\xa7 9\xb2\t\xb7\xd3\xfb\x02b\xf3\xed&gt;)\xa7\x89\x96\xf1eO4[\x8d\xdc\x87\xbf+Mb\xe5Y\xa2P`\x8b\xfc\xea\x100\xfa\xb3j\xc9\xc58~PL\xe4wy\xff\xcbn\xc0Z\xbe\x06\x14\x00\xee\x9ex)m\x9e\x0f\x97\x8d]`\xc3\xd1\x8a\xbf\xbdW\x1eNM)9\xc2d\xf0\xf8*x;\xeb\xe8\xedX2\x07_{\xc1:\xbe[:\xe9?\xec\xb4\xfe\xfe|\xbe,O:\xfd\x05\x90r\xb1j\xee^\xbe\x9f\x1c3\xd7\xe7\xabX\xdc\x97\xdb\xe7\xb8\x86/\xf5\x17ko\x93\xa2O\xae\x07?D\xf1\x93\x04\xde\xd22\x1d\x1f\x9fv\xd7\xe3\xbc\xc3\x86\xf2H\x94\nO\xc1;\xff\xcb\x17\xfb\xaeU\x00\x80\xdb$~h\xfb?\xfbg\xd8M\xcem&lt;\x08&gt;\xca\x80\xdbh\xdd\xfd3?un{om-\x9f\xd5\xab\x10\xcb0\x00\x00 \x00IDATJ\xded\x90_&amp;\xf9\xdc\x01;\x1f\x06B\xf7\x19_\x02\xa9\xbc\xb2c{\xf7f/y\xea\xcaNii\x81X\xac\xc1\x03\x86\xc6\xda\n\xbc\xd1.SU\'\xf3\xeaW\x9d\x91\x9e2\xfc\xae\xe3,K\x00\x00\xa0\x1b{N&amp;\x16\xdb7\x00\xf2\xba\xb8\xaf\xc7\x87O\xfaG\xa5\xe9A\x13\xc2\x1cq\xbe"\xdd\x80[}A\xfc&gt;\x11&gt;H\xed\xa3\x9fmY\xe9\xc1\xdcf\x8f\x1f\xba\x01(\x0b\x89\x92\xfe\xaa\xdcDyn\x8c\xd0\x84\xf5[z\x06\xfb\xdd{\xef\xdc\x97W\xa7\xd6\xdc\x86V=]\xd6\x8dT\\\xeb\x97L\xfd\x8by\xe1\xdc\xff\x83\x06TU\xdc\x8bp\x00\x80\xa3)\x9d\x87E\xbf\xe8\xcbyWJ\xd4\xb4\xc0\x0f\xd2a\x9e $\xf9\xfd\xdd\xd7\xcc\xc0\xc7\x1b\x80\x7f\xd1\xa9\xa8\xf9\xa8\xef|wMM\x8e\xdcx\\w\x91\x9b\xa9\xbd\x16\t\xde\xb9o\r\x0bk\xa3\xe0Z\x0b\xff}\xe5\x1c\x96\xa1\xad\'\xea)F9\xce}LYp`\x9b\xa9\x11\xe1Y\x86\xdf\x86[\x17~\x9d4Z*\xbd\xc1V\xb7O\xe9%)\xb5.\xbbe\x0c\xe6`\x8dh\xf6\xc0\xa1\xe3\xe5d\xd5_\xbe\x87~\x01\x00H\xf0\xff\xa9!\x9b\tW\xd0t)M\x97\xd8\xf6c\xbf\xe1\xb6\xd4\x95\xf5\xd4\xfd\xe3\x05\x0b\xad\x8d=\x8c\xb7\xb8\x84\xf7\xee\x08ew\x9a\\\xe8\x15\xf8\xde\xaes\xaf;\x85;\xedb\xef\xdcs*%\xcc\x042\xcf5\xfbDm\x85\x9b\x1bs\x1a\xec\x831\xf0\x12\xc7\x1ev\x84\xa1r\xf9@}r\xed\xe34\xbe\xf9\xb8g\xabR\xde\xb7_\xba\xa5{\x0c0\xfd\x02\xc0=\x12\xaf\x8b\x8d\x87[k-}\xa96\xe9=~\x95\xfay\x8b\x16qe\xda,\xfc\xa1\xe2\xa3\x0f\xef\xbd\xfbVS\xab\x93?\xf1;\xd2\xfc\xad\xd7\xbc\xf7\xce}i\x9f\x90\xb2\x86\x03d\x1e-\xdf~\xac\x9b\\\xa8\xbc\x92Q\x8e\xd8d\x10=b\xa81l\x08oa\xf6(PM.\xcdrF\xf2\xb6z\xa3F7\t\x93\xb8\xba\x01\t\xf9\xf0\xb95\x0b7\x0cc\xf9F-\x07\x00\xb0\xe2\xa33\xec\x0b\xad[\x17^\x1d\xab\xea\xc4\x95)\xcd\x18J\xf5\xd6b\xff\xb7m\xcd\x18\xf1\xc3q&gt;\xbc\xd9Uy\x98\x82\xc7^\xa7\x90\x11\xa6\xbd\x9c\x94\xfc\xbe\xfd\xfa\xc3u]\x81s\xab\xd7\x80l\xf3\x80\x9e\xa5\x0b\x88\xf5[\xe5\x0c\xb7\xb7\xde\xa4\x8bM\xa4\x92\xf2\xdb\r\xc2!\xdb\xbe\xb3\xa1n0NM\x0f\xb7;M\n\xe0\xfb\x83\x00\x00l\xfc.\xef\x7f\xf9r_\x11}Z9tu\xe7\x95%.\x10-7\xd5\xba\x95\x92\xde\x9b\xbfF\xd0\xceI\xf1\xcd.=~m\xf4\rY\xe8\xf7o[\xf7\xe9\x9f\xa7\xd0\xfbh\x8f\x1f\xdf\xfaw*\xbcs\xcb\xfa\xefC\xe5\xdc\xba\xda(S*\xb7d\x84\xf6aX\x14\xe2\xa4\xee\x98\xd6G\xde\xfbS\xa4\xb8\xce\xaf\xe3l\xb5\xc4;\xb7\xf8\xe0\xef\t\xb8\xfdKE/\x1cu\x16\x8d?\xe1\xdcK\xd5\x05e\xb1\xb4u\xf0m~Y\'\x7f\x07\x00\x00\xc0\xc6\xaf\xdc\xd4\x97.\x9f-\x89\x93\x88\xf3\x17C/Ky\xc9\xc9\x1a"f"\x874v\x19\\\xe0\x0f&gt;,\\\x82\x7fo\x85\xa0\xb3\x96\xdd\xb45Y+\xd4:W\\\x96v\x87}\xc4\xad\x1e\xc8\xceb\xff&amp;\xfb\xf4o\\Mm\xf9\xf0\xdf\xe2\xd8%\x99/\xf60\xbc\xe9m\xad\x1b\xfd\xa1\x92(\xc2[\x19\xeb\xaf\xfc\xcd8\xa9T=\xfbw\xd1\x9fMX\xafD\xf7\xff`\x8b]\x13\xb9\xfa\x9fX\x06\x00\x003\x96G\xffA\x99\x0b\xcf\xefWQ*\x981G\xcaM\xb4\xc5\xc6\xfb5{\xde{\xff\x02\x9d\r\xf4\xd9\xafw\xe2\xa5\xa1]\xa2\xa9V\xc3\xab;\xd1\x8bF\x9dB\xfc*\xa4\xabE\r\x1c\xbc\xbb\xae(\xbf\x8eV\xe9\x9b\x12\x0eR1\xdd\xb7A\x7f\xf1\xea?\x00&lt;\x82\\\xefx\xe3\xb8\xc52Y\xfb\xbb\xcb\xcc\xb5)Q}\t\xa5\x81\xc6x\x19\xdb\xb3\xab\x8b(\xb7\xac\xb2S\xf9\xf8R\xbeh\xa8/d\x90C\xf6\x7f\xa7w\xee\xcb\xfa\xab?,\xdar\xf7\xf4\xf5\xfa\xa7:\xe7\x9b\x85\xe8\xbb\x88yay\xe9A}?\x9c?\x81}\xa7\xfe\xb9S\xb3\x01\x00\x14\x84U\xf6\xe1\xb0.\xf6\xf5F\xc5i\xc1\xd1KT\xb4\x07\x98+\xf9oT\x9a,|\xd6\xd9(y\xd4\xb2\x03\x1e\x11\xa8\xc6\x07g\xc6a\xe1&lt;\x1d\xac\xca\xcf\xaa&lt;\xb41rE\x9ar\xf75~\xce\xff\xdb\xae\xb4T\xdf\xd5\xe6\xb6(?[\xdb\xd1\xe9\x02\xb8\x1f\xe8e\x00xP\xe4\xebhc~\xb3-\xcc\xcdZ\xdb\xaa\\\x10/\x9aw\xa3\x06{\xe7~\xfa\xfcS\x98\xeb&lt;\xa3!\xbb=\xd8\xc2]\xdf\x11Bk\xea\xba7&lt;\x89\xb00\xceo\'\x12F,\xb9~+\x1a\x92\xf7\xac\xef|p\x9c\xdfZ\xf7\x88\xa6\x14\x1a\xe9\xdc\xff&gt;R\xf5\x03!\xe8\xa0\xebG\xa6\xcc\x8d.\x01\x00\x00=\xecKc\xdbJ\xb9&amp;C\xef)-\xcc\xe7+\xe1\x84\x1e\xc9\xbc\xc0z&lt;\x8aWw5\xb7ev\xd0e=\xb9NX\xfdP;O\xda\xeeD\xe6|\xc4N\xb9\xa0\xe7o\x97\x91\x0c^(\xf0=\xea3\x81\x83\xfd\xfcHw\xe2D\x8csW\xdf\xf21\xb2\xe8\xdc\xfe\x9a\x05\x00\xd0Fk\xfaX_\x98\xa5\x8b^\xdc!\xdc%\x173\xdb\xac\xe8K\xb6\xfc\xa69\xcb1vzA\x80\xe1\x8a\xe5V\xad\x8a\x9c\xc0=\xed\xd8(\x9a$\\\xcfA\xbd\x9f\xf8\xd2\xdd\xe5\xf6\x12\x92\x96\xde\xf8\xb1S\xae\xf9O\xb7!`\xab~,\x15u3\x8d\x99\xde\xb4\x1b\x9f\x99\xf7\x0e\xcd\xd6\x9d\x0b\xdb\xb0\xfdx1\xbd\x00\x00\x13\xd9g1\xdbb\x99\x95\x8c\xd2\x8e\xfdg\xef\xbd{/\x9f\xd4JD\x1c\xd0\x9c\x87\xc0e\xfds\xb9\x0c\xc9\x8fd\xa8\x17_\xdd\x85\x0cC*\x1b\xfc[\x17\x99\xdf\xf8V\xef\x8d\xdf\x8d\xe8\xdc{\xda\x8au\xb3\xe74\x07+\x8aU\x9a)\xd4^{\xea5\xccu\x1f2z{\xad\xaf\x05\xce\xb5\xc7\x8e\xd8\xcbR\x99G\xabC\x01\x00\xe6\xb3-\x9f\xc6\xf5\xb2\xb0\xb2j\xd5_0]\xa4\x03\xbd\xe0\x9c\xcb\xbcq\xe1\xac\xe5b\xea\xc6T\xd8\xeb\xb65\'/\xd9h\xe7g\x1b\xf5\xd8\r\xb8\x06\xbb\xd3.\x9f`iY\xbb0\xdb\x04[\x94\xd5\xce\xdf\x0e\xac}\t\xb5\xe2\xa3\x85\xdc\xde\xcd\x0f\x97\xefb\x8d\xa4k\xc4\xc18\xa3\xfb\x0ej\xecM\xf8\x10\x00\xa0\x99pu\xb4\xae\x97i\xb1\xfa\x06`\xbb}\x17\xaf\xd4\x0f\xd0\xdd\x90\x8f\x88\x9dv\x85\x94\xe5\xc1%I\xa5\x00\x1e\xaa~\x08\xb3\xd4\rv\xe2\xf9\x15\x9a\xabD\x82u\x07 d\xf6\xde\xb9O,\x0b\xe96\xaa\xc5\x1b\x9f\xa9\xf7\xe3-\x8c\xac[\xb0!\xc5\xd8;\xb7?5\xdd\xd6\xdf;\x04\x00\xb0\xe1\xbdw\xe1\x9f\x91?\xa1\xfd\xdd\xcd\xa8\x8c\xdb\xff~j2G\xe7\xd5O\x05\x04\xb1\xde\xfb\xab\xfe\x81w\xef\xfd&lt;\xed\x9b\x13\xaa\x02\xbd\xf7\xa1\x03\xcf\xfe\xbb\xa4\x1f\xa2\x86\x9fz\xc1\x95\xfe \xee#\xc29P\xdd\xa1\xae\xf0a\x84\xcc\x89@\xef\xdd\xb2\xcc\x10\xb5O\x08\x17\xa6)\xcfK\xec+\xd4\x1c\xf9\xd3\xbc\xea\xac\x15\x97\xb9\xa5\xbfk\xae\xe1o0M\xb5\xb8\xd7\x8dzxk\xf8)F\x96AW\x88\xc6&lt;\xa6[\x1c\x00\xc0\xf5X\xc2?#\xbf\x91\x96J\xdf\xf5?WhQ\xf3^\xba\xfeCW\xa6JV1Q\xb9\xf7\xce\xb9\xc7\x89\xabKv\xd6\xb5,K\xa8[\xf6\xfa\xb0=\xa5\xb6G\xfaN;\xc0\xc9\xfa\xaf\xcb\xd0I\xf6\x80+,U\x0f\x08\xf8S\x9e;\x12CWx\xf2\x14\xd1l\xfc\xe2\xdcR\xf9\xd8\xfb+\x9e\xcbi\xbcI\xf9\x89\x90eX\xce\x1c\xb7\xbf\xf78\xef\xdf\\\xf6og\xcc\xc1\xe7\xb3\xad\xd3\nV\x8eo\xe5\x91Q\xb9Sn\xe5e*\x00\x80C8M\x8b\xdf\xa6\xcd\x9e\xde\xbb\'\xef\x1f$8\xd4\x90K~\x18\xb4\x91B\xdb\xb7w\x15\x8e\xd2\xbb/]\xf1g\t\x9a\x04\xfd\x9f\xdb\xf5\xadk\xf5\xde@(z\xf7\xa7\xe6\xfa\xa12.n\xe7\r\x87[\xb0D{\x8d\xa7\x03\xe3g^;ltop}G\xdd\x18\xb7\xec\x90\xd7\x0c\x06`\xe5\xd3\x11\xae1$\xfc\xf6\xc0\x10\x00\xe0\x11\xc4{?\xf2\x9c\xfda\xe0\x95\xc7\xd9\xfb\n\x91\xdej{\x12\xad99Y\xaeR\x03\xd6W\x8b\xca\xea\xfcQ\xaf1\xdc\xe2\x8b\x07\x16$\x87\xf4\xb7%\xe8;\x9f\xbf`\xa3E\xce\x18\x82\xa2{a\xca&gt;dY\x9e\xcb\xb9\xdf\xb6\xe8z\xa0s\xd7\xf6\xc6\xcb\xe54z?\xf4\xc2UA\xeeX$W\x0cK\x06`\x87:^\x01\x02\x80G\x94\xd3\xeb,\xf5r7p\xbex\x18\xa7%\xa4x;\xf8-;\x116z\xa6\xe4\xe</t>
        </is>
      </c>
      <c r="E812" t="inlineStr">
        <is>
          <t>&lt;class 'numpy.ndarray'&gt;</t>
        </is>
      </c>
    </row>
    <row r="813">
      <c r="A813" s="1" t="n">
        <v>811</v>
      </c>
      <c r="B813" t="inlineStr">
        <is>
          <t>steps_per_sec</t>
        </is>
      </c>
      <c r="C813" t="n">
        <v>9100</v>
      </c>
      <c r="D813" t="inlineStr">
        <is>
          <t>2.5170567</t>
        </is>
      </c>
      <c r="E813" t="inlineStr">
        <is>
          <t>&lt;class 'numpy.ndarray'&gt;</t>
        </is>
      </c>
    </row>
    <row r="814">
      <c r="A814" s="1" t="n">
        <v>812</v>
      </c>
      <c r="B814" t="inlineStr">
        <is>
          <t>Loss/RPNLoss/localization_loss</t>
        </is>
      </c>
      <c r="C814" t="n">
        <v>9100</v>
      </c>
      <c r="D814" t="inlineStr">
        <is>
          <t>0.027431756</t>
        </is>
      </c>
      <c r="E814" t="inlineStr">
        <is>
          <t>&lt;class 'numpy.ndarray'&gt;</t>
        </is>
      </c>
    </row>
    <row r="815">
      <c r="A815" s="1" t="n">
        <v>813</v>
      </c>
      <c r="B815" t="inlineStr">
        <is>
          <t>Loss/RPNLoss/objectness_loss</t>
        </is>
      </c>
      <c r="C815" t="n">
        <v>9100</v>
      </c>
      <c r="D815" t="inlineStr">
        <is>
          <t>0.021667842</t>
        </is>
      </c>
      <c r="E815" t="inlineStr">
        <is>
          <t>&lt;class 'numpy.ndarray'&gt;</t>
        </is>
      </c>
    </row>
    <row r="816">
      <c r="A816" s="1" t="n">
        <v>814</v>
      </c>
      <c r="B816" t="inlineStr">
        <is>
          <t>Loss/BoxClassifierLoss/localization_loss</t>
        </is>
      </c>
      <c r="C816" t="n">
        <v>9100</v>
      </c>
      <c r="D816" t="inlineStr">
        <is>
          <t>0.101017304</t>
        </is>
      </c>
      <c r="E816" t="inlineStr">
        <is>
          <t>&lt;class 'numpy.ndarray'&gt;</t>
        </is>
      </c>
    </row>
    <row r="817">
      <c r="A817" s="1" t="n">
        <v>815</v>
      </c>
      <c r="B817" t="inlineStr">
        <is>
          <t>Loss/BoxClassifierLoss/classification_loss</t>
        </is>
      </c>
      <c r="C817" t="n">
        <v>9100</v>
      </c>
      <c r="D817" t="inlineStr">
        <is>
          <t>0.094494596</t>
        </is>
      </c>
      <c r="E817" t="inlineStr">
        <is>
          <t>&lt;class 'numpy.ndarray'&gt;</t>
        </is>
      </c>
    </row>
    <row r="818">
      <c r="A818" s="1" t="n">
        <v>816</v>
      </c>
      <c r="B818" t="inlineStr">
        <is>
          <t>Loss/regularization_loss</t>
        </is>
      </c>
      <c r="C818" t="n">
        <v>9100</v>
      </c>
      <c r="D818" t="inlineStr">
        <is>
          <t>0.0</t>
        </is>
      </c>
      <c r="E818" t="inlineStr">
        <is>
          <t>&lt;class 'numpy.ndarray'&gt;</t>
        </is>
      </c>
    </row>
    <row r="819">
      <c r="A819" s="1" t="n">
        <v>817</v>
      </c>
      <c r="B819" t="inlineStr">
        <is>
          <t>Loss/total_loss</t>
        </is>
      </c>
      <c r="C819" t="n">
        <v>9100</v>
      </c>
      <c r="D819" t="inlineStr">
        <is>
          <t>0.2446115</t>
        </is>
      </c>
      <c r="E819" t="inlineStr">
        <is>
          <t>&lt;class 'numpy.ndarray'&gt;</t>
        </is>
      </c>
    </row>
    <row r="820">
      <c r="A820" s="1" t="n">
        <v>818</v>
      </c>
      <c r="B820" t="inlineStr">
        <is>
          <t>learning_rate</t>
        </is>
      </c>
      <c r="C820" t="n">
        <v>9100</v>
      </c>
      <c r="D820" t="inlineStr">
        <is>
          <t>0.03948419</t>
        </is>
      </c>
      <c r="E820" t="inlineStr">
        <is>
          <t>&lt;class 'numpy.ndarray'&gt;</t>
        </is>
      </c>
    </row>
    <row r="821">
      <c r="A821" s="1" t="n">
        <v>819</v>
      </c>
      <c r="B821" t="inlineStr">
        <is>
          <t>train_input_images</t>
        </is>
      </c>
      <c r="C821" t="n">
        <v>9100</v>
      </c>
      <c r="D821" t="inlineStr">
        <is>
          <t>[b'1024' b'1024'
 b'\x89PNG\r\n\x1a\n\x00\x00\x00\rIHDR\x00\x00\x04\x00\x00\x00\x04\x00\x08\x02\x00\x00\x00\xf0\x7f\xbc\xd4\x00\x00 \x00IDATx\x9c\xec\xfdy\xfc\xbf\xcf=\xdf\x8b\xcf\xc4WD\x10\xb1FD\xa2\xaa\xf6F\x15)Z\xdbq\x8a\x92R\xa4\xd6\xf2C[\x1aN[\xb5\xc5\x96\xf6\xa0Tm-\xa1\xd4R?K\x1d*\x11\xdb)iJ9\xf6\xdaj)\x95:TB\x14%\x82\x86"&lt;\xcf\x1f\xd76\xfb5\xcbs\xb6\xebz\xdco\xc9\xe7\xfbz\xbf^\xd75\xf3\x9c\xe7&lt;\xe79\xcfY\xae\xb9\x8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ee\x82\xec-\x00\x00\x00\x00\xc0\x0c\x11\t!\xa4D\x1f\x07\xee\x0bZA\n\x8b\xb6n\xa4\xae\x07\xf5\x16\x00\x00\x00&amp;\x80\x88\xd6\xfe\x01\x00p9\x88H\x88\xab5py\xa7p\xb6\x18)o6)\xfe@o\x01\x00\x00`t\x94\xd0\x9fn\xd6G\x00p\x1f.\xd7\xb4\x11\xfd\'q3ua\x05\x00\x00\x00b\x99|\r`n\xe93\xc0\xa2\r\x07\xb7\xd0!f\xca\xc1\xdd\xc0\x00\x00\x00\x00N(\x0c\x0e\x06\xd9]\x80`\x18d\x00\xb3\x01`FN\xb7\xadb\x00\x00\x00\x00\xd5!\x12Bt\x1e\x06\xdci\x8e\x13A+\x1bw2\x1b\x00\xae\xc3W\x9d5^4l\x00\x00\x88\x82\x88\x10\x0cM\x81:\xef\x85*\x03\x00\x00\x1b\xac\x00\x00\x00@\x14\x08%\xc1\xfc|2\x11a[\x0f\x00\x00\x00\x00\xc0e\xf8a&lt;\xf6*\xb6\xcd\xaf\x88t\x9d\xc0B\xb0C\x0c\x00\x81-@\x00\x00\x90\x06\x11\x8d\xb7\x1a\x80M/;P\x05\x08\xb0\xbd\x1bK \xfe\x01\x1d \x12\xc3\xd8\x1e\xb6\x00\x01\x00@\x023L\x1e\xce c}\x10\xfd\x03\x1f\xe5\xab \xfb\xd1^\x83\x9c\xf15\x01\x17\\zJ\x7f;\xe4Ho\x1b\xc3\x00\x00\x00\x00\xa6G*\xd1\xee\x05\xfb\xd9\x14\xe4FoA\xc0\xe0&lt;\xa4\xe4f\xa9DrD\xd8Xu\x06\xd1%_\xb3u\xc1"\x01\x00\x00\x98\x90\x07og?#\x1c\x01\xc0\xc1\xf1|\x08w\xa2\x9c\tFd\xd96\xbb\x8b\x01\xed\x01\x00n\x0f&amp;\xae.G\xfbX\x04\x80i0\x06\x00\x136\x96\n\x03\x18p="\x8c\x04[\x80\x00\xb8;\xe8K\xae\x05v\xbf\x00\xe0Eo\x1d$\x84\x10O\x99\xcf\x01\xa2\x89\xd7g&gt;\xab\xd0\x80\x85\x00\x00\xc2TY\x10\x07\x00\x80a\x81\xbbk\x08\xfa\x97N`\x05\x00\x00\x10D~To\t\x00\x00\x95A\x04\xa6\x81\xf9\xf3\x86@\xd9\x00\x000(O\x98a\x86\x06\x0f\xb6\x02v\xc67{.\xfa\x95\xf4\xef\xa0\xd9\x02\x00\x00\x00\xe0z \xbe\x99\x95\xfb\x0c\x00\x00\x00\x00\x00\x00\x00\x1b\xd8\xe1\n\x00\x00`:\xf0\x0c\x00\x00\x00\xe4\xb3\xedp\x1dn\x0c\x80\x91\t\x00\x00\x00\x00\x00\x00 \x04\xc6\x0c\x00\x00p\x13\xf0x6\x00wg\x89\xf9px&lt;\xd8\xd61`\t\x00\xb4c\xf5\xc0\xcb\x1f\xf0\xc3A\x88HJ\x01\x1f\xc5\x02\xb6\x00\x01\x00\x84\xc0\x03\x91@\x08!$zV\x00\xda#?G\x08)\x11\xfd\x9f\x81\x19\n\x00\x00\xe0\x04\xef\x02\xbb\x1d\xa8q\x00\x06\x01-\x11\xe4R\xe4\xc6\xb1\x02\x00\xc0\xed!!0\xa9\x02\x00\x00=\xc0\xf6K\x90E\xe9\xc8\x11\x03\x00\x00n\x8f\x94b\xc0Sl@M\x10s\x000\x0cX\x8e\x03\x99\xc0\x91\x03\x00\x00\x00\x00\xcc\x07\xf6\xe3\x01\x00\x00\x00\x00\x00\x00\x00\x00\x00\x00\x00\x00\x00\x00\x00\x00\x00\x00\x00\x00\x00\xc0\t\xd8d\x05\x00\x00\x00\x000\x17\xd8(\x0f\xca\x80\xf1\x98&lt;\xd0[\x00\x00\x00\x00\x00\x00f\xf6\x01\xc3\xb5\xce\xbc"\x1c\xda\x9c\x05\x94f\x82c@\x01\x00\x00\x80\x89\xb8\xe1\\\xe6\r\x8b\xec\x03\x81l\x0c0\x18\x00\x008\x01\x8e\x12\x00`0\x9c[\xc8\xdb\xff\x83]C7\x84\x88\x064`\x00\x00\x18\x0bt\x90\xa0\x19\xa4#\x88\x84\xf8\xed\xdeB\x01\x07p\x0b`f`\xbdQ`-\t\x00\x00@u|1\xa5\x94\x12\xdb\x9a\xc7\x035\x02\xc0\xc5\xc13\x00\x00\x00\x00*b\x9f\xdf"\x7fNHy\x04\x98D\xc7\xea@{\xf1\x80\x0bD\xff\x00\\\x1c4r\x00\x00\x00\xb50C\x7f\xffy,\xf1W\x02\xe0\x01\x0b\x17@\x08!\x88\xe8N\x0e\xe4\xa1B\xfc^\xc6m\xf7Q\x10\x00\x00\x006\x88HJq\xd2\x89\xe8A}L\x97\xac\xdeq\xa7.\x1c\x00\xc0\x05\x11\xdd\xc8{D\xb9b\x17\xd8\x02\x04\x00\x00 \x87\xd3\r;\x19\x1bz\xa4&lt;:n\xec\x08\xea\xc4\x17\xf7\x16@\x056\x00R\x91\xf7\x89\xfe\xc5:Q\x92S\xde\x1b\xe9\x08\x00\x00\x00+\xa1\x1d\x17\xa9[z\x88H\n!\xa4T\xef\xbcUG&gt;\x08\xd9\x13\x8au\xc0\xae\x1e\x00\xaa\x80v\x05\x00\x00\x80\x1d\xc7\xf4\xbd\xdc\xa6s\xcf\xc2z\xed^\x8c\x01\x9a\x83\x98\x1b\x80\xeb\x83-@\x00\xdc\x9c\xc0\n;\x16\xdfA&amp;\xce\xcd;t\xfc\x1a6-=\xfa\xfc\n\xd8ac\x10\xfd\x03p}\xd0\xce\x01\x00\x00ps\x1a\xe3\x07\xe7\xf5q"\x10\x00\x00T\x05+\x00\x00\x00\x00\x98)\x9b\xb4\xc7\x94?\x00\x00\xd4\x05\x03\x00\x00\x00\x00\xcc\xc8\xefJ\xbd\x83\x14*\x08\x04.\n\xaf\xc5\xc0\xfe\xc0}\xc0\xba*\x00\x00\x00\x8d%\x06*\xdcx\xa3\x9d\xe8/\x84\x90R?\xe3_\xa8\x1dP8\xea\xe2\xda\x02\xc4R.0\x12\xec\'\xbe\xdf\xeb\x08ypg\xb0\x02\x00\x00\x00\xc0\xc5+\x96L\x85\x9a\xd1\xbf\xd8\xe2}\xb9\x1e\xf5\xaf\xc5Xm".)\xefu@\xf8\xe5!b\xb7\x1cX\x08\xb8\x0b0t\x00\x00\x00\x1a\xfb||Y0\xb4\x9e\xf9\x99\x94\xa3\r\x022\xe0\x04\xeb9\x00\x94\x80\x15\x00\x00\x00\x00\x1aLA\x15"3\xd0\x05l\xe2\x07\xe0\x1c\x0c\x00\x00\x00\x00\xb8)| \x92(6\x05L\xe3\x82\x04\xb6Gu\x9d#U"\xd1s\x0c\x80g\x88\xc1$`\x00\x00\x00\x00\xc0d\x8f\xac\xce#\xf8\x979\xb9\x00\xc7\xaa\x00Vh{\x9f\xb4\xfbg\xe3\xf9\xf2\xb6\xc0\xd6\x87\x02\xc7\x8a\x85\xc0\x00\x00\x00\x00\x80\x8d\xfa4d\xb0\x07\xfd\xad\x93$&lt;\x1b\x8a\xb44\xd1G\x83H"L\xa5\xe3r\x12\x9e!\xaeG\xa6\x8f\xf8EV!\xae\x04,\x15\x00\x00\x80\x17"\xe2\x88i(\xdc\xdd\xf8f\xe9\x10N\x01\x83m\xf3\x8f@\x00s+\x98\x1c\x118\xc0\n\x00\x00\x00\x00\x15\xd2\x0f\xeco\xd0\xe9b\xfe\x1f\xc4\xe2&lt;F\x16\\\x9d(\x17\x81\xdd&gt;I`\x00\x00\x00\x00@A{\x11\x12W\x87*\x85p\xec\xde\xf8\xaf\xc1=\xba\x98\xf0\x03\xf1 \xf8\xbb4\xd8[\xc5\xcf\x03\xbd\x05\x00\x00\x000\x12\xf5:Z)\xf70M\xca\x93\xcd\xdc\xe8\xee\x01\x00I`\x90\x90\x04\x94\x05\x00\x00\xa01$\x82Os\xd6\xef\xc8O\x9eI\xe0\xc9\x03\xbb\x96\x01\x00\xa3\x02\xdf\x04\x00\x00\xa0\x18"\x91\xfe\\\xa6\xbdm\x03\x11sC\x12^\xd5\xac\xdcDX\x9d\x01\xe3\x83\x17E\x9f\x82-@\x00\x00\x00J!!d\xfa\x8c\x12\xba\xe7\x8e\xe4\x0c\xd9\x88Z,\x9d$ql*\x1bK.\x00\x06\x07\x03\x00\x00\x00\x00\xa5 \xfc\x9a\x8e\x9c*C5\xcfD\xbd\xc1\xdap\xc3@\x00\x00\x00\x00\x00.\xf0\x1a\xd1\t "\x9c$ksu\xd3\xbdv\xe9\x00\x00\x00\x00pe\x10\xc7\x00\x00\x00\x00\x00\x00\x00@\x0e\x18M\x81$R\xd7\x8e\xa6_kR_\xbc\x82g\x00\x00\x00]\xc0.R\x00\x00\x1b\xdb\xa9/\xbd\xe5\x00\xc3cl\x8eJ\xb1\x99+\x98\xd7\xfe \x0f\xde\x04\x0c\x00\xe8\xc0\xc5\xb7\xa7\x82\xf9!"\x98\xe9D\xe0\xf9d\x10Cn\xf4\x7f\x11W\xa06\x134\x18\x00\x00\x00\xec`\x85\x07\xdc\x08\x9c:?\tG\xfc\x9fRY\xb4\xbd\xfd\xe2R\xf5\x8b\x15\x00\x00\xc0\xb4`\x82v\\.\xd5S\xde\x9b\x8f\xed-\x00\x00&lt;dE\xff\xeb]\xd7\xebm\xe0\xa3\x01\x00\x00\x00\x00\xf2\x99w\x05`^\xc93\xd8\xe7\xff\x13\xcb\xbb\xdew1-\xe1!`\x00\x00\x00`j\xb0\xe1\xaa3\xe3\x84\x86\xb7\n\xe8[!/\xf3\x0c\x00\x00\x00\x00\x00\xc0\xa5\xa0\x8d\x1a)\xb3\xa7y\x9ag\xe6mu4p\x11\n\x94s=\xad\xe2\x19\x00\x00@,\xd7\xf3\x80\x00\x80kP\xd5;\xf5\x98O\xc7\x14~\x05\xa4\xcc^\x1b\xb9\xde\xa2\n\x06\x00\x00\x00\x00\x00\x98\x98\xfas\x13R\xd0\x1c/\x81\x92\x051n*\x13M\t\xd1$\xd5\xd7\x12\x0c\x00\x00\xb8;\xf1N\xfcr3  \x84\xab\xcbD\x0f\n\x06\xe40\xcb\xec\xf0\xf7\xb1gn\x90\xd6s`\xd0\x04\x0ef\x99\x14\x9fh\xa0\xd2\x12&lt;\x04\x0c\xc0\xad\xf9\xc84\xcf8\x87\xbb\x07,\xb8\xce\xbd\x86\x01td9\x8c\x1cU\xa0\x91{\xae\x8b+\x11\xa2@"R\x8a\xe5\xd5p\xa9\xf9\xe4&lt;\x95KD\xf3\x84\xd7\x00\x00\x00&amp;\xe5\xe2\xb3#\xf5\x1e\r\x04\xa0\x05\x7f\x9f\xc4e\x1f\xee,-\x11K\xeb^S8I$/\xa3\xbc\xbb~n]\x7f\xbb`\x8d\x8b\xd6=N\xa6\x85|p\x15a\x00\x00\x004\x03\x03\x00\x00\x06\x85\xa1U6k\xdd\x94\xb5\x8f\xfcs\xf3\xc4#\x85\xd4{\x87\xa7i\x89.\xaaC\x00\x00\x00\x11\xa0\x0f\x00\x93r\x07\xbb-.cu\x15\x15I\x98w\xaf6\x00\xc8I\xe1\x0e\x96\x13\xcb_;{\xc0\x03\x8f\x08\x03\x00\xc05A_\x08\xc0\xb8\x8c\xde&lt;\xbb\x04\xd3c.\x02\x0c%\x0c\x17\x97,\xd4)8\x05\x08\x00p\x03\xf08\x1dh\xc7\x1d\x83\x892Fo\x9e]\xe4\x1b\xf0!\xe0\xfdi\xe9\x8b\x19\xf9\x80\xaan\xc0\x1d\xcb\x0c\x00\x00\x00T\x82\x82\x87\xc9\x00\x10\x8f:3\xed4*\x96C\x90Re\x9aj&gt;\x856y\'\x92\xb9\x11X\x01\x00\x00L\xc4\xd5f\x9eF#r\xbf\xc1=W\xcc#\t\x85b\xd0[}&lt;\xc6y\x01\xcd\x8fQ\x84\x99\xa2\xff\xad\xc1\x8d\xa1\xb9\xd1\xc0{\x00\x00\x00\xd3\x80s\xd0\x07a\xccZ\xc89p\xbd)\xcb\x8b\xa4\xb0&gt;\xd0\x859t\xee\xb3a\xdf\x1c6l)\nh\t\x00\x00\xc0\x90\x8c2C5\xda\x13\x87\x17\x03\xea\x05a\xa6\xb0\x90)\x84&lt;\x98H\xd4\x86\xccT\x83\x00\x00\x00\xc0\x00\xa0\xe3\x04\x9c\xa8\xa1X\x8d\xd8\xfa\xcf\xb0&amp;8\xe0\xc1D \x1d\xd4 \x00\x00\x00\xd0\x95\x92\xb3\xde\'\x04\x91\x87\xc6ov\x08\xa6\xaf\xfa\x82a\x10\x0b\x86p\x00\x00\x00@gn6\xa5z\xc9\x92\x16\x95\xa8\xb1B\xae\xa8\x7f\x90\xc0&gt;\xe3\x80\x07#\x00\x00\x00\x80\x8e\x10\x9en\x9f\x9a\xed\xc9]1\xcb\xa3\xc6\xc0\x05\xdd\xa1\xfa\xd4scq\x0c(\x00\x00\x00\xe0\xa7\xfa\x8c\xa9\xbcw\xf4\x7f\x99\t\xe9;Wb\x88\xfc5\xae\xa6\x8b\x15w\xab&gt;\xc2\x00\x00\x00\x00\x00p\xb3\x86-\xef\xe8\rD\xee\xb4{\xa7\x12\xd2\x15\xe7A\xa5\x17!\xbbu\xa0]U@\xd5\xe8\xadg\x1d\x00\x00\x00\x80\x10\xdb\xee\x8e\x87\x08\xf1\x07\xc1\x0b\xd0\x99\x960\xf7\xee\x0b\xd8@\x80\xd3\x97\x19\x87\xef\x83V\x19\xc1\x90\n\x00\x00\x00\x00\x80\x07\xac\x02\x85!"!\xbe\xbb\xb7\x14\xb7\x87Lz\x0b\x04\x00\x00\xe3\x01\xe7\x08f\xe0\xb3z\x0b\x00\x84\xc0\x00\x00\xcc\x80\x15\xff\xc3b\x01\x00\xc0\xe0U\x88\x08Ge\x03\x00\xe2@8\x05F\xc7\x8e\xffq\x0c(\x00\x00\xe8\xa8\x07\xa5\xf5\x95\xa4\x11D\x02\'\x18\x02p]\xd6h\xef&amp;\x0e\rX8\x07\xa88\x05\x08\x00\x00\x1c\xdc\xa7\xaf\xa4\xf5\xb4=La\x02p]\xee\xe3\xd1@\x1c\x18\x00\x00\x00\x0c\xbe\xa0\xb7\x00\x9d\x91r9\x97\xddy:\xe1\xf5X\xcbx\x8b\xb2\x02pK\xee\xb2\x98\t&lt;8\xeb\x1f6\x01\x00P\xc1KIo\xc7\xed\xb6&lt;\x01\x00\xc0\xcd\xb0w\x01\xc1\xdd\x03\x00\x80\x8f\xb9\x8f\'\x07] "\x0c\xa5\x00\x00#\xe1x\n\x00[\x80\x00\x00y\\\x7f\xcb\x08v\xc5\x80\x0c\x10\xfd\x03\x90\t|n%\\z\xc5\x00\x00\x00\x90\xc7\x8b\xf6\x16\xa0:\x08\xe4\x00\x00\x80\x95`\x88\x0f\x97[\x07\xa7\xd2\xa1l\x00\x00\x00\x00\x00\x00\xae\x89\xf3\x18P\x0c\x00\x00\x00\xa0\x16\x8b\xdb\xc5\x9e\x100\x17\xb0[\x00.\x86=\x06\xc0\x16 \x00\x000!"\xefR5\xde\xfa\t\xae\x0eB\x7f\x00.\x0f\x06\x00\x00\x00`@\xc2\xff4\xda\xf25a\x18\x00.\r\xc6\x00\x00\\\x1b\x0c\x00\x00\x00\xc0 \x14\xfa\xfc\xb3\x94\xad\x93\xdb;\xc5\x00\x00\x00\xdc\x85\x01\xa7\x87\xd0\x17\x01\x00\x92\xd9f\xbb\xdf\xf1\xf4\xba&amp;\xe2\xb4\x06\x93\xfdw8\xf2\xb5:w7!\x00nE\xfb\xf6\x1e\x9f#\xa1S\x03\x00DA\x14\xe5/\xae\xeaP\xb6\xb2g\x96\x8e\x88\xc4\x97M\xae\x99\x8b\xd6lK\xd0\xe3\x82L`6\x80\x1f\xb8#\x00@\x04\x91\x03\x80\x0bSR\xf6\xd9U\xb7\xca?s\x11F\x80\x88\x84xAo)\x00\x00@\x08!\x88\x08\xcf\x00\x00\x00\xc0\t%{\'\xb7[_\x9aI\x96&gt;\x0c\x1a\xfe\xcf3,\x91R\n\xf1\x12\xbd\xa5\x00\x004e\xf6\t \x00\xc0}!\x85\xde\xb2\x80L\n\xeb\x0eU\x0f\x00\x00\x19\x8c\xdcub\x05\x00\x00\x00.N\xe1\xe1\x0f\xad\x0e\x8f\xf8}!~\xa0IF\x00\x00\xd0\x82\x91\x0f\x82\x1bT,\x00\xc0 \xa8\xb3\x17\xc3:\xb2I \xb8\xdc\x00x\xfb,\x00,\x10\x11\xda\x11\x00\x00\x80RF^\xc4\x9c\x88\xc2\xd3\x84\x00\x13\xd7x\xa0\xf9\x02E\x00\xb5\x80\xbb\xbe6\\\xf5\x8b-@\x00\x80\x130\x97\xa4P:\x16\x1a\xa7k\xbe\xe5\xb8\x8e\x88\x96\xd8\xf9\xf1\xcb\x9f]\x85\xc9\xe6~\xf5\x06R\xc0\xf4\xff\x95A\xe3\x07\x00\xb4\x02O\x00\xf3\xb0\xaa\xf1\xe7\x07\xd1d\xbdg\xbb\x07)\xa0\x03\xa3\xc8\xf1e\xef\xdc\x04\xd0\xfa\x00\x00\x00\x000 \x18!\x9c2\xda8\xea\x88\x86G\x92\xaa*\xe6\x98g\x90\x01\xc0`\x86\x01\x00\xe0\x84H\xbc?\x1a8\x00`\x1e\xd2\x82\x92{E09\x11\xdb\x16D~I\r\x81\xb2\xb8\xe5\xdaN\xd6c\x18U\x15\x95\x958\x89\x1f\xbbY\xc5\x01\x00\x00\x00\xa06KP\xf2\x89w\x8b\x0e\xe3\xb8c\xdc\x0c\xea\x90\xb7\x11\x0b\xaf\xe6\x00W\x01\x96\xdc\r&lt;)\x02\x00pBD\xcb\xe3\xbf\xf0\x12Np\xa6\'``\x0f}\x92\xda\x1a\x0e\xe7\x05\x97\x01\x87\x96\xf6\x02\xa7\x00\x01\x00\x9c,\xaf/\x81_\xf6\xe1\xd6\xcc6\x9b\xf5c\x8d\xa5\x99\x11L\xfb\xa9$(\x03z\x03\x17\xa2Z\xf4\x8ffr\x02zw\x00\x00`C\x99\xd0\x1d\xda\xbb\xf6\x9bu#\xa2\xb5\xe3\xa1\xe1\xb5\xd4\x86t\x9b\xd1\x86N\xd0!\x00 \x03\xac\x00\x00\x00\x00\x1b\x88\xc6T|s\xfc\xeb+\x7f\xa1+!D\xceZ\xdbz\xbd\x84\x0e\x01\x00\x00\x00\x00\xc0H\xb8\x9f\xed\xc33\x7f\x00\x00\x00\x00\x00\xf3\x91\xf76%p7\xfc\xb6\x01\x9bi\x0f)\xff\x82\xeb\x00\x0f\x0c\xf2\xc0\x16 \x00@\x11\xd8\x84\x00|\xf8M\x036\x93L\xf1\xca\x89T\xfe\x05\x97\xe1]\x05\xc6\x00\x00\x00\x00\xda\x80]\x1c\x004\x06\x8d\x0e8\x81U\x00\x00\x00\x00\x00\\\x13\x0c\x00\x00\x00\x00\x00\x00\x00\x00\x00\x8c\x08\xc6\xab\xe3\x83g\x00\x00\x00\xa3\x80\x0e\x03\xd4\x04\xd6\x05\x00\x00\x00\x00\x90B\xfd\x19\x1d"\xa2k\xbc\xe5\xd4\xd0U5\xbd]AW\x00\x00\x17o\xd7[\x00\x00\x00\x00`\x8di\x11q\xc6\xa2\x1e\x93\xdaSo\xa82\x00\xc6\x03\xee\x14t\x07\'\x82\x01\x00NP;\xaa\xb3C?\x97+O\x1d\x0b\xc1\xf9\x00\xe0\x02M\xe3\xfa\xec\x1eU\x8a\xd0Y\xb9\x00T\x05\xcf\x00\x00\x00B\xc4LS)\xb3Y2.|A\x9fwu0\xbb\x99\x0e\xad\x9b\xe0\xa0\xba\xdbp\xd1\xe8\x1f\xeb\x1bS\x80\x01\x00\x00 \xc42\xe5/7&lt;\xd7\x08\xf9\x98\xb6b\x81\xb1A\xe7\x9f\xc1\xd6\xd6z\xcb\x01\x00\x18\x0c\x0c\xa8\x00\x00\x00LAdwE\xc1?;\xd3\xa0\xd3%\xa2\xd1J\rjs\xf9\t\xf2k\x97\xae\x0bP)\x00\x00\x8c\xcd\xdf\xbbx\xd7\xce\x8d\xae\xab\xe1T\xd7b\x00\x00\x83\xb9\x1d\xa8q\x90\x0cl\x06\x00\xd0\x03\x84)\x00X\xa0E\x00\x00f\x05\xcf\x00\x00\x00\xce\xc1\xb6d\x00\x00\x00\x93\x83A;\x00\x00\x00\x00*\x12\xfb\x14\x04\xd6\xd6\x00h\x03\xda\x1a\x00\x00\x00\x00\xfa\x83\xcdu\x00\x80.`\x0b\x10\x00 \x1eD*\x00\\\x004d\x00\xee\x0e\x06\x00\x00\x80(0S\t\x007$:\x1c\xfc\xff=\x8d\xf3\x03\x00\x00\x00\xc0\xac,/)\xf5\xfd\t@6\xb7&gt;\x0b\xdf\xd3\x88n\xad\x93\xc9\xc1L\t\x98\x02\xac\x00\x00\x00\xa2\x90R\xe2%\xa5\xa0\x12\xf7\r\x99\xfcm\xea\xbe:\x99\x9c@\x95\xb6\x14\x03\x800\x0f\xf4\x16\x00\x000%R\xe0pP\xc0\x83\xbc\xef\xc0r\x89\x08o[\xfc\xab\xe2\xaeP"L\xa1\x00\x00\x00\x98\x9d\xcf:\x99\xcd\xc2:8\x00\x118\x9b\t\xda\x0e\x00\x00\x00\x00\x00\x00\x00\x8c\x0eFn`\x1a\xf0\x0c\x00\x00\x00\x00\x00@\x118\'\r\xcc\x05\x9e\x01\x00\x00h\x10\x91tm\xf0\xdf;\xb7\x1b\xef\xd8\x06\x00\x00/\xf0\x8c`"`\xae\x00\x00\x1b\n\x0c\x00\xc4Xc\x00\x87\xa8\x00\x8c\x89ot\r\x00\x00\x8d\xc1\x16 \x00\x80\xcdi\x80\x92\xb9\xd4M\x8c\xcb\xe4D\xfe\'\x8d\x893\xa3\xe6L-&lt;\xf0\xb1\xd4\xe9\xf2OoY\x00\x00w\x07\x03\x00\x00@\x06\x03LazW!\xe8;i\xf9}\x00!\x01\xb0A\xfc\x0f\x00\x00\x00\x80\xb1\xf8\xd5\xe0\xa4z\xd9\x0bJ\x95DBW$\xa5\x17za\xd2;!\xd4\x02\xe30\xf7\xc2\x14\x00\x00\x00\x00\xaeL\xbd\x18e\r\x80N\xd2O\x1c\x00\x9cf\x07\xfa\x83\x8a\xc8\x01J\x03\x00T\x02\xa7\x00\x01\x00L\xaao\x9e9I&gt;6\xf7\xd3\xe8HJ\x89\xfd\x16cp\xeb\rYK\x1c\x7fk\x15\x00\x00\x06\x03\xcf\x00\x00\x00\xda\xc3\x16\tE$\x84\xa8\x0bt\xe5y\xf9CP\x8c\x19\x00\x00\x95\xc0\n\x00\x00\xa06\xdaI\x9d\x8c\x11\r\xc2#08\xd8\xc3\x03\x00\x00\x00\x80\xe1\x08\xed\x92G\xec\x02@\x11\xfbC\xef\x8e\xa6DDB\xfc@{\x99\x00\x00\x00\x00pw\xf0\x98,\x00=x\t4\xbd;\x80Z\x06\xc3\x82g\x00\x00\x00\x00\x80\xc6\xbc@`\x0f[E\x10s\x03p\x02\x06\x00\x00\x00\xec\xf6\x01\xa05\x88\xfe+\xd2\xdb\x9f\xad\xb3\xfe\xff\x91\x04N!\x00\x00\x000"\xef\xea|\xb7\xd7[\x16\xbe\xf0\x0b\x80\x9b\x80\r\x1e\xc0\x05m\xff\xc2&lt;\x00\x00\x00\x0c\x88\'|\xc1\xd6U\x00N\xf1\xbc\x1b\x1b\r\x07\xdc\x10\x98=\x00\x00\\\x81/\xed-\x007\x0f\xc1l\xdc=\xa9X\xe9\x18\'\x03\xb0\x80\x86\x00\x00\x007\x87\x06[\xf8\x1eG\x12\xd0\x05\x18\xc0d\xc4\x84\x92\x087G\x0352\x1dx\x08\x18\x00\xc0\t\x91\x18\xea\xf1\x01\xf4J\x83S\x7f\x12\x1d\x0fa^\x10&lt;B\r\x00\x00\x00\x8c\x02\x1e\x1d\x06\xa9d\x0c\x00\xb0\xf1\xe6\x06\x8cP\xbf#\xc80\x11P\xd7d`\x05\x00\x00\x00F\x07\xf1\xae\x8a\x94\x12\x13\xc0U\x19`\x885B\xfd\x8e \x03\x00\x00\x00p\x0b\xbaG\x1e#\x82\xa5\x15\xd0\x92\x01\x06\x00\x80\x8d\xcaUIb7\x18\x86\x8c`u\x00\x00p/\x0e\xbf\xcf\xda]\xa1;\x01\x00\xdc\x98_r\x9eT\xcb\x0cF\x8c\x00\x00\x00\xcai:\x00@\xd7\x05\x18 z\x08\xac\x08t\xe3a\xbe(\xbf\xab\x7fC\x8b\x00\x00\x0004\xe8\xa8.\xccG\xe2((py\x9c\x03\x80ob\xdb\x99\x93\x07\xda\x1d\x00\x00\xdc\x86\xd1f\xd31\xc1\x7fs`\x00\xe0\x96\x10\xdf\xbe\xfc\x96\xcc%\xed\xdc\xe0\x14 \x00\x003\x88\xb7\xc08\xb4=.hz\xcb\xd7\xc7K\xd3\x17\xe7f\xa8ORm\x9f\xa6:/+\xbd\xeb\xc0\xe9\x08\xf9`\x00\x00\x00\xb8882\xf2\xde\xb4\xac\xfd\xe9-M?bu\xfa\xe2\xf4\xa6ql\xba\xd6\xd7&gt;\x84{p\xe5\xfcB\x8f\x17?/=\x96\'\x82\xc1\x01\x00@S\x18\x8f\x89\xc8\xdbq\xd1p\x9f\x06f\x8c\x00\x00\xd7\xa6\xc5\xe6\x1f\xda\xf0\xfd\x9a\x91\x1a\x87\\ \x16\xac\x00\x00pw\xde\x95\x96\x83\x9c\x19\x92\xca\xf6\xe0\xaf\xcf\x90\xf9*\xc2\xc9\xcf\xd3\xed\x89\x05\xd3\x82\x98\x06tBJ)kn\xfe\x81a\x03\x00\xc0%`\xf4\xe6D$\xfev\xb7C\'\x10r\x81q\x805\x82KB:\x8ci\xa6\xde\xc1\x925\x00\x00\x80\xb9!"\xf1\x8b\xe8\x12\x00\x00\xa0\x1eTo\x00\x10\x9f\x1aF\xd7\x00\x00p\x13N\xf7\xf6\xa0?\x00\xe0:l-\x1a\x8dz0\xfe*\x7f\xf4/\xf4QE\xe4\x1d\xd8\xcd\t\x00\x00\x03\x11x&amp;l\x7f.\x8d\xbd\xf3\x10\x18\x00x\xe1{\xbc\x02\x80\xf6\xa0Q3\xc1\xe8u\xeb9\xf0\x1a)\x97AB\xbcLo\x19j\x813\x97\x00\x00l,\x8e\xdbw\xec\xe6\xfe\xeb\xee\xdf\xa5`;\xa6\xfaH\xf3\xce\x87~\x12\x91\xae\x01"\xba\xb5B\xc0\x18\x84=C\xf8F)E\x9dX\x85\xee\x16\x02e\xd7By\xbe\xa7\x99\x1aA?\xbcV\x03\x1e\xe8-\x00\x00\xe0:\x84\xbd\xf6\xfe\xab\x94\xdb\xbc^\x7f/ODBJ\xa9\xf6?\x13\xf7=\x96\xe8\x13\x97\x05\\\x8b\xd1LqY\x8c\x1cM\xaa\xaa\xf4)l\xfat\xfe\xad*\xa5#8\x06\x14\x00\x10\xa6\xc6j\xac\xd4\xdf7TN\xb6\x90\xdb\xabs\xb8\x04\x01\xddx\xb3\xde\x02\x00/\xd9\x8d\xbd\xda\xf4\xff\x928\x02\xcd\xfa\xc4\xb9\xfa\xfd*\xd4I3\xa0i\x00n\xcd\x05\xb6\x88\xa8k\xc7Ye\xb9\xddN\x80\x8b\x82z\x04\x00\x00\x00\x00\x00\x00\x00\x00\x00\x00\x00\x80\xea\xbcn\xda\xfb\\p\xd0\x07\x00\xb3\x816\x0b.\xc0_\xe8-\x00\x00\x00\\\x8a\x84\xe0`\xb0C\xdf4X\x05\x1b\xb4\x8c:S\x08\t\xfaS|B\xff\xa7\xb2\x89\x02\xf8\x18\xd9\x1b\xdf\x17\xd4\x08\x00\xe0\x92\x0c\xdc\xe5\x14\x9dH=j\xa1B\x10\xd1\x9bN(6h\x0f\x11\t\xf1\xa2\xd9\xf7N\xd2:\xa6\x10\x92\x93y\xaa\xa6\x9cy\xde1w\x97\x1a\x01\x00\x00\xd0\x89;u\xff\xa0\x1b\xb3\x98\xd9\x14Br2\xdcK\xb8*r\x9f\x92\x06\xc01\xa0\x00\x80^\xdc\xdd\xff\x8e\xc6\xa7\xe1\x0c&gt;\xa0q\xeb\x16:\xfb\xf1h\xa9\xdc\xaa\xb2\xe5\xfd\xea\x17\x00\x00F\xa1x\x1bq]\xc6{)=\x00-\xa9e\xffhS\xc3\x02\x8f\x07\x00\x00\xa0\x11C\xc7\xd9cJ\x05@}\xb6V\xf9\x1a\xbd\x05\xd9@cl\x01\xced\x03\x00\x00\xd0\x04R\xe8-\x0b\x00`e\xf0\xf68\xb8x\x00\x8c\x0f\x9e\x01\x00\x00\xf4d\xf0}\x98\x18\x99\x80{R\xabarn\xfcC\xc3\x04 \x1f\x0c\x00\x00\x00}\x19{\x04\x00\xc0]\xa92\xf4\x95\x92\xa5\xc9K\xa6t\x00\x00\x00\x00p\x05\xd69{W\xec\x92\xb3\xd7\xe8\xbb0\xcb\x08\x00\x00\xa01\xe8z\x00\x00\x9d\x99\xd0\r\xbd\x95O\xe6}\x00\xf0\x0eM\xe5\x99\x9a\xb1\x0fk\xba*\xbeA,\x00\xe5\xf48\x81\x8dfz\xf7Vo\xb0\xf5\x14\x000\x04[oQ\xd1\x1f\xb5|\x14\x18\x8e5\x1e&lt;\x9f]\xc4WD\xa9\xces\r\t\xf1*\xec\x12\x81\\.\xd3\x04\xbc\x0b\xa4\xd5s]=\xc9e4Y\x916^\x17[\xe8\x00\x00Q\x10\x91\x94\xa2\x86\xd30&lt;\x1d\xde\xcf2\x0cG\xcd\xa0Rr \xa2(\xd5\x11\xfab\xd0\x80z&gt;&lt;&amp;\xeb\xe5\x03&lt;\xc9)\xcdt\xf5@\xd5\xd4\x01\x00\x97\xa1\x963\xc2\xec\xf2\x90`\xd6\x9f\x81\xd86\x83\x90\x084\xa3\xa7\xb1!\xfa\x1f\n\x9c\x02\x04\x00\xe8\x06\xadS\xa4\xeb\x9fx=\xfb8H)\xef]\x17\xa1\xf1\xcf_\xc5\xe8\x08L\xc5\xb2\xa5\xa4c\x8b\xbe\xbd?\x89g\x9f\xfe\xef+\x06\x00\x00\xd4\xa4\xda\x96P5Y\xc4jE`\xdb\xee\xad \xa2\'bxs9\xf0$\xcf,\xe0a\t\x00\x00\xe0\xc1\xe8\xf6n\xdc\x11\xa2G)\xe16\xaa\xbbi\xeb\x00`\x08p\xee\x02\x00\x00T\xa1\xe5qC\xe3q\xc3"\x9f\x10i\x06D\xf4\xd7\xefh0 \x1b\x8c\xb7A\x1e\xb0\x1c\x00\x00\xa8\x80:\x00\xf84\x84t\xf7&amp;q\x1cH\xdbC+0\x1b\x00\xc0\xac\x10\x91\xf84\x128|\x00\x00 \x88D\xa7\xb3\xe1\xba\xa0\x1c\xb2&amp;\xeeSj\xe0!\xe9\x08N"\xc2s\xea\x00\x80i\xd9\xfa?)%N\x01\x02\xe0\xee\xd0\xe4\xfb~\x0b6\xf3 \x92\x03I6\x80\xe0\xbf\x01\xdf\xd9[\x80\xbbs\xe3M\x92\xd7\x07\x95\n\x008\x98\xdd\xd7\xcf.\xbf\x10\x02n\x19\x80,\xd0p\xf8\xc1\x00\xe0\xb2\xbc\xd7\x9d\x1f\x81\x03\x00X\x04\x0f\x1d{\xdd\xd6\xd2\xa43\xbd/\xe3\xd8V&gt;\x92\x12\x1e\xd1[\x00p\x1f\xc61\xfb\xeb\xd0&lt;FD%\xb6\x01\xd1?\x00@\xe3\x02\x1e\x81Cx"\xd1-\x8c\x9eZ\xf9\xe0b\xc0\x1aA\xcbe\xd5\xd9{\x9f\x99\xc0\x1b\x06\x00\x00\x1a\xf5\xfd/\x89\xef\x1c\xda\xe3\x90Noq\x00\xe8\x03\xec\x1f\x80KC\xea\x03\x7fx\xa0\t\x00P\x17"\x92B\x08)\x05\xd1\xb0\xef7W\xe3\x1e&lt;\xe9\tZ3F\xd3P\x0e\xc8\xea/\x0c\x00\xa0*\x0f\xf4\x16\x00\x00pq\x8e\xd36\xfbE\x15Kd\x13\x08k\xb6\x9f0\x01\nz0b\xbc\x9dt@*\x00`2p\x0c(\x00\xa06\xbe0\x82\xc6\xdb\x92(1\xf7\tz0\x84\xd5I\xbc\x1a\x03\x80\xdb\x80\x96\x0e\x00h\xcc:\xb3\x88]7\x00\x08!.9\xd7NDh\xd4\x00\x8c\x0c\xb6\x00\x01\x00\xda\xb1\x05\xfd\xe3L\xf9\x83\xdbAD\x83\xcdt\x8f#\t\x17h\xe0\x00\x8c\x0e\x06\x00\x00\x80\x9e\x0c\x16\x8a\x81\xcb\xb3\xc4\xa60\xb9\xaa`\xf6\x1f\x80\xd1\xc13\x00\x00\x80nH)\x11\x8a\x81\xc6\xcc\x19\x9cbN\x1d\x00\x00\x00\x00\x13C\xc6i\xc4\xa07C=\x87\x9d\xca\xbc\x92\x0f\x01\xce\xfe\x0f1\xd6\x11\x05\x00p2\xe3D\x08\x00\xe0J\\\xf0\t\xc8I\xb8\xa0\xe6\xf1\xeci\x12x\x10?\xc8\xaa\x1eh\x06\\\x12l\x01\x02\x00\xf4\xa5^\xe7\x8a\xa9\xbb0\x93\x845\xbfz^\x8f\xf7\x9e\xc36\xcb&gt;\xd8\xd1\xba\xf3\xb27\x10(sLP/EL\xd2\x01\x00\x00@"\xa7/\xff\x02S\x80I\xfd0\x9b\x9d\x0b\xe3t\xdd3\xa5\x91\x10\xdaF&lt;(\xd9\x06&gt;dd\xe0\x19\n\xc1\n\x00\x00\xe0\xca\\dn\x98H\xdb\xab\x8d}\xdb7\xc5Q\xe9K\x0cD$\xde4\xda*\x96\x0b#-\x88\x0c\xdb\xbb\x13\x12/\x06\x1c\x9d;\x9a%\x00\x00\xdc\x99\xf3\x10f\x9c\xd7\x0c\x97\x07OJ\x10FB\xe0\xc1\xcd\x96L\xa1g\xda\x1eWM\x0e\xd6\xc3\xd7\x93\x82\x10\x8f\xe7\x10\x15\x80&lt;l+\x9d\xa2m\x02\x00\x00\xe0c\xaeYI\x0e9?@/\xf2\xcb\x17\'\x08@\x14\xfa\x18\xe0&gt;\xfc\xd5\xde\x02\x00\x00\x00\x00\xc0\xe2~\x11\x89H\xd8\xb7\x01\x00\x1f7kh7\x1c\xed\xb0\xf3)\xbd\x05\x00\x00\x00pU\xd0C\x030\x1f\x8f\xe9-\xc0\t\x97Y\xee\xe8X\nu\xb3b\x17\x01@\x0cx\xbc\x05\x00\x00\x00\x00-\x18\xff\\\x9d\xe8c\x94\x86f\x90R\xe0\xa0\x9e\x91\xc1)@\x00\x80i\x98zfn^\xc9o\n\xea\xab\x02K48r[XN\xfe\xb9F\xd8\xda\xbb\x14\xaf&amp;\x84h\xf0\xa8\xeee\x16m\x00\x00\x00\xf8\x80\x97\x1f\x8a!\x0eY\x02\x00\x8cJ\x0b\xff\x80\x01\x00\x00\x00\x00\x90\x03\xbaO\x00@C\xb8\xbd\r&lt;\x18\x00\x00\x00\x90\x8a:\x85\x86~\x14t\x05\xcbJ5A\xeb\x06\x1bx\x06\x00\x00\x00\x80\x10\xeb\x8e\xe1i\xe2\x03\x1c\x8azE\xd6\x87\x84[f\xd8./\x00\x00\x00\x00\x80\xc1X#\xa1\xe1W\x00\x0e9{\x88\xaa\xed6\x1e^W\\\\v\x7f\x056\xbf\x81\xdb\x82\x15\x00\x00\x00\x98\x1a\xe6\xf0\xa5\xf7\xc9!\xa7H!\x84xA\xaf\xa0mp\xe5TB\x8a\x8b\x8ev\xa4Tj\xf4\x8a\x05\xec\xc8%\r\x06\x00\x00\xaeD\xf1V\n8\xfaF\xbc\x8f\x10$^\xd3\xd0\xf6\xbc\xca/\x90|\x99\xb8\x85\xe1y\xb9\xcc\xc4v\xa3R\xdc~)\x80\xff\xd1\x8b\x96\xfa\xbcw\xdde\xf2@o\x01\x00\x00=9\xde\x17S\x92\xca\xe8s\xc6\xd7`\xad+k\x86\xfe\x8e\xca\xe7\xb0\xdaZ\x8c\xf4\xae+\xe2\xd6\x11{\x82\xa7T\xcdn\xb1#y\x84\x8fDw\xf5f\xfc\xa5\x96\x9f\xcc\x9e$\x00\x00\x00&amp;\xf4\x13\x94G\x99D!\xcc\xef: "z\xfe\xa5tRT\x96a\xe7\xfc\x86\x9eK.jV\x97=m\x9d\x14z\xcbr%\xa0\xcc\xa1\xc1\n\x00\x00`\x81:\xcc\xee\x05\x19L\x9c\xee\x8c1\xa7\xccI\xe1\xb2\xd3\xa0\xea\x18V0\xb1\xcfx\xe7\xdd{\xcc\x92\x8f\xb3\xc4\xc1\x02\xe2\xd4*\x10\t)\xe1\xc5\xc7\x05\x03\x00\x00\x80\x90r\xed\xdd\x07q\xd5\xdby\x94\x83\x88\x03\x008\xbc\xc4\xc25\x86\x01\xc6\x94\xff\xdc\x85\x19\x8c\xd9mc\xe3\xb2=\x11N\x01\x02\xe0\xeet\xf5m\x81\xb9\xb7k\xfa\xdc\x81\xc1&lt;\xe8\xf5\x91R\x16\x84e\x8e\x1b\xaf\xb6g\x06^\x07\x98\\\xd6&amp;.[0\x00@\n\x97\x9d\xe4\x98\x11"\xba\xca\xe4\x19\xb8 \xe6\xac\xf9\xcc\xb6z\xa5\xb24\xa0\xc6\xb2\xcf5\x96\x92f\x04+\x00\x00\x00\xd1/\xfa\xbf\xd6\xf4!\x07Kw\xf8!\x17\x9bX\x05\xa3\xf3w\xe2/]V\x11.\x11\xaf\xd17\xe1\x0c\xb3D\xe4\x8f9\xbe\xbc\xdaB\x10\x00\x00\x80\xca\xdc\xb4\xdb \xf2\x9e\xba\x8d\xa3H@\x0fnlu8\x02\xa8/\x873D\x15\x00\x00\x00\xe0\xa6Y\xd7\x92\x97\xd1~\xf2i\xf4\xed\xe8)\xef\x06j\xbc\x8a\x06p\x06\xe8t\xe0\x90h\x16\xb0\x05\x08\x00\x008)\xd9\xcc\x9a\xd2\xa7a\xe3\x02\xb8\x1b\xb0\xf9i\xa8:\xa0\x92r\xdf\xb9\xf5\xe9\x95\xb2\x00\x00\x00\x00\xaa3\xe4\x1c\xe48\x92\x80 \x03\xd9\x8cJ\xacT\x81\xedp\xf6\x955\x1a\x88\xd2\xf4\xc6\xd4\xe4\x80\x908\xf3W\x83y\xb3,~g\xfe"\x00\x00\x00\x98\x81\xd4\xce\x06\x9d\x13\x98&gt;FI\x1c\xfa\xf2\x14V\x0f\xf7G\x1b{O@D\xada@5:x\x11\x18\x00 \x00\x8e\x07mI\x8c\xaaQ#@\xa5\xe7\xf1\x89{\xfc\'\xa5he\x96&lt;\xb9\xe8Z\x93\x08US\x91\xcbk\xe1\xfc\xc6\x17\xfc\x11\x0c\x01\x9e\x01\x00\x00xY\x9eJ\xed-\x05\x10\xe2\x98rSk\x04\x1d,\x0f\x15\x8c\xfc\xfa\xadFUZ\x89\xfe\x96X\xbc\xfb1\xf0\xdd\x05\x98\x0fhlr0\x00\x00\x00\x9c\xf2\t\xbd\x05\xb87\xfaR;z\xdd\x19@-%\x90\x18I\xfeP\xe6\x8e\x1d\xff-\x88\xfew\xb8\x9eGj\xb8(\xd4\x1b\xcc\x91\x01\x00fds\xf4\xff\xca\xe9\xf1\xb15v\x04\xc8\xa2\xb7D\x00t[\x1b,k\x05h;1\xe0\xa9\xe8X\xe0\x93\x01\x003C\x84\xc7\xe0\x86\xc5\x8e\xfeQM\xe0\xce\x10\x91\x10\xbf\xd4[\x8a\x8b\xc3\xebj\xae:\x9c\x98\xdd\'\xdfc\x81\x06\x00\x00f\xc5\xd1\xb9`\xc7\x02\xe0\x82\x88`N\xc0\x05\xcfy\x03\xda\xf6\xc5kY\xda\xf1\x10\xbc\xa8\xfeDD\x8dv\x8ag\x00\x00\x00`d\xa4\xe1\xf7/\xd6\x89\x82\xca\x84\x97MC\xa0\x00\x00 \x00IDAT\xe7&amp;\xa7\x9c\xb9\x04M\x80\x9f9p\xce\xf1\x1f\xae\xb8\xb6O&amp;\xaa\x91\x03\x06\x00\x00\x80\xc9H]P&amp;"!\xferU\x91j#\xb7G\xea\x10\xfd\x83R\xb4\xb6c\x0e/\x01\xe0E\t\x92\xafgi-\xc6\xcf\xdb\x06\xa3\xebi\x0f\x00\x00\x12\x89\xdcv\xb9\x8f\x13\xe6\xd9~:\x85\x90`n\xe6i\x0eu\x99w\xebv3\xae\xbaw?\x99g\xedz\xd0TQ\xd9\x84\xa8I.\x00\x000\x15S?z\xe5\x03}-\x00\xcd\xb8\x9e\x03a\xc58u\xe0\xee\x8ar\xa9b\xf9\xf3I\xf5\xb2\xdb??\xb9\x8e\xa1bM\x01\x000%\xc7\x03X\x17\\Y\x06\xa5\xd0\xbak\xb6\x92m,\xb6\x07\xc3\x13P\xc5\xf5\xb0\xc7E7:\xd4\xdf\xc3\xa2\x93f}M\x9b\xec\xf0\x0c\x00\x00`J\xea8\xc7\xd7\xae\x90\xe6\xa8\\y\xfa\xf3?\x88\xba\xe5\x937\x8f\x87\x14\x8aT\x81\t\xe6\xd1\xf0\xac\x8a\x0cj\xed\xcd\x96q\xa44z\x9c\xb7\xaf\x9c]\x8b\x87s\x06\xadT\x00\xc0\xa0\x10\x11&amp;\xdd\xc1\x04\xf0\x1cb\xd8\x13\xa2\xea\xa7\x8b\x00`\xe2&lt;wX\xd4oM9\rv\x9b)\x17\xcd\x1a\xfbv\x1c\xe7\xfc\xee\x05+\x00\x00\x80\x14\xae&lt;i\x0c\x86\x81\xc5\xcaf\xee\x9e\x95\x07\xd8{\x8b2\x02?\xd5[\x80[!\xebM?\x87&amp;\xecs,\x9d6Q\xdb5\xf6M33\xbb\x17\x00\x00\xc8\xe0\xd2\x11\xc9W\xf6\x16\x00,\xdczO\x08\xe9\xf4\x16\x07\xdc\x94\x1a\x16\x08\x93\x06\x00\x0002\xe8\xa2@?\x10\xfd[@\x15\x1d \xaa\xb3\xe2\x8b\xaa\xcc\x80\x04Z\x01\x00\x00\xd4\xe6\x85-\xfc,\xc2;\x00J\xc1\x03\xc4`P8\xdd\xfbb\xe4\xaf\x8f.\x03\x00p#0\x0f\n.\x0f\xe6\xfb\x0b\x80\xd2\x00\xf0\xf0\r\x18\x1e\x03\x00&amp;\x06.\x0c\\\x1bD\xff\x00\x80\x122\xbd\x07N\x01\x02\x00\x84\x89q.\xf5"\x98\xa8\x13\x1e\x10?MJ\x8f\xd8w,S\x19\xcfr1\x1a\x01`.2\x8f$\xc2\x00\x00\x00\x10&amp;&amp;\xfen F \xf7\xab= \xb5\x85\xc5\x7f\xb7\xb7 \xd5i\xf3\xbe\x1b\x05\xde\xd3\xbb\xd9Ln\x9c\x17k,\xcdH\xd9\x95t\x9df\x05\xee\x06\xd6\xd6\xd0~\x01\x00\x17\xe7b\x8e\x1e\x9b\xc2\xcb\xa9\x1d\xbc\xb2\xa4\xff\xed\x03U\xf4*\x03Y\xf4\x15k\x100\x16\x9a\x11\xd8p\xc0h\xef\xad\x16\x00\x00\x18\x92\xef]\xa2\x8dv\x0e\xfa\x82=Az\xc4\x96\xaa\x04\x06\xa5\x8d\x18\xa0\xfc\xeex"\x01\x90\x0b,\xd9\t\xda8\x00\x00\x18\xdc\xd3\'\x92\x10\x7f\xd2[\x06f\xd2\xbb\xb7\x0eU?\xe2\x00`y\x06` \x91\xb2$y\x86yWP\xc9\xe3\x14\x16\x80f\xc0\xec\x01\x00\n\x83\xc5"M\x89\x0c\xc5\xee\xac" \xc4\xb2M\x9e\xc7\x06\x86\x1c\x00\x0cE\x86rH\xb8T\xea\x1f\xd5l\xb5\x89M&gt;`R\xe0@\x00\x00\xa0\x84\xe8P\x8c\x84\xf8\xd2\xea\xd2\x80\xf9@7&lt;.\xa7M\x1b#10+\xb0[\x00\x00(\x81\x88^\x1e\x9e\xf4\xe6\x14D\x81\x0f\x86\xf1L\x0fj\x10\x00\x00\x00\x00\xcc \xbchF\xae\xaas\x06\x00\xaf\x16\x95(v\x98\x00\x00\x00\x00\x00\x80\xab\x80\xd06\x82u\\q)Ea\xcf\x0c\x00\xf3\x82\x17\x81\x01\x00:\xb0&lt;\x93\x87\x00\xe2\x02\x10\t\xd6\xb7k\xf12\x8a\x81\xd1\xb1\xba0\x8aH*Y;\xe0\x8b\n\x82\xb6\x0f@_0\x00\x00\x00t\x05q@+^\xb7\xce\x0b\x9e\xc6y\x8b\xad\xcd \xc6\xa5j{\x10\x91\x0c\xb2\xaap\xdcz\x9f\x9c!M\x04\\\x0e4`\x00\x00\xb8\x03$H\x8b,\xa4\x14\xe8\x02\x1aBD\xe3\x0e\x96\x96!\xca\xb0\xe2\x01\x00\xd8\xc1\n\x00\x00\x00\xdc\x01)\xf4\xf0n\xcc\xa9\xe8\xeb"\x11^\x0f\x0b\x11\x897A{\x00\x078\x16\x16\x00\x00\xc0\x85\xf8\x08u\x0b\x10\xba\xb7k\xc0U\x8f\xef\xcc\x94\x0e\x1b\xd5"\xb0\xecd\xd1j\xc0u\xc0\x84\x04\x00\x00\xdc\x055\xa2\xc2\x84\xf4\x05pm\xdd\xa1\xcc\x9e\x9dH\x0ce\x12DT`\xa5D\xe4\xbb\x97\x88\xf2\xf6\xbf\x19\x03\x125}\xec\xa1\x02\xd3\x01c\x05\xe0\xd6\x04\xbaI\xc0DR@\xb6D\x18\x15kd\x0fbP\xefW`\xa9\xcd\xa2\x01\x80\x16\xd6\xcek\x15\xb4\x1dG\xa5?\xe8\xd2\xac8\xb9\xe3.\x00:\x81g\x00\x00\xb85\xd3v\xf7\x13\x91\xa0b\xa2\xea[\xf3\xe7\x8d\xf0\xae\x88\xb7\xb2c\xb7 K\xf3\xd1\x8e\xf40TJ)\xa4\xfc$1\xb9m\xf4\x16\x9d7\x7fl4\x9a\x00&lt;$\x00\x00\x00\xd7#\xc9\xb3O\xb7\xa5~"Q\xaf\x8d\xbf"j&gt;\x83\xd8\xfb\x01\xc7\xba\xb9kg\xdd~\xcc\x94\xa6\x8e\xc8r\nPM\x00\x00po&gt;\x86\xf1d\xfd\xba\x03\t&lt;\xfe;\x18\xa1\x8a\xb8jM\xd9\x8f\xa1;\xdbNv\x9bZRf\x7f\xdf\x85\x9d\x0bZ\xd3\xb4\xa0\xca\x00\x00\x00\x0cG\x8b\xc9\xd1\xee\x92\\\x83\xb2\x10s\xbf\xf7^z^\x94\xf6\xd3\xda\xcb\xd1L5\xeao\xac\xdb\x7fzXj.\x0c\xe2\x06\xd3\xc7\x1c\xf0\x9c\\\xa4\xd60\xfe\x04\x00\x80+Q}\xce\x12Q\x0b\x13E\xca\xdc\xef\x9d\xa7:\xdc\xf3\xf4B\xfcR\xdc\xbd$\xc4\xb7\x0b\x7f\xb8o\x7f\xa3\x8e\x01\xc6\xb3\xdb\xd1\xe4\x01Q\x8cgH\xf9\x14\x0e\x00\x1e`\x14\x05\x00\x00x \x12\xda9}\x03\x9c\xb0\xd1\xee\x90\xc4*\xb9\xa8}\xde\xd4\xcfz\x8e\x84\x0c\xf7\xbe\x14s4\xe4\x8f\x93\xfc*^\xa9j\xe1o\x01\xaf\x12q\xf7r\xa7\xaa.\xadQ\x07\x94d\xbc\xbf\xae\x8b+ "i\x8a\x82f4\x1f\xb3\x84\xfe\x94p:\x1f\xac\x10\x00p)F\x99\xa4Q\xa6\x8bZ\xc9S\xa7\xe0c\xcc\xfdo;:j\x8b1\x80\xf1\x9c*|\xfd\xf5s\xc3\xa2\xf6/H\x1d\xb4\x99K\xa7\x96\x8c\xd9\xcd\xfa\xd6\x1b\x9aL\xa5\xba\xe7s]\xb5\x96\x87\xc3\xb3\xb5l8\x06\xf0\xd5\x00\x00p_\xdeV4w\xc4\xac=S{\xb1\xa3.#"!\xde\xb3\x81TL\x90\x10\x99#\x8a3\xb5D\xd4u\x81\xed\r\x19C\xa4\xc8\xe3\x14\xbe^\x89\x88~\xae\xc1)\xbc\x9e\xbc{dzG\xb4\x01\x00s]s\xa66d\xe3\x05\x00\x80\xbb\xd0\xda\xff\x16L\xd2\x9b\xb7t\x19\xb7D\xe58q\xc7\xd6C\xec\xd7/\x1a\x00L\x1dY\xba,\xaa\xae\xf1\x9c\xae\xd8\x8c\xb0\xb24%\xe3\xe9\xcdW\xd1\xa3\xac\x0ft\x17\x00\x00\x00\x06\xe6\xcf\xa6\xde0x\xe8\xc9\x18\xb5\x8f;\x00\x10\x02\x1d\x1b\x88\xc1mQ\xd5w\x01\x05\xa5\xa9&lt;\xfc(o\x1a\xb6\x84\x98K\x8eG[\x1f\x80\x9b\x02\x00\x00\x06\x88\x84\xf8\t\x86T\xae\xdc\x93U\x8f0*\x82.\x13\xb8 \xe3H\xfeI\xcd[\x88\xca\xcd\x93\xd6\x16\xf4\xc95\xd2\x9fW\xe7\xad\xd1\x07\x00\'\x975\x93\n\x00\x00&amp;\x06\xd1\xa1\x8d\xd1\x8bL\xab\xa2\xa6bO\xd5\xef\xd2\x9b\xce$m=\xbeg\xcc\x01\x80nKQ\x82\xd53\xbf_\xc5\x10z\x00"\xa7\xff1\x00\x00\x00\x80x\xe0.M\xf4\x90h\xa0\x1e%1\x10\x19El&gt;\xaeW\xa2\xce$\xee\x10\x1b\x98\xb3\x89\xe1\xa2\xa4/\xa0\x9fA(|5\xc7\x10\x15\xd1B\x06\xbc\x07\x00\x00\xd0\x00\x9cU\xec\xa6\xcf\xa9\xe6A\xa4\xf6\x06\x86\xe5Dj\xe1\x173_|5\xe2\tf\xd1\x98A\xc4\xb8\x0e\xd790\xbfbA\xa4\x94\t\xef9\x06\x95\xb8\x8e\xadFp\xa3\xa2\x02\x00\xc0\x06\x11u\xf6\xf5{\xf8[ F\x8b\xe1\x03\xc5\xbc\xcd*7\xd9\x9dV\x03\x80\x18\x8d9\xae9\x1b\x05\x01\x00\x00\x00\x00\x80\xf1y\xd6\x00k\xee\x15v\xfdV\xd8kQQQC\xee\x0c)\x94\'a\xf7\xd4xe\xbf\x00&gt;\x95\x86T\xfd4T\xc4\xf0\xfc\'\xd4\x11\x00\x00\x80 1\xfd\xc4e\xfb\x12oH}\xb5WJ\xd5\xa3l\x13\xf0\x97G\x1d$\xb2\xe6\x84\xe7&gt;Y\xd95\xff\xb1\xba\xf2\xe71\xe0"!\xb5b\xceQ\xde\x0b\x00=\x03\x00\xae\xcb\xf5\xc2\x94\x98\xa3\x1e&amp;\xc5\x19\xeb(\x0f\xb7\xe5\x14y\x9e\xf8\x89\x83\tm\xe3F\xb5\xe3\x87t\xf6/\xe7&gt;`7\r\xa3\xe0\xa0:\xd03\x00\xe0\xd2\\\xd0\xc7q\x94h\x1e\xb5\x94\x1f\xc3\xa2\xdf\xbb\xc4\xc77\t\xaa&amp;\xe0Z\x15\x91[\x16\xd7\xc8\x8d\x88\xc4\xa3\xef3\x00\x00\xb1\xb0\x98\xc4\x9a\xc8\x13aZ\x00\x000\x19\xf3\xcd\xf5f\xc38\x00P\xd6O~\x9aC4#\xd9\\^x\x8bz\xbc&gt;DB\xfcvo!x "!&gt;\xa8\xb7\x14W&amp;\xcfc\xd8+E\xd9\xb9cl\t\x00\x00\xc9t\xf7\x9e\xb7\xf2\xdd|\x85\xddw\x131S\xb6/\xeb.\x03\xb9\xca\xbc\x9f\x10\xdf\xd2[\x86\x05\xf7s,s\xb5\xd9\xb9\xa4\xbd\x0b\xae\xadb\x032\xb2l\x00\x00P\xc8\x08\xaf\\\xe9.@C\xfak\xbb\x1a\x17.\xda\x18\xb4\x0eG\\\xc1\xd9xA\xdb\xc9\x90u&lt;\x81[0~y\x87\x1d\x00\x1c\xf2$\xc8\x96_\x84\x07e\xdf\t\x00\x00e\xc8\x9a/\xd6\x89\x96!\x06"\xf1\x8dcu\x15\n\xd1\x82\xf5\xd7v5\xc6,\xda\xf6\xe0uz\x9c1\\h\xd2\x1a)\xc5q\xfc\xc0\x1ad\xcb\xf5\x97a\xea\x9a\x84\x10\xe2\xc7#*j\xde\xda\xcc\x08\x94\xc7\xa9\x1f\x0f\'\x03\xb6\x96\xa2\x18\xb9\x1f\x9f\xado\xd4\x0b\xf5?s\xd4=\xafA\x02\x00@;\x06\x9c(\x1a\x9e\xdf\xbe\xd7\xd2J\x08J\x99\xcc[o\x19szr\xa1\x92`\xae4\xa7\xdf\xd6\xa5\xce4\xbf\xfe\x90\xb5y\x8ae\x8a$\xc4\xf7\xf7\x14\xa8\x98\xc0\xf4\x7f\xf7\x01\xc0\x9e{u\x0f\xf0_\xa6\xb4F\x00\xc0\x95\x18\xde\r\r\x1c\x8a\x8d\x8a\xda\xbf\xdeBo\xc4\xf9P\x84\x1a\x9f\x8c\xb0G\xce\xa6Q</t>
        </is>
      </c>
      <c r="E821" t="inlineStr">
        <is>
          <t>&lt;class 'numpy.ndarray'&gt;</t>
        </is>
      </c>
    </row>
    <row r="822">
      <c r="A822" s="1" t="n">
        <v>820</v>
      </c>
      <c r="B822" t="inlineStr">
        <is>
          <t>steps_per_sec</t>
        </is>
      </c>
      <c r="C822" t="n">
        <v>9200</v>
      </c>
      <c r="D822" t="inlineStr">
        <is>
          <t>2.630751</t>
        </is>
      </c>
      <c r="E822" t="inlineStr">
        <is>
          <t>&lt;class 'numpy.ndarray'&gt;</t>
        </is>
      </c>
    </row>
    <row r="823">
      <c r="A823" s="1" t="n">
        <v>821</v>
      </c>
      <c r="B823" t="inlineStr">
        <is>
          <t>Loss/RPNLoss/localization_loss</t>
        </is>
      </c>
      <c r="C823" t="n">
        <v>9200</v>
      </c>
      <c r="D823" t="inlineStr">
        <is>
          <t>0.118790895</t>
        </is>
      </c>
      <c r="E823" t="inlineStr">
        <is>
          <t>&lt;class 'numpy.ndarray'&gt;</t>
        </is>
      </c>
    </row>
    <row r="824">
      <c r="A824" s="1" t="n">
        <v>822</v>
      </c>
      <c r="B824" t="inlineStr">
        <is>
          <t>Loss/RPNLoss/objectness_loss</t>
        </is>
      </c>
      <c r="C824" t="n">
        <v>9200</v>
      </c>
      <c r="D824" t="inlineStr">
        <is>
          <t>0.015586883</t>
        </is>
      </c>
      <c r="E824" t="inlineStr">
        <is>
          <t>&lt;class 'numpy.ndarray'&gt;</t>
        </is>
      </c>
    </row>
    <row r="825">
      <c r="A825" s="1" t="n">
        <v>823</v>
      </c>
      <c r="B825" t="inlineStr">
        <is>
          <t>Loss/BoxClassifierLoss/localization_loss</t>
        </is>
      </c>
      <c r="C825" t="n">
        <v>9200</v>
      </c>
      <c r="D825" t="inlineStr">
        <is>
          <t>0.046674855</t>
        </is>
      </c>
      <c r="E825" t="inlineStr">
        <is>
          <t>&lt;class 'numpy.ndarray'&gt;</t>
        </is>
      </c>
    </row>
    <row r="826">
      <c r="A826" s="1" t="n">
        <v>824</v>
      </c>
      <c r="B826" t="inlineStr">
        <is>
          <t>Loss/BoxClassifierLoss/classification_loss</t>
        </is>
      </c>
      <c r="C826" t="n">
        <v>9200</v>
      </c>
      <c r="D826" t="inlineStr">
        <is>
          <t>0.04119853</t>
        </is>
      </c>
      <c r="E826" t="inlineStr">
        <is>
          <t>&lt;class 'numpy.ndarray'&gt;</t>
        </is>
      </c>
    </row>
    <row r="827">
      <c r="A827" s="1" t="n">
        <v>825</v>
      </c>
      <c r="B827" t="inlineStr">
        <is>
          <t>Loss/regularization_loss</t>
        </is>
      </c>
      <c r="C827" t="n">
        <v>9200</v>
      </c>
      <c r="D827" t="inlineStr">
        <is>
          <t>0.0</t>
        </is>
      </c>
      <c r="E827" t="inlineStr">
        <is>
          <t>&lt;class 'numpy.ndarray'&gt;</t>
        </is>
      </c>
    </row>
    <row r="828">
      <c r="A828" s="1" t="n">
        <v>826</v>
      </c>
      <c r="B828" t="inlineStr">
        <is>
          <t>Loss/total_loss</t>
        </is>
      </c>
      <c r="C828" t="n">
        <v>9200</v>
      </c>
      <c r="D828" t="inlineStr">
        <is>
          <t>0.22225116</t>
        </is>
      </c>
      <c r="E828" t="inlineStr">
        <is>
          <t>&lt;class 'numpy.ndarray'&gt;</t>
        </is>
      </c>
    </row>
    <row r="829">
      <c r="A829" s="1" t="n">
        <v>827</v>
      </c>
      <c r="B829" t="inlineStr">
        <is>
          <t>learning_rate</t>
        </is>
      </c>
      <c r="C829" t="n">
        <v>9200</v>
      </c>
      <c r="D829" t="inlineStr">
        <is>
          <t>0.039469622</t>
        </is>
      </c>
      <c r="E829" t="inlineStr">
        <is>
          <t>&lt;class 'numpy.ndarray'&gt;</t>
        </is>
      </c>
    </row>
    <row r="830">
      <c r="A830" s="1" t="n">
        <v>828</v>
      </c>
      <c r="B830" t="inlineStr">
        <is>
          <t>train_input_images</t>
        </is>
      </c>
      <c r="C830" t="n">
        <v>9200</v>
      </c>
      <c r="D830" t="inlineStr">
        <is>
          <t>[b'1024' b'1024'
 b'\x89PNG\r\n\x1a\n\x00\x00\x00\rIHDR\x00\x00\x04\x00\x00\x00\x04\x00\x08\x02\x00\x00\x00\xf0\x7f\xbc\xd4\x00\x00 \x00IDATx\x9c\xec\x9du\xfc=K]\xff\xdf{)\xe9\x96\xbc4\x08R"\x8d")}\xe9n\x11A\x05\xe9+)%\\\xae\x12\x12\xd2\xf8\xa3A\xbaA\xea\x82\x94\x84 !\x8d J\n\x02\xd2\xfd\xfe\xfdq\xce\xeeN\xef\xf4\xcc\xeey=\x1f\x1f.\x9f\xef9;3\xefy\xd7\xbcgv\xcf\xf9\x10\x0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b0ZX\xa0\xb5,\x15\xd8\xf6\x1c\xb7=;o\x1e\xcc\xc4L4\xfd\x00\x1f\x0e*\x0f\xac\x02\xc1"\x99\x8d\xb2.\x133\xf1\xf8s\xba@\xc9\x99\xe9\tE\'\xcb\xd2\n\x1aE6I\x16\xcc:\x0ew&gt;\xb6\x89m\x9b\xe0\xa2\xc3d\x9a\xe0t}\xd2p&gt;=(\xdd\x10}y\xf7\x8a\xb7\xa8\xfe|\xd3G\x12\xe1\xf7\xef\xecEZ\xd0\xdbn\x8eW 2\xa8CX\xfb\x98\xee\xe9eA\xa5\x1b\xfa\x15\xebo\xb8;\xb9\xbb"C\x903\xe8\x97\x9dV\x9e\x05\xf1\xcf-\x866\xbc(h @\x06_\xddH\xa3\x876\r\x1f$l\xdc\xd0\x99\xea\x8a\xdb0!f[\rB\x90lmj1H\xce\xac\xb9t\xf7~\xfe\xb8V\x03\xa7\xe5\xc7j\xf4,\x9bNRH\xc6,6~\xbdv\xec\xff\x12\x96\xc5/\xac}\x81\xc9.\x94\x17\xa1\xa4[\xf6q\x0b]E\t\x13"\xa7G\xb7\x0e\x0c\xca$z\x97\xe3\xfa\x80Yxw\xa2\x94\x9br\x0f\xfe\xdd\x8e3\x92+`}\xb2\xd3\x92\xbd\xbf\x80\xa5\x17\x1f\xe2\x18\xeb\r\x91{N\xa2_\x07\xa8C\x10\xe0\xb5\x92\x90\x01=X\xc4\xd0;\x89\x9a\xcf\xe2@\xcc\xf7u\x89\xe1\x89\xdfX\x0e\xc7X\xbe8jv~c\x1d\xb14\xbdAj\xee\xa1\x8f53\x9c\xac\xb5\x04E`"\x1a\x88\x06\x1a\x06\xc5\xa0+\x84\x89\x1e\x9d\xd2~\x98\xfe;\x0c\xfb\x1f\xd3\x18\xbdr\xaf\xd6\x02\xf4\xef@q\xd6c\xa2\xb7\xbb\xde-\xb1y\xde\xf7\xd7\x8fF\xc7\x85\xa3\x1f\x89\\0\x11\x9di\x97\xda\x06\x1a\x86\xc1\x12\xcdv\xf6\x191\xfbl\x87\xf1\xe7\xa3\x19\xfa\x1a(\xdd\x1e\xff2\xfe\x92\xbe\xd9\x99\x0fU\r\xef\x11\xd1\x1d\x8d\xad&lt;&amp;\xf0l\xfb[{}\xee\x0c5\xfe\xf6\x07&gt;\xd2\xda\x85qHd\x8etm\xc2\xc7\xdb\xff\xff\xb5g]\xf8\xaa\x97\xf51x\xdf\xc1xR\xb7\xffQ[\xbea\xe7\xb5\x0fs,\xe5\xd7&amp;\x1aU\x16\xc8e\x04I\x14\x81\xd5\x17E\x1d^w\x1a)9\x94Fo\x97\xb6X\x0e\xad\x0eD\xa7Z\xea\xd0!\xd4\xdf\xa4\xca\xeb\xda)\x0c\x03\xfd\xf3|\xa1\xbd\x8faP$\xdc\x85\x98\xb0\x03\x0c\x16\xcb6e\xbd\xa7e\x05(\xe3\xab\xc2n\x8c\xe3\x98\xaeLkY\x00\xbd\xe1\xed\xcc\x88\x99RWDW\x8d3y\xfb\xc6\xfd&lt;\x86\xbdn\xb2T$\xc5\x88+`Y\x08\x11c[f\xce&gt;q\x1e}9\xbaO&amp;\xa1DH\x17og\xe0\xa6\xf6\xfd%\xd1\xf1\xbd/n\xb7Y\t\xc8B\xcbE\x8c\x83l\xb6\x10VqSf\x8b)2t\x9c\xce\xbc0DV\xafs\x96eD4\\\x8b\xe8M\xee\xc6\xc3\xd2v\x7fx\x07\xd1\x95\x07},\x8f\x85\xc3 \xde\xd8\x8aw\xff1\x0e\xadv\xbcOY\xfa\xab\xe2HV!\x06\xa2\x0f\x12]R\xee\x7f\x9f\xe1I\xe9\xd9(\xb02\xf4r0\xfa8\xd90\x0cD\xb7\xa5\xdb?\x97\x9f=Kbk7\x8b\xc0\xb3\x04\xa6\x0e\xad\x83\x0b\xadm\r\x9dX\xa64)g.\'\xc8\x11\x1a\xae\xae\xa4nw\x17.\x8be\x15^\x1f\xe4\x08\xa27{tx\x00\xec\x0e5\xaeD\x8d\x16\xbf\xa5\xfbD\xb1\xdd\x12Q\xc7\xe5ZmL&amp;\x96\xf7\xb7\xbb\xffBa\x06\x86aw\xa0\xf1\xd3\xc6r8)u\x8f+\x7f\xa7\x19Bsw\xee=\x9dr%\xca\xc8c\x17\xad\xbc\x9f\xe7SU/\x1c\xb6\xce\x9eK\x99\xe8\xeb\xd3\xefL\xfe\xdd\x0fn\x9f\x9c\xee]\x18\xdf"\xfa\xc701\x1dR$\xbc\x9dc\x94\xdf\xf4h\xff\xf4,Rx\xd4\x99\xd6\xea\x7f\xde\xb0-\x8er%\x8a:\x9d5\x15\xd3\xd2\xaf\x03\r\xf42\xa2\x81\xe8\x18\xf9\xb2\x8bi7\x07L\x8e\xb8\xeb\xec\xd7D\x03\xd1\x87\\\x82\x0cZ"\xe7\xf9\xffw\x0f(9N\xa0\xb5\xa1\xfd\xabS\xbbD\xfb0x\xee\xd9\xc7\xbbA\xbe\x81fq\xbc\xf9\xe5\xb7\x99/HL\x13\xee\xea_\x1d\x88\x99&gt;\xca\xa61\xcf#\xfa\xec\xff\xb8\x87\xf4\xb8\xc9\x99\xb9zYz&gt;i\x0b\xf8\xcd\xae\xe8\xc4\x9dOn%\xf4\xb8\x96\xc7y\xab\xa0+\x19\xfa\t"\xda\xa3\x8e\xee;o\xf8\xa4\xb5\xcc\xf2gM\xa7\xbd\xf5\xd3\x94"K\x95\x9e4\xc2:\xf7zN\xb7\xe0:k\x1f\xd4"\xa0\xf2\x90\xfa"\xf4\xb7\x1e\x11\xe4hNLt\xfb\x1c3=\xeb\xb2\xa8\xceU&gt;\x05\xadg\xe5\x95\xfbYZ%\t\xe3\x98\x8e\xab\xd5\xfdS?\x9e\xae\x04E\xe2t\xc4\xcb\xfeS\x1e\xc5\xd5j|Tf\xa9[\xbf)\x99\xe5\t\x98\x90\xa4\x13\xcf\xce\xa7-\x1d-\xcde\xee\x7fI\xf81x\x89\x99\xe8\x156\x89\xe9\xf4\xcb\xd3&lt;\x83k\x86\xdb\xa1\xd5\xbcF\xab33\xf3\xcds\x16\xa3\x16o;ht\x85l\xd5\x9f\x0b\x11\xfd(|M=\xaf\xc4\xa0\x19\xd2\xe9\xbc\x1e\xe4\x11\xa9/\xd51\xfd(F?\xe5\x97*\xe31\x9eW\xc3%\xd9\xfc%\x8f\x8a\xc1\xe3\xfb\xd6\xbe\xf4&lt;\xc1\xb5\x98\xff\x8d\xf9\x97b\x99b\xac9\xbcd\xb6\xb4\xbd\x93R\xa6$`\xea?@\xd4\xab\xc9Wz\xf4f\xedV\xe8\xc4\xb1\xf9Y:OY\x96\xc1&gt;\x9dwY\x9b0\x13\rD_\x0c\x99\x9f\xc4{\xe5q\x95\x9d\x8d\xf0\x964\xa8\xb7\xfc\xca\xd7\xf4Y\xc5\xb8\xff\xee\xb2\x9f,\xf6\x1c6;\xef\xf8\x92[\xc9\xa5\x85W\xffsC_i%-\x89?\x7f\xe6?\x9d\x80u&lt;Z5`\x11\xe9\x94\xa5\xef#\xc6\xcd\x90\xe7.\xf3\x01\xc3$|\xb4)\xa4\x15\xfcP"Gx2\x11_8\xdb]&gt;&amp;f\xfa\xcb\x16f2L\xc1\xb8\xa6zv\xa6\xaf\x94\xd9\x896\x1c33\xdd:}\xd7\xa7\xff\xc45t\\&amp;\xbf(V*\xcc\xb7\x0f\xab\n\\\x150\xab\xd5O\x12\xd6!|\x05V/\xf3DwT\xdf\x96\xbe\x8ej\x1f\xd7\xaa@\x87\xa8\'\xb0]\xe1/\xb7\xe3@z\xd4\x86&gt;\xd3\x0c\x9bg\x83\x0c6\tc\xac\xa14\\\xe25\xca\xec\xbc\xc6#\xfa\'\xf1\xaaw\xea\x16\xbc\x8f\x8fl&lt;E\x96\xd7\xbe7"%\xe6\xe9\x05\x98y\xa1|&amp;\x04\x00\xa8@\xdbX{\xe2(Ez\xd4\xe7\xcd\x1e\xad\x12\x91q\xdc\x8f%-7\xc5g\x91R\xb0\xa6\x1a=v\x0f0\x16\x8b/P\xea\tS\xb9\xaf\xb5\x9d\xcd!\xfc,\xd8\xe8\x83\xfcl\x8f\xbaD\x13&amp;\t{\xb7\xb7\xd1^\\\xe8\x80\xbc7\x00&amp;\r\x04\xcd:fr\x9f\x1f\xad\xf0\x14\xa9\x16_\x96\xc1}\xd2\x1c\\+\x9b\x9a\x101\xd1\xb3-\x17;\xb8\x83\xe2\xd27\xd6\x0e\xcb\r\x1d\xba\x04\x13\xf9F\xc0\xde&amp;\x00cCw\xe7\xac_\xa4Z\xd0K6\xef\xf9DN\xcd\xe2\x1fA]\x80\x05l\x86\x81\xc2\x01(B\'\x01\x95\xe30%g\x8a\x88Y!\xd2\xf9\x85m\n\xbdg\xbf\xf3\xb4\x1b\xfaw\x89\x88\xe8\x99A\xc7\xffi\x95\x81p\xd9\xf8\xcb\x1d\xacu\'\x11\xd11\xde\x15\x89$C\xbe-\xb10\xaf\xfd\xcfw=\xe7;K"\x9d.O\xafX\x86X\x96\xc45\xf1\xf0\xe9\xcd\x12&gt;\xcbf\x05\xc7pL\x0f\xb6\xbc\xe5\x10\xd2\xae\x01C\xffFE\x9d\xd71Swo\x11*5\x8d\x95\xd2\xd6Cl\xba\xd3\x82\xa8\xb6\xdd\x97\xe2\xf9.\xd9\x1e\xeck\x05\x9f\xa9\xb9&gt;0\xfc%\xe6sh/\xe2\xeb\x11s\xc3\xf7c:V\xfb\xe48\x0b\x0e\x01\x9d\x1f\x1e\x8c\xefn\xea\x8c\xec\x16\xf9\x16\xd1\xe9\xba\xb2\xf2.\xe7T\xcf6\xbbD\xd7\x91\x1e\xb6\xc8\xbc\x9e\xd8\xbe\xe0R\xfb\xa6B\xd1.l\xacQ\xf5\xef\x8b\x14\xc6\x8b\x912\xed[q\xcdR\x1a\xe7\xbb\xf4\xadY\xf7$\xfa;\xb9\x9d\xa4\x99\x0f0]J|#\xf9\x9bU=\x83N\xaa\nHQ\xfe|\xd5\xf4~\xa8\x18n\xa6/\xe9w\xf7\xb9\x9b\x8a\xd9a\xecjww\xba\xd3\x8f\xffd\xdc\xcaY\xec\xc6\xdb\x0fU\x89\x84\x86\xd3\x8d\x0b\xc1\x1e\xf6/WU4\xb3\xa0\r\xa2g\x11\xfd\xb1\x87|\xe6\xe6\xc2\xd4\\\x7f\x08\xec\x1c\xb1\x03\x80\x10\x86c\x87\xbb`\xfd+\xc6\xc5\x84\xdf\xe7}s\xc7\'\x8bD\xb4OS\xad\x85\xe8\x81\r+\xe1\xf4\x05\xa2~\xe7\xd8\x97Z\xbe\xd0\xc0\x9f\x0c\x91\xd5W\xe2_I+\xf5\xcd\xad@\xc7\xf1\xf7\xa3\x98\x88\xe8\x8f\xc6\x7f=l&lt;\x94\xdcW/f\xc7\xf8\x15\x11=h\xea\xc0\xe6\x05\xc3\xd9h\x18h\xb8\x1a\r\xc3\xe2\xf7\x91\xa6x\x82\xd9\x03\r\xd5\xff\xf4\x1f+\x7f\'7V.\x1e.=\x0c\xf3\x1f\x9e3\xf7d-\xe9Sfh\xfd\xfa\xea\xdd+\xe2i2O\x86\xcb\xb3\xa3\x7f&lt;\x11\xd1\x1b\x88\x88\xe8&amp;\x8e\xfe\\\xd5\xbf\xab\xfb\x98\xeca\xecp\x18h\xf8\x9f\xddJO\xa6\xc3\xf5\xc1\xa8\x13UEz\xd7\xcf\xd7\x9d\xdbT\xa5?\x91\x84\r\xd8\xfeK]\x97D\xd6\xdf2kc\x10~;\x8b\xbd#7\x8b\x13\x15\xa4\xd0\xe6\xd7\xf7\xdf\x00\xda\x1e8\x1bKd\xfa\x03O\x86\xe3\x90b\'\x9dY\xacV\xff\x0e\x00\xee9\xac\x1ff\x0evl%\xc9\x07\xfb\xc0\x14TX\x1d\xd6\x84\xa9z\x99-\xf8E\xe6s\xca\xaf\x98\x9a\x08\xef\xb2\x90k\xa5d\xab\xdfX\xb0\x1dn&amp;\x1e\xff\xfb\x9f\x0f{\x07Hj&amp;7TP\xb4\xbf%\xa1i2\xf8\x0e\x80\xd2j\xa1ZK\xbe\x13\xa0\x04\xb7\xc3\x88\xb6\x81\x06\xa2g\x10\xfd\x89\xd4\x9b\xf98\\m\xa8\xad\xe0\x03\x11\r\x1f \xfa\x18\xf1\x9dX\xbd\xd2\xa0^2hX=\x80w\xd4\x06\xa6\x14g&lt;\xfb\x97\xfe\xa5\xb46\xb8\xb7\xd0\x874\xe2\x07\x98\xb53\x1c\xe1o$?\x9d\xe8O%5[\xfer\x9c\x11\xff,m|~\x08l\x83C0\xe5}H\xdd\xfd\xbf\xd6\xf10\\\x16\xe6\xce\rg\x0f"\'Z\xecI\xf8\xe9\x8d\x0eErS\xed\xb6\x0f\x13\x9d\xb6\xf0\x10\xce\xe1\x99?\x19\xfb\t6zt\xa4r\x8a\x06\x14\xf0aL5\x8f\x8b\xee`L\x95\xcf\x9c{4\xac\xf8R1p\x1e\xf1]\x93\x0fXj\x86\xa0\xaf\x83\x9cx\xa5\x87wY\xfa\x8d\xaca\xdc\xe9\xd7\xd3\xdb\xe5\xa1]\x9f"\xf0\x12\xe9\xa5\xb6VV}\xbe\xd5S-\x9e\xec\xa7\x90\xab7\xcd[\xdc\xd78m!^\xe6\xdd\x8f0/\xfb\x95\xe2[\x86W\x9d\x92\xcc_\xa4o\x1f\\\xeb\x84\x99\x99?!||eQ\x03\x86\xf9Z\xf5\xe9K|K\xd0;\x87\xb1Z\xf3\xd2gkJ\x8ch\x89\xba\xb8\xb1.\x91Y\xbe&lt;\xac\xcby\xd2\xad@^\r\x1f\xce\xba\xbf\xed\xda\xfeM\xea\xd0\xfem\xcf\x18\xd8w\x06\xe5`\x81hL\x06\xf76\xf7K\xf4,\xe3@S\x85\xa1\xbc\xe1\xf7\xe0\x7f\\i\x12\\p\x1bKU\x8f\x1e\x88\x88\xe9\x7f\xe5NL\xc2\x87\xac\xa1b\x19\x97\xb2\x010M0\xbc\x1c\xdf\xb5\xbau`\xabyP{q\x19\xd3\xa1ij\xc2\xbb\xf1i\xd3\xaf+&gt;\x816#\xe1JvZ\\\xeb\xd3\xec\x15\xd6Yh\xe2\x9d\x83\xe6\xdfC\'\xce\xf4\xf2\xe5\x0f\xac\x07~4G\x12\xee\xc7\x81\x02\x81n1\xec\x98\x89\x98\xbe\xb2\xb5%\xfcmZ\xc4\xa6\xc5\x83\x17\x1e\x99n\x03T\xdb\x03\xa4\x0f\x94n\x82\x803\x18\x83G%y\x1a3\xf3C\n:\xcf\x073\xf9\xe7\xc5\xf3\x88\xd3\x11\xdf\xce\xd1I\xd4Bn\xad!\x16\xca\x88\xd2!\xa9&amp;\xb4\xcfH\'\xd0\xde\x05\xb1\xb94\xd1\xe4\x17\xff\xf9\xb8\xa4\xa913\xf3\xb3\x97=\x9c\xe94\xfc\x1e\x97T6\x99\x99\xe8\xdf\x83\x05\x8a_\x1d\x0c\xcd=\x11l\x94\xb3\x88O\xc1\xb1@\'\xaf\xce\x9e]1\x11\xd3\xbf\x18\xafT\xf7W\xee~\x84k$=\xdb\xf6\x1e\xaa*\xcc:\xf1\x9d\xace\xaf\xe2/\x7f/T\xab-\xc0D\xdc\xa6\xb3\x7f\xd4\r\xba)\x01\x15\x1b\xbb\xd6@\xe1x\x88t\xaeE\x7f\xa82\xa3\x1ceMBV\xddw\xb0\xd8\xd6i\xe5\x84\xcf\xc8\xd6\xf2\xd2r\xfd\xd7\xe5\x11!\x95\xa8\r!f/\xc5D\x1f]\xba\xfe\xcf\x13\xc62\x0f\x1d\xb2N\x8b\x19\xe6\xe6E\xd3\xb8^\xaf\xe4\xec\xcetK\x813X3V\x1aM\xaaW\xd8\xde\r\x97P\xed$\xa7\xbc.\xf6\xee\xf1\xdb\x99O\xf1S\x90\xbc\xe8%\xf6\xb7T\xce\xe4\xd49\x0bY\xd7{_j\x18\xd1t\x88n\xebM\x9f\x1a13\x7f\xd8\xdcd\xf1\xebVw|\xd3C\xf2\x1d\xcf6m\x9f\x98\x88\xe8u\x1e\xc2w\xc4^\xd0\xc3\xa4\xfa\xc4o\xb8\xf3\x89_\xd4\x1e\xb7\x06j&lt;\x1b\xffT6\x11\xd3\xc3\xcb\x05\x868P\x17\x1c\xe1\x93\xcb\x88\xcaT\x12\x9f\ro2\x89q\xbc\x84qS+\xc2\xa5\x1e\x98\x99\xcfX\xf2nRP\xa3\xecb4%`:\x96E4t@\xdbbl\xbe8\xe3\xa1\x9a\x9c\x97\xc2ZM\xff"\xbaL.y\x14&gt;\xafg\xce4\xcc\xd9\xf8(\xd3\x8b\x851\xad\x0c\x8a\x00\xd6w\x8f\x8b\x90\xf0F\xa9\xb33\xcb\xc9\xea\x89\xb5\xff,\xf2r\xbdik4\n\xe6`?\xa5\xc7i\xaf[\xa3`j\xb8p\xb2\x9e\xec9\xb6\r\xc0\xd5|lru\x8b\x0c\x1f\xf7P\xe0d\xc7\x90)\xa8\x9d\x9cU\xf3\x87\x14]Tc\x15\xdb\x94BT\x9ex\xae8\xe9\x10\xa3\xc7\xab\x11\xf2\xcfbl\xbcg{J\xd00\xe4\xb2zc\'\x1c\xe6\xa5\x9d\xdf\'\x1f\t/\xf5PJ\x99{3\x85\x9f\x07g\x97\xa4\x11L\x0f\xdc)\xf6e&gt;\x17k\x8bh\xd4\x90\x86\xc5\xf8\xa6\x8ekKm\x00\xfa4\xa2\xf8hA\x16\x87WT\xadk? \xb2\xe2\xd3\xcb"\xf4~\xfb[1\xb1\xff\xdd\xc0\xa9\x85Kl\x122\x8e\xd0vV\xd7\xb5\x0bf\x7f\xcb\xd5\x8fY{b\x0fI\xb0Qhz\xbb\xd8\xbf&lt;\xc4\xe3MSs\x89\xe7\xa1\xcc\x84\r\x00\xb3R\xfdw\x99R\x80@}\x0b\xed\xdc\xe2\x9e\xd5\xc7-\x8d-\x05\xb8\x83m\xe3$$\x97&lt;cW\xdf\x00\x8c3\xfdF\xdaL\x17\x84\xbf\xa3\xc7]\x82\xc8\x81\x89\x99\xe8M\xde\x97o,\xd731\xd3G=\xa7\xc3o\xc9\x11\xce\x81k\xb0\xf1\xad\xf3e9\xd6\x8d\xe8a\x9d03\xbf\xc2^h\xfa\xf4@\xd7J\xd1\x9bkQX$\xf2|\xe1\xd5I\x87\x1a\xc1B\ng]\x8e\xbb\x04\x86\x86\xa6S\xf0[9\x8b\xd7 \xb1]\xb7,N\xaa\xab\xe8\xd1s\x8acc\xcaU$\x8ffj{uI\xa4\x85\xc9JW\xbaU\xb0\x1b\xc2\xaa\xc4ee:\xfa\xb6u%\xf6Vh\xc1\x02I\xc0\x1e\xf9\xb0\x04\xa1\x12\x12\xf3\xef7\xdc\xbe\xf2\x9d\x19\xa1\xec\xc0\xcfa\xa6gT\xcd89g\xea\xd5\x89\xedq\xcf\xa4\x81\xc3\xd2t\xcc\xb2\xd19a*\x8d];\xcd=p\xbd\x93x\xb5\xa2:\xbc\xb5\xc0\\kz\xe8!\xb4\tk\xf7\xf4\x9e\xa2WK\x9ex\xdc\x1et\t\x9de\xa3\xb8,\xa4\xf0\x8b\xa0\x84\x85\x9e\xa4y\xbdM\x98\xafS\x0c\xf7\x8cL\x17\xdb\x05x\xba\xd6\x9b\xd0\xca~\xd8\xc1\x14\x9a6\x9d8U\xcbD7\x94\x86V\xb5\'*|\x16{\xd6\xad\xbd\xe7\x13yn}\xb5m\ti*\x1aE5\xcc(\x8b\x8a@\x16&amp;\xe3\x81\\\xcc\xb9`\n\x0c\xd9\xfb\x99\xe8\xd1\x07\xb4\xd6\xbeo\x9c\xf8\xe9*W\x18\xf5\xcf\x1b\xcc\xb9/\xae+b\xfeM\xef\xb5\xcd~\x19\x13\x9d0p\xe4\xd0\x9c\xe0\x16`\xf3\xfc:\xdd\xe8\xca2\\^\x99\x0b\xab\xf5\x81\xa1\x972\x0b\xd7?\x86\r8\xae7&gt;\x14a\xeac\x01\xf9i\xa8\xc8iF,\xf7q\xa2Z\x86\xb3\x96\xe0\x86Ii/z\xb5\xb2\x8b\xef\x18]\xd3\xf0\xdcVyd\xe8cV\x05\xe6\x8d\\\xbb\x90\x1e\x17\xbdb\xbe\x98\x89\x9e\xa4\xc9\xc6D\xbf\x8e\xda\xfa\x9a\x87\xb4y\xb5\xb1I\x1e\xf5\xe8\x12e\xefw\xf3\x943I&gt;\xfa\x97\xd0\x06\xb3u\x03pP\x9c\xa8\xdd\x94kk;S\x9a\xe3\xeb03\xf3\x1b\x16:\xf1q\xaaP\r\xc4y\xe9\xa1\xb9\xb4H\x86\xd0\x8eY\x86S\xf9\x83U=\xaa[\xfa\x9by|\xc2\xf6g\xc6]\xd3R\xc8\xeb\xd7\x08\x07\xb4\xc6N\xd8p\xc2\xca\x19\xce\xe9|\xe6\xe81\x01\x0f\xb4\x82O\x9a\xb2^\x82\x07LM\xedy\xb9\xc1\xa4O\xe5l\xce,\xf9\r\x94&gt;\x1f\xa37\xa9\x18,Kn\xf0!\x0f[\xb8\x07\xb0Z*P\xaa=7\x92\xb2\xca\xf8z\x90H\x11\x14\xecz\xe3t\xaf\xb7\x16Q\xe7C\xa00G7I\x1f\xa0\x81\xb6\x93\xad\xec\x99+\xe55\xe9\x88\xd0\r\xc0_8F\xc7-\xc1\x10~?=\xaeK/\x90\x8ea\xd7\x91\x8e\xf6&gt;\xf9\xe6\x92#\xb8\x95\xcfDL\xf7eb\xbe,33\xdfL;\xd91\xb6U\xaf0==bz\xd7\xab\xf3\xb8)\x06Y\xdc \xffx\x1c&gt;\xdf*\x9ck\xeb\x7f%"\xa2\xdb\xe8\xadv\xe3~L\xca-l\xcfN^\x12y\\\xfc\xbftva\x03 \x88\xfa\x10\xa3\x88\xaen\xc7Y\xa7\xc7K\xb0\x15\xac\xb7S\xec\x930_o\x13&amp;\xe0\xfa\x89\x8fJ\x965\xf6H\xaf\xab\xb4\x01H9\xc9^C\xfa+I\x01{\xfc4\xb9\x87\x1b\x08\xbf\x1b\x9d\xac\x15\xac\xfd\x12\xd4\xb6\x87)\x1c\x14\x19\x8f\xc6\xb3\x0c\xea\xd5\xdc;Wz$nk\xe0\xd4W\x0b\xb0q\xcf\xe2\x0b\xa4\x95\xdel\xddL\x9e\x9d\xe6\x9f\xe2\x88#\xf9\x08Yle7\x9c\xa9&amp;\xd3\xae\x11\x1e\xbac\x8f\xd7\x13x_\xa0wI\xe9e\xda\x99\x90\xb8?1\xcaf\x986s\xa6\xdcr%W\xba\x93\xa5\xa0\xdbJ\xa5\xbf4\x11\xa3\x88\xf6\x19e\xe3[\x19\xc7:\x91}\x12\xfe\xfd_Y\xba&gt;8\xf9\xe8C\x1c\xcf8\xba,U~\x9e\x12\xdbuo\x19pE\xd8\xdc\xeb\xbd\xc9\x1d\x1b\x8eI\xee\xd8\xfeT\xb2|v\x00\xd5(\x98\xeb\x93\xbb\xf5M\xc7\x1e\x89\x1b\x1e\xdb;\xa7\xb6?/qh4\x9d\xbe[\xf9\x0f^\xfev\x07\xad\xfc0\x15d\xc6\r\xc0&lt;\xe8%\xd5\xb7\x9a\xfa\x83\xcb!]\xeezb\xbf\x89/\xf2\xd4\xc0\xeb\xff~T\xe6s\xa6{\x14\xf3\x86\x8d\x95\x0f\xa1\x19\xacS!\x00\r\xc3}\x9a\x89\xfe4Sg\xfa\\\xc2z\xc91w\xfb\xe8\x97\x0b\x90\n\xf4OEC\x1e\x95=2\xe3\xba\x82\xefn\x84\x84ei\xb9o\xa2c\xd3:\xf0\\5+-Z\xa0$\xa2\xad\x0f\xda\x88%C2\x9d\xe5\xa3n\xe5\x02\xdf\x82\xeclRUj\x1a\xb7\x1a\x1f\x97oq\xb8l\xb1Tb*\xb3\x8e;\x99\rj\xc5\xcf\x96\x86Sb\xca\xd0\x9b\xb9d\xae\xbe\x01\xe0y\x97\xf2Z\x8f\x0en#\xcc\xc56\x83\xb1\xdb\xc0\r@\xa6\x89;zs\xfb\x0c\x00V\xb2/\x90\xdd\xae4=\xb3%\x8d\xf5\x9c\x8cF\xd9\x16\xbe%V&lt;\xe5\xca0h\x8eN@(5\xca\x8eu\xb0F=\x8c\xc5\xd3\x0f|\x8e\xff\xcd\xf5\xbd{\x03P\x8d\xf8\nR\xefJ\xf6\xea\xdd\xcf\xf3\x84\xa2\xbc\x04|6ff\xfe\xc84\xe8\xa2/Y\x8b\xe6rNh\xa9\xd4\x9fl\x1bt|r\xe9\xfaL\xe7\x94\xbfK\x8a\xd9\xd6[\xaa\xed\xbe\x90\xbe\xa6,\xec\x1b\x13z\x06 \x0fk[i\xda\xb3\xcf,\x0f\xda\'\x97;\xb6\x96\'\x91{[\x96\xe4N\xf0\xc9\xc2E\xd7*\x00\xear\xc15\x1e\xca0\xbd\xc7\x1c\xaa\x86\x9a\xack\xb2\xd4\x91c\x93\xfb1\x8b\xd5\xbf\xaa\x87r\xaa`\xf9w\x9f\x81t\xd9\xb8Lju\x17\xeb\xd2p\xae\xd2^\x10uj\x9e\xc9\xd9\x1c\x7f\xe8 \x17k\x8cq\x00\x0e\x9d\xc4\x85\xa1O\xfa\x9f\xc2\xc2\x1d\xf6n\xacp\x80\xfb\x10&amp;zF\x95Q\xbaR\xec\x05Jv\xde\xdbd\xfd1\x8a\xad|\xfd\xff*\xb0\x95\xa7\x01\x8d\xd5\xeb\xff\xd2P\xb9\xe6\x17&lt;\x15\xed\xd9\xa7\xdcr\xbaJyy\x03\xe0\xb8RV\xa3u\x80\xa5i.\xcb\xd8\xa5\x8d\x00\xe8\x94\x8d\x07\x8cW\x02\xf2\xee\xac\x1b]u"F09\xac\xa0v\x99x\xcf\xf7\xf0\xd6\x0c&amp;:i\xe1\x11&amp;\xadf\xd5\xed\xc3\xba\xb2\x94R\xfd|\xa7\xb18\x87\xc2;\x17\x0f\x17\xe4$\xe3\xe30\xf7\xb2d\xa4\xb8\xde\x1aR\xe4\x0e\xc0B5/D\xba\x0f\xd6=\xe7R}\xef\xd8\xce\xddB\x96g%\xc6\x02+\xe6\xa6\xad\x05\xc8\x83\x10\xc3\xdb\xc4\x92\x83\xa2\xb8N\'\x8aJ\x98BU\\O\x17d\xd2$\xff*5\xd1\xff\xf3\xa6\x97\x8a\x06S\x93W\xfa\xd3\xe7\x12\xa0\xb7"L\x96\xa7\x0b\x91bY,\xce:\xc1\xf17z\x95\x0b#R\xbd\xf9J\xe5\x0f\'\x87\xc9\xbb\x15l\xa5\xbc\x9c\xcc\xad\x1b\x80\xfd\xbb\x97df\xa6{F&gt;\xe1\xe3v\xcey\xac/\xc2^\xa0\x06\xa5}\xab\x96\xef\xee\xe2\xe4\xc7[\r\x159\r\xad`\x91[\xe6\rkIm&amp;m\x87\x97\x1a\xcby?M\xca\xad\xf2\xebV\x0b\xa1\\\x13\xe4\xed5\xb1\xe7\x9cR\xc9\xeaM\xe9\xf3\xbbY\xe4\x89F-\xd7:M\x8fA\x8f\xe3\x1b\xaf\x89\xb3~\xe9\x0f\xd7\xae\x01^\x86\x98\xe9\xa5J\x90f\x16b\xe9]Vd\xed\xe3\xb4\x0e\x80`\x0e;\xdd\xe4DY06\xa0\xd5\x06%]$\xaeu:H~\xfb\xc5\xfd\xd6+\x8d\xd1\xaa:\x1b7,1r\xee\x9aI\xaf\xfc\xc2{\xce]\x16l\xa6\xce0Tr=\xc6\x14\x13\xf1\xcd\xbd\\Z\xe7Z\t\xd6\xefS\x1b-X\xd8\x02\xf4\xb2S\x8a\xf2\x90\xb9qs\xf9\x01\xd8\xbc\x0bV\x9b\xa0^:\x14\x1f\xb1\xf4(\xab\xd9\x00\x1c\xe2\xe3\xf5\x9d\xa0\xad\xcdu\x07\xce[\xfdg\xa9\xdd\x9bhc\x15\x98\xca\xb8K.7kC\xa8\x05\xd3\xbe\xc6\xe7\xa6\xa9^W\x86\xb8\xbf\xbd\x95\x81\xa5-\x00\xd3}V\x9c\xf0\x91\x1f\x00\xa8\xc3O\xea\r\xd5\xa8\x12*G\xa6\x89\xd4Q\xc5\x16\x14\xbeB\x12\x8a\x9e0^`\x1c6\xe7\x889\xaa\xff\x9c\xfdl\x90j\xdeR\x1f}o\x13\xdc\x16\x0e#\xb3\xf3\x90\xbf1n\x07\x88\x99\x8e\xea\xe2&gt;\xc0\x12\xf6gSan\xd0+%\xee\xcf\x9er\xdf\xf3F\xd9\xe0\xda\x96!Iu{\xa3\x1fd\xa1\x9a\xcf\x07|\xc0#R\x9e\x93\xe5\x9a\xcbv\x8e\x00\xd2\xb8\x8c\xf6\xca\xc3\xb6\x96!g\xe2\xab\x7f|\x99\xcc2\x86-\x80\x18\xad}\xa2\x08\xf9\x14\xe5U\x98\x1b\xd4!\xc2\xcf\xf8\xa3\xf97\xa9\x0f"\xe2\x13\xf5\x1b\xae\xc9\xac %\x05\x92a.\xd8\x00l\x9e\x06&amp;\xdeG\xd9)\xcc\x9f\xfa\x88]b\xed\r\x1f\x18\x1a\xd7y\x15\xd2g\xf8,\xce\xd1p\xc1\x9a3d!\x99Y\xf8\x016\xcc\x7f\xc9\xabc_\xd2\x84\x9c\xe4\x9c\xff\xd9\xa7\xe4`[\xc4n7\x0b\xedS\xd7\xeb\xf4&gt;\x92o*\xb0s\xa4\xd7\xedhc[s\xc9K\x88Z\xee\x9a%F\xec\x9ei\\t\xfd;54\xec\xbc\xd4hA\xb4BV\xa9I\xa6\xdf=\xf0\xd8o8}q\x83\xc4\xbf\xc9\xcc\xccg\xe0:\xb7M\xa2{&gt;\xc6\xb5\x01\x98;?d\x8f:\x1c\x98\x89\xfe\xae\xe9\xf8\xcc\xccw\t\xcf\xb9\x1f+\x1e`\xabbe\x8b\x96\x8d\x80\xaa\xe8\xb2yn\x01=\'\xb9\x87\x0eXe\xe1R\x8d\x90\xa3\xf1\x9f\x14\xfe\x12\x8f\x84\r\x80\xa9\xaa\x90Wq@\x94\xb0#\x12\x1b\x96Vf\xae!\x9eX\xeb\x11\x1d&amp;zz\xc9\xfe\xa3\xa9f2\xc3\xd0\xb7Us\xc5K\xe6\xdf\x99\xe9H&amp;\xba\\\xa9\xc1\xaf\x96\xe1\x90Bp\xf87*\xef\xa6u\x0e\xd6\xc17b\xd6\xa1\xac`\xf5\xaaK\xffz\xee_\xc2\xce@\th\xe0d}:\x92\xbc\xe8\xa6\xdc\xf6d\xc31\xder\x87o\xedS-\xd9P\x15\xe2\xcfw\xc5\xc6\xef(\x1bJ\x19\x0b\xd6\xdf\xa0\xbf\xad\xb0o\xe1\xe6u\x82\t)\x04\x88~Y_\x80v{\x8ft\xe2\xdd\x06\x0b\xcdv\x90\xcd\x7f\xfe6\x12\xe4I.\x1df\xa8\xde\xb8A\x82\x8aV\x9a\xe6\xb6\xcf\x9c\xc7\xe1\xff3}\xaab\xb4\xd4\x93\xe3\xc4cf\xbe\n\xf37\xd5\xca\xdf\xbf\xe4\xedS-\xf9\x10Tqd\xc6OY\xe4\'_\xff\xa2\xf5\xc7\x87O\xf2\xa6\x82.\xd3\x0b\xab\x13\xaf\xcf\x13V\xbd\x018}\xac\xf0\xcc\xccC\x11\x91@cv\xaeP\xd9\xb8L\xbc\x1b3~\\q\xe5\x1b\x86\x04\xf9\x99\x99hH\x13\xa6o8bj?d&gt;\xe9\xdeD[U\xcb\x9a\x19\xbd\x7f\xd3~\xbb\r\x98\x99~Et\xfc\xe88:%\xd3\xf7\\+vR\xf6\xdb\x00\xc2Jp^\xa2/\x84E\xc4\xdcxMj\xb4l\xfb\xb2e\x83&gt;\xd3\x8b0\xebv\x821\xf3\xaa\x97\xc5Y\x85!\x8d\x98\x89\x8e( \xcda\xd2\xd9\xc6\x9a\xa9\xfavvH\xac\xfe\xb3)p\xcc)\x96\xfez2S&lt;1z&gt;)\x11me\xfe\x1bd\xa5\xab\xcf\xd6\xf0\xfd\xf4\xf0\xf1S\x06\xf9\xbf\x94\xc6\xdbG\xd4~`\xf5OD4\x0c4$U\xff-\x0e\x83?j~9\xdb\xaa8\xff\xdaM\xa2\x11\xf6$\xc30\x04\xed\xf1\xb2\x1ah\x18\x86\xd3\xac\xb6\xfa\xdfg,\x0e-\xf9\x86\x81\xb0\x01\xc8\x043\xeft\xdf\xb6\x86Q\xba\xf9\x00\x00 \x00IDAT\xb8:\x9a&amp;\x19\xdal\xa6\x93F\xcc\xa5;v\xfc\xeb\xb0\x19\x84\xff\x82\x96\x98K\xccaW\xb8\x80\x96\xdc\x8d\xee\xefye\xa2\xa9\x06\x1a\x06\x1a&gt;A\x03\xd1\xfb\xd3z\xda0Q\xa7\xc2\xc3^\xb9\xd14Y4.V\xb6\xfba\xa0\xe1\\]\xdd\x12\x19\xab\xff\xe9?\xbe\xcdJ&lt;\xbb\xfe\xdd\xec=\xd6bVF\xa8Z:\xf2\x855\xd3\xcb\x9f\xd8\x10\x9e\xa2[g\xd5+=\x02\x1b?\x05\xce\xd4\xcf\x16y\x151\xd3\xd3\xa1\x93\xa6,&lt;\xe7\r\xa7m\xc8t\x98V\xe1\xd9q\xe1\'\xf83\x00\xdb\xc6i\x85\x0fTPN\x9b\x18\xd4\xbc`\xc3\xabX\xe4C\xff\xb3N\xfe+\xc7\xa7\r\x03\x0c\xdd\xab\x15\x92\xf2F\x973Z\x15\xf2GX\x9aJ\x12\x17Q]\x91I\x93\x9dX\xa4OzMd\x07\xc3\x92s\xb62\xd0\xf3\x0f\xde1\xf6v\xf9\x026\x00-aWe\xb6\xd9\x82x\x87m\x03\xb0%\xf8\x1b\xd3G\x9c\xc3\xbf\xb5&amp;\xdb\xa6h\xea\xc7\xb3db~}\x97\x8ew\x9e-\xbb\xca\x02\x9d\xcc\x96\xfb\xf8\x00\xc0\xde\x03N\xd3^\x92:\xf4\x18\x8d\xbd\xf3P\xa6?\x83\xd2\x1a\xd3i\xa6f\xa6\xc7V\x96\xaaY\x08[\n\x88|\xe5\x85\xa7\x10\x16\xe8\x17\xfd\xb9G%\x98~\xdfu\x07&amp;0vV\xa8\xc6\xc9\xfd\xb6S\xd5\x89\xd6\x9cJ\xff\xa8\x8e\xb2\xe9d\xfe\x9e%\xbfx\xef\xf9\xc1\n\x0f\x9d\x94\xf9R\xa9\xd6\xf4k\x926\xf0\x06ml\xa5\xde:\xbd\x1d&gt;r8\xee\xd15\x9d\x9a\xa0z45\x8b\xdf\xab\xf5\xb0\x01\xb0\xd7\xff}\xbaG\x05\xean\xc0\x9c\x92\xb4\x13\x80\xb5\x9f\x15c2h\x86\x87{3\xa9%\xc8\xdf\xfa1\xc4N\xda\xef\xcf\xff\xb6.\xeb\xea\xad\xc5\x9ef\x91\x81MM&amp;\x99Wl\xd2\xc6V6\xea\xd3\x85\x81\xae\x80\x8d\xfa\xbe\xd1\xce\x1b\xbf\xb2\xcb\x1b?\x92^\xac\xbaRjE?\x12Z\x1f[\xa0\xab\xb64D\x0f\xd5\x7f\xc6As\x07\xd4C\xf3\xda\xa5\x0b\x7f\x0b\xe4\xc1\xfe;\x96)\xb1\x8c\xbet\xaf\x1a\x02\x82\xea\xec\rl\xdf\x08n\x92\x9e\xf7\xb5L\x17a\xfa\xf38\xa9:\x9c\x0e\x00]\x91\xe7\xfcOy8A&gt;*+\x8d~27\xfd\x9c\xe90\x93@\x1f\xf9\\\xb7K\xd5\xd1\xe9"\xa2\'\\\xa3\xee\xe8\xf4\xeb\xac\xce\xaf\xeco\xfbs\xe9\xd5U\xff$\xc8\xbc v\x07\xa1\x04j\xc0\xcc\xfc\xfe\xd8O\xd5\xac\x99K\xca\xc9\xa5#\x1e\x99\xb2~\xac/%\x81`\x90\x9d\xe3\xc9V\x9c\x89_5\xc3\xe7V\x8b\x95\xe2\x98\nM\xf11\x89\r\xfb\x86mj\x99\xca\xc47\xf2\xb9b\xfba\x8d\xba\x86\xe0W\xb7,\x97\x99\x99\x9f\x97\xc9\xf9-\x9a\xec\xca\xab{\x93g\x99\x10\xb7d\xa2\xd7\xd4\x90\t4e^\xc6\x0e\xaf\xa4\x10\x93KW$d\xf0\x1e\xa7\x03\xb2\xd2\xa6\xb6\xd8\x08RI\x91ZU\xcc=\xc8\x95\x8avY\x11\xf6\xc3\xbd\x95\x99N\xdcayT\x88\xb2[,\xa7\x1d\xc3\x9a\xcb&gt;V\x87&amp;\x83\xce\xa3\xe7\x1bWW\xe4\x81\xb8wQ\xf2\x17&lt;\xf8C`kg\xf77\x0f\x898\xf8\x0fjtC\xf4z\xb0\xffC\x16\x15\xff\x9e\x85-\x8b\x1d-\xffs\xf7gh\xa2\xc4\x1a\x86\x9e\xfeV\x0b\xc8\x8f\xe0@0t&lt;\xc3\xa9\'\xfdE\xab\xd1\xf0w\xd7\x0c\xd1W\xb8n\xb9*\x11\xff\x98\x98\x89N]v\xa0\x0e\x18K\x972\x8e\xaf\x15F\xb9,W+NY\xfc\xff\x94A#\xd7\xd3]!\x91\xae7\xcbz\xfe\xee\xa0&gt;\x12e\xd80(\x10\x80\xc8\xba7\xd9;\xc9\xbf\x1f\xb9\x07\xa8{^\xce\xfc\xeeu*9\x92+\x94\x9e\xa9\xfda\x80\r+\x197yR)\xa1\xbd\xea\xf9\xd3x\xd8\xdc&gt;\x93\x97\xbb\x171\xf5\xfc\xd1\x02\x9d\x93\xae\xd0\xa8Y4&lt;\xfe\xcf\xf85\x97D\xc4\xf4\xa2\x08\xf9s\x08`8\xfd\x0f\xed\xb0\xbb\xc7z\xfb M-w\x81V\xb7\xc9\x1ccwZ\xa1\x81\xf7\xd9\xe1+\xf1\xc9:\xbfL\xce\xf1\xba\xfc&lt;S\x19\xfe\xb9\xe84\x99^`\xe9\xffmHU\x07\xcb\xc1\xec\x8e,u\x92\x90d\x9a\xc9\x94;\xbf\xe5M\xd4\x96~\x92*\xce\x1e\xc8k\xfd(=\xdcJl\x15\x7f$g\xaa\xfeWg\x8e~\x98v\xceOI\xe9d\xb5q\x01\x16Xu\xd6\xdb\x11x&lt;0\xfd\xd6`\xca\xc8e\xb9ph\x12\x1b\x80\x03e\xcdI,\x10\xf7\x06\xa0I\x92\xc9Y\x80\xea\xbd\x16\x9e\xd1V6\x00\xf4\xc6,\x92\x7f\x93b\xf4\x90\xea\x81v\x7f\x06\xb1\xe4\x88J\xd8b\xc3\xb4^6\xea~O\x826\x1ck\xbf\x80U\x00{\xb99@\xfd\x9c\xe5\x80\x96([\xddoH\xe3\xffT\xeb\xdc\xa1D\x95\xf0\x88|}.\xf4\x80*Gf\xfa\x82\x90\x906\xcc\xcc\xfc\xaf\xb1\n4W\xff\xbd\x98\xe3\x01DOj-C0j~H\xeb\xe4 \x97\x95\xed\xd3\xd6\xa8wi::\x11\x9d\x8d\xfaJ4\xd10]v\xedS\xf0\xe4@\xa6\x99\xc2!\xaa\x88\x99\xbf\xb5\xfa(\xf6\xe2\xee\xe3\x92\xfc\xccim\xbe\x89c\xe2,\xff\x94#{\x95P\xb7\n\xdc\xc2*\x90\x97\xaa\xc7s\xe6\r@\x1703\xd3\xfd:\x11&amp;\x80L\xcaD\xf5\x0fZ\xf2\x9db=3=\xae\xb7\\\xa3\xe3\xb7,u=\x05P\x99\x83\xf4\x84CY\xa5\xe4\xf3Q\xdfO\x16\xadQ98z&lt;\x18\xba&gt;\xfe\xf7\x94\x84\x99\xf9&amp;\xbd\xc8Ld\xd8\x00t$\x1b\x00\xf5\x11\x96Lf:\x19\xaf\xe0\x03.\xcc\xf4\xbb\xbe\xd9\xa7\xb80\x00\x80\xb6\x18V\xf4\xdd/\x0fi,X~\xf8\xe6\x07\xf5\xc5\t\x07\x8c\xe5\xf8\x7fMv\x17\xc4\xfe\x8b\xd6\xb2Ld\xb9\x03\x00\xc0\xfa\xb1\xe4\x97\xfd\x1e \xe3a\x03\xe2m\t\xa6\x0bC9\x11\xaclE\x04e\x103\xd8G\xa6\x17[JT\x865V\x81 \nc\xfd\xbf.\xbb\x9f\xb5S\xb19sy\x93\x97\xe2\x1f\xee\x01\x80\x88\x8c)f&gt;?;E\xceef\xee\xbf\xd7\xa8k\n\x93\xa4|\xe0\x0f\x94\xd6\x90\x8e\x94o*5z\x91-\x1fb\x96\xfe\x93\xd6\xc2x\xb2=+T\xc0V\xfdG(\xb3e\x90b\xbf\x1aF\xa6"\t\xea\x06\x8b\xc8\x99\xe5z\xcaG\xe2&lt;\x83\xd67\xb6\xb1\x01p\x12\xf3\xfd\x12\x80\x88\x90\xeb\x1a\xf1\xb0\xde\xc2\xd9\xb4\x01\xb8@3i\x8a g\xecU\xd4U\xd7[\x83\x90\x1d\x92\xb9\xfa\x87\tV\x82)\x8b\x81~\xe0\xc0\xbf\xbf\xdd-zf)}\xba\x90\x92\xc5\x16e\x00\x07\xc8\xb7a\xfaF\x08\x7fa\xf7\x1c\xbd\x98\xe0\x00\x96N}\x03\xd09(=\xa3\x11\x16\xe5\xa4\xcd\x1e\x13==\xb3h\xa0(O^A`\x1f,\x1b\xc9h\xa6s\x85U\xac(\x1a\xb8\xc3x\xb8\xc0\xeeM\xe8\xf4K\x02\xde\xd7\x9fH\xf9YS\xf5\x0f\x80\x11\xe4\xedMqP\xe6&lt;\xed:\'\xcbD\xd7\x17\xff\x89\r\x00X={\xbb?\xa3\xb5\x1c\x07H\xb9\xbby\x89t(Rv.\xdeZ\x00\x00b\x91\x9e^\x8b(9\x9eXD*\x10\r\x0e$\xd6\x80\xb4.jO\x16\x1a\xae\xff-f\xba\xfb\x1al\n\xdf;\\\xfe\x81\xbc\xfe\x1a\xcbJ\x9e\x96^\x19P)\x00 \x0c\xf1\x01\xb6\xe0\xbaq-\x9f{98`\x95\xdea\xa2;\xec~\xd1\xd1/^\xda\x1etC\xa7\xc7\x90 \x05\x7fk\xfa\x9dC\xc3I\x00\x00\xa0\x0bX\xfe\xf1\xe7*_G\x1a\x07 \x81\xb7\x9a\xaa\x7fCD\x1d\xb3\x92\r\xc0*\x84\x04!\x04\xa5x\xb3\xf5M\xbe\r\x0f9$pR\xd8\x0c\xa8\xbd+`\x0b\x00\xc0\x1e\xe3\xf1\xff\xff8.\xed\xfc\xe9\x1al\x00\xb6FX\xdd\xb6\xfb\x0b\xf3wSz\x10\xef2\xe7\x96\x0f\xf4\x0f\x1c\xa0\x15\xb8\xd5\xd6\x15L\xf4g\xadeX\x0b\xf0[\xb0u\x0c\xe5\xff\xea\x17H,9\x1b"\xcb\xb3:Kw\xb7\xc0\xc6\xf1\xb8\xc3\t\xa2\xb8\x13\xd1W\x89\xael{\x1b\n\x07\xab\x05~\x0b\xb6\x8e\xa9\xfa\x87\xd3\x83N\xc8\xe5\x93W\xc1\xe9\xef\x01\x83\x14W\x82G\x0b1e\xd7\'3\xdd\r\xda\x06\x07\xcd\xd0Z\x00\x00\xcc(\xe7\xfd\xc3@\x9a\xbb\xee.\x80\x0f\xaf\x02.l\xa9\xd2\xfd\xcb\x83\x8d\xceirKk\xa3QFxli\xaa:C,\xea\x1d\xcd\x10_\x02V\xe6\xd8\xa4\xbdN\xd3\xbb\x9c\xfa\x03~\xac"\x00\x01\x1d\xd1Z\x00\x00L\xbck^\x1b\x87\x81\x86a\xd0\x13\n\x8eM\x8bq\xc4\xca\xce\xa4\x99\xdb\x9d\x9cz\xads/\xde\x9dH\xee&gt;5P\\V\xa6o\xac\xc7v\xf9Y\xc7\xdcM\xe1\x15Z31\x92\xa0\x8d\x9c\xd5?\x14\x1c\x03\xb4\x06\xd6\x083\xd1+\xe5\x17pg\xb66\x8b\x0f\xfd\xe3\xa6yI\xf0P\x8a\x0fL\xf44\xdfK\xc5\xc7&lt;\x98\x89\xf9\xb2I\xae\xeb\xf8Z:a\x14\xd01\xe9\x0f\xff \x07\x96\x87_\x05\xf5\x06s\xa7\xee\x1fR\xefY\xb6\xb5\xf2\x96\x8d\xa8U_8\xf15m\xd5Y\\\xd8\xb0\xf8\x15\x06\x8a\xcd\x0b\xcfi$\x83\xeb:2\x12\xe2b\x1dh\x1b\x80\xf8\xf6\xb0u\x19\x98\x99\x8f\x80z\xcd\xacW\'\xf8\xd4M!z9v*q\x00\xd6\xc5\xbcZ\x0bP\x93\xa5\xc8\x8c^8\x81/\x9d\x84\xf3\xf6\x986\x03gN\xea\xc4\xfa:\xac\xb6\x02r\x1d\xff\xe3n\xcfH\xe6\x15A\xd0-\x13\xdd)W\xb7\x9b`\xcd\xfe\x96|\xe7\xcdg\x08!${\xd3\xd5\r\x85\x1b\xc8Ye\xeb$\x19\xc5\x9f\xa9t\r33}9}Rg\xcf K\'`\xfb^</t>
        </is>
      </c>
      <c r="E830" t="inlineStr">
        <is>
          <t>&lt;class 'numpy.ndarray'&gt;</t>
        </is>
      </c>
    </row>
    <row r="831">
      <c r="A831" s="1" t="n">
        <v>829</v>
      </c>
      <c r="B831" t="inlineStr">
        <is>
          <t>steps_per_sec</t>
        </is>
      </c>
      <c r="C831" t="n">
        <v>9300</v>
      </c>
      <c r="D831" t="inlineStr">
        <is>
          <t>2.6381829</t>
        </is>
      </c>
      <c r="E831" t="inlineStr">
        <is>
          <t>&lt;class 'numpy.ndarray'&gt;</t>
        </is>
      </c>
    </row>
    <row r="832">
      <c r="A832" s="1" t="n">
        <v>830</v>
      </c>
      <c r="B832" t="inlineStr">
        <is>
          <t>Loss/RPNLoss/localization_loss</t>
        </is>
      </c>
      <c r="C832" t="n">
        <v>9300</v>
      </c>
      <c r="D832" t="inlineStr">
        <is>
          <t>0.067558736</t>
        </is>
      </c>
      <c r="E832" t="inlineStr">
        <is>
          <t>&lt;class 'numpy.ndarray'&gt;</t>
        </is>
      </c>
    </row>
    <row r="833">
      <c r="A833" s="1" t="n">
        <v>831</v>
      </c>
      <c r="B833" t="inlineStr">
        <is>
          <t>Loss/RPNLoss/objectness_loss</t>
        </is>
      </c>
      <c r="C833" t="n">
        <v>9300</v>
      </c>
      <c r="D833" t="inlineStr">
        <is>
          <t>0.00938351</t>
        </is>
      </c>
      <c r="E833" t="inlineStr">
        <is>
          <t>&lt;class 'numpy.ndarray'&gt;</t>
        </is>
      </c>
    </row>
    <row r="834">
      <c r="A834" s="1" t="n">
        <v>832</v>
      </c>
      <c r="B834" t="inlineStr">
        <is>
          <t>Loss/BoxClassifierLoss/localization_loss</t>
        </is>
      </c>
      <c r="C834" t="n">
        <v>9300</v>
      </c>
      <c r="D834" t="inlineStr">
        <is>
          <t>0.20803443</t>
        </is>
      </c>
      <c r="E834" t="inlineStr">
        <is>
          <t>&lt;class 'numpy.ndarray'&gt;</t>
        </is>
      </c>
    </row>
    <row r="835">
      <c r="A835" s="1" t="n">
        <v>833</v>
      </c>
      <c r="B835" t="inlineStr">
        <is>
          <t>Loss/BoxClassifierLoss/classification_loss</t>
        </is>
      </c>
      <c r="C835" t="n">
        <v>9300</v>
      </c>
      <c r="D835" t="inlineStr">
        <is>
          <t>0.09810851</t>
        </is>
      </c>
      <c r="E835" t="inlineStr">
        <is>
          <t>&lt;class 'numpy.ndarray'&gt;</t>
        </is>
      </c>
    </row>
    <row r="836">
      <c r="A836" s="1" t="n">
        <v>834</v>
      </c>
      <c r="B836" t="inlineStr">
        <is>
          <t>Loss/regularization_loss</t>
        </is>
      </c>
      <c r="C836" t="n">
        <v>9300</v>
      </c>
      <c r="D836" t="inlineStr">
        <is>
          <t>0.0</t>
        </is>
      </c>
      <c r="E836" t="inlineStr">
        <is>
          <t>&lt;class 'numpy.ndarray'&gt;</t>
        </is>
      </c>
    </row>
    <row r="837">
      <c r="A837" s="1" t="n">
        <v>835</v>
      </c>
      <c r="B837" t="inlineStr">
        <is>
          <t>Loss/total_loss</t>
        </is>
      </c>
      <c r="C837" t="n">
        <v>9300</v>
      </c>
      <c r="D837" t="inlineStr">
        <is>
          <t>0.38308516</t>
        </is>
      </c>
      <c r="E837" t="inlineStr">
        <is>
          <t>&lt;class 'numpy.ndarray'&gt;</t>
        </is>
      </c>
    </row>
    <row r="838">
      <c r="A838" s="1" t="n">
        <v>836</v>
      </c>
      <c r="B838" t="inlineStr">
        <is>
          <t>learning_rate</t>
        </is>
      </c>
      <c r="C838" t="n">
        <v>9300</v>
      </c>
      <c r="D838" t="inlineStr">
        <is>
          <t>0.039454855</t>
        </is>
      </c>
      <c r="E838" t="inlineStr">
        <is>
          <t>&lt;class 'numpy.ndarray'&gt;</t>
        </is>
      </c>
    </row>
    <row r="839">
      <c r="A839" s="1" t="n">
        <v>837</v>
      </c>
      <c r="B839" t="inlineStr">
        <is>
          <t>train_input_images</t>
        </is>
      </c>
      <c r="C839" t="n">
        <v>9300</v>
      </c>
      <c r="D839" t="inlineStr">
        <is>
          <t>[b'1024' b'1024'
 b'\x89PNG\r\n\x1a\n\x00\x00\x00\rIHDR\x00\x00\x04\x00\x00\x00\x04\x00\x08\x02\x00\x00\x00\xf0\x7f\xbc\xd4\x00\x00 \x00IDATx\x9c\xec\xfdy\xfc=\xcfS\xd7\x87\xf6|\xfd\x81(\xbb\x80K$\xb2D\xaf(\x08\xcaU\xd0\xeb\x06q\x8f\x88\x88\x06\x11\xfc!D\xc4(\xa0\xc4\x05p\x89\x12\x81\x80\xb2\x18\xc4\x8d`\x10\xd9TDQ\xc4]\xc4\xa0\x82r\xc5\x15A.\x82\xf0\xc0\x1dDPP\xdcR\xf7\x8f93\xd3KuwUw\xf5L\xcfy\xbf\x9e\x8f\xdf\xef\xf3=\xef\x99\xee\xaa\xea\xea\xad\xba\xa7\xcf\x1c\xe7\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d8\xb0\xec\x9f\x88\xc89\xb7,\x8b\xf79H\x90\xb2&amp;{\x08\xf22\x1e\xa2\x97X~\xa0\xdb\x97OD\x9b\x90\xb2\x8a\\\x82\xd4\x80\xc8\x8c(%kU\xa4\x82\x88B\x870\xe6-\xcb\xbfw\xee{\xaebX\x0b\xfb)h\xf7\xff\xcc\x19\xdf\x94%vd\x98\xf2[\x9d\xfb^\x12\x9bY\xa2\x86q;r\xd51?DT\xed\xd4\xe0\xa6\xb0\xfd\x1d\x00\x00\x00`y\x856\xd2{\xf9\x10\xee\xc1&gt;\xdf\x04Q\xf2\x9e\xbd\x96\x97hM\xf5\xf8O&amp;\xbc^\xf6\xeb\x85\x982\xd2\xe9\xe7\xda\rZ\xbe\xf5\x90[\x93s\x18\xb9~\xf8l\xde\x80\xf5\xcf\xd7vnY\x96\x7f!\xb3\xd0\xcb\x9cu{p\xbd\x14I/\xcb\xb2\xfc\xb9\xc2\xdd\xb2\x01i\xf4\xef\xfd[\xcaH\xf4\x86e\xc9\x0f\xdbr\x96\xdc&lt;L\tZ\xd7\xadX\x96\xe5\xf2\xe8_\xd5G\x00\xd0\x92\x1bW\x01\x00\x00\xf8,\xb9=\xfbp?\x89\xf6\xfb\x05\xa2g\x08\xf9 \x896Q\xb4m\x9c\xc7\xc2\xd3\xdd\xfa\xea.\xf8\xb2,Q\xae\xe89\x06\xfb\x04\xc0\x85\x11I\xce\xe6(\xcdn\xccZ\xcc\x82\x04\xcf\xec\xd8\x87\x12{B\xb1\x94T\xc1\xdb9\xf7w\xf6\xe4\x92\xa84\xa74\xb6vK\xb7\x7f\x0e\xd3\xa7\x96d\x15\xee)\xcb\xaaU`\xb3\x13\xd8!o\xcc\xf32\xe7S\xa9K\xfa\xe9\x9c\xae\x00\x00\x80\xe9\xe0\xf7K\xfe\x0c\xa5i\xaa\xdb*L\x1a\n\xe0\x92\x97v\xc1\xc3\xbb\xbc\xf65\xcd\xfb\x11\xed\x99\x9c\xfb\x89\xac\xd9\xda"\xa4;\xf1\x87\xc0\x1f@l\xe2\\Y\xd8\x1d\xf5#\xcbf\xfc~\xebC\xbd[\xbbX"J\x9c@\xce}\xa0\xb0hl\x19\x19S\xef\xc0\xf4v\xfe\xbb\xab\r\x00\xe6L\xdd\xe4\xb6N=\xb5\x91\x9d\x08\xcb\xa8\x1a\x0c\x01\x00\xe0\xe5"\x1c+e\xc9J\xd1\x7f\x1a\xd3\xa7As^K)f\xddn\x15\x83\xec$^wG\xf0]L\xef\xcf:a\x11\xd2\xb2\xe4l([\x9e\xc9\xfb.\xd5\xa3J2\xd7\xc5\xe9\xbd"\xc4\x0b\x8frnw\x94\x17\xf3+x~n\x14J\xa6c)\x00\x00\x000\x90\xf2\x94\x13\xc7\xfd\x99\x87\x00\x12i\xb9\xe9-\xb7\x00\x08\x12\xfbq\x7fbX\xcef\xc7M\xab\x94\'ojm\xe9\xf2\x83\x1b\'\xef\xd4\xd4jz\x89\xcfs~^\xff\xab5rV\x9e\xa6 \xf7\x061\xab\x15\xa7,\x00\xfeTg~T7\x00\x00&lt;\t\xe5YG;\')\x12\x97#l\x81\xde\x1f+\x8e\xec\xa3h\x9e\xbd\x95\xc6\xe2G\xae\xfa\xb3\x8bv&lt;!\xbf\xc0\xb9/\xd3\xa4\xefJ\x93fR\xa6\xbf\x98r\x01g\x08Sf\xb0A\x8fn){J\xcc\xfab\x98\xde\x99\xdcpj\xafb\x9cp\x00\x00\x00)\xd53\xe5\xf4\xdb+CsynH\xaf\xf7\x0f\xf4\xc7\xa9\x9br\xf4OD\xce\xbdK.Y\\\x00\xaf\xc8\x949\xfd\xef\xa7/\xd9\x17\x9c\x0b\xea\x99;\xbf&amp;\x94Y\xa1A\x91\xa6\xe2\xc0\x93\xf2\xc5-\xcd\x06\x11\xdb\xcb\xe1\x84\xeaFs\x02\x00\x80^2#i\xe3\x97GkC\x7f\x14O\xe7\x0f\xf3x!{Y\xa3\x84]#\xbb5\x15D\xf9\xc7\xd7p\xe3\xcd~6\x8bs\xce\xbdvO\xc8\xee\xbc\xf5C\xa0\xb4A\xe0\x85aV\x9b^\xe5\xd2\x08\x18p\xb2K\xfd\xaet\x9aRp-\xa8k\x00\x00\x98\x87Wr7\x8a/\xf1\x0c\xffL\xde\xf5\xe6\xcf\xeb\xeb\x87\xf2\xab\xd3\xd7\xb4\xcb\xb2,\xcb\x0f]\x95\xe7,Y\xbf\x94[4\xaf\x85\x85\xfby\xa4@\xc5\x9a`\xfbw\xff\xb1\xac\xc2kC\xe9;:_.\xf8\x90\x1dM\x9a%\x99?\xaa\xf4\xc0\xe1\xe9\xb8\xe45\x7f\xa7\xba\xf7\xcc\x80\xe9\x92\x1f\x08[\x96\xbb\xff&amp;\x04P\x80Ws\x16\xc0\xea\x08\x00p\x01?\xb9\xf2\xe5Z5\xe9\x02 \xfd,\xd0\xe5\xefz\x93\x7f\xad\xcd\xaa\x9c\xf4j\xb2\xc2MIJ\xb9\x046\xb3\xff\r\xe6\xd8\x99\xaf\x1d\x7f9\xa1"\xed&amp;\x08\xea\xe5\x8e%myt3\xc2\x8e\x99\xb8\xc7q\xf0\xd9*b6{\x9e\x9d3\xbc\x8d:\x05\x00\\@.\xdej&gt;m"\t\xfa\xab\x06PH\x83\x04\xad\xa9=p\xa2\x86\x9fv\xa5\xe0;\x06\xcf\xb3\x00p\xcf9\x1d&gt;_\x89\xc05&lt;c\xef\xe8\x03\x0e\x01\x00\x00%\xaf\xb8\xfc\xf9\x9c\x86\'\xb6?\xa1I\x08k\xc09\xcf\x8b\xadtpE\x18k\xff\xe3\xd7\x8e\xcfRw2\xdeo\'?\rC+\xe8\xc9|\x05J\xdc\xee,\xcd\xd0\x15\xcbS\xed|\x00\x00\xc0\xd5\x9c9\xa2J_\xc8\xb8\xeey\xff(n\xe7\x9e\x1e_a\xbcd"\x88N\xde\xab\x8e9\x010=\xf8\xca5\xa8\x81\xc1\r\x00\x00\x9e\x9f|,\xab\x8bq{\xe6\x8c\xd0\x86}I\x80IhR\x10\x1f8\xe7&gt;\xf9\x96\x8b@\xe6mW\x00\x00C\xb0=\x04\x00\xb8\r\xdc\x06\xfc\x19\xbf\xf3R\xb0g\xce\x014o\x95\xa5\xb53\x14\xbfl\xc0`\xf3\xfe\xd2\xe5\xc5\x7fv\xe0^ \x05\x9dQ\xcb\x0c\x038\x00\x00&lt;P\rI\x8f\x94v_&amp;\x163\xcf\xae\x7f!\xd0\x1fo\xe1\x04\xf3\xc7\xb5\x06\\^\xfcgf\x82\xd6\x05n\x04Z\x8b\x16&lt;\xbe\x06\x00L\xc4\x88=\t\x0cs/\x8d\xe8+\x1c\x92d\x00\xd4@k\x01\x00\x00\x00\xbaX\x7f\x08\xec\xcc\xc8l\xb6\xf7W&lt;C01\xf3\xcajoB\xcb\xf2v\xd7Z2\x1a,c\xceb\xb61\x04\x00\x00\x00x\x1e\xda\x0e\xf4\xbf\xfae\xbe\x96MV\xe4\xed\x9b\xca#\xfc3\xa5\xcf_\xd4\xd9\xd6\xfb\x97tv\xfb\xef\xefa\x00\x00\x00`z\xcc\xa3\xb7\x17&gt;\x7f{_\x92~)~xQ\x0b\x00\xd0I\xad\xa9\xa0-\x01\x00\x00\x006\xbcr\xb6\xc2\x97\xfdU\xd1e\xf9U\xcb\xb2\xe0\x0c\xc3\xd3syK{F\x06\xfe\xfc\x15\xea\x0b\x00\x00\x00x\xf0\x84\xdb\xb7\x82\xe2&lt;[\x917\xae+\x17\xb9\xdf\xd1\xd6\x90\x9e\xb3"\xc0\x84&lt;k\xaf\x7f2.|\xd34\x00\x00\xbc`^\xc6\xc8;\xed\x04\xd3k\xd8\xdd\x9e\xbd\xccY\x0b\xe0\x1cP\xfb\xc09r\xee\x97\x1e\x7fd\x98\xf3\xebO\x00\x00\xf0L\xbc\x88\xf3\xeb\xc3\x8f\xe9\xff\xf9F\xc9\xe5\x05\x80ryp\x8bJ\x94\x96h\xc2`qB\x93\x00\xe8\xe3\xec\x9d\x91\\\xc4\xcf\xac\x01\x00\x00\x00\xcc\xc3M\xc7e\xc9\xa42\xe1N\xfc\xa4\x13\xe1g\x1d?\x11}\xb5)\xe0i\x18\xd5\x83F\x88}"N\xdd\xfd\xa9E\xfc\xf1\x9f7\xd9\xd4\x00\x00\x80Y\x18\xfbmT"Z\xf2\xdf\xdc+\xdf\xbd\x8eG$\xb0,.\xef\x1f\x9a\xf0\x8b\xbcZ\x7f\x9e\xeb\xff\x19=\x06\x00\x98\x8fx-\xc6\x0eS{\xa2e96U\xa6\x9cP\x00\x00`F\xc6\xbe\x05\xe8\x9e\xc3\xf1\xc3\xe6\xe2\x86\xe0\x8c\xe5\xd2z\xfb\xd4\xda\xf9\xa2\xf3T\x81\x9b\x83\xad\xdc\x17J\xf4\xf0u\x1d\x9er\xc3\xd4\xb2\xe1\x8f\xc6\x84\xaf\x04\x00\x00\x80\x8c\x19\x03Y\x15c\xb6\xb1\xf7\x87\x00\xb7\xf7\xcf$\xcc\xfa\xb4\x07\x9c\x8a\xb2\x19\x10\x11\xfa\xe0K!\xda\xf6\xd7&gt;\xccl\xce\x0b\x00\x00/\x93\xd3\x7f\x07\xc0\x9a\xeaX\x9f9\x80^\xde%\xda\xf7\x96\x80\r\x16\xbe\xc4\xc6\xde\xdd!\xed3\xaaAv&lt;\r3|oa\x84\r\x9d\x0f3gp\x0b\x00\x00L\xce\xf3O\xb1\xebd\xb0\xb8#\x08\xf5\x0e\x8f&gt;\x7f\xf1\x01\xb85xv43\x8f\xd1\xb5\xaf\x82L\xf6\xef\xd3\xa0\x1f\xcd\x06\x00\x00\n\xdc\xfe\t\x80\x14\xcc\x05\xe0l\xb0\r\xd9B\x1a\xc9aC\xf7iI\x1e\xcf\xe6\xa3v\xb4\x01\x00\x00\xb0\xe4\xc5,\x00\xbc\x15\xc0:\xc7`\x7f\x08\x98\x13\x9e7{A\r\xcc0F\x8f:\xe6\xfa\x17\xd6\x00\xd7\xc2\xfa\xbf\x7f\xfb_S\xa9\x15-\x18\xcf\x01\x00@\xc5\xcbY\x00\x04&lt;\xe3l1q\x84\xf4b\xa27\xc97G\x9e2\x96\x1d\xd9\xa1\x9e\xaf\xab\xde\x8f\xc2\xabx\x9aef:\x82\xa2w\xd4~`\xe4\xad\xb4&amp;\r\xe0\xcd\xaf6\x00\x00\x00x0\xb9\x82\xe1\x98\x1c\x14\xbe\x1dD\xe4\x7f\xf3$\xb8\xfe\xc2\\\xd1\x00\xbct\x03\x88\xf6\x074\r_\xf3\xcf\xc5\xee\xa2z\x0f3\xafY\xe2\xd3D\xce\xe6\xe5\x03\x00\x00\xf0\x94&lt;\xd9\x13\x80\'\xdc[\xbd\x0b\x85\xad\xb8\xe5S\xcf4d\x16\x96ea\xe3\x0f\xc4\xb5\xe0I\xd8\x1b\xb2q\x93&amp;\xff\xbb\x01\xfc\xc0"xM\x1b&amp;\x03\x00\x00(p\x8bXD\xfa#\xb2/|\xd7\xf0\xda\x8d\xf6\x17\xee\xfc\x10\xfc\xec1\xa8\xd0\xd9_N\xecnk \xbd\xe9z\x03r\xdff\xa3\xb7z\x16n\xdf\xd7\xcf\x95\xd4\x7f\x9f\x1b+\xed&amp;#\x12\x86\x0b\x00\xc0\x05\xdc\xe0\t\x80\xfc\xc8\xf4M\x86\xfbQ\\[\xfc\x17\xee\xfc\x9d\xca\xb1d;\xde\xe7\x19\xbfK\xe0S;\xe1\xdd+\xbc|{\x90\xde\x9d\xce\xferbw[\x02g\x18E\xff2\xd2\x1d\x8d\xc3\x94\xa0\x06\xef\xdd\x170r\x02\x00.\xe0\xa4\xa1\x87h\xfd\r\xa0\x06u\xf85\xd0\x1b\x83\xc7\x02\x1eS\xec\xf3\xdd\xa8Fnd\xea8\x9e\xd8\t\x92\xd5]u\xef\xbf\x96\xdd\xcd\xd0\xe9\x00\x00`Bn08&gt;\xf1\x14\xf8\xf4\xe07\xd7\x00\x00\x1c\xba\xa7;m\xbf\xf5\xdb\xf4=\xe0)\x16\xea\x00\x000\x9a\x1b\x1c\x01B\xec\xf8\x0ct?\xa3\x9f\xf0\xed\x99\xb4q\xb5!O\x08\xbc\n\n\x08\xbe\x03\xbc\xa6k\x91\xadJ\x8d\x86\n\x00\xb8)7X\x00\x80g\xa0{\x15w\xe1:\xb0\xfa\xbeB\x04\x01\xce\xda\tX\xf6O\xc0\xf5\xadz\xd9h\x16`i\r\xab\x00\xed\x14\x00pO\xb0\x00xf.\x0fL\x9f \x8c+\xfb\xf0(\xe0\xd5\xae\x8e\xb9\xc6\x9e7\xbbB)\x18\xc4\xc5/\x15(\r\x1e\xdb\x93\xb7\xbe\xe5A\x01y\xf7\xb9\xfd\x10\x07\x00x\x99\xbc\xeaj\x03\xc0@f\x88\xbfg\xb0a(\xeb+\x08g;8\\\xb0g\xd0\xebb\x97\xe5\x8d\x9c\xfbV[\x99S\xd3\xf4\xebW@C\xbe\t_\xa6\x1a\x00\x00@\x95\xd9\xf6D\x01\x00\xce9\xd9\xa3!\x93\xc7GMB\xf0\xcd\x8a\x17\x01ep\xbfVP\xf5D\x8e(z+h,g\x82#L\x1csZ\x05\x00xqX\xees\xc8w\x16\xfb_\xecs\xed\x8f^\xdd\x82\t\xde\x9e4\xdb\xb6\xf8XNs\xf8\x045+"cg\xbdU\xa0w\xdf\x87\xf6&gt;^\xfdjME\x17\x91\xf3\xde\xf2\x99J\x9b\xb4\xfd\xe0\xc1\x11\x00`\x0e\xf8\xef\x00\xb4m\xbf\xc9\x07\xdc\xfe\xa1\x19Ch\x95\xab\xe7\xbf\x97\x15\xfdo\x9c\xb1\xbdwJ\xcd\xd6\xf7\xe0+\t\xde\x9c\xbfK$\xfa\t\xd8\xc7\xc1\xaa\xfb&lt;\x07\xb8\x91\xa9\xbd\x10q\x1f\xd5\x14\x03}&gt;G\xf2\xd7\rG\x98\xbe_6\x00\x00\x00+\x98\x05\xc0c$\xfa\x8e\xb1k\x00\x01e\x03\x06}\xf7\x0b\x88\x10\x04g/\xb1vL&amp;\xf1\xcbC\x01Q\xe0]]\x1e\xfc\xe3\xec\xad\xab\xbf\xb5\t\xfa\xf0\xaaoHUJk\xf2P\xdd\xb6\xfd?\xd5\n\x13\xd3\x19\x00`\n\xe6\x19\x16\xc1\xa4\xcc4w^B\xa6\xf8\xb3\xfbDx\xfa_T\xb9\x1ft\xc2\x17\tN\xfa\xae\x82\x15S\x19s\x0b\xf8\xaf\x01tHPe\x9c\xbf\xc3\x02\x00\xc0 \xb0\xeb\xf0\x12\xa9\x1d"\x7f\x99\xa7wn\xc5\x16\xe9\x98o\x1c\xee!\x94\x89\xe4\xb3\xbe\xae\x80\x16{W\xb6\xef{\xac\x7f\x1c\xf1\xb8\xb0\xd9\xdc\xe6\xe8?\x00\x00L\x86z\xac\xc4\xf7\xf3\x9e\x9f\xe4kj\xa8t!D\xb4\xdc\xeahrZ\xb3\xa8\xebS\xb9\xdbWB\xc7\xaf\xe8\x1e!\xfd\xb2\xaf\xea\xf2_\x15H\xb7\xfb\x07\xd8\x86\xb5%\x00\xe09Q\xff\x10\x18"\x83\xe7\x87\x8b\xfe\xc1SR\xfe\x1d%T\xbd-\xcc\x19\x15\xf3\xe1\xf4\xcb\xc6\x9e\xcdc[\x0b=^\xcai\xa5aq\xdb\xd1\x1c\xda\x0e\xea\xec\xaec\x0f\xfb\xacF\x8d\x98\x9b\xd0\x03\x00\x00\xcf\x8ar\xc4\xbc\xdb~\x15\xe8\x07[\xc2\x13\xd2T)\xea\xbdL\xef\x81\x06\xf6A\xcf\xe3.\xafy\x1dLi!\x03\xff\x00\x00\xc0 rC\xef_\xc6\xa6\xe0\x0b\xa3\xe5ky`\x1eL\xea\xee.\r`:;\xd1w\xfa\xf0\xb7\xff\xe1I\x00\x00\x18\n\xd5\xde\x8d@\xde\xaf0\xaaGd\x8c\xe3\xf7\xe1x\xe0\x8eweD\xa0\r\xa7\xa0k\xb3\xc0\'F\xc0\x8d\x00\x000\x98\xea\x8c\xd5\xf3\xca6\x89|p9\x08\xe6FS]V\xdd\xaf\n.2\xf8Y\x16\xa8L\x11n\xd6\x00\x00\x00\x00\xdc\x07\xe6K\xc0\xd5\xe3\x95\x9d\xe7/\x9f\xf8\xf8\xe6\xd3L\xd8\xe5\xef\x86\x82~\x96\xe5\xd9\xbe_xUi\x9e\xa3\xa1&gt;Yc\x00\x00\x00\x00\x00\x00/\x80\xdb=\xb20\xe0\x87\\m\x00\x00\x00\x00\x00\x00\x00W\xf2\xd2\x16\x00/\x81\xb7\x90\'\x9dm\x05x\xbfst\x00\x00\xf0\xe4`P\xbe\x00\xf2\xfe\xad%\r_\xb9=\xd2*p\x16\xa8G0\x92\xcb\xc7\nF\xfb\xf9&amp;\xa1\x97\x01\x00\xc0\xc4\xbc\xac1\xba\xf9[\x92\x8f\x19\x1dS\x1a\x00\xa0\xc6\xe5\x0b\x80\x88\xa9\x8c\xc9q\x0b#\x01\x00`R\xb4\x01\xee\xbf\x9el\xa2\x02\x00\x00`\x0c\x06y\x00\x00\x00\x11\xb3mV=%9\'\xc3\xf3\x01\xdc\xb9\x85+\xec\x00\x80\xe5\xc7s\x17\xed\x9b\xe8\x80aa\xa2~\x84A\x0f\x00\x00\xa6\x00\xa7\xdbO\x00\x0b\x00p\x17\xd0&amp;\x01\x00\x00\x80k83"\xc7\x02 \xe6=\xe1\x8a\xa7\xe1\xaf\\m\xc0\x1dA\xfb\xbf\x07\x85q;\xbd\x85A\x1e\x00\x00\xa6\xe3\xf2\xc1\xfa\x19\xbf\xde\xfad\xc59\x0fD\t\x00\xdc\x1avO\x07\x0b\x00\x00\x00\x98\x10\x0c\xcd\xc0\x00\xa3V\x84\xa6\xe8\x03o\x8c\xe3I\xc6\xbd\xa9K1G\xdc\xcf\xda\xf0\xbb\xe6\xb0\r\x00\x00\xae\x06C\xe1,\xa0".\xe6O\xa0/\xbc\x0c\x9e#\xfe\xbbjs]\xactR\'\xe3\xa1\x04\x00\x00\x00p=\x98\x8c\xc1\xd3\xa2h\xdb\xea^ \x0ed\xd1\xbf\x02\xf0\xf53\x00\x00\xe8d\xff\x8d*\x8c\xa43\xf2e\xe5\x19\xee\x97\xa2\xd6\xae\x03\xc1\xc7\x8b\xa0R\xcba\x0c:\xaeI\xa0\xb1\x05`\x01\x00\x00xrN\x18\xe00\x8cZs\xea7\xb0G\xd4\x1d\xda\x03\xb8\x82kZ\xddKk\xedOS\xde\xa7)\x08\x00\xe0\xd6\xbcr\xa62\xdb\x81oY\x96eY\x0c\x05\xbex\xc69\xf3\x17\xf2\x971\x11\x82\xa7\xe2\xe7X\n\xcb\xf7\x8e} \x9d0\x94\x1c\xb4\xb6\x7f\x7f\x99\xcc\t\x1d\x02\x00\x00/\x88\xbeQx\xcb\xfb)\x1a!\xcd\x1a?\x01\x87\x88.`\x8b\x12.\xf6\xfc\xcd\xc3\x85/\xbb\xda\x00P\xa7\xb9\x8dU3N\xf8\x08t\xe8\xf9\x96\xd9\n+\xe1\x8e6\x03\x00@\x96a\x83\xda\x05\x87#\'\x9cD\x9f\x88l\x88\x0f\xb7\xa7\xc0!7\xa4\xbe\x8emn\xea_x\xcf\xf6pa3\xbeW\x0f\xc2\x18\x08\x00\x00\x0f\xd6\xd1\xf0\x85/\x00\xae0F\xf5eA+\x9d\xcf\xf7+l\xfd\xc0!7\xa3\xba\xe1m\xbd#\x8e\x16\x12qg\x87\xfc\xa3;\x1b\x0f\x00\xb8?8C\xef\x9c\xa3\x97\xed\x87B\xf1\x1f\xa1\xcb\xb28\xb1\x8b\xa4\xce$"|\x85\x03\xdc\x9a=\xb2\xcf\xb5\xe45\xc1\xe4\xed\xdc+\x853\x19\t\x89h\xd9\xc4\x8d\xe3\x16\xbe\x05\x00\x00`\x8e\xd9\xf6\xc9TO\x00fc\xb6\'$\x00\x80\x11\xf8\xdd\x1c\xbd\x1e\x00\x00\x9e\x9eS\xdf\x02d\x8az\xe3\'7\xaba\x0f\xa9JO4\x80`bfP5\x15&amp;\xf8\xaa\xfa9\xf8\xa3 \x86DS\xf6\xa3\xad/\xa2!\x01\x00\x80\x01\xeb\xa0\x89\x18e\x10\x92\xd7\x8c\x1c\xa7\x98\xefS\x0b\xbb\xd9\xfe5\xe7\xdc\x17\xdd\xa7\x08\xa7Q\xaeVJ8\xcd\xb0\xbb\x01\xe7\x80\x12h\x1e\x00\x80\xd9\x98z\xa7\xc7\x1f4\xc7mJmgI\xdd\xe4\xde\xb8\x12"\xba\xcf\xbe`\xe1d\xf6m\xce\r\x13\xed[\xb2\x1d_\x96h\xf9r\x8b$R\xb9\x81\x03O\x07\xdfi\x01\x00\x00p#\x98\x08\xe9\xa5Mc\xd5o\xf2\x81{\x91\x8f\xf2\xc9\xb9\xe56k\x80\x8d3\xbbd\xc3&gt;\xe5\x8d&lt;\t\x80\t/p\x96\x04\x00&lt;\x1f\x93}\x07\xe0\x8c\xe7\xa4\xb1\n\xfc\xa2\xf03\xc1\x87\xb0?s\xbd\xb8\xdc\xf1A\xfc9\x8d\xb3\xf9\x84\xcf\x1d]\n\xee\xcb%o\x8b6\xe4\xbe\x96\x03\x00\xc05\x0c?\x82\x8c#\xce\x1b\xf7\xf5C\xf5\xb4\xfam\xcf\xb2\x8f58=\xeb\xafe\xa8y7\x05n\x01\xee}\xe2\xef\xfe\xa2\xcb\x00\x00&amp;e\xe6\x81\xc9j\xe8,D\x87\x9d\x92\x9f\x83\xfb\xfaA\x16\x95\xdeo\xf6\x1dj\xb02\xd0\xa7\\\x86q\x16\xde\x94\xbb\xfb\xe4\xee\xf6O\x01\xeb\xc3\xf7\x86c\x01\x00@\x8f0\xdah\x98\xbd&amp;\x99\xf0\x88\xc8}\xee\x14\x96\xdc\x0fYH:IE\xcf\x818\xf4\x8f\x9c\x865\x80\x98\x1e\xcf\x0c\xf4\xea.\xf9\xc6\x15w_\xcb\x01\x00\xe0b\x9e\xf6\xec;\xdd\xed\xbb\x9e&gt;t\xe9\x97\xcc\xae\xd5\xde\x89\x1f0\xe5K1\xe2\xb7\x9fo\xf9{\xd2\xc2\xf8rsdT\xc08\xf7}\x9b\xcd$\xdc\xba\xeb\x01\t\xb7\x9e\x98\x00\x00\xcf\xc4d_\x026\xe5\xbe\x83\xec}-\xbf\t\xf6\xee\xbd\xf1.*\xc7\xf2\xf8r\xfc\xe3\xcfw&amp;\xe7\x9c\xfb\x19\xfb)\xa0\x95\xe7*\xf2 \x02\x8f1\xb7\x02\xd0\xf1\x9f\x1e\xbcs\x02\x00\x00b\x9e\xef\x14\xc1m\x8a\xf3D\x9e\xc7\x89\x14\r\xf9\x03?G\xcc\xea{\xf2q\xeb\xf87\x9b\xeb9\xf8a&amp;R\xee\xdc\x14\xefk9\x00\x00\x00k\x9eq\xa6\xf7\xb0,\xddh/\xfd\xa2\xba\x05\xb2\xe0\xe3\xce1J\xcc\x1e\x9er\x85z\x9eb\xf6\x93?\xf0\xbfz\x89\xf3\xde{\xc7\x11?\x97\xf1I\xb0*\xce\x93\xb9e\x0cO\xee\xa2\xbd\r\xa01\x00\x00n\xcc\xf3\xcd\xf4g3_`\xfaL\x15J\xdb\x9b\xc2\xa38\xf5\xd9\x8e\xe9\xf4R\x88\xff\xd750\xd3J#\xde\x9a_9\xbct\xee\xe2\x07z\xee\xad\x9c\x99\xb8K\x93\x00\x00\xbc\x1cZ\x0e#\x12\xbe\xc6\xd4\x03\x91\x1b\xe1:"\xbag\xa5\xd0\xe8/&gt;\x0er\xf8\xcd\xa9F$\x8b;\xbe\xfc+\x8f_\x82\\/\x95\xa8I\x0fo\xe1`z\xd0\x06\x00\x00\xb3\xd18$\x11\xd1\xb2\xb4g\x9f\x9c\x91\x835\xad\xbfG\xdb#\x9f\x88\x0c\xc3\xac\xcb\x97s\x98\x1a/@\x16\xd0/\xde\xfe\xf0\xb2,\xd2\\\xa8M\x11\xb7|m\x14\x00\x00\x80\xe7\xa0\xf1-@\xcb\xf2\xb4\xe7)\xf6\x03$=\xd9s\xb7\xd6\x9b\x9d\x01\xd2\xb2,l\xe4\xd0v\xca\xe5\xf2\xb7R ^\x14a\xda\xdf\x84\xb2\xd6d\xcb\xf2\xa8\xa34\xd7\xd5m\xe7\xd6\xc0q/\x90x\x88\xc6\xd1 \x00\xc0U4\xbf\x06\xf4\x84\x89\xff\x9a\x91q\xd9h\xb3A\xe6\x97z\x9a\xda\xc4\xc0K\xe8qY\xed\x0c\xf7\xef\xeb\x90\r\xba\x88\xbeo\xbb^;Q\xfd\xe3\x9b\xf1Q\xdb^\xffB\x00#\x07_\x93\x98\x13\xaeR\xec\xabi\xad\xfcH.\x16\xd0\x00\x80\xab\x98w\xf4y\xbe\x93!\x8f\xc36N\xfe\x08@}H\xa0\xc7i\xfb,\xc8K\xe0N\xd2\xef\xc7\x87\x0e\xbd\xb7\xfd*\xc2\x9cD\xa1\xc9\xb2,^\xab\xd8\x1f(\xa9\xbd\xad\nC\x17\xef\xff[\xfd\xba\xf5$\x1b\x9f\x1e\xb5\x9f\xe1\xf2\xe3v\xf3s\x89\x8b\xe2\x91Y9\x88\tm\xae\x0c\xb0\x00\x00p.\xf3\xfe\x10\xd8\xf3\r\x92\xfb3\x05\xd57*u*:\xbc\xb6&gt;\xf6\xc8J\x10J~\xbej\x9b\x03\xafj\x1e\x1e\xde\x1bQ\xc3\xa6\xb2\xae\x9d\xf8\xdf\xf6y&lt;\x1c[\xdc\xafz\x04=\xa8o9\xcb\xd7\xcd\xde?.\x7f@q\xfe\x89\xc4u\xf3b\x1d\xfb\x1eWj\xe9\xdb\x14\xad\xe5\xfa\x07F\xd2\x00\x00\x00\xdc\t"r_3\xcf\x0b\x13\xc5?\x11\xa0\xf95S`\x85\xe4\xdd\x9a\xcdm)y\x81\'\xcfWoU\x9f7&amp;H\xdf`\xc9\x93Qu\x02\xbc4\x15\xff\x84\xab\x0eU\x1d\xa1\xe5\x03\x00\xee\xc8\xdc\xfbQ`\n\x88\x08\x8f\xad\xcfFu`\xa0\xe1\xe8W\xc7F\xe6\xe3\xbf\xa9\x9c\'~3\x98!8\n\xf2t\xf8#$^\xee\x04\x00\xb8\x07\xf3\x1e\x01\x02\xd3\x80\x83\x1e\x97\xa1\xf0\xfcy{\x90\x0b\x1b\xfd\xff\xbf\x1e\xb7\x00C\xb8L\x82\x97\x9e\x0c\x7f\x84\x94W.^\x07\x04\x00\xb8\x92\xd6\xa9\xc8\xfb.\xa0\xa59\x00\x80d\x93\x98j?\xbb\xd1\xf0\xd5\xc9\xbe\xa3\xcc\xe4\\\xfc\xb3\x00Vq\xed\xf3}\xfb\xdf=i\xa1\x80!h!\x00\x80\x93i|\x020b\xb3\xc2v\x0b\xe4\xc9\xcee\xbe\xe3\x94ey2\'O\xc9\xc3\xc3e7\xef\xeb\x04\xb9\xdc\xe6\xc7:k\x9d\xd3\x98\xe8\xdfV\xd4&lt;&lt;e\xa1@\'\x18&lt;\x01\x00\x17\xd2\xf7{\xb4\xff\xd6\xb9\xd7\x1f2\xb1m;\x9a\x0eO\x18.Bt\x92\xd5\xdbx\xc6\xc9WK\xa2\xc8\xe0\xe1\xdf\xa4;\xac\xbb\x86]\xc7K,b\x10\xf4S\x13\xb0\x07\xfc\xc2\xc0w\xab\x00\x00W\xd2\xfe\x1d\x80eY\x06E\xff\xce\xfd\xad\xf5?\xebF\xe3\x18\x15\x17\xf2\xf1\x17\xe8T\xbbQT\xb3M\'_\x81\x8ee\xf1^\xbe\x99\xd0\xd9A,\xa2\x7f\xde0C\x88\xc8\xb9wJ/\x0fUz&gt;}\xb1\xe0\xb3y\xe34FL1D\xf4\xfeu\xb1\xf8n\x15\x00\xe0J0\x005\xd2p\xea\xfaB\xeee-\x886\xf5s{\xc3\xefH\xf4\xd7\xc3+\xa7\xbd\x0b\xa8M\x9d!\xd8/7\x01n\x1cD\xf5{;\x00\x00p-\xaf\xba\xda\x00\x9e\xf9\xa7\xa5\xc9\xcd\x8b\x88\x0e\x8a\xc4p\xbf\xf2\x0b\xe6\x81ml&amp;;\x97\xfe\x97\x07&lt;-"\xd9\xd7v\x01[\xed\xf3\x0f8\xcf\xcd\xf3\xf9\x7f;\x18\t\x00\x00\x932\xe9\x98{\xc3\x1d\xeb\xf4\x10\xfc:\xfa\x0f/B\xf3\xdc\xf9|\x93\xee3!\xe9\x02\xe9W\x05\n\x0b9e\x9f*\xad\x01\xd0l\xc0\x8b\xe51lb\xd3\x04\x00ps&amp;}\x02p\xc3\x08#\x8e\xfe\x07}\xc1\x0bQ\xfb\x8bBW\xdd\xfa\xf3?y\xe1\xfe\x9d\x93\x96\xb2/\x16t\xeaS\xa0\xfd\xab\xf4=&lt;j\n\xf5\x05\x00\x00\xe0L\xe6\xffV\xf4\xfc\x16\x9eN\xa3Ch\xa3\x9a@\xe8\xf3-%*(\x82\x9c;\xf3\x97\xd4\x8cA\x8fkf\\w@\xa5\x00\x00&amp;\x07\xbf\x04l\x0c\xc6}\x10Qm\x11\x826S\nS\x16\xf1\xdbD\xb6\x13\xff\xa2\xc4"\xbe\xe5)Z\xfb\xe3\t\x07\xf6t_"\x18\xb0\x01\x00\xe0.&lt;\xeb\x80\xfd\xac\xe5\x02\x15\xd6\x1f\xd6*\xde?\xb6\xf9\xfd\xfd\xfe\xb6\xd5\xe6\r\xd7\xa8\xb73X\xc0\xfdj\xe1y\xe8\xef\x02U\t\xb5\x04\xc1]\xfc\xa2"\x00\x00\x14P\x8e\x8fo\xdc\xf9l\xd7d8\xc6\x98\x0e\x9c\xabE\x03\xb5\x05\xc0#\xd1\x96\xf6F\xb1\xc2]\xec&lt;\x9f\x1bU\xe2S\xc28\xdf\xf68\x90\xaa~E#\x00\x00\x00\xdc\x87\xce\x11\r\x03b\x9d[\x85\x83/\x97Bl\xa1:\xc4\x0f\x1c\xda&lt;\x18\x06\xda\x15\x00\xe0\xe50\xf6;\x00}\xe3\xa9\xf4}\x85\xee\xef\xdc`\xd4\x1e\xf1m3"Z\x96\xff\x8f\xadL0\x02\xf3\xdf\xf1U\x05\xc1\xcf\x171\xe3\x9d97e\xeev\xd8`\x1b\xad\x9b\xf7i\x17\x9b\xbb\xa4\x00\x00\xd0E\xff\x00\xf7\xba\xeee\x0c\x94#\xcaxNT\xf7|\xb1\xa35\x06\x87\x89s\x1e~n\xcf\xf7,~\x06I\x06O\x89\xff\xfd\x99j\xb2oQ6\x9emg\x07M\x0e\x00\xf0R\xb0\x19\xef\xbe\rSu+X\x00L\x02\xfc\x03L0kHh\x90\t\x92\x05\xc0\xb9_\xb0\xf9?O\xd1\x02\x00\x00/\x92_\x10\x0c\xe5\x08d\x01\x00`b0D\x03\x00\x000\xe7\xff\x9c`3\xfbr\x03\xb4\xdc\xce\xe0\x17\x0f\xea\xab\x02\x9a\xf4\x8d\xd1\xbeZg$E\xf9hc\x00\x00\xa0\x86\x8a\x7f\xde\x99\x1f\x84\xa3\xa2\'rR\x9cw\xfd\xaa\xd2g\xda#[\xf3\x1cW\x9b\xd3?w\xe7d\xaf\xceP\xd1hH\x00\x000\x02\x8c\xad+\xf0C3\xa7\xb9n\xa2:\x9av\x01p\x0e\xb2\xb2\xa7i^\xae\xc7\xac\x98\xb2\xd5Mh\x12\x00\x00\x00p{\xae\x9d_1\xbb3\x8cx\xdb\xecL\x0cx\xff\xcf\x0f{\xd1K\xa6\'f\xf0b\xf8\x97\xbf\xf0\xc56\x00\x00\x00\xe7&amp;\xdd\x00\x1bK\xf5\x9dz\xa7Y\x02\x9e\x9b\xe1m\tm\x15(A\xf4\x0f\x00\x00`\x00\xefz\x87\xa9\x05\xf3\x1fx\n\x10\xc9=\x1f\xa3\x03t"r\xff#\x9a\r\x00\x00\x98\xf1,Cj\xdf\xf4\x83\x88\xc4\x8a\x17\xef\xc9\x17^\xfckx\xf1\xadnv\x92\xe5\x01=\xfb\xd99\x00\x00\xb0\x06S\x1d\xcbc\x82\xd1;\'\xeb\xcf\x99\xde\x7fw#n\xea\n\xc3\xfdK\x9cU\xb8\x02\xca|\xf6\xae\xde\xbcR\xee\xdd\xaez,\xff\xa8\xce\xdf\x0b\xc3b\x03\x00\xf0\x14\xdcx\x0exfP)\x0fn\x1b\xa6\xa8\xcc\xae\xa6\xbc\xa9\x13\x9e\x99|\x8d\xdc\xa3\xa6\x88\xf68\xf8\x1e\x06[A\x1em\xd9\xcdM\x02\x00\x00pW0+\x0c\xe2\xb6\x0b\x00c\xe0\x07\x01S\xf8\x87\xa9\xa6)+\xee\xd9Z\x94\xb6,D\x0e\xe36\x00\x00\x00`\x15\xa6\xd8\xce\xa9o\x14\x84)\x98\xadA\x81\xd9\x9a\xc7l\xf6\xa4\xd4,\x9c5&gt;\x0eV/\xb3\x1a\t\x00\x00\x00\xdc`\x8a2&lt;\xb3\xce^6\x11\x0e\xcc\xc1&amp;\xa8=D\x85\xb7\x08&lt;\xdb\xd6\xfb\xd9l\xa7w&gt;}\xa8\x0f_\xdc\xc9(\x00\x00\x00\xc0\x9e\x17x\xd4\xb8\x01\xc4\x85\xcf\x01B\xfc\xa1\xcc\xe9\xde\tM\x02\x00\x80\xeb\xf9^\x18\x1c_6s\xce\xd9\xb3\xf1\xf2\x96I\x1fr\xb5\x01` Wu\xf9+\xf4b|\x03\x00\x0005\x97M\xc9O?A\xf6\x17\xf0\xe9]\x04N\xc7\xbeE\xc9[\xe9\xcbY\x00\xbc\x84\xf1\r\x00\x00\xc0\n\x86{\x1d\x98 \xc1P\x10\x84=+=o\xed\xd4\xea\xe9\xc9lh\n\x00\x00\xcc\x02F\xb7\xdb\x81*\x03/\x8aa1"\xfa\xd1\xb5\x94\xbeN\xdd#\xd6Z \x00\x00\\\xcb\x97\xb4\xcf\x82\x94\xff\xed\xdb\x19F\xc6\x0bl\xb8\xf3\x9e\xe2}-\x07\xa0\x014\xf8\x97Fg\x8d\xe3\x91\x11\x00\xe0\xd9h\x1d\xd4\xfc_H\x9c\xe8\xcb\x88\x18\xa3S\x88\xe8\xebEn\xf9\xa5\xc3M\x01` \x1f1A\xf7\x1fe\xc0\x04E\x9b\x9c\x1f;T:Q4\xe5\x01\x00\xc0\x9dX\x0ce\xf9\x83\xe0\xb2XJ\x06m\x10\xd1\xb28\xae\x96\xd7\x9aB\x1dM\x04\x11\xa1\xd7\xdc\x1b"wb\r\xa2\xc1\\\x0e\xa6&lt;\x00\x00x\xd0\xbf\x1d\xc2\xe5\xfd\x87=&amp;\xbdd\x88\xc8\xb9\xdf\xe5]\xf8\xdc\xfd:\xb6\xac\xc0i\xdc\xab\xb1\x15\x8e2\x822GE\xbf \x07N\xf4\xb8\x1b\x00\x00N"\x99\xd7\r\x1e\x86&amp;\x12~\xe2=\x9f\xb1\x9ecmU\x0b9/\xa0\xb9\x9b\x0f\x9f\x89\x97\xeb\xf9{u\xde{\x8e6\x07\x84\x9e\xde\x02\xdc\x05\x00\x00*\x92\x99\xd2|\xee\xf4\xa4\xddi\x8c&gt;g\x02\x96i)\x1dT-\xd7\x17\x11\xb9\x7fw\'\xb7O\xcbK\x0e\xc8f\x8e\xa7s="\xf7E\xa6{\x1f\xfb\x9e\xd6\xe0K\r\xbbeU\x02\x00\xc0\xe5\xb03\xe8%\x96\xd8a`\xbf\xd8\t6\xbeb\x83\x15\xff\xee\xefk\xfdbw\xb3I\xfd\x94\x0b5\x1feS)\xf3\x19\\FaU\\\x08Isk\x83\\\xf2\x0e\x03\x9f\x1eZ]\xadr\xe9\x88\xf9E\xbb3\x02\x00\x00\x04\x00\xbdt\x00\x00 \x00IDAT@7\x1c[\x0e\xa9cG\xe7\x93\x86~\xab\xd3\xc6\xbe\x9c\xa7\x99\xba\x9e\xa3\x14`e\xcaf9\xa1Iw\xc0\xcci\xf4\x10wJL\xaf\xcd\x8e\xb6\x01\x00x!4\x0cv\xd4\x9aQ \xba6\xf8n\t\xba\xb4\xff\x81\x89\x7f\xb5@\xc5\xb6\x7f\xf68\xfe{;\xfbA\x0e\xf3#\xddW\xb5\x8ds\x9a\xe5\xdd\x9e\x1a\x01\x00\x00\x00\xc0C\xf9\x9c\xbdKQ\xc3-C\xed\xb6Z\n\xc7\x97\xc1\xf9\xf4\xd7\xafy#\xbcr}x\xd2\x02\xe0\xd9\xe8-\xd4\xe7=\x89O.\x19\xd6\x9e\xb2E\x01\x00\xc0\xc4|\xc6\x0c_\xb3\x13&lt;\x85\xf8\xec\x1e\x0b\xbb\xca\x98\xcbX\x97\x89)\xed,\x9a\xea\x17\xb5\x03n\xc9\xe9\xc35z\n\x00\x00\x18\xa2\xff:\x948\xca\xb9\xf1y\x9b1F\xee\xfb\xf5-\xc2{L\x9a\xea\x11\xc1G\xdc\xa1\x01\xb42E\xd1n\xd1\xc5\x1ax\xd6r\xdd\x0e\xf3\x83j\x00\x00\x00N\x85\rF\xadv\xe2\x0b;\xd6\xfd\xc2\xef\nu\xad\x01:\xd5\x96mj\xcakk\txZ\xe6\xa8\xf4\xd9\xda\xde{u&gt;\x15\x8c\xd8\xe4\xbc\x97\x89\xb4\xaa\xa2\xc9\x9c\t\x00\x00`n\xf2\xbb\xd1\xb3M\xcfU\x1a7\xf2\xafZ\x00lJ\x19\xd5\x85\xe5\x81\xb9-\xd6\x02\xe7\xa2\xbff\x9b$\xcc\xeb\xd5B\xab;\x99\xf9\x86\x97-\x8c\xb6[\x00\x9c[F\x85\xae_4\x9d\xf3\x01\x00\x00\x9cK1\x02&gt;c\x92\xb0\xdeoS\xe7:?\x10\xa1\x10\xff\xba$\xafPI\xf2\xe1\x14&amp;\x0b,.Z\x00L\x8a\xd7\xe4..T\x83WGt\xd5\xa1\x95{\x8b\xc7k\x93\xb4\x87\xcb\x99\xbf\xa6\x00\x00/\x0b\x8cJ\x12rk\x18i&lt;}\x99\x93\xcf\xfe\xee\x01\xa8\xc1\xf9\xf6\x89\x1c~\xc9\xf3\xae\x9c\x19U\xc7&amp;\xa6&gt;OE\x80\x06\x865]\xba\xe1\xe3n\x00\xc0\xedy\xa5|{Y\x96&gt;\xf9\xb7\x19\xd4\xbc\xf1w{\x10\xff\xd5\n\xe3\x97\x7f\xc5]\x14xoy\xfc\xff\x12Z\x14w7\x89\x90/\xbdM\x0b9\x05\xce\xb7\xb6\x0e\x9f\x83\xab\xce5\x051\\\xcd\xb1IS\x7f\xc2\x8a\x00r\x96eI\x9a\x84I\x9b|\xa65&gt;\x00\xe0\xf6\x98&lt;\x93e\x0e\x99T3\x98\xa7\xd4\xd2\xb0I9\xc3\xa6\xe6E\xe8\x8e\x0f\xf1"p\x00\xa0\xb5\t\xdd\xb1\xd5]\xfb\x10`\x92G\x10\x06\xccX\x84+\xcfR^\x84\x95\xa9\x18\x03\x01\x00g\x93{\x02\xb0Xlw=$\xa8\xf6\x8c\x85\xa3\x7f \xd3z\xc2X\xcc\xf7\xb9\r\x98\xf3(y\xbf\x97\xd6\xe7-\xfd\x96\xdc\x1bas\x8b*q\xbeV*\xe5*\xc3\x17~\x1f\xf7\xe06\xd1\xe7\x8cUog\xd2/\xbfI-|w+A&amp;\x13.\x00\x00L\xc4\x19\x9bm\xd2]\xbd\x91\x0f\rF\xef\xdf\xe4\n\xa8zf2mp3\xada\x86\xf4=!y\x1efn\x87`\x06\x84\xe3y\x7f+B;\x04\x00\x00\x93q0\xfb\x9a\xff\xf1\xe3\xec$/\x16\x8cK:\xd5\x04\xd3\xfc5e\xb0r\xe1\xa9\x95\xf4\xca}\xcfM5\x0f\x08\x85\\m\xb7\x80\x11\xf6\x1e~\x9e\x93Z\x00\x00p#:\x07\xdf4\x08\xee\x1f\xca\xc9C\x9b\xb3G\xafV\x82o\xa1\xd0\xd4k\xe79\xcc\xb2\xf3\x93_\x00\xdc\x92\x86&gt;"\x17XM\xdb\xafn\xb0\xc0\x17\xc5$\x1b7W\xf1b\x0b\x0e\x00\x98\x02\xe6;\x00\x9d\x07\x8b\xc7\x9fK\xd6\x8c\x9bK\xf7{65\xc5\xf1O\x17\xcb\xf3\xe1\xec\'\xa8\x11\x1f\xfd\xcf\xf4\xb2\x1b&lt;\x16\xf0-\xb7\x1a+\xc4\xdf\xa00\x7f p\xf6K\xd2\xee\xbb\xf0\xe3X\xdcQ)\xcfT\xae:w^\xc2\x03\x00\x9e\x04\xfeK\xc0\xe5\xef\xc9\xa9X\x05\x99\xae\nT\xa2\x96eY\xdc\x87\xf2\xf7\xb61\xf8\x83\x85\xb2dc\xf6\x92|\xa8\x89u\xce\xb9_mg\x80.\xa56\xb1\x05SO}\xb3\xed\xaf/\xb27\xc5Nfu\x89h4\x90\x9c\xf6.\xa4Y\x07\x18\x99^\x91\xba\x13Q\x8f\x8a\xf7\xfd\xdaw\x19"7\xf9\xb0`\xce^\x938\xef\x04\x00\xb8\x92\xee\xd1g\xf8+ G\x0c\x91\x9b@\x89\xd8\x81\xa3\xf3\xe5G\x800\xf7\xf8L\xe2\x13\xad\r3\xd8\x0c\x940\xf5\xf5\xd6/\xac\x12\xdb\x8fw&gt;\x0f/\xee\x01\x08\x00`"\xfc\xc1W2\x10o\xe3\xb5\xc1{\x18\x029%\xd5\xb63\xc4\xa1\xf7%\xcf=\xcf:\xf5\xf6\x94(m\xdb\x97\xf8\xe7Y\xab\xe6\x06pn\x7f\xf6\x8a\xc0\x1e\x04\x00\x00\x80:\xa3\xc6\xeb3\xa7\x01\n\x19!\xdf\x85\xf2\xa9\xe9\xdb\x085\xdb~t\xab\x81\x0f\xe1V\xc5\x9fj\n\xef,T\x94}\xaa\xa2\xb1\x98\xac\xc6O\xe6&amp;^\x05\xcf\xcc\xa3\x8a3oXF\x03\x00\x00\x80\x08\x8c\x8c\n\xf6\x1deI\x94\xd6\xb4\xf5\xd8\x1e\xc4\xdb.\x00f\nC\x7f\x8bs\xae\xa7\xa1\xee\x19\xe7\x8f\x03\x86\xaec\xc7q/kO\x03nq\xce]&gt;\x8c\xdc\xae7\x01\x00\xc0\xd3r\xcep|\xc7A\xbf\'\xf83\x9c\xe7\xda\x9eo\xcc\x8d\xcd\xdb*\x87\xaf\x8b\xdee\xec\xb3\xac\xf9\xb9\xba\xe0S\xf8|\xa2\xe5\xf7\x84\x8dPi\xd2\xcb\xecG\x00\x00\xf0\x0c\xb4\xc5\x04\xf9,s\x86V\xe4\x1f4j\x171\xfeu\xec\xb4\x1f\x82\xba\x13\x86\x87\xa3\xd4O~T\xf2_r\xf4?\x1b\x93\xd5\xc2T\xc6\xbch\xd0C\x01\x00\xb7\xe6\xef_m\x80\x94\xc7h\xfb\xfef\x03\xee\x8cc\xf76\xa3\xf4/\x00f,\xdd\xcbE]\x1d/\xa9\x06g/\xe6\r:\xd4\xcb{\xed\xef$\xd51\x89\x19\x00\x00\xf0\xe44N\xc3\xadgi\x1aruJP\x16\x90O\xa9&lt;9p\x83\t\xac\xa9\xdeoP\xae\x17\xc9M\xcf\x95\xdd\xd1\xe6I\xe9&lt;\xda\x84\x98\x1b\x00\x00\xa6`\xf6\xbd1\x9e?\x98\x9f\x81\xbee\xfb\xd0[\xae\x86\x8dC\xbd3\xa79%\xdc\xc5s\x94\x02&lt;?\xf7\x1c\xee\x00\x03\xea\x11\x00\x00\xba\xb8\xdd\x8c\x98\x8b\xcb\xf7\xc3\xf7\xe6\x8a\x142\x15\xe9Ki6\tw\xaa\x97\x90\x9f~\xb5\x01\xe0\xf6d\xfa\x91\xc1\x93\xbd\x91#^\xbfd,\xa7\x03l++\'\xed^\x93 \x00\x00\x18\xf0-\xbd\xb3\xec\xd9\xe3\xa6\x17\x94\xf3\xef\x8a\x1e\xa3K\x97\xde\xe4\x00\xd2%k\xb3\xaa\xc6\xd4\xf34\xf1\xeb\x86np\xfe\xfbln\xe0\x8a\xa0\xd6\xac\xebN\xdb\xa3{\x145\xe7m\xd06H\xec\xe5\xdd\xe7\x9c\x05\x00\x00\x00\xcc\x0eY\xbf\xbc\xc5\x8b\xe702\xf2k\xa1\xb65\x80\xb3x\x93\xcc\x84\x81\xf5\rC\xea\x1b\x99\n\x1exml\xc8\x02@\xd3\x80\x0b)%\xcf\xf1\xa4V\xc9\x13_.\x16\x00\x00\xc0%\xf4\xc5\x85\x86\xd1[N\x0e\xd1\x97\xdc,Ft\xae\xb45(~(\xff\x9aA\xe8\xefo\x96\x17\x9eZ&lt;\x1f\xb7\xab\xfa\x97\x0c\xbb\xd1\xee\xd7`u!:\xac\xbaG\xb5"\xb5\xc1\xd9\xf4?\xb7\xdb\x96\'\x87u\xf5\xec;\x083\xdb\x06\x00\x00\xb3\x12\xc4\xbbS\x8f\xf2&lt;\x96\xef\x0e\xda?\xdf\xd6\x1b\xcd\xbc\x9c\x92\xde\x1e6\xbe\xff\xd1/\xa8\xad2H\xba\xea\xa5\xdd\xf9F[\t7\\\x00\x00\x00\x00\xe8\xe6yF\xf9\x86\x98 Z\x00\x0c1\x0b\x00\xd0Ciq\xde\xfb\xdc\xe3\x94g#\x97\r,\x18\xd3\x00\x00\x00\xb40\xc9\x19\xf7jt\xde|\\\xf8\x91q1\x8e\xfeG\xcc\xbbX\xa2\x00\x8f\xc7\x01\xb6\x08\xe7\xbeK)\xc6 D\x1e\xdc,\x87=\x9a\x1b\xdc\x9b\xd0[Y0\x8e\x01\x00\xee\xcb+W\x1bP\xc0x`]\x96\xc5-\x8b\xde\x8a!C&lt;\x11\xbdiI\xecvN\xba\xa2:(\xce\xb2\x96\x8e\xb6\x0f6\xbc\xa7\xa5\xb0\x8deal|y\'\x97\xa6\xe7s\x06\xbe\xbf\xd2\x0f\xf53G\xb7\xbf\xbb*\xae\xfd\xe3f\xb6\x99\xf3\xad\xeb\x7f\xc65\xed\xd1}F5\xa4\x84\xab8\x00\x00\x00@\xc1\xa5\x93\xc7\xc8\xaf\xcfJ\x9e\x00\x10\xc5{\xa2\x83l\x19#\xb6\x91\xf9\x83\x86\x99m\xbb\x0b\xe9N\x7f\x95\x93\xcd;S\xddS\xe2U\xdc/\xba\xda\x16\x00\x00\x00&lt;\x03vw\x8b\x10\x91\xe9\xfe\xf4\x14\xf8AC\xb5tk\xe2r\xb2\x87\x97&lt;\xb9\xcf\xe7\xb4\x04:\xbf5\x02C\xfc\xae\xbd\xb7\xdc\xb4\xdd6G\xd8\x91\xf0\xcb{\xc4$fLH\xa1\xf6\x01\x00\x00L\xc2\xab\xae6\xe0$4\x0b\x0f"\xcd)\x1aU\xf4\xafK\xb3,\x9aC\x03\xbb\xd97\x8d\xa4\xefh38\xf0\x1bv\xb6\x91\x7fA\xa9=/\xcem\x87\xf4\xf66|t\xaf\xbd\x0b\x8f\x0b+e\x91+m\x96.\xf9gh7\xed\x836,\xcbBD\xcd\xb5\x84\x95\x15\x00\x00\x003F\x9c%\xf0\x9et\xbf^\x93\x19U{t\xa7 \xb6d?\xa2\x90D"\x078\xe3\xa3 \xb7t\xfb\x88\xc30mG}\xc24\x95d\xb6\xa6\x9e\x99\xf1\x99h\xf5@\xa3\xc3\x9bt\x19\x9b\x01\x00\x00\xa0\xce\xb4sd\xc1\xb0r\xf0!\x17./\xb8$6\xd2\x1ap\xfc\xf1\x1bf\xf4\xbfs\xcd\xdf\x94\xbc\xb68\xb3:\xf3t\xca=(\xc7W\n^\xce\x93[-l\x1d\xd3\xb2\xa7t\xa1\x7f\xc5\xa7&amp;\xcdldl\xee\xad\x0b\xcd\x9b\xd0f\xa8t\x00\x00\x00B\xb6\xe9a\xae\xb1\xbb\x14pwO3\xbah\x9eF\xc54\xe4\xfdx\xf0T\x10\x91\xfb\xeaF\xab\x1a\x8bc\xe3\x849\xe2\xceihX\x00|O\xd9\x1b&lt;\xb9\x05\xc0\xf1\</t>
        </is>
      </c>
      <c r="E839" t="inlineStr">
        <is>
          <t>&lt;class 'numpy.ndarray'&gt;</t>
        </is>
      </c>
    </row>
    <row r="840">
      <c r="A840" s="1" t="n">
        <v>838</v>
      </c>
      <c r="B840" t="inlineStr">
        <is>
          <t>steps_per_sec</t>
        </is>
      </c>
      <c r="C840" t="n">
        <v>9400</v>
      </c>
      <c r="D840" t="inlineStr">
        <is>
          <t>2.6331499</t>
        </is>
      </c>
      <c r="E840" t="inlineStr">
        <is>
          <t>&lt;class 'numpy.ndarray'&gt;</t>
        </is>
      </c>
    </row>
    <row r="841">
      <c r="A841" s="1" t="n">
        <v>839</v>
      </c>
      <c r="B841" t="inlineStr">
        <is>
          <t>Loss/RPNLoss/localization_loss</t>
        </is>
      </c>
      <c r="C841" t="n">
        <v>9400</v>
      </c>
      <c r="D841" t="inlineStr">
        <is>
          <t>0.14836808</t>
        </is>
      </c>
      <c r="E841" t="inlineStr">
        <is>
          <t>&lt;class 'numpy.ndarray'&gt;</t>
        </is>
      </c>
    </row>
    <row r="842">
      <c r="A842" s="1" t="n">
        <v>840</v>
      </c>
      <c r="B842" t="inlineStr">
        <is>
          <t>Loss/RPNLoss/objectness_loss</t>
        </is>
      </c>
      <c r="C842" t="n">
        <v>9400</v>
      </c>
      <c r="D842" t="inlineStr">
        <is>
          <t>0.014329214</t>
        </is>
      </c>
      <c r="E842" t="inlineStr">
        <is>
          <t>&lt;class 'numpy.ndarray'&gt;</t>
        </is>
      </c>
    </row>
    <row r="843">
      <c r="A843" s="1" t="n">
        <v>841</v>
      </c>
      <c r="B843" t="inlineStr">
        <is>
          <t>Loss/BoxClassifierLoss/localization_loss</t>
        </is>
      </c>
      <c r="C843" t="n">
        <v>9400</v>
      </c>
      <c r="D843" t="inlineStr">
        <is>
          <t>0.13859022</t>
        </is>
      </c>
      <c r="E843" t="inlineStr">
        <is>
          <t>&lt;class 'numpy.ndarray'&gt;</t>
        </is>
      </c>
    </row>
    <row r="844">
      <c r="A844" s="1" t="n">
        <v>842</v>
      </c>
      <c r="B844" t="inlineStr">
        <is>
          <t>Loss/BoxClassifierLoss/classification_loss</t>
        </is>
      </c>
      <c r="C844" t="n">
        <v>9400</v>
      </c>
      <c r="D844" t="inlineStr">
        <is>
          <t>0.10317717</t>
        </is>
      </c>
      <c r="E844" t="inlineStr">
        <is>
          <t>&lt;class 'numpy.ndarray'&gt;</t>
        </is>
      </c>
    </row>
    <row r="845">
      <c r="A845" s="1" t="n">
        <v>843</v>
      </c>
      <c r="B845" t="inlineStr">
        <is>
          <t>Loss/regularization_loss</t>
        </is>
      </c>
      <c r="C845" t="n">
        <v>9400</v>
      </c>
      <c r="D845" t="inlineStr">
        <is>
          <t>0.0</t>
        </is>
      </c>
      <c r="E845" t="inlineStr">
        <is>
          <t>&lt;class 'numpy.ndarray'&gt;</t>
        </is>
      </c>
    </row>
    <row r="846">
      <c r="A846" s="1" t="n">
        <v>844</v>
      </c>
      <c r="B846" t="inlineStr">
        <is>
          <t>Loss/total_loss</t>
        </is>
      </c>
      <c r="C846" t="n">
        <v>9400</v>
      </c>
      <c r="D846" t="inlineStr">
        <is>
          <t>0.40446466</t>
        </is>
      </c>
      <c r="E846" t="inlineStr">
        <is>
          <t>&lt;class 'numpy.ndarray'&gt;</t>
        </is>
      </c>
    </row>
    <row r="847">
      <c r="A847" s="1" t="n">
        <v>845</v>
      </c>
      <c r="B847" t="inlineStr">
        <is>
          <t>learning_rate</t>
        </is>
      </c>
      <c r="C847" t="n">
        <v>9400</v>
      </c>
      <c r="D847" t="inlineStr">
        <is>
          <t>0.03943989</t>
        </is>
      </c>
      <c r="E847" t="inlineStr">
        <is>
          <t>&lt;class 'numpy.ndarray'&gt;</t>
        </is>
      </c>
    </row>
    <row r="848">
      <c r="A848" s="1" t="n">
        <v>846</v>
      </c>
      <c r="B848" t="inlineStr">
        <is>
          <t>train_input_images</t>
        </is>
      </c>
      <c r="C848" t="n">
        <v>9400</v>
      </c>
      <c r="D848" t="inlineStr">
        <is>
          <t>[b'1024' b'1024'
 b'\x89PNG\r\n\x1a\n\x00\x00\x00\rIHDR\x00\x00\x04\x00\x00\x00\x04\x00\x08\x02\x00\x00\x00\xf0\x7f\xbc\xd4\x00\x00 \x00IDATx\x9c\xec\xbdy\xfc\x7f_5\xe8\xbf\xf6\xb7\xafk\x8a\xae!\x12\x95BHQ\xa6Rt\xb9R\x86\xcaL\xca\x95\\\x9a\x88\x90\x1b\x19*\xb9E*c\xcaP\x14e\x1e\x9a\x94\x14\x12\xfd(3\x99\x8a\x8a\x94\x8a\xd0-\xd1`\xfd\xfe8\xd3\x9e\xc7\xb5\xa7\xf3Z\xcf\x07\xdf\xde\x9f\xd7\xeb\xec\xb5\xd7^{\xad\xb5\x87\xb3\xcfy\x010\x97\x04"\xde\x18\xb1\xb7\x16\x17\xcd\x8f#\xa6\xf6\x02\xaa\xd4\xd3-\x83\xd1\xf4\x99\x1e\xb6g\x15\xd0\x08\xa2\xd1\xec&lt;\x9a&gt;P\xdbJz\x97\xb4\xceo\xae\xfa3\x89\xa9\xa6U\xd3\x18\xa62\x11\xd9\xe1\x1bn9b\x9e\xbdh8\ru\'u0\xe87@\xc60\x9a&gt;\xd5g-S3\x9e\xff4\xc2\x16D\x97h\x87\x14\xb0\xfaZ\xd4&gt;\x8d\x9eu\x01\xe0\x8d,\x84\x87\xd5\xb7\'\xc3$"\n\xca""\x08Q"\x81i\xcf\x92\x83\xb8\xd7\xfa \x0f\x12\x9e\xd8Y.[.0\xc7\x15\x0e:\x17\xb2\xdd2J\x9f:.\x0e?b\xffaF\xc0:c\x0e;\xe7VL\x00@\xa1\'S\xaf\x869\xb2\x98\xb9\xb8\xa2\xa0\xac`w\x9f\x10\xee\xb2~\xa8\xc3\xcd2\xfa "\xc0]\x1c\x97;v\x95x\'\xa9\n\xe7\x0e\x8d\xb5u\x9c\xb4\x99a\x11\x00\xfe;\x00rB$H\x82\x1c\n\xcceS\xb2\x00`hi1\xab\x0b\xdc\xa8djb\x1a~[\x03&lt;V\xfb\xdc?K\x9b\xa0\x03\x7f\x92H\xc7\x14\x7f]\xb7\xffi*&gt;!B\xf0\x96\r\x00\x00&lt;\x7fq\xaa/\xea\xad\xc7\xbc "\xc1\x81\x16\xcf\x1dPk\x92#\x1d\xba\x9e\n\x156Rxpe\x18&amp;\x87\xd0!\xc2B\xbe\x02\x00\xbe;|T1\x0eNsYD\x1f\x1e\r\x9d4\xbd \xfb[\xa7\x02\xd5\x9a\x7f\x9e\xf5\xf1#{+0.\x953\xed\xe9\xf9iZ\x03*\x99\xedu\xb8\x85\xbc\xbc\xd1\x7fO\xfd\xba#\r\x96\xa8\x11H\xb3yL\xb1?\xc30\x0b\xbc!\xd4\x18\xe79c,:\xbe\x1c[;?\xb6\xd1\x11\xcf\xa8\xa9u\x8a\x7f|\xbd\xe0\x1e\\\rS\xc9\x02Mb\x90\x06D\x14\x028\x81g\x80\x88St\xf1\xa0l\xb9\x89\xca\x86{\xae\x13_\x0c\xf0\xb8\xf5\xcf\xfdK\xf9\x995-)\n\x00\x10\xaf\x02\xb8Fv\xcd\xbbxZ\xa2-s\xee\x87\x8e\x98\t\xe0#@MAt\xcc\xed\x1a\x9d^\xb0\x9c\x01\xe0M\x8b\xee\x98\x9d\xc2\x875\x1c\xf4\xb3\xcb\x807^\x108r3\xe0\xd0*B\x80\xa0\xb4\xe16\xfb\x07\x80\xc7\t\x00a\x1f\x06\x1fl\xd7\xa4`\xf6\x0f\x95\xc6\xdb\x14\xcb\xb0\x1f2\xccEa\xde&lt;\xed~\xebp\xb4i\xcdy\xc9\xba_l\xbd\xcb\xcc\xb4\xe6O\xc6\xbc\xbf\xcf\xce\xc0LO\xf00\x0f.\xd7h\x99s\xe1~\xf9!\x90{\xca\'\xc4pY\x82a\x1c\xf0\x1a\xb4/\xc7t\xae\xdf\xbeT\xc6\x8d\xc86EN\x88u\xfa.\x84\xf0\x9c\xce2\x8b4v\x15\xe4#\x13\x00\xb0\xd8\x01\x8a\xdf&lt;\xc80\x8c\xce\xd5\x00\xfe\x15\x00\xbcc\x84s\xeb#\xff,\\\x9d\xdd\x94\xa4,\x81\xf3\x1c;d\xce\x07\x1f\x01j\xbf\x8bvT7\xc0\xec?\x87\x0c\x83\xf1N\xa5\x07\xef\xb6~\xf7\x1f\x01\xe0\x9e\x93\x186N\x07&lt;\xa1\xc40\xb1|\x02\xc0\xb2\xd1o&gt;\x04\xbc\xe3\xc9|\xb9QY!\x9c\x85H\x13+\xc4K\x04\xbf&gt;\x88\xe9\x04/\x00\xda\x0f\xea\xad\xe7\x10\x9es#\x88\x08\xdf\x97,-C\x87a\'N\x83 \xc4\xcf\xc6\xcc\xec{\x98\x91\x1fGX\x19\xda\x0eBp\x8c5\x07\x01\xfe\xb4\xb7\x0e\'\x00\x01\x7fqy\x1e\x17\xf7\x95\xec\x9c\xcf\xb7\x08\xe1x\x86\xc1\xc7\xf5\xe6k\'\xc3\xc4\xc1\xbe\xed\x03\xeb\xee\xdb]M&gt;\xe6h\xad(U\x81E\xd4mx\xbb\xa2\x80\xd43\xa3\xea\x95\xdd\x19A\x87i\x19\xa2\x07\x19*\xb87=$\x0f+J\xa2\xb3eE\xef\xb1\xfbL\x1e\xec?\xce\x9fB\xb6\x0e\xc3\xe4v\x869\x03\xc8w6\x00@K\x98\xce\x05@\xbaD\x1e\xf9\n1F\x0e\xb7=)\x06\x18\xe6t\xb4w\x86\xaa5\xe2\xf6_\xc2Z8^\xe6\xe1;\xa4A\n\xf1\xb6\xc7\x02\xe0-\xd2EU&amp;\xdf\xb2d\x90\x9e-\xce#\xbbzvW\xa6\x0b\xa7\x9c(\x0b\x80\xff\xea\xadC\x7f\xf4td;!\x90w\xaa!\xfd\x9e\x01g7\x05\xcd\xea\xeb\xcba\xf5%\xc1a8!\xc6&gt;\x7f\xc2\x9c\x9b\xea\xf1+\xb6\xff\x12:\xb9K\x14\xe7""\xa2\xbc"\xce\xda\xf7\x05!\x8e\x0e\xfb\xf0\xe3q\x80\xab\x00|\xd8\xf6\xf1\x0b\xaae@!&gt;v\xf9\xdf\xe5\x1f\xb5\xaaqWO\xeb\xf9\x0c\x13K\xb9\xdb!b\xc1c\xf8L5\xb4i7\xc9\x0cR\x96\x19#p\xb9\xfe\x03\x00^\xcc\xf3W\x03\xdc~\xcb)\xb8@\xe2\xd9\x7f+&gt;\x16\xf1\xb9\x9c\xcd\xce\x0b\x02\xb6\x99\xe2\x9d\xfc\xa5g\xb8\xbe\xbb\x06\xe8\x9a\xe9\xfcY\xae\xbd\x16W\x9e\xb4\xbcu\xe7\xef\x11\xae\x95\xf1\x9e\xba]\x91\x1c8K3\xd3A6)d\xef\x1f\x8d\xd4\xc9z\xaaLB\xb1\x14L&gt;\xe2:\x06\xb7\x91,|~\xf6N\x18\xc4\xec\xc8/\x1eUX\xef\x87u\xd6"\xc4%\x0c\x885\x16\x00\xebN\xa21\xff\x96jqn\x95P\x84\t\xaa\xffI\xe6\xdc=\xce\x9c\x12\xf3\x08P\xb2\xf3\xaf~\xcf\xc7&lt;\x88\xa0:3s\xdcV\xaf\x98\x98F\xe9\xf4\xe9\xbdO\xd8\xe9\xad\xd6%"\x84\xb8\xfbq\x10\xab3\xa8\xfd\xefE\xb3\xce\x02;k\x11`\x9f\x19\x9f\x99\xb2\xec\xe4\xd9\xeb\x10 \x94%\xc5\xb7\x01Hk\x0c{\x9dB\x00\x88\'f+\xb3E\xfa&amp;Z\x80xT\xae0\x86\x99\x99\xcc\xa9g\xcds\xde\x17w\x82\xbc\xd7\xa1\xf9\x98zI\x9ey\xaa\xc3P\xca0&gt;\xc6s\x1e\x9dA&lt;\xfc\x1b\xa5\xa7A\xfaj\xc2062\xdc2\xd2\x99\xf7\xe7\x80\xed\xef\xaeP\x1f\x97\xcaF\x93\xf3\x8b\xfb\xf3\xe8\xa9\x14\xe8\xc00Sr8}\xbd\x18\xe0\xe8jF\xa4\x9d9\xe51%L\xe1?\x83)9\x8e&amp;\x17\x03\xd6x1QT\xc5\xbc\x97\x11\xc1\x16\x9eD\xef\xff\xd1E}n\xea\xec\x9f\xbb\x8ca\x18\x86\x16\x9e\xf7\x9c\x8eu\xc8\xfc?C\xf7\xec`\x0b\x00\xa6\x13\xcf\xe82\xb7c\xaf\x8b\x84\xc0P\x8eI&lt;/\x00\x18\x86a\x18\xe6\x12\xb9\x1e\xcf\xfe\xeb\xe0\xb2\xea\xaf5\xd5\x82\xa1\xe3\x9a\x93G\x8am\x06\x9f\xba\x00`\x98)\xb9\xb2\xb7\x02\xf32\xf9kg\x18\x86q\xf2\xb7\xfc\x0469x\xbc:F\xff\x82S\xe9\xa4\xac}\xda[\x8d\x12\n#]\xbc\x88J\x11\x86i\x8d\xdf\xf5y\x8e\xcb0L\x05\xb6_\x0fa, \xe2\xe9\xde*\xb8\xcd\xfeO\xd5\xa8\x0bg\xc8&gt;-\x9f\xb4\\\x05\xe0-\xf1\xdb\xfa\x835\x9fa\x12\xf0\xfd\x120\xdf\xda\x1a\x13&gt;w8$\xdc#\x0c\r\xbb\x1b\x9d\xe9tA\xe5\xf7\x113\x1d\x18\xf2U\xc5\xe5\xfa\xbc%\xe9\xea3\x05)si\xb8\x17\x00\x880\x83s_\xecTx\xf8\x9e!a\xae\x13\x96\xa3\x8d\x85%T6\xfbp\xf3\x86\x81\xd8\xe7U\xa72R\xe7\xc6\xb8\xfcy\xa2\xf4\xc24 \xd6\x1fTof/b\xa6\xc4\xb9\x00\xf8#\x00\x98a\xcf\x86\xf4\xc7\x08\xa7\xa0M\xae\x19#\xa3\x8d\xa1\xc5\x052\xd3\xb2k\x08*\xd9\xeb\xa22[U\\\x96d\x0b32"\xd2%\xd0\xf9\x0f\x86\x99\x06\xa7\xaf\x0fy\xbc\x8f\x01\xd8\xbb\xe6\x1d\x01\xfe\x9d{\x87\xa9\x04?\xff\x93\x02?\xd20\x19\xec\xde\x8c\x87\xc0\x8dg\xa1\xce\xf9\xeb\xefB\xb2\xbb2U\xf0-\x00Nw\x13\xfa4 "\xaf\xcd\xce\x01gv\x86a\n\xb92\xf5\xe4:\xe3\xc31\xff_\xc7\\\xf5[\x1e\x88\x99yq\x1e\x01\x12Bd\xcd\xfe\xcb\x7f\x9c\x8f\t\xc29\x87\xa9Ob #\xc1\x0fs2\x0c\x93\x01\xcf\xfeIx\x0e\x00X\x13\x9f\xe0\xd9?sF&lt;\xeeK\xb07\xc9\xe7\x88\x18fR\x101)r\x11\xf1\xf2\x1e\xc8\x19\x92\xf5\xb5\xfa\xdc\x11\x0c\x93\x04\xae\xffY\xa7\xfa\x00\xc6\xf1\x1ey\xfe\xbf\xa5G\xbe\x8b\xcb\x9c\r\xaa\xb7\xaf\xf0\xa6 \xc3\\\x08_\xd1[\x01\x86a.\x81e^Qcjq\x8d\xa0XD\x84o8^\xd5\xfbZ\xe2\x19\xce?\x92Jc\x18\x86a\x98\xea\xf0R\x7fg\xae\xd7\xd72L*\xbf\xe8\xff\x1a\x11\x01~\xa7V\xe5\xb8/\x00zG\x19\xf1:d\x80\x161\x0c3\n}\xa6\x11\x9c\x83b\xe1y\x1ec\xa3\xfa\x02`\xfb5@\xa6\x1c6c\x06\x11\xdb\xe4\x15\r\xeb\x17\x8e\xc6?\x9d\xbf\x02q\xd5\xa2 \xaaw#\x82a\x98dN\x14\x8a\x88]\xc6\xf8\xad\xd2\xb7m\\\xef\x8c\xf0$lJH\xba,V\xc8\x87\xd6HJ(A.\x9ca\x08\xe8\xe6\x99\xdff\xcc\xf8\xadst9\x82\xf2T\xe5\xd9?\xc3\x8c\xc5I\xa2\xb1\xd7\xd0\xce\x13\x8b$VC\xb1\xad\xa6\x82\xec\xe9\xa6\xa8lS\xc578H\xcf\xc3=\'\xed\xc7\xa1\xe6\xbe\xef\x90\xaa\x8c2\xd2\xdd\xa7YC\x862\x1a\xc30\xe3\xd1qh/\xde\x14\xb9(6[M9~_0\xdc_\xcc@L\x94C\x10\xe0\x1ap\x86a\x02\xe5\x15@\xbbZ\x11\x01\x1eaQ\x86a\x18\x06\x00z?&gt;8oNo\r\xef\xc22\x0cS\xce&lt;9d\x1b\x1d*\xa6\xbe\x9bV\x90\xe9f\x9a5\xcc\x14J2\xf3qeo\x05\x98\x03\\\x7f6\xa1\xa3\n\xfc&gt;\xe3H8#3\xe9 "\xff.\n\xa32\x8f?lz\xd6\xd2\x18\x95Z\x1a0\x8d\xe5_\xdc[\x01\x86a\xaas\xcbI\xee\x05_:\xc7\xf6\x7f\xe7\xfebo\x99\x89\x99OM0L\t\xf1n\x7f\x95\x8aZ\x94\xc3w}\x19\xe6&lt;\xdc\x86\x83\x99I\xe7K\x068\xffs\xb5\x9eO\x8a\xb7\xaf\x97a\x98\x19Iz``\xd4\xdc\x82\xca\x8b\x83\xda*9\xaaM\x18fr8\xb4\x98\\z{N\xbfWE\xf5\xbe\xef1\x0el\x07\x86\t\x91\xf0\xcc\xc0\x97\x8c:"\xcb\xef\r\xe2\x05\x00\xc30\x0cS\x8d\xc9\xdf\xb3q!\xbcWo\x05\x18f\n\xfe\xc2\xfb\xed\xe8Y\x0e\r\x1aW\xdd\xac:\x86a\xe6\xe0[85\x9c\x96A\x9e1`\xaa\xc2\x9d\xcb0m\xa2\xa0h3\xc5\xb2\x00(\xcd\xcc\xb1\xc5y\x01\xc0\xd4\x83\xdf\x024+\x9c\x14N\xcc\xd1\xb7\xe2]{\xea\xc1\xd4e\x96\x97\x900L=\x9aD\x01\x0e\xf5\xce\x9f\xf8\xb1\x9bGy\xa6"\x19!\x81\xe9\xa52\x8a0\x01\xf6\x05\xc0&lt;o\x91c"9\x16w\xdc\xb9\x0cS\x00\x0f=\x0c\x01\xdav\x9b\x10\xd0\xc6\xafx\x94g\xaarEz\x91\x0cGd\xdf\xa5\xa7qF@D\xf8^\xde\x8dh\xc1\xf7\xf3\xec\x9fah\xe0\x08b\x08\x10\x02\x84x\xc8\xf6\xb7`\xbfb\x18\xa6;\xedN\x07""\\\x9d\x17\x00m\x18\xe0\x1d\xa3LS\xb8\xaf\x19\xc6\x05\xbf\x0b\x81a\x18\x86\xb9\x14.d\xc0\xfb\x8b\x8bi\xa9\x0f^\xec1\x0c\xc30\x8d\xe1;Y\x0c\xc3\xf4\x02\x11A\xc0P\xcf\xe71L*\xcb\xfa\x8d}\xb8#\xeb"\x9a\x8fM2L&lt;\x19\xcf\x000\x0c\xc3d\xa3\xefv\xf3\xeew4B\xfdu\x88\xc9,w\xd6\x1b\x1d\xf1\xef\x84|Cu\x0b\x0cd\xe1\xb6/\xcboV\x15\xc3\x9c\x07^\x000\x0cSH\xd2\xf0{l\xd1\xf1\xb0\x9d\x04\xe2\x7f\x81r\xb3\x847;G!f\xdf\xf9\x89\x88\xefPsZ\xbc=74DPu[\xec\x9d0\xa7\x9c\xafE\xcc(\x08D\xe4\xbbf\x0c\xc3t\x00\x11s\xef\xdas\xe2\x9a\x9ae\x82\xd8\xecu\x8a\xfd\xc0\xfdM\xa4\xb5\xdf\xed\xbb\x99t"{\x12\xbe\xa4u;\x02\x04\';O\x88\x88\x97\x10&amp;L\x1f\xae\x98*_0\x0c\xd3\x17\xd2\xed(!2\xf3\xcf\t\xf7\xf9.\x8b\xdc\x8e\x9f\x8b\x1fA\x04\xb4\x9c\x11\xaa\xe2\xbdB|\xd6T&amp;ER3\x08\xed\x7fG"\xe1-F\xe6\x9d\x93;\x01\x8c\xd9*\xe6\x04\xb0c1\x91\xf0O\xea0\x00\xdb~To\x96\x8d\xb1\xb0&amp;|\xa3\x80\xe9\x88\xf5$\x0c;$\x00\xd0?9\xbd\xdcN\x84\xf1\xee\x00D\xdf\xe7\xe4\x9f\xfdb\x1a3\xf53\x00\xbc\x0b\xd8\x12NI\xccx\x83\xab\x97\xf5L4\xdf.`\\`\xc2\xeel9b\xb2\x00\xaa\n\xf5\xcfi-7\x95\x06\xb4\xaf\xe0\xb1\x93\x19\x94\xa9\x17\x00kX\xf1\xaf&amp;1\xccEa\x0fw\xe5\xd3O\x06\xdeHc\xbc\xa7/\xd6\x17*\xd5\x1c:t\x07\xe4\xc3\xdcu\x19\xd3\xb6i+\x00\xceZ\x0c\x93\x00n\xd4\xae\xa7\xb2|\x86a\xb2\x913\x00\xfeo\xe9o\xb8\xf9\x89#\xf7\xc4M+\xe2:\x88\xd2\xb8`\xb7R\xa3\x81\xe3\xf3\x11\x15e\x98K\xc6\xe7\x00\xec!Lc\xce\xb0\xd6\xe4\x93s\x0c3!i\x87\x80\xfd\xa7\xf9\xe5\xb7\xcaP$\x84Y~\xa1\x8c\x9f\xcc\xb1#O\xa4\xb6&gt;\xd4\r\xd5\xea\xb59\xca\xa4\xce\xac\xeeb^\x88t\xf1\x14\xbc\xf4\x8cajpeo\x05\x08\x10B\xf0\xbay\\\xb6_h\xec\xad\x073\x10\xd2\x1c=\xed\xfa\xd0e@\xb2)\xbe\xd6&amp;\xbe\xb1\\TM\xf6W\x042:\xca\xa4\x7f\x9dx\x99\xd7\xb4\xb0\x9d\x7f\xf6/\xc1\x1dyv\x84\x10|\xcb\x8ea\x98K\xa2\xe9cvg\xe7,\x96L&gt;\x11\x11\xbcx\xbd\xe0\x93\xb3\x8e[\x18\x17\xcf`g&gt;00\x03\xc1\x93H\x8d\x1fDf\xea\xf3\xaa\xde\n0\x0c\xc30g\x82\x8f\x11G\x130\x941\xdd\xefbX4\xde\x0f\x9f\xc4\xcb[\xeb\xcc\xf3\xd4,^\x11\x98\xfdsD\x9f\x89\xc0b\x8fa\x18\x1a8u2\x17\x06/\x00\xca1Fh\xec\xb4\x00\x98l9\xf7\xf9\xf3\xa8\xda\x04"kL\xe5\x03\x8c\x1f~\xd4\x9ba\x1aq\x92`\xeb\xd8\x84\xad\xea\xe9m\xc80\x91\xecIc\xf7yDxH\x8fL\xa2\xa91:\xa3e\xdau\tW\xa0\xd5(\xcd\x19\xcc\xb0\x0c\xc3\\8\x13L\xacO1\xfb\xef\xba\x8cAD\xb8\xe66\x88\xceoI\x86\t\xb3\x85\xdb=\xb0\xfb\x1d\x80\x99\x88\xb4OC\x1b\xa2TcZ\xa5\x97tH\xe3\x12\xda8\x18o\xb7G\x8a\xb1\xd7\xa0\x80\x88\x08?\xce\x1d\xc4\x8c\xc7\x0c\x9b\xeb\xe3k\x18\xc1\x18vn\xab\xc3\xab[Ut&gt;&amp;\xf7\xf6\xfe|$J\xf4V\x06f\xe8\xd0\xb4\x07\xa9\x9b[5\xb5\xc6\xa1z_\xe3B\xd6$\'g\x9f\xf4\x9b\xf4V\x8dat\x82\xef\xd5\xe6w\x93Ud32\xf4}\x07\\\x9b\xbe\xde3`\xf7\xf62\x17\x8a:\x08\xf7\xf5C)\x1c\xda\xe8\x90\xf3\x8b\x01\xe8\xfd\xed\x05\x92*Z"\xf7?\x0fm\xf3\x80\xdb\xab\xa4\'\xea2\xcb\x84\x7f*\xfd\x99\x8b\xe0\n\xd7\x17B\x08\xf6\xd7\xdalF\xeelgw_SnZ\xecU\xf0V\x08CE\xda\xbe\x9a\xee\xe4\xa1\xb8\xbbE-OU\xd5\xfe\xcf\xfa[\xbf\x98\xf7\x0b\t\xe2*i\x97\xa7\xcao\x8b\xf9\xd3`Lw\xc2[\xe33\x8e\x17_\x1c\xab3\xdf\x19`\x18\xe6b\xb8\x98\xd3\xb7Lm\xb2\x1d)\xaa`\xcd\x1b\xf7\xda\xc1\x80\x92*b\xca"\x1f/Y\xf0\x9e\xc9n\x0f\xa6\xfe\x02\xc0\xf3v\x9fy\xe6 M(%\x1cb\xf4Gh\xca\x83.\xae\x8e\xa8\xf3?\'\xe9G\xe6\xb2\xe03mU\x99\xca\xbc\xb3\xe8yIL\xe3&lt;*\x89\xbf\x0bV9F*U\xa1N\x0bF\xea\xa9yrNu\x10\x11\xe0#b.\xcc^\x85\xae\x0ep\xcf\xe4\xa7,Bny\xae\xc5^\x85\x05@\x03\xfb\xc4\xcd\xfe\x13\xe4\x11\xe8\xc40T4\x1e*\xa6\x9a\x10_\x1a\xdc/\xe3\xb1\xbd\x86\xa2\xd7\xfc2=`1\xe9\xcdc\xd4s\x82vP\xcf\x0c\x18z\xe2{\xa7\xf1\x12NR\xccY\xe9v\xc1=\x9biU\x99\x19#\x85x\x85?[\xf3\x19\x86\x96\xf9R\xc0D\x9ck\xc7\x88\xd9O|\xf7;m\x95T\xf51\xa7y\xfe\xc9\x17\x00/D\x9d\xde\x1a]\x1a\x91\x06\x9f\xb8w\xe6\xd5\xfc4\xc4\xac\xd3RE\x12\xc9a\x98Y\xc9\x7f\xf1\xf3\xb9\xf8 Zq\x88\xf8\xcf\xcd\x06\x0cD\x80\xdb6\xaa\x8b\xe9O\x94_\xa5\xed\x93M&gt;\x81n\xb0\x00\x98\xd1,\rH\x99\x93\xd1\xce\xde\x98$&lt;\x96\xbf\xd8\x1e\xb9Ko\x05\x98s2\xd9\xdb\x10\x96\xb1M\xc0\x05\xbf\xc7\x01\x91\xb6\xed\xd8\xf0}\xaf\x88x\xd1}wQ B\xdc{6Q}\xd7\xa4\xc3!\xf7\xf5\xbf\xf2\xe9\x8c\xaf\x94\xdd\'\xe8u\x82\x0e\x11\xf9\x85\x83\x166\xbf\x82\xe0\xcb\xaf\x17\xd8\x86\x9dX\xba@7~\xcbq\x8aa.\x04\xe7k@\x07\x03\x01\x8e\xc1\xff\\\xfb\x00\x89\xad\xa1\xce\x80B\xb4\x9b\x90\xf3\xec\x7f`h\xa3j}sw\xcc\xa5\xda\xa0.l&gt;\xb2l\xc8\xca\xb3\x7f\xf1\x1dS\xce\xfe\xa1r\x04\xa8\x0b\xa4\x16\x99r\x96[1\x91\xef\\^\xdcO&lt;\xbd\xbeB3\x18\xad\x07\x1d\xde\x8b=\x8b\x0f3\xcc\xe5\xa2\xde:\x7frouN\x03\xe7&gt;\x86\x98\n\x03*\xeerI\xc5\xf6\xa1\xd8&gt;\x81g@\x11\xd3\x1e\xaa.\xe2\x14=\xd2\x9c\xe23`S\x9a=\xff\xa1X\xaa\x94\xf2\xc1\xc6\x81C9d\x82Z\x9cm\xfb\x91a&amp;a\xee\xb3\xbf\x03s\x06{\x9e\xa0\t\'c\xfe\x1e\xf9\x9bz\xa2\xcb\x92\x98\xaf\xac2\x9b\xa1\xe9\x02\x8f\x9c\x9f\xa4\x90\x7fv&gt;\xdf:l\xa1I\xa2\xdc\xd9\xe2\xeb\xbb\x0b\xc6\xee|\x139\xe6\xfa\xa1\x0f]:\xdcp\xfa\xb4\xc60\xd5!\x0e\x92\xe2\\\xc90\x17\x08\x87\xc9\xa0`\xe63\xa6\xff\x14%\x9a\xf4%\xb0[\xbe\xddd\xaa\xdf\x0c\xe0c#\xe8\xe0\xc3:rY\xa6\xff\x171\xae\x95m\xffg,\x00n"\x1bV\xb6\xf3\xe9M\xcd0\xe7\xe1\xd2\x12e!UL\xc4f\x9f\x8a\xc7\xf7V\xc0\x05{Q\x03\xc8\xf2\xe4"\xe7f\x8e)l\xb9\xfc"\x86\x9c\xcf\x19C\x95&gt;\xeft\xcd\xfes\xedy\xa3\xd4_\x14\x9e\x8e\xb2^&gt;J\xb5\x9f?\xf0\x92\x83aJ\xc1\xedH+/\x00b\xd8L\xf41\x15d2\xa3S\'F\xae\xa3\xc9\xd7\xaa$\xad\x8b)\x848ORLR\xab@\xa1\x0fu\xa3\xa2lE\xbb\x00\x80\xac\xc9\xe5#r\xeb\xea1\x16\xf4q&lt;4\xee/%\xe8@\xd7\xb9\x0cs\xe1&lt;@\xd98\xf9\x1e\x8e\xa50\x16\x13\x95\xa4!\xb5,\xdb\x7fX\xaa\x8f7C\x0ff\xc3*\xd6\x90\xdd\x01\xdeJi\x8d\xcd\xa9zZX\xaf\xfaM\xc5\xca\x90\x07K\xe2\x84\xaf\xd7\x1cq\xe0\x10\xb6\xd3e\x07\x1d\x01\x9ed|\x12]\x98\x17\x00\x0cC\x08\x07Ro\xde\xb2\xfd\xc1]0,\xb8\x1e\xfe\x9e\xf6\xa63\xe6j\xbe%\x87\xf2V\x87\x84\x0c\x9e\x88\xbe\x1d\xc7\xd4\xb0L\x9f*\xcd\xa9c\xa5\xe4\xa3\xea\xcdg\x8a\x8eZ\x10\xe1\x99c\xf9\xcc\xb4&lt;\x86\x17\x00\xcceR\xc9\xd19\x90\xaaP\xd3\x9e\xdcY\xed\xe9\xbbG\xdb\x11\xaa-\xea\xa8\x8d\xdb)\x9e=\x1d\xce\x13r\xf4y\xd7{no4\xba\xdb\xa8kZ\x92Qi\x88\x99\xe2\xa8\x16\x9e\x12\xb9CG\x8bD\x86\xa9\xc4\xdd*\xa5\xb0\xd7\x0e\x90\x1fO\xc8\x19\xd2\xd3\xff\x99\\\x7f\xa6\x1cN\x0e\xa0\xdf&lt;9\x8d)\xe4w\x10\r\xd7(\xc2I\x9e\xe4\xc3\xc35\x93I\xe2s\x96~|\x00I?"\xc0\xbfR\xc8a\x98\\\xe2s\x1cq\n\x93j\xe41&gt;\x91\x98\x1d\x88[\x9c\xc0\x9e\'h\x02\x13"\x1c\xfbS%\x87\x02=og\x8fh\xc2\xc4;\xf1\xa6@\xdb\t\xb4\xbamOy\x13 \xdd\x93\x11\xe0\x81\x85\n0\x11D\xf5\x0be.\x9a4\x12\x993\x91\x9e\x98h\xc6!4\x16\x00\x1c\x0f)\x04\xbb\x8c\xed\xc9L\xc0\x91|n5\xbd\xbb\x96\xe71#\xa8i\x0f\xfd7\xde\x81\xae\xf2\x00.\xf1&gt;TD\x8d\xe4\x02#e\xb6l\xef\xc5\xc3\x16f.\x95\xb4\x143\xcd\x03[\x17\xcd6\x11a\xab2\x03S\xb43: \x04\r\xd1\x16\x00\x13Z\xe6s\xc9u6\x17\x00UmR{\xf6\x9f\xb5\x00`\x0cx\xd3\x90a\xcaAD\x80o\x8e\xbf&lt;w\xb9\xec,rc\x9e\xaa\xcaP$}\xe4\xe4\xc8\x0c\xcf\xaf\x9en\x8f\x93\xa7k5\xe6\xac-\x17\x00\xe4\xb5\x14(\x8f\xd2\x7f\x19\x83\x8b\x8f5\x86\xa1 )\x8aJ\x92#\x87k\x04\x87y\x0b\xcd\xf5\xc0K\xb06\xef\x90\xed\xccg\x84\xdd\xcfK\x17\x00\x7fAt&gt;\xbe\xa0\xf0&amp;c\x1coDxwBM\xa2E\xd5\xb0\xc0\xe9\x16\x00\xa5\x0e_\x99\xf15d\x18\xa6\x03S\xe4\xaf\xd9\xa90\xc8\x9d\xb2\xbf\xaa\xcf\x06\xa6b2#\xb4\x99\xcf\xa5P\xa8\xc3\x97\xd2\xac\xdb))\xd6dk\x0b"\x02\\\xbbTZ\x91"\xd3-\x00\x0e\xd3\xb9\xd7\x00#2\xbe\x86c\xa2Z\xec:=Ua\x18ff\x08\xf3\xefi\xb3y\xdb\x81\n\x01\xbe\xb7~-\x17\xc4\x14\x93\xa1DN\xd3\x90\x1dy\x01\xd0\x172o\tJ0&lt;S\xbb8\xa9v\xcf\xfc\x1f\x01\xfe&gt;C\xff]n\xa55\xbf\xbb\xe1\x8c\x0f\xa5g\xfb\xc7\x0bs\xd1\x88\xde\n0C \x0fuB\x9c\xcc+\x8e\xc6\xd5n\x1a"\n\x01\x1cVt(s0\x01\x00gs\xce\x13\xb0\xf4\xd0(\xfd\xb2{L~\xb0KN\xe7\x11b.\x0f\x16\xff\x94\x14\x808\xb3\x04\x96*\x91\rY\xa4h\x17\xd7\xcbH\x04v\xbeH\xd4\xa1\x16|]\x83\xc8\xe9\x8e\xa9\xca\x15\xb1\x17\xf2R\x95\x19\x1e\xd7&gt;\xdc\x92D\xeb\xe7R\x9e\xfd\x13\xa3e\x1d\xdc\xff\xd3\x87nU\x8f\xbcY\xb8\xa9\xa6&lt;\xde\xd0\xf1V\xc0\x16\xec\xb1ah\xd1VlB\xee\x90V5\x02\x00&lt;Z\x92\x9cV\xbc\x1c\xb3\xd5B\x88\xfc\x8c\xe4\xedG!\xfe\x0cx=\x9e\x8ej1\xaf\xf9\xd8\xb8\x0c\xc3\x04\xf9oDC\xcd\xfb\x8c:\xc9\x88\xc4&gt;\xf3h2#\xb9\xa0\xbb\xe1\x9d~h\xa9\xa1\x85S\xab\xa8\xa1\xd2\xe1\xb1\xba\x05\xfa\xcc\xb0\x9d\xd5\xb9\x0f\xae\xccA\xb6\xb6\xae\x86k\xee\x8a\x88\xf0\xcb~\xf9A!\x1d\x98\xae\x1fgc\xdc%=s9\x8c\xbe\xc4D\xdbmMF\xe2H\xd1\xbc\xfd\xbcz\x0b\x00J&gt;S\xd5\x85p\xbb\xc3\xbe\xd5\x02\'\xee\x02y6\xd0($\x8d\t\xc8x\xa9`U\x91V\xb1\xc3im\x16@\xc4\x81NC!\xee\xe1v9\xe9:rf,\xb6dd\xf9\xee\xd3\x10\x9fj\xefbCHk{\xee\x1a\r\xe4f\x0c\xc3P\x13}\x04\xa8\x13B\xdc\xac\xb7\n\x03\xa3n\xd0\xf0\x86\xc2\x02\x1asp!&gt;\xb9NM\xb8\xfd\x07\x84\x10Ew\xdb\x19+M&amp;\x1f\xf2~m\x9e\x84\x0f\xf2\xca\xce\x10x4[;1\xb0,1\x85\x18hZ\xb6z\xfe\xfe\xe70\x8a\xf5fM\x08.\x83&lt;m\xb3\xd5p\x06\x93\x1f\xbb\xa9\xa1\\LD\x1c\xc1\x88\x03\x9f\x7fc\x98\xa9\x89\x0e\xefm\x9aSO\x15&amp;\t\xeb\xc4\xe2\xd2G_i3\xb2Y\x85\x17e\xf3m\x8b\xf7\xa6\x00\xcfo\\\xe9B\rk\x17\xcb7\x97\x9c\xf1\xdfN\xc6X7\x1f|\xd46{`e\x97\xe4H~Y=\xef\x00\x0c\xd0\xd1\x97s[\x89a\x1a\x13y\x07\x80\xd7\xdf\xa3a\x9d\xfd\xb7W#\x8ef\xc7I\x8f\rH\x94\xfe\xafn\x85U\xe5\x0f\xc6n\xccv\xb3\x7f\x90\x1c[\x88\xefkUg\x92\xdb\xf8}\xe0l\x1eR\'\xa2\x8a\xee\xc0\xd8\xe4\x91Ir\xe0\xecV!\x92\xd3\xc2\x98.2Nr\x1bE\x0f\x86a\x98\x11\xb0&gt;p\xd6\xa0\xd2\xacZ\xb0\xe5\x93\xa3P\xf3\xed\xd7\'#qa\xf6\xe1\xed\x9f\x0bl\xf04\xa4\x16D\x17\xf8\xecc|\x93\xeb\x18g\xb3\xf9;\xcfgv[\x1e\xa6\x91\xd3\xc1\x0f\xa5_\xaanZ/\xc30\x93\x83\xf00\xce\x1a\xcd\xa9\xb0\x00\xa0^N\xb0W\x8c\xcb\xe0\x93\xdd6\xeb[u\xb2u\xc9\x0b\x80{\x84\x8d\xfc\xc5\xf4\x96\xe93\xd9%\xa2\xea\x02\x80VU\x86a\x18\x19\xda{k\xa7:\xed:\x07\xdb(Ax\xbb\x16/\xe0\x856\xcc\x14\xc8s\xa0\xaa\x07\x12P}\x9bS\xed\xeaF\x03\xfb=\xca\xd2\xac\x8b\xab\xa1L\xd4\xb3\x9b`N\xf79\x03_\x08\xdb\x80\xcb}\xcd\xb4\x86\xf4-@\xbca\xd1\x1e!2\x8e\x9c\x86E^\xca\x0bm^J(\x0b\xf7\xd7~s$\x10!^\t\x90\xf2\xa6\x82l\xcb\xdb\x1c\x9e\xfe\xa0\x0b\xb5@OEiuE\'\x10r\xdf\x9e}\xf6\x0f\xee76QJfN\xcaq\x9f\x87o\xf80\'\x05\x11\x9e\xcf\xb3"f@*\xccfr\xf28\x87\x86\x8a\xbe\x88\xfa\xae\xe8R\xdf\\\\s\x8d\x03\x18M\x0fu\xd4\xac\xa8\x8a\xd8\xd9\xd6\xcc\xdf\xa1i[\xde\xb93\x9f\xff\x99E\xcf^ \xc0\xe3\xd5\x7f^]\xf9z\xbe\x1eg\x18\x86ahx=\xc0g\xf5\xd6av\x10\xe0\x87\x00\xee\xbb\xfd\xf3\x81%\xa2\x88\xc7\xe3\xd6\xb3:\x9eIT\xe5\x01\xde~\xcc4\xfe4\x0b\x80_\x1dR\xab\xd1\x89\xfc\xdd\x03\x86a\x18\xe6\x8c\x0c:\xa2\x133D\x1b\x0bv\x94\x89\xa7_\xc6\x94\xae\x93}0\xfcV\xdc\tf\x9f#\x10\xb6O\xba\xe9f\x99\xfd\x03 \xe2;t\xd3mP\x9bDp\x8b\xde\n0\x0c\xc3\x8c\xc9\xd7\x8f;\xe01\x9d\xc0\xef\\\xa7A\x8f\xcf|\xedlF\x19\xfa\x19\xd8\x10\xb3\xba\xb5\xea\xed\xbf\xfe\xcb\x06\x9f\x80\x06i\xb0\xca\xaa\xb7&gt;\x1c\xdf\xf8~\x17\xaaZoB\xcfNv\xa2\x8ca\x18\xe6R\x19\x7f\xd8\xab\x0c&gt;\xc3\xdb\xfcL\xe3LkRc2\xf4\xae\xed+%1\xdd \xb3\xba\xc8\xda\x07\xd1\xb6\x14\x02\xcdi\x0el\x18\xf6|\x07Ps\xddD\xf3\xfe\xaed\x98\x88-\xc90Q\x9c\xeb=\x03\x888\xf1\xdb$.\x94=\xads\xc7\x99\x14\x18g\xd6w\xf2j\xc3|\x1b\xaf0\xe7\x16\xa5\xf5J\x12gz\x9f#"L\xa4m#\xb4P\xc2\xcdHA+\xc5NYg\xf2\x90\xb6t\xc9\x06\xb9\xcc\x9ar\x99\x8b\x85\xf45\xa0\xddY\xdf_\xc9\xcc\x84\xd8\xe8\xad\xc8p\x94-\x8df\xb5gC_p\xee)\x96+ \xcd\xfe\x83o\xd4\x1di\xc3\xf2R\xde\xff\x9b\x84j\x90\xed\x87W\x92\nz.\x8f\x7f\xe72n\x87[~\xf0\x0cw\x0c\xa2\x0e\xea\xc8\xb9`\xe8!b\xe9\x90P\xa7\xbc\xbb\xefx\xd2\xec\x1d\xca\\*\x98s4\xd0\x92\xc2|\xb7\xf9\xa6\xcfw\xcc\x85\xc3\x0e\x9c\x06"~-\xe9\xabxl\x9f\xad\xe3\xb1t\xc6\x80\xe6&lt;F\xac\x903\xcc\xe4\x9a1\xc8\t\x90\xf8\t\x9cy\xcc\xa7\xf0\xc0\x0f\x02"&lt;\xa4\xcfA|bN\xd0\x04\x99e\n\x14h\xd4\x91p\xcc\xcf\xb3&amp;Q\x0c3\x00\xf9\xe9\xcc\x90\xe3\x10\xb5\x87\r\x8f\x97\xcc\x94\xb0\xdfv\xc4:\xebre\x9b\xb6\x07\xb2\xf9\x81E/\xf2\x8cy\xe8\x08r\xae0\xe9f\xff\xab\xd4\x12-OM\xbf\xd7\x13\xfdTQ\x87\x129\x06\xc3L\x8f7\x00\x8e_Ze\x1a\xc0v&amp;\x85\xfd\xb6#\xd2\x06\xff\xe1\xd8\xee\x05@+\xe7g\x97\x080\xf9\xdch\xd7\xfcg\x95\x7f\x0f\xde\x96\xd1\xd7Z.\xda\xebL\xb04\xa5[\x192\x0c\xc30\x0cc`\x19e\x9d\x83n\xd1\x02\xe06&lt;\x90\x93\xc1\xb3\xa2.Ljpl\xfc\x02\xd0\xa2Y\xfb\xa2\xaa6\xfb\xbf\xfe\xa4\x96g\x18\xa6\'\x9c8\x18&amp;\x809`\xbb\x16\x00E7\x01\xa4\x1d_F\x82\x0f;M\xc6\\\xab\xaf\xe6\x9b\xe8\xf2M\xc5\xe4\xb2\xfbq\x86\x02!\x0c\xc30\x0c\x13\x00\x01\xf0f\xa3\x8c\xe5]g\x15\xeap\xeb]\x00\xb4\xe7\xccS\x01\x9e\xe8L\x07/\x00\x82\x15\x96\x9d\x95\xe2\xd9?\xd3\x99+\xfd_/\xe1\xe4y-\x1f"\xf2\x0b\x1c\x19f`\x8e1Q\x0c\xf0\xa6\xea\xce3\n!\x00q7\x83#w\xd1\xa4\xb4\x94\xdc\x88\x80\xfb[\x0e:\xbf\xee\x10\x11k\xbc\x96^h\xff\xcb\x0c\xcf\\\x03\xbbX\xde\xc3\xdfX\xe9\xa2\xda\x84\x10\xfd\x132\xc3x\xe0\xb5\xa9\x0b\xb6\x0c\xd3\x19\xf5\\\xbb\xc7!_\xdeN\xa7(\xba\xc6N\x9d-\xb7\xb8\xc3E\xf6\xa2\x0fE\xe54p\xdfE\xd2\xd9\xb7$O\xdc\xb4\x1a\xb0\xb9&lt;\xb0q\x98\xb9\x99k\xf5\xb9l\xdd\xcd\xa53S\x97\x8b\xbd\x07e\xce//\xd3\x0e\xe9\x90\xed\xbay\xba x\xef\xd4/\xackW\xaa\xf6Y\x7f\xf6\x16f\x1b,\\ "GJ$c\xd9\n\x11\xe3~\x80\x99a\x98(&amp;\xfb%`^q3\xcce\xf3\xc4b\t\xd5\'\x10Y\x07\x91I\xb4\x927\xef\xb3\x93\xa5\xaa\xc9\xfa;\xb5#\xcc\xba\xbe\x80B\xc88\x13\xda\xd1\x19\xf0\xfc\x7fG\x8d&amp;z\x1c\x82aj`\x0f\x80JO\xded\x8bE\xef\xcdt\x0ec\xe6dl~\xce\x8e\xdd\x1e\xd4\x90?\xcd\x96\x95=\xf3:\x8a\x0fp\x94\xe8\xc4\xb0m{\xf0\xe0\x9e\x0f%O\xf5&lt;4\xc3\xb4#=0p\xfb\xaf\xef\xb1\xfd\x82hW\x0f\xd4\x1aB\xb3d2\xcc\xe0 \xc0\xc3{\xeb0#E\t\xc1\xba\x00\xc8\xe5\x16\xe5\xe7\xef\r}\x08\xd3\x1dg\xce\x05^\\e@b\xae\xaf\xa4\x10\x92G\xed\x99\x83W8;\x1bs\x12\xf4-3\x92\x81\x93a\x18&amp;\x1em\xab&gt;;\xff\x90\xcc\xb6\x89\xb3\x9fk\rP\x96fi\xb2\xf4\xf7\x9c#\xdb\x9f\xa0\t\x8d9,\x86\x00\xf0\x1a\xfd\x0e\xd5\xe5\xda\xf3\x88S\xb7S\x9d!d\x98\t\xa9\xe2v\'Z\x00\xf0&gt;\xd0\x04\xcc\xec`L]\n}COb\x0f\x1ab\x01\xb0\n5\xd6\x00\x03D\xc1\xd4\xd9\x9e\xa1\xc02\xee_\xf0\xf1\xc5\xb8)\x10\x87\x0c\xd3\x01\xc3/)\xbd\xb0\xed\x02`\x91\xff\xc7\xc4B9,\xab\xc2\xe6eby|f\x1a)\xf31\xba\x8d\x0c\xfd\xfd\xa1\x9b\xb4\xd2\xc7^\xa5\x05\xc0\xffq\xaa\x97v\xef\xa2\xd4b\x97;\xdbcBO\xe81Vx\xa6\xc1t@\x1a&lt;\x10,\xeb\x81\xe3\x9a\xec\xb4^{\x01p\xc8\x7f\x13\x87\xd0lp\xd6\x0bSn\xa2I\x8d\xac\xaa\xfd\xc6&gt;[\xcbt\x0b\x00\xa7H\x02-\x0f\xee\xee\xaa22\xd6.v\xde\xd6\xc5\xbbNI5\xdf\x06\x00\xb8\xfdI\xfd\x93}\x8fi\x86rfT\xf6&lt;\xebD_\x8f\xe7\xf7\xc2\xb7\xa6:k\xe5gk8wOJ\x9d^\xbb_\x05\x99\x01jz\xe0\x85\xfa\xf6\x91\x88\xb6S\x04}\xc2\xdc\xb2\x00x4\xadH\x125C\xfcTL\x12n\xae\xd58\\f\xab3\x08\x9b\xe8\xe9U]\x88\xbb\x89a\xca8B\xc8\xb1\x00\xd0/&gt;F\x85\xcb\x1d!\x18b\xac\xab\xcd65\xd3K\xac\x1a\x11\x18x\x9b\xd69\xf9%\xdc_#\xd6[\x15\x00x[\xc5]\x11\x01~%[\x96\x92Q\xbf\xa3Y\xeb\x82\x15\xb5_\x96\x8c\x00\xc9\xf3\xd3\x17\xc1\x859\x06\xc3\x9c\x96cS\r\xd4\x05\x80\xf5\xb5\xfar\xe4\xf7\x1d!\xea\xcf\xb4\x98&amp;HK\xca\xde\xaa\xf8\x18e\xcc\xab\x16tC\xb4\xce\xce\xb0\x8aQ\xe4@\xea\xd7w"\xe2+\x8b\x9e2&lt;\x8e\x80\x0e\xec\x12\xc44\xcf?s\x1b\xf6\xa2|\x83aN\xcc}\xa5\xbf\x11\xe0\xa3\xd7\xbf\xa2\x86\xa5\xca\x1b\xb7\xdd6\x86G\x9e\x0c\x9d\rT\xe9\xad\x8e\x93a4\xac\xa3\xc6\x10M\x9b\x90\xdd+&gt;x\x08\xeb\xc5\xf8\x86\xff\x02i*&lt;D\x8b\x18\xa6\x07\xec\xfc\xcci\xc9|\xdb\x8fut\xa99G\x8f\x99\xeb\xd4:_XE\xec@\x0c\xd4@D|\xabwz\xbd}\x95\xa63\xed\x8c6O\x87\x1aT[\x87tlZ\x7f\xab\x16\x1d1\x9a,]\xf4\xc8\xa8\x03\xf1\x84\xde\n\x9c\x98V\xces\x8c\x17Uj\xa4\x93\x1c)\xe4\xf4A\xc7\xcc\x8fs\x01Po\xfc{\x92oT\xae\xb9#\x8b\xc6\x1f%&lt;V\x17\xde\x7f\xc6\xd0]\x81X\xa6\xb8?p\x02\x06Y\xde\xf4\x82\x1d\x8ca6\xc6\x0f\x04G\xb2\xba.\x8d\xe6=\x92\xe1\xf86gN\xc0\xe1\xd9\xc9\x0e\xe7\x18#\xbb9n\xcd=\x80\xe3 l\x05\xd9&lt;\xd5\x88g\x8e\x03B\x93\xe05\xe0e/\x00\x02\xdcwq\xbf\xe7\xf6\xd6\x83\x90f\x01\xc5~5\x1d\r\xfa\xeb\xc4^\x91\xd5\xae\xe1\x9f\x82cN\x01\xea\xcc\x1c\x87\x88\x88\xf0\xe8*s\xf4K|\xdd\xcax\xc4\xce\xfe\x7f\x95{*\x08\x0f0\x0b\x1f\x9b\xe1*\xab\x07\xe6\x1ap\xc8L\xd2H\x9f!\xdb\xce\x04@Dxx\xc5^;\xb5W\xe4\xb5\x8b\xf33\xd3\x8aQwU\xd5\x87\x13\xe2\xdeW]o$\x1b\xcf&gt;\x17G\xfc2\x95{\x8a\x89%\xc7U\xf4\x05@\x92\xbf\xbda\xee}\x96"8\x8bNH\xf9\xce`8]\xb3W\xc8\xb0A\x98\xa6\x9c\xc5\xe1\x02o\xb4(i\xe3\xe4\xb7G\x06"\xdb\x92\x03\xdd\xa4\x1aD\r;\x04\x8a\x8d\xb1#`\xad}\x04\xb3\xeb~\xd8\xdbP-\xa0\xf3\x87\xf3\xdb\x8a\x88a\x0cU\xdd\xbd\x87i\xe9\x00\x8c\x91{\x19\xe6\x84pP1$|q\x83\x04\xfd\xfb\x88\xf0\x05\xe9\xb5P(6\xea]\xc11\xb0\x1c\x01\nZ\xa9p\xebA\xff([Z\xb6\x0e\xec\x0f\x0c\xc0\x08/\xb9\xea\xae@]8\xd0\x18\xe6\xf4px3\x15 \x1c9\xe6\x19\x87\x1a+\x19\x1a\xa1\xbf\xc5Z\xa6\xa4\xc2\x82\xb24\x04\x16\x0038\tS\xce\x10sSv6\x86\x99\x14c\xe7L\xfa\xdc[\xec\x1ca\x7f\x9c\x1c8EsT\xce\xd7\xa2\xf9\xe8?&lt;\xf7\x00\x11\x01\x1e\xdd\xac\xae!\xa6A.\xaai%\xb5\x1a\xcdo*U\xca\x0c\xc3/\xc0 \x0b\x80\xf1\x19\xfa\x80(\xc3tB\x1d;\xd1\xfc\xbc\xa3nm\xd8\xd7?\x97\xd0\xd8\x11p-8\xcf\xca\xa5\xb5w\xa3U\x93\xe5\x0c\x96v\x04\xa8\r\xb5{_M\xddk]O\xaeY#3\x08h\xfc\x11S\xe8"\xa7\xc2\x97\x98\x81\x19\xc6\x0b\xaa\x98\x1f\x02\xfcS_\r\x9b\xf0\x07\xcb\xff\xf0\x02 \x82H\x13U|\xf2{N.\xad\xbd\xed\xb0nUt\xf6\xb1\xb6\xb5_^41I\xdcK\xfa\xfbR\xf6\xf5\xa8A\x80\x0f\xef\xad\x03srDAY,+\xae\x89\x02:i\xcc\x80dy\x0b\xe2ZL\x149\xea2\xfa\x88"!\xe3\x10\xb6\xe4\xd2`\xc20\xd2O\x00\x00 \x00IDAT!\x80c\xaa\x19\x9b\xcd;\x1a\x9c0!3\x0c\r\xfb\xd4\xbf8\x8d_\x08\xcb\xd1\x00\x00N\xe0L}\xae(+n_\xd6\xa7\xaf\xf8EGG\xe7\xfd\x89\xfa\xe4LM\xf6^)\xee\x9b\xaa\xae\xd5\xdcs\x90\xf7_\xcb\xa8\x13\xefB\x90\xcf\xfeSO\xf2\\\xce\\\xe1\xea\x00\xc0\xf7\xb8\xa6\xb0\xc0\x1e\x13\x0e]\'hB3\xb4C\x85\x88#\xbd\xf3\x9a9#%\x0b\x00\x81\xd6\xb9\xc8\xf1\xc9L^\xcb\x93\xaa\x9at\x9e\x9a\x08!H\'gGF^~\x1e:\xae\xc83h*\x17B\x88\xdf\xf3\xd5t\xe8\x93\xdf\xe4\x13\x87\x83\xda0\xebQ\xfe&lt;\xbc\xd6N\xffmr\xc4\xa9\x12h\x00\xda\xa6\xbcz\xdd\x1e\xf8\xca\x13Y(\x87)\x96|\xab\x92\x14\t\xd8\xd3\xdd\xe7\xf6\x84):\x9a\xb9&lt;\xb6\xe5\xe9\xd0\xcf\xf2\xfa\xf5q&lt;\xcf7\x1d\xa9\xfb\x04c\xf5\x91\x89\xf9\xac\x88\xfcU\xc7\x8c/\xa9\xe4qu\xf3\xc3F\n\x97\x07\xe0?\xad\xc5\xafO\xa8\xd5H\xc8\xeb7\xa7\x8f\x11\xf3\x87\xc9\xb5\xdc\xbfH\xabAB\x1b\xebX\xb8U\xaf1-\xa0\xe8\xc4\xab\x9e\xc1\x13\xd0\xc60\xb1\xcc0\x86/\xe2v\x9bJ\x9d\x80\x8e\xe5\xb2\x91\x0b\x80iG\x94\'\x9e\xf2A+g\xa7\xf4\xee)s\x01`*sk\x8bz\xe9\n\xe7e\xffGQ\x8c\x19\xa4c\xcf\xc8\xce\x89MV\xfe\xb9cy\xaeb_\xden\xde\xd0)\xb5b\x9b\x8ec*\x83\xb4\xa9fj\x1c\x0b\x00\x86\x19\x05\xeb\x81\x1fs\x010\x19\xf3\xc7\x9b\xae\xfc\tR\xaa\xbbS\xfav\x93&lt;\xf3\x98\xddm\x9cPF\xc4\xe8&amp;j\xa3\xd8\xaf\xb4\x8d\xc7\xda\xe1\x8f\xd7^2L\xa0gy*\xc3xa\xf7\x90\xe1\x05\x003\x19\x0f\x9c\xc1Y/`\xaf\xc8\xb2\x00\x98\xbc\xc9\xa3:\x95\xac\xd2\xa6\xe1pJ\x96B\x1a\xd4c\xf6\xe3\xce\xb0\x8a\xc1\xb0\xbb*\xaa{D-\x00\xc6lH\x05.\xa4\x99\x84\\\x94{\x04\xe0\x05\x003\x1f\xec\xa9L\r\x86\xf2+\xdc\xb6&lt;\xc1\\\x00\x9c\x11\xc2\x11\xe8\xac&amp;\xaa\xce\xebwg{\xe1P6\xdc\xd7\xbd!\xad\x10\x11\xff\xe7H\x9aW\xe5\xc2\x96:pA-\xfd{KK\xa5\xee\xa6\xb4\x03/\x00\x18&amp;\x86@lp\xfc\x8cDNG\x8c3\x9a\xba22\xfb\x189&lt;\xfe\xa9\xa0\xb4\xcedk\x0c\xcc\x85\xdd\xeb\xb8\xa0\xf0\xdc{\x16\x11~\xcb\xdc\xfdA\xda\xb7\xf4(\xd9\xefB,\xcct\xa2\xf0w\x00\xfa\xf2\x86\xde\n0\xf1\xe4\xa4\xc8\x01\x7f7FS\xa9\xc2\xdb\xdfOJ\xdcHf\x9bR|\xff\x05M5,\x88}&gt;y\xb96\x98\x02\xb1\xe68D\x80\xffpu\xd5y\x96\x07\xd4\xa9o\x02\xb3 \x00\xdeb\xfb\x1b\x01\x00\xc4\x17\x01\x80@\xfc\xaf)\xf4g\x98\xf9\xc8\x1e\xfb\xbd\xf3\x06\x0e\xd7\t\x18gG\xed\xc4\xfb1\x95\xb7\xdbq\xaf%I\x19\x90\xee\xad\x0f=\xfbG\x04\xf8\xdc\x82\xd2\x9b\xd9\xff\xd5\xed]\x83\xde\x0f\x19"0\x87@r\xda\xf1\xba\x89!\xe3\x18\x8f\xa4\xbb=\xe4\x83\x14\xdf\x01`\x18+\xc7\x84\xe0\xd3q\x9f\x19&lt;\xbf\xb7VL%\x06\x9c\xf7\x8c\xa3\t\x195\x17\x00\xc7\xd0\x98&amp;\x1c\x11\xe0\xe9\xd4\xcaT\xa1\xd0n\xaa\xf1\xb5\xb7x\xe9\xd7d\xbe\x16\xb6\x16v\xcd/\x8e\xe1rTE\xd6\x96\xde\xf4"\x1ak\xb2u\xf4g-\x7f\xddt\xe9t\xf2\xdeG\x05J\xc9\x0c31\xdb`\xf3\xe3[T\xecK\xf0\xbez1\x95\xa89\xbd\xc8q\x9b.\x9eV\xbf\xd2\x9as\xb8\xed}\xa9\x89\xf2g\x89h\xaaA\x1a\x11\x11&gt;\xdd\xb2\x00Pf\xff\xa5\xddDl\xd5\xb9\xa7)O\xa1r\xc8\t\xdb\x9e\x05\x1a\\N\xdb\x17\xda6\xf9B\x8d\xcc\x0c\xc1\xd8i\xbd}\x10\x0e\x03\xdf\x16\xa4`\xb8nu2\x8b\x9e\x17J\xf5\x11z\x9bl\xdd\xb6\xc8\r\xb6\x9b0\xa4\xbe4\xf3\\0\x18V\xb7\xd0\xd6`\rt\x1a\x1cs\x010\xf1\xf2oDn\xa6\x04\x11\x9b\x97\xa9\x8f\xf3!\x1eD\x14\xc2wAo\x88\x1f\xbd\xb7\xd7\xb1\xc5\xdeH\x0fz\xe2\xd6\xf4qTbh9|{\xf1\xc0\x91\xdc\x8f9h\x93\x1fV\x1f\x80\xec\x87\xe2\x11\x11\x84\xd8\x1e[\xa4SU\x9e\x9a\xf4\x1b,\x96\xb5\xcd\xa2C\xa1\x02\x8b\xa1\xd6Gy\x01\xd7V]^\x0c\xba\xc6V\xe7\\\xf4\x92\x8cS\x8d\xcd\xbak(I\xc6\x1e{&amp;\xc6L\x8c\xf3-@B\x88\xa1}\x0e\x01\xe0+\xdaT\xd5&lt;\xb9\xf9W\xfc\x02\x06\xef\x1aBF\xd8\xfc\x90\xde\xfa\xdf\xber~\xcb\xd0x\xfc\x83\xfc\x802\x94\xcf~BN.D\xc9\xec\xbfb\x0c\t\xcf\xbf\xaas\xcc\x8e\x08\x85\n\xf9O\xc9\xe0\xefMX\xc7\x14\xd8\x9df\xc6Dt\x83\xde\n$#\xaf\x03\x16\xae?\xc00\xc80\x03\xd1\xe8\xee\x98TE\xbb\x9bq\x88\xb7\x19a\xe2{\x12\xca\x8f=\xac\xc5o\xd4\xee\x9c\x03\xf7\xfe\xf8P\xf5\xd1z~&amp;\x94^\n\xcf\xff\xacG\x80\x90t5;\xf5!\x10\xcd\x1a36\xa1\x16\x7f\xe3\xb6\xc6\xf6,\xca&lt;\xa7\xbf\xc6\xd4\xed\x91\xd6\xa8\xd1\xa2i\x12\x0b3\x17\x87\xb2\x01\xd6G\x83\xb4\xd8(P\xd5\x12\x8d\x95\xe1\x80/\xe7\x7f\x93\x9fR\xa5\x95f\xf2\xd4\n2O\xcd\xa9fl\xd4\xae\x15\xcc!$\x15\xcd\xba\x00\x90V\\\xc7C\xea\x0c\xd3\x08W\xd48B\x89\x9d\x93\xa9E\xceM=D\\\x8b)w\xa5Q:@\x99\x03\x1eG-\xc3\xe7\xfb\xf78)\xb99\x1e\xacB,\'g\xc5\xf2\xcf\xf5\xf3\xcaG2J\xcdH\xc8j\x81\xae*d\xdew6\xf2h\xa1g\n5\r\xf76K]\xb0\xce\xf3?r\x9f\x94\xcb\x1f\xc09)\xd1\x13\xdarl\xbfLd\xfd3\x1b\xd8*+R\xa2\xfaa\x89\xda-\x9eC;\x0f\x04.}\x12\x8e`\x8f2\xc8\xb5\x00\xfe\xbe\xaa&gt;\xcc\xc5\x92\xf3K\xc0B\x88\xe5l\xb2\xf9q\x16\xa8\xdd\x81]^\xf1\x1f_\x98\x9ec!\xbe\xdc\x9e?f\xff\xaf\xa8Q\xdd\xa8\xb8:\xb4\xe5\x9e_ZE\xf2|D&gt;\xcf[6\xee\x08\xd5\xdb\'\x9a\xebd\xb0\x18\xbcB\xf7*\x12\x8b\x8fe5\xde\x15\xab^\xdd\xeeT\xfb\xd4\xa0\\\xa4\xf9\x11\xf5q\x02\xb1C\'\xb3\x05\x8b\xcae{\x02\xcb\xfd\x03~\'[\x14T\x03\x06"\xc2C\xe3%!\xfc\xeb\tz\xe7\xefz+\xc00\xd1dE\xbarC\xd6\x9bU\xd5\x13\xf9\xdfW\'\xbc\xa5\xf3E&amp;Uj\x9c\x8a\xa6v(\xa8\x88ZO\xa4\x9e?\x8dHU?\x8f\x13\x1e\xae\xbdm$&amp;\xd7U\xa0^\xc5FI\xc6?\xb9\x0f7\x80\x87\x83Dh\x0c\x95d\xf3\xb1;(R\xb1a\xf5g\x18\x1b\x99c\x8c\x14\xab\xbe\x05\xc0\xbe1_=\xb6\x11^\xa8?\xed4vBi\x07\xdb\xe1\xc4t\xef\xdc\x18\x05\x1a/\x00\xae\x9a\xb7\x00\x18/FN;\xfb\x1f\xcf\xd4L\r\x12\x03\x7f\x00o/Zr\x0f\xa0?\xc3\xa4s\xbf\x94\'Y\xadW\xda\xcb\xb6\x9e\x8b\x13/\x00x\xde\xcc\x8cN\xf9\x1c\xb10L\xc6[\x00$3\xec\x02`H\xcag9C;\x03\xa3P\x9a^f\xea\xe8c\xce\x10\xe9\x9f\xbc\xc9\xc8\\ \xd2\xdc:j\xe0\xef\xb0\x19OP)rx\x0f\x04\xf7E5\n\xe7\xbe\x91\x0b\x80;p\xdf\x91\xd2+\x16\x10\xf1\xa1\xdc\x95\x17C\xe4@?)\xf2\x8c?}\xa2\xa2\x16\xd9\xff\x8fa\xceM|\xa8 "\xfcT\xb7\x90@D\x80\x9f*\x96\x90V\xa2b\xae\xac\x9c\\\xb6D?f\n\x1bp\x010\x882\x9d\xd5\x88K\x05\x83\xd8\xea&lt;t\x8b\x05\xdaY\xceh\xf3\xcbGY\xf5\x19F\xbd\xe6\xa4\xed\x88O\x05:\x88\xef\xee\xc2\xe2\x0c3%\xbb\xaf\xff\xf0\xd8y\x01\x11\x7f \xfd40\xc0_\x97\xd48\xd8$ul\xf2^\x19d\xffr\xb7|\x1b\xfb\x1f\x89\xde\xe8\xf4\xa6\x0e\xd0\xdd\xdfb\x16\x00\xfd\x94\xe4`\x1c\x9a\xc4=\xd7\xea\x0c\xa5\xcc\x08X6\xb9O\x13S\xc5\xd3w\xf7\x12\x82a\xaa0\xc6\xeb\xdb$\x1fo\xf0F9\xcc\x7f\x838\x02&amp;\xbc\xa1oiV\xfe/\x15lf)\xb4\xc9\xaa\xc6\xf6k\x065^\xf1~&gt;6\xa3u0\xd4\x1e\rK\xed\x1d5\xe9\x82\xd6|\xd75\xf5~\x00$\x04n\xef\x7f?]\x8f \xce\xde\xae\x18\xe7a:bNg{\x8dGC\xe6U\xfbl\x7f0%\x99\xf3p\xfc\x0e\x00\xedB3I\xda6\xcdm\xe7\xe8\xb9\x8d\r\xbc;\xda\xbe\xe8\xcfl\xd4_|PV1\x9d\xe3\xddJ\xeb\x9f\xeb\x07\xbfr\xa2\xad\x97\n\x8c\xf1v\xf3\xc2\xed\x9f\xfb\x91)\xd2\x10\xc9\xe8\xde\x9b\x00\x00\x00O\xae\xac\x8b\xa5ZDY\xadsE\xd0\xe4\xb3\x7ff:\xc4\xfe\x9f4\xf2\x9f\xc4{\xc3\xf6v\xef\\\tU\xb1\x98\xa2\xff(\xc4\\\x02\x15\x16\x009G\xdf\xea\x9c\x0eT\x94\xc9\xb87\x17[\x8dz\xef\xaf\xf8\xfe\x1d\xcd\x1d@\xbe\xa5\xe8fDS\x1c\xdd\xf4\xf2\x0b\xed\xb2\x88TP\x12\xbf\xabm\xfdW\xf8\xca2\xe3\xc2\x1d44\xb6a(\xb1\xbf\x8a\xc6\xee\xf5\xb1\xb4\xbc\xbc\xda \x1b?X\x1f\xa9\xd9\x99\x99)A\x80W\x00 \xc0-\xb7\x0f&lt;\xde\xdctz\xdaj\x010\xdc[\xb7/p*\xe9g\xd0$kY\xb0%i8Xsr\x088\xea\xad\nv\nb\xac\xcaa\xc2\x101^z\xe9\x8a\x19w\x19\xb3pR\x8d\xa2\xf9\x9e\x16S\x14\x9e\xfa3-\xb9\xb2\x9ad\xb1\x85\xeas\x84\x10k\xcc \x00X\xcf\xdf\x0b!j\x07\xf6\xeb\x11\xdfq97\xbc\xd5O\x7fkmo\xe9R\x07\xd1\x19\x12D\xe4S\x80\x15\xd9\x9e\x8b\x18\x06\xb1=\xaf!\xef\x91\xc5i\xb8\xb9_Bm\xb2\xc7\xf6c=\x06\xb8\xfdS\x08\xe1\xd9,\xd8.*\xad4^\x80\xa6\x9e\xf5\x02\xf3[\xfc/\x84+\xc6\xf2-\xa6\x1d\xef\x8e\xf8\x1a\x00H?\xc5\x81\xbeG\\\xa2s\xc1\x90\x98y&amp;5Yu\x8b\xa7k\xac\xff+\xbe\xb5Z\x15\xd2\x14h\xb8Q\x89\xb9,*\x9c&lt;\xe9\xbb\x03\x8d\t\xbb\x86c-\xbe\xe7\xda\x8f\x9cI\xdb\xb1o\x89H[AQJ\xc6\x87\x98|\x19"\xc2=\xc72\x82\xbb\x15%7F\x0e\x11\xa9\xc9-=qm\x1a\x0e\xec]L\x13\xb2F=g \xb7\xc9W\x1fX\xbf\x8a\x1c\xca\xb7\xc6\xcbf \x8d\xce&amp;t\x9f)1\x17\x85\xc3\xcf\xca\xfcO\xf1\xe3\xa9\xdczD%G\xd3\xc7\xcf\\\xdav\xa3\xaa\x95\xbe%Ty\x86\x93\xb7\xebVk\x0c\x1a\xa3\xe3\xdd\xfa\xea\x13\xbe\x9e\x03A\xa7\x8eANgg\xdfXy\xba\xc6FB2\x85\x18qp\xdf@\x83\xde\x1a1\x0c\x11\xaa[\x0f\xe8\xd9\xeb\x91}\x0e?\n\xba\x98\xaer\xa5D\xfe\xb0\xaf\x87\xeb\r\xe4u\x1c\xf8\x06-#\xc2\xda\x0456\xdf\xad\x992\x90sS\x8bg\xff:\xf5\xf2\xea\xf9r\xf5|cP\xd5a]\x1f\x97\x9d\x87\x03k)@\xf9\xb4\x98\xb3[y\x01\xc0\x9c\x19\xdc\xe6=?&gt;\xde\x1a\xc0\x8c=\x0e\xbf\xcb!&amp;\xb3\x93\xf8C+\xd7\xbak\x8d\x956\x9d\xda\xb1\'\x94\xack\x80V\xa9c\xa9\xe8\xe3\xf3\xcbs\x02Qq\xfb\xe4\xb0\x8e\xda\x97\xb9ZQ+0#\x07\xe5\xday\x95*\xa3\xc6\xb4\xa2F\xf6f\x18\xc6\x03/\x00\x82\x9c3%\xc5\xf55\x8d?\xf4\xf3+\x1a\xe5\xe1\xc3\x0b\xe5\xa0\xe7H\xb4\xf2\xe1\x10\xa3`\xd1.&gt;\'\x90\x14\xd8V\x97C\xce\xe37\x11\xa9\x00o\xd0b\x01@%\'p\x13\x80#\x82\x99\x85\xb3x\xea\xcb\x8f\xa8\xab6QC\xb8u\xc23\x9dE\x15\xcd!\xb3?1\xd9\xf6\xc51\xce0\xf4\x84\xafX\xb7\xa7\x90E\x84k\x84\xc3\xc1\x0e\xcd\xf3.\xc0\x05\xa1\xbc}\x85;\xbd\x1e\xb8\x1d\x16\xfa\xe2\xe8\x12\xb1aX\xfb\x0e\x00\x95\x1c\xd7\x88\xc3\x9b\x8f\xcct\x8c5f\x13R-\x08\xd7\x08\xffv\xc4\xef\xd6\xab8\xa7%\x87\'\xeaDJ\xc4%\x95\x13\xf77\xd5^\x9d\xfa(\xaa\xd4\xf0si\x08Tv\xfd\x1f4T2\t/Hx\xaf\xee\x14\xa4L1\xf7+\xb5\xae\x1fm\xf9\xda\x9c8\x1b\xd6\x9c\xe3\xbeO?\xfb\xc7\xb7\xc8}\xa5l\x99Kv$\x86\x19\x80zs\xac;\xe3\xbc\xa1~\x91\x9b\x13q7\xa0\xeb\xf4\xe6\xd7,k\xec\xc3a\xfal\x11\x1d\xb5\xd7\xf3\xd8\xd9\xb6\xbex\xbb\xee\x02\xb1\xbf\xd1\xae\x87\'L\xb9\xdePM7\x9f\xfeVhz_\xca\xf0Dz1L\x18\xc2\x9f\x9a@j\x81\xddX\x82\xb9\xf2O#!:\x7f\xde\x0b7[\x8ee\xcc&amp;f\x19\x0e\xf4\xfd(\xcf\xca\xab\x11\xaf\xbe^\xb2_\x86$\xb1\xa0\x8d+B\xac\x03\x84ZWu\\\xc3[\x9c3D\x99b.\xef\x92\r2\x8b\xce\x97\x07M\x0c*\x12\xed\xfd\x8e[T\x0e\xee\t\xf4\x06IU@N$\xc3\x9b+\x8a\xbdI\xa5\xcdA\xc4\xb3\xd8\</t>
        </is>
      </c>
      <c r="E848" t="inlineStr">
        <is>
          <t>&lt;class 'numpy.ndarray'&gt;</t>
        </is>
      </c>
    </row>
    <row r="849">
      <c r="A849" s="1" t="n">
        <v>847</v>
      </c>
      <c r="B849" t="inlineStr">
        <is>
          <t>steps_per_sec</t>
        </is>
      </c>
      <c r="C849" t="n">
        <v>9500</v>
      </c>
      <c r="D849" t="inlineStr">
        <is>
          <t>2.6262913</t>
        </is>
      </c>
      <c r="E849" t="inlineStr">
        <is>
          <t>&lt;class 'numpy.ndarray'&gt;</t>
        </is>
      </c>
    </row>
    <row r="850">
      <c r="A850" s="1" t="n">
        <v>848</v>
      </c>
      <c r="B850" t="inlineStr">
        <is>
          <t>Loss/RPNLoss/localization_loss</t>
        </is>
      </c>
      <c r="C850" t="n">
        <v>9500</v>
      </c>
      <c r="D850" t="inlineStr">
        <is>
          <t>0.17872386</t>
        </is>
      </c>
      <c r="E850" t="inlineStr">
        <is>
          <t>&lt;class 'numpy.ndarray'&gt;</t>
        </is>
      </c>
    </row>
    <row r="851">
      <c r="A851" s="1" t="n">
        <v>849</v>
      </c>
      <c r="B851" t="inlineStr">
        <is>
          <t>Loss/RPNLoss/objectness_loss</t>
        </is>
      </c>
      <c r="C851" t="n">
        <v>9500</v>
      </c>
      <c r="D851" t="inlineStr">
        <is>
          <t>0.0045317914</t>
        </is>
      </c>
      <c r="E851" t="inlineStr">
        <is>
          <t>&lt;class 'numpy.ndarray'&gt;</t>
        </is>
      </c>
    </row>
    <row r="852">
      <c r="A852" s="1" t="n">
        <v>850</v>
      </c>
      <c r="B852" t="inlineStr">
        <is>
          <t>Loss/BoxClassifierLoss/localization_loss</t>
        </is>
      </c>
      <c r="C852" t="n">
        <v>9500</v>
      </c>
      <c r="D852" t="inlineStr">
        <is>
          <t>0.15979427</t>
        </is>
      </c>
      <c r="E852" t="inlineStr">
        <is>
          <t>&lt;class 'numpy.ndarray'&gt;</t>
        </is>
      </c>
    </row>
    <row r="853">
      <c r="A853" s="1" t="n">
        <v>851</v>
      </c>
      <c r="B853" t="inlineStr">
        <is>
          <t>Loss/BoxClassifierLoss/classification_loss</t>
        </is>
      </c>
      <c r="C853" t="n">
        <v>9500</v>
      </c>
      <c r="D853" t="inlineStr">
        <is>
          <t>0.05092059</t>
        </is>
      </c>
      <c r="E853" t="inlineStr">
        <is>
          <t>&lt;class 'numpy.ndarray'&gt;</t>
        </is>
      </c>
    </row>
    <row r="854">
      <c r="A854" s="1" t="n">
        <v>852</v>
      </c>
      <c r="B854" t="inlineStr">
        <is>
          <t>Loss/regularization_loss</t>
        </is>
      </c>
      <c r="C854" t="n">
        <v>9500</v>
      </c>
      <c r="D854" t="inlineStr">
        <is>
          <t>0.0</t>
        </is>
      </c>
      <c r="E854" t="inlineStr">
        <is>
          <t>&lt;class 'numpy.ndarray'&gt;</t>
        </is>
      </c>
    </row>
    <row r="855">
      <c r="A855" s="1" t="n">
        <v>853</v>
      </c>
      <c r="B855" t="inlineStr">
        <is>
          <t>Loss/total_loss</t>
        </is>
      </c>
      <c r="C855" t="n">
        <v>9500</v>
      </c>
      <c r="D855" t="inlineStr">
        <is>
          <t>0.3939705</t>
        </is>
      </c>
      <c r="E855" t="inlineStr">
        <is>
          <t>&lt;class 'numpy.ndarray'&gt;</t>
        </is>
      </c>
    </row>
    <row r="856">
      <c r="A856" s="1" t="n">
        <v>854</v>
      </c>
      <c r="B856" t="inlineStr">
        <is>
          <t>learning_rate</t>
        </is>
      </c>
      <c r="C856" t="n">
        <v>9500</v>
      </c>
      <c r="D856" t="inlineStr">
        <is>
          <t>0.039424725</t>
        </is>
      </c>
      <c r="E856" t="inlineStr">
        <is>
          <t>&lt;class 'numpy.ndarray'&gt;</t>
        </is>
      </c>
    </row>
    <row r="857">
      <c r="A857" s="1" t="n">
        <v>855</v>
      </c>
      <c r="B857" t="inlineStr">
        <is>
          <t>train_input_images</t>
        </is>
      </c>
      <c r="C857" t="n">
        <v>9500</v>
      </c>
      <c r="D857" t="inlineStr">
        <is>
          <t>[b'1024' b'1024'
 b'\x89PNG\r\n\x1a\n\x00\x00\x00\rIHDR\x00\x00\x04\x00\x00\x00\x04\x00\x08\x02\x00\x00\x00\xf0\x7f\xbc\xd4\x00\x00 \x00IDATx\x9c\xec\xbdy\xfc\x7f\xcf5\xd8\x7f&amp;\x89\x14\t\tI,\xb1\'\x84"hm%\x04\x8dF\x90JEH\x7f\x9a\x1f\x12%Z\xa9J\xebW[i\xac\xa1\xa1\xa8%\x12)\xaa\xf1\x13\xd1\n\x8a\x9f\x90&amp;"\x96\xd6V;\xb1Dl!\x12\xbb\xb4j;\xbf?\xee6\xfb\x9c\x999\xb3\xdc\xfb:\xcf\x07\xdf\xbc?\xaf\xd7\xdc3g\xce\x9c9sf\xee\xdc\xfb\x02\x10\x04A\xc8\x04\x11\x11q\xb4\x16\'\xa3\xccb\x88\x08\xd0\xc8\xd4^\xb1\x19uYn\xe0\xf5\x8a\xe3C\xed[\xbf)&gt;\x02\x01\xe0\x91\x88pr\xd72[\x17iK\xaa\x99\xd1Q\x86\x88\x00\xdf\x95\xa7YW\xce\xdd\x89\x97\x87%\x80w\x98\x05\xf2\xe7\x9a5\xda\xc4=p\x15\xeb\x93\x8c\x1b\xb1J^\xd5\xff-"\xbei\xb5MH\n\x08\x82 \x08\x93\xd1._\x9f\x90\xf4\x02\xe01\xdb\x87\xbeo\x9f\x12\xbf\x96Q\xcf\xcf\x8a\xaf=B\x97!Zm\xcc\xab\xb5\xb6Q\x08\xf0\x99\x15\x97\x0b\xb7\xce\xd9\xf3\xc8\x97""\xe2\xbd\xf8\x9b\x10\xcb\xb0)FkmUD\x04\xf8\xfd\xa6U\x08\x82 \x0c oW\xfbd\xdb!\x0fl\xb9g?\x17\xc4\x992\xb4\x00\xd8v\xe0\xf6\r/F\xa3\xad]\xb0\xc9L\xdd|\x08I\xa9Ul\xbf\xb6\x8f?\xdc\x84\xd7\xf5\'\xc3\x01\x1a\x85\xa9\xf0vu\xf2J~ex\xd8G\x16a\x9f\xbe\xa2\x8e\xe2k\xc7\xc2\x11\x12[\xc4UA\x10\x84\xae|\xab\x84\xb0I\xc9\x99]\xf6\x92\xaf\xbae3\x16\xacJ\x1dK\x8b-\xc3(Y\x00\xe8\x17\xce\x8b\xb6\xb6\xb9\xe4H\xe9\xd6(\x8e\x8aJr\xf4}8l\x07W\x10\xe0\xaf\x9db\xef\x1c\xba8\xbf\xc6\xf1\x10G\xfdI[WO}`\xf4K\xb8U{\n\x82 \x94s\xd5\xa9\xa8h\x8eyHYE\xcb\x1f\x9f\xe9\xa4\xfe\xbf\xcfj\xdb\xf8\xba\xa2h\x010u\xd7k-\xba\xe6\x86_\xb7\x8dL\xa6\x05@\xc6\x928\x0e\xfcQZ\xday{\x9c\xa6\xf9\x87\xf6P\x85\x00\x16\xde\xd7\xad\xba}\xc1\xb2\x00(V@\x10\x84\x81\xc8\xd0\x9d\x88y#\xa9\x13\xe5\xbf\xe0\xd8J\xa4\n\xa0\x94\xca)L\xac\x96=\xb7\xd6\xce\x1ay\xe7\xbf/\xcb\x9e\x11\xaf5\x89\xbe`\xb4\x02SS\xb48L~\x12\xa8)\x93\xa8\xceM\xfds\xa0\xf3\xff\xaf\x9eC/j\xe7\xc2d\xba2z`\xdd\x1b\x11.\x14\xb8\x04\xe1\xe6\xb8\xea\xe8\xbdj\xbb\x06\xe1\xcc1[N\xc0b\xe7E\xce\xd7\x95\xe5\xcd\x88\x08o\xd1\xb3\xbb\xcd\x84\xc9\xa3\xf3\xf6m\xc1{E.\xc0\xc5\x13\x82\'-\xff\xd31\xefA\x00|Ai^X@\x8b6L\xc8\x90\xc6F+}\xaa\xf1\x95\xffY&amp;\xcfW\x82 \x08\xb3\xd0!\xaa&amp;\xb3\xab\xf6[VB\x0b&lt;gi|\xee\xb4~8*e\xd9*\x8d\xed\x98\x8a\x07^\x98\xf9\x13\xe5D\x8a\xef\xdc\xbe\xbb\xdc\x1a\x80\xd0\x84\x93\x8e\xd0\x86\x1d\xf4e\xb9\x17P\xbcE\x95j#\x08\xc2I\xc1\xa6\x03\x7f\t:JIl\xb9\x18\xb6\xdbx;\x1a\x11\x95\x02\x00\xd5\xda\xcdb B\xcc\xfd\x10\xb1\xd2?\xc75MH1\x7f\xfcI\xa7e&gt;\xe5\xf5\xabfn\x9d\xd0\x07D\x8c\xbb\x01e \xdc\x81Y)A\x10\x1a\x82\xc6\xdf\xda6I\xce\xc6\x83j\xba\t\xaa\x94\xda\x83\xceU\xb6\xac\xb2I\xde\x069\x17\xden\x0cO-J\xfb\xef\x08\x12\xe9Qm\xfa\xd4\xaec/5X\x06\xb5E\x8f?\x13B\xc8\xfe\xf3&gt;\xaf\xe5R\xf7\x16j8Y\xf3)N\x9e,#\x0b\x00A8\x07[\x88\xde\xe3\x94\x02\xa5\xcc4\x8b\x1a\xc2\x96\xb8`\x07\xfcW4\xcckZI\x9e\x15\xa5\x14m\xc6&gt;\xb7e\xdc\tf\xe6\xdcK\xa3J\xc9vM&lt;\x89\xf5h\\\xa9-]\t\xae\xab\x0f\xf7\xd0"jm\xe2\xdek\xbd4\xc1)\xa6x\xbdI#\x9c,VS\xbaU\x16\x00\x82p\x02\xb4\xa0\xe9\x1f\xd5\xca^\x0c$\xf0\xec\x93\xdd\x85\x7f\x1aXjY\x8e\x84\xb3\x0b\xbf\x02\xc6\x8an^&amp;\xdfU\xedN\xc0\x14\xe2\xe4\x00\xc0w\x1f\xe3z\xdb\xd2\xc5\xdb\xffV\x01\xaf\x14\xdd\\d\xbb\xad\xcf\xca+\xd5o\xf1\x99S\xcd\xcf\xd5Ue=\xaa[9B%\x00\n\x820\x82\xd1{\'\x13s\xef&amp;f\xe9hj\xc6\xb3X\xff\x86IN1\xe2\x9f\x82\x10$\xfe\xf8/-\xe6\xb8\x85=\xcf\xdcS\xa5u}^\xbf\xf7s\xbdSN\x97%\xefRs?\x92H+\x087\x84,\x00B\xb40\x0b\x93\xb5Y\xb4\xbacf\x8d\xe2!\xfc$\x9d\xe1\xf2\x03\xf3\xf2\r\xec@2\xfb\'\x1a\xd9,\xfcf\x91rY\xba\x8d\x0f\x1d\xab\xc2I5\xa8zN\xed\xb49}\xed~\xc2\xd549\x02$\x08\xf3\x82\xcb\xb3\xa4\xaf@\xa5@MqDx\x82y\xc2D)\xa5\xd4_1\x082_\xb2\xc1q\xe8\x85~\xb9\xd7\xa4\xdf\x0b\x00\x00\x7f\x99Y\xe3p\x0f9+\xc9i\xf5N\xb7\xbe\x02\xbf\xe5\xb6\x8f\xc5\x88\xbaf\\\xfa\xa5`*\x99\x13\xberO\x90\xb6\x00\xd7\x94\xdd\xaf\xc6&gt;&lt;\x97\x9f\xf8\x8b\x14\xd8\xd9\x1f\x98\x08\t\xac\xd1v\xdd\x89\xa7\x1f\xb5:v\xee\xa9G\x91j4$.\x12d\xb6\x10\x84\x19A#\x1f\x05\x19\xaa\'\x84\xf4\xb2\xc8\xbd\xa3\x03\xeb\r\xce7Nb\xea\xcdqt9\xcb\x1f\xfa\xeb\x9e`\x8a\x05j9\x91&amp;\x98\x83\xb1\xed+tG\xda0\xf1\xfa\xd4[\x83\xf7e\xaf\xe9|LA k\xdf.\xe5\x1fn\xde\x1e\x1f\xe5\x06K\xfa_Zu\x96M\xeaGtquptr\xfa%\x9eP:\xfb;5\xfa%\xc8\x1d\x00A\x98\x10\xe7\xe9%\xe1|\xb0\xa4\xda\xf52\x0e*2\x86\xa0\x1e\xfbVSu:\x82\xfb\xed\xed:9\xb4\xca\x9cZ\xd6\xc7+}\n\xdc\xca#\xd0\xb7\xd0\xc6\x0cx\xcdA\x90\xf60\xdf\x87\x86;\x12\x0f\xc9\x90\xf1\xba\xf5\xa8\xd7\x97U\x8c\xb1t\xd0\xa8\x8a*\xfb\xcd\x87B!K\x00\xd1\xdf\xe1\x94#\xa9\xc4,\xee\xcf\xb3\xb0\x89\x16\x04\xa1\x1b\x17\xd8[\x15\xe2\x0c\xde\xf7\xcdg\xf5I-\x0b(\xd4\xdf\xb3\xe7\x87\xd5\xbf\xd2E\xaf98M\x9e\xab;\x84\xf9!\xe6\x8e\xae\xe3Y\xb7\x82u1\x03\xbd\xb4,d!b\xf0.GZ\xecqC\x06\x8f_\x1b&lt;.\\\xfe\xc8\xd1\x8a\x1cj\xcc\xce\xdb^\xa2\x9d[#.\xbf\xc0C\xbf\xaar^\xa0d\x0er\x07@\x10\xa6\xc3\xbaA\xd95\xd0\xbf*\xc2{s\xef3]\x8aob\x978I\xbayx]\xea\x89\xc0u\n\xdc\xff\xf9\xce\xa5U\xae\r\xb7\xa6\xd7N\xd9\xbf\x97\x075\x96/P\xb9M\x1b&amp;\x9e5\xef\xa3\x02\xe1\xecxj\x90z\x85$\x7f\x1d%"\xd6:\xfao\x89\xa7?\xb5\xa5\t!\x86\x1a3\xfb\x07\x00\xf8\xb9\xa2\x01~\xac}\x88!\xae&gt;\xfbw\xff\xf6\xe8$\x08\x82\xb0@&lt;;\xd8\x17\xde\xc3\xb8\xe5\\\xfan\x8c\xb6\x1f\xf6\xbf\x11_\x99\xd8\xccN\x1b\xf6\xbc\xf8\xfaq\x16\x1f\x9b\x92\xd6\xc6A\xc4\xe3\x86\x92:\x96\x85\xe9J_\x86x\xaf\x93&lt;"EK\xac\xd7\xff\xa5\\\xc55\xeeZ\xdc\x81l s}\x02x\xa1\xc3sq\xde{/\xdbAA\xd0\xbe\x9a\xce\xf7\x9c\'\x1c\x82CI\xee\x00\x08\xc2e)\xd8\xa8P\xea\x8e\x10\x8b\xac\xde#\xda\xad7\xa6\n"\xec\xfe\xca\x05V=\xa6\x0b\xf5\x8c\xbc\xee\xd1\xbaW\xa1o\xc3\x8f?\x1d\x9f\xfb\xd8@\xa0\xf0\x95\xbb\xb6\x9a\xd6\xc61n(\x11Y\xfa\xf1\x9e\x94}\xf1\xad\xc4\xefNyWA\xe9\x81\x85\xac\xe0\xe8a\x97\xa0AX8\xdeS\x94\xf3\xce"+8\xa4\xed\xbb=\x88\x14z\t\x87\xaa\x0fz\xa4\x90\xc5\xf64\x94lm\x08\xc2\xc5(}\x8b0\x00\x00\xfc4\xed\xaa\xf0\xdb\xd3\xa6\x9cG-\x1a=N\x8a\x88\xf0\xf4\x134\xbf\x01\x9d\x1e\xcf]\xea\xca(\xbat\xf4\xb7\xa0\xef\xe3\xa6\xbe\xca\xbf\xc2\xbci2Wq[\x8cJ\\\xd5b#\xa0\x0c\x0c\xb3\x7f\x1f\xba\xca\x15\xd0S\xed\xce\x17\xc6e\xe6\x8a=\x82\x00\xed\xdaH\x15\xd6\xb9\x9a\x9a\x8eh\xd7\x83\x96b\x88\x08\xf0\x94Fu\t\x8203\x81 \xf5\xc7\xa8\x7f\xed\xbd\xac\xb5f\'\xe5\xc6,\xf3F\xa7X\xec\xb9tH\x95:\xe7a\xe7\xa5\x99\x95^\x07\xe0\x1c\x9b\x11\x1b\x91%\x00\xa1\x15Fa\xb4\xbej\xa4q;\xe1\xfb\xaa\xa6\x85\xf0\xa5\x82\xfd/\x00\x00\xf8q\xfa\x95\x04\xd9\xb5\xb1\xc5\xdf\x8f&lt;Dt;\xd1`\x11\x04!\n1\x00\x1d[ \xf6\xb5\xbd7\x93\x84\xd32\xcb6j&gt;\xef\xcd\xe2\xe1\xf6H1\xe6\xef\x93Z\xa6\x13M#\xcc\x19\xc3W\xfe\x02 \x7f\xb5\x10\x10A)\xb6\xf9\xf6\xc3\nj\xc9\xd2gW\xab\xa1\xfc6\xb0\xcc\x9b\xed&amp;\xdf\xd0\xea\xe2\x8c\x83E\x10\x04/f\xf8xN\xd6\xd8\xc6}\x01\xc0\xadU%\xb3\xe9s\xd3\xc8\xfaP\xa3*\xfd\x12\\\xee6\x91%{k\x92\xb5\x00\xc8\\-\xc4\x84P\n\xb5K\xca\xad\xca\xf6:\xdb\xd7\xc5\xcc)t6\x94|\x10\x02\xbc\xe5\xa9n\x97\t\xc2\r\xa3\xc5\xfa\xd0\xbd\xbc\xf20\xadM\x06\x05\xe7n\x05\xa1\x86\xb3\xba\x90\xf8\xbf\xc0M2\xadw\x93\xff\x1a\x0f\xa4\\&gt;\x99\x87o\x1bU\x1fMy\xd6;6c\xf2*5\x99\x95\xd2\xe8f9\x9d\xf2\x82pc\xa4\xc2}e\x98\xbb\xedT\xe6\x96\xdb&gt;\x19Y~()\xb8\xd0\x91\xca-\xea\xc7\xc3q\xfc2\xfd\xa42\x91"M\xfcUU\x8b\xf2K_\xfe\x87SbX\x9a\x9e\xee\xaf\x8dz\xf3[\x8a\x0f\x86c\x90|l\xf9\xab\x87n\x82 \xd4qC\x03\xb5en\xb7\x04\xc7\xfb\xb4\x11.T \t\xbd0+\xb8\xdf#E\x84\xd2e\xc0\x96\x99\xd1\xae\xa5d\xffW\x19/d{\xe2\x1bD\x17\x00\xbbY\xd8g\x10\xba\xc0\x96\x93W\xba^\xa2\x8fY\xb6\xea\xa1\x9f \x08|\x9c\xeb\x95\x17.\xa4s\xae\xdd\xb4\x11\x86C\xe9\xf19\xbc"O\x87\t\x14\xe6a\xea\x86\xf4\xd6\xad_u\xc1\xec_\x08\xd3\xc0Dy\x0b\x80\x13\xf4\x11"\xdcwz%\x05Ap\xf9\xa5.\xa7\x1b\xdb\x11\x8f\x8f\xa7\x89\xa1\x02\'=\xd7\xb4U\x15\xf5tN\x19\x08\x02\x00\x00 \xc0\xef\xc1+\x17\xdfy\x00\xf8\xbc39\x92\xb6\x99-\x08\x82 \x942a\xdc\xbf\x03)\xb8O\xa7\xf6\x85\x98\xca\xb6,\xcat\xbe\'\xd6)\x9d\xe2X\x00\xcc\xd4\xd7\xcd\xde\xf8nY\xc9\xb4\xdb$\x16\xa8U\xa3\xcc\x13\x10\xf1]+N.\ra\xd8\xed\x8es\xee=\x9dNaA\x10:\x81\xbew\xff\xfb\xf9O\x17J5\x04\x80P\x8f\\aw-\x92\xf0]j:\xacNG\xe6\xb2F\xabL4\xb2\x00\x986\xa5\xcb\xd5\n\x11\xe1m\xb3\x1b\xe2,\x84\xaaM\xf1\xcc\x8b\xbeZ\xe7\xfe\xa3\x0eY\xcd\xe8\x9c\x82 \\\x83~\xbb\x95\x1dj\x11\xea\xb9@O\x85\x12&gt;\xe6\xc3\x03\xe3\r5\\\x81y\xc8O\x97\x8f?\xcek\xc6\x97\xec\x7f]`\xd8N\xce\x1a=\x0c;\xdb6?\xf3\t\xd53\xea,\x087\x87\x0cTa\x12&lt;\xc9\xd3\x8c\x93\x1f\x1a\xec\x9f\x8eTI\x18\xca@/\xcd\xb8\xe9:N\xeci\xb3\xd8\x81d\xa5\xfeXv.1\xabS\xa4\x13\x05\xe1j\xd0\x86\xf4\xfa\xc2\xaf\xac\x10\x90;\x85\x0c\xdc&lt;\x93\xb86\x0b\x8e\x0f\xcc:\xeb\xbc\x03\xd8n\xf3\x9d\xa3T9\x05Sv\xe2\x15\x98u\x80X\x9cB\xc9S\xa0\xdf{\xb4\xbf*9\xe8E\x9es\xa5\x07\x05\xe1\x86\xc00\xc4Ks\xab;\xe36\xaa\x84\xc5Jp\x7f\xd1\xf8\xdfA\xe7\x1b\xd636m\xd84\x9cZ\xc90\xccj\xff\xfbP\x7f\xb5\xfd\xb5\r\xffW\'I\x8e\xab\xb8\x856\n\x16\xa1N\xcf\xbci\xd0\x963\x9f_\x12\x84\xdb&amp;\x92\xfdG\x87t\xeeR\xe1\xe0\x9d\x06\xa5z\xbd#\x94\x04D\x134\xce\xd3\xdb_Q\xbc\x88P\xa6\xe1\x13\xe7\xd7\x99\xe4\x9e\xc3\xd0\x8a\xbe\xa6HX\xfe\xfc]sj\xe5\xab\xf9\x98\xf1\xcdg\xcfb\x1b;$\xa7\xf0ek\xa3X\xe1\xc3t\xb8\x9fPz\x07F\xf5\x04AhE\xc9\x02 o\xa9p\x9b\x88M\xfc\x84\xbc\x85d.\xc2\x8a\x94]\xb1+r\xbaf\xb6~\x1f\xeb\xc0\xae_\xaa&gt;]\x8f\x94\xf0\x05\x01#k\xe9c/\xd6\xba^\xa7\xe5Dv\x82&gt;\xd5\x1b\xfe\xec\xe2\xb6K\x1a \x08\xa7%\x7f\x01`^\xe3\xfd\xb2\xa9\xc6A\xa6\n@S)3\r\xed\xe6\x89j\xc9\x08\x0f\'K\x90\xd9\xeeBH\xeerk\x04&amp;\xbbZ\x1f\xb0\x85\x84\xdf\x195\x83\xbf16_\x172C\xd3\x04A\xc8\x81o\n\xfc\xa1\xc0\xaa\x00\x9e]\x1cb2\x9e^\x1a\x1b}\xce\xb5\x11\xf2\xa7\x1eU;h&gt;\xb7}\xa8\x13\xe1\xdc\xad\x10r8\xd1\x98m\x04K\xfa\xcbKu\x8f\x10\xcf\x13rF\xec\xb0(\xbb\x16d\xba\xe3Q\xa39\xe3l\xe5\xac%\x04A\x106j\xe2\x02\xfd\xc2I\xb2\xff\xb3D\xc0\x13\xa9\xca\xcc\xd9Z}\xfan:\xbb\xfeWG\xb6o\xeb\x89\xc7\x7fD\xfc]s\x01`\x16+\xb4|e\x0co\xb6\x00\x10/\x12\x84Yi\x9a\xa7\x86\xc2_qP\xc8\xd1\xf3\xef\x95U\xc1\xc1\xc9\xb2\x7f\xb8\xe1\x05\xc0\xd0)\xaad\x82&lt;{7%\x9b\xdc\xb7\x81\x92\xa0\xdc\x08\xe6\x8e{\xd3\x9ajw\x7f"\x17\xbeW\xfc\xc2\xa2\xea\xf4j\xe5&amp;\x80 \xdc\x12\x8d\x07\xaa\xf2\xd6\xd9\xa0""2\xdfWrM\xeb\r\x9b\xa5J\xc6]\x0fU\xb7\x80\xf0{-$\x13\xea\xed\xc4I\x12\x94\xf95\x9c\x9cS\xf4\xf2F`:^&gt;\xfcn\xe7\xa0&amp;\xaf\x0f3I;\x92\x8aG\x9c\xc8\xf2\x82pK\xa0\xf6\xc7M\x8cR\xb9)Y\xcf\x99\xa6R2\x97lT\x1d\xf1\xc4\x82\x92%\xfcyq\xad\x05\x17\x12P\r\xefs\x96\x9e\xd9\xa8,\xd0\x0b.5\x90U\x1a\x0bS)\x03\x10\xbc\'\xffh\xca\xe4U?|\xb8\xe6G\xad\x15\xd3YX\x10n\x1dm|\xfe\xeb\xd1\xba\xf4CnJ\xea\x94\x99\xa2\xb9\x01]\xe1\xe17\x06\xb2U\xd9\xf6&gt;X3Zj\x1b\xb6\xc6\xc7,\xdf\'//(\xe0\xcb\x18\xfa\xbe\x142\x9fR\xb7\xc1m\xe5\x90um\xb0\xfc\xa6\xc3\xc8#m\xb1\xef&amp;\x1d\\gQ)\x1d\x9dr#\x98^\xde\xbc\xaaz\xc4\x9d4\x9c\n\xc2\x8d\x90\x99\xf1\x9cn\x18\x07\xe7H\x89J;\x93.\x00j~\xa6&gt;[7\xde\xd4\x9f\xd1,DQ{\xce\xf7\x0c\xbe\xaa5\xe956YR\xdb\x1b\x18k\x88\xf8\xd1\xa5\xe3hu\xbc\xd8#\xa1\x9eK\x93bs\x95\xa9\xc7\x1cG3t\xfa\x83\x1b\xc9\x9d{\xfa\xa0\xf7~0\xeem=X\xdeL\xd6\xa0*\x08\x0279\x83\x93\x14\xd3\xcf2\xda\xedm\x8f\xf9un\xa8aY\x9755\xda\x93\xab\xae\x8e:aS\xffd\xf5\xff&lt;9\xed\xdaU\xdf\xa8Ic\x02\xabV\x85)o I\xaa\xb6\xf9\x08\x83K\xc2\x17\xa3\xc5\xba\xa8VZ\xfb\xfe:\xc3\xdc*\x08\xb7\t\xf7\xe0?\xd9\x04p,\x00\xe0\xcf\x96O\xbelJ\xcdOd\xd23 \x96\\\xe9\xe8T\xd9\x0e\xdcZ\xb7\x99\xc6\x14\xc2/\xf7\xb1\x8f\x99/\xc6$\x14Zf\xc2\xf8?\x892~\xcb\x14\x9f\x193?\xa9\xd0\xcb+\xd0\xe2;\xbcW\xc5e\x96\xab#\x08B\x0f\xd8\x83\xb5\xec\x00\xb5a5)\xf9X\xfc\xf9\x99\xe4\xfc\xc0\xc5\xb9\xe5q\x1al\xbb\x84/\xa1\x01\xde\xed\xff\xa8\xa7\x85b\xe0`\xff\x94\xf9]\x10\xae\x81?Y\xd7\x92\xf8\xb2M&amp;~n&lt;\xe2\x84zd\\,\xbe\xe9\xee\xc8\xc5\xe8\xa3\x99\xa6\xcfBMfj\xc2\x82\xec;0R\x1a\xf9\xe3\x02\x99\xd1d\xf6\xed\xf47,5\xceU\xfd\xd3\xf3\xf4p\x8c;\xb4\xd4E\x10\x04:\n\x00\x94R\x10\x08\xfa\xf4x\xa5\xcd\xbe\xdeW\xfe\xd7\xb2(\xb9T\xe5\xad\xbfE\xa5\x11:g\x1bK\xf3\x95R\x8d\xcc\x9b\xcd\x15\'\xb2Nh\xae&lt;\x9cLM\xb6${\x9e\x068\\3\xc7*\xa1x\x07g\xb9\x98Q\x8b\xfd\t\xf5F1\xb3\xd5{]\x01\x00\xe0]\xed\x0f~]\x01\x94\x18\x08\xe7\x1a\xfaqrZ\xb75J\x86\x9e \x9c\x9au\x00\xa3\xc9\xf1u8\xeb\xe5N\x88s\x9f\xe0\x1c\x10zx\xe3\xdd\xedD\xcf\xeb\xb7\xd4\xff&gt;\r\x81\x19\xd3\xaa\xcb\xdf\x7fkD\xd5\xbd!\xd5^qK\xc4:mX#\'4\x95\xd4\x81\x8b\xf4\xc2\x8b\t\x17\x9a:\xffv\x8e&amp;\'\x18\xe9V\xff\n\x82 \xf8\xd1\x03\xb7\x04\x0e\xa15\x17\xc8\x95\xd9OP\x9c\x16\xfa#\xa7\x13q\x01\x0f\xac\xc6=\xa7&gt;\xd1\x02\xa0TN\xc6U\x8e\xda\xa1k\xf3N\xbf\x94\xf2\xb5\xb9\x17\xa4\xd4\x16\x04A \xa0\x87\x12\x89)\x1a\x12aY\xd03\x83\xcd\xc7N\x9e\x81q\xdf\rKTF1WG\x95\x8eX\xc1\xbd\xef[\x0fI\x93\xf9\xd4f&amp;\xd54\xe6L\xdd\xb4\xe7\xb0\x98Y\x10XZxB\xae\xb4"\x05\xacuK\xf4\xf27\x96YL\x10\x84\x00s\xce\x85\x8bV\x1f\xdeG\xb1\x0f\xf3Z\x00\x01\x11\xfe,\x16=W\xd3m\xffm\xaa#\x9c\xe0u\xcb\x1e3\xeaS\xec\x84n\x96\xcf\x91\xf1\x8c\xd6\xc4\xa0\xbfJ}\xf7 \xb9S\xb4\xc9\xba\x8f\x17\x8f\'\x98\x9f\x8cMy\x1bqR5&amp;\x0c&amp;\x82 \x08\xc3\xe9\x14\x16K\xf7\x810\x9e\x03\xdd`d\xf7Z\xe3tF\x88(\xcc\x9b\xf5f\x88*\xf6\xa5\xb3\x19\xdfK\xd7\x84\xf5\x8a\xc3\x16\xa9\x0b\x00\x8e\x86\xd3\xacw=#o\\\xb5]T\xe4-@\x82 \xd4\x13~\xa3B\xa3\xc9#O\xec\xfe\xca\x9e\xd8\x9b\x1fn`\x19`=P\x08\xf0\x04\xa3\xbd\xe7y3\xc6\nIa\xb6C\x14\xb4rJ)\x95\xe1K\xc7\x9a\xf6l\xc6wAD\xdeF$\xfaW\xa9\xd3y\xac\x8b\xe5\'V\x8b\x9a6\x10\xf7\xff\xdc(\xa7w\x1eA\x10\x84\x99a\x9b`\x9e\x89\x06\\b\x0f.\xbf\x00\xf8\xd5cS\xbc\xeb\xb1\x90\xa7\x8f\xb2*\xe58\x13\x93n\x1f^xX\xe5\x06\x96\x9dB;x=\xe7[\xfcu\x9c\xc7?\x9b\x8e&amp;m\xea9\x8dA\xe2\xc8\x02H\x10.\x00^~,/a]\xa9#\xcb\xba\xc0\xe6_w\xec\xc91\xc7\x86\xf9&gt;\x86\x88\xd3w\x13"Vk\xb8Zu\xf9}\x08\x06\x9d\xaat\x98\xda\xda\x02\x17\xab\xdf\xb2\xde8\xdab\xec\xb9]\x88cD\x87\x04\xaf\x7f\x15\xcb\x8f\xea\x16\x0c\xb0\xcdZ$G\x80\x04\xe1\x84\xec\xa1h\xdf\x928\xd1&amp;M\x19\xca\xfc\xdfs\xcfQ\xa3\xd8\xf2\xd4\x82\xe9\x04\x11\x00\x9e\x91_\x9b_\xd6d\xdb\xde\x95\x9al\xc6\x1c\xd9\xa0\xe5\xc7\xe9\x1aV0S\x7fU\xd1x\x07\xb7\x93\x95\xd6!\xec\xf4xM7i?Cyb\x9a-`\xf4\x1f\xc0\\\\\xe85rm\xe5\xea\x86\xdbc\xee\xaf\x85\xf6\'\x82 \x08.\xe8,\x00j\xd2\xa9.74\xb3\xd4\xeb\xf5j&lt;!\x87l\x9b\x87\xdc2\xcfi\x1b\xf7\xf5dK\x91 \xc3\x95\x1c\xae\x00\x81\xe1\x1a\xb2(P%$\xd3\x9f\xdd\x03-\xb3-\xce\x99\xa9\\\xfe\x99\xb1\xab\xd6P\r\x8f\xb3\x06\xaa\xb3&gt;\x91;\x00\x82p:\xd6}\x1a}&lt;\xcf\xb0\t\x19#kW&amp;R\x18\x11\xf1\xf47\xa9\xcf\t\x87\xcd\xbfj=c\xf0p\xf2\x15HK=\x11\x11\xe0\xe3\x0b\xa6\xd2\xc0s\xa4s\x1e\xf3\x1dz\x8b\xc1;\xe8^6\x8b\x95\xe6\xc8Z\x87\xc4%o\x12\x99\xf7\x8e\x04\xfd\xef\x99\xa2+i\xe0om\xef\xd1\xfd\xa6q\xd4\xa2A@\x1f\xaa\xb4n\xf6\x9e\xa9g\x05A(\x06m*\xc5\xf1hu\t&lt;\xc6\x9c \xb3\x98\x92\x02\xb3\xe8\xef J\'\xd9\x86{\x7f2q\x19\xc0\xc2\xed\xf4\xf8UZz\xbb\x83\xd4x\xd2\xbd\xf1\x01\xa7\xe9`\xd9A_\x85dL\xa6x\xac\xbb\x8c\xf7\xaa\xd5\xcf\xc8r\xfeG\x10\x848\xf1\xec\xff\x8d.\x1eA\xf6;\xb0\'\x13\x1e\xdc\xa9\xbax\x7f\x15\xa3O\xb1\xe4\xfb\x00L\x95\x9e\x8a\n\x8f=YK99[/G8\x9d\xc7rQ?Z\x8d\x994g\x1c\x05\x07\x1d\xe2\'W\xbc\x10\x0c\x11\xe1\xc17\xda\x9b\x82 \x10\x89\xc4\x88\xb3\x84\x8fB=\x99\xee{4\x15\x1e;\xfb^\'\xf9\xa6X\xcc\xf5*\xd0,\xc5qg\xf1\xe2&gt;\xca\xd9&gt;\xe4\xa6\xd48\xe7\xf5F\x96}_\x16M(5\x1d\xff\xad\x95\xd4\xfc\x91\x98\xa6\xf2\x8b\t*\xe6l\xc3\x97\x88.\x92\xc0k+sG\x8f\xb7\x17\xec\xf8v\x9e\x0cA\x10\x84K\xe0\x0b\x97s\x86\xa1\xf7e\x93\xf4A\xbe\xccr\xd6)vNv\xb7i\xba\xde\xe3\x924\xdf\x0b\x8eb\x8cP5\xe3\xf9\xd4\xbe\xd5\xdd\x08\x976\xc8y\x86\x9e\x83\x9e\xff\x976\x81\xb6x\x90}(A\x10\x84\x01H\xe4\xad\x86\xd9z\x8c=\x82\xdbQ\xa5Stq\x9b\xbd\xc6\xfe\x9c]\x7fF\xe2\xa6\x18\x9d\xf6\xfd0\xa9\xea\x1a\r\xcf2\xf4\\\xd0\xa4\xcc\xab\x9d\xe6\xa3\xfe\x9d[W\xb1\xb6\x82 \x08\x03\xef\x17\x8f\x0c^\x88\x08\xf0n\x84\x82?\xe6\xbd6\xc7hs\xc4\xe8\xb9\xa6\nne\xb8\x17\x00M\xe1\xac\xe2"\x0b\x00\x03D\x04x\xc2h-\xe6\xccD\x07\xfb9\xf9\xaa\x8a\xc7gO\x82\xeb\x1e\x8c\x0b\x00\xedr\xd4\xbf\xb1\xca\x16\xc8\x17\x04A\xd8\xd8\xc3M\xea\xb5\xfd{\xf1\x0eJY\x95V\x15\xab\x9a\xe7\x82\xd7\xfeP#;4\x10\x9blKo\xda\xe4U\xf3\xe5ja\x98-0O\xc3\xd9r\xd3\xe1\xbdy\xca\x1d\xd6\x1c\x9d\x1b/\x00`&amp;\xb7l\x82\x99\xeb\xdb\x9f\xd4-\xcb\xad\xa4\xff\xe2\x96\x14\x84[a\xbeI\xe5\xb7\x10\xf1\xfd\xfd*}\xf0\xf2?\xa6\xceM\x95Gx\xbfM\xbe\xdfP\xd9\xb3\xf2d\xd6\x8eA[\x89\x95IM\xca&lt;\x8d\x95B\xcc7\xb2b\x9cK[\x8b\xd6\x9a\xcf`\x99\xb3,\x00\x8c\xad\xe2\x93(|\n\xc3:$\xe7#+\xff?]\x03\x05Ah\x0cotx\\\xdb(col\xe8\x1f\xb2\xd5\xa1\xa5\xbc\xeen\n\xc0\x0b\xac\xc2\x97\x8e\xad?\xd6\xa2i\x14\x8bE\n,_=\x88\xfb]\x19\x8c\xd2v\x99\xd3;FZ\xbd\xa2V\xf4\x1e\x14\xb4\xba\xf2v.\xb5D\x16&amp;Y\x8e\x9e"\xdaL\xae\x9e\x0fd&lt;\xc8D\xab\x0e\x9az\xd4\x0f\xacN\xf2(Y\x00\x08\x82\xb0\xe0\x8f\x02\xd1\x00A\x8c\x1a\x98\x92\xc3\xccT\x11m\x1eM\xce\xc2\x94\xe6\x9aP\xa5\x08\xfdN\xb6\x94\x8ck\xbd\xfc\x1c}\xbdf\xf3\xaf(^\x00\xf4\x82\xd6\x1d}ti\xcf]i\xc5Z\xb7w\x9d\xbf8%\xcer\x87\x13\x9f\xb58\xcco\\\xc6g\x04A\xc8$8\x8b\xfbw\x080\xef\xee\xa1]Vb\xcdU\xa1\xa7D\x03|\xa0\xa7\xe3\x8du\xf2\xdc\xda#\xa32%\n?\xd8\x18\xd7\xd4z{\x87\x02D\x00\xf8\x93\x8a\xdbJ\xd3\x82\x88\x00o\xb6\xff}\xc6&amp;\x84\xf1\xdch\x8d\x14k\xa5\x04\xb7\xaf\xba\xa2\xde\xe8\x84\xe7\xe6\xaf\xe5i\x82 81\xc8I\xdc\xf7\xbb\x93NR\x9f~$\xf7\x8c\x0b\x807\xaa\xb9xm\xac\xdd\xde\xa7\x00 \xc0\xaf\xc1\xe3Od\x87\x06\x0cp\x83\xfa\x1a\xa9\xdeK(F\xdc\xdd, /\x17\x87x\x8a\xd3\xa6\x9b\xe8q \xb7-\x15 \xc0\x87\xa5\x0bM\x16\xbev}.\xb8\xc3\xb2\xc5\xcf\xdc\xe5e#U\x9a\x8a\xcfZ&lt;7\xd4\x84\x8an\x90\x19\xf4\x11\x04\x81\x9b\xc0\x02\xc0\x9b\xffS\x8f\x0bg\x85\xf2\xb1\xc1\xae\xb6\xf6\xa0q\xe6\x8d\x98\xde\xde\x99c\xca)\x86O\xf9sdW\xd9Y`b\x08\xf7m\xb2\xa9\x86w\tM\x90\xf0\t\xf3wS\x9c\xdc\x08\xa9\xf7\xe0)\xbc\x94\x84\x7f\xf69)\x89Q\xc9\xb5\xb3@\xd7\xa5P\x94\xde#\x97Zp\n\x82`\x12L\xf1\xed\xec\x9f\xbc\x9f7u\xbcp\xda\xc8 \x91\xbc@*\x96\xce75\x86T\xdd&gt;\xff\x88\x89\xfb\xee\xb6\xf9\xe4\xa5\x83\xee\\\xe4o\xd1K\x86\x0c\xd8\x9aJCma\x19\xce\xd5\x12\x08u\xe4\xea\x19\x08\xd1\xad\xe9Sch\x02:\x17\x17h\xc2\xce\xd1\x96\xdf\xc7\x9cc\x9f\x82 \x9c\r3\xfe\xa2\xf5\xc5$\xcf\xf0\xb5\x80/d\xb7_\x00\xfc7\xce\xf3\xa9\xd7\x98\xa5n\rt\xc8\xbd&gt;"9\xab\xee\xbcz\x03\x12\xab.\xceQ\x83\xdb\xdb\xc7\x8c\x1do\x93\x9b\x8ceM\xe0.\xbf\xf5\xcaj\xab\xe8Y\xd5\xb5\xb0C\xb4\xf0u\xb2\x7f\xd0;\x1d\x11\xde\xbf\xa4Q\x8a[)A\x10\x1a\xb2\x07/\xa5x\x07/N\x1b\r\x96&amp;s\xb4\xf7\x88\xfcy\xd2\x96\xcb\xa2\x97\xf0))\xe8\xae8\xaf[\x86\xb1\x13\x8c\xd5+\x10\xb1\xb5\x87\x985O\xe0\x8d\x88HW\x83\xd4\xd7\xe9\x81\xb6\x19a\x82\xe6\xb7\xc30\xacf\x93\xba\xf1\x92r\xd1\x93G9\xdc\x02\xf9I\xf5\xb7\xd0}\xa0\xb0\xdf\xef\xc0\xab\x91 \x08M1\x83&gt;\xd7N\xc6\x1bX\x0f\xb01\x89\xe5A)\xc5\x14\xb2\xd5N\xd6e\x14C+\xf5\x90b\xb5\x04\x13\x15\xf8\xfb,\xac:\xdbn\x16r&lt;\xdfA\xaf\xfcJq\xbf\xcc\xadd\xdc\xa0V\xc0\xbd\xb5\x9f\x1e\xbfj-\xc6X\xe9|\x18\xad[\x1a\x8b\x88y\x8e\xa3y\x85\x13\xf7\xe7\x9a\x02\xe2\x84\xeezY\x9fD\xb2\xff\tg\xbd(\xfb\nwo\xcb\xb5\xbd]\x10n\x8fH\x8a_v\x97?r\xc9\xfa\xf9Z\xe0D\xa1\xb0\x07g\x99\x1e\x0e\xaf8\xcf\xe3\xdd\xd7%\xc3\xfef\x9aR\xe0l\xc6\xe3\xa7Np\x18\xb9\xaa\'G\xaa+8\xe1\x08#\x1b\x19\xbc\xa5\x8cf\xfc\xb7\xf0^\xab_\xa5\xf7Td\x9a\x88\xb6\xb1p\xe1J*\x87\xf8\\\xbe\xd3t\xae\xf0\xd3\x84\xc1\x13\xa9*\x08B)\xf1\x89\xb3$K M\xc6\x12\\\x02Gx\xdfyz\xcb\xe8\x0b\x80\x1c\xf7\x98\xbd]7\x85w\x84"\xe2\xab\x13:4\xb0\x00\x00\x96..K;VM\x9e\x93\xb8\xb6\x91\xce\x9d\x19\x99\x99\xa5\x1e&lt;\xd8#\x83\xf5\x89_\xe7\xda\x86\xe4_\x1e\xad1\xe0\xd5\x93r\n%\x17\xe4\x08\x90 \xcc\xc8;h\xfbw\xbe\xef\xf3\xce\xb1dD\xce)o\x9dc\xcf\xfb\x12\x96\x056\xc3\xfd\x8f\xb8e\xa6\t\xfaJ\x01\xe6uca\x8fg\xcd\xc7V\xf2\xc1\xc7x\xb3\xf3\xe6%\xa1\x13.\x7fL\xe8Q\xe3\xec\x94\xb2NRa\xcd *n\xa0Z\\\xf1\x17\xe0A4\tZE3\x06\xa2891\x99\xdbo\xa3\x0fE\x1c\xd59\xc5\xfc:\xd7\xcd\x02x\x9cGs\xbfB\xef\xdfq\x8e\xb3\x9b\xeai5\x8au\x01\xdd#x\xac\xe2\xc7G&lt;A\x10\xda\xa2mx\xd4\x0ext`\xd1\xb0\'\xf3\xeb&lt;\x83aw\x1d\x984\xf9\xf5\x94\xef\xe5-\x00\x86\xdb\xa7\x15\xed\x9a\xa6\x1d\xe3\xc9\xd1\xc5\x7f\x0f\xa1FI\x96\xcb#\x12.\xeb\x1b\xa3\x89E\xfef6\xf7\xce\\\xba\x0eh\xde\xa5tu\xeb\xef\x0f\xeb\x0e\xc5\x9b\xe4\xd6\xfb\x15$\xc9\xe6\x1fe\xc8\x18\x11\x84[\xe0\xbb\xcd\x7f\xd6\xa6\x17\x17X\x00L\xcff\xd83\xdbV\xd3\x9f\xff~\x0b\xb3\xe3\x9d\xd9\xceg\xa4\xbe\xfbn3\xf2\xcc\xd0j+\xecw\xd0G\xab\x11}\x1f#\xc0GA"3n\x12\x82\\%\x8do3;+wJ\xad\xb6\xfc\xcd\r\x1fA\xb8\x1d\xa2\xdbc\x15\xb1\xe3\x93e\x01\x90A\xf9\x19\tc\x7fk\x06\x10\xe1\xe1\xd9\xf3Y3]\x127\x13&lt;S~X\x9f\x88\xb4Y\x8c\x7f9\xc4\xb0\x05\x04R\xdb\xcb3\xd7,\xe3\xce}\x9e\xa9\x101Wm\x99L\x05A\xe0!\x1cJXB\xcc\x9a\x98\x86c\xd6\x17T\xcb\x1f\x1d\nYb\xf1\'\x8djE\xebz\x11~\x8c\xd0G\xe3\xde\x15\xb3\xba\x90\xfb\xd8"\xa8\x0e\xae%\x13\xb9\xd0\x02\xf1\xabI0\xe6&gt;\xdf&lt;8k6\xff\xad\xa3\x15\x10\x04\xa1=\x88\x08?\x88\xf0\x07V\x18ze\xf8\xc0\xf4SSO"\xdc" l\xffW\x84?\xce\x87tg\x89\xc2\x9b\xb9\x18\xf5A\xf8u\xe3\x9e8\x9fdB\xdd{\x92=\x1f\xd6\xce\x1ch\xffX\xfe\xb2\xbf\xe2\xae\x7f\xf23E\xa6+N\xad\xea\x0c\xf4\xc9\xe4\xa6\xcc\x17\x05\x9bu\xe0\xd8\xd1\xe3\xdc}\'\xbe\'\x08\x97\xc28@b\x1c\x8et\xf7D\xed\xabh\xb9\x11\xb1X\x11\x1e\xc9y\x15\xe1v\x04\xf3\xb5g\nm\xec\xe6\x92\xc0\x9d \xb09\xd7\xa1\xce\xa6UT\x923\xcc\xd9\xaa\xecT\x11+}\xac4\xc4[\xe6\xf7\xd29A\x93\x8a\xd4\x7f\x12\xfb\x1b\x1e\x1eT\x89\xa6\xaa\xbc\x06T\x10\xe6by\x8d#\x00l\x1b\x9fv\x81\xd2(f\xfd\x08.\xebf\xb0\xe7\xdd\x859/\x92[V&gt;\x00\x00\xf0\xd2Vo\xff+i,\xfb\xef\x89n\x02\xff.\xaf\xd8k`L\xb0S\xcc\xb5\xb3\xa8\xa1\xfb\xa1\xbeA\xd0\x0e&lt;\xe3buS\xb8\xf1\xcf\x00w1\xcb\xfb\xfb\xf7\x804\x1d\x98\xd48]/g\xb2\xf8\xc21\xed\xe57wK\xb8K\x7f\x90\xfecHU\x92\x86\xdb\xfd\xed\xbd\x11K\xa1\x97\xed\xeb\x9c]\xd5\xce\x1b\x07\x82 \x94\x91\xda\xbe\xb2v2~\x04\x8e\xd8t\xfa\xe1]\xbfu\x17\xbc|\xf9\x9c?\x02\x9e\xde\xe6\xed@D\x80\x9f.\xb9\xf2\xf5\xbbou\x8f$\xe7F\x07\xda\xb4\xd5,\xb3\x16}K\xd2\x8aH\xbdz\xf3\xd9\xd3\xec\xd1\xd6\xb2[L7f\x033^d\xeeHRm\xba\x06\xb3\x92\xaf\x18e\xd09e\xbe\xdcT\xcf\xee\xd0[\n\xa7\x82pf\xb4\xb1\xea\x1f\xae5\x19\xc09\xa2\xc0\xfb\x17j\xf8Ob\xa6#EU\xe7\xc2\xe9m\xd5\x91\xdcD\xa1&amp;\xb18\x87\xa3\x02@\xf5\x1ey\xcd@\x9em\x01\xe0\xbb\x10\xe1\xaa\xf9G\xf3\xe6\x18\x0b\x00\xdc_P\xc3Y\xaf\xaf_\xfe\xe3\x89\xbb\t\x11\xffC\xc0\xd3\x06z`\xb2^\xf4\xb1?\xed\x13m\x0e\x02\xc0\xb7\x92\x13\x86\xca\x86\x08\x82\xd0\x16\xcapub\x04\x8f\xd8I\xa8\xd00\xd9\xc0\xbc\xfcu~[u\xa3\x81\xf3\x0c\xb7mX\x01rK9l2\xdc\x0e$\xb2Zzx\x8b\x96\xc2~E\xdd\x9d\xbdi\x0c\x15\x0f\xa4-\x94\xfc\xa7G\xb4\xffl\xe6a\xe8\x91\xf6u\xf3\x98:\x03\xdc\x16H\xc1\x99q\xd2x\x8e!\xac\xefC\x97\xc1\xf1p\xf3\x84\xad\x13\x04!\x13J\xb2\x95;\r\x04\xc3\xe2\x84\xd4-\x00HmLY\xd8\x13\x88\xcd\xefK5&lt;1zJWv\xb9~\xed\x94\x93\xf1\nqpQ\xc6\xe9e(\x0c8\xc9\xe7\x14\xab\xf5\xa2h\xc2Y\xdf\xd1\xe9\xef\xc8(6\xbfv\xff\xf7e\x02\x1bk\xd5\x1eO\xf6&lt;rTf\x98\xe2g\x1c\xd5\x1d\xfd=\xd2\xac\xc2u\x91Y\x10\x84\xd9h\x11\xc5.\x1f h\x93P"\xb97\n\x01&lt;\xc1\xb5\xdb\x11m3b\xee\x15\x8c\x9fZ\x03$\xdb\xf8!\xba &gt;\xbd\xb8!\xabw;\x0b\x00\xf8\xa3\xcc$\xafKRHI=\xd9u\x18\xda\xe9G\xce\xc7-\xf9]\xa1\xf4\x94\x91\x99\xb9v\xc2\xaen\x0b\xc8\'\x1a\x8f{\xee\x1eX\x03$y\xd9\x89\x1a+\x08B\x16\xc5\xb1l\xb6\xcd\x80\xe9\xee&lt;P"l\xbcL\xff\t\x8f\x83\xc6\xdaf\xee\x10\xb3T\xc9!\xe4\xf4 "|\x01\xc9\x1b\xfbzl\xa7\xec\x7f\x1b\x89=\x9a\xd6\xb9\xba\xa8\n\xbc\n|\x1cj\xa7h\nt\xca7\xc8\xa3sk\xb1j\xf4\xafU\xc6\xad\xcd\xfc\x9f\xc6\xec\x19N\xffsZ\xf1\xe0\x93MC\x82 \xc4\xa8\n\xeeG\x04\xb9\x8d\xd3\xc9-\xe1&lt;\x855\x9cv\xdav\xb6\x03"\xbe\x84/\x07\xfa\x94\xb6\xca\xb3\x0b\xf7\x08\xa4\x8f\xf7\xd39m\x84\xfa\x05\x80f\n\x9a;\x95\xa6h\xbc\xf8tx3\xa8H\xdf\x17\xfec\xe759\xc7\xd1\xa3\xac\xcf\x81\xebf\x85\xefZ\xbf\xd8\x94s\xe2~\xd7\x05\x12%\xddKs\xb5\x16\x04\xe1\x04TF\xa8\x9a\x19\xd1\x12R|\xb90!Q\x97\xa8\xe9\xeb\xde\xae\xc2\x98\x84\x9d\xce\xcf\xa3I\xcf\xf2\xd5\x99\x9a3\t\xf4h\xa9\xfb\xde\x1f\r\xf2\x1c\x0c\x00\x87?\x0f^\x9c\xe8\xff\x1c\xae\x83\xfbU\xf1\xa8\x8f\\\x1b\xb0\xfc_\xa4\xaa\xc3\xc0\xdfq\xfe\xdd\xe9\x02\x97 \x08\t\xf4 \xce\xb1\x00\xa8\xd2\xe4t\xf1\xa5\xbe\xc9\\\x9a\x9c\x8d\xf3\xf55d\xde\xe0JM\xdb\x0c\n\xc1\xf6\xcaK\x0ei!\xee\x11\x92\xffVk\xf2\xf1\x99-k_\x19\x9bb\x8e\xc6\xce\xb9;\xd7nk`(3J+M?\x1c\xf0\xac\xff\xd2\xf6\xef\xdb\xea\x8aT\xca\xd1w\x81\x0b\xa3\x11&amp;\xae\x92\xf5\x87^E\xe0\xda\xf1\x1d-\x08\x023f,p\xc3\x01q\xde\xbdZt 6\x87c\x01p\x1d\xa3Q\x19\x96\xcat\xa2[\xba\x86\xc6\x16l\xc1\xd5\x19;\xd0\xb9\xcfa3\xb6}\\\xee\xdb\x1aj\x8b\x96\xe6\xbfx\xcb\xb9\x9b\xea\xe4Vm\xa9\x81\xda\x83\xa4-j)\xba\xb6\x85M\xd2\xa71}\x99t\xe2\n&amp;\xdd\x0e\x89&gt;=\x13\x15\xf9\xae\xfa\t\xe3[\xdfs\x0eW\x1c\x80\x82p\xdb\xd8\xa3z\r\rW\x1d\xea\xd9\xf7\xdc[+d\xf0\xef\xafjv\'IED\xc4\x87\xcf4\xa30vz\x7f\xff\xc9\xccE\x8e\xeb*\xea\xfc\xa6\xa4J\x15\xc2}\xd2x\x8dy\xaa\x84Fs\xa7\xd0=\x9fN\xdb\xde\x8d\x8c\xb6\xf5/5&gt;/\xff\xbb+5\xea1\xdc\xf7\xe4\xb8%\xb8\x7f\x9fYy,\xc2\xc4\x17E\xa5\xfdxsw\xf8\x05\xe1\xe2\xb8\x1b&lt;\xe68\xff\xe8n\x8a\xf4\xa8\x836\xc7\x8cY\x00\x04\xb7s\xecb]\xb4a\xc6\x9d\xa4\xdf\xad\xd7\x9d\xfaT\'\xaef\x0fo\xa7\x9d\x00\xad\x99?:X\x95|\xee8\xc4\xa5\xcbG\xf7\x00m\xed\x88\xe4\xbfm\xdbI\rJ1\xef\xdf\x05\xd5\xc5&gt;G\x84\xaf\xcaX6\x0c\'f\xbd\x7fL1,\xc2S\x8f~\x0fICDx\x8b\x84MLw\xf2\x15n0$\x07L\xa9\x82 \xd0\xf1\xe5@\x8d\x87\xeb\x11\x11&amp;\x8a\x0bc\x16\x00\xb4\xf9uBs\x9d\x1eD\x80\x17\xd3\xba[\xcc~\xeb\xf4\xcf`p\xc9t}\xf1y\xbet\xea\x11\xd68j\xa3\xe1l\xadf \x9bur@\x00\x00 \x00IDATn(\xab\xeb9\xa6\xa7}G\xc6\x10\x82&amp;\x15\xf2}U\xca\x02@\x10\xa6e\x1d\x9f\x1d\x87(9\xe5}T\x1f}\x8e*\xb3\x83\xa0\xc4\xb5\xb3B\xec\xe8\xd2\xd9\x0b\x01\xfe0.\xb7\xfd\x88\x9b\xd99\x87m\xffw\x8eu,\xecN\x18\xdc\xbb\xd5\x92\xc5!k\x95\x96\x0b\x80\x86;SD=\x19SXK\x0ey\xeb\xe7P\xa3E\xff6]\x00\x08\x820/\x95\xc3\xde\xda\x9d\xca\xb9j&gt;2\x83\xe0\x07\xcc\xd9\n\x81\xc0\x9e0\xd1\x8a\xa5?\xb4y\r|z\xb8L\xd9\xa8\x99\x16t\x88\x17\x1e\xd3\xf6_\xd4\xd4\x8b=;\xf1\xad`d\xdb\r\x1eE\xd8\xc8\r\x83\x8b&amp;\xde\xab\x06&amp;p\'L\x1c\xf3\xb4\xb5|\xa6\xaaV\xcf\xe1\xdb\xc4%\xecj\x84\x14;a?\n\x82PG\xfe\xb0\xcf\x8ebg\xe3\xff\xf8[t\xb5f\x86\xb8^\x872sE\x9f/\xc4M\xfd\xb5x\x82{\x11\xf3\xa2\'\x0ePt\xc5NtvU\xdd\x1c\xc8\xd7\xa2&amp;\n\xe5_\x11&lt;%\xef\xd5\xb3qb\xf7\xa9\xd7\x1e\x0e\x8c\xad+\x90\xe3N\xb5\xcdL\x9dq3\xe4\xda=.\x08\xb7Krl\x9b\x05N\x10\x0b\xb4\\\xa4V\x12\x87\x90\xd9\x19\xd8\x9b\xf3\xfbR\x11W\xf6=_\xe6\xefg\xb4\xa6\x07\xaeJ^%Y\x9a\x10\xbf\x90\xdd2\x9b\xc0w\xd9?8&gt;\xf4W\x84\\\xe1\x11\x11?p\xa6^\xe6\xc3jTy\x97eu\xf7Z\xf8\x97\xbb-\x002\xb4\x1a\xae\x86 \x08\xe5\x84G\xef\x1ff\x8em\xcfTZ\xa9\x1b\xa5\xd2\xfc\xf2\x12\xad\xce\x00r\xa6#\xf5B8`\x98)\xf7!F\x16\xd5\xfby\x9e$\xdd\xf4)&amp;\xa8\xe4\x83\x83\xa7n\xcae\x16B\xdd\xa3\xd5\xff\xb1}\xa2wD\x93x\xc85r\' v\xc2\n*\x9aI\x1f\x0b\xa1\xb13\xc3\x98:\xcb\x88\x16\x04\xc1Ot\x00SO\x19z\x03\xc1\x16"\x9b\x90\x99\x06\xb5\xa22\x02^7\x80z\x1b\xf5\x0f\x8a\xe6K\x86\xa4y\x92t\x04\x11\x01^\xbbRB\x96\xc38\x85\x8f\xcb\xb3\xd6\xf6\xc4\xba\xce\x9e\xfa\xb7\x83\xd0|\xf4\xc6\xdbOmb\xb7\xb8\xcc\xc6=5\xab\'\xe8}\x14\xf1\xd8\xce\xce\x1c\x19Ac\x07\xd7^\xf5\xff\x9c\xb5C\x05AH\xc0\x12A\xe2\x12\xa2+\x81\xf2\x1d\x94w\x1f\x14\xf5\xac\x7f\xc6M\x97Z\x05\xddu\x92\xdctbj\xd3w\xae\xd9\x91i\xa2}P\xa5\x0e\xb9WX\x97\xaf\xcb\xa1\x8cQ\x9fwP\xe1\xd6\x16\x00&lt;M\xfb\'\x01\x135\xdaC\xd1\x16\x81\xfd\xfbeZO8\x14k\xb9u\xc5K\xfd\xc4],\xed\xf2C[\x10\xaeO\x87\x05\x80\xf7\x8a\xe5\xff\x8a\xab\x8e&amp;\xd6\xff\xae@`)\x89\xec\x1f\xa7\xd9~\x1e\x8d\xbd\x15\x9dqa\xaek5{6\x8ee\xaa\xeb3_\x86F\x96&gt;m\x7fR\xb3\x05\x80\xbb\x1ch\x9cQ\xfdVK\xe1]x\xac?P\x98\xfd\x88\x8fe\x8d\'3eo\r\x8f$Q5\x98\xc5\x14=1\x9a\xfcu\xdb}u\xe2\x98\xd5\x8a\xdd\xa0\xe9\x04\xe1\xfc\xb0$\xa9\x99\x13\xc9\x9e%&lt;\xa6\xc5\x0c4O\x1c\x97\r\x12\x97"k\xd4\xefrM\xdb\x05\xcd\x14\x0b;\xde2g\xb7\x18w\x11x\xeb:)A;\x04\xadd\xac\xa9\xa0A\xca^*\xedw\x18u\x00\x80\xbb6q\x15\x8f4q\xc5$\xcdF\xaeX^\x10&amp;\x83e\x01\xb0H\xca\xaa\xb1E \x9e-\xd5\x93\xec\xc7\xa5\xa35F\x9es \x92\xaf\xd8\xc8\x86\xc4\xb5\xe5]\x00L\xdbed,\xf7[\xd3w\x7f\xd1\xb0\x95\xf8\xe23\'\xf1\x95L\xe4\xba\x84P\x9a\xab`\xe5\r\xa5\xb7\x9d\xcb\x98,\x1cvC\x84\xdf\x8e7\xd0\xbf\xd4\xd4\xbf~\xbav+\x80QIA\x10\xe6b@\x92jV\xb7\xfd\xcds\xb8b\xbe\x80U\xaaO\xd5\xb3\x9e3\xd3I\xd5&gt;6)\xcaE\x8c\x132\xc5\xf5jya?\x93\x96\xad\x01\xfa\xa87\x15zB\x163\xc2\x9b&amp;NB\xd6d\xff\xbf\xde\xce\xf2!\xb7\x0f/c\xd6\xaf\x08\xfe\x13\xfa&amp;YK%WqTm\xdc\x85\xfa\xc2\xe3Q\xa8\x1d\x9e\xbc\x86\x1d\x04AH\xd3w\x926\xa7\xc3\x06U\xcf\x11\xbc^\xa5\xdf\x1d\x95&lt;\xa1\xa3\'9D\x84\xcf\xef\xa2C\xd7\xa3\xf6y\xe7\xdf\xf4\x7fTW\r\x99\xaeRi\x16M\xff\xd4~\xf6\xcdf\xff\x00\xf0\xc4\x9c^\xeeb\xa8\x91\x0bo\xdc\x1e\x0b!\\\x1ds*\xfd\xdf\xc5\x1aF*\xe7\x97YM\x81c\x18\xa3/|\xb9o"F\xab@n\xd5n%\xd5\x12\x04Ah\xc8\xc5\x16\x00Sp\xd5vUr\xbd\xa4\xb0 \xfb\xe7Z\x00\xb8\x82\xd3\xc5\xee\xcd`|#\xbd\xf8\xe01]y\x1e/j\xa3df\xdb\xdb\xad\xc7hby\x1e\x01g\xd7\x7fv\x17\xfav\xca\xdb\xbaB\xdf\xa6\x17\xe1\xd1\x05@\xad\xb7\x98\x02\xe7\xb6\xb3 \xdc,Z\x8c\xb0\xf2\x92V\x83\xd6\n\r\x97\x8c\xe9\xe7IP\n)\xf3\x10\xd7\xd3\xc6\xd2\xbd\x9b\x9a\xd5\xf5\xc7\xfd\x1abVT\xd9\x9b\xb5\xb7#\xea.\xe7\x80j\xf6\xa1Q\x0e=\xd4\xf4\x9dO^j\r\xb0\xf2\x8de5\xea\xf5\xd6H8\x15i\xdbR\xbe\r\x17x\x05"\x02\xfc\xbfn\'b\xe0\x8eM\x99\xf1o\xa9\xcb\x04\xe1Tx\x17\x00\xcb7\xd6\x92\x00q{\xe1\xd7\xd4Q\x00\xbfZ\xc2Ms.4\r_\xa6!g\xe3\x88&lt;g\xee\x82\xf0@8\xe2g\x83\xc1\x92+\xd0\x9b\xb1S\x12\xf7\x0cq\x05rJ9\x87\xc3\xe8\x96\xa9\xf1\xf3\xa8m\x8d\xac\xbd\xa67\x01m\x8f\xf5I\xbbP\xe4\x17\x04\x81\x12\xbe\xd9C|`\xc913\x9f\x9e\x7f\xc9\x89Z\x97\xc7\t\xbb\xaf\x92\xa9[j\x0e\xcc\xa9U\xd5\x19\x94;\xb2\x13\xd2\xff\xfd\x8ctjt\x1b\xf7$\x8f#q\x7fe\x80\xaf\x06g\x19\xc0\xae\xf3\xf4\xbcN\xfck\xd7,M\xadd\xf6E\xb3\x8a\xc8M\xb8I\x97\x10\x84S\xd1\x7f\x01p\xa69\xe3\xfb\x8f3\x91\x99W\xf2\xb7n\x1es\xcd\xddw\r\x14\xd3\xef\x8c\x7f\xab\xb57\xd6\xe0@\x7f&amp;N\x1e\x16&lt;\xf2\xabO\xdedm\xefMQ\x80hv\xd3s\xd8\xe2\t\x8b\x9cv\xcc\xb0Z\xd6,\xcf|\x18\xc9\xf1\xba\x89\x96=.\x9c\xde\xe2\x99\xc8\xd0*\xe0\xbd\x82M\x01\xb3F\xd4\xc3\x94\xaf\xf6\xea\xaa\xf6\xdf\x0f\x99\xae[\x05A(\x81\x96\x8b\'\x0b\xfcEnus\'\x91E\xbc[\xdb\xcd\x1e;\xbe\x8fc\xd6\xee+\xcb,)\x85\xd7\xcciout\xae\xedo\x96\xffB\xee\x11\xea\xb9\x94y\x9c-\x89\xd5#C4\x18Vu-\xfc9\xfa\xda\x11\x1f8g\x88(\xe5_x\x1aR\x10\x06\x9b\xda\xa4\xa9\xb5\x8f\xc6r\xd4\xa2\xeaE\x08\x82\xc0\x03"\x02(\x15\x19\x95\x88\x08JA\xd5\xc8\xf5\xc5\xa7h\xa53\x80\x13\x05\xab\xad\x0f\x10Q\x01\xc08\xd3\xed=Y\xdf}\x88h\tq?i\xc7\xd2\x10ruk\xbb\xe3#e\x94\xc3d\xb6%!g\x17\xd5\xb3;J\xd0\xa2Jc=\x83=\x8b\x88\xb5\xb1\xb1\x17&gt;\'Yb;\xb3\xf2\x15!\x82c\xae\xe1$6\xa2\xb9\x06]\xa5\x1a\x1d\xe0\x9dt\xee\xc0"E\x10\x84JH\xdb\x86\xdb.\'"\xc2\x03&lt;\xb75I5\xcd\x9cF\x04\x99Ig\xcd\x80c7\xd6\x16=\xea\xfb3\xb4w\xdb\xe0.\xb3_\x9aR*g\xf2N\x94\x1d\xbb\xdf\xe9m\x0by\xc7\xd1\xd8\xcbTZS\x1d\x99\x93\xed\xe9\x1a\xcdn\xba\x03\x1aSa\x1b\x13\x93\x19\'\x88\xaeg\xd6\x10\xa0\xb2\xf4J\xb1\xe4\xed\xb0\xd2\xf8[\x9d\x93L\x01\xa3-\x01Kwf]\xb2\x85\x94\x0b\xdd\x08\x12\x84\x8b\xa1\xdd\xc7\x8c\x8cR\xcf\x18.\x1d\xd5\xd7=\x02$d\x12\xf2\x04v\xdf`\x94v\xae;\xf8Yw\xedI[\x01\x88O\x1e9l\x7f\x95EJ\xad\xa9\xdfi\x90\x05\xaa-O\x08\xf5\xed\xa0W:\xfe\xb9\x9a\x1czhXl\x07\xbd\xc7\xbb\xcd\xb92\xbf\x0b\xc29(K\xc7k\x86wfu\xdd\x82\xc8ME\xab\xb9\x9e\xcf\xb3\xfd\x01\xf1K\xb9\x17\x00e\xee\xea\\\xc8\x9f?\x9dg\xa6\xf4\x04\x8a\xbe3=[Es\x1b\xbc\xa1n\xfff\xf5\xde\x99\x9b?\x06\xac\xb5L[\x93n\x1e[5\xdc\xfc\xd7\x9a\x01\xcd\x13\xdf\xf2\xab\x93\x05\x80 \\\x99\x16\x0b\x00\xeb\xf3/\xe9\x1dD\x8e\x08\xdb\xabFF\xf2t\xbe\xa5\xe8\\\xb9\xf5\xe5L\x87/\'\x9d\xa8!\x89\xb6\xd7\xde\xafH\x96\xcf\xechD\xdf\xf6\xffVc\xaeA\x86/\x00\xa2\x89{\x9e\x0e\x93:\x7fccn\xc2\xaf6\xf6Y\x9a\xc3\xbf\xb6oA\x0b\xf7\xa0\xc9\xcc\xdb\x1f\xbc\x9c\x8f\t\x82\xb0\xd1x\x01\x80\xee?\x932\xcb\x94Yx\x1f\xed\x9d\'\xa7\x98\x06,L{R\xcf|7T\xc8\xa9\xec\xa4\xf3A\xae\x9f\xeb\xbe\x1do5\x9a,\x0b\xdeh\xdf}"O\x97\xd9\xab\x0eO\x89\xf8\xa5N\xe19zvV\x07\xcbr\xfe^\xab\xa9\xa1\xbd\xf6T\xc6\xaa\'\xe9t\xbf={\xc6\xd8(\xf5\xb75\n\xdd\xf2\xbc\x91_\x10n\x13\xe6\xe3\r\xde\xf1\xff,\xdf\x87\xee\xe4\x973\x1d\xd6\xa9\xbd\xd7\xb2\xd4\xd85f1L\xf9\xc6\xba%WZ\x97\x84c\x9a\xb9\xd0G\xc4\xcd\xf2W\x83\x9a\xd3&amp;.\xac\xf0\xf6Z"\x15Yj4]\x0f\xf7l\xf2 \xf2\x82I\xad\xb5\xcfi\xcc\xa8\x0f\x9c\xc5Cz)\x19\xb5\x86\xbbk\x96Z\xed\xc7\xab"\xef\x8b\x05\x1e\x11\xbc\x81\x01.\x08\xd7\xa1&lt;XD\xc4e]A\xf8\xe44\x10\x9b\xcf\xb5\x00\xb8\xf9P[\x98&lt;}\xcdY\xad\xd7*5\xd7\xdd\xa9\xa9e\xf4Z\x1aU\xd1\x81y\x94\xdf6/|\xd9\xd8\x0cJ\xfa\x06Z\xd4\xc1\x02\x03s\x86\xb6\x1ctS&amp;=\x12Q\x03\xe0.\xe8\x10\xb9\xd4+-^\xa0^aA\x10f\x817\x8f,\x10\xd5#\x0fc\x96\x8f\x91\xc95\xbdq\x92QI\xb2k&gt;\xaf\xb6\x96NdZ\xe3u\x82\xad\xd6l\xb2\'\x91\xa5\xa6\x9e~\xa2\xca\xcc\x9c\xec\x8b\xcb\xeec\xf4\x9b\xbf\xa7\xb7\xbf\x97\xc5\xe5\xe6\xcbr\xec\x88D\xea\xca\x96\xadH\xe4\xa0\xf9\xd3\x04\x8fZ\xd5\xb0ExG\xae\xe7\x9f\xcfB\xf8\xd9dE\x9a\x9d\xc9\xd9\x7f\xabV\x08\x82p"fY\x00\xb4\x8b\xef\xff\xc0\xdb@+\xfc\xe5\xdd\xb2\xef\x90\'Q\x82x\x8dd^\x99\xc9\x1as\xcb\x87&amp;\'\xcb,=\xdb\x82\x88\xf0\t]M\xe7\xb3\x03\xbeoZ\x01\xddDx\x9cpK\\\xf8i4c\xb6r\xcbs1e\xf3\xed\x05\xc0\xde\xfb\xe1\x18[\xde\n\'\xd1\xf4\xec\xd9\xb3\xba\n\x02&lt;\x83C\x8e&amp;\xb1@\xb7fa\xd9\xad\x07\xe0\x97\x01\x10\xe0\x17r\x94B\xca\x08m\xa9\xff\xadG\x06A8\x15\xdc\xe1,(-0O0\xc7\xd37\xa3\xca)\xae4O\xe1\x9av\xd9\x15\r[\xa4u&amp;\xa2\xa19\xd5\xe5\te\xd1\xaa\xab\xe9\x96\xea\xde\xdaM\xec\x92\x17iV\xfa:\xba\xc5\x08;\x82\x05\xf6\x0f\x95\x9c\xdb\ts\x98\xb4!-=Vs\x03D\x80_\x0c\x15\xbbP/\xaf\xf4\t\x02\x05U\x98\x97\xc4.\xff\x90\x96M\x98|r\x11\x04\xc1\xc0\x9b\x97\xd7\xc9\x0bn\x08y\xe6\x83c\x96\xe2I\xd1*\x85Pk\xa1U\xc4\xa8O\xb5\xa8\xed\xf2Y\x03\xf4\xde}\x88\x08\xbf\x16S\x92\xdbc\'\xa5\xcc\x9f\xed\x05\x80\xf6\r\x97V\x05\xca\xb0T=\'\xf7\x99\xb5u\xed\x8c\x1fp0\xe6*\n\x8e\xb1\xf5\x81\xb9\xd5&gt;i\xad\x87L}\xf7]{P\x0b\xc2\x8d\xc0\xb0Ic\xc7\x82\x1f\xcc\x0b.\xe1\x94%[\rzj^\xc8\xe7\x9e6\xa19G*\xd6&lt;\xb18\x05\xb4\xe1\x90J\x8f\xb4kuQ=m;\xb67\x11\xf1^\xddv\x04\xcc\xcfZWJ\xa3\xc7\x02\xc0\xe8\xe2\xff\x8f5\xfc\xce\x11\x07l\x1bfh5^\xf9\x10[\xa3\n5\x94\x10-\x08\x97\x00\x11\xe0\'\xaae\xd8\xe1 ;\x11\xff\xf2]Byd\xe9\x13\x95*C\xe7@\xfaFmoE\xd4\xdb&amp;\x88\x08\xbf}&gt;\x0bs\x1d\x81\xe5\xce\x9b\x07f\xe1c\x97s=\xea\x9d9 dX~)Is\xbc\xe0\x02\xa0\x8e\xecY\xa3\x0b\x15\x0b\xbc\xe2\xbb\xc4\xf6d\xbaY\xa6Il)\xea;\xfa%\xd3u\xa8 \x08\x9c|\xc7\x1c\xfb\x01\x9dR\r\xe6\xe4lf8\xcf/\x11\x93$\xde\x94\xa2\x1b{\xeb\x10\x11\xfel.\xcd\xc7\x9at\xda\xe4\x98\x93S\xf9\xaa\x9f\xc0\x02 \xe03\x0fe\xcf\xfe\xe3q\xb5\xbf\xf7\xb2V\x97h\xd7:F\x08\x0f&gt;\xd5\x8f&amp;\xa7\xcb\xee8\xe7\xbaK\x10\x84\x9e\x9c~\x9e\xee6I\x9c.=\x1dMF\x96p\xe6\x05\xc0\xb7@W\xdf\xc8&gt;\x</t>
        </is>
      </c>
      <c r="E857" t="inlineStr">
        <is>
          <t>&lt;class 'numpy.ndarray'&gt;</t>
        </is>
      </c>
    </row>
    <row r="858">
      <c r="A858" s="1" t="n">
        <v>856</v>
      </c>
      <c r="B858" t="inlineStr">
        <is>
          <t>steps_per_sec</t>
        </is>
      </c>
      <c r="C858" t="n">
        <v>9600</v>
      </c>
      <c r="D858" t="inlineStr">
        <is>
          <t>2.6277776</t>
        </is>
      </c>
      <c r="E858" t="inlineStr">
        <is>
          <t>&lt;class 'numpy.ndarray'&gt;</t>
        </is>
      </c>
    </row>
    <row r="859">
      <c r="A859" s="1" t="n">
        <v>857</v>
      </c>
      <c r="B859" t="inlineStr">
        <is>
          <t>Loss/RPNLoss/localization_loss</t>
        </is>
      </c>
      <c r="C859" t="n">
        <v>9600</v>
      </c>
      <c r="D859" t="inlineStr">
        <is>
          <t>0.09565888</t>
        </is>
      </c>
      <c r="E859" t="inlineStr">
        <is>
          <t>&lt;class 'numpy.ndarray'&gt;</t>
        </is>
      </c>
    </row>
    <row r="860">
      <c r="A860" s="1" t="n">
        <v>858</v>
      </c>
      <c r="B860" t="inlineStr">
        <is>
          <t>Loss/RPNLoss/objectness_loss</t>
        </is>
      </c>
      <c r="C860" t="n">
        <v>9600</v>
      </c>
      <c r="D860" t="inlineStr">
        <is>
          <t>0.0052649695</t>
        </is>
      </c>
      <c r="E860" t="inlineStr">
        <is>
          <t>&lt;class 'numpy.ndarray'&gt;</t>
        </is>
      </c>
    </row>
    <row r="861">
      <c r="A861" s="1" t="n">
        <v>859</v>
      </c>
      <c r="B861" t="inlineStr">
        <is>
          <t>Loss/BoxClassifierLoss/localization_loss</t>
        </is>
      </c>
      <c r="C861" t="n">
        <v>9600</v>
      </c>
      <c r="D861" t="inlineStr">
        <is>
          <t>0.1458229</t>
        </is>
      </c>
      <c r="E861" t="inlineStr">
        <is>
          <t>&lt;class 'numpy.ndarray'&gt;</t>
        </is>
      </c>
    </row>
    <row r="862">
      <c r="A862" s="1" t="n">
        <v>860</v>
      </c>
      <c r="B862" t="inlineStr">
        <is>
          <t>Loss/BoxClassifierLoss/classification_loss</t>
        </is>
      </c>
      <c r="C862" t="n">
        <v>9600</v>
      </c>
      <c r="D862" t="inlineStr">
        <is>
          <t>0.156354</t>
        </is>
      </c>
      <c r="E862" t="inlineStr">
        <is>
          <t>&lt;class 'numpy.ndarray'&gt;</t>
        </is>
      </c>
    </row>
    <row r="863">
      <c r="A863" s="1" t="n">
        <v>861</v>
      </c>
      <c r="B863" t="inlineStr">
        <is>
          <t>Loss/regularization_loss</t>
        </is>
      </c>
      <c r="C863" t="n">
        <v>9600</v>
      </c>
      <c r="D863" t="inlineStr">
        <is>
          <t>0.0</t>
        </is>
      </c>
      <c r="E863" t="inlineStr">
        <is>
          <t>&lt;class 'numpy.ndarray'&gt;</t>
        </is>
      </c>
    </row>
    <row r="864">
      <c r="A864" s="1" t="n">
        <v>862</v>
      </c>
      <c r="B864" t="inlineStr">
        <is>
          <t>Loss/total_loss</t>
        </is>
      </c>
      <c r="C864" t="n">
        <v>9600</v>
      </c>
      <c r="D864" t="inlineStr">
        <is>
          <t>0.40310073</t>
        </is>
      </c>
      <c r="E864" t="inlineStr">
        <is>
          <t>&lt;class 'numpy.ndarray'&gt;</t>
        </is>
      </c>
    </row>
    <row r="865">
      <c r="A865" s="1" t="n">
        <v>863</v>
      </c>
      <c r="B865" t="inlineStr">
        <is>
          <t>learning_rate</t>
        </is>
      </c>
      <c r="C865" t="n">
        <v>9600</v>
      </c>
      <c r="D865" t="inlineStr">
        <is>
          <t>0.039409354</t>
        </is>
      </c>
      <c r="E865" t="inlineStr">
        <is>
          <t>&lt;class 'numpy.ndarray'&gt;</t>
        </is>
      </c>
    </row>
    <row r="866">
      <c r="A866" s="1" t="n">
        <v>864</v>
      </c>
      <c r="B866" t="inlineStr">
        <is>
          <t>train_input_images</t>
        </is>
      </c>
      <c r="C866" t="n">
        <v>9600</v>
      </c>
      <c r="D866" t="inlineStr">
        <is>
          <t>[b'1024' b'1024'
 b'\x89PNG\r\n\x1a\n\x00\x00\x00\rIHDR\x00\x00\x04\x00\x00\x00\x04\x00\x08\x02\x00\x00\x00\xf0\x7f\xbc\xd4\x00\x00 \x00IDATx\x9c\xec\xfd{\xfc\xfd_[\xc8\x89\xaf\xd7\xdd\x9d~\xe3T:M5D\x85$M\x07\x14\x1aCRB9\x15)Cb\xa6&lt;\xc2=\xe9\xa0)?\xa3\xd0\xcf\xa41aP\x94F\xa8\xa1&amp;\x12\xc3\xd0P!Q\xfdL#\xa4\xc3\xa8\xa9[Bjn\x1e\xf2\xab\xd4\xf5\xfbc\xef\xd7k\xaf\xf3\xba\xd6\xe9u\xd8\xef\xe7\xf3q\xdf\x9f\xef~\xbf\xf6Z\xd7u\xadk]\xebZ\x87\xd7k\xefm\x0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1\x119\xda\x84S "\xb8b\x1c\x0fO\x9e\xc1\xabg\xb0\xa1\x81g\x88I\xc9\xa1\xa9\x9d\x17\xb6]\xff\x9a@Z^Qx\xb1h[\xe2z\xbc\x15\xfa\x92\xc6\x18c~\xd1]\xb8\x88I\x18\xe0^\xac0\xde\xba\xf8O\xbd\xa2\x9e\xd8|\xbfX\xefJ\xca\x86\x94=\x8f\xd6%l6:\x1b\xc2\xda73\\\xc3\xee\x7fov\xe6\xbb5\xd6\nma\xb7V\xee}S)p\x13\x9b\xe9Y}\xf5Z\xbd\x00g\xe3\x15G\x1b\xf0\x84\x90\x1al\xfe\xc6\xd1\x06&lt;\x11\xcb\xd1\x068,\xcb\xb9\xecy\x90\x1d\x80\xcb\xb2\x9c\xd7\xf2\x08\x1f\x18\xb9\xe6\xda\x7fk\xce\xb2\x98\x8f\xec\xe8\x14\xbb\xda\xb6\xbe\xf9I\xb5B\xd2\xda\x13n\xffI\x9b\xc6m1\x97Z\\\xc5\xae\xe6r\xad\xc8_Xu\xdf=\xb6|\xf6-6\x1e\xcbb\xcf\xc6\xa4,_\xa9]\xf1-\xed\xaav\x1b\x8b\x13\xc1V`Y\x16c\x16#b\xcc\xc7\xa44\x8a\xc8\x12\xf5pL\xe3\xad\x98\xb8\xa5\x8a\xb1a\xd9\xbb\x18\xf3\xd7\xb6\x8b\xf6\x82\xf7\xf6g\xaa!)n\r\xac\x1dz\xd1\xc2\x9b!k\x99\xc2\xa6\xb4hj\xed\x80\xb9Z\x02\x01\x80\x1di\xceD\xfdz\xc7\n\xec\xe7iNJ\x9e\xa6!/\x82s\xf7\xd4\xa8@rNgG\x0f\xff5\xe0?1\xf5\x96R\xddV\xf8ScU\xac\x15\x7f\xe2D\xb6|\x86\x9d&lt;Z\xf6\x05Z\xf7\x01\x12\xea\x9c\xd7\xd6\x95\xe4\x8d\x8b\xc7\xbb\xae(\xfb\xdd\xbc\xbb\xec\xeb\x8f\x92aaO]\xc4\x8cx\x8d\xa8\xd2P\x80w1\xd1\xd6[\xc9\xf7\xb6,_\x1d\x1b\xbb-\xa0lu=\xfe\xad\x92\xa2:\x8f\xcfTX\x08\x00\xcf\xc4\xae\xe3\\\x97V\xc4\x98w\x9en\xca\x91\\"\xc3\x9e\xdc&lt;h\xe0\xc0&gt;\xbdN8)V\x87\xc1\x95/t\x16\xbe\xbac\x0eoY\xec\xbdk_\x0f\xd7\xb85\x0b\xca\xe4\x06 e\x89\xa7.o\xaa\xa6i\x12\xac\xe63\xfb\x93\xad`\xcc\xa4\x87sR\xef\xda\x92\x13\xce\xd1\xe4\xdex\xc5x!\xdb\xb0\xd4=\x1aM\x7f\xe9|\x9b\x1dJ1M"\xe6\xbd\xeb\x9e/\n\xbc\xfdo\xf4\xd5\x01\x9e\x80W\x1em\xc0n\xecz\xcfNw\x8b\xf0\xc9o#\x9e}\xe5\x7fg\xed\x05\x119\xf3c-P\xc1\x81\x9dx\x81\xf8\x11\x91eYn+n\x13\x8f\xf9\xdb\xd0\xf5\x9f-Y\x96eY~\xba\xc8\xdfY\xab\x96Z\xfbkn\xb5\x1c\t\xf6\xfb\xeb\xc3K\x8b\xfd\xa7[`U\xb4,\xa5UcX\xf7^\xc5[I\x87\x06x\x17\xa3\x8a\xec\x8b\x8b\x89&lt;xskJ(yY\x96\xccZ\xf6f\xa0\xfe\xa9\x12\xdb\x99Q#-9\xf7N\x0eKYv.\xc6\xc8\xb2\xfc%OI\xa04\xf7\xdcQ\xa2\x9c\x88$\xd2\xe9\xd6\xa9iJ\xde\x88\xb8\xb4\'u\xaf\xfe\xfc\xe1\xcd\x12\x00\x00,\ng\x18\x9d\xb2\xf3\xa7J\xd5\xd2\x86\xc8\t\xc5N\x92\xfc\x02\xc1\x99\x13\xf8\xd3\ru\x9e\xae\x17\xd6\xe6\xf8\xab\xe4\xaft\x8b}\xbb]E\x99\x7f\xd62\xda\xf2)\x19\x9f\xe1\xde(\x88\xf0K\xfc\x0f\xbcFlM\x1fN?\xaex\xef\x06\xf7\x07\xdc\x8a\xda\x07o\xc4\x99\x0b\x1c\x99\xa1\x00\xb7VNl\xe9\x0e@hC\xe4\xb21\xc6\x98\x1f\x95\xa98\x81\x8a0\xf8\xd3Yo\x9b\xd1Sa(\xdb\xe4\x03\x0f\x00 D\xae\xb3\x01\x98\xc4\xc9\xcd\xbb\x08\x15\xcf$&lt;\xea&lt;\xc2\xe3b]P\x1f3\xe3\x1b\xf8dq[\xdb\x1cM\xa4\xd5&amp;\x9f!\xc9*+$|\x14\xc7\x1f\x02\xfebY\xc4|N\xf2\xad\xe4\xc2\xba\xcd3\xce\x95\x8aQ\xac,Y.\x7f\xc1TpC\xb9\xbd\x99\xae\xfa\xb9r\x02\x00\\\x1c\x11\x11y\x03\x12\xd3\xcb\xa0e\n\xfc\xebcV]\x9d\x12f\xf2:\xcar\'kE\xe9\xa4\xb6\xc9\xdaT\x1bgl\x00\xbcb\r\xee\r\x17v\xc5u\x9e\xe6\xdd\x8c\xb4\xc4\xca&gt;r\xc5\x04\x8f\xd7k\x0c\xd07&lt;\x08\x80\xb8X\xcd\xc2W\xd3\x0b1\x8d\xf7w\x12\x85\xcf\x85\xd5/m\x15\x1f\xaf+Z\xe7\xc4\x03\x00\x1c\xc0\x80\x84\xfb\xcc\xe0\x9c\x17\xc36{\xed:"F\xacxN\xcbQM\xd3/\xe9j\xc5\x1e\xd2\xa26\xbd\xce\xf2\xdaz\xf6\xe6\x0bZ\x9b\x90X\xdf\x1b\xefy\x1b\xfb\xadpu\xe85\xc4+\xach\xa9j\xe3\xb4\xc9\x0e.:r|\x17\xa5[\xbdV\xa9\xda\x01\xc6\xdbr\xc6\xf1\xde1\x1c\xbc.\xae\xba\xfdb\xb9\xe2|&gt;\x01x\t\x9c1\x1f\xc1\xb3q\x8d\x18{\xfa\xb1\xd0\xd2\xc0\x0b\xfad\xde\x06\xa0\xd5\xa2.R\x06\'\xae\x8b\xfb\xbe\xb3\xbc.\xaa*\xd8\xe0?\xc4\x1f\xff\x91\xac\xb4\x80\xdc1yz\x03\xd0\xe0\xf6\xf7\xf4DeV\xf9Y\xcf8\x0f8e\xcag\xb6\x10\x91\x92\x93\xd9)PS\xcb\xfd\x9a\x07)\xef\xdb\xa4\x0b&amp;\x19\x80g\xa0y:\xac\xd52[\x05l\x9c\xcd\xdb\x03\xed\x99\xdc\xb4\xe7\xfe\xd2X\r\xf9\xa7\xab\x9f\x81}2\xde&gt;\xc4\x97\xb9\xd6\x9f\xf6~\xa0c\x1f\x9e\xf4\x98\xde\x99\xc5b\xe9\r@/\xe2\x12}W#\xa4\xaa|\xc6\x92\x8c\xf0\xdd\x98\xa6\xf1\xc3\x9ei|\x01\xc0\xe9!\xe3\x00\x8ca\xc8\xf9\xeb\xc99\xa8Es\x96\xb6\x8a\x13\xf4\xa1\xfcE\xe5\x91\x7f5m\xf6kj\xe57\x00F\xb7\x1a\x0e7Z\x1d\r\xef\xf2a\xaa\tz!\xe3\x0b\x8ft\x0e\x00@\rS\xd3\r\xb9\x0c\x00NI\xf2\xf8\x7f\x88\xf0\x1a\x99\x03T7o\x00\x02\xed\xaf\xde\xde4\xee\x06\xa0\xdf\xc86;\x07\x92h\xcbve\xe4\x9d\x96\x8fw\x0b\'j9\xd2\xd8\x00\x00\\\x06\xc6j\'x\x0f\xf2\\vF\xbc\xa2\xcd0\x92\xf7\xd3\x9d\x9a\x1f\x15\xde\xb2=D\x1e\xfd\xe4C\xe59\xf7X\xd3\x86J\x0b\xa4\xa7;%\xdf\x90\xfa\\\xf4k\x1b&lt;\x93\xd8\x95\x01\xc0\xc9\xb8\xe6\xd2\xe4`\xde\x10\x8f\x81\x9au|}\xc2\xc1vT\xa2\xcb\x0c\'\x19\x08\xa7\xbe\x01\xf8\x9a\xc9\xf7\'\x87&amp;\xf0\x8bM\x07\xe1\x8a\xb6\xc7\xfe\xaa\xba\xcd\xab\xf0~R\xf2\xf3\xaa\xf7\x99\xeb/{\xde\x01\xf0\xf2`\xac6\x80\xc7\xa0\x86\xd9\xd1\xf2\xa2\xa3QD\xde\xe2\xd0\xe71\x8eR\xbd\x19\xb0\x8f\r\x87\xb74\xce\xd6\xfc}\x8f\x9c\xaden\xb8\xde=\xf0\x13\xbd\xce\xd1\xbb\x88\x98\xf7\x90\xed\xfa&gt;Ks6\x00\x00\x97\x82\xb1Z\r\x1e\x03-L\x87\x93i\xf2\xad\xf6\xcc\xf8\xfc\xf7@\xf8\x16\xc5\x1b\x9b\x1f\x86yc\x0b\x8c\xdf\x91x\xf6}+\xa7\x178=\x15do\x0eT&gt;\x99Se\xed\xbd0\x1b\x00\x00\x008\x10\xa6\x1f\xd0"\xe9o"\x1f\xf5lI?}\xbb\x14hAD\xccG\x8d\xf4\xedEW\xc6J\x9b\xed\x1b\x11S\x15\x01\x00\x000a\x1c\xc9sL\xd8o\xab\xfb\x16\xc8C\x1b\xfbg\x93\xa1&gt;\xcb\xb0\xfd\x1b{\xbaXJ;\xf6\x7fi\xf0\xf9E\x8f\xc6#f\xbf[i/\xda\xd4\xc6\xfa\x1b\x14\x00\x00\x001\x8a\xd3\xed\xe1\x93\xf1\xe1\x06tsu\xfb\xb5\x1c\xbdt\xdbYu\xc5\xf3\xe2\x83\xdcr\xad@\xba\xff(r]\x9d\x8e\r\xc0\x91\xe1\xb7W$lZ\x8e\x1ek\x00\xc3x\xc5\xd1\x06\x00L\xe7\xc2\xf9\xfaP\xcb\x97e9P{+\xb6\xc7\xaeh\x7f\x0bG\xb7sg\xfd\x15\xeaF\xc4\xb0\xa44\x9e\xf5\xb1\xab\xc5,\x8bQ5\xdc\x97\xa0tW\xa8z\x80\x97\xdb\xbe h\xb9\xe3\xd5hnZ\x8a\x98\x16\x00\x98\xcb\xcf&lt;\xda\x00x\xd1\\x\xf3\xf0"\xb9x\x7f\xb5?\x9d|\xf1\x86\xb7p\xd6\xf5\xf7%\rx\xb2\x10z\x93\xc1\xdf\x11\xec|\x8d\xd2\x93\xf9\n\x00\x00\xce\x00\xf3\xca\xcb\xa5\xe1!\xe3c\xd7"\xdd\xaaO\x1a\xed\xe3\\\xbaO\x03\x07h\xe9\x0c\xa4\xdd\xe2\xd0zT)\xadn\x9a%\x12\xfffU\x00\x00\x80\x0b\xc0\xd4\xb5+\xaf7\xf7\x07_O\xde\x9b\xa5\xe7:\xce\xb7\x90:\xfd\xf2n\x8cmc\x9b\xb9\xf3\x06`\x07E)\xed\xc6\x98\xef&lt;ux\x00\x00\x948\xfd&lt;\x07P\xcf\x19Cz\xfao\x1b\x9ds\x1b\x90\xcf0=\xf9gf\xe2z)\xe7\xbb\xe7\xdc}\x9d\x9c\x9e\x8fJ\x03\x9c\r&gt;\x04\xfcr\xe1CME\xc8\xf5\xd7\xe3\x8c1=\xd1\xa4\xf5\x9bIL\xd7\x1e\xa0\xfa\x9b\xd4\x07\xd0\xf3\xa9J]\xbd\xcf\x8e^\xcd\xb7\xe2\xd2\xc3\xbd\xaa\x83\x16\xed\x07\x85\x9f\x87Q\x01\xfc\xb2\xbc\x06p\x16.\x9d\x9e\x01\x00\x06\xb3_J|\x01\x9ba\xc5\xf3\xe5\xc7q\x06\xc3.~&amp;r\x96\x1f\xce\x038\x03W\xbb\x03\xf0\xc2N,\xe0\xa5\xc2\xe4\x04*\xf6\\\xc6&lt;\xfd\x1dC\xcb\x99\x83[\xfa\xd4\xcb\xcd\xcb4\xcd\xee\x84b0_|\xab\x03P\xe6j\x1b\x00\x80\'\xc5\x9do\xca\xeb\x8f\xec\xfc$\xc1\x0b\x00(\xb0|\xf74\xc9#\xf6N\xcb\xb2\x9c\xf1\xf1\x93}s\x8crQ\x1e-\xe6\xf6\x82X\xff\xde\xabx\xb5\x9e~\xc7\x0b\x00\xcf\xcf9\x0e3\x0e7\xe0\xc4L\xfe@\xe4\x9b\x88\x18\xf3\x06m\xf2a&amp;\xbd\x83b\xc7q}\xfc\xf3\'p8~\xbc\xed&gt;\xb3h\xd4\xa5&gt;\xaak=Cu{\xf1\xa7&amp;\x18\x08\x00p&amp;\xce\xb1\x01\x80$]O\xf7v\xcc\x88\x00\xf0\x92\xa9\xca\t\x914\xf5\xff=&gt;\xab\x84V\x89\x85WvO\xc3\x00\x00N\x00\xeb\xbf\x13\x13vM\xcfm\xee\x8c\x8a\x17\x10\x03\x92x\r\x00\xcfI"\xa7)\xd3\xdd\xd3\xa7D\x80$|\x06\xe0e\x90\xfe\xc6=\xd2\xdf\xb1(\x9eU\xad\xa8\x98\xc2\x16\xf8\xd4=~o\xe6\xf3\xeft\x1c\xae\xf5p\xce\x85L\x85\x0b\xb0,Kl\xb4\xdf\xbe\xe64\x97H\xb7,\xf1\xa2\x92\x05\xc0\xc63m\x00\x18\xc3-\xf09\xa7\xc3Y\xea{\xe16c)j\xc5?\r|\xf5\t\xafh\x7f\xcfw\xcc_\x8dSwftev\x80\x1dp\x18\x07Fg&gt;\xd2&gt;\xdb\x18\xb3,\xf7B\xa7\x1eE\x00sx\xe5\xd1\x06\x0c\x84y%\xc5-\xb5\xe1\x9f3\xe2\xadSED\xf3\xfdtF\xf7\x8d\xb8\xb7\xdf\x87Z\x96\xe5\xc9f\xb7\xb8\x8bD\xa4z+%W\x1f\x17k\xcf&amp;\xef\xef\x1d\xbb\x11z1\xdb0\x88#\xb2\xc7wwoa\xa6&lt;\x19q\xbeom\xe1\xf7\x85\xe0\x85r\x8d;\x00\xec\xce\xbb\x10s[\x1f\x9cc.\xfe\xfb=\x95\x89\x84\r\x91\xedW`\x93O\x80\xbc\xa4\x83\xf0\xb6\x9f\xb6~\x06\xe7\x9c\xb6\x8bu\xa3\xf5iG\xf4\x0b\xf8\xc8M\x99=\x83\xb3\xc9\xdb\xf4\x11\xc0\xd9a\x88NDD\xder\xb7$\xd8\xabh\xba\x9d\xf9\xf9`\xeal\xa1\xff\xeco\x94U\xc2gi\x8aO0\xff,&lt;}\x03/\x01\xbdP\x03\x8e\x1a\xc0\xb7\xdcCN\xe9\xcc\x17\x94\x12\x01\x00\xe2\x90\xfb\\\xb2\xde\x98\xe6\xab\x7f\xab\x9e\x84\x92\x1b\x80X\xf5\xccn\xa1\x83F\t\xfbD\xda\xcb\x9d\xce_f\xab\xaf\x8f\x88\x987~\xa6\xbe\xbb@[z\xf3\xe1o\xbc@\x1b\x01\xf2\x9c\xf4\xde1\xbc&lt;\x06&gt;\x8d}\xf9\x07\xbb\xf3\xa4\xa6\xab\xd4c^\xd1\xf2\x9d\xb7\xe6\xe5\xe8\x87\xcbWD\xa4\xff1\x83\xd75\xe65c\xcc9\x8e\xd3\xf4\x08T#\xda\xcf\xf4G\xaa\x1a9\xcb\xc3\x9d\xd7\xc2\xce\x8a\xe7y@\x16`O\x08z\x80SQ\xdc\xbd\xe4\x8e\xab\xa2k\x88\xe4\x86\xe1\x85\xcdy\xf9%\xf2!\x0b\xe8\x8e\x95\x9f/\xa4_\x0e\x1c\x05\x9b\xb7C`\xe0\xc0\x0b\xe7\x1a\x1f\x02\xee\xe7\x85&gt;\x12p\x15^\xec3\x1b\x01"\xc5\x079\xb4s\xd5vk;:\xbd\xbd\xa09Ow\x97\xff(\x87t\xeb\xe5\xb7\xcf.\xcf\x0b\x1a\x8c3\xa9\x9dD\x96\x95I\xf6\x00\x9c\x9c\x97\xb2\x01\xa8\x19\xe4/w\x12=l\x15~\x85,\xfc\x89\xbb8\xe7\xf6\xeb5\r\xb5\xa23\xd9v\xc5{\xeb\xf4\xce\x1e\xc9\xfdKp\x0b\xbf\x85wL\xe4\x8f\x08\xfb%\xf1\x1a\xf6f\xfb(\xce\xcb\xfd\x14\xca\\\xb6\xef9\x88\xbd\x17\xfc\x98:]\x00\x00p\tH\xd6Z\xb4\x9f\xe8\xb5\xaf\x8f\xfc\x04p\xd9\xb6y\xf2kycE\x93\xcffs-\x07n`,&gt;\xf7\xd2&gt;l&amp;\x1c\x8c\xfb\x0c\xb4\x17\xc7\xdd\x99\xd5_\x93\xa0\x95N\x7f\xc1\xcb\x83\x13#\x80s\xa1y.\xdc\x9b\xab\n\x07\xc9n\xe9e1=\x03?o\xde\t\x9ff.\x9a\xa4q8t\xf0\x83\x8c\xf9\xde\xa3m\x98\xc2\x1a9\xb7\xbf\xfc_\xf4\xbb_}aqu\xc2\x0cP\xa4\xa2\xb3\xf6\xf9a3\x00\xc8\xc2f\x1d.J\xf94Zq\x16e\x1fq}\x86\xbep\xdf)W\xee\x16|\x8d\x18\x06\xefK\xe3\x85\xf6\xf86\xe8\xbew\xfd\x99\x8e\x11\xc7\xccI\t\x12&lt;\x06\xd3\xad\xebE\xc0\xf1?\xc0\x19Q=\xde\x00\nlO\x92\xec\xce\x89~\x8d\xbe\x95\xb1\xaa|RA\xe8i\x1eK\xd8\xcd\x06I\xfc6\xc2\xf3rpc\xcf\x10];\xb0\x8e\xa3\xc6_\xed\xe8\xec&amp;\xa5\x93O2\xd8[\x19iy\xe0\x87\xeb\xba\x05\xe0%q\xa6\x14v\xe9|\xfaB\xb9P\x97\xe9\'l\xa7d\xb8\xbepwz\x8f\x8b\x8a\r\xc0\xc5\x17\r.\xc5\xb6&lt;MK\xebx\x99\xad\x1eF8\xd04c\xaafd\x8d\xe9\xa0\xe6\x81\xfcTI\xc0\x18c\x8c\x88|\xe5s\xb5\x08\x00v\xe5\xf9\xd2"\xec\x82\xf6\xb3k\xaa\x00\xfb9\x15\xbf\xf5\xbb\n\xfc\xf6*\x15\xca8\x9f:\x16\x86\x08g\xc0\xc6x\x02\x9f\x1ck\xffc;m_T\xd5\xb9H@^\xc5N%O\xd6\x1c\x008\x06\xf2\xc8\x858Ug\xedb\x8c\xff\x80~\x9bR\xf5J\xa5\xadE\x07\x7f_M\xb0t{Y\x0cZ\x0c\xbdt\x07\x06\xa3L\xbb\xbd\xbf\xc8b\xf4\x84\x16\xd6\x9b\xf4\xe6/z\xa4\x03\x00&lt;\x0fW\x988\xe3|\xee\x10\xcb\x15\'\xf7\x03\xb4\xac\xa2Bi\xfd\xf2?\xe6&amp;v\xd9\xad\x1f\xaf\x1a0;S\xdb\xd7\xd7\x1d\x89\x9d\x04\xf7\xd6\xd6\xc7\xcctw\xccN\xb5\x078\x83\r\xb3x\xd9\x9b|\x00\xa8FD\x8cy\x87\xa3\xad\x98B\xe2\x8c\xea\x14\xf3P\r\xe1\x07\xb9\xaee\x7f\r\x87~b;\xb2L\xf9i\xd7\x8b\x96\xab\x19|\x0ckG\xe3\xab2\x92 S#Uq\x1f\x83\x93f\xcd\xb4\xe1\xf0\xd6\x01\x80\x12\xbe\xd1\xf6\x8e\\\xf0\xdb\x8b\x95\x1c\xd1\xb4\xdb\x1c0U\xa9\x88\xbc\xb8\xef\xd8\x9e\xca#N&amp;~\xd7\xf5~\xbd\xf6\xc4#z(\xf7\x05\x1b\xbe\xca\x93Y\xd7.&amp;\xf8m\xed\xb5\xf46\x9e\xfc*\x07{[\xa6%\xe7\x9d\x06\xf8\xd6\x1dCu\xcds\x0b\xc0\x19y\xc5\xd1\x06\x9c\x85\xa33\xf2D\x8eh\xda\xd2\x95IUgH\x8b\xdd\xae\x13\x9eb^\xe5$,b\xa7&gt;`\xbe`\xab\xab\xfc\xfe"\xad\xe0~\x9exD\x0f\x05/u\x13D\xdacT\x9c\xf4i\x94\xc5\xccJP\xcb\x9e\xab\x7fc\x8c1\xffRS~\xad\x92\xbe\xf5QwS\xe4\x8c\x9d\n\x00\xf0\x129\xc3\x8du\x8f\x13\xd8\xa3\xfdR\xd1\x01\x9a\x8eo,\xb4r\x8e\xe7RN\xcf\xa7V=\xff\x93z^\xe8$\xae\xce\x9d\x98t\x1c\xa6\xec\xd6\xba\x9b\xfd\xcas\x9f\xcd*\x111\x9f\xd5k\xdeIz\x10\x00\x00n|\xf5\xd1\x06d8f\xb6\xb8\xe6D\xf5\x9a\xe9\x1a\xae\xe7\x93\xb1$\xbfI\xd6\\5fv\xa2r)\xaf\xd8\x00\xec\xfbU\xfd\x8e\x01\n\xcb\xa3o\xcc0\xac\x83\x9dn\xfc\xfa\x8d\xfa~\xc6\x08&lt;\x03\xdc\xff\x85\xb3 "\xcbb\xdc\x98\x94\xa7x\xd0\xff\xdf\x88\xfc\xb0\xfd[q\x9b\xb4.\xe4=\x85\xc1\xcf\x11\x0f\xe7\xa5#fN\xf8\xfc\xf4`\x93\xc2\xa5m\xc6Q\xf9u\xf0Q\xd9@i@,\x15\xdf\xdf\xb9\xd5\xae\xaf8\x05\xe1s&gt;\x00\x1d\xf0\x19\x008\x0b\xcb\x1f4\xc1\xcc\xb1\xc7\x13\xa5\xb39d\xf5\xff\x94\xb0\xfa\x9f\xcd\xb24\x8f\xb8\xf3\xf5\xcb\xe4S\xda+\x86\xe2b\xcc\xf2;\xcb\x96/K\xfcC\\\xc5\x8f4\xa4*N\xe2\x8a]\x00p\x1e\x18?\xa3\x10#5\x9f\x9e\xbc*\'&lt;\xe7\x838\x97\xbb\x03\x00pf\xecCt\xe5\xb0\x8a\xde\x07\xb8\xe8\x90\xdc\xda\xa2\xb8{p\xc9\x06\x02\xbc4\xb8\x030\x06\x91\xd3}/\x80\xf2\x03R^\x95\xd2\x13\x9cd\xf6\xcb\xd0q\x9a\xab\x87G\xc6\x9f\x87\xb5+U\x1d\xfa1\xe7\xfb\xde\xad\xd9\x9ci]{\x98\xe75N \'\x00\xc0\xb1\xec\x9a\x83\x1e_2\xa0(;\xdb\x98\xbb\x9a\xecj&gt;\xf5\x19/r7\xd4@\xb4&lt;\x03\xb7O\x85\xd6$\xb1GMcn\xcf\x85\xfc\x8bY\xc6\x9d\x0c\xc5\xc7\x7f#\x85u\x9f\xbe}\x06\x9er\x12y\xcaF\x01\x9c\xe7H\xa3\xc0%n,\x9e\xca\xc8\xfc\x13 \xb1w\x1f)\xee&lt;\xad\xd88\x95o\x01\x9e\x8f\x8e!\xb6\xc3\x0f\xff\x9d\x08\xfd\x07j\xab&gt;7\x0c\xa7\xc5\x9a.\xf9\x1e\x02x\x1e.\xf3\x08Pz\xc8=\xf5\xbe\xfcO\xb5\xb7.\xf3\x04H\xe2\xf8\xbfY\xd5lx\x96\xfd\xa5\xf1\xc1\xde\xdf\x1c\xbf\xd9\xc4\xbd\xd1}H\xd91\xc4v\xfd\xe8\xe7\xe1,\xa9\x83\x13\xbfk\xde:\xfcN\x83\xa9\x86\xbd(Z\xef\xb7\xb7|}\xaa\xf5\xba\xb66\xc0y!\x1f\x9d\x1b\x91\xf1\x1f,\xb6\xf2Y\xf0c\xba\x91\xeb3\xe1#\xc5\x10!r\x14=c \\\x96\xe8Q=\x9f\xf9\xde\x01\xdb\xf3^\xc2|\xa6\xcf\xfb^\x82\xd8\x87\x92\x9d\t\xa54"\xee\x02\x14}\xe4\x94\xe4^4&lt;\r\x97\xb9\x03\xf0T\xe8\xcf\xeaf$\x9a\x13}\xb5\xe6Y\xec\xc8\xc0\xd9\xf3\xfeD\x02\xf44!{\x06R\x03x\xf9c3\xb4\xfd\xc0\x0c\xa1W$\xf3\x19\x89Y\xab\x7f\x92O\x9a\x88{\xdfBQf\xc5\xfa5\xb6\xa2\x93\x1d!\xe7\x99&gt;\x01\xe0\x14\x84\x1f\x12\xca~V\xec\x04\x9f(\n\xbe\xc4\xe3a\xf0\x8f=\xda6\x80\x13\xc1phF\xcc\x1fy\x1e\xefeR\xba\xffI\xdfq\xea\x08\xbf4\xe1\'\xaa\x13\xee\x8a}\xf6Z\xdf_\x9f\xf2b&gt;\xc0\rp\tR\xe3\xf0\xc8\xf1\x19\xcb#\'X\xe8\xfb$\x9f\x1e\x1e;{\x01\xac\\;\xa2\x86\x8c\x08\x86\xd5SPX\x02\xce\xc9\x9f\x1f1Y\xfe\xd3\x93\\\xbe+\xa7&lt;\xab\xd8V\x92^\x008\x88\xcc1\xcc\xfe\xc6\x846h\xcc8\xc8\xd4\xdc\xf1\xd5\xfe\xd6\xb4s9\x83/\x06\xbe\xb5\x19\xe2\r\\z}\x8e\xce9\xe1M\xe6\xa3,9#\xe9\xbb%\xa9\x85~\xfd\x06\xe0\x86\xff\x15\x05\x00\xb0\x1f\xd7[\xb0\x06\x1c\xd2\x84\xd9J\xff\xf4\xae7\xac\xaf\x1d\x00/\x83\xfe&gt;:K/\x9f(\xe1\xecj\x89$\x1f\xab\x008\x13\x99\x11\x9a]\xe8\xd7\xff\xf6\x05\x00\x1c\x05O\xaaDQ:d\xb2\xdfX+\xc0sr\x9d\x84s\x15;\x9f\x9e\xf0\xf1t8\x06\xf5\x82\x81&gt;\x0287\xcf\xb5\x01\xb8@+lW+\xdc~\x81\x16A\'\xfb\x8e&gt;"\xca!\xef\xfc\xd1]\xf3S\x86J{\xc9\xec\xf4!\xabg\x99\x19\x01\x00b\\"\xc7)?\tp\x89\xb6\x8c\xe2\xa8\xc6\xbe4?\xcf\x05O\xea\x98\x11r\x89H\x9e\xd7#\xf4\xf5XF\xfaSD\x8cy\xdb\xd8Ez\r\x00\x9e\x91gZ\xccMj\xcb]l\xa5\xe4\x1d\x8e\xa6$\xfdE\xdaSl\xc8I{\x92\x10\x82\x1d9\xfe3\xa0a\xc6\x18\xb4\xe0c8\x149\x9f\x8b~{\xaa\xeb\xcfg\xea\x1e\xbc\xccV\x03\xc0)o\x0b(\xbf^`\x92\xea\xd39D\xf7}\x0b\x1a9M\x15O\xe6\x8d\x17\xca\x85{\xe1\x0c\x03\xaa0\xaeO`\xe1S\xd2\x97N+*nZz\x9e\x17R\xec\t\x89\x13\x00\xb8\x16\'\\\xd4f\xb9\x96\xb5G0\xc6?\xebL\x99;\xef?\xe3\x8e\x08J\xd0k\x1e%\x87&lt;\xd3\xb3@\'\xea\xf7\xfd\xe3p\xea\x07\x06\x18S\x00`\x8cy\xc5\xd1\x06\xd4\xb0,\xd7\xfa\x15n\xcf\xda\x0b\xaefn\xd6^\xc3l\x0eF\x9f\x8f\xa5i\xc8_"\\\xe7\xf0\xf0\xd5\xea\x04\xed\x97\x83e\xb3\xd3\x01\x1e}\xb9}\xb8\xb2F\xfexG\\k\x1a\xadb\xea\xc6\t\xe0\xc9\xb8\xd4\x06\xe0\xe2\xec\x95u;\xd3\x9fS}r.\x1d\xe3\x91\xe2|\xf6\xbc\xf3\x1dDx\xe2\xf5\xcd\xa2n\xdd\xbdX\xcd\xe0M\xcb=\xc0\xa3\xa7\xea\xc4\x91GO\xdf\xa7\xea\x92\x9b\xbeeYF%\xc9\x17\x85\xdd[\xcd\x13\x18\x1f\xa7\x06\xb8\n\x0c\xd41x\xc7\'\x1c\xa5\x00\x9c\x9f\xceq\xca\xa1i\x9e\xa8sp\xda\x99\xb1?M\xd1V\x9d\xfe\x85\xa7\xe7\xf2w\x00\xd6!\xca1\xc9\x18\x96\xc59&gt;9\xd59\\\x03\xda\x0c\xfe\x06\xd5_\x9a\xf4\xd2`.&lt;-"\xd23L+\x96J/5\x06\xae\x9e\x06_ [\x975\xf5\xdd\x0b\x8ds\x80\x8b\xc1\xba\x042\x88\xc8\x07\x10!c\xc0\x8dO\x88u\xd2I\xff\x1e\xc6\xa3\x17HV\'\x80\xe3\x7f\x00\x80\x17\x08I\xbf\x87\x9e\xc7m\xe1\x10\xf0|\x8e\x1d\xd6\x82\xac\xfeO\x08\x19\t\xe0\xbc\xf4\x8c\xcfc\xc76\x99\x05\xc0\x87A\x01J~\xfb\xf3|\x1d\xe7\x99\xb9z\x93\xab\xecg\xf7\x05p\x1d~\xf6\x85\xcfKd\xfd5\xdc\xabgX\xb84?\x82\x08\x84\x16^X\xcc$\xc6\xc8\xa0\xb1\xf3wO;\x06Ok\x98\x9a\xba\r\xc0\xf5\xdb\x0b\xf0\x02\x10\x0b\xef\xfaQ&amp;=\x0f;\xf9p\x96\x16\xf2\xb8\x9e\xf3\xf8\xea\xba\x9b\xf9g%\x1b\x18/\xa8\xa7\xd2cd\x80\x13N\x7fo\xe1\x05\x8d\xcab/\x9c\xb8\x9b\x00\x00F\x90\xfd,\xa0\xdcJ\x14et\xa8\x86\xfd8\xcf\xe2\xe3$f\x0c\xe4\xea-\xba\xba\xfd\xe3\x98u\xfc\x7f\xfa\xd5\xbfyQ;=\r\xe7\xee,\x008=$\x91$}\x1f\xea\xc0\xb1\xb5\xe01\x18\xc4\xd8@:\xd1\xca\xb8\xc1\x0c\xd5\xf7)\xf1\x9dK\xbb\xa3\xebJ:\x05\xe0\x02\x9ce\x86\x80yD\xba\x98N\x87Z\x88\x99z\xce\xb3\x04\xbf\x16\xf8\xed\xb4\x88\x88\xf9\xa2\xc2\xbe\x8b\xbe\x03\x008)\xe9\x04\xcd\xbc\x0b)\x88\x8d.\x02\xef\xe1\xcc\x1cc\x83\x8d\xd0\xdd\x0f6o\x00W\x81\xb1:\x87Kzu\xd4\xc1\x1bA\x05\xe01\xf2T{\xf2\xf8\x1a8~UO\xf2Lg\xd2\x92\xf4\xf0v\x01\x00t\xb0eF\xbeBd7N\xbb&gt;\x8e}\x1fT\x8b\xa9\xa7m`\'\xcf\xda.\xd8\x01e\xf0&lt;]\x8c\x9da\x030\x89Y\x9f\xb2x\xba\x18\x00\x80ss\x8e\xa3\x9a\x17\xc1U\xf2;O\xe2\xe6\xc19\xa0\xa7\'Z\x06%\xe7P\x02\x03\xbc\x9d\xff\xf3\x9e\x1eq\xe0\x1d\xbc\x01pU\xa23\x01\xd3\xc3\x8b\xc2\xedn\x16\x07%\xf0\xcf\xd588\xa4E\xcc\x07\xb7\xdeR\x8bZ&gt;\xe2k4;%\xbcX\xc6\x9e\x8f\x1c\xda\x11\xaa\x86\xbc\x8f\xe2;\xfe93\x02\x008=\xa4\xe9:\xde\x8e\x89\xed\t8\xb6\x13\xcb\xcb\xa3\x1a\xf3\xfa\x17[\xa2\xfa1\xf5v-\x87.\x07\xa7\x7fL\xe2\t\x12\x82XhJ\xea\xbc\xfa\xd7\x86\xd8\x06\x00\xe3\t\x9f\xf3\xee\xbe7\r\xf0\xe4pw\x1bzX\x8f\xf0\xbf\xa6\xad\xee\xd44[\xdc\x00\x98\xcf\xbe\xe2\x06`.O\xd3\xae\xe2g\xff\xf4\x9b\x04\x00\xb8\x18\xfa\xb1];\xfe\xfd\xcc\xf2\x8e\xc7d\x10\xd2V\x1e2;@\x16wt|Q|\xbc\xa4\x07\xd1\x96`w]F\xeb\xabL\xc8\x00\xc7\xe7\x13\xd2\xda(:C\xd7\xfek\x88=\x000\x8c\xaa\r@]J\xf5\xcb\x1f\xf3-CL\x03y\x98)\x01R\xd8\xa3\xa3t\x14\x1a\x1fD\'?==\xb9y\xcdp\xcbn_\x92\xae\xbe\x87\xd6\xdfN\x8e\x9d\xe7\x8b=\x80\'$6z\xcb\xb7\x0e\xc3\x8b\xa3\xed:;\x97n\xf2o\xbe\xb2\xf1p4O\x10&lt;\xfe\x11\xe6\xb0\xe5\xf2\xe1#K\x1c\x0e6f&lt;\xcf\xd7\xa2\x93\xa2\xbc\xc1eE\xda\x9f\xf1\xae\xcf\xb4\x0e\x00\xbap\x0e\xc0*\xaaq\x06sv\x9er\xe2\x078\x86\xceG}\x0e@\x84$pn\xae\xd0;\x15\x0b\x83\xc8\x00\xb9@\x03\x01\xaeO\xcf\xa8c\x88&gt;\x1b\xe1\xc9\x1f\x89\x18\xae\xcb9\xa2\xf7\x0c6\xa8y\xb7KY\x0bO\x01\x0f\x05\x00\xec\xcf\x15\x0e\x12\xe0H\x88\x90\n\xae\xe6\xabkY\x0bpvD\xe4[\xbb\x92\xc05\x87\xe4\xc5\xf2\x1e\x00\x18c\xae\xb7d\x01\x18\xc0\x94\xb0\x7f\xceg\xa6A\x07\xbd\xbf\x0b\'w\xf2\xfd\xf6i\xc7/$\x8c\xb5\xe7&amp;u\x82\xccM\xb6&lt;^1\x04\x00\\^q\xb4\x01\x150\x80\xab\xb8\xd8s\xbd1^\xec\xa3&gt;\xcb\xb2\x0c\x97)s\xc4\xb6\xb1\xf6\xe6\x0b\xea\xd3\xe3\x10s"G\xf3(E\x15\xaf?T\x9a\x18c\x96\xe5\xf6\xff\x16\xee\td\xf0\x0f9OLJ\xd6\xf2\xff\xa1\xba\xb8\x90x\x82\xa9\x13@\xc3Y\x16\x04:nc\xf2P\x9bE\x9a\xb3\xe7&lt;\x8a\x93\xe8b\xda\x93~7\xff\xc1\x98W\xb6\xd5\x14\x91\xc2\x9a\xf5\x94\xdd\x01\xb7\xedF\xb9P\xb1\x7f\xa1\x1f\x11\xb3,"\xb2,\xe6j\t?\x83*\xc0\xae\xc5\x96\xc6g\xf5\x94\xc8\xa0S\x80\x88\xf3\xcf9\x96W\xab"3d\xca\xda[\xd1\xe7\x1a,\x00q\x9e-\xc4\xd7\xd1;\xb8]m\xe4\xb5o\x00\x00 \x00IDAT\xe7\x9c&gt;\xbd\xacvku~3\xd0\xe1\x99\x9e\x19\xb7k\xb6&gt;\xe7\xd4\xd2F\xb4-\xcf\xd4\xc0\x1aD\xe4D7%\x9e\x9by1v\xad\xe8\x9d4A\xf4c\xe7\xedC\xcfkZ8\xe7\xfch\xda\x82\xf3\xbeM2\'l\x0e\xc0X\x9e*\xc4O\x9b\xdc\xfb\x88\xaf\x9e\xdbn\x9d7O-E\xdf^k\x1dp\x1cOxr\xd9\x0c1su\x94)\xf7$\x1d\xfd\xa4\x13\xc4i\x19\x98\xeb\xdaDq\xc4\x00\x90\xe3J\x9f\x01(\xb2,\xcb\xed~_\xb1\xa4\x88\x18\xf3\xebw0\xa9\x1f\x89=\xc1\xdb\xfe\xe0lk2\\\x96B&amp;}\xd6&lt;\xdb\xf3\x99\xb9\x18\xa7\xf4\xd2\xfe\x1f\nl\xf9u\x0e\x18\xc5\xe7T\x95\xee\xbf\xa9x\x92\xe4\xb0N\x10\xa7\xe69\x1e@\x1f=`\xcb7\xb7cF\x0c5\x01\xe0\xe98{6\x1c\xce\xf6P\xa01F\xdf\xfc\xe4\t\xd6\x11\xcf\xa0w\xe6\xd6k\xde_\xbe\x92\xc1\xcf\x8a\xd7\x11\xba\xf3\xd4\xe4\xd1\x9d\x88X\xa1\xc8\x8d\x91\x0b\xd0|\x82\xbe\xd7\xd1\xfb3\x9c\xf8&gt;A\xba\xab\xed\xeeY\xe11fv&amp;5\xc1\xd3\xf2Tw\x00\x8c1\xc5]\xff\x9ae\x96\xaaQ}{\xba&gt;\xf6\x86^\xc6\x10\x06|\x0f\x92\xec~\x9e:`\xc7\x02\'\xe3&gt;gwHX\x96e\x9b\x9e9\xdf\xbf\x04=\'\xe8^\xc59\xe7\xdc7\x15_w\xe9\xb3\xdf\xab\xaf\xfe\x8d\xe2v\xf1~v\x8c\x902B\x08\xc0\x19y\xb6\r\xc0\xa4\x95D\xfa1\x90]\xb3C\xbeu\xcb\xb2\xfc\x06\xf5\xfcq\xa5\x1b\xcd\xba\xc7\xbafp[\xe6\xf2\xfc\xc9\x8d\xe5\xb1^\x97\xed\xd2\x18\xc9\xa5\x02\x8a\xaf\xed\x83\x07\x079$\xa9t\xb7\xe5\xe0\xb2,\xc6\xbc5\x8b\xb6\xa3\xa9\xf3\x7fic9\xfd\xeb\xbf\xf9VP\x80\xd3\xf2Z\xfa\xa2\x8aL\xd14\x98O\xb0\xc2\x90\x80LC\xc2\xc2)\xf60\xfd\xbd\x8f\xf7^\x17\'\xe8\xfd\x11\x0ckEg\xe4\x84\xd5;\'`6\x00\x17dr\x97\xbd\x90\x90x\x01\xcd\x1c\xfd)\xac&amp;\x0b^\x80\x9f\xe1\x05r\xf6\x93\x92\x86\xa7\t\xf3\x85+\xbf\xb0\xecD_x\xec\xe5 \xcd7o\x18c\x8a\x87\xe7\xd7\xfa\xbe\xb3\xca\xee\xbb\n\xa3\x1e3\xdd\xedq\xd5FEv\x0c[\x01\\xt\xfb\t\x9e\x8a&gt;\x8c\xcb\xffP\x86\x17i\xe7\x7f [\xf9\xe9\xb2\xcb\r\xf9!\\\xae7\x8d\xe1\xcb\xa3\xe0y9\xfb#@\xb5O\x9d\x16\xcb.\x8b\xf6\xe9\xff\xd4\xb6\x7f\xb5\xe7\xc8#\x01\xe57o\xdc\n}i\xbe\x1cG\x1b\xc7S;\xb5\xa4\xfal\xb7)j\xac"\xc5\x18O\x9f\xc0q8\x97\xe3\xf2\xab\x96%\xfbgH\xf7G\xa4\xba\x9e\xf7\x10\xf5\xa7\xcb\x1e\xbb\xdf@{\x15\xa7\xed\xdf\xe8\xf4\xb9\xb8\x17\x0f1\xbe\xbas/\xf1\xe5Q\x00\x10\xf2&gt;\xeb\x8b\xec\xb0\x8f\xa5\xddS-,\x94O\xfex\x95"\x95\x8fz\n\x08V^\xb2\xcf\x1bB\xae\x18\xa8\xff\xf0\xa5:\xf3\x12\xc8\xfa)\x9a\xbe\x85uA\xfe\xd9\xd1\xb7\xbd\xaf9\xe7\xf1FO\x96\xb3\xebN\n\x1b\x00xB\xc2g\x8b\xdd\x19\xa8NT\xa9\xca\xcf*\xc9\xf8\xb2*\x8dEcZ\xb3!\x1b\x80])\xba\xf4\x99f\xb5\xaa\x10\xca\x17\xfe\x19\xf1\xb7F\x05j\xa2:\xf1\x7fc\xaa\x1fZ\x93\xb0B\xb0T,\xaf\x0fd~\x98\x9d/\x937\xa6\xc1C\x1br6\x1f\x02\xc0\x00ZV\xff\xf9Lt\x9b{\xf6YC\xc77\x00:\xd5\x85\xe5?{\x80\xe1$\xfdi\x1fk\xbdm\x93\xe0g\xee\xa9T\xeb&amp;\xae\xfe\xc1\x18\xb3\xd7]\xa9IZ\x9ei;\x9d\xe2\xee\xba\x01\xde\xdbq\xbf\xa4\xfaB\x0e\x00\x80$\x87\xe4\x08\xd5\xb2x\xf6\x94\xb9\xc9\x0f\x16\xeb\xe2\x18Y4c\xf7\r\xc00\x81O\xbd\xde\x85\x1d!\x90\xf2\x0cZ\\\xe6\xdf~\xce\xb3\x86_|\xb4\x01\xf5x\xbd\xf0\x9c\xfd\x02\x00\x05^\xd8G[.\xf6\x9d\x18\xdb\x97$\xf8\xf9\xf9\xf6\xcd\xf8\xf2\xf83\xff%\xcaeM|\xc8\xa9\x8e\x8b\x05\x92\x8e\xa7l\x14\xc04\xc4\xf95\xebS\x7f]\x95~\x89?\xb0\t\xa3\x1c"\xd5\xdf\xc3\x13\xf9~!q\xbfA\xee\xcc\x9d\x05\xb0\x0fg\xff\x16\xa0\xb1\xc8\xf6\xcf$\xf9\xba\x07r\xd4\xf2\xe2\xbf\x93z\xfb"#\xedg\xca8\xd9\x99\x80\xd2\xf9\xe6\xe3/\xe5\xfd\x81\xd3\xe1\x8b=S\xfc\xf5G\x7fgy+\x97\xeb/Y\x9f\xc0&lt;\xd0\x04\xfb\xd7\xac\xcdY\x8fQjo\xbc\x0c\xbc3&lt;\xc8!\xf6\x93\x93Z\xcd1c\x9c\xef\xc5\xb8\xfd\xa7\xd74\x00\x80\x15MB\xa9N:\xd1\xc7u\x8aiZ\xf1\xe0\xcf\xacG\x80\x9e\x1e\xe5No\x07\xc7\x9e\xb3\xfb\xcef\xd5n\xf6\x1c\xdf\xea\xc3\rh\xe6\xc3\xab,\x7f\x9bYf\x1c\x86\xdd\xfca\xe1Z5\x0b\xf8\x93\xc2\xc9b)\xee\x93&amp;#\x99\xf8\x00\xcc\x8bz\x04H&amp;\xdf\xf2\x93i?\x17\xe2\xe5\xa9\xdb}L\xfbb\xa8\xb46\xb5\x9d\xf3\xec\xcacv\x0ff\xf5\x9a\xda\xc1r\x94\xb5g`\xdeX8;\xff\x9b\x98\xf7zy\xad\x1e\xc1\xbf\x16y\x83\x17\x180\x01\xa3\xf2\xc6\x90\xd5\xed\xf3\r\xe1`2ml\xe0KN\xef\xf04\xbc\xa0G\x80\x96e\x99\xba\xe9\xdf1\x1d\xbc\xd0\xbcs\xad\x84\xab\xf8m\xab\xa7=\x7f:_O\xed\xe5\xea\xa3W\xff\x9f]\xfc\xe2\xb2\xb3r\xb2\xd5\xffa\x8e:\xcf\xea\xff&amp;i\x90\x9cV\xf53\xbfj\xaf\xc7\xd3\xe7Kq\x00\xd5\xbc\xa0\r\xc0\x0e,\xcb\x94)6\xc85\xe2]\x0f\x95Ve\'r\x99\x82j\x17\x15\x03\xc1\xed\xbe\xf3\xae\xcc\xda8YP\x9d\xca\x98\x89|\xe0\xd1\x06\x9c\x8e\xc6\x84|\xd5\x80\x19\xbbV\xbe\xfd~\xc3(i\x8d6\x18\xf3\xd3&amp;\xe4\x93eYN\xbc\x1d\x06\xd8\x83W\x1em\xc0\xae\xdcn\x02TU\t\xee\xf4\x89H2\x19\xed\x99P\x96e1\xdb\x83\x16?9T\xbc(\x13\xf7\xb9\xd6iO\x84~\xc6:\xd9Z\x19.\xcc\x13\xc4\xd2\xe0\x87+\x8etH\xe4\xbbh\xa6V\x9fq\xfct\xdb\x03\xdc{DD\xb41\x96\xfa\x1e\x9eh\xdddKK\xba\xaa]\xb4\t\xfc\xbc\xfb\x83\x9dz\xc4\x08\xf3%&lt;\x15\xe7\x8f\xe6p\x84\x8b1\x7f\xdd\x98\x9f\xbb\x93\xfa\xe0\xbb\xc3\xcc\x11\xb3\xec\x96\xd9\x95\xc6&lt;\xca\x97\xf6\x01O\xb0b\xf0h{d\xff\xf2\x84_\xe2\xb9\xe3\xd7z\x8e\x1a\x17\xd7\xfd\xf0\x00\xcf\x04\xbb\xa8Wf\x91(\x955o5\xdcv\xbbj\xfc\xc4\xa8\xf3\xc0\x9e\xcfw)&lt;\\\xb5\x01\xd8\x9d\x8a\x9d\x0c\xc0\xd3r\xfeG\x80\xc2!\xba\x88\xbc{k\xb2\xb3\xbe\xe2@\xa9~Yl\x1b\x96e96k\xd8\x86\xbb\xc6$\xbe\xb4\xe1\xb9R\x9c\x88\x98\x8f\x8b43\xf8H\xf4s5[Cd\xa0\xec\xb7\xfa_\x96\x1f&lt;t\\\\\xf2\xde\xfc\x99\x9f\xb0\xdf\x95\x9a\x87PR9\x0b_\x0e\\\xfd/\x1ff\x16c\x96\xf71\xb7\xcc\xb8C^\x10\x89t\xe1\x89\x16\xdc\xa5y\x9c\xb1\x0c/\x81\xd3\x0c\xc8v*\x8eI\xf2\xdf\x9csf\xca\x96\xbbG\x1a\x95;\x9cc\x89\xdcZ\x1d}V\xd4y/\x1e\x92\x8c\xbd\xdfr\xa23\xc2\x1a\x9e\xeb\xe0\xf9\xcc0\x90\xe3\xa4\x12~bl\x8a\xfd;\x92\r\xa4\x87\xbc\x88&lt;n;\xd7\x8f\x88s\xf6o\xd4\xaas\x9a\nP\xc1\xf9\xef\x00\x14\xa9X\xfd/\xcb\xfd\xd4\\\x9f\x98D\xe4\x93\xef\xb9\xf5\xc8#\x01\xc7\xe0\xf8I\xbf\xd3\xa8K-E\x96\xd0\xdc\xd1\xe6\xb7\x7f\xd7\xdbX;\x9e\x8c\xd5?\xc3\xba\x8b5\xf4\n\x81w\xc7\xfdBz\xc2#Bz\xf5\x9f8\xeeO\xac\xfe\xf5\xceM\xe7\xc5e\xb1fY\xb5\xbc\xacY\xc7`\x9bB\xd4\x01\x801\xdbCD\x87\xcc\xd0\xce\xaf\xb4\x14\x0c\x88\xfd\xb2K@\xdd\x8d\xf6\x91\xab\xe1\x7f\x94\xd0p\xa2\x19\xe0\x99\xc0\xb1S\xa9\x1eJ\x1a\x81\x83\xe4\xd0\xf5\xcfM&lt;\xb1gg\x87t\x15QN\x1c\x9d\x01\x9f\x8aI\x11y\xffy\xe1\xea4VI\xf2\xf7\xe6\x18V\x00\xd3i\x19f\x93Gf}\x12\x99\xa2}M\xc1_\xa5(\x98N\xe2\x87\x90S}\xa8a\x00\xbb#\xb1\xe5\xda\x8b\x1a\x02?\xfe%5v4\xd1\xac\x9e\xf1\xa7\x98/KU\x91\x8c\xcc\xb1\xd3GXw\xbd\xf2n\xcd2uj5.\xd2\xca\x1ab\x13\x00$9\xe10\xfb\xa6\xe3W\xa8b\xfc\xb3\xbd\xed\xc5\xdf\x0f\xcb\x0cO\xdf\xb39\xb3m}&lt;k\xbb\xe2\x0c\x99h\x9f\x9c\x03\x06\xe3\xa7\xee\xa8k,\xc4\x92O\xe5\xea_YE\xbb\x018I\xa2\x16\x91wQX\xd2`y\xb2\xd8i\xda\x0e\xd0\xc3\xd9\x1fn\x93\xc8\xa7\xeb\xa6\x7f\xf8&amp;\xa6t\x0f\xa4\xf5\x13\x90v2\xd2|\xff\xffK\xfc\x96\xcc\x0e\x9a\xfb%\x10b\xd2n\x7f\xc2\x8f\x94\x1d5\x8e\xae\xc3}\xe0\x1e\</t>
        </is>
      </c>
      <c r="E866" t="inlineStr">
        <is>
          <t>&lt;class 'numpy.ndarray'&gt;</t>
        </is>
      </c>
    </row>
    <row r="867">
      <c r="A867" s="1" t="n">
        <v>865</v>
      </c>
      <c r="B867" t="inlineStr">
        <is>
          <t>steps_per_sec</t>
        </is>
      </c>
      <c r="C867" t="n">
        <v>9700</v>
      </c>
      <c r="D867" t="inlineStr">
        <is>
          <t>2.5869002</t>
        </is>
      </c>
      <c r="E867" t="inlineStr">
        <is>
          <t>&lt;class 'numpy.ndarray'&gt;</t>
        </is>
      </c>
    </row>
    <row r="868">
      <c r="A868" s="1" t="n">
        <v>866</v>
      </c>
      <c r="B868" t="inlineStr">
        <is>
          <t>Loss/RPNLoss/localization_loss</t>
        </is>
      </c>
      <c r="C868" t="n">
        <v>9700</v>
      </c>
      <c r="D868" t="inlineStr">
        <is>
          <t>0.29097098</t>
        </is>
      </c>
      <c r="E868" t="inlineStr">
        <is>
          <t>&lt;class 'numpy.ndarray'&gt;</t>
        </is>
      </c>
    </row>
    <row r="869">
      <c r="A869" s="1" t="n">
        <v>867</v>
      </c>
      <c r="B869" t="inlineStr">
        <is>
          <t>Loss/RPNLoss/objectness_loss</t>
        </is>
      </c>
      <c r="C869" t="n">
        <v>9700</v>
      </c>
      <c r="D869" t="inlineStr">
        <is>
          <t>0.02805915</t>
        </is>
      </c>
      <c r="E869" t="inlineStr">
        <is>
          <t>&lt;class 'numpy.ndarray'&gt;</t>
        </is>
      </c>
    </row>
    <row r="870">
      <c r="A870" s="1" t="n">
        <v>868</v>
      </c>
      <c r="B870" t="inlineStr">
        <is>
          <t>Loss/BoxClassifierLoss/localization_loss</t>
        </is>
      </c>
      <c r="C870" t="n">
        <v>9700</v>
      </c>
      <c r="D870" t="inlineStr">
        <is>
          <t>0.12957044</t>
        </is>
      </c>
      <c r="E870" t="inlineStr">
        <is>
          <t>&lt;class 'numpy.ndarray'&gt;</t>
        </is>
      </c>
    </row>
    <row r="871">
      <c r="A871" s="1" t="n">
        <v>869</v>
      </c>
      <c r="B871" t="inlineStr">
        <is>
          <t>Loss/BoxClassifierLoss/classification_loss</t>
        </is>
      </c>
      <c r="C871" t="n">
        <v>9700</v>
      </c>
      <c r="D871" t="inlineStr">
        <is>
          <t>0.12048808</t>
        </is>
      </c>
      <c r="E871" t="inlineStr">
        <is>
          <t>&lt;class 'numpy.ndarray'&gt;</t>
        </is>
      </c>
    </row>
    <row r="872">
      <c r="A872" s="1" t="n">
        <v>870</v>
      </c>
      <c r="B872" t="inlineStr">
        <is>
          <t>Loss/regularization_loss</t>
        </is>
      </c>
      <c r="C872" t="n">
        <v>9700</v>
      </c>
      <c r="D872" t="inlineStr">
        <is>
          <t>0.0</t>
        </is>
      </c>
      <c r="E872" t="inlineStr">
        <is>
          <t>&lt;class 'numpy.ndarray'&gt;</t>
        </is>
      </c>
    </row>
    <row r="873">
      <c r="A873" s="1" t="n">
        <v>871</v>
      </c>
      <c r="B873" t="inlineStr">
        <is>
          <t>Loss/total_loss</t>
        </is>
      </c>
      <c r="C873" t="n">
        <v>9700</v>
      </c>
      <c r="D873" t="inlineStr">
        <is>
          <t>0.5690887</t>
        </is>
      </c>
      <c r="E873" t="inlineStr">
        <is>
          <t>&lt;class 'numpy.ndarray'&gt;</t>
        </is>
      </c>
    </row>
    <row r="874">
      <c r="A874" s="1" t="n">
        <v>872</v>
      </c>
      <c r="B874" t="inlineStr">
        <is>
          <t>learning_rate</t>
        </is>
      </c>
      <c r="C874" t="n">
        <v>9700</v>
      </c>
      <c r="D874" t="inlineStr">
        <is>
          <t>0.03939379</t>
        </is>
      </c>
      <c r="E874" t="inlineStr">
        <is>
          <t>&lt;class 'numpy.ndarray'&gt;</t>
        </is>
      </c>
    </row>
    <row r="875">
      <c r="A875" s="1" t="n">
        <v>873</v>
      </c>
      <c r="B875" t="inlineStr">
        <is>
          <t>train_input_images</t>
        </is>
      </c>
      <c r="C875" t="n">
        <v>9700</v>
      </c>
      <c r="D875" t="inlineStr">
        <is>
          <t>[b'1024' b'1024'
 b'\x89PNG\r\n\x1a\n\x00\x00\x00\rIHDR\x00\x00\x04\x00\x00\x00\x04\x00\x08\x02\x00\x00\x00\xf0\x7f\xbc\xd4\x00\x00 \x00IDATx\x9c\xed\xdd{\xd4~O_\xd0\xf5\x99\x1f?\x04ICS"MB\xa4\'P\x114*\xd0\xb0\x874\x97 \x06\x8a\xac\x14,M\x0b\xc5%*i\t\xe2\x01Q@E4MM4l\xa1.\x85t!\x8f\x82dYx\xac\xc0S\xeaR\x11\x15\x05\x8c4\xc5\x13\x1e\x00\x11&gt;\xfd\xb1\xafk_\xfb\xbc\xe7&lt;\x9f\x99y\xbf\x16\xfc\x9e\xfb{\xdf\xd7\xb5\xf7\x9c\xf7\xcc\xec\xd9\xb3\x8d\x0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P\x93\x88\x88H\xedP\x00\xee(\xaep"w\xb2\x9e7&amp;\x9cqgv=\x94\x92\x96\xff\xfb\x05\xa5\x95\xe3\x87\xe7\xe6\xe2\xe2\x8b\xd7\xbf\x17\x11\xf3\xcbNO\xe7\x95k\xee\x1f\xbe\xf8\xc0\xe2\x08oq9\xe6\xf5\xe9\xd2V\x07\xaf\xac\x89&lt;\xe9\xfc\xf5T\x81\xafj[JS\xc5(\xf9\x01\x01\x00\xd0n}\xf1\x93\xddo\x12\x9fhs\xda\xcd\x07\x1c\xc3\x19\x176\xbf#h\xe8\x13\x1c\x86\xf6\xb6\xc3j\xcc\xefu?\xf8\xbe\x18\xec?u8\xad\xe0\x96\x98_\xec\x98\xe6i\xcb\x9ec\x99\xb9=]p\x90\x0e\xbf\xe8U\xf6\x92\xa5\xc6O\xab_\x8cc\xec\xb32U!\x01\x00`D\xc5\xae\xa6\x9bS\x1cv\x8c\xdc\x8f\x13\x1e\xdaO\n\xf9z\xd8\xe9\x12vd7\x9d\xef\xeb#{\x9d\xd7\xa5Su\xdb{\xbe=]\xda\x8f9r\xec,\x1e\xfd5q\x00\xceOw\x95\xf8\xc5\xeafn\xf1\x11\xd9\x97\xd2\x0e\x92\x05m\xa0\xa8\x01\xe8Tc\x8d\xdb\xa35\x8e\xeeI\x84}e\xfe\xe2\xedA"\xc3yp(\x87^\xe9|\xd2\xb0&lt;\r\xfa\xd6Iz\x9e\xf4eo\x0e\xf6\xc1\nJc\xc1\xcb\xfd =\xda\xf882\x00(\xe3\x8d\xda\x01\xd0\x8b\xd2v\x8d\xf4\x01\x12zK\xa1\ne\xad\xb5EN\x94T\xc50\x7f\xdfG\xcf\xc3%\xdd\\\xb2\xd0\xb1s\x7f\xe4Cv\xc79=\xe9\xa6\xc3t\xd8\\\x07\x95\x84\x93\xaf\x84\xe5\xcf\x1f\xde\x96\xc6_\xbb\x98,\xbf\xf9\xee]\xbf\xd0\xb5\xd7\x18Z\xb4\xe2\xbb\xa4\x915\xb1\xe3&gt;\xb1]X\xfe\xb2b\x900\n\x86\x9b\x00P]|;\x1cx\x84\xd7W~\xb31\xae\xfdu\xc7s\xdd~\xe6y\x9c\xabU@w\x17\xa9\xed_\x13^\xd1\x1c\xe3\x98\xfb\x02z;1\xbc\xfa\xeb]r\x05\x07\xa0\xe4\x17\xf7\x07Q\xd8KY\xe7K\x82\xe0}\xfaQL\x15F\x1c\x9dP[\xb5J\x183\xd6\x00\xf4Y\xb6\xc3\xa9\xda\xe4\xac\r{\xc2N\xf6U\x8f\xe7\xae\xef\xbb\xf9\xbc\xc7\x87\xcbw\xb3\xbe.\xd7\xe2\xae\xe5\x07\xfa\xbb\xa6\xbbGG\x12\xadLs\x94\xfct\xfb\xbc\xeb,+\xa1\xc9o\xef\xad\xa5\xf02l\xc4\x01h&amp;"\x1fY\xe5n\xc0\xddQ\xf3\x9c\xe2x]\xcf\xf24g\xbb\xf4\x1c\xfe\xd2\xa5\xa3\xbc\xfdXl\\\xb2_JF\x1e\x00\xb8+\x19\xebw;/\x991\xc6\xcc8=\x06J}\xc9S\x82\xa1\x07\xad\t0\x9a\x12\xfd\xbf\xc0^\xa6\xeb\xb7\xe6\x8f\xbd\xc7\xf9\xe7\xf7\x87\xba=\xf8\xb2\x97\xdc\xeb\x85\xcfw\x00\xf0\x83\xb9F\x04Q1\xca\xba{\xf4\x053\xa7\x87*Dd\xa4\xc7/$\xf4\x81&amp;\xb4A\x9c\x1f\xe9\x03\xd0\x87\x02W\xb1\xb9\xb7\xe1u\xa2\xfd\xb7\xce\x1b\xa8\xf9\xda$"\xc7gY\xf6x\xac\xb5\x9bCm\xfe\xea\x1eH\x0c\xae\x9d\x8b\xe6\xa3\x8c[k\xa7\x1f[\x08s5o\xba|h\xb0\x14\x1c*\xb2\x88\xf0lij\x87\x03( \xc1\xccH\xc5nD\xb1\x93\xfa\x9eh\xf9\xf9\xbb\t\xcb\xb9\x1f\xff\xf8\xf0\xed\xb9\xac\xb5\xbdN\xea\xa3\xa0f\x8a\xd0\xaa\x02\r\xd6s\r\xe0\xbb\r\xe8w\xcc\x12\n\xa0E\xd6\xd2\xfb\xc70\x12\x14\xf5\xcd\xbe~1\x14\xde\xdc\x8f\x8c\x9c\xf3\xf4\xbc\xef}\x86&gt;6R\xecvyR+\x12\x16\x9e\xa3\xc5fGO\xa1 3\xdf\x01\xc0?\xce\x12\n\xa0\x12\x9a\x1b\xa0\xb9\xebn\xf2\xd0\xa6;`\x9aa\xd2\xd5\x9f\xe5j\x1c\x15\xd4I+\x9f\xfb\xde\xa7+\xbb\x93\r6R\xbe&lt;\xe4\xf9\xc0\xc9\xe6\xb7\xaf3\xc5\x1c|\xff\xf6\x00\\pZ\x02\x04\xf4\x84w\x8b\xa0u\x83=\x97UB\xdd$\xf5x~\xe0\xe6\x03\x8f5?\xe7#\x04\xbb\x8ci\x95\x81\xdf\xd4\x03\xf4JmJ{g\xb6\x19J\x06\xd7\xc0\x00\x00\x00Z\x92\xbc\xd3\xd6\xdc\xc5\xb7\xb9\x00;\xb2\xf63S\x1c\xc4\\\xdf\x888I\xbd\xa2\xbb_D\x84!\xcd\xb3(\xd6\xf0\xf8V\x1d\xbdV\xde\x161\x00\x08\xc1\xf4\x1b\x00hv\xf1\xc0\xf1\xbe\x01\xaf\xde\x9e\'\r@\xd82\xa0r\xfd\xe1Md\xd7\x0f?\xdc\x7f=\xcd\xf57Cl\xe9\x18$\xd1\xce\x8eC\xcd\xf3}\x06\x00\xc6P4\x01\xd4\xc3"\xd7\x18m=\xed\x90\x9b\xcf\x1eD*$\t\xe3"\xd6)\x9f-\xee\xa0V\xeay\x1cHI0\xfa\xc6\x00\x00\x00\xd0\xa1\xc3\xad\xf4m\x17\x1d\xb5\x84\xe6\xd4H\xb8AS@\xef\xed5\xac\xbd\xfcn\xaa\xd1\xef\xb4\x11MO\x9d\xcc\xf8\xc8$I\x8e\xf8!\x04\xd5S\xb5\xae*\r\x00`\x14\\\xbc\x8e%\xbc\xac\x87\x1f\x8a\xaeEM\tv\xe1L\xb5\x95\'\x9dL\x00\x00\x80\xe6\xd1\xa5+L&lt;wNM\xd5qO\x95\xd1z\x16#u\x8c\x87\x80\x01\xd4\xc1\xc3^@\x7fz|\x16\xb6\xe8\x16I\xf1\x1e{\xed\xfb\x04:I\x96u\xfc\x9a\xbf.1\x00\x00PGw\xbd\x84\xb64\xd6\xa7\x890NL\xeb{v\xdd\xb6i\xae\xb3\xb2;\xbe~\xa1\xe4\x16I\t\xb9\xa4\xf9s\x16\xc6PG\x06\x94\xf8!`\xc6m\x00\xd0\x82!\xae\xf7\xac#(\xcf\xce\xffi\xc7u)\xd19z\xb9\xe0\xf8\xa4\xfb"\xd6\x8dE\x10:\xd1\xd6\x02\x00\xf4\xe0\xaa\x84Si\x97\xad\'9N1\xa9\x9e\xd9MNg\xa8\xfa\xc3\xb0\x0f\x00\x00 \x9c\xe3j"\xb8\xe0\xf1\xb02x\x06\x00\x00\x00\x00*\xd0\xf5/\x83\x17\x81\x01\x00\x00 \x96\xce\xd5;:CU\x1d\x03\x00\x00\x18Z\xdf\x97\xc6\xbec\x07\rX\xff\x83\x161\x00@c\xa6W\xb8\xd7\x0e\x05\x806(\xe8\x93\xd1^\x01\x95-\xdb\x01&amp;\x05&amp;\x0c\x00\xd0\x1e\xdf\xf7\x1b\xe6\x0b\t\x00\\\xa1\x05\x1a\xc0\xd4\xb7L&gt;\xd4TUt\xdc\x03\xa3`\xc8\xbdE\xef\x1f\xe8\x83_\xed\xa5\xb6\x03\xd7\xa8#8\xd4h\xc1h4\xd8(\x83E\x04\x00\x00\x18C\x87\tGxn\xd2\x87\xd0\xadl\x0be\x1b\x00\x00\x00\xe1\xc6\x1c,\xb5\x1b\xe51\xf3k\x8f\xf7\x00\x00\x00\x00\x04\xca\xb7\xea]\xed+\xb1\xe8@\x03\x00P\x08\xcb\x0cr\xf9\xdb\xc2\xa4 \\PN\x00\x00\xc8\x8ek-\x82\xb9\xf7\xd5\x1e\x9f\xec\xb1\xb0\x890\xb6I\x88\x94D?\xd4\xddW\x02\x00 \x12\xeff\x9a\x90\x0e\x00\x0e\xf1\x1e\x00\x00@\x9f\x06\xef\xf5.z\xffu\x03\x92\x97\xac\x19#f\xf9\xb3\xf9\xdf\x97\x9f\xab\x1aR@\x91\xae[\x05\x00\x00F\xa5\xf6\x11\xd2\x18\xf1\x9dxM\t""\xaa\xc2\x83\x81p\x07\x00\x00\x80\xde&lt;z\xff\xb5\x83\x11C\x8e$&lt;l\xfc\xa1\xa2CR;\x04\xe9,R\xf5m\xb5\xc3\x02\'M7\x0e\x00\x00\xe0\x80\x88X\xd3\xde\xea\x9f\xf2\xfd\xf2\x8a\x13\xf0\x1d\xdc\xa2\x11\x919\xfc\xcb\xbck:R\x83 \x87\x80\x97e[\x06\x00(\xa6\xfa\x94|\xf9\xc6\xbf\xe9+\x8e\x88XkV\xdd\xc8u\x16\xb6\x1b\xb5A\x94\xcc\x1ei|\xbc\xd1z\xf8\x01\x00P\xa7z\xd7\x7f\x89n\xab\xa3\xfd\xed\x8bM&gt;\xeeS\xb2\x83;\x1e=)\xf7\x0c\x80\x88i\xfc\x156\x14Y\x00\x00\xd2\xd0\xb3\x16\x7f)\xed\xf3\x06\x81\xdeEW\x9a\\\xd0\x96}pW\xaeS\xcb\xc8\x0fY\x88\x98\xcd]H\x00\x80b\r\xf5\x1a\xe9\xb4\x9cYo2k\xb7\xbf\xbdJ:\xf6&gt;R\x81]\x80\xd08k\xe9\xfd\x03@+\x1a\xea\xfd\x9b\xd6B[\xdf\xb3[\x7f\xd1\xbf\'E\x95(7\x008|N\x1c\x88\xf1|\xcf\x0b\xfaG\xbb\x01\xb4\xad\xfa\xba\x9aP\\h\x0eM}\xba\xd7\x7f^\xbf\xbf\x9f\x92\x0b\x98\xfeo\xb4\xf0hV\xf4\x0e\x80\xb5\x96\xfcCB\x96\xe9\x7f\x00hA\xd3\xd7~\x11#"\xe6\x03\x9a\x8eDr\xd6Z{\xb8\xcf\xecu\xff&gt;j\xf1\x0f}\xc8t\xe8&lt;\x01\x00\x80\x8c:\x9b\xfbc\xfd\xfa\xb5\xa6\xb77\x1d\x07\xcf\x00\x00\xc0\x80~Rg}2\xa8\xd5_I\xeb/Fi\xa5\xee\xfd\x93\xdaY0DCgx]\x03p\x8fm\xd9PJ\xb7\xbde\xaa\x8f\xa3\x98\x1b\x02\xb4T\xf9p\x07\x00\x9d\xa1\x99\x00\xeeYk\x9d\xaf\xa9o\xdfm\x0f\x0e\x99\xf5\xfd\xdcf\xcfqK\'&gt;\x95\x96\xed\x14\x8f\x02\'Do\t\x00\xd0\x1fn\x06V5L7\x8d\xc9\xe9k\xa9\x9e\x07X\x16(\xd2&lt;\t\xee\x00 \t\x05M\xfd(\x97\x9b\x11\r\xd3\x97\x00z1L\x0f\x8d\xd6\xe9Z\xf2\xde?Ra\x00\x80$\xea7\xf64\x0f\x00\x16\xea7Jc\x1bi\x96\x96\xeei^\xab\xe4\x1d\xa9`\xe5\xc5\x00\x00\x9d\xb0\xf6\x8bj\x07\x01\xb9\xd0\xe2\x03PKxYXN\xcb\xe1\x15\xd7\x82\x84HJ\x00\x00\x90\xdcp\x0b7\xe8\x9ef2\x97$R8!\xee\x00\x00\x80F\xc3\xf5\x9e\xd0\x99\x11\xcb\xefO\xae\x1d\x00\xc0\x15c)t\x85=\x83GC\x8eGz&amp;\xa0\xe1r\x80\xa4\x06\x1d\xc0\xd2\x16\xa1\x15\xdc\x01@W|v7G\xdb\xe6\x9e+9\x0e(3h\xef\xdf\x183\xe6\x8d\x8f3#\x97\x03\xfd\x18\x00\x00\xe1x)I-\x8bdw\xea\xfd\x8b\x88\xf9xr\xea\xc0s\xcc\xcc \n\xc9\xbc\xcb\xc0U\x8d\x0b\xc2\xec\xe8\xe2(\\4\xf5\xa0\xd1\x07\xc25\xb3\xfeD\xc4\xe8\x0f\xa4\x0f\xdf\x94o&amp;\xa7\x80\xe6\xd1\xc1\xa3\xa99\xb6x\x96\xd7\x04\xf7?Y\xb5\x98\xca\x9b\xb5\x03\x004\xac\x95V\x9ew\xa2\x02(Bb\x96\xc0\xbc:u2\xff\xa7I\xcc8\\H\xf4j\xb0\xce&amp;\xb5*`\t\x10\xba\xf4\x87k\x07 ;\xaf\x1b\xa9]^\x87\xbc"\xc5\xc3!@~"\xfe\xfd\xffi\xfd\x99\xb5f\xb5\x12\xcd\xce\xffiZ\xbbC\x98,\x12\xb6\xc3\xb4\xe7\xf1\x18\x00\xa0+\x8f\x05\x86\xf2\xd6\xda\x01\xc9n\xf0\x1e\xed\xc8q\x07\xf4\x11\xe3\xbf\xb4{\xea\xf7?F\x00\xe6\xbd\x9f\xbf\xferc~\xe6\xf3\xcf\xc6\x1ac\xff\x8a\xb1\xb6\xc9\xc1\x00K\xa1\xa0Y\x8bu\n8\xb6\xbc\xfe\xd0A\x04\x80"\xe4\xab\xc5\xbc\xbb\xe7w\xacY\xae\xf8\x99}\xba1?\x7fy\xe4\xf5y\xda\x9bQ\xe7J\x04\xb5(\x9a\xc0=\x11\xa1\x1d\x07\x80\x1d\xbf\x89\xffu\x9f\xff\xb6Q\xddl\xf6%\xa6\xb5i\xf5O0\xe6\xd7r\xed\x80J,\x01B\'\xe26\x17\xfb}.\xc7\xf7\n\x8e\xd7\xe9\xd95\xc3\xd1g\x93P@\xb3\xac1\xe6W\xbb\x7f\xfc\x07.\xbfg\x0e\xff\xa1\xde\xaf\xa1y\xbf\xc1\xae\xa0\xd5\xb4U\x95\x80S"\x92s_\xb0\xa9\x85\xf2\xd8t\xd2\xfb\x8e\x81\x88p\xbf\xf8\x0e\xb7b\x00U&lt;\xb6"0s\x0bz[\x85\xff\xa11\xef\xbc\xf9\xeakV\xe53\x8d\xfc7\xae\xc1S\x82V\xeb\x0c\xdb%UD\xa2\x03*\xd0\x0e\x02h\x8d\xc7\xec\xad\xcf\x04\xcd\xc9A\xffWc~X{\x8f\x01Lh\xdb\xa1\rK\x80\x00U\x1a\xbd\xba\xd5\xc7}d\xa0,\x8fgr?\xcb\xeb\xb0\x1b_hD\x8c\x88\x91f{\xff\xc6\x18\xdavh\xc3\x90\x14\xc0\x03\x0bl\x00\xb8\t{\xf6\xd7\xe1\xa9\xdf/0\x9f\xf3\x91\xe6\xbf\xdc\xfe\xb6y\xbc\xb9\x16\xdaP\x1c\x01=\x1e\xd7\xd4\xc3^x\x895B\xbc\\\x11\x890\x98\xecZ\xb6\xde\xbf\xd9\xdeWX/\xffo\x1b5\x02\xaa\x94X\x02$"\xbd\xd4_ \xa3\xfakX\xb4_\x9f\xaa\'\x10\x9c\xb0\x1c\xabk\x7f4k\xf6v\\t\xa8\x17P\x85g\x00\xf4\xa2\xb1\x18\xcd4?t6K4\xf8\xab\x7f\x8d1\xdc\xb1l\x05e\xb5g\x9f\xfd\x83C\xbf\xf9\x87\xce\xff$\x8f\x99\xff\xddE\xaf\xbb\xab`w\x11z\xe85^=\xa3\x8d\x06jb\xa5\x04\x80\xa6$\x7f\xf3\x97\x98\x1fd&gt;\xf6\xff0\xbf\xf9\xfc\x08=\xf5.\xfbk\xf0\xd9\xc2\xaeQo\xd6\x0e\x000 ym\x88M\xa3\t\xa0!\x7f\xd2\xf3\xf3\xa7-\x9c&lt;\xfa\xf6\x97\x9b\tYc\xfe=\xcf\x13\xa2\xac\x9eFgca\tPK\xe2^v\xabT\x7f1\xba5^\x8c\x01\xf4A\xe4\xdf\xf1\xf8\xf4\xb3\xf3\xff\x0b\x8d\xb1\xeb\xa1\xc0\xf4\xbc\xaf\x88\xc3V\xa2\x7f\xc2\xe3\x84(\xcfF.\xf9+\xdf\x07\x18\xb0\xd7q\x88\xd9\xc7\xa6\xf0\xb2X\x00@5\x9e\xeb\x7f\x8e\x17\xff\x1c\xec\xf6sz\x04c\xcc\xff`\xcc\xc7\xf63\xcf\xcc\x15\xbc:V\xdeN\xb8\x03\xd0\x14\x1e\xadSf\xf4\x89\x84\xc1\xa3\x0f\x8c\xe2w\x1ac\x8c\xf9\xd0\xd0n\xf8\xbf\xb6\xfd\x85\xf3q\xc4\x18\xf3\xb1\xc6Xc\x7f}\xd8\xa9\x81-\xfaQ\x13R!\x8b\xebgb\x18}\xa2\x03\xf3\xe0\xc7\xbd0S\xf2\x87\xc6[&amp;\x9a\x17\xfc\xf8\xef\x7fl\xcc\x17o\x0e\xe5\xfe\x1e\xe1\xf98}L8\xd0\x06B\t\xee\x00d\xc1.x\x18\x04\xe5\x1c\xae(*m\xfb&gt;\xe6\xcf\x06\x7f\xf7\x8b\xd6s\xfe\xff\xb5{\xef\xff\xc9v\xd3\xd8\x8c~\xdf\x18jtQ\x9f\x80:D\xa4\x97\x8b\x12\x00\x9cz\xf4Y\xbd\xfa\xae\x9fa\xcc\xcf7\xc7\xbd\x0c\xff\x07\t\x1eo\x04\xee\xa3\xf3l\xade\xebLTG\xe1\x03"|\x99\x98\x0f\xa4\x12\x01\xe8\x9b\xc7\x8a\x9d\x8d\xd5{\x00\xc4\x18c\xbe\x8b1_\xef\xfd\xf5\xd7!6c\x80\xf5{\x06\x8cy\x8b\x91\xbf\x12\x14\xd0\x1a\x18\x00\xa0"\n\x1f\x00\x008#&amp;b\xfd\xbd]\xfcO\xc0A\xec\xb6\x83\xbf\x1d\x02\xd8\xe5\t\x8c\x89\x0cmI\xf4\xfeQW\xb6g\x00\xe4\xe8\xa5\xde\x00\x00\xa0!\x12\xde\x9f\xfe\xa8\xc5A\xbcz\x04o\xbf{q\xc0\x8b]\xff~{\xd8\xfd\x88A\x9d\xe0\xa7\x04\xbb|\x17\x10j\xc9UMX\xdf\x06\x000\xec\xfe\xd4\xb6j\x1d\xce\x93w\x08\x98\xf95\x02f~\xa7\xfa\xb6\xcf\xaf\xbd\x93\x1c\\\x1d\xa8JAD\xfd\x90\xb0\x0ev\x01\x02\x00\x00\x07*\xf6\xa4\x7f\xe6\xeb\xd4\xf3O\xff\xd7\xebg\xfb\xfc\xcf\xaek\xa7\xbc\xf7o"\x06(\xf4\xfe\x83\xfc\xf2\xda\x01P\x8a\xc2\x04\x00\x00\x0e\xd4\x9dK?^\xcd3\xcd\xe7~Oc\xfe\xc6\xf4\xa1?b\xcc\x07/\xfe\xaa\xbf\xffo\x0c]\xf9RX\x8dr\x81D\x01\x80\xee\xddlY\xcb\xd2\x02\x1c\xaa\xde\x9d^\x95J1\xc6\x98\xff\xd7\x98\xef\xfe\xfa\xb3ik\xf1\xcf\x8c\xeaV\xc0\xc9\xdb*Y\x11\xf4\xc0\x12 \x00\xe8\xdcu\xaf\xa8\x99N\x13rR\xfa\x80\xe9\xfc\xf4\xb0&lt;~\xfcn\xc6|\xf4\xf4\xa7\x06\x1e\xf7E\x1aa%\xd3Z\xfb\x0b\x0f\xc6Z\x94\x99\x07\x06\x00\x00\xd09\xdeM\x8ek\x1a\xbb\xfe\xc6\x98g\xff_\x9eo!\xf8Xc\xac1\x9fg\xcez\xff\xd6~R\xd9\xf0!\xbb\xc7\xb84\xac\x88~\x1a\xed\xde9\x92\x06~X*\x00\x00\x9d9^,\xf1\x86\xc8\xb7\xd6\t\xcf\x19{\xf4?k\xe1\xef,+\x89\xcb\xa8\xa3M\xbf? \xdd\xe8\xb4\x9c\xe1\x0e\x00\xfcP\x91\x00\xa0K\xdb\xe6]Y\xef\xff\xa1\x93K\x90\xfeA\x8aFa\xf7\x01\xd4\xde\xe0\xaa\x8b\x01\x00\x00\x00C;\\$\xa6\xad\xd3\xf4\xbdk\x07 !z\xa4\x8e6\xc5\xd2w\xf4G\xd7\xff\x02\x03\x00\x00\x00\xb0\xa2\xb0\xe7\xf4\x97?t^\xfa\x7f\xfa\x9a`\xa3o\xdc\x82k~O\x9f\xb3\x06!\x1d\x92\x12\x00\x00li\x1b\x03\x1c\xbd\xf4wO[\xa8O\xb1\x9e\xd6\x18\xb3\xcc\xaf\xb3\x049\xd9\xcd\xd3\xf5\xe8\x96\xdd\xa2N\xd4\xb9\x03\xd0L\x05\x05\x00\x00\n\x88q\x9a\xde\xb7\x1f\x9d=$H\xc5\xa53h\x9f\x02\x8eo\xed\xd5\xcd\xa2\xc1UH\x17^\xcc\x06\xa0\x11\xbc2\x06\xe3R;U\xe70\xa7\xab6\xec/\xf4\x82\x8c1.w\x00\x90\t\xc9\r\x00\x00\xb64w\xa2\xef\xc6\x00\x9a\xc3\xfe@\x7f\x17u\xf1\x100\x00\x00h\xcaM\xff\xfe\xf3\xe8]\x03\xd7\x18\x00\x00@\xb7\xfcv\xd8\x00\x1a!\xf3\x7f^\xfe\xc1\xe2\xe7\x8f6\xe6k\xa7u\xe3\xd3@\xe0\xcf\x95\n\x18\xd0\n\xc6\xc8\x1ex\x9f\x1c\x80\x00\x15\x9b\x0e6\xc1@8\xddc\xc7u\xc1\x9eB\xba\xff\xa7,\x7f\xa1*:t\'PW\xe2;\x00\xf2\x94\xf6\xb0\xdat\x1fA\x00\t\xd5\xbe\xd2\xd3\xcf@\x10\xc5=\xd4O\xdf\xfeb\x19\xd4\xe9\x02\xfd%\xab\xdf\xeb\x8d\nPG\xe2\x01\x80\xe2\xe6"%\x97\xcb\xb9\x88dx\xd7\xdf\xefM}@\x00=\xab=\xf6@\xdb\xd4\x16\x9f\x9f\x7f\xf0;k\xcc\x8fY\xcc\xfd\x7f\xd8\xed\x17*\xa2b\xa2\xba\xe4\xcf\x00\xf4\\\xa6\xbdj\xac\xb56y\xdb)\xf2\xe1i\x0f\x08`\x00\xdc\xb1D\xb0\xbfX;\x00\xe7&gt;\xdb\xec\xca\xf6\x17\xac_\x12,\xe6mb\xfes#b&gt;\xe0\xd3\xa8\x06\xc0J\xcf\xfd\xf5\xce\x04\xbc?\x81\x87\x16P\x05\x05O\x19\xdef\x80c.UU\xed\x92\xd7\xbb\x17\x03\x8b\x11\xbd\x9d~ZHT\xc7.@\xcd\xf1m\xd0\xd46\x80\xe8\x16\xd76e*e\xc7\'\xf6\xff&lt;\x18jY\xf7\xfe\xe5\xe8J\xf7\x8b\x8de\xe0\x0b\x9c\xea\xa1v\x8c3\xdd\xe8u\x13\x807.\x03\xa8\x88&amp;\xa8\x0f\xaaFq\xd6\x1a\xf3M\xc6\xbc\xe3\xea\x97"\xcb;\x01\xeb\xa7\x81\xb5\xde\x04\x18\xaf^p\x1fR\x9d\xf4\xbb\x00\xa5=\xa0\xcb\xb9\xc6\xa9H\xd3\xae\xc6^\x9f\xcf\x16\x16\x00p\xa1\xb3\x03\x06W\x1a\xae#\xd3#u\x8f}?\xdfq\x1d\x9e\xe7\xfe\x9e\xff\x96\x18\xf3\xb5fS\xde(|j\xd4/E\xd8H\xbe\x0bP\xb9&lt;\xd6\xd0*\xd5\xe0\x1a\xebQ\xd3\x07\x80"\x9a\xa6\x8f\xd1\xac\xe7t\x9f1\xc6\x98\xff\xe0\xf1\x1b1\xe6#^]\xfc\xaf4F\xdem\xfa\xe4\xfc;k\xad\xf9\xd8\x92\xe1DU#lC\x9f\x10}D\x00@z\xcf%@\x9fk\xccO\xaa\x1d\x16\x84y,\xdb\xd0\xd0\xa9\xda&gt;\xee+\x9b\xff]\x7f\xd2lv0\x15\xa3i,\xca\xf4\\\x0e\x03\xae\n\x89\xf4f\xed\x00\x00p\xc2\x8aj\xb4\x85\xb2\xda\xbe\xc498w\xe2\x03\xfa\xe2\xcb\x99};o\xf5yt\x9c\xe3\xc5\xe6\x1f\xe1}F\xa0o\xec\x02\xd4\x15\xee\x7fu\xcc\xfa&gt;\x02\x02TF[\xd4\t\x9b\xe2-Z\x8b)\xfc\x0f\x88m\xc9\xbe\xe5u\xd0\xfd\x91&gt;\xdc,G\x00bDD\x8c\xbc-\xee\x8c\xe9\xd0\x8c\xe7@\xcf\'\x00\x05\x11\x00\x00\\\x13\xf3\xeeF\xbe:\xfc\xfbG\x1b\xf5\x84w\xdb^\xbd\xe8?h\xcc\x1f4\xf2+\x0e\xcf\xa2q\x17 \x06\x009\xb0\xfe\'\x00w\x00\x00x`\xa2\x05\xe8\x80\xff\xedbk\xbe&amp;\xaes\xf5;\x9e\xc7Y\x1cs\xbe\xaf\xf9\xbb|\xe7#\xe7\xb0\xff0c&gt;\xd3\xd8?\xb9z\x03\xf0\xa3\xf7\xcfM\xa8a\xd8\xa7\xda\x01i\t\x03\x00\x00\x1eha\x81\xd6E\x0c\xe3#\x1a\x80\x1f\x7fu\xcc\x1fk\xa7N\x9c\xb1\xd6\xd8\x9f|\x7f\xb0G\xef\xfes\x1e\xff\x90\x7f\xd7\x18c\xccO\x9b\x07\x01\xbf\xdf\x88\xa2\xa7~g\xb4\x9f\x00\x00\x00h\x8b\x98\xcf\x97`n3\xf2b\x8c\x98\xef%\xe6m\xfe\xc7\x7f\x9cB\xa6\xa5\xff\xbf\xe2\xf2\xc3\xbf=4\x161\xb2\xe7O\xefH\xc6\x84\x18\x8c\x02%\x08{\xf8\x00h\\|\xdf\xcbn\x1f\x038&gt;\xcf\xe2\x8c1g9&gt;\x825\xc6\xfc\x0bc~\x811\xbf\xbc\xe8\x1a!\xda\xff\x04\xd6\xaf}F\x0c\x12\xb1Q\xbcU\xbb1\x0c\x00\x00c\x8c\x88P\x0b\xda\x95`\x00\xf0\xf8\xff\xf72\xe6\xaf\xe4;\xed\xe3\x9d\xc1\xcf\xee\xfd\xfc\xf5\xfd\xcb\x04\x8a\r\x00\xacY\x8fK\x80\xdax\x06\xa0Q\xb4#\xa8\x80{\xaf\x00b\x881"F\xe4+}\x1e\xd0]=\xde\xf9\xa9\xf7\x9f\x9eO\xf5\xfc\xcd\xf3\xffj^9\xe9\xfdC\x19Jd3\x989kZ\'\xd9\'\xc2e\x0c\x18Y\xc2Y\x00\xeb\xdd%\x97\xe9?\x17!p:\xe4\x17\x1a\xf3\xa3\xe6\xc3\x15\xd2C\xfb\x8f\xbep\x07\xa0\x194\x1fM\xeb$\xfb\xfa\x88\x05\xe0O\\\x9fa\xed\\\xc2\xa6L\xbc7\xea\xb4\xc6\x98\xf7\xf6&gt;\xcf"\xc0\x7f\xc9\x181\xff\xf6\x8f2\xe4%\xc0\xe5\x1c\x00\x00\xb8J\xbb\x14\xd0\xe7&gt;\xc0\xfd\x1d\x00sv\x13\xe0\xc3\x8c\xf9\xe2j\x9d\xfeN&amp;\x80\xd0\x17\n%\x00\xa0$\xf60h]\xca!\xc0\xdf1\xe6]\x9d\xb6\x062\xfb\x87z\x0f=\x8e\xf2&gt;\xc6\xfc\x85\xe7\xbfk\xbf\x0f\x98\x01\x00\x14\xa2P\x02\x00\x00\x0f\x89o\x02\x18\xafGt\xc5\xe9&amp;\x801\xff\xc2\x98\xb7\x8b\x0bX\x12\xf4\xfe\xa1\x13\xcf\x004\x83\rX\x00ti\xc0\xc6\x8d\xf7\x19-\xc9\xe9\xf3\x00\x8b\x17{\x99\x7fj\xcc\xcf\x9e_\x01|{@c\xe9\xfd\x03W(\x9a\xcd\xe8d\x1b\x19\x00X\x1b\xb0qk&gt;\xcay\x86/\xdb$y\xce\xf4/o\x0f\xbc\x87\x98\xbf\x9e\xe1\xd49\xb4\x9d\xc5\xe8\xdd\x9b\xb5\x03\x00W4%\x00\xba4`\xe3\xd6|\x94\xa7\x08|\x07\x91\x7f\x9c\xec\x90\xbf\xd4\x98\xbf%\xe6\xbb\x19cvs\xfc\xde\xdb\x05)\xd0x\x06\xa3\x7f\x14\xd1\xb6\xf1~Y\x00@-,d:\xc3u\x19\xca\xf1\x0c@\xdbV/H\x04\x00\xcc\xe8\x9b\xe6\xf7M\xb5\x03\xa0\x13\xd7e\xe8G\x19\x05\x80~4\xbf\xb8\x1c\xad\xe1&amp;\xc0\xc6\x90\x15\x90\xbd}\xdb\xc3\x1d\x00\x00@et"3)\xb0\xdd\xd0\x90\xfd],\x05\x161j}]\x0c\x00\x80(4aP\xa5\xd1\xdeX\xa3\xc1\xc6\xc4~`\xed\x10\xe8`\x07-\xc9aK\x91\xb9tV6`I\x05\x00\xf4L\xd9\xee\x08C\xac\x8e`*DMy\x03\x9cp\x07@)^\x13\x03\xa0o"\xd2\xfd,\xe08\r\xf9\xe0\xdd\xdf\xc1\xa3\x8f\x161\x00Pm\x94K\x07\x80v$m\x97\xb2t\x9b\xf4l\x8ff\xad\xb5\xf6\xe7\xd5\x0eE!jR\xbd\xb4A\xa3\x8d\xc6Qj\x95Rv\x0b\x1b\x00\x8c\xa1i\x82\x83\xfd\x10q*.]NhQ\x17\x14\xa2\x99r\xc1\x1d\x00\xa5\xf4\xcc`\x01\x00\xbc\x8c\xb0\xba\xe9\xc2\xe6\xdae\xa7\xff\xb7\xc6\xda\xde&amp;\x1d\xb9L\xe7\xf7\xcd\x01\xb7\x1c_=(\x96Q\x9cc\x00\x00\x00p\xc5\xdc\x84\x0bk\xed\xd87\xd8\xd7ed\x1e\x01\x18;m\x18cM\xdb\x83\x01\xfb.T\x84b\xde!\xe6\xcb\x17\xdd\x7f\x96XS|\xd5\xe1=&gt;\x00\x80\x0e&lt;Wb\x98]gc\xda\x19\xa9\xbd&gt;\xd8Q\\\xd0$\xfaZCG^\x9fGk8x\xa1\x04\x00\x0c\xa1\xa9!\x00\xbd\x7f\xf4\xe4\xcd\xda\x01\xc0\x12=\x7f\x00\x00t\xe2\n\x8d~\xf0\x0c\x00\x90\x18\xefp\x00\x80\xce\xd0\xf7Gg\xb8\x03\x00$\xc6mb\x00}K\xb5\xcdbK3%\xdc\xa0G_\xb8\x03\x00$\xc7u\x02=\xe3\x1e\x17R\xf9\xfc\xda\x01\xb8e-\x1b\xfe\x14\xb1\xde9\xd7\xbf\x85\xa1E\xf2F\x99.\x8d\x07\xcf\x014\x8dF\x0c\xe9\xa8\x1eKR\xce\xcb\x92\xf9\x95q\x9e\x1b\xa2\x08\xbd\xd9\x00$\x19\x00\x00\xa8F\xe1 \x80\x95\x9c\xb5\xd1\xa7\xcf\x8e\xf4\x05\x004\x83\xfb\x0f]R2\x06\xa0ha\x1c\xbd&lt;\x04,"T]\x00@\xb7D\xa4\xdb\xcb\x9c\xb5v\x9e\xf4-?\x18\xe85U\x81\x0b\x9d\x14\xfaT;\x12\x00\x00\x14ca\xc0\x10r\x8f\x01\xe8-\x00\xd4\x01\xf8\xe1\xfe;\x00 \xab\x84\x03\x00.X\x00\x00xS\xb26\x17\x88A1n\xcbY~\xc9%\xf3I\xd3\xb7\xba\xcf\xeb\xee#\x08\x00\xd8\xa2\xe9\x07\xbc1\x00\x00f\xbc\xca\x03\x00\x00\x00\x18\x88\xac\xdf\xba\x05\x00h\x11\xed8\x00\x00\xf0\xf0F\xed\x00\x00\x88\xc1\x8d\\\x00\x00\x00\x00\xd1\x18X\x00\x00\xd0+\xb6\xc7\x02\xb05\xf7\xfe\xd9A\x0f\x00\x80\xfe\xb0\x04H\x11\xe6\\\xa1\x01\xe5\x10\x00\x00\x00\x18K\x92M\xe2\xbc\x0e\xc2\xa8\x03\x00\x80b\xb8\x03\x00 #\xc7\x9e=k\x8d\x90\x19\xfb\x1e\xa2\x1f\xcc\x98\x00\x00\x94z\xbd\x9e\x13\xa8\x8dr\x08\xdc\xa2\x9a\x0c\x85;\x00\x18T\xbf-\x9d\xbexu\x9b\xd4\xb8!"\xc6|F\xedP\x18\xb3\xb8\xc5\xd4o\xc5\x07bq\'\x16@\xff\xe8\x07\x94B:\x8fK\xe1- m\xe1\x01\x00\x00\x00\x90\x13\x03\x00\x00\x00\x00\x00\x00\x00\x00\x00\x00\x80\x85s}\xe2!`$C\x1b\x01\x00@\x87\xb8\xbe\xc3\x17\x9dB\\\x13a\x7f\xeer\x14&gt;\x94\t\x00\xc0\x1e\x17\xac\xac\xb2\xdf\x01`S)\x00\xd9pm\x00\x80.=\x9bw\xc6\x00\x00\x10\x89\xd9\x14\x00\x08%"B\x7f\xb4\x0c^%\x99\x1b\xf3\xf3\x00\x00\x00[g\xbdOkX\xde\x90\xd12\xd9y7Y&gt;o\xd6\x0e\x00\x00\x00\x806\xbf\xe8\xec\x0fb^\xebR\xe8\xa1\xe6C\xd2fE\xea\x02\x00\x00&lt;\x84-;a$\x90\xca\x94\xfe\xa4gn\xa4/\x00\x00\x801f\xd5\xfd\xb7\xd6\x1a\x91i\xc5\xcf\xf47\xf3O\x8c\xf9\x0e\xc6\x18{8H\xb0\xafO\x02\xdaQR\x01\x00\x00^\x9d\xff\xfb\xae\xfc\xc9m\x02\xe6\xad\xd1\n^\x04\x06\x00\x00F\'\xabe\xfdw\xfd\xf8\x9b\x8e&gt;{\xd7@\xbb\n\x03\x00\xf6u\x02\xbaA]^\xa0e\x83/^\x83\xa8\x88\xb5\xc6\xfaL\xe1_|R\xc4\x90\xb3P\xae\xf4\x00\x80\x0b$\xd0\r\xaa\xf3\x12\x89\x01\x7f\x0e3\xcd(\xc7\xfa\xee;\xb3\x1f\x03\x88\xc8\xfb\xd1\x16\xa0\x05\xa5\x9b\x1ea\xe7,\x00\x00\xa0\x80\xc7\xa2\x7f\x87\x83,\xd1\xc9\x81r\xa5\xef\x00LU\x82\x8a\x01\x00\x00\x94\xb8\x9d\xb5?_\xbd|\xf2M\xee\x03@\xb7\n\xcf\x00\xd0\xfb\x07\x00\x00\r\xdav\xeb\xcf\xfa\xf9t\xff#\x90x%\xb0\x0b\x10\x00\x00\x18\x90[Gs9\xf7/\xaf\xdf9\x1c\x81\x8e\xac\xb7b\xdb\xc4\xf0\x0c\x1b\x03\x00\x00\x000\x9cM\x0f\xf0\xacGx\xd6O\xbc\xed\xaa\x0e\xdf\xc3\xf4F\xa7\xbc$\x06\x00\x00\xa0\x14\x97C\xa0$\x91\xbb\x8dY\x9fk\x98]\x962\xb3\xe0\xd9\x0b\xcd]a\x0c\x00\x80\xe1\xf0.\x0e\x008v~[`\xd5\xa1\xa7o\x9fW\xde+\x14W@c\xcc\x9b\xb5\x03\x00\x008\xc6\x0c"\xaa\x11\xf1\xdd\x14\xbf\x13\xebH\x9f\xd7A\xeb\xd0I\x15\x06\n\xee\xac\xb5\x8b~9\xe9\x96\x1d\x03\x00\x00\x00Fs\xd37\x15c\x8c\xc8\x88CP\xd7N\xfb\xfd\x14\xf2\xb0c\xa8`\xc5\xca\xdb\x88\x05{\x87%@p\xc5-\xb3nXki\xfe\x80a\xb9\xaf\x01\x1c\xb1\xd9\xbfl\x1b\xe7\xf5\x93.\tC3\x0b\xcd\xb8\x03\x00\'#^\x06\x00\xa0;sc\xbex\t\xae=\xf9\xc8\x98\xaen\x01\xd8\xc5C\xc0C\'\x12\xda\xc7\x1d\x00\x00\x000\x19\xba\xf7\xff\xe5\xc6\xb8\xae&gt;gv\x1f\x8d\xa3\x04\xc3\x95\x8c\xb9\x1e\x14@\x12,\x88V\xe0\xb0w\xbfl\xd8\xf7\x1f\xe8\xb8\xd9\x8f\x8f\xec\xf5h\xa9\xfb\xa4\xeb8\x82#\xe0\x0e\x00\\Q\xd5\x01\x84\xa3\x01Qi\xd3\xb0\x0f\xd5\xceo\xe3n\x8c\xef\xba\x1ek\x7f\xc9\xe5\xc1\x07\xbe\x99\x02\xf5\x06\xaa\xea\x00\x00\x8cm5g}\xd8\xdd\xdf\xccjw&gt;$xC\xe4[\x1f?\x86\xc5\xf4\xe4\xa6\x8a\xe9\xbe\x7f\xc5\xa2\x80\xd6q\x07\x00\x00\x80A\xd8\x83\x9f6\x9f\xb0\xc7?\xf7\xe5\x0b\x1f\xfb\xf9|\xeb\xebW_\x1a\xf2\xf4\xc3\xd9W\xbaM\xb8\x19\xbd\xff\xd6\x91\x7f\x00\x80&amp;\x89\xc8\x08S\xad\xc9\xdd.\xe0~|\xc0\xf4&lt;\x02X&amp;\xc2\xf9\x86H\xf7G\xd8\xa3g\x8c&amp;p\x07\x00\xa7\xe6\r\x8fG\xf5\xd7k\x07\x00\x18\xd9\xe7\xdc~\xc2ZK\xef?\x80\xcb\x9b@\xac\xb5\x1az\xffe\xaeA\xd6\xda\xdf\xf0&lt;\x9d\xf3\x19\xe9\xfd\xa3m\x94T\x9c\n\x9b\x14\xe9\x06\xbb\x1c\x00\x18\x90\x9e\xb5\xdd\xf9\x1ba\x11y\x1d\x7f\xd9\xf5\xbf&lt;\xe9\xf1\x18\xa1\xef\x1b&amp;\xe8\x0fw\x00F\xe42\xc31\xf6\xdc?\x80\x84\x125&amp;\xbb7X\x05\x1d\x83\x96\xed\x86\x92\xde\xbf\xc9\xff\xce\xf2MYX\x9e\xeay+@\xcc\xf6w\xf4\xfe\xd1\t\x06\x00\xa3\xd8\xbd\xfd\xf1\xe6*h\xed\xbb\xdf\x1e\xb0\xefKi\xeek\x0f0\x08\x914\xdd\xeeM_,\xec TjL\x8e\x8a\x90\x9d=?\xf3\xea\xf5\x9f\x958\xabf\xb9\x14\xe0eu\xe7\xebQ\xe8y]K\xd7\xdco\xaa^\x7fr\xf0\x05B@%\xc2\xd2M \x9e\xeb\x93\xd0v{\xa3\xc0\x8c\xb1\xcb\'\x06\xd2\xf7l.\x92{L\x89Pl\x80\x82h\xa8}\x15L1\xb2\xa6w\xd4&gt;\x00\xe8U\xf7K\x9b\x80\x8e\xed\xd6m3d\x02\x00\x00wZ\x1b\x00\xb4\x15Z\x00\x00\x12\xe0\xda\x07\xb4\x8d:\x1c\x89\x04\x04^\x1a\x1b\xc0\xe3@k\xb30\xa8`\xf1p\x00\x8d\x02\x02\x00\x00 \x00IDAT6E%\x10\xbb\x00\xa12\x9e!\x8e\xd4_\x02\xd2\xa0#L\xc5\xbe\x00\x856\x15R\x12\xbe(3a\x18\x00\x00\xd0\xa5\xbf!\r\xca\x98\xb6o\xacV~\xfeGz!\xc9\xd0\x08\xd4\xd6\xd2\xcc:\xa5E\x1dn\xcd\x00\x00\xba\xc7\xc5nX_\xd2i\xd6\xef\x1f\xa6W\x85\xf5?- o\x00\x00\x9d\xfa:\x11\xc3\x00`\\\xf4A\xeb\xa0\xf7\x9f\xc4\xb8\xf7M\xdc\xdf\x87\x05\x00\xc0\x9e\x88\xd8\xe7L)W\x13\xa0\x0c\xfaoI\x0c\xfd\x0c\x00e\x07\x00\x8a\xe9o\xc6\xceZ\xcb\x85\x04(\xccZK\xef\x1f\x08\xd4\xdf\x95\x18@/\xc4\x98\x96V\x90\xd2\x9c\x02h\x9a\xb8\xa8\x1dH\xe8\xd4v\xc1\xa0l\x031\xd2V\x9f\xf6*cs\x01\x06j\xf8^\xba\x9f-\x1e\xcd\x1b\xe6\xd5\xf1w\xfa\x02#\x01lP\x1c\x80\xc1\xa5\xbd\x19\xdf\xde\xcd\xfd\xe6\x02\x0c\x94\xf0\xfd7\xff\xfe*\x06\xcb\x9a\xbc\x19\xdcw\x13\x11k\r\x0b\xe9\xfb"\xc1\x19\xda\xfaC9\xed\x86\x1c\xa8\x8f\xea\x93\x94\x88\xd0"\xa1i\x07]\x82Ok\xbb\x93\xd0\x1f{=\x00\x98r\xeaz\x8c@vb.E\xd6Z.]\x00\xa0\x01\xad\xf1\x82\x88\xd0])\xa7\xf59\xc1\x11l\x07\x00\x97\x93\xfa\xa7\x83\x05n\x05\xc0\x18cD\x8c\xb5\x8dV{\xae\x94\xc6\x98\x98[@\xdb\x03\x91\x9e=\x11a\x8e\xbfi\x8d6\xcb\t\x91\x02\xfdY\xcc&lt;\x1a\xba\xa0\x01\xde\xf4I8kOn\x18L\xefB1\xd4\xae\xc1M\x85\xa9\xc12\xc0C\x0cO\xed\xe5\x1d\x962\xf5r\x92\x8d\x0bQO\x8b-\xf3$\xc5l\x02-|o\x96Wm&amp;(\xc2\x04\xa4\xd9Mg\xa9\xddV\x06cZ\xae_\xaa\x1b\x12\x8cH\xc40}\x05d\xc6=\xc9\xce,{\xa2\xdc\x01\x08\x13\x96d\x8c\x01\xd0\x0fn\r\xa3\x16\x87G\xb0(\x96/TU\x00H%\xecM\xc07\r0\x0b*\xd0\x10k\xe9Rx\xa1v\'\xe0\xb2\x99\xb2\xc8\xd4\x96\x92\xe0@\x8c\x7fX;\x00\x80F\xc1\xfd\x1en\x02\x00@\x80\x90\x19\x12Z\xd4a\xf0\xc0Eb\xdc8\x02\x0e\xdd\xde\x01\x90\x93\x9f?\xfb\xe6k\xdc\x04\x00\x80\x9dM\xd3h_\xae\xbf5H\x8b*m\xbe((a\x98G\xe8\xa7\x8aL\xb7\xb7\xf2\xbfW\xb4R\xc5i\xb1\x0cc8Wm\xcds\xdc\xbc\xfe\xd8T\x9d\xce\xf6\x03\xda\x1c\x9d1\xf7\x88\xe4YF\xc8}`e\xf5\xe0\x9a9ZMy\xd9\xb0R\xa7t\x1a\xe6\x01\xd3Tw\'\xa6-\xf9_c\xbd|\xa9\xc7\x1e\x0f\xc0\x997\x8d1\xe6\x1d\xc4|\xf3\xe6\xf7\xcb\xfe\xfd\xb3\xda&lt;\x7fe\xed\x9f`\x80\x8b\x13BK\xdb\x84a\xba,\x8a8l[!\xc6\xd2\xb8\xb6g\x98\x9a\x94*\x9es\xdbS\xa8\xac\xd3\xd6\x01{\x07\x13\xf9\xd3\x95i\xbfl\xee\xf1\x9b\xc7\'\x9cn\xacQ\xeb\x00\x9d\x18\x00\x18cJ\xbe\x1ct\xf7\xca\xc5\xedI\x1d\xd7*\xf4\x9bk\xcd\xbe\xa8U\x84i\x8f\x00\xeb\xf10\xa9\x17\x82f\x1c1\xde\\\xfecY\x92\xf6\xa5\xcaZ\xbb\xb8\x03\xc8&lt;\x150\xb4\x0e\x1e\xad\xab\xb5\xda\xdc.\xe6P\xe6\x04\\\xae\x88\xb8\xd0\xeb%\x7f\x8a{\x93\xb1k/\xc4\xba\x90~a\x86y.\x08\xb9\xbc\x1e\x02v\xab\x84\xd3g\xbe\xb2\xcd\xe7\xb4\xe0\x87\xf6\xa5c\xa9.\xbaM\x17\x92\xfbgo\xf38y\xee\xb1Vp\x80jbJ|\xd3\x8d\x0fP\x9duyDf\xf74\xb0k\xbd\xe3E6@\xaf:\xb8\x03P\xd2Y\xa3\xb9K\xc0\xfb\xd6\xb5\xbf4g5\x08\x00\x14\xb6\xd8\x06\xd4\xf1\xad4&gt;{v\xfd,\xc6\xe7P\x8b\xd9\xa38m\xcdW\x17\x9e,\xbc8\xdde\x9a)\x9d\xd3,\x1b,\x95I\x90H\xee]/#\xe8\x0c\x15\xc8\x17\xe4\xf2\xba\x03\xf0\x97\x8d\xf9\xde\xc7\x97\xa6\xa8\xf6\xaa\xa1.\x02\x86""\xd6\xfe-c\xbe{\xed\x80T\xc3\x14~N\xdb\r\x13\x17\xf7ZWc\xcfu\xfak\xdc\\\xa1L9\xd1w\x13 \xe1\x0b\xb9^\x87\xa2\xd2\x01Pb\xb9\x04\xc8\x1c\xb6w\x91\xd3\x15\xb4t\x80&gt;\xafj\xcd:\xbd2^-\xedzNo\xd3B\x8e\xfc~\x95\xe37\xcf\xa48j\xaf)\x06\x00\xc1\xae\xdf\x04\xac\xf6f%\x80@\xbb5\x08\xf4\x8dp\xad\xdcf\xed\xc9\x87\xa3\xf3\xe6B\t\x8f\t\x00\x1d\xb8\x1a\x00\xd0f6\x82|\x82\x87\xa9\x97\xc5\x94ha\xff\xd3\xe2\xe7\xc5\xd6\x9f\xdbl\xf8\xe0B\xc1Q\x8br\t\x00E\xc8\xd3\xeb\xa7g\xc7\x7f\xf1\xb3\x04\xab\x18\xb5\x01\x90\xc8\x08\x97\xb0\xf0P\x08\x1d,[E1?\xed8\xf1\xc7lT\xf3\xc5\xab\xd7\x14\xdb\xaa\x10\xc7\x01R\x15\xe8\xda\xeb\x0e\xc0T\x9b\x17;{\\\xacS\x85\n#\\\xd7\x90\x8f\xb5\xa9*6\x05\xd1\xc5+\xb1\x7f\x96\x18\xf3\x1b\x977a\x9e\xebT\x9c\x1e\x00\xc8\x12\xb8^\xb5\xb5WU\xb8\xe2\xcf\x85s\xf5\x01Zw\xf5\x10\xb0\x88X3\xb7,\x81\x15~\x88\xc6\xb7\x12i\xf1\xad\x99\xc0\xc0N\xda[Y6\xc5\xd7\xa8\xf2\xa8\x8eK\x0f\xd0\x81\xc7\x1d\x80\xf9j\xb4\xbc\x08Yk\xa7?|\x1c\xc3}\x95h\x82\x81\xb6\xbcn\xb0\x06=\x87M\x8dW"\xf7\xca"\xe5W\\.=@\x07\xecz\x9a\xdf\x18\x91\xfdE&amp;\xb81\xa2\x99H\x8by\x17\xa0\x03\xeb\xfb\x00\xaek\xf9\xd8\xb0U\x0fa;\x7f\x95\xc8\x17\xc0\xdd\x1b\xd6Z\xd9\xed\n&gt;{&lt;\xaf\x16N\xf54\x06\x00\x947wPD\xdc{\xff\x96\xde\x7f\x8c\xd7\xe3\xd7\xd1\xc7I\x12\x1e\xe40\xca#\x1f@\no\x98\xcb:\x13]\x93\xa8\x8a)\xa9i\xda\xb8\x04\xa2\xa8$]7U\xac\xb5\xd6~\x94\xb5\xc6~\x92\xcb\x87\xf3\x07\xa8\x1a\xe71P\xcc9^[\xdb\xc5\x1e\xea\xf1\xaa\x82\xd2\x1d\xcd\xae\n?\x9a\xc0X\xb7{\xcb\r\x7f.\x9b3\xff\xb2\xb0ZY\x84h\xdc\xdc\xc4\xb0\xc6)\xfc\xfb\x86\xd6Z\xd3\xf1\xbbl\x0b\xe4\xec&amp;I{MI \xa1q\x9a\xdc\x91\xbdi\x8c1f\xba\xc2\xcc\xbf\x94\x83\xc1\xc0t\x15\xf2B\xd1\x01\x90\xc2\xb0\xd7\xa1\xa3M\x99\x11n\xd8\x82\x04x\xa1\xa6\x8c\xe0\xf9\x1e\x80Uf/7\xa7\xfb\xbea\xc7\xa5\xf0\xe4@\x9d\x04\xfaf\xd7\xe6_\xd6\rU&gt;9\xd7\xd2l\'\xfe;NF\x00\x87Fy\x15`\x90\xeb\x06q\xbb4\xc8=\x1dij\x01\x00\xa5\x1c\xdd\xb8\x060\xb0\xc5~k4\x0e\x07\xde\xb8\xec\xd3o\xf6\x9d\xa0\xf7\x0f\x00\x00\x0e1\xd5\x8a\xe4(T\xb9\xbca\xccfg\x04\x99\xad?\xe9:\xfb\xffsS\x05\r\x00\x00\'\xfbY\xa7\xaf.\x1f\x88\xe11\xf7\x07=\xa6\xe7\x98\x99\x92&gt;e7wNWo\x026\xaf]\x82\xdc\x87`\xa45\x00\xa0:\xde\x9c\x08\xe4\xa3\xbc~\x89\x08/O\xbc\x96\xec\xa5\xbf\x8f\xc3).\r\riz\x07.\xe5\x8d\x02\x80b\x86m\r\x9an\xc3\x01\x8c\xe0\x8d\xcd\xbf\xad\xb5\x7f-\xf4X4vi5\xfa\xe8:\xc5\x00\xc0d\xd8\xd6\xe0\xf5\xaag\x00P\xe9\xa0u\xe6&amp;\x00\x00\xe8\xb7Z\xb1I\xc3\x9b\x9cH\xcc\x86\xd6\xdc\x04\x00\xa0\xd9\xf6\x0e\x80Y\x8f\t\xe6\xb6k\xdf\x86Y\xfb+\xf7\xfbU\x03\x00\xd02\x99\xfeO"\xa6\xc3\x1a\xbd\x7f\x0b\xac}C\xed\x00 \xa3\xd3;\x00^}z&amp;\xa2\x90\xd5\xb0+\x89\x01T\x11\xb9\x838\x1b\x90\x03\x18\xc3\xf1\xce\xa1\xe8\x049{\x8e\x94\x01\xfaT\xbd\xdd\x13\x11Z\x18\x00@5\xd5/\x84\x81\x18\x94\x02\xa3\xea`NJD\x8c\xf9ok\x87\x02hW\xf3\x8d\x00PX\xe9\n\x93\xaf\x8aR\xf9\x01\xf8\xa2\xdd@\xaf(\xdb\x98\xbd\x99\xe60"\x86\x17.\xf4\x83|\x04\xa0K\xf1Mu\x1e=\xa5\x983\xf2$\x00T\x11\x11\n"f\x07\xbb\x00\x05\x10\xf6;v\xc5\r\xa9\x03\xd6\xfe\xfd\x8b\xbfJ\xc4\x13&amp;y\xae\xbbb\xcco\xccpX\x00W\x8a\xf5]\x927\x1b\xb5\x9b\xfd\xce\x1f\xd2\xe3a\tG\xd6\xda\xf4\x85\x1b\xcdJp\x07\xa0\xe3f%\xb9\xe0\xa4jk\x1b\x1c\xcf\xd0\xca\xfa\xca.\xe7\x17z1\xc6*H\x8af2\x02\xe8F\xd9Z?\xdd\xd1\x8ez\x0f\xc0\xeapU\x9b\xac\xee/\xd1\xb5\xaf\x08\xc0\xa0:\x9fZ(\xe9,\x19\x87O\xe1u\xf4\x87N\n&lt;\x0c_)VH\n\x00\x00\x9at\xdd\xa1\xe1\x02\x0f,M5BU\xbd\xa88&amp;Q\x95\x0e\x00\x80\x0e\x15\xb8\xd20\xb7\x07\xc0\xc5\xc5M\xb3\xa1\xd6\x04\xd3`\x02\x00\xbc\xa4y\x08\x18\xc8\x8a\xfe\r\x0e\x1d\xae\xfd}\xde\x1c(\x1e\x9azX\x03\r\x00\x00\x80Q\xbdu\xde5j\xa4\x11\x00\x00\x00\x80r\xf4\xcf\x90\x8bC\xef\x9f\xb2\x07\xf8\xa2\xd6\x00\x00\xa2\xfd\xdd~\xae%\\\x17ual\x19\x8d\x04\x04\xd0+\xe6\x1fk\xca\x94\xf4\xe4(\x00\xc4\xa3-\xed\x94\x8c\xf5d\x0cpd\xb4-"tI{u\xe1Z\x05\x00\xc0\r&amp;&gt;\x01\x84Iz\xdf\xe4\x97\':\x0e\x00\x00\x00\x80\\\xb6\xf7MXJ\x05\x85\x0e\x8b%e\x15\x00\x00 \t:U\x00\x00\x00\xea\xd0CC^\x940\x00\x95D\xceA\xf4\xdav\xf5\x1a/\x00\x1e\xe8\x9e\xed\x90 /\xfd\xbd\t\x98\xdc\x1d\x82\xe6vMs\xd8z\xb2X\xd5\x15\x9c\xe0\x1d\xbe@\x97\xc5n\x00&amp;\xbc"|\xe1\xb1\x10\x98]\x80f\t\x06\x00\xca\xdeB\xaf*0\xc8Bu\x07\xe7\x116\xc5!\xec\x10\xb5~EY\x9b\\\x8d\xea\x86B5\xd</t>
        </is>
      </c>
      <c r="E875" t="inlineStr">
        <is>
          <t>&lt;class 'numpy.ndarray'&gt;</t>
        </is>
      </c>
    </row>
    <row r="876">
      <c r="A876" s="1" t="n">
        <v>874</v>
      </c>
      <c r="B876" t="inlineStr">
        <is>
          <t>steps_per_sec</t>
        </is>
      </c>
      <c r="C876" t="n">
        <v>9800</v>
      </c>
      <c r="D876" t="inlineStr">
        <is>
          <t>2.6151175</t>
        </is>
      </c>
      <c r="E876" t="inlineStr">
        <is>
          <t>&lt;class 'numpy.ndarray'&gt;</t>
        </is>
      </c>
    </row>
    <row r="877">
      <c r="A877" s="1" t="n">
        <v>875</v>
      </c>
      <c r="B877" t="inlineStr">
        <is>
          <t>Loss/RPNLoss/localization_loss</t>
        </is>
      </c>
      <c r="C877" t="n">
        <v>9800</v>
      </c>
      <c r="D877" t="inlineStr">
        <is>
          <t>0.110646315</t>
        </is>
      </c>
      <c r="E877" t="inlineStr">
        <is>
          <t>&lt;class 'numpy.ndarray'&gt;</t>
        </is>
      </c>
    </row>
    <row r="878">
      <c r="A878" s="1" t="n">
        <v>876</v>
      </c>
      <c r="B878" t="inlineStr">
        <is>
          <t>Loss/RPNLoss/objectness_loss</t>
        </is>
      </c>
      <c r="C878" t="n">
        <v>9800</v>
      </c>
      <c r="D878" t="inlineStr">
        <is>
          <t>0.0143582495</t>
        </is>
      </c>
      <c r="E878" t="inlineStr">
        <is>
          <t>&lt;class 'numpy.ndarray'&gt;</t>
        </is>
      </c>
    </row>
    <row r="879">
      <c r="A879" s="1" t="n">
        <v>877</v>
      </c>
      <c r="B879" t="inlineStr">
        <is>
          <t>Loss/BoxClassifierLoss/localization_loss</t>
        </is>
      </c>
      <c r="C879" t="n">
        <v>9800</v>
      </c>
      <c r="D879" t="inlineStr">
        <is>
          <t>0.07910177</t>
        </is>
      </c>
      <c r="E879" t="inlineStr">
        <is>
          <t>&lt;class 'numpy.ndarray'&gt;</t>
        </is>
      </c>
    </row>
    <row r="880">
      <c r="A880" s="1" t="n">
        <v>878</v>
      </c>
      <c r="B880" t="inlineStr">
        <is>
          <t>Loss/BoxClassifierLoss/classification_loss</t>
        </is>
      </c>
      <c r="C880" t="n">
        <v>9800</v>
      </c>
      <c r="D880" t="inlineStr">
        <is>
          <t>0.023842022</t>
        </is>
      </c>
      <c r="E880" t="inlineStr">
        <is>
          <t>&lt;class 'numpy.ndarray'&gt;</t>
        </is>
      </c>
    </row>
    <row r="881">
      <c r="A881" s="1" t="n">
        <v>879</v>
      </c>
      <c r="B881" t="inlineStr">
        <is>
          <t>Loss/regularization_loss</t>
        </is>
      </c>
      <c r="C881" t="n">
        <v>9800</v>
      </c>
      <c r="D881" t="inlineStr">
        <is>
          <t>0.0</t>
        </is>
      </c>
      <c r="E881" t="inlineStr">
        <is>
          <t>&lt;class 'numpy.ndarray'&gt;</t>
        </is>
      </c>
    </row>
    <row r="882">
      <c r="A882" s="1" t="n">
        <v>880</v>
      </c>
      <c r="B882" t="inlineStr">
        <is>
          <t>Loss/total_loss</t>
        </is>
      </c>
      <c r="C882" t="n">
        <v>9800</v>
      </c>
      <c r="D882" t="inlineStr">
        <is>
          <t>0.22794837</t>
        </is>
      </c>
      <c r="E882" t="inlineStr">
        <is>
          <t>&lt;class 'numpy.ndarray'&gt;</t>
        </is>
      </c>
    </row>
    <row r="883">
      <c r="A883" s="1" t="n">
        <v>881</v>
      </c>
      <c r="B883" t="inlineStr">
        <is>
          <t>learning_rate</t>
        </is>
      </c>
      <c r="C883" t="n">
        <v>9800</v>
      </c>
      <c r="D883" t="inlineStr">
        <is>
          <t>0.039378025</t>
        </is>
      </c>
      <c r="E883" t="inlineStr">
        <is>
          <t>&lt;class 'numpy.ndarray'&gt;</t>
        </is>
      </c>
    </row>
    <row r="884">
      <c r="A884" s="1" t="n">
        <v>882</v>
      </c>
      <c r="B884" t="inlineStr">
        <is>
          <t>train_input_images</t>
        </is>
      </c>
      <c r="C884" t="n">
        <v>9800</v>
      </c>
      <c r="D884" t="inlineStr">
        <is>
          <t>[b'1024' b'1024'
 b'\x89PNG\r\n\x1a\n\x00\x00\x00\rIHDR\x00\x00\x04\x00\x00\x00\x04\x00\x08\x02\x00\x00\x00\xf0\x7f\xbc\xd4\x00\x00 \x00IDATx\x9c\xec\xbdw\xfc?OQ\xd8?\xfb\x15\x11E\xc5\x161"*FQ\xd4\x185\x1a\xc4\xae\xb1 \xa2b\x14\xbb\xd8\x0b\x16l\xb1`\x89%\x1a\x1b\xf6\x12\xb0\x174\x8aB\xd4X\xa3Q\xb0\x04+&amp;\xf1gT,H@\x14\xbb\xa2X@\xe6\xf7\xc7\xb5\xed;\xbb;[\xee^\xf3|\xc0\xe7\xfbz\xbf^w\xb3\xb3\xb33\xb3{\xbb{w\x00\xc2\x8d\x83\x88\x88\x008Z\x8f\xdb\x05\x97&amp;x\xe3\xd6M\x90!\x1f7X\xca\xd5\xe1\x10(\x08\x13r\xf8\xb6\xb8\xfa\x85\x90\xceQ\x10\x84\xcb\xc2{\x01\xf0\\\xc9\x98\x05\xccx\r\x86\xf8(\x96A\x0c\xda0\xc8&lt;7\r\xdbZ,&lt;\x03\x86\xb7Ks\x9c\x17IY\xc2\xa5Q\xa3\x15\x18\x05"\x82R7[}\x9d%\xbb1\x98BO\x94b[N\x10\xa1\xd0\x9ek\x9b(\x05\xf9M\xcc\xe5\x18v\x07*\xbe\xd1\x8e\xc5\xd6b\xe1\xb1\xb8CFi\x913\xb2\xb7\xa34\x9fpI\xee\x18\xad\xc0\x18\x96\xb8\x9eq\xdau\x00\x8a\xe9:PF\xff\xcd(\xb6\xe7\xd6&amp;\x88\x9eAI\xb2T&amp;\xc7P\x1a\x1c\xf2\x840b\xe5Y\x91\x8e\xe6|DBi[\x19x;Y\x1f\x10\xce\xcb\x8dv\x15\xe6\\5\xdc\x94\x1d\xc2s\x84Xc\x07m\xb2\x04n\xca\x9e\xd3\x83\xb0]\xf1\xca\xd0\xf0TT\xc5\xa30\x10\xef\xa0P\xa2\xef2\x1c\x9d\xdd\x12\xa5\xd2\xb2\xc29\xb9\xd3h\x05\x00\x00\x10QB\xa8\x0f{\xe6\xf2]\x06T5\x81Rj\x13.M9\x15\n*\x96\x10\xa6DF\xc6\x82 \x0cC\xef7%\x13\t\xe7e\x96-@\xa3\xd6\xd1d\xba\x9a\x11\xd9~ \xb4f\xbb%\xef\x16\x96\xdd%\x94t\xce\xdd\xe2\x92\x18\x05A\x98\x8d).\x00\xfa\x0f\x1b\xb5\x02\x95\xf7\xa1\x1cW\xbd=@\xfa!!\x93\xb9\xa2`s\xe0\x84\x1b\xcb\xc6\xdc\xab\xf1K\xa3\x15\xc8\xc1\x9a\t\x91\xack!\xe1)\x0830Kb\xea\xff\xf0\x8a\xe8\r\xfex\xe5=\xd3\xdasa\x18\x85\xce\xe3K\xc2-!\x8f\xf3\x12\x84ah\x1d7\xb5\x0b\x90G\xeb\x08\xc2$L\xb1\x02\xb0c\xedPo\xca\x91}\xb4\xb2\xae:\xf1o\xa0\x14\xef\xe8\x7f{\xda\xb5&lt;\xf1\x9a\x05y\xf2t\x162\x86\xe0E\x1c\xaf+W\x89\xf4\xad\x0b \x1c\xd9\\\x17A\x10h\xccr\x01\xb0\x8cH\x97A\xf9\xba\xc9\xb7\xd75\x80U\xcc&gt;\x8e\x95\xe9\t\nz3\xe1u\xfa3\xe14\\u\x1e\xf1\xe5\xc6\x84\xd25\x8d)4b\xbb\xef\x8b\xfa\x94\xdf\xdd\xa9\xaf\x1a\xb6\x82 T1\xfc\x8d\xa12\x05K\xc7y\xcd+\xef{\x85\x85\xab\xf0~\xe2\x12YtLA\x92\xee\x84.\x0c\xef\xd9\x05A\x10\\\xbc7\x01\xf7\xd7\xe2|\xc9\xf1M\xbdW\x00g\xab\x85\xe0EZ\xf3\xfa\xdc|\x13\xdfr\xdd\xbd42\x88$\x13A\x10\xe6d{3\xf0\xe8e\x87\x13\xe6G\xb9\x00\x10\x84S\xb3\x04\xecW\x8dVC\xb84_3\xfb\xca0\xcaml\xc2\x8d!\xfb\xf0\x16\x96\'\x18\xe0\x04O\x14\xa9x\x97\x16"\xf6~\xb3\xc1\xf1\x96\xd9\x9d\xeb\xbdwJ\xb8m\xf0\xca\xcf\x04\x13\x04\x01@\x0bs\x90q\x91p#\xccr\x13\xf0h\xd6\x87\x8bO\xd0\xc7W(\xb0\xdd\x8f\xe5\xfd\xb1\xcd\xc4\xbc]\x96\xe2~\xc4\x90\xd0\x86\xd9g\xe3\xe6a\x0f\x1a\'\x82\x8a\x0cx\xf1)F\x84\x1f\x95\x05@\xe1\x8c\xac\x9d\xbf8\xaf \x08\x17\xa3\xed\xce\x1c\xd9\xf9#\\\x18\xd9\xde\x96\x89\x98\xe8\xd4\xdcp\xf3\xfd\xd6\r\xd7]\x10\xbas\xc7\xda\xa1J\xcfzzdR\xf94H\xaces\x8c\xfe\xdfr\xb4*\x82\xd0\x02\xc9\t\x82 \xf4\x05\xd7\xa7F\xb6\xba\x00\x90\xb1\x8eps\xc8\\u?\xbea\xb4\x02\xc2\xd5\xd8\x82\xb7o\xfc\xbe\xb2\xa4\x0bA\x10\x8a\x18\x90\xb0\x04A\x10\x86!\x9b\x82\x04\x81\x8fw\x97h\x12\x84\xaet\xba_\x13\x11\'\xb8\xbfV\x10\x04\x81\x8d}\xb0"\xc9M\x10\xaa\x91\xc7m\t\xc2\x15\x91\xcbzA\x10\xb2\xa1\xe6\x8d\xe1o\r\x7f\xffQ\n\xd0\xf9\xa4\xa1IX&amp;w\x85i\xc8\xba\x93G\x9cV\xb8,\x8c\x97\xda(O\xcf\x8d\xb3\xf4\x7f2\xbd!\x08\x11\xd60\xd1\xdf\x881q\xc8\x9ch\x11\x00\x11\xe5\x19\xe73pS\x1d\xc1|\x01\x92\xbb\xce \x03\x1b\xe1\xb2\x10\xde\x03\x90\x9e\xb9AD\\^\t\xc5\xa3\xd4\x15\xd1l(V\x12\x04?w\xdd\xc2\xe4\xb6\xa3\xa5\xc9dyx\xc4s%\x1b\xcf^\x97\xbdee=d\x10\xb9\xa3y\x19\xfd\x0b\x97%}\x01\xb0d\xa9\xe8\x02\xee\xf2\xfa\xa9\xe0+\xa8\x04\xb3[\x12+\xdd\x10\x88\x08\xdf(==\x95\xbfU\xaf\x12\xfcm\xee\xc7\x0c\xcc0\x9e#\xe8\xe0I&gt;\x88S(\xcf\xc4\xd4\xd9\xf5Bv\xa6\xb2\\uN3\xfd\x0f\xb0\xbe0s"}\x04aj\x8e\x87]\xdc^\xfeb\x03\x11\xe0+F+!\x08ga\x7f$\xc8\xd49\xc7|A\xd8`U\x11\x11\xe0\xdf\x16\x9c\xd5``:u\xab\x81&lt;\xb6N\x10\x04\xa1\x17\x92j\x05!I8LB\xa3\xb4\x9a\xa1\xdb\xdc\xd7\xf3g\xb9mt\xb2\x0b\x80\xae\'\x9e\x96\xf1\x8d5/7\xe7\x0c\x82p\xa3\x10\xee\x01\xe0@R\x8a \xf8\xf9\xff(\x0bk\x1f\x1a8\x02\x11\x00\xde\xabp4\x83s\x8f\xfc\xce\xb5R\xaf\xf6\x7f\xf8\xc8m\x9dbs\x9d\xc8\xceL\xdc\xd8\x86\xd5\xf7\xa2^K\xaf\x17\xb2\x13\xa7\x85\x19\x10\xfb\x08B\x06\x120\x82\xe0E\x9b\xe7~\xe9\xe88^\xe6,o\x10iq\x81\x03\xf2\xf2\x94\xbc\xdbN\x10\x04v$\xa1\x08\x82\x07\xed\xd6\x1a\x89\x91[\xa4~\xbc5\xeb\x88\xed\xe6\xee+\x98\x17\xba{\xc8\x05\x80 \x08\x82 \x08B-\xedo\x0f`\x1a\xb1\xcd?\xe6\x9b_\xc3k v\x16\x84\x9b\xa0\xd3=\x00\xc2\xd5\x91&gt;C\xa0pK~\xa2=_\x932&gt;/\xbeNP\x8aa\x13\xffi\xe7|\xcf\xaa7\x9d\xee\xf7\x97\xdf\xd2\xdd\x11\x82 \x08\x82p&amp;\xb4\xc7\xf2.\x13\xc0/?\xff\x08\xee\xde5\x13\xd5\xb2-\x81\xc2\xc5M\x84\x88\x1f-n \x08\x82\xc0\x81\\\xeb\x0b\xc2\xe4,#\x1eE\x19\x01+\xd8^\xbd\x93W\x02\xa6\xceB\xc4\xdai\xe6E\x7f\xa5\xa0 \xedl\xe7\x9e&amp;_\xe9\x8dUV\xe5\xc6\xe0\xe2QS\xea\x16\x81\xc1\x0f\x859\xc0b\xc73\x83K\x9cA\x10\n\xb9SM\xaf,\x08\xe7\xa1\xbc\xbf\x19\x81;\xda\xa7=\xc4\x03\x00\x10\xb3;\xc5.\x9d\xa8R\xcb\x8a\xc5\x89Z\x81\x87\xf4\xe5\xd5\x00V\x85\xa6\xd4-B\x93\xf1\x9e\x1bl2\xacl\x8fXX\x10\x06\xb3\xde\x03p\xad\xb7\xc1\xb7\xe0\x87G+ T2y\x7f\x83\x00\xfa{e\xebd\xf1?\xca\x83\xe5\x91\xfcgz\xae\x7f%J\x81z\xf7\xed\xc3\xac\xb5&gt;\xd5\x8b\x16\xfa\xa1\x00.\xbf\x99\xea\xd4(\x8d\xd1\xba\x08\xc2\x89Q\xb2\x9aF\x01\x11\x0b7W\x08B\x8a\xa6\xd7\xde\xd7\x08jY\xa8\x14\xdaa\x05\xa0\xb8\x99 \x08\xb7\xc0\x9dF+p\x0e\xae1\x8a\x12&amp;\xa4\xfd\xca\xdb\xb9\xf6&gt;\xf9Q\xd6\x7f\x05\xa1\r\x92\xea\x1bp\x85\x14$\x08\xd7\xe3\x8ee\x85ZV\xd3\x04!\x0b\xef\x1e\x1bt\x18\xa2\x9b\xa9R\xec9\xf1\x93(\x99F)\xe6\xf5\xb7\x87 "\xc2\xe3\xcePw\xa1#\xe7\x08\x87\x93!C\x0bA\x10\x04\xe1*D.\x00`}@\'\xed\xb6\xdd:\x00p\x97\xf1_\x11\x01\xf0\x89\x89\x83\xed\xf2\xe7\xdf\xeelX\xb5l|\xe66\xd64Wh\xc2p\x8c\x18\x99\xde%\xc4i\x05A`A\xb6\x00\tB\t\xde\x15\xb3\xdce\xb4\xb2\xbe\xdc\xdd\xa3\xac\x17{\xbf\xfd\xf9.\x8elDP`=\xf6\xe54\x93s{mJ4v\x1b&amp;\xbf\xa9\xe4\x16\xa0\xab\xa2\xf6G\xedv\xdc\xfd\x8f\xa5O\xb6\xfd\x91\x06\xca\x08\x82p\x83\xdcx\x97\x86[\xb7~\xe3v\xb84\xf3\x0e\xddJ\xc6\xff97\xa3{\xe4\xff\x15\xc0\x8bMj\x8d8c\xb7\x11S\x12\x85lt&gt;1\xc5\xc3\xf1\xca2e\xe7\xad \x08\xa3\xb8c\xb4\x02cQ\xda\xbf\x8c\xc8\x12\xedD \x00\xc0SGk\xe1\xa1d\xf4\xaf\xb2\x1eE\xe5\xb9\xb5\xe7n\xebX\'\xbf\xec\xc1{f&lt;\xb5\xee\xa6\xcfV\x88\x8c\xd5.\x8bR\xa0\xd4\xa7\xb4/GwW\xfe\xfb\xee*v1I\x9f%\x087\x87ti\r\x98w\xcaYh\x02\xea#\xc4\x8a\xe9\xf98J\xbd&amp;\xc0\xaf\xe7\x9d\x13-l\xd148\r\xb9\x9c\xb2\xfet\x08\xe0\x1b\xb5\xd4O\x99\xaf\x1b7\x18t\x89\x17C\x9a\x1e\x96\x15\x80ssDq\xb7\xec\xcd\xddS\xe0\xfe\xa6=\xe9\x80\x04AHq\x07\x00T\xdd]\x97\xc1&lt;\xb7\xdc5VCr\xef\xadBw\xac\xec\xd1?@\xf1\xe8?\xa2\x03n\xef\x1f\xb3~\xfaa{\x99\xa0\x85O3\xbcY\xacK\xb0\xbdL\xea!i\xcb\xfb\x97\x19J\xaa[\xd3\x98$\xbb\xce\xc3\xf47\xb8s;\xef\xea\xa82\xfa\x17\x04\x81\xc0\x1d\xb0\xe4\xc8\xbc\xad\x05%\xcc2\xf8\x07h&lt;hXz\xf0\x89j+\xb4f\x1f\x1d\x12c\xa8\xff\x95pnp\xbf\x9d+\xe1\xdfZ_\xe0\t\x06X&lt;\xfcQ\xe47}\xc4\xce\xd6\xac\x85r\xb2\xda\xf8\x16\x1a\xae\xf0\xfa\xb0Wx\xca\x92\x91 \x08#\xb9\x03\x00\xd5S\xa1C&amp;\xca_W-\xcb\xc2\xa3;\xb6uJu\xb0\x16Bg\xb6Ib\xd7\xc9y\\\xa1ZJ^\xfcy\x0e\xfeI\xe3\xaf\xdcm\xf1\xe1\xb9\xed\x13&lt;x1b\xfe\xa5\xfe\xdf\xc1[\x85\x1e3\xb82\xf4\x8c\xd1\xe5\x1a@\x9a\xc0b\xfe&lt; \x08W\xa3g\xd4Q\xcb:\xef#\xba\xcd\xc7\xae\x0b7\x8e\xd7\x13\xc2\x0f\xea\x8f\xc22P\x0e\n\xf7\x1di\x96\xd8\xca\xab\xcf\x10)\t\r)!?wZ\xe8\xab\xd8\xa3\xf6\xb5\xa3\xd9\xacq\x8f\xcb&amp;\xf0\xad:\x88\x08\x1f\x8e\x00\xf0/&amp;\xae\xe0f\xffy5\x14\x84\x0b0\xe3$\xc4\x9ey\xcf\xf6\x80N\xbb\xcb\x90G\xbcML\xa7\xfbG=\x05W\xf4\xbb\xf5\x11\xe1-=x\x13\xf0\xc9\x02\xb0\x11\x08\x98\x98\x95\xd7RV\xf00\xdd\xf2u\x99\xa1\xcd\xd6\x91\x9e\x8f.@\xc4\xed\xe9\xfb\xea&gt;\x00\xbfI*\x17\x11\xfbdT\xec\xf2H\xd0&gt;\xa5\xc4K\x1f\xa8@\n7?\xcb\x8e)A`f\xc6\xc7\x80j\x19\xa9I\xc0W\x8c\xc0\xe2s\x12*\xf8\x870\x1d\n\xe0\x01\xa3u\xc8\x06\x11\x10\x11\x9e\xca&gt;1\xe6\x13\xe8\xdf\xd1\x148e\xbe\xd9D\xb6y\\\x82\x80\xf5q\xc2\xd1\xb1\x94\xda\xae\xde\n\x87\\[]ZY\xba\xe7@P\xa9\xfd\xdd[\xf8\x1b\xa43\xb6\xba\xf7p3\xef=\xdf\xdcEk\xf3\xf1#0\xeb\x87\x00\x1f9D\x8d0n\xf2\x91\x1eU\x10\x98\x996\xa8\x86M\xd0\x869rux"vB\xb5\xbd\xc8lJ\x0f\x10\xd1}$_e\x97\xfft\x80{\xd6\x8c\xd5|\xc5_\xf5\xb9\x81&lt;\x93\xac\xb3&lt;\xd5w\x8f\xd9+\x04on\xd3\x8c\x9e\xb1F\xed\xa1\xb8\x86\x02\x7f\x81\xf8\xe2\x85\x0bez\x872\xb6A\xcf\xd2m\t\x82\xc0\x89\xc4&lt;\x1dc\xe84:e_\x90\xc0\x98\x80\xb3s\xea\xb9\xec\xee\x1d\xb2T\xed\xff\x01\x80W\x05xr\xad\xf2\x19\xbb\x80\x04\x80k\x0c\xb8\xa7$\xc3\xb0[\xe4B\xb7\xb6\xb0rE\x8b\xd41\xfa\xaa\xa6\x82Y\xae\x8a\x05A(\xe7N\xa3\x15\x98\x05\xc2\x06\xd3}\xd5z=C\x86\x05\xbc\x04:\xf7F\xdb\x9d\x9b\to\x87\xba\x0f\xc0o\x8eVb\xe1\xd8\x8b\xb2\xb4\xda6?z*{\n\x83)\xf0\x96\xde\x0e\xb6\x8f\xfb[\xf8\xb6\xd5\xa3\x9c\x89Zk\xac\xf7\x804\xc8\x1b\xd2/\x0b\x02\x95\x19\xef\x01\x18A\xbf\r\xa6B\x90\xc4\xa6s6\xf6\x85\xf7\x0ee\xb1\xf6mY\xa3\xff}\x07\xbc\xed\xd5\xdf\xce\xa1\xca\xf1\xf0{\x00@P\xea\xc2\xa3\xff&amp;\x93\xbe\xe7e\xc8\x13r\xb4!x\xa7\xa2\x9d\x85\xbb\x06\xe5nu2\xecy\xbd\x07\x10y\xd8\xef\x9aa\xbe\xb2B\x04\x80g0\n\x14\x04a\x08\x1f\xd1\xb30b\xce=\xee,\xbc~\x8e\xbe$|O\x97{\\J\x88\xaf \xfb\xe9\x9b9di\x17=\xd1\x95\x9cm\x90b\xc5n\x9c6\xe6\xba\xa9&amp;(s\xb9\xfd\x94\x8c\xd3k\x020\x07]\xf8Z\xd6\xbb\x9c(\xac\xdez"U\xd9\xd2\xbb \xdc\x00\xc4\x8b\xef\xfe\xcbj\xe9G\xef\x8d\x0296nb\xafG\xda\t&amp;\xb8m^ex\x98f\xae\x9c\xca1\x04\xd1a\xdcR\x9c{|=\x8a\x14x\xe3f\x04qc!\x81\x963a\xd86\x1em`H\xb8\xeb\x9d\'F\x88 \xa2R\x00p?\xc4\'ne\x81le\x11\x04\xa1)\x94-@K*\xec{U=\xf1F&gt;\xa5\x18\x16.e\xd84\x88\xd0\xfbzs\xa5,"N\xd2\x88\x86\x9a\xef\xc15\xb7\xd8hc\xb4\xe0\x05\x11\x1f\x1al9z\x8b\x0e\x98\x1c\xd5\x87\xd2\xebsl\xdb\xaaaO\xd8\xaf\x8e\xaa\xfb\xaa\xfa\xeb\x94\x08\xbf\\\x1e\x05\xfd(\x80\x9f\xd7\xfe\xfc\xc3\x96e\x95\xf1\x9a\xa3\x15\x10\x04\x81\x13\xe9\xbf\x05\xa1\x135\x03\x08\xf2\x8c\xa0\xa7\x90\xfb\x02\xfc\xe2&gt;\xfa\xf1)!\xd3\x8d\'\x00\x11C\x13\x07\xd4G\xb2\x0cz\xda\xa3\xe3rM\xaf\x1bC+\xb4\xc6%\x01\x94\xac\x00\xb82\xddS\xea\x9f9\x8b\xe9\x82\x06 \xcb}\x82p=\xe4&amp;\xe0\xb3 \xfb\x1a\xcfNe\x0b\x12\xf7\xffx\xbe\xfc\x85\x94\x12\'\xdao&lt;+\x88%\xf7\x05\xe5\x1c\xcf\xb0\xde\xd2\xe9&amp;{\xa7\xd8C\xf3n\xabF\xf1Rp\x1d\xd1\xfeLD\x80\xff\xc4\xd8\xcd\x00\x1cU[\xd7*f\x1bg\xbf\xb5\x9atC\xae \x08\xe5\xdc\xf2c@\xcf\xf5\xf6\x93\xb3\xe8\xc9\xc5\xda:e\xbb\xed\xa3b\x07Y\xb2\xfd \xfbs\x03C\x13\xfdq&amp;\xcd\x95\xb8I\xf6i[\xda\xc1\xdb\x145p8\xe3I\xae\xdez\rj3&amp;\xaa\x11\xdfX)\x7fB\x88/\xd65\xbe\x83k\xc2T\xff\xe3\x9bo\x13\xf3\xe7\xc4[x\x05A\xd8\xb8\xe9\x15\x80\x93t\x9d\xb7\xc8\xbeOx\x9f:d\x12&lt;\xae[\xaa\x181\x10O\xfd\xf4\xe0\xb9\n\x00\xe0]\xe5\x81=+\xec\x0fu\xc9\x9a\xb5]\x0e\xb6w\xa5\x17"\x0f=1\xc8m\xd52/\x98o\x86\xbe\x03YAs\x05\xfb "\xc0\xe7\x8f\xd6B\x10\x84&amp;\x90\x1e\xee\x963P\x90G"\xf2r9c\xda\x8f\xdf$\x01\xefD\xb1\x03n\xf7V:\xa7\x13\x8a\xd7\x8e\xf9P\xe6*O\t\xfb\x05\xc0H.S\x91\x1cB\xcd\x17iY\x82\xf3\xa7\x8f\xe7\xd1\xbe\x17\xc8zy\x887\xf6\xf0\xeb[\xab\xafp\x83\x84n)\x0b\xfct!\xf6l\xce5\x9d\x83\xdb\xc3\xe6j&amp;\xf6P\x1e\x0f:#l+\xda\x05c\x88\x1f\x06x\xfb\xb4K\x18\xfb\xd9\xf4R\x9c\xf7\x19y0_\xb1$\xeeW\xcf\xd9\xb7@\xbc\x08\xc0_\xb3\xecOjd\x07\xcb\x93w\'\x8f\xe4O\xaf\xf3\xd3\xf6\x16\xe2m\xbf\xe8\xfa\xec\xce,\x08\x82\x1f{\x0b\xd06\xcb1&lt;\xe0\x9b_y\xef\xaf"d\x91\xb6\xf7.X4\xc8\xdb\xf9p\x16m\x04&gt;\xd6\x89\xbfqSA\x0f\xc8\xf7\xa8m\x83\xc93-\xf7\xf6\xee\x11\x02\x00\xeb\t\xe9\xd3q\xbe}.S\x9a1\x83g\xd5\xfa\xfb6c\xdeh\xd6&lt;t3q\xae\xddi\xda\xa9W\xb9\xe1\xd1\xff\xd2\x88\xf7\x9ah.\x1cen^\x10\x9a\xf1\x17mB\xabt/\xcd)\x16^O\xbdR,\x84\xd0\x1a\x94\xa7M\x83\xbbpRd\xc9.(\x1c\x9e5\xad\xd3N\xab\xd8\x95\xa9Ob}2aV)\xae\xdb\x7f\xa2\xe4\xea\x14Z\x02\x9c\xc4VYYQ\x10\x84\x19\xc8L\xd3\xfb\xf1\xd3\x85\xbaO\x99\xfc\xe1\xdat\x9cT\xed\xa6h\r\x9ax*\x08\xd9z\xb1Qx\x12\xa2\xdc\x90\xb6\x01\x81\x0f\x1d\xdd\xf4g\r\x99"\xceQ\xd3K\xb6HV@\t\xd3#\xcd\'\x08Ud&lt;\x05\xa8.]z^Us\xf7\xc0Hz;aR*7\xf9LK\xd1\x1a7i||F\x9c\xf1A\xec\x05@9\x82\xf3\x8c\\\xf0\xf8m\xf5\xd2\xa1R\x02z\xe2\xd7\xe6\x15p\xa3\x94\xfb\xf9z\xe2\xa9F\x9c\x97\xdc\xf1\xe2}\xde\'\x87\xe0\xd34+\x00\x00\xfc\xdaU2\xf6\x05]T\x10z\x92q\x01\xa0\x00*\xb2\x86\'V\x9fy\xee\xf8\xf5\xdf\x85\xb6\xfdx\x81\xf4\x1a\x02\x01~s\xfd\xb4\xd5\xf2\xca\xd5M\xa3\xb2^o\xa4\xd4kf:\xfe7/O\x8c\x8c\x17\xb1h\xa0~\x15\xe0O\xfc\xa3\x7f\xb7\x8d\xd4~\x1f\x8c#\xb9\xf5P\xf5k\x8d\xd1p\xa7\x97C\x95\xf3\xb2\xab\xb2\xe5VA\x80\xb5\x05\xe7\xae\xe9,\xb4\x19\xa1\xba~\x0e\x00\xf0\xf3\xf5r\xab%\xf4\xe4_\x02@\xbb\xdb3\x04A8\x0b\xd3e.=+-\xc3\x02&lt;\xc9K\xc8]\xcd\xb9\xf9a\x80\x074\x10\x9b\xc1^\xc7\xfd\xb91{\xa5\xe7o\xa0L\xf4\xaaA*R\n\x1e\x94\x91\xd7\xffV\x9a\xd7-l\x91\x87\xc8\xf8\x92\xb5l}\xce\xe23\x96\xf5ZX\x0c\x11\x874\xc4\x84\x98\x89\x14Z\x98\xda\xfa\xe6,~\xc8\x85\x96\xc6A\\N\x10n\x96\xe9^\x04\xf6\xf2\xa3\x15(F9\x1f\xb8\x19&lt;\xfa\x87\xe3\xf12\xca\xf8b\xc6w\xd7\xd7\xa3v\xd2M\xbaN\xa7\xfd`\x96\xfcL}\xea6\xe0\xf9\x14\x188\x03H\\3\xf1\xee\xd5\xee\xbf{[\xf7\x806c&amp;\x84K,\xa3\xd55\xcd\xdbX\xa7+\xd8#\x8b\x13\x9f\xe3\xedE f?afX\xb3U\x06\x82\x8c\xfe\x05A\x98\x8e5\xafY\x0f\x02Z\x9e\xc5X\xbby\xb1m\xb2\xce\xcf\xc8\xe7\xef\xf3\x85r\x96\xd6woM\x0c\xa2\x9dJ\x1c\xa6\xa0W\xfc\x19\x1c\xcf\xd0\xdc\xf8\xa1\xfb\x05\xc0)\x98\xc3&amp;\xef\x93t\xadP\xf3\x05\xbc\xb4a[\x87\xd4\xc8~^\xc5\xa0h*\x0c\x84\xf5\xac\x1fh\xa0\x91 \x08B\x1d\xde\xac\xea\x1f\x06\xe5\xcb\xae\xd4-!]\x86&amp;\xb7M\xa9\x03&lt;\x80|\t\xb0\xc4\xc5/\xaf\x9fce\xf9\x87\xfe\xe3\xfcs)\xfa\xb3rOqu\xe6\xa8E\xf4\xf4s\x86\xf0\x04M\x9c&amp;\xa2aO_\xe5\x12&gt;\xb9\xb5\x03\xdc\xfb\x84:[$\xb3\x9f \x08i\xa6]\x01t6UkIk\xde\r\'x\x13/Q\x16B\xecNJsQ\xd3\xc9\x8b\xbaeg\x1d\x7f{\x88\x96O\xd6\xc0E\x7f\\7\xfd\x0fS\xc0\xd6d\xd3\xc6{\x80\xbf\xf9\xd0\xf3(\xb3\x99X\x1d\xa8\xf2e\xe4\xed8\xa2\x03|\xf7\xe32m\xcd\xdf&lt;-v\xee&lt;\xde\xd8\x1f\x8a}\xa6\x07G\xdd\xbc$\x08Wb\xba{\x006\x9c\xc0\x9e?a-\xd3\xb32+q}\xb8\xda\xd8t\xe9\xccg\xe1hO\x08\xd5\xb7\x12\xc57\x07\r\x0f\xa2~\n\x18\x03J\xc7"\xbf\x1b&gt;/\xf2C\x93\xa9S6\x99j\xbf#\x87I \x17\xce|\xad\xf7%\xbe\xe6\x97\xecw\xbd\x1f\xfc\xcfc*\xe9\xd0O\x12\xf7\x99P2\xfa\x17\x84[c\xc9\xd1\xdf9X\x8b\x00\xe6&amp;\rA\x88\xf0\xa3\x00\xcb\xc8\xcfq\x95\xc0\xbe\x1d\xff\x06\t\xfa\x91\x13\xf8d\xdfU\xfb\xe0&amp;\x01\x82A\xfc?5\x1a#:b\xc7\xb7\x14/&gt;o\xecQ\x1c\xe1\x80?\xd3\xbfk\xaa\xd5D\xd4g\x83\xdb\xb1\x95 \x080\xc7k\xc0\x9f0w\xde\xe9\xd3\xbd\tg\xc6\x1a\x03yG\xa8\x98w\x11@\xa0w-}L\xa4\xcc7\x97\xa9\xd1.\x07nb\'\xb1\x0f/\xf3y\xe3T\xca\x9c\x91z\xbb\x89\xe5\x05\xe14L\x92+\x8buX\xf5o_\x85I\x0c5\x13\xa7\xb0F7%\xff\xf36\xfd\xb6\x97\x18\x1aV2\x8e\xfe\xc77\xc1\xa1\xcc,\xd1Qr\x01\x90\x15\xdaE\xa9\xe0\x82\xd9\xc3\xe7\x90l\xb2?\xacH\xdal\xd1q:\x10\x11\xe0\x1e\x95"\x98t\x11\x04\xa11\x17\x18\xd7J\xae\xef\xcc\xea3\x7f\x9d\xb4\xf9\xe0Fi0.\xc9+?y@\xd5\xe8\x9f\xb9^\x85\xb6\x1am\xe4\\|cVDD\xfc\x99\xec\x07D\x9e\x9b\xfa*x,\xc9G\xa1@C\x9f\xc7\xf0\xaa$\x08\x82p)|\xb9{\x86\xbem\x06\x1d\x84\x10\x08\x1fr\x82\x8b.m(0\xb1\xaae\xa3\xff6\xaa\x94\x9e\xf8\x13S[X\xc3c\xc92\xab\x9e\xfc\x02\x009. \'\x8c\xaf\xf61"$\xb1,\xffqc\xb4\x10\x04\xa1\x88\xe1\xa9s\xce\xf4=\xcf&amp;\x07\x81\xc6\xb0\xa1@\xbe\xab\xfc{w\x88\xef\xb9\x85\xe0\xae\xe2\x81u\xf8.\xa5nr\xbc8\xecI\xf9m\x07\xe8\xafeo\xc3\x9b\x16\x04\xb8\xd3h\x1d\x1a\xe0\xe4\xae[\x0c.A83\x83\xc2\xd5H\x13L:H\xea\x19\xc8\x98\xa9ADD\xb8\x0f\x1e\x7f\xf4\xf5\x81\x8a\xf1\r\x0e\xb2\xd8\r\x11h\x9d[\xb6\xf9w\xf5,Lf\xe8\xaf\x8f\xff\xe1\x07\x82 \x08\x0eN\x97\xc06\xf47&amp;Seh5\x80\x016\xb7\x86\x17w\xe3\x19g\xe4\xed\x0e\x97\xf1\xcd\xbcL\xda4\xf8\x89\xd3h\xf5\x8em5\x91\x00\x11\x04A\x10\x00\xc0yn\x03W\xc7`\xaf\xf4_\xb4\xcb\x99\xbbR\x08\x1f\xd9Y=\xf7b\xb2L\x81\x7f\xaa-&gt;\xb7]\x18\xfd\xd3\'\n\xb7\xcd\xee5\x97d\xa7\x8f\xa3S+\xdf\x8b/\xbda\x13\xa5\xdcCf\x91\x04A\x10\xf8ht\x01`]\x02X\xbb\x12\xcb\xa41)\x96]pd#\xd3\xcc\x03\x9a!\x83E\xcb\x97\x16\x05\xd6\x0fo\xdc\\\x99\xfc\x0b\x80\xb5q9\xc7\xd619\x0c\xf7}2n\xab\x8bW\xf9\xb0\t\xeb\xa4\x80l\x0b\x14B\xcc\x9cN\x8b\xc8\xbeC\xa3\x89\x16\x82 t\xe7\x8e\xd1\n\x900_\x0b\xaf*\xdf\x12\x1f\x14l\xfc\x90/lhb\xc4\xb0\x06|\xe6\xe2G16f&gt;ZW\xbe\xdd\x0f\xf03\x9d\x8aV\xe4\x17\xd9\xbb\xe3\x8d\xcaIz\x80\xb8\xddk\xdbC)U\x14?&gt;\xa2\x83-4\xdb\x8f\xf1\x02\xe9;\xeaE\x08\x17e\xe6tZDVu\xb0&gt;?\x18\xe2\xaev5%\x08g\xe2L\xb9\x0c\x11\x1b%\xdf%\rq\x08g\xce\x8f\xd4R\xd9\xf4\xbf\x05&lt;\x9d\x8eR\x00\xb8\x8e\xa9\xbb\x98q\xd5A++\xe89Z\xe3ngA\xd9\x15\xea\x19\xfd\xc45\x94\xf3[\x00\xa5\xa0 \x18w\x99\xa7\xb2\x92 \x9c\x0f\x895A\x18\xcb9V\x00\x16\xda\xa5\t\xc56\x11=,\x91I\x06%\xe2\x1d4"\xae\x0bK\xbd\xba"\xb5\x95\x8b\xd67\xfe\xa3\x1f\xb5\xfew\x9d[\xaf\x1a\xfd\x17\x9c:\x10\x15\x89\xcd/\x8b\x9e\xb9\xdc\xd1\x90Y\x9c\x8cH\x8aY\xd6^^\x80Q \x9f(A\x10\x04\xc1F\xfa9\xe1\x1c b\xf1\xcc\xb7%\xc7\xfb}\xdf1\x9f\xadE\xfetu\xeeZ\xd3\xba\xbc\x91s\xca\t\xa0\x0c\xf1\xb3Z\xf6\x84\x8b$s\xb0\xb5\x04\x8b\xe9dn\xf8F\x884\xb4D\xa2 \xb4\xe6L+\x00\xa5\xfc\xec\xb63\xf8+Gk"\x94\xb2\xdc\x05\x0b\xc0;/\xa8^h\x9ba\xee\xdd\xcd8\xc5\x91\xaa\xf5\x9d\x15\xdb\xdc\xe97\x1d\xdc4#\x9c\xe1\x124\xb0Y~;\xc8\xa2\xc1)\x894\xb4\xdc$ \x08\xed\xb8~Ww\xda\xc9$\x04\xec\xb9c\xa3[q\x85\xb7I b\xd9\xaen\xbf(\x98g7\x0c"\x92V\x00\xf4\xbe\xf0l\xce\xdc\x90\xe4\x10\xe1\xea\xb6\xda\xae\x8b\x1bT3k\x16v\xf8\x94-K\\7M\x0e\xfaml\xfb\xe7\xc9\xd2\x11\x9d\xbb\x02\xfcm;\xe9\xa7\xed\xb8\x05\xe14\x10W\x00\x8c.\xd6\x9c\x83\x1c\xfc\xfe\xac\xe4\x84\xa8*\x1f6\x8e\x9d{\xe0{\x94\xcaL\xc5\x15\xed\xcc\x06X\xdb\xd1\xd0\xb0trh\xbd\xab\xb4\xe8\xdc\x16(\xb7j\xfe\xe3:\xe8rB\xfa\xb8m\x872\xcaX\x9eY\xca\xbe8\xb6\xa0\x8d\xbd\xde\x99r\xf0\xd8\xb1\x1a-\x8c\x92B\x9ae\xc2\xb7Y\x1f\xe6\xbb\x15\xd4\xbe\xc4\xb64\x1c\xfd\xc3\xdeq\xffJ\xd3B\x04\xe1\xa6\xa1N\xed\xe8\xf3\x16\xeb\x99L\xd3\xb1\x95\xb4\x9av\xdafeo\x9ee~\x9a\xc7\x14\x8cs\xd8\xc5\xf3CL\x0e3`K\xfd\xd5W\x00\xca\xd7\xa0(S\x00e"\xb5$\xe7\x7f\x0cQ\xcf\xb9[\xbf\xeb\xb2n\xbe\xdf\x85\x9a\xf5\x1d\xf3p\xb3\xeb1|\x91\xe4\x84\x88\xef\tB+\x08+\x00h\xcc[LH\x93\xf4p\x8b9z]\xc9A\x03\x80)[\xdf\xdf&gt;\xb4[B\xebG\xffK?^\'$\x1b\xb5&gt;\xa7h6\xdfd\xf0\x8d\xf5\xed[\xa5\xa7Gn\xe3(k\xeb\xdd\x8f\x10\x00\xe0\xe3bG\x1e\xa7h\xaf$c\x8f\x17C\xa0}\xff8\xd3\xd4\xbb\xbe\x94jI\x9b\xcb\xe1\xce\xcb\xf0E\x92\xd3Q\xbcb,\x08\x02\x07\xc6\xbb6\xcd\x81\xa1p%\xb66E\x1fL\x1b\x0c8\x05\x9ar\xfay&amp;\xabA\x8a\xca\xce\xafc;\xcb \xc7x\xb7A\xdbUi\xe5\xf3\x7f\xcaQ\xda\xf1\xac\xd6F\xf3\xad\xd5\x8d\xd0\x84\xdfVz\'\x1b\xf6\xb6\xcc\xd2\x00DDxX\x86\x19e\xb0!\x08\xed\xb8S\xfa\x10\xa5\xddf\xd6Z\x9d&amp;\x9cV\xf1\xce\xa8c\xaf\x83/\xe3r\xbd\'\x81y\x11\x1c\x11\xd4_#\xbe(\x97&lt;By+J\xfb\xae\xd5+\xea\xf4"\x9a\xca\xaf\x82a\xe35\x93 Md\x850\x92\xa9C\r\xa2\xd4\xb6)\x9f\xcf+\xd6\xfd\xd0\xbc.\x86\xeb\xdb/\xacR\x00\x96\x94y\xa4\xcd\xb6\xee}\x9e\xcd\x96\xfb\xa3\xc8"\xdb_;\xa4\x823\xa3\x94\xca\xeb\x8e\xc5\x98\x82\xd0\x0e\xcaM\xc0\xfa@\xe7\\Ci\x99&gt;(\xc2\x1c\x13\xf0.[3J[\xc4(\x05\xf08\xedK\x16\xd1\xd9\x9aL\x15\x16\xd6\xea\xc4z\xc5\xd5HI\xe2\x1d\xccI1s^\xa5+\xdau\xc4s\xf6\x83y\xac1\x1aO-\xda\xa4\xd1\xc1\xe9\xf9\xb8\x8f\x88\x12\x1d\xda\x8dp\xe9cr\xb4\xb8\xa9^\xea\xfc\xd1!\x08\xb7Dr)|R4\x9d\xef2Z\x97\x93\xd1\xa2\xad\x7f\xb1\xa5\xff\xf4\xf5\xcfc\x84\xfd\xf1\xbd\xf6\x02i\x15\xfc\xaf\xc9cvSl\x1f\xce\x14\xb6\x13@Jw\xce\x86\x1f\xfbQi\x8d\x95\xecG\x9b\xc8J\x1a\xf9C\xb9K\xf4hP\x10\x1a\xec\xd6h\x97\xb8N\xd7e\x0b\x820\x1b\xb8l\xa8=c69\xa3\xce&gt;.P\x85\xcb\xb4\x85A\xdf\xe1u\xa2 \x0c3\x8f\x92\'!\xef\x02`\x88c\x93\x0b\xfd\xaa\xfa\x82\xd8+\xb8\xbb\xe5\x9b\x05$#"\xc0\x83x\x0b\xbd\x00\x99m\x81\x00o\xd0P\x1bA\x10n\x00\x04\x00\xb8\xb3L%\x8e\xe2\n\x96\xdf&amp;J\xe7\xe6\xccW)\x91\x0b\x00\xd6J\x05E\r\x1c\r\xf7\xa7\xa5\x85i\xfcr\x7f;\xb3\x95\xd8\xfd\xba\xb4?-\\\x82\xdb\xd3n#T\x05A\xe8\xc9\xad\x0c\x02:"\xf6\xec\xc1\xa0Ys\x1e|\xb3\xfe\xfb\xee\x94\xce\xfb\x94n\x80\xd2\x0b\x80s\\\t{\xe0l\xd9\xf3\x1a\x81ADy\xc5\x99\x03\xf9\xf5N\xd9\x04\x82 L\x8e\xfe\xdc:\xfe\'\xe2\xf5\xe2\xc1\x92\x1fo\n\xef\xc4\xf9i|`\xd0\x84\xf4i\xec\xd3\x82\x02W\xe1n\x9d\xa6\xf6?\x84;j\xdft\xbb\x17s[\x17\xc9\x82 \xdc,-\x92\x1dQ`\x8bk\x0f\xe1\xe2x\xc6\xff\xe7p\xa1\xb3\x0f)N\xad\x7f\xd6E\xd7\xf7\xb0\xa7\xc4^v\xb3\xd4&gt;o{\r\xa4\xcf\xcc\xc2\x04M3\\\x01A\x10&amp;\xa0A\xd7N\x15x\xeaQE\x15\xb7Y\xebz\xb4\xbe\xf9\xe8\xa7\x9f-\xc6,g\xeePe\x19\x8b\x9b\x97\x8b\xe1\xa3\xac\xa3\xeb\n\x1d\x80\xa3v\xed\x10\xb6\xf58xB\xec\xc9\x85\x96\x85\x10\x0fn\xa0\xc0#n\xaaM\x05A`\x81:\xdbJO\x9dg\xech\x05\x1f]6\xb2\xbbC\x9cW\xbd\x11\xffi\xf8\x14\xc2\xcf\xcb\x8bA\x84\x97\xec\x7f\xc7\x02\xc3@6&gt;\xea\xaa\x18\xf0\xcd\xb2\x06\xe5V!\\#\xdaS\xe3\xd6\xe5\xb5\xd7eS\xf1\x0c\xb4\xbf\x00\xc8p\xb6[\xbb\x00\x13\x04!\x81\x99&gt;\xfae\x87\x8c\x9c(i\xeb\x9a\xa0\xf3\'\xde\x8bi\x94F+\x7f\x96\xc1VoZ&gt;\x86&lt;\xebr}=\xbe\xf1\x16yg"\xb6\xd5\x05\xc0R\x97w\xae\x18\xf0\xed\x1a6\x1d2\xd2u\xf1\xdf\xfa\xec\xe8\xf6\x0f\x8d\xc7\xb8\xe7\xa5\xf5\xe8\x7f)\x84\xec\xd2\xd2@\x82 \xech\x9d\xa2\xd3\x1f\xb7M\x16Y\xf3\x16\xd2\xb5\x04\xb8\x8eY&lt;\xe3\x8c.%v(\xe8v \x0e\xe8\x1b\xb5\xf5"\xed\xef\x9dyk\x17\xbf\xda97\xf5\x0657\x07\xcd\x05\xfa#"\xc0K\xcc\xe2\x9c^\xd3yt\xeb\x1a\xb9\'b\xb1\xc9O]\xc8,Y\xc1\xc2R\x968\x95 \xb0p\x87\xf5\xb77\xb0\xb6\x1c\xdfV\x15\xfa+\xc2\xf77\xb27\xd2\xe4\xbc,\x83\x8d\xd1Z\xf0\xb04\xb2R\xeb\xff\x04nz\xf8\x89RJe\xb6\x9f\xe2n\xec\x17H\x96\xf8L\xeb\x8b}\xbf~^A~\xcd\xbf:\'\xb5\x05xC\xfc\xb3Z\x11\\,\rj\xb2\xce\x0f\xe9\xa3@\xcdt\x15\x19\xa9\xdcE\xa7\x1d&amp;.\x11\xf1\x16\xad2\x1a\xfe]\xf7Z\xaf1^\xef\xe5y\xcc\xd8\xb8\x82pn\xb4\x19;w\xa6\x879\xe4003G&lt;\x9bW\x99k0m\xb7\xe7#\xe9]\xfd&amp;\x96,\x85\xb2Ni\xa7OK\x10\x1e=\x9b\xe6\\\xfa \xc0S\xf6\xcf[63\x8f@\xff\xf7MADx\xbd\x82\x12\xf7\xd1\xf5l\xeduL\xfc[\x0b\x02\xce"\x01]sw\x13`\x8dj\x0c\x16k\x96Q\xa7l\xd0\xe99&lt;J\xac\'\x08\xec\xf4\xbe\x00\xd8\xc3\xb8\xa4\xb7\x10\x18\xe8&lt;\xc8\xd6\xcb5\xbc\xcbi\xf7\xb7\xea\xee\x0f\x05\x1e\xf8\x1e\xe2\xae3a9sx\xac\xd0\xde\xe7o\xc91\xdc\x11\x7f\xd9\xe8?up\xe6\x95y}\x13\xb4LA\xd2\xd3\x15P\xe4W\x82 \xf8q\x16s\x11\x01@)x\x1e\xda\xbf\xb1/\xcd\xaf\tz\xdf\xd0\x83\xa8\x94G\xa5\xc0\xa9\x19\x07_\x16Ddh\x17\x1caFO\x02\xf7l-@\xe4\xf7\xba0\xbbN=\x0b\x15\x181[p\xfdK\x01\x80R{\xb0\xac)n\xf1{ih6\x10@YQ\x9dc\xde\xad\xb1\xc2\xa7t\xce\x06\xbb3IG3\x0f\xa1q\xbf\xb4\x91 \x14`\xdf\x03\xb0l\xe7Cm\xf4\xbfm\xc2n\x10]\xe6\xe6\xe0\xdc}\x842\x05\xa0m\xbd\r\xfdHa\x8a\xbc\xe9\xf5/\x19\x9f\t9\xe8&gt;\xaf\x85\xc5;\xe8\xbfm\xff\xe5\xf1\xac+\xcfGfN\xe4/\xd7Yj\xef/\xb2\x82\x171\xdd\xcbt\xce\x06\x17l\xd1\xf3\xb3\xdf\x12\xa6\xcc/\xd9z\xb17\x18\xb3\x1e.\x08\xd3\xe0\xe6\xfd\t\x1f\xbby\xc5\x1e7\x97D\xdf|\x02\x13\x85vh\x8cA\xb3\xe7,*\xb1p\xd5\x11\xaa\x85\x95\xb5\xdc\xd6\\\xbe\xff\x9c\xdd\xe52l\xf2\x19^\x03\x9a%^\xcd\xc2mjw\x1a+\ro\xd6\xfa\xdcx\x0bQ\xcf\t\xce\xd5\x1f\tB\x7f\xf0\xda\xbd\xda\xc5\xb8\x91\xb1]\'Z\xce\xe6\x0el\xa9v\xbd\xdaD\xbe\xe7L[&lt;\x96\xad5\xcd\xd9\x90`\x99\x12\x89iNe\xa5\xb1\xdd\xdf\xeaQO\xa80\xd7yL=\x96\xddJ\'rNAh\x80\xf4g\xc2m\xd3d\xac|\xd9\x80z\x8dYj\xe4\x9d\xb6`\x99\xc2\x88\xe4C\xf7\x02\xe0\x82M\xcc\xca%L\xd4J\xff\x1f5,\x833.\xbc_\x8eK8\xa4 \xb0!\xc1 \x08\x9c\xc8\xe8\xb0\x03\x94Qx\x99\xfd\xe3\x92\xf7k\x8c\x934\xf1\xaf\xe2\xf8M\x0e\xc3\x9e96y\xef6\xbf\x86\xd7\xe3\x0c1+\x08\xad\x90\x9b,\x05\xa1-z\x07#O\xab\xa8f}4\x8b\xf1\x95\xd3\x85\xd3n\x18%=\xff\xca\x12\x1e\x7fL\r\xb9hW\x8d\xe5*B?\x9d\xff\xf1\\\xa6+\xde\x90\x1f\x966\x8d \x08\xc2e\xb9SK\xe1C\x9e/)\x083\xd3&lt;"&amp;\x1f\xebT\xab\xa7p}\x04\xf0!\xd2&gt;\x82&amp;|\xb9Ux}H(\x07\x05C\xffm@\xbe&gt;\x99\xd4\xf9\xa9\xef\x83/\xaf\x8b\x98Q\x10\x04\xc1\xc2~\x0c(+cs\xae,\xed\tS\xa0?Q\xb7#3:\xbf\x16\x92\xe5\xeaifDk\x96!\xe3\x81\xc5\xfa\xd0\x9bZ\\\x1e\x84\xcd6\xa6h\xe3\xd1\x99*\xf7I\x9a\xc2h:\xed2:\xc9f\xb3\xfe\x88A\x04!\x8f\xa6\x17\x00c\x91\xde\xd3A\xf6\x98\xb2C\xe9\x8c\xd5&gt;\x98\xeb\xe1\x91\xdbC\xb2\'\xf7\xfe\x1a\xf5\x94\xf6A\x7f\xfc\xbce\xe1/\x0e\x9c\x8e\xfa\x85\xc8\x87%K\xd3\xda67\xa5\x10\xae.&gt;\x016\x07\xc9\x13-\xd0\xd0\x06\xe5\xf7\x05D\x807kVT\xbf\x18\xd79\xae\x07n\xf8\x92`3\xc0\xedZ@\x10\x04\x81B$Kr&gt;&gt;\xa5;\x9dg\xc5\xf4\x1bCOg\xab\x01\xb4\xbe\x19\xda\x92\xfc\xa3\xfeR\xcc;z\t\x9a\x14\xb7\xf2\xe7\xce8M\xfb\xca\x1d\xe7\x8fW\xa3\x8d\x9d\xae&gt;\x8a\x9e\xb19\x8a\xd0\x1c\xd2b\xb4f\x8d\xa0\x06i\x07U\x04\xe1J\xc8\xb4\xd3\xad\xe1\xb9\x87\xd2\xfcU\x01\xd3&gt;\xf2m\xafv/\x1fCD\xff]\xb6G\xd7\xc0;\xcf\xda\xbb\x82S`\xf4\xb3\x99o{m{\x07*\x8b\xd3.\x92\xdc\x9b\x8cK\xc5&gt;\x07\xe0\xf9\x0bJlG\xebV\x08\x95\xc5Q\xdcz\x9f4\x87\xa8\xeb\xc0\xde\xa0|q\xc4\xc1\x92\xd5\xa1\xf7\x06JW\x8f\x1b\xcb\xf3\xc2Mp\xc7L\x93\x97\xf3h\xd2\x8f\xce\xf3\xc7\xa9I\xcf5\xc7m{\x12\xea\x9f\xa1^) \x87P\x0f\x81\xc1?&lt;\xc7fh|{\xa3\x7f\xa6Y\xb6Fc\x8bvC\x96\n\xc9\x94\xd1?\x8c\xf2\xa2\x96\xf3\xa6\x04\xc99\xf3\xd6\xce\x82M\xeb\xccB\x91?E\x87\xa54\x18\xc4\xad\xa3\x7f\x06I\xc5\x1ax\xbe\x1b\x7f5bO*\x8d\xd1B\x10X\xb9c\xa6\x9ds\xc3\x83\xbc\x8e\xa3\x8f\xca\xb8\xd3\xb1\xf3 r\xed$\xa8-^u\r\xb0mF\xef\x8a\xa7fJ)\xf5\xfa\xfb\x1f\xf1\xb3!\xe3\x1a`\xc0~\xdf\xc1\xd8\xf7\xac\xee\x1f3\x9c\xa4\xe9\xcc"\x93\xf0\xdbj\xd6\xcd\xe1y{\x01\xc2\xf3U\x97\xe3\n\x9b\xec\x99Eg\xd1\xa1h\xa5\x05@\xc9&gt;\xb1,\x83w\xeeBq\xa3I\x00\x00 \x00IDAT\xa3\x07\x86\x80^4\x02\xd7\x85\r3\x13\xaa$\x08\xf9\xc8\xe69&gt;\xec\x1d\x99o2\xa5a\xfb\xb5\xf8\xd1#N\xf1p\x0cB\xad\xc7m\xa5\x9d\xd2U\xbc\x94o8&gt;O\x1d\xf3iQ\xb5V\xe6\xb2\xf3\xd4\x12\xa4\xdc\xad\xc3\xbb==K\x9a\xef\x98\xb6\xbe\x87\xce\n\xc5y\x91\xf1\x80 \xdc\nr\x01\xc0\xca:\x85\xbcY\xf5\xe1\xcd\nz\xc5\xe23\xbb\xb5\xf8\x08\xd7\n\x15\x87\xc4\x1e:\x7f\x1a\xef\x16)3\xd1\xb9\xf2\x0c\xd5{\xf9\xc6\xb8!\xc1\xbcb\x1d\xf1\xb9EP\x9b\x9eq\xf4o\t$\x1eYYT\xee)\x80\x08\xf0\xb6\x15\x85\x9a\xd2\x84\x1e\x88\x9d\x05!\x03\xfc\xb5\xf9z\xf1\xbe\x03\x8b\xe9\xaa\x9f\x0b\xefLUd,8\xcb\x94\xd81n8\xed\xd3$\x1ey\xfak\x92\xc6\xc3YVrF\xae\xec\xc3\\W2\xaf\xd8n\xf2a\xdahJQf\x99\x93V\xf6l|V\xd1Y\xd2.\x82P\x8d\xe4\xb8vX\x86%\x0eX\x87\xa3u\x96?\xd8\xa1\xb8\x0f:\xee\xb2\xc8\xd8k{v\xa7\xfd\x17\xa7\x8d;3c\x9c\xa3\nYcz\xedH7~\xfd\xc7\x93\xed\xd0\xe1\x92)&amp;\xfc\xa4.W\x0c:\x14\x9c\xce\xa5\x05\x00\x00\xfcM\xb5\xb4\xb3Pd\xb7\x9cP"\x8b&lt;k\xa6\x15\x84\xe6Hx\xb4\xc34l\x87\xbe\x9f\x87\xd0\x00(t8Kq\t9g\xb0\xdb\x19`\xdb\xb7}\x96\xa1\xff\x02\xe6\xed\x89\x0f\xc5i\xf0\x02@7\xc8\xdca&gt;\xadbm)\xbb\x00`,\x1e\x8c\xf7\'X\xb7h\xcf\xec0\x16\x8f\xa5\x1dVX\x9d\xc5&gt;\xaf\xc8j\x8d\xb9\xe3Q\x10\x84\x1b`p\x0f41i\xb3\x88\xdd\xd8\xc0\xc0g\xf2\xf9\xb7\xe1\xc6\x15\x15\x9c\xc9&gt;\r\xd4\x18T;\x86\x12\'j\x17\x00\xdf\xe2\xc4&lt;\xba\x95S?A@3\xc5c2$~\xc0\xc9f+\x04\xa1\x06y\x9aU\x04\x1cd\x9f#\xa7M\xf9\x04\xb4\xe1&lt;\x17\xe0N\xe1_W\xeb\x89\xe9\x84\xf9\xc1\xf2W\x8c\xf5\x051\xf7Y\xec{\x16+\xa8 \xaeO\xa3\xcf~\xcd\x9cR\x8b\xa6&lt;\xef\xc3\x9a\xe7E\x1f\xee0\xf7\x1cn\x13E\xf3\x10(\xb339|Fu\xe5\x8205w\x8cV`fF\xa5\x8c\xe3m\\\x83\x14\x98\x1b|\xbe\xe8\xac\x8fR\xeaD\xa6\x93\xd9\xa6\x9b\xe6\x14\x8eZ=\xe1\\s\xf6\'\xe5\xee-T\xb5%jB{Gg\xb0&lt;\xcbON\xe16I\xb4\xf7\x97\x95U\x07\xa9f\x98\xe8eG\x82 \xf4@\x02\xfe\xc2\x9c\xb8q/\xb9\x9a\x7f%\xa4E&lt;\xe4\xdb\xa4\xc2\xb7\xb5\x1b0\xc8\xfbC\xb8CiDl\x92*\xcb\xff\xb0)^\x81\xbd\x90\xcc)\x08\xb5\\v\x05\x00\xe5\xa2\xff\xca\x9cx\x02\xec\x8dF+@d\xdb\x9b+W)\tn\xc2&gt;\xf9S\xce\xaa\xf4\x1d\xae\x88\xfa|\xfe\xa0\xf7m\x7fR\xefR\xd7\xbd\xf0\xe9n\x8bU/D8\xeb5\x00q\xef\xcf\r\xc4\xa6 \x94r\xe2\x81T\n\x04,\xe9\xb7\x84\x1b\x06\xb96\x10\x87\xe4\xef\x11\xa7wK\xb3-\xe8{\xbb\xcc\xd9\x94t\x08m\xf3m\xdd\xa6\xe7\xd9\xc7\x7f\x1a\xd6&amp;\xcb\xbf\x13\x80}\xabw\xbf\xbd\xe3V\xd0u\xbb\xfd`\xaa[\x1d\xea\xd9o\x05YjTp3\x89 \xdc\x0e\x97Z\x010\xa7\xe2T\x9f\xd1\xffM\xcc\xff\xdd\x06K3\xee\xad\xe9\xd9\xa2S\xfbz\xd1\xe3\x0f\x05\xb0\xdc\xabp\x8a\xce\xa9Z\xc7\xe6\x01\xb2Le\x06\xbeo;\xc7y\x8a\x16&lt;\x15\xc5\xf6do\x88q-\xdb\xabK\xa9\xd8\x82O\xa2\xe6!?\x15\x85\xc2R\xe8Y\x12\xac \x0c\xe1R\x17\x00C\x90\xecrI\xf4!\xe3\xda\x87=\xdf\xfat\xeeR\x81\x86p\x0c\x8fY\x87\xe3s\xe9\xc2\xbb\xf4\xd6\xff\x8c\xab\xa9R\xf0~\x97\x1a\xa3\xf7\x1bN\x99W\xbf\x1d\x9b\xcfx8\xcc\xad\xb0\xbb\xe8\xfa\x0c\x83\xbc\xca\xe3\xa3{OB\x91^\x94\x81\xeb\x16\xa3\xf6\xealT\xdfX,\x08\x82 \xdc\x1a\xcb\xf6[s\xe3\xbb\xb9\x08\xa0\xfdYwO\xa4!\xf9\xf13^\x03l\xda\xce\xa8\x9b\x17g!\xee4\x9agQ\xe6{\x11i\xe1\x05L\xdd\xf9{\x0f.\x87\xae\xa9\x8et\xfbT\xc5\xdd\xf6"\xdc\xa5c\xb4\xa3\x95\xd3*\xf4\xa4H8\x92jP\xaf\xe8\xf9_V\xa2\x9c \x084\xe6\xb9J^\x12\xc1&lt;\xfa\x087\xc4\xb6Ut\xf9Ki\xdf\x01\xe8\xf3\xc7\xfa\x0e\xb3\xec\xf9I\xd47\xa3\xef\x92\xae\xb4\x01\xf7xZ|\xfec\xe3\xabK\xbe\x91\xcd\xbe\xee\xae\xf4\xc2}\xea\xfa\xd8\xcb\xb1\x9b=0\xebiX\x1c\xb7+=j\x93\xf1hI#+\x8d\xe0\xf6j\x14\x00P\xfb9\x13T\x10\xb7&lt;\xe1\xd7d\xa0\'\x08\xc2-0\xcb\x16 \xdc^\x7f&gt;Z\x11\xe1\x16\xd9w\x8ajN\xa8\xb4\xd5d\xfd8x\xb9\xc2\xcd\t\x8e$\x05\xea\x7f\xc1e\xba7\xd4\xd6\xfb\x89a\xfcC\xe6&gt;\xab\xe4\xacd\xf0\x00kNt\xa64\xc24\x99\x8d\xdb\xff\x0co\xd9&amp;v\xd9\xeb;\xd8\'\xe3\x15\xaa\x9f\xc0\xf6\xf35\x13\xb9M\x04=\x8f\xf8\x12\x97\x85qQ\xb3\x9fS7\xfa\xe72TL\x07-\x9d\x08\x82pi\x8awV\x08\x02\x1b\xcd\x9d\xf0\xca\xeemm\x97JVV?\x9e\xb4-!\xb6#\xc5,\xfa[H\xbb\x93;\xec3a\xd9n\xb1\\\xd2x\xcc\x1b3\x08U\xb1\x90z\xe6\xaf\xe5\xf2sO\x84\xa3i\xdc\xdd#h\xe9] &lt;Yn#\xe1\x1c\x84\xb4\x8a\xab\xdd\xa2F=\x8cS\xec{\x82 \x9c\x8c\x0f\x9a4\xe7\n\x02\x1b\xf1\xfel\xd6a\x07\x95\xfcq\x86q\xfc\x7f%L\xffs\re\xfa\x0c\xf5\xb8\x8a\xc0\x00\xe9\xcd\xdf4\x81\xf1\xa3*\x15.\xb8J\xd9\x8f\xbf\xdf&amp;\xc1\xa75\x7f\xc3\xe5\x0b\xcf\xabW;:8\xf3y\x10\x0b\x08\x02\x95\xb6K\xbdHxB\xf6~\x0c\xe5`\xa1\x11b\xfc\x1e bx\xb7.\xd2v\xb1O\xdcR\xb8m5n\xa2\x9e&gt;\xb8\xa9,\xc2\x1d\'q\xeb\x8c\x00j/\x85]\xdbU\xec^R\xe6\x13c:\xec\xef?\xean\x8e\xc8(em\x81\x00\x8b\r\xb7x\xf1\x98\x81Ws\xab\x00J$\xb6P\xa3\x80y4\xf9_\x88\xaf=N\x07b\n\xad\x13?\xde\xc8\x82\xc0\xc5\xf8{\x00\xf6h\x92\xb0\x1a\x08!\xa9\xc9\xccJ5\xd1\xe7\xd3\x11\xf7\xe5\xfa\x8e\x99b\x1ar\xf8\xc6q\x97\xd6\x13\xa2\xfa\x9c\xab6W\r\xeeN\xfd\x9aR\x96\x16w\x8d;I\xab{\xf9\x84\xc0\xf7\x14Sla\xa0\xb6\xcf\xc7\x9f\xbe\xc3\xd8\xf0\xdd\x07\x1d\xd3v\xbd\x8d\xa7\xf0m\xc7\x9c\xb3\xf5\xcbSCg\x18\x98\xbev_\x15\xdcE\x9b\x86/q\x9c6\xd8\x04\xa1\x94\xf1+\x00\x82 \xd4\xd0h\xde\x0b\xf3\x1f\xc1\xd1t\x06\xae\xdd\n@\xb1\xb4\xf8J\x02\xaf\xc2\xc7\xbd\x9ezq%+\x00\x96b\xd0\xa4\x17@\xe3b\xc8\xb80\xaa\xbc\xfd\xf4\xb8\x11\xba\xe1\xc2\xc5N\x1bg\xdekq\xbd\xce\xd1\xbeO\xbdeQ\x9e1\xb9\xbc\xf3[\x10\xe8\xb4]\x01\x90h\x11\x84\xf3\xb2l\xe1n&amp;\xdc\x9e\x04\xa5o\x16\xaf\x9eS?V[\x9an#I~ODY\xff=~\xf8\x8e\x02\xfd\xcdE\xd76WkNy\xdb\xfb\xad\x8a\xa4i\x93\xbc\x08\x80\'\x7fZ\xc4\xb6\x11\xf0\x92\x9d\xe3\xc8\xd1\x7fkd&lt;#\x08\xf3\xc3\x92\x19\x9a\x8fB\x04\xc1\xa6|c@\xe6YKA\x1fL\xba\xd3\xb1H\x1f\xa2\n\x9a\xf0\x9f\xd5Gy\xc1\xe7\xd2\x84\x9f\x85\x92.\xaeX\xd5\x90@\x97\xc5\\\x81\x9fj\x0b\xb4J\x85gN\x9a\x7f\xdc\x8a\xd7X bgv\xf8\x1a+QJS\xf9\x17\xe5/\xf5v\xef\xe3\x0f\x82 4\xe7\xfdfL\x88\xb6J\xce\xb8\xa4\xbe\x9f\x98\xb0\xd6\xc2H:vf=\x06:\x14\x05\xba\r\xef2\xeb\x9bxXSX\xf3\xe0\x11\x0cu\xd0t`\x94\xc6\x8b\xb7\xe25\x16hmL\x93\x87t\xb0mu\x11c#w\x16\xda;\x83 \\\x9c)\x96\xb4p\xca\xaduwC\xfcK\xdf\xf7\x9b\xaa\x88X\xb3&amp;\x88\xf2H\x81\x9b\x85\xe0\xf0\xcd\xb7\xd2\xa2\xf6\xac\x95\xa6\x05E4\x00\xdf@\xbbz\x9bx\xb0\xbc\x8c\x9a&gt;\x07\xe1\xf9\xa1\xe0^^\xa5\xfc\xcf\xab\x81\xa9"\x1d\x1b\xbe\xa7\xd9\xad\xbcRP\x9c\xeb\xbc\xd2&amp;\xe9\xb6\xca\xd8k\x14y\xfbr&lt;\x04p\xbf\xdb\xb5\xadGu\xdc\xcd/\x08\xc2\x08\xc6?\x05\x08f}\xfe\xcf_\xbdC\xec\xd7\xcay\x87\x9c\xd3\xbf\xd5\xea\x05\xf5?/&gt;\xffq\xf6\xdd\xbe~\xd69\xd1\xe81\xddBb\\\xec9;\xc2\xd5\xf6\\\x95\x1a\xa9\xe1I\xc1\x1c\xb1\xcf\xbfo\xd1^\x96#\xfc2\x03\x12{\x98\xf4\xdf\xef\xd3\x9f\xd9\x01\xf2\xea\xc8\xfd\x14\x9a8\xcbD\t\xcb\xf5\xcf\xbb\x01\x9czTj\xda\x1c\x8fo\xad\xd6\x88\xd8j\x7f\xeaTQ\xf99\x07\x9f\xd8\xce\x82 \x08\xf5\x04\x97\x9e\x0b\xba^MH\xf9Z\xb6s\xd6\xf5\xc6\xc7\x07\x97]\xe1\x9d\xa5R\xab7\x0e\xd6\x80u)\xdf#\xadB\xbe\xb3\xf7D\xd7\x16\xdd\xa3B\'\x97\xd6\x86\xa4Z\xf1\x99\xedTZ\xe5\x1b\x05U\xd9\x1f\xee;~\xbb\x1a\x9b\xa0\xc3\x7f\xbc~ET\xa6\xb4\xef\xf8\xfeI\x92\xcf\x99\x99%\x81\x0bB\x15S\xac\x00L\xcc:o\xa56\x8c\x1f\x8a\xe7\xb4^\x12\x00@\xd5=\xbfoW\xa4P\x07a \xd9onj\xd4\xdf(\xb8z_Vg;w\xff\xc9\x96\x10\xf6\x7f\xb4\x0f\xf6\x96\x8e\xf2r)\xd4\x06~\x83-I\x86@\xfb!\xf9\x95\xe6\xf8\x85\x01\x89\xce\x1a\x93#"\xc0;&amp;O"\x0b\xf7&lt;\xd4\x95\xf4"\x90\xe8\xebDB\xfc\xeb\xbd\xb0d\r\xae\x026[@\xbet\xca\x14\x84\xee4\x1b\xe2l\xc2\xa7\x18\xe6\x18\x13cs\xa849\xf8\x197o\xa5fS\xc8\xabt\x80\xef.;\x93O\x85\xfaU\x08\xcf\xe3A\xf6\xbf\xb6\xa1VA\x11\x9b\xa8/$\xdd\x13\x1c\xfa\xbe]\xf3\x99\xd3\xc9\xe3\xf1V\xd9[\xfd\xa6\t\x9f\x0bD\x84\x0fGv#{\xa6\xfd\x0b\x84\xe7\xbbV\xdbLrK\x88\x19\x05\x81\x97\xb6\x17\x00\xf3\xf4\x91\xf0\x1dX\x90\xbb\x85n|\xdb&lt;\xae\xb2\xf2\xe5\x93\xb8\x8a\xee\xb4\x88\x08\xef=\x85V\xe0\x8el&gt;h\xbb\xba\xae\x8b\xb2\x8a\xa4Q7\xb6+*h\x06\xa7\xa5\xd7z\x12\x97\x1e\xc7\xb1\xff\xa7\xe0\xe4_\xdf\x8d|\xebf\x1c\x84\x98]\xb8\x047\xb1\x81\x04\xd7\x07\x9e\xccSY\xdc\x1e\x8b\x017\xd2\x04\x13`=\xd4\x82\xff\x19\x17\x9b\x9bA\x81\xe4\xddE\xf7\x01\xc1\x84\xbe\xa1\xc7QMe\x9bh\x05\xb9\x1b\xabH\x92kZs\xa1\xf5\xd3Z\x8c\xb2&amp;HqD}\x8am+l\xd8\x19l\xbenN\x10\x84\xa9\x91{\x00\x0e:NJ\x99{\x89\x1b3\xc9\xec\xe0X\x96[\xaf\x9b\x96P\\\x901\xad\x0e\x00\x00\xea\xa9p\x8a\xb1\xd1\xd0\x89\xb0\xcdV\xc6\x7f\x8c\x03*#\xba~\x84\xda\xfeY\x8d\xeb\x80o\x1e_\xe1z\xe0\xcf\xf5\xe0\xce\xc3=\x8dl\xac6\xdc\xfc\xea\x8d \x08\x97\xe3\xaay\xed\xaa\xf5\xca\xc2\xee}\x1b\xd8\xc4\xdc\xffPx\xa2\xff\xf4\x89ZP\xbb#r\xe8\x0e\x04\xd3J&gt;5\x10\x01&gt;\xba\x97:V\xc9\xb2\xc7\xcf\xbb\xe3\xfc\xf0\x99\x13\x1a\x87\xae\xb0\xff\xc8\x99w\xec\xc4wm9M9i-\x04A\x10\x84\xdb\xe2\xf3\'Z\xe2(\xdc\x9b{\x1b\xe3\xc5u\xe4W\xb5}\x99\xbc\xcb|\xa0K\xdcFk&amp;\xf0Z@\xb3\xcc\xdf\xec\xdfuS\xa9\x06\x8e\x06E\xf8\xee\x19+kM=\xac\x1f\xbe\xc0\xba\x8d{F\xcd\x05A\x10*\x91\xd4\xd6\x93}\xe8\xd6\x7f&gt;\xacGqZW\xfa\x1bZ\xb9\x94\xa2\xaf\xeb\x87\xee\x1a\x07\xa5\xe9\x9dc\xb2%\x0c\xe3\xb2\x03&amp;\xfd\xca\xad\xa0\t\xb4+\xb7\xf9\xf7\x938\x1e\xfb\x8b\x85\xaaN\xee\xae\xde\x0b\x80\x99\x15&amp;r\x8dZ\x08B;d\xb3\xa6\x00\x00\x00\x88\xdbfe\xdc&gt;\xb6\xf1\r3%7\xdb.\x8c\xdbm\xd6J\xffN\xabS\xa7\xfb2\x8f\xf2\x86o\x8c^\xab\xbf\xde\xc2\xab\xfe;\xc0\xdbvS\t\x01\x8f\x111\xc5\x14\xbb\r\x8dG\xc9Sox\xe5\xbf\xc3\x9b\x8f\x99uK\xe0:vA\xa28Z\x16\x00\x94B\xc4\xf1\xa1\xe1\x831\x8aq\xee\xdbs\xcd\xb0:\xae\xbb\xa7U\x98\xc8\xe4f\x17\x84\xe1\xdci\xb4\x02\xc2xp\x7f\x8e\x8a=\xeb\xba\xfcq\xbe\x04\xba\xd7\xc2\x18^,\x1f\x10\xb1\xf1\x9d\x99\xfasr\xa0h\x90\xd4\x04M\x85\n\x95\xca\xc6\xaf\n\x14V\xce\x89\xe7L\xe6\xb5\xb2v\xe5\x90b\xab\xc2\xa4C^:\xaf\x0f\xf0K\x00\xa</t>
        </is>
      </c>
      <c r="E884" t="inlineStr">
        <is>
          <t>&lt;class 'numpy.ndarray'&gt;</t>
        </is>
      </c>
    </row>
    <row r="885">
      <c r="A885" s="1" t="n">
        <v>883</v>
      </c>
      <c r="B885" t="inlineStr">
        <is>
          <t>steps_per_sec</t>
        </is>
      </c>
      <c r="C885" t="n">
        <v>9900</v>
      </c>
      <c r="D885" t="inlineStr">
        <is>
          <t>2.6468182</t>
        </is>
      </c>
      <c r="E885" t="inlineStr">
        <is>
          <t>&lt;class 'numpy.ndarray'&gt;</t>
        </is>
      </c>
    </row>
    <row r="886">
      <c r="A886" s="1" t="n">
        <v>884</v>
      </c>
      <c r="B886" t="inlineStr">
        <is>
          <t>Loss/RPNLoss/localization_loss</t>
        </is>
      </c>
      <c r="C886" t="n">
        <v>9900</v>
      </c>
      <c r="D886" t="inlineStr">
        <is>
          <t>0.33644283</t>
        </is>
      </c>
      <c r="E886" t="inlineStr">
        <is>
          <t>&lt;class 'numpy.ndarray'&gt;</t>
        </is>
      </c>
    </row>
    <row r="887">
      <c r="A887" s="1" t="n">
        <v>885</v>
      </c>
      <c r="B887" t="inlineStr">
        <is>
          <t>Loss/RPNLoss/objectness_loss</t>
        </is>
      </c>
      <c r="C887" t="n">
        <v>9900</v>
      </c>
      <c r="D887" t="inlineStr">
        <is>
          <t>0.013171455</t>
        </is>
      </c>
      <c r="E887" t="inlineStr">
        <is>
          <t>&lt;class 'numpy.ndarray'&gt;</t>
        </is>
      </c>
    </row>
    <row r="888">
      <c r="A888" s="1" t="n">
        <v>886</v>
      </c>
      <c r="B888" t="inlineStr">
        <is>
          <t>Loss/BoxClassifierLoss/localization_loss</t>
        </is>
      </c>
      <c r="C888" t="n">
        <v>9900</v>
      </c>
      <c r="D888" t="inlineStr">
        <is>
          <t>0.18954599</t>
        </is>
      </c>
      <c r="E888" t="inlineStr">
        <is>
          <t>&lt;class 'numpy.ndarray'&gt;</t>
        </is>
      </c>
    </row>
    <row r="889">
      <c r="A889" s="1" t="n">
        <v>887</v>
      </c>
      <c r="B889" t="inlineStr">
        <is>
          <t>Loss/BoxClassifierLoss/classification_loss</t>
        </is>
      </c>
      <c r="C889" t="n">
        <v>9900</v>
      </c>
      <c r="D889" t="inlineStr">
        <is>
          <t>0.0814619</t>
        </is>
      </c>
      <c r="E889" t="inlineStr">
        <is>
          <t>&lt;class 'numpy.ndarray'&gt;</t>
        </is>
      </c>
    </row>
    <row r="890">
      <c r="A890" s="1" t="n">
        <v>888</v>
      </c>
      <c r="B890" t="inlineStr">
        <is>
          <t>Loss/regularization_loss</t>
        </is>
      </c>
      <c r="C890" t="n">
        <v>9900</v>
      </c>
      <c r="D890" t="inlineStr">
        <is>
          <t>0.0</t>
        </is>
      </c>
      <c r="E890" t="inlineStr">
        <is>
          <t>&lt;class 'numpy.ndarray'&gt;</t>
        </is>
      </c>
    </row>
    <row r="891">
      <c r="A891" s="1" t="n">
        <v>889</v>
      </c>
      <c r="B891" t="inlineStr">
        <is>
          <t>Loss/total_loss</t>
        </is>
      </c>
      <c r="C891" t="n">
        <v>9900</v>
      </c>
      <c r="D891" t="inlineStr">
        <is>
          <t>0.62062216</t>
        </is>
      </c>
      <c r="E891" t="inlineStr">
        <is>
          <t>&lt;class 'numpy.ndarray'&gt;</t>
        </is>
      </c>
    </row>
    <row r="892">
      <c r="A892" s="1" t="n">
        <v>890</v>
      </c>
      <c r="B892" t="inlineStr">
        <is>
          <t>learning_rate</t>
        </is>
      </c>
      <c r="C892" t="n">
        <v>9900</v>
      </c>
      <c r="D892" t="inlineStr">
        <is>
          <t>0.03936206</t>
        </is>
      </c>
      <c r="E892" t="inlineStr">
        <is>
          <t>&lt;class 'numpy.ndarray'&gt;</t>
        </is>
      </c>
    </row>
    <row r="893">
      <c r="A893" s="1" t="n">
        <v>891</v>
      </c>
      <c r="B893" t="inlineStr">
        <is>
          <t>train_input_images</t>
        </is>
      </c>
      <c r="C893" t="n">
        <v>9900</v>
      </c>
      <c r="D893" t="inlineStr">
        <is>
          <t>[b'1024' b'1024'
 b'\x89PNG\r\n\x1a\n\x00\x00\x00\rIHDR\x00\x00\x04\x00\x00\x00\x04\x00\x08\x02\x00\x00\x00\xf0\x7f\xbc\xd4\x00\x00 \x00IDATx\x9c\xec\x9du\xfc}MQ\xf8\xe7&gt;\x94\x94\x84 \xf1\xd0\xdd-\r?J\xbaS\x90\x96\x90\x94\x0e\xe5!\x04\xa4%\x05\x01I%\x15\x01\xe9.iP@\x1aD\xba\xbb{~\x7f\xdc{\xce\xd9&lt;gcvw\xf6\x9cy\xbf\xbe&lt;\xdc\xcf\xbd\xe7\xec\xce\xce\xce\xcc\xce\xc6\xb9\x17\xc0\x0f""\xe2\xcc\x05\x82 l\x03\x04\t\x05\x04\x88\x0e)@\xac26\x91\x95\x9f!-n\xcafP\xa1\xb5,#{aN\x17uK!Q\xfaE\xefYln\xd8\x83\x18\x94\x05:\xda\x88\xdeqS\xb9\x8c+\xcc\xfcP\x10\x04!\n\t_\xebc\x18b{\x1a\x9b\x9e\x97v[o\xcd\xcce\xca\x9fzm5\x82dM\x1e\xf4|\x97\xc54 \x86\x05Q\x9d\x13\x80%cNh\xfb\x9f\xc4\xdf\x92\x8c\x98\xb2 \x08\x07\xf0\xbd\xccW,\x84M0\xb7\xaeFY\x0b\x03S\x7f\xff\xe6&lt;\x8e\xdb\xf2\x7f,\xb1\xfd\xb5\xb5\xfeU\xe9h\x02\x10b\x93\x8e\xcd+\xdae\xfe&amp;\x9bc]t\x8f \x08e\x19B\xcfUZ\x0b"\x08\xe5\x99[\xb4\x8b\x1d\x13{\xc9r\x98\x80\x00\xff\xd3Z\x06\xa1\x02o\xd2\xe7\x00|\xdc\xc4^bH\x96\xed\x914\x12\x01h\x13\x8c\xb7\x92)j\xb7Xk\xc05\x82\xb0n\xc4\x0b\x04aS\xb8]~\xbf\xfc\xb6\xdbAx@@\xc4\xddp\x8f\xf6fL!\x82\xb0RFGc2\xc8"\xe0!\xd9\xdf\xed8\xc8s\xc0X\xf8\xa7\x92\xed\x88\xa5\x0b\x18\xa9@\x10\x88`\xb2\xd2 \x08$\xbc\xaa\xb5\x00\xeb\x83l\xe0\xdb\xed\xcc\xc2\x86\xb1\xfc\xddTU\xf0F6L\xba\xa0\x95\xcew\xd6\x8b\xb6\xec\xe0/Z\x8b\xb0DX\xf2\x7f[8\xb3\xf8\x91 8\x10\xc7\x10\xd6\xc2\xe6\x8e\x897\xe5\xdc\xf9\x8f\x1f \xed\xc9`\xdeD7\x93\xf73\x00_j-@!\xf0\x9a\xf5t\xce\xb6sG\xe2}\xbc\xb4\xf6\xcc\'\x8c\x83\xee)+\x92 t\x8b\xf8\x86\xb0\x0e\xfa\xfd\xbe\x94\xcd\x12;\x90o\x0b\xd6\x9a\xb9\x94\xeanw\xa7)\xf3\t\x1c\x1a[s:\xca\xa1\xbd\x94T\x98\xcf[\xdf/$\x08B\x032G\xee\x8d\xb9.\xdb\x81|=\xc8x\xd0\x0b\xe7\x18_mi\x02\x90\xd0F\xc6j9&lt;\x1b:|\xd7g~\x0f\xfe\xb5\xf8o\xff\xbc@\xfdJ\xd3"\xbd)\x13\x00AhO\xce\xc8\xbd\xa5Q\x7f\xe0~[j\xac \x84\xb1\x99P\xb0\xbade\x98\x00\xac\xa5\x07{\x97\xbf\x1ci\x13W\x04\xb8\x14E\xed\xffl\x94\\f\x02\x80p51\x00\xc1\x8dX\x86\x03\x99\x00\x08-y\xad\x18\xcf\x1a\x90P\xd0-\xd3\xf2\x7f\xff=\x98\xf0\x93\x05\x9b\x00\xa9\xb6wR\xeb\xb7T]&amp;\xfb\x97\xcd\x04\xc1C\x13\xcb\xe8\xc2\x16\xb3\xce\xff\xf4?f\x08\xed\x10\xe3Y\x0b\xabH\x1f7\x0b\x8e\xd3\x80\xed\x1cq\xdc\xd2\xe1\x93\x7f\xd97\xf6)\xcd:\xf7\xa1\xd6;\x08_(0\x01\x10\x046l(\x98\nB\n\xe2 \xc5\xa9\xa3\xe1\x8b\xcb\x04`\x15l$!\x06\xba\xa5\xab7\x13\xc8R\x1e\x8e\xbe\xb9\x92M\'A\xf0!\x96-\x08BK\xca\x85 }\x01\xef\xeb\xeb\x1e\xc8\xb7\x93\x19w\x01\xcd\x17\xd7\xd2H"\x86\x91\xc4\x94\xfd\xaf9n\x08\xc2J\x10/\x15\x84\xbe(z(\x96|\x07\x9f/-\xd2\x94M(6\rN\xcb\xc6L\xc4\xb09_\xc05-\x85\xdfw\xe2\xf7\xb8\xf4\xa3 \x08s\xc8\x80$\x08\x1dQz{\x1d\x01q+?\xccY=M\x91\xd3\x11^\xee.\xcb\xc6!,\xea\xa7\x86\x02\x9b\xac\x11T\xfb\xf9ed\xf3S\xcf\x82P\x81\xbd\x1b\x8b\xcd\x0bd \xe2n\x07bT\x038\x8c*\xb9\n\x19s\xc7\xdd\xae\x9cne\x04\x0c!ZKj\xde/\xde\xa13\xe9F4\xe3\x87\xc5H\xad\x9bq=a\x8e\xa8S\xcd\xfe\xcbs\x01\xce_\xa7:Ah\xcd\xaeyL\x11V\x05\xb2\x18\xa8\xf8p!\xdc\x0f\xdd4\n\xd9\x15\x1fww\x00\xc7\x00xI\xc9**C\xbcT9\x1crf\xbe\\\x8d\x00On-C\x10\xdc\x15\xc9\x08FA\xb5b\xf2_\x91\xed\x9c\x80\x14\xe2\xe1o\x18\xfc%\x14\x04\x813\xc3\xcf\xc7&gt;\\"\x89\x03\xe5kN\xa2\xf5S\xf1\x94K\xfdoOO\xad\x0bQW\xa9X\x1dop\xdd_\xcc\xff~\x84\x9b \xc0\x8d[\xcb!\xb0\xa3\x87\xe3\x9bi\xbf\x0b(\x08\x82\x00\x00SB\x06\x88\x00\xc7\x07\xb8\xcc\xbfV\x1d\xef\x11\xe0\xa3tE\xd1\x933\x01\xa8\x08\xc9L#\xa2\x84d\x85\xe8\xf9?g\x95\xf6\x87\xa8T\x10\x08\x91\xa7\x94\x04A\xb0y`k\x01\x08A\xe5\xdf\xa3\x86w*\xd7NQN\x99X-k\xd5N\xd267\xd0\xa2\x84l\x9d\x93li\xbd\xab\x14\x01\xde6\xfe\xb1\xca\x03G\x82 \x08\x82\xc0\x87\xf1\xf1\xd6VO\x03\x93\xd4[\xf2A\x14\xc4\x95\x9e\x80\xae\x8d\x91\x9e\xd6|\xa8\xb4\x17\xf6*Jz6\x1a\x11\xfbU\xe9\xc14\xc6\x86Wz\x08X\x10\xb6J\xbfK\x05\x82 \x90\xd3*u \xa9\xb7\xe4w\x1b\xf4\x9aTq\xc3\xc8\xfe[\x89\xc1\x9a\x83VR\x06\xe7]\xb7\xd9\xff\xb4\x99\xf4\xad\xe1E\xda\x04@r\x1aA\x08\xe7A\xad\x05\x10\x04\xa1!\x08Wo-\x82\xb0\r\xd4\xd5\x7f\xde\xdf\xfe\xd9\xf4\xb8\xd7\x8e\xaf^*\xf0\xc7\xc3\x8bd%\xc8\xb7\x1a\x0b\x82\x81\x1a\xceh\xbdC\xdcM\x10\xfa\xa5\xebc\x03BOL?j\xa1\xfc\x8f!\x88(\x1eQ\x19\xe5\x07O \xf3\x08\xd0\xbe\xe7\x9eN \x94 \xac\x01\xf5y\xad\xd3S\x17\xcd\xff\xeb\xb1\x05A\xf0\xb2\xbbsk\t\x08\x90\x10\xc4\x9f\xb3\xeev\xb0\x9b\x96\xb7\x7f\xd2T\x989$\xfb\xaf\xcf\xfeK\x15\xae\x0f@4-\xec\xfbi\xe8d\xb6\xd9ja\x96\x92\xdfE\xdd\xf9\xd7\x0e\x08\x02\x07\xae\xd7.\x85\xfd\xabUd\xcf\x08p\x9d\xd62\x08!&lt;t\x15\xf6&amp;PC\x9b\xa5\xc4\x7f\xc9\xd4W\xc8\xean\x8bdc\x82\xca\xc1\x0b\xde\xd8Z\x0eA\x10|\xb4\xfd\x8a\xc9\x15\x0c\x19\xf2\x1d\x9d\x82\xd0-\xe4_\xb3+\xdf2+\x08\xbd}1p/r\n\x02-b\xf9\x82 t\xc1Y\xc8K,\x92\xa5(\xbfn(4Gz\xa1\x012\r\x16\x04A\x10\x84Td\xf4TAx\x05\xb9B\xf6)\xca\xf7\x0b\x94*\xd9\x8f\xb0Y~:\xf7\x03\x96g\x14\xd7\x10h\x98\xb7"\xb11A\x10\x84uP/\x9e\xe7&gt;\x0b\x9c\xf4\x9bs\xf2\x9d\x86\xc2\x1a\xb0\xbfT\xcby\x01\x9f\xaf;@D\xde\xdf\x0c-8\xb1\x03&amp;\x0e\xbf\x9a*])\x08\x82 \xa4\x90\xfbK\xc0\xbb\xdduwQ?\xa9\x80(\xcbU\xc2*X\xb6\xe3\xdd\xae\xe3_\r\x14\xd8`\x9a\xd0~\xe2){K\x1d\x82\x00\x9fn-\x83 \x08\x02\x00\xe1\x02\xd2\xb0\xd8\xb9X&amp;\xd2\xd6+\x08M8\x18\xfc\xfe\x0fY\x8b\x15\xa2I\xdf\x08\xe5\xb6\xb3$\x043N\xda\xa4\xef\x04AhL\xee\x0e\x80\xc5b\\\xdbI\xec\x13V\xc0\x94\xfaK\xf6/D\x93\xf5l\x88\xec,\xf5\t\x02\x02|\t$\\\xf8\x91o\x1a\x15\x84&gt;0\x1ep\x14\xd7\x156\x85\x18\xbc\x90J\xc4\xd3\xe1\xfb\xefX\x13K\xeb\x1b\xe5\xdb2\xa4+\xfd\x9c[\xf4#\x08]\xa0}\xfb\xe7\xe3e\x94\x12\xb6\x04\x02|\xcd\xfb\x99\xf8\x82@D\xe1\xacQ\xac\xb4\x06\xa8\x10{\xab&lt;\xea!\x08\x02C\xb4\xe5\xff3H\x9c\x126\xc4\x9c\xb5\xcb\x17\xe3\ne\x10\xa3\xea\x92)\xfb\x8f\x0c\x0b\xb2i \x08\x02C\x8c\xa8$A\xaa"\x92\\2\xe7\xc9\xd2A\x82 L\xa4\xfd\\\xe6\x96&amp;\x00[h\xe3&amp;\xb9\x98\xfcT\xd4\n\t\xefN\xdf\x95k\x88kM\xa2s\xb7CB\x8f2\x0b\x027\xc4\x8f6\xc3O6\x919mi\x9e\xb3=\x10?\x8d\x08\xf0J\xc2\x12\xe9\x8a\x12\x8a\xe3\xea\xad\xf58|\x93&amp;\\\xbeE\xa5\x99\xbc3y\xe3\xa2\x9f\xf5\x039\xb0+\x94ER%a}\xf4\x13\xe1\x05\x0eH\x00\xe4EHgh\xd7\xa4\xed\x87\n\n\xddi/\xbd\xc7{\x19\x1eR\x9f\xf3\x13`\xb0\xe7:\xaa\xeb\xb8\x83\xd2\x8e\x92\x0b\\yVk\x01X\x80\x88\xf0\xb2|\x93\x16\xa7\xd8\x02\xf2\xadh]bt\xd8I\xdaH!tI\x1f\x0e/\x13\x80&lt;\xaaE\xf6&gt;\xcc\xc9\xcd\xc1\xc0\xde\xdaZ\x0e!\x1bD\xb8w\xb7v(\x08-\xa8\xbe\x05\xfa\xe6\xf2U\xf4&lt;\x1e\t\x11Hv\xb8rdu6\x87\xcd/\xed\x846\xbf\xdcW\x82nX\xf9\xb5\x91\xa3\\\x82\x10M\xdd-\xd0:N*A\xa0W\x12z\xaefg\xcb\x00#t\xc5\xa6\xe7Ngk\xea\xb0[\xd6|\x03d\xa5@\x10\x12\xa8&lt;\x01\xa8\x1e\x18_\x16\x7f\x8b\x84\x91f\x88\xea\x05AX\x13+\xdf\xa5l\xba\xee\x8e\xfb_\xcf\xfcg\xc4K\xc8\xf2\xbf $ \xc7(4D\x15\x82\xc0\x0e9\x0b$\xb4\xe2\x01\x00\x00\xc7J}\x1ce\xd5v\xdb\xf4;\x94\xd0`\xc5z\x16\\\xa0\xec\xc9\x0b\xc26\x91\x13\x9f\x1b\x82\xeb\xd3\xc0b\x81+\xe7\xacf\x92)\xdd\xad\x81\x88wo\xa6\x13\xabo\x10\xe1\x7f\xa4\x83\x04A\x10V\x8eL\x006\x06\xbb\xdcK\xcco\xed8\xb2\xff\x88\x1e\x7f\x01;\x8b]\x1fY\x1d$\x08\x82\xb0Rd\xf8\x114\xc4\x1e\xc8\x90\xf5\xe0-0\xf5\xf2iSN\xfe\xc8\xa1\x94\xf2\xa0:\x05\x10m\x0b\x82\xd0\x96\x1dE!HQ\x0eI!B\t\xeaw\xcd~h\x14{\xa0aL\xfdw;Q\xe9JQ\xa6w\t\xbd\xacX\x08\x88\xdf\x15\xe3\xa0\xe6\x9d\xf2\xbf\xcd\x80\x80\x07\xf3\x12\x84\x01\xc9\xfa\x1as\x04E!$]\xb8\x05;\xe8t\xc9\xa7~\xd7\xec\xb6a\x0fB:\xd6!\x8aN\x9d\x8b\x86\xcc\xc6O\xce\xb6i-\x16g\xb7\xcf\x81w\x1b\x8boW\x96\xec_p"&amp;\xd1\x98:\x1d \xf3\xbc\x15 A\x9c!\x81\x9e\x85G \xfc\x9ek\xdf\xed\xd7Ec\xd7\x9e\xd3\xeeZ+\xd3\x12&gt;\xa49\xa9\xba8-\xfa\x14\x04AX?$;\x00\x8b\xc8\x88\xb2\x02v\x92\x19\xc4P\xe59?\x84\xb0\xf2w%\xb3\xff\xbc\x06\xa6\x9e\x84\xde\xed\xf6aEl\x12@\xd5BbG\xef\x8c\xff\x17\x04A\x10\xd6M\x9d\t\x80 l\x08\xf5\x81\xdb\xb2O\xfaq8J@\xd6\xc0\xd8\x96\xc8\x8cTa\xb7\xdb\xed\xb2\x9e\xf1\xd8\xedv\xbb\xad\x1dM\x11\xf8\x82\x00\'m-\x83P\x8e\xde\xbf\x02\xabw\xf9\x05AX \xcd\xc3+\x7f\x17;\x02\xfca\xe1*\xc81\xa2g\xabH\xfa\x88\xb5\x04\xf1u\xb4B\x10F$\xc1Z5\xda\xb0\xd8\xfc[q\x11\xe0\xabQ\xd7\xfb\xa5\xdd\xe2\x17\xee\x89\xaf\ni07\x9b\x14\xf1\xe8\xb2\xff?\x0b\x14@\xbeR0\x95\x15\xe8M\xbeP\xb2k\x8e\xc6&gt;\x06\x12"?\x85+\x8cLf0\x8e\x95wl5\x07\x88\xaew!\xfb\xdf\xd6\x04\xc0\xd3\xe0\x8diA\x10@K\xff\xf3b\x19\x0e\xe9\xe9r!\x14_+\xfe\xfa\x8c{Q\xf9o_\xf4(\xb3\xca`i\x1f\xee\xbd!\x1b\xe7x\xfd\x9bb\x08\xa1\x01M\xd8\x14\xfa/c\xd47\x0f\xc2\xcd\x87\x9a?\xf1\xc1\xc8\x95\x9c\r\xbe&amp;\x1f\xf9\x84P$@g@\x94\xfa\x1b\x85\x85N\x00\xd2\xe7\xdb\x87{\x7f\x90z\xab,\xec\xb5b\xe8\xf7\xf3\')_\x16h\x18!\x1e$l\x96g\x0f\x83\xc8\xf3[\xd4N\xe8z\xf5\xb2\xff\xcd\xed3\x08%\xc1\xf1W*\xb77\x0e\x91\xb5\x97v\xfb\xaf\xd6\x04 o\xd22\xde{\xadmZN\xcb&amp;g\xf6\xfb\xf6\xfak\x8dl1b\x0b\x82\xca\xd6v\x96\xa8N\x19\x08\xc2\x01\x04x5\xc0CZ\x8bQ\x1f\xca\xd5k\xda\t\xc0\xbe\xc8\xa0k\x1aN\x00\xf4g\x1e\xb6\x15\x8fZ\xb7\xb7\xe2v\xb3\xc0\x92\r:\x9d hlp\xff\x99n\xc0]\xd1\xd8\xb1\x9e\x96Tgk\xfecC\x93E]\x8c \xfb\x8f\xbd\x9d\xe2\x04N\x9e\xd8\xa8\x93.\x06\xe5Y\xccM\x10\xb5ATA\x1e\xa162\x01\x10\x04.\xd4sC\xaa\xa5F\x19\x17\x04\x90!\xa4\xdf=D\xa2\xdc\xee\x129m\xb7&amp;\x00YE%\xdf\x1b^I\xf6\x05{&gt;\x91+H-d\x02\xb0Z\x0e=\xfb\x8d\xd6r\x08\xc2\xb6\xc0Y\xec\xcbK\xd4OP\x84\x8c\x0b\x82\xd0\xf3\x1e\x08\x8b\x13 t\x9b\x00ey\xc5^\xbcf_7\xd1\x86G0\xee\x11!\x8f\x96f\xfc\x7fbW\xc2F\x99\xcf\xff\xf5\xd1\x90\xef\xb0\xf8\x14\x96R\tN.*]U\x8e\xb6\xba\xad|j\xa8\x10\xe1\x9b\x00\xcd\x04\x1e#2\x1b\xa5\xe5\xb0\x8eV\x08\xa5\t\xf0\xc7\x94&lt;\xe0\xad\x1c\x96\x1e\x04\xa1\x02\x11\xf9\xfe\xfcd\xc0S|#W\xaa4-\x91\x81\x8a\x02\x89\xb6\x02k\xb45\x8f\xc5\x8bjJf\x08\xd0\xaajRn\xba\xa8jA\x08{\xc4_\xacH\x10f\xb8%\xd5\x04\xc0\xe5\x8c\xcd\x06\xc4\xacz\x95\x96\xbc6\xe4\xd2\xc4j\x84Pd\x96\xc5\x13_\xbf\xac\xad\xb3fc\x9c\xe3\xb2\xca\xe2\xad\x8e\x90\xc4N\xd8:\xba?\x8a\xa9\x08B\x14W\xf1\xad\xfegn\n\xa8\xdf\xdd\xd7j@\xcc\xa9w\xd2B\xe0\xf5i\xd5\xd4\'\xa6Q\x8c\x88\xec\x0e\xa1\x16\xebM\xd1^\xe6Y\xc9\x90\xac\xb4\n\xa2ja\x195_\x91\xd1A\x10\xa2\xf0\xe4\xee\xda%\xb6[\xfd&gt;v&amp;\xd0(\x86gM&lt;Z\xcdZ\xca\x83\x00\x7f\xd5Z\x86hd\x02\xb0I\x8e\xd3\xae\xeaf\xeb\x16\x14  \xc2u;\x15~@\xfc=\x97mL\x9f\xb4l\xe3\x8b\xad\xa5\x11\x84n0\x93\xf5\x98x\x1b\x94\xfd7\r\xe0=\x8f\xe0\xabB\x06r\xa1\x0bj\x9e\\,\xe7\x14,\x82\xaf \xd4\xe2`\xf0\x8fE\x04\xb8\\ka\x04\xa1\x03H2\xf5\xa09\x80~\x07\x89\xf0Q\xd2\xd5\xab\xafZM\x82B\xednf\x8fh#\x85\xc1\x8a\xb49@})\xb2+\xfdD\xb1\xdf|\xd8\xc6r\xb2\xd0#\xdb\xfb\xea[A\xc8@M\xd0\xb3\\&amp;l\x0e\xb0\xaf\x02\xe1\xd2\xe1u\x91\t\x96S\x88\xc0\x1d\xff\\s\xa3\x88*\xd2 \x89\x86Y\xfcMk\x01B9ek\x01\x04Ag\x9c\x00H\xe8\x13\xb8\xd34\xc8/\xac\xd0\xe7\x97\xe7\x9a\x00\xe00\x01\x88hx\xbe\x96:K\x0b\xbb\x18\xfb\xd9!\x13\x00\x93\r\xaa\x82\xeaI\xa3\xa6z\xfb\xa6\xa4/&amp;\xb1\xda\x10\xedm\x15\xf5\xd7\x88\xfeJ\xcc@\xe0\x8ca\x9f\xaf\xafX3q\xf6\xef/\xd87\x07\x88(r\xfa\x97(\xe7\xa1\xea]\xd2\xcd\x9b\xe2\x94\x00_o-C:{;\xde\xed\xa4\xa37\xca\xc1\x00\x00@l`\xc3 \xa2\x04\x815\x82{\xe7^\xba\xe6\x90\'(q`\xcc\x1b\xc4*\x04\xb6\xec\xad\xb4\xb4\x89:\xb2\xfd\xd4h\xe9\xf0\xc7\xc0\xb9Dd\x8d\x088h\'\xe8FM\x93\xa3H\xe2\xfc\x8b\x84D\xd8\xb6\x05\n9\xac| \x1cf\x80\xb0\xd6\x06Vc\n\x9aic\x03"T\xea\x05\x890\x82\x05"*q\xa0\xee\xba\x80\x18\xa4\x90F\r\xcb\xb1\x13\xf4\xe4\xe1\xd2^o\r\xdfI\x88\x9d\x00XS\xfa\x85\xcb\xd5\xd1g\x94\xea\x88\x98*\xb7\t\xa5\xfd\r\x1b&gt;\x0b6!\x87v*\xb2\x038\xac\x915\x16D`L\xb6?"\xd6;Ee,\xf1\n\x02\xc0n\xb7\xdb\xed\x1a%\xe2\x92\xfd\x0bi\xb4\xb2\x9c\x84z\xa7x;\x9c\xea)zlu\xc8\xfa\x95\xb9\xc6\xec\xe5\xefp^#\x13\x00\x86\xc8\xc8]\x9da9l\xb5\x88Me\x91\x9b\xfd\xef\x0b\xd8]\x85B\x96PVm\xcfB\x1e\xbb\x1d\xecvr,\xb0\t\x08g\x90p\xcc\x05\xe7\xcaN\xcar\x0f\x02\x00\xee\x06\xf6\xcb=Q\xa5DW\xba3\xdcw\xde\x97\xaf=&lt;\t\xa8\xedQ4\xf7\xff\xadm\x0e\xd69\xd3&amp;D\xb1b#\x1c6\n\xe5\x08P\x1ey\xe7\x7f\n\x1d3\x93`"\x08\xdd\xb1\xe2\xe1\xa6;\xdcYw\xfe\xe3Ri;\xc6\xe5\x1e\xd3\xb2\xc7\xaf\xfd;G/T_0[\xf3\x84\x1e\xdb\xbb\xfa\x80\xb5\xe2\xd6\xedd\xf1\x9f\x04\x8a\xd0Lnf+\xb6[AX+\xdd\xb9\xedj\x13\x80B\xd9?\xbb1\xd7?\x1bY\xc7\x11 f\xea^\x1b\xebt~A\xa8E\xab\xb3\xd7\x82 \x08\x99l-v\xe5\xe7\x93\x89\x1a+\xf3\xe4\xe7\\\xa1\xc1\x13\x00\xbe\xcf\xa4\xb2\x15L\x10\xda\xb3\xdb\xed\xa3Q\x8fA\\~\xfdC\x10hA\x80[\x14+Y\x10\xba\xa1D\xb6\xcd\xf0g\x97TY\xd4$`\xbf\xd1\x11&lt;\x01\xd8\xed\xf5E\xdb0\x92\x02euM\x10f0\x9f\x15\xea\x84\xbf\xe4\x14E\x05a-\xdc\xf3\xb9\xca\x1fT&gt;\x86\xf0\xe4\xb1\xb4s\x12\x95)\x08M`\xb5~O\x86\xfd\x85\xa1\x11\xedt\xcdl\xf2[\xcbZ_\x82 \x94!l\xe6\xcf;\x9e\nBO \x02\xe0/\xb4_\x1e\xc5\x1b\x90-\xea\xa9?7.\x1bw\xbd\xb3\x89\xee[\xf8u^\xe5\xba@\x85,\xfe\xe2o\x08\xe4\xad\x04D8u\xaeK\xfeH\x91o,h\x13V"\x08B\x0b$\xbc\x08\x02\x15\x87\xbc_\xcf30&lt;\xb9\t\xe6\x86\xcad\xa0D\xf9B5\xd6\xdcw\x01\x89\xf8[\xd5\x0b\tK\xae=\x01\x98%t\x13\x00\xa7o\x11\x8a\xb8K\x10\x04A\x10\x84\xd6 (\x9bj\xe5\xbepP\xadn\xf8\xfe\x18I\x18\xba\xa3\xd07\x17\xb3!)\xd7^\xf4\x9a\xcc\x0c\xbe\xbcW\x9a\x84&gt;\x03\xb0\x17L\xb2\xffv\xacy:.\x08\x82 \x94d7&amp;\x18U\xf2\x8c\xdd\xf0\xf4\x91$\x0c\xddQ(\xd3@\xfd_S\x12\xad\xf2]\x0b\xa5\xe6\xa5\xc8y\xf3\x87\x14\xad.N\x00\x9e0\xbch\xf8C\xe2[F\x9d\x88\x8b\xf2\x05\xa1#Z\x0frB\x1b8\xf7\xfb\xae\xfe*\xa3\xd0\x19\xa5\x8en}u,\xbf9\xa9\x99\xf6%\x17\xaf\xd8\xed\x1a~\xebFg\xae\xcd`"(\x08\x82\x10\r\xbena\x0c1\x9e\x98\x126\xc1\xe1 \xefR~\xe1z\xa6N\x10\x180Z\xe6\x13\nY\xe6yf\x13\xbfz\xee\x90xF?x\xeap\xf0n\xfd\xd9\x9b\xea\xcf\x00\xb4\xc1\xd9\x8c;\xd6\x96\xa2\x19\xf2\x9c\xb4 \xac\x9b\x90\x91@\xd2\xbb\xcd\x11\x98\xd6\'\xe4\x13\x82P\x98\xc4L\xb7S\xd2&amp;\x00i9zL\xe1U\xd5^\xe8\x97\x80\x9d;\x11O\x05\xb8I\x99\xea\xb816\xff#\x92\x01\x04#\x8a\x12:"d\x9fW\x8e\xedm\x96\xe0o\xd7(*\x85 \x84c\xd8\xa2\x84.\x17!\xa7{:Z\xc8\x97N\x16X\xb0\xf7\x199\x9f*l\x00\x94\xc0\xbbu\xf6)\xc2\xc1\n\xc4\x18\x84\xf6\x18i\xeb*\xc6\xe2}\x8b\xbc\rI\xc8\xd4\xed\x9f\xd32\n\xdc\xed\x06\xe7\xde\x01\xc0.\xb6\x8a\xcaj?z\xcd\xca\x04a\x86\x15\xc4\x1b\xa1\x11}\xa5\xd4\x1d\x89*\x94\xa1\x83\xec\xaa/\x9f\x122\xe9f\xd1:\x901\xf3&amp;v\xb5\x99\xe2P\xfb\xa6]D\xd8\xed&gt;\xb0O\xe8\xd9\xee\t\x14:\x02$\x04\x82\x00Oi-\x03\x0b\x9a&gt;;/\xf4\x8eXN+\x98\x0elB6\xf5}J\x9e\x99i\xc7\xa7\xb4\xbf\xfa_\xfe?\x99\xf2\xba\xd4\x03\xc7\xe6\x93\x12\xbb\x03\x00\xb0\xdb\xedux\xe1\xf1\x93\xcc\xba\x04A0\x90\xd1B`\xc8\xd3Z\x0bP\x11\xf9\x1e\x9b\xedR\xe2WK\xc5\x96Zq\xf8\xbe\x9a\xa3s]\xab\x8eD}\x94\xd9\xdd\xa2\x0b\xa6?\x04\x9c\xac\xa2\x90\xc2\xfb\xa6\xfb\x06\x08\x82\xb0\x16\x9e\xdb\xa2\xd2-\xc5\xc0\xf6\x13\x80\xe6\x02\x08\xc2:\xd8\x92+\xa5f\xff99:\xc3\xec\x9fzc\x02Q~\xfa\xbb*\xca\xf3&amp;\x82\xd0\x1a97\xbc5\x16\x1e\xb3\xdb\x80\x00\x82\xb0\x0e\xb6\x14\xbd\xe3\xd3\xed\xbc\x1f\xf9\r\xaa\xb3\xfeI!\xc2g\x00\x10\xe0{t\xa5\t\xa1\xe0\xf8\x1fAh\xcb\xd6\xcdp\x83\xedo\x9e1\xc8w\xad\x96c\x83\xf6\xbcY6\xd5\xd7\x88\xc31\xfd\xc0\x9c{\xf7\xbfP4\xce\xecvo\xed\xfc9\x81a\x17\xe3\xbb=\x1dc\xeaHT\x1f\x08\xef_A+\x04a\x05l\xd3\x13??\xbcx\xe0V5\xb0gumo\x7f\xbeK\xa8\xc6\xa6:Z3\xec\xd2\'\x7f\x16\xebY\x85\xf2+\x9dd\x1a\x95E\xd0\x1fC\x80\xeb]\xfb\xbd\xcb/\x08B\xbf\x1c\xe2O\xabc\xaclXM\xdb\x95/2\\O\xa3\x84\x19\xae\xd1Z\x80\x96\xd4\x99\x00\x94\x9cZ\xe4C\xe1\xea\x87\xc6\x14\x9f\x00\x10\x16\xb5\x8e\t\x80 \x08Bc\x10\xf1?X\x0cf}\xc1Yc\x9ce\x13\x042\x02\xb2\xff\x1c_(8\xaf\xc8\xe4\xf0C`$O\x7fT9\xc3\xf4\x11\xba\xa2\xf6\xd2J\x8c\x13\x04A\xc8%\xff!\xb9-\x82\x00\xc0\xf6\x9b3\x18\x8a$\xac\x831\xef\xda\x01\xe0\x90\x806\xb3\xb7\xddn\xe1\'{\xf7\xbf\xf15d\xb8qr\xb6N\xf2\xe78&lt;\x04\xbc\xdbu\xf1(\x15\x02\x9c\xcf\xf1n\xd6D\x8a\x7f\xab\x05a\xed&lt;b5\x1bq\xebhE\x1a\x9b\x8e\xa5\x88\x08\x8f\x8e\xef\xfd\x1d\xc0\x17a\xe3\xaa\x13\xb6\xc7\xde\xe0\xefs85\xc2;K\x1e\x89&gt;\xe0\xb2\x94\x9a\xf6\xfd\xdc/\x138\xec\xa4\x08\x82\x90\xcc\x8a\xfc\x17\x01n\xd3Z\x86UR\xfapi\x16L6\xf4\x89X\xcdl\\\xe0\x0e\xd1\x19\x1b*\xbe\xbfx\x16(J\xe0\xa5\x12\x84^Y{\x17\x1e&amp;\xe6\xebm\xa0@L\xd6\x11I\x1e\xd1_\xe0\x0b\xa7,\xc1A\xf0\xa0\xceT~Ah\x04/\xbf\x0e\x9f\x00\xb8"\xd2\x1b\x16\x0b\x04\x008]/\xa9c\xcc\\gK\\\xc6\xec\xfe\x94\xeel\xa2\xd2Ky\xde\xb7\xbbx\xee7\xb4\x05A\x10j\xc2x\xc1\xc5\x97\r8\xae\x94\x88*\x08\xdc\x89\x9d\x048f\x05\xeb\xc0;\xd1!\xae\xa5T\xc9\x85\xb8\x9b\xd1\xd3\xd1\xbd\xce\xceJ\xce\'#\x93\xb0)8X;\x07\x19\xc8\xd9^$QGIoT\xe7\xf0\x8ds\xf3U\x7f\xa0\x92\x14\x02;\xb6\xe7\xb3\xcbdd\xff\xacR\xbbL\xd68\xad\xc9\xc6\xd2I\xacr(\xf4\x89\x00o\xaaU\x97 \xac\x86k\xc8hW\x90\x95\x8d\x7fA`\xc0(\xc9!\xc7j.\x80\xc0\x10\x84\xe3\xd64N\xf2\x8a\x9c\xc2\xd3\xd4\x928\x01X\x13\xabmX.{\x85$\xea\x84h\x02\x10\xf1\x0cJF\x15\xd2\xef\x82 \x04\xb2\xc5\x88\x91:JnQW\x02/&amp;\xbb\xad`\x8a\xb7\xae2\x01\x18\x9aC\x9d\xb5\x1e\x14\xf5|W\xc6\x9f\xbe\xf0\xc1&gt;\x08H\xf6O\xcf\xc7J\xf7\xfa=!\x7f\xf26\xde\xfb!\xe9}AXD\x16J6\x0bBB\xa4\xdd\xe2n\x89\xc0\x0b%CX\x89)\xee\x9b\xf3\xc2N\x96\xad\xef\xb0"\xcd\x0b#\x08\xf0\x98\xd62\x18\x13\x80x#\x93\xcd\x1fA\x88\x00QR\xba\xed\x92\xd0\xfb\x08\xf0\xf3R\xe2\xb8\xab\xfbD\xea\x8d\xab\xb4\xeaU6*\x8e\xd5\r\xf1Cs\x10\xe1\x15\x1c\x1e\xbcY\x84\xb3l\xf5X\xfc\xf2\x84\xf0\x8b9\xc0BBm\x02\x10\xed\xe1\xc6&amp;\x17\x8b\x16\t\xc2\xe6\xf9SqF\x96\x10fQ\xf4\xf1V\x8f\xe4\xdf\x8f\x13\xe61k\x8c\xff2\xa8\x01\xc0\x8a\'\x00\xca_\xd2\xd1\xc90y4D\x99\xc6I\x8f\xc6\x90z\n\x08\xf5\xfc_\x14.\xf4\xc2YZ\x0bP\x18qF\x8eP~i\xb2\xbe^CR\xe6\x93\xb4\x95\xa0\xb8\xb1\xe0V\xec\xd7P\x85\x0cn\xbd\xea\xf1}Us\x9b\xba4\x9a\x17\xba\x9f\xe9V\x83\xd7\x9a\xed\xb5\x00\xa9I\xbc\xb1{ \n\x17\x04Apq\x06\xd2\x08\xf9\x13\xb5(\x92b\xf5\xd5\x9c\xf8\xdd`\x89\xff\xab\x86O\xe7\xf2\x91d+\xec\xfc\x1f!"\xecv3\x17\xd0\xb3\x9fr\xd8\x95\x8eS\x91\xca\xf2\xac\x02\x04\xdc\xf7s\xa4\xea\xf6:?(\x1c\xa3o\x17\x04A\x10\x18\xa0\xae\xe5\xed\x12\xc6\x02a\xb5\xec\r\x83\x83=\xf0\x91dC\x1c\xe1\xffh\xc7&amp;\xdb&gt;\xd7^\x10&amp;\xd2\xf4\xc6.%\xfb\x07\x80\xdd\x0e&amp;\x03\x10\xdd\x0b\x82 \xe4\xf3V\x80S\xd4\xad\xd1XX\x95`.\x0c\x84n\x08U8\x08\xb0\x13\xcb\xdc:\x88x#\xb7=b\xb8\xa9\n\xadA\xfd\x9f L "\xc0\x07[K!\x08-H&lt;\x84CQ\xebt\x16\xf4\xddukg\xc2i[\x0b\xc0\x93\x901:\xedIBA\x88ea\x96)\xf6W\x16\xa2\xe7+$\xfb\x17\xdc\xc8@\xd2\x08Q8\x0bZd\xff\xfa\x17:\x7f!?2\x8b-m\x8d\xe4\xa7G\x04\xee\xcc\x1c\x01j\xc1\xc2a\x15\xd9!*\xc8&gt;-\xa3\xf0\xf1\x9d\xf2O\x10&amp;v\xca\x7f\x85Z\xc8\xb0\xcd\x04\xdc\xed\x00\xaa\x1e\xacE5\xa2\xef\x00\xe0\x89\xd9\xe6 \xd6\xb4=\x0e\xc7\x81Y\x9c\tGx\xf50\x89E|\x87\xccI\x04\x81\x04\xf9\xd2O\xa1\n\xeb\xb0\xae\xfb\xb6\x16@\x10f\x19Vm%\xb0\x0bka\xda\x8b\x10\xab\x16\x04JJ\x9e\xcd\x10\x17\x15hi\xfb\x13%2\xeap\xe0w\xd2\x0bs\x8c\xe9\x91$I\r8\xaa\xb5\x00\xf3L94\xc0\xb5[\x0b\x13\n\xbah-\x94\xb0-$\x98\xc6"\x1a\x13\xc89o\x85:d\x80\x11\x04auh\t\xf4)z\tq\xbfU\x1fE\x90\xa4Bh\x03\x02\xfcMk\x19\x04A(\x8eL\x00\x04AX\x19\xd6\nz/!\x0e\x01\x8e\xdfZ\x06\x86\xc8 U\x15\xd1\xb5 \xa8\x88G\x08\x82\xb0b:\xca\x92\x97\x89&lt;B\xd3m\xc3\xef\xb0\xaa^\xf3\x91?\x8b[\xbf\x8e\x04A\x88G\x0eY\n\x82 \xac\x8b\xeb\xc4\xe4\x8b\xc7\xed7\xfe\xf7+y82F\x0b\x11\x88\xa1\x08\x81\xc8SV\x00\xf0\xf6\xd6\x02\x08\x1b\xa4\xbe\xc7\xc5\xd6\x88\x00w*"\x88P\x9c\xa8\xd5\xe2\xf6\x8b\xe8\xca\xb9\x7f\xc1\xc5Z4\x83\x00\x8fm-C2]\xf4\x81\xe4sB(\xf25\x0br\xb6R\xd8\x02I&gt;.~\xd1)\xb1\xe7\xfe\xdbv\xb4|\xdbO\x18==\xc8\xe1&amp;a\x92w\xefR\xb2\xac\x15q$!\x18\x89\xbc[n{E\xe65\xdc\xfd\xc0\xc6\x1f\x99\x00l\x88\xa8\x07\x7f\xdb\xae\xbb\xff\x9d\x91\xfd\x9f\xa0\x99$\xdc\xe9\xebIn\x0f\xf1\x13\x00\xf5\xe2k\x10KS\x04\x0e\x9d\xc4A\x06\x81?\xdf\xd9\xfc\x04`\xcbm\xe7\x82tA\x05D\xc9["\xfcG!\x1a\xa6\x95\'\x83gk\xd9\xff\x17\xc5&gt;\xe7XOR\x17\xdc\x8cS\x1bm\xee\xe0\x88X\xfdsl\x12\xd9\x85T6\x9e\xfd\x03\xec\x1dVh\n"\xc2#\xa5\x17\x84|\x10\xe0\x8a\xca\xeb-\x1bUp\xdb\x1f\xd0HK\x88\xc7\x92C\xff\xb5\xd8\xb5\x16 \r4%G\x84\x1d\xef\xb6 \xc2\x0ej*|\x9f\xc1\xec\xeaV*\xac\x85}\xfc\x15\xcb\x11\x04a\x05\xe0\xfe?\x87\xb8\xc6&lt;[(\x05\x02B\xa1Li\\1\xc9\xd5m\xf5LI\x10\x98\x80\x00?n-\x83 \x08\xdd!\x0bfB\x0e[\xb0\x1f\xdcomnwu\xb9\xdc\xa9\x9e\xad\x1f\x19\x15\x04\x02\x16\xfdS\xbcK\x10\x04\x0bD\x80_\xb4\x16B\xe8\x92\xc8o\x86\x11\x04\x1b\x99\x00t\xc9\x11\xad\x05\x10Tv\x01;_1\x0e\xb6\xe5\xd5\x0eA\xd8\x0c\x08\x00\xf0\x07\xad\xa5\x10z\xe5\r\xad\x05\x10:\xe7p\xeeg\xabg\xab\x84,\x1e\xd7Z\x80E\x98\xa4\xd1q_\x94$3rA\xd8\x04o@\xf8\xb0,\xe2\nt,l\x0b \xc0]\xab\xca\xd3\x1f[sFn\xed\xdd\xf6q\xaf~\x90q\xab\x08l6v\x9b\x0b \x08\x82 D \':\xd2\xe1\xa8:V\xc2\xd4\x80M\xfe\xe3\xe4\x92\x96`lE\x15\xfa\x84G\x0c\x92)\xb8 \x08Bg\x90N\x002\x0b\xe9,7b6wBx@g\n$\x81S\x178\xd9b\xa7\x08\xf5Xr\x00\x04\xf8H\x05)\xc4\xca\x05A\x10z\x83\xea\x04\x05\xc9\x10\xd0\xdb r)&amp;\x02\xa3\xf2O`\x05\x1e\x96G\x9bnSt\xfc\xc4\x86|\xcf\xfd\x12\xd6\xaf%\x8c\x1f\x88\xea\xb6\x0b\x0e\xbf\x99!]/\x08\x82\x87}\xea\xbf\xa1g:\xbd\xc3e\xe45\x0c\x91\x1fu\xe1\x88\xf2\xcb\t\xd0\xaaw:\xfe\x16\xa0}hb\xbd\xc9\xd3\x98\x05\x93\x12\xd5m\x92\xddl\xb8\x11\x9b\x10\x04\x01\xe0\x84\x921:\xe91B\x86|\xbb\xa0 tI\x8f\x0eY\x07\xaff\x98\x1dR\x14\x98\xf0\x1c\x99\x14\nB\x00\x1bq\x93\x07\x17+\xd9R`\x1fC\x92\x9c\xa5\x11\xa8\xb8\xad\xa4aBQ\xfc\xdf\xe0\xc6\xf7\xe9x\xa1-b\x15\x820\xcf\xa6\x86\xed\xfdH\xf1\xe8\xd2\xd5|!.\x19:kYi\xbc\xc8\xd0)\x10!\xd9\xbf \x08u\x91p#\x08\x99lh\xe4&gt;\xb44=\xeb\r\xffu\xea\xf0*Z}\xb3\xdcw\x06= \xc0{:\x89\xa5\x1b\x99\xaet\xd7\xc6\r\xc5\x10\x81\x1c\xb1\x1b!\x16D\xc4\xff\x93\x88#\x08\xd9lf\xf0\x1e\xd3\x94\xe4\xc6\xd2k\xa9\x99\xf25=$O\x8a\xea\xcd^\x94\x13&amp;\x7f]\xa7\xc6F\xf4\xe7\x89\xca\xbcZ\x10\x04\xa10\xbc\x7f\x15E\x10\xfab#~T-h\xc4\xe4\xd3\xcd2\xa7)\xfbON\xe0\x10\xf1\x9b\xf5\'\x00+\x8f\xfcOn-@\x1c\xdb&lt;\xfa\xbf\xad\xd6\n\x02+6\x18q\x04A\x88G\xfdn\xf2\xd3\x01\x1c\xabF\x95\x9d\xa5D\xa8\x08\x1c+s\xbd\\|\xcc\xfe\xef\x87\x08p\x91:\x95\nK\xe4\xef\xaaQB\xf0\xe5Px\xf8Ry\xf9\x9e\xa9\x86\xa0|\xb9\xbb P\xd0\xe9W}\x0bB&gt;S\x12\xae\x8c\xe7e\xddA\xcd\xfbKe\x11\x88HY\xb8\xa1%&gt;\xe1b\x9b\xb1\xab\xafV\xf3J\xd5\x08~\x07`\xb7\x0bt\xad\x87\x81:w\xeef\xba\xcf\x9eA\x97\x88\xc0dZ)\x08\xdd\xc2".\x0b[\xc5\xb74\xa8\x9d?\t\x8b\xf3\xfb\xcb\xfe;\xa2jG\xa9kp\x07\xe2AQ\xc6XF  tu\xc6i\xb7\xdbm\xfbg\x19\xd0\xa2\x9f\xce\xe3\x88hR\x10\x04a\x05\xb8\xc3\xf8\xf4f\xd4\xf2Y\xdcpP~P\xf6~-u\xf1\x05A\xd2\xc2e\xc0e\xc4}\xd5\x13kB4\xd1\x13\x11\x92\x03?\xb6\xb7\xcb\t\xa2\x1cF}\x8a\x1a\x05A\x10\xfa\xe4\x10\xc8\x8d\x13\x02\xc3\x98\xbb\x7f}x3,\xd4G\x9c\x8e\xd0\x8f\xe2\xc0\xa6\x17)\xbd\xa0\xb1M"\x03nk\xc6\xde\x90\x8eH\xe1\xe8\xb17\x90\x84\x86\xddng\xcd\x01\xecP\x85\x80\xdaQ\xc4x\xfa:\x1c\x96\x8b\x04#A\xd8\x18\xdb\nq\xabg\xa7\xfcozs7}\x18\xb9\xd2\x19a\x1b\xc3\xf0\x11bQ\xdb\xb3:\xd7\x0e\xc5\xee\xda\xf5\xe5\x10\x0cv\xb2\xf6_\x07\xfaM\x16k\xcf\xf1{\xa5k\\#9*\x92MLA\xa8@\xef.\xf6\xdd\xd6\x02\x08\x07"O\xcb\x8c\xe1\x1d\xe9\xc6\xd3-~\x7f\xb9}nY\x86Na\x13XF_\xac\xe8\xed\x85\x95L\x08\xc2\x90\xe8\\\x10\x04\xa1\x1b\xa2"6\x02 \xbc\x17\x91\xf8\x9c\xf4\x06G\r5\xe9\x97C\xe7\xc2f\xb0r\xf4\xaf\x94+\\\xe6\x00\xc1\xe0ud\x1dB\x10\x04A\x98C\x86\x89\x12\x882\x85\rP:A\x97\t@\x02\xef\x12\x8d\t\x82 \xc4\xb1\xd1$xX\xfe\x17\x04A\xd0\xf0?\xca\xe3I-\xb5\x87\x801\xe7\xf75\xdc\x15\xc8\x93\xac\x8b\xe0\xd2\xd75 \xe2\x0e2\x9f\x9f\x16\xb6\xc3\xf6\x1e\xe9#\xe6\xff\x00N\xdfZ\x06a\x91}\xd8\x14S\xf7!\xfa\x11\x84m\xe1\xf5\xf6\xf9\xa5\xe5\xdd.\xf6\xfb\xc8B\xcb\x97/ \xcb\x06\x87\xef\x92\x135\n\x0b\x8cn(\xd6\x92\x81dN\xfd"\xb3_A\x10j\x82C\xd4\xa9\x1cy\x1c\xe3T\xe2/\x01\xab\xd9{\xca)\x94Oyo\x91\xbdJ\x12v\xbfl-\x81p\xe0\x04\xad\x05\x10\x04\xc1\x87d\xff!\xc8\xa8,\x08$ \x8e?^\\\xbd^\x9b\xe8\xdf\x01H\xae^\t\xb5\x88g\xabU\xed\x16\x91\xc5\\V\xfc\x10\x00\xf8\xe5\x19{\x7f|\xe4\xfe\x0f1\x98&lt;D}B5\x86_\xa2*\xeb\xb4\xc6\xc6\x88X\xb8\xb0\xc4\x90aJ\xfe\x11L\xd5\xad\xe3]T]\xf6\xe3\xb93\xd0\x96\x97\xdcBA\x10\x02@x\xc2\xe1\xdb\xc1;\x7f@\xf0?\x94\xd7Y?\x88\x91+\x88 \xd4\xe0\x81\xb5\x06\xcaN=\xa2S\xb1\xd7\x00\xd3\xfc\x8d\xdb\xf7_}m\xd0\xd2\xf8\x95\xb2&lt;\xc9\x9d\x00\xe8\x89Eni\x1b\xc2\xa9\x04\xc6\x86"tL\xefv\xa5\xca\x9f\xdc\x10\x92B\x04\xa1\n\x9b\x1e(\xe7\x9b,_\xcf\xdf\x12\xaef\xc9N\x9eAK\r\x05C\x80\xfb/]\x12I\xe6\xed3Em\n\xbf\x126\xad\x16Ap\x81\x00W\x1e^P\x94\xb6\xed\xe0#0f\x9a\xa3R\x8f\x92b\xf3B\xbf L)\x13\x7fK\xc6\xc3\xae\xfbM\xda\x8a\x1a\xa0\xab\xec\xac\xfd\xf9\xeb\x99\x00\xd4\xb4\xad\xf7\xe4\x9b2?\x05\nBA\x88\xdc\xb3\xef\xd3P\xc2\xba\x19,\xb3\x8fDg\xc5&lt;Q\xf4\xcf\x03+o\xec#z#\xfcU\x0fr\xe6g\xedj\xc7\xf4=\x01\x00\x84c5\x91\xea\x01-*\x15 ,\xa7\x94\xdf\x84_\x15\\\x83\x8f \x8c\xfc {y\xa8\n]\x08\xd9\x07\xa2F\'\xbe\xd4Q\xd4E\x04\xd5\x04 \xa1\xb4p\x01\xe9\x9a;\xcf\xa5\xdb\x18\xd6\xad\xc4\x9a[\x11a\x87e\x05\x11\xaa\xd1\xcd\x1a\x92\xb0an\xc8\xdeD\xe3\xc6q\x1f\x89_P\xbe\x16b\xd3\xa1\xad\x81\x80\x08\xf7C8\xe9\xf0(\xed\xaf$\xfbO!\xf1\x87\xc0\xf6w\xaaW\xcc|\xf7S\xac\x11\x87|\x8d\xd4Xf\xcawN!\xb6\xf8\x15\x06\xa1/\xd8\xfe\xba\x93\xfctQ!\xd8\xf6\xb8 tC\xd6\xd0\xac\x14\xb3/#_\x9e\x0e\x992\xa6\xdd\xbf\x03\\o\x9bJ\x10j\x90\xfcK\xc0;\xe32\x8f\xb7#\xc4\xff\xe4A\xf8\x04 \xf5g\x83%\x85b\x88t\x8a\xd0\x96\xfd\x0f4\x8a\x11\n=R"~\xc6g\xe1CB\x90:4\x1b\xb5o\xd4\x19\x89&amp;Q\x9b\xe2\xcb\x00\xa7\xde\xac\xc1$\xe3\xfd!\xb0\xdd\xce\x9b\xb8\xabF\xb9\xe0\xe7\x08\xb0\x83\xddnWb\'+#\xc4\x88\x95\xb0\x03\x11\x00P\xe2\x1d{\xea\xac\xcc\xd5\\\xffQ5\x9a*\x00\x00 \x00IDAT;\xd4\xb5\x0fQtUny\tSX\x03\x07\x8f\x88\xca\xff\x01 \xf6\'\x87\xbcl\xd7wd\x1c\x8cC\x9bv\n\x11\xcc\xfc\x12\xb0q\xc6gzw\xe1\r\xed\xc3\xdd\xf0\xff\xbb\xc0\x93@\x81\xa6\xdf\xc2C\xb6\xbb !\x08\x035\\ !\xf3\xc8\xe4g\xe4+\x14\x12-\x84\xaa\xd0[\x9bg\x85mnfK:.#b\xbf\xa9\xb0\xcc\xff\xeb!g\xff\x93\x99{\xd4\xc6\xed{\xc9\x0e\xb9\xeb\xce\x97\r\xbbj2\xe5\xd8\x8am\xefv\xfd\xd9\x87\x90\xc1\xf1\x03\xae\xc9\xf9m\xafpv\x00\xbb\xe3\x0e\xaf\\E%\x89\xb1\xfb\xa0\x0c\xffB\xdf\xecv\x96\rc\xb5G\xe5\xc7/\x10\xa9QY)64\x827G\xf2\x87\x02$~EOT\x91\xc4\xe5;\xeb\xacx\x17\x19\xf5b\xad Te\xde\xd9\xc7O\xcf\x90\\~\xbc\xf3:oA\xf8\xa1\x0c\xe1+Cz3\x0bD&lt;k\x95Q) \x1f`\xde\x95c\x1cC\x80\xdb\xb4\x16F\x10R\xe9\x7f\x02\x90O\xab\\\x9c\xadB\x04!\x1d\x8f\xb3\xe3\xe1\xbb8\t~\x0b\x8f\xc4qd\x06\xbe&gt;\xa4C;a!\x08\xe0\xd9\x11\xe9&lt;\xbd\x0c\x93\x84\x8c\x85\x14\x84E\xe82\xf5\x1e\xb3\xff\xb6?\x12\xc4W-\x05\xd8Tc7\x8e\xd1\xd7j\x1c\xc84\x03\x04x0\x00\x00\x9c%\xbb\x9c\xccyH\xe5\x1b\x85\xde\x91\xae\x0f\x86`\xa5@\x10\x840H\xf2\xf5\x1e\xb3\x7fh9\x01X}\x803\x14\xbb\xee\xc6\n*Z_Oq\x80\xc0\xd1\xa8\xac\xe8\\yI|\xc8\xbd\x9em\x10a{\xf0\x1f\x073(\xd0.\xc4g\xf4\xa7\xae\xd5\x0f\xe8\xc2J!\xca\xda\xfb\xcb\xfe\x01\xc0\xcaS\xabV\xdd\xa8\xdej\x8c\r|\xcf\x06\x1a\xcb\x87\xe6C\xd1T{\xbbP\x80\x00?\x9d\xfd4\xf1\xf1\xa1\xf4}\x0cy\xf2g\xb3H\xd7\xc7\xd1&lt;\x82\xc5#[\x16\xdd\xb0\x89n\x8axn\xda96\x87=y\xad~%\x9e\xa3\x98\xa6\x8fo\x87\x7f]\x9f|\xb1\x9f \x14a\x0c\n\x14\xbf\x1f\x94P\xa9\xbbFDL\x92\x07\x95\xaf1M\xfb\x99\xc2\xb4\x1b\x05A\x10\x04\x126\x11\x87\xe7\xbe\x06\xd4`wf\xc7\x9b\x88\xf8\xe0\xa5\xa3x\x88\xea\xfe&gt;\xec\x00v\xbb\xdb\xed\xc7\xdc\xdd\xae\xf9\x977\x85\xd7\xce\xc7\x14d\x15\x81\t\xcf\x97\x8e a\xb7\x83\xc7\xd5\xcb\xfe1\xec\xe0Yb\xcf*\x05\'\xffL!\x9fP#\xb4E\xc2K\x1dD\xcf\xac\x90\xee`\xc9\xcc\t~m\x13\xff0\x06\x1ee\xdf"]\x9b\x8fhR\xb0\x10c\x08\xc7&gt;\x7f\xe8\x9e\x00\xa4\x9dG\xd2c\xa0 \x08Lx\x97\xff\xa3\xb9\xaf\x1bJ\xad\xaey\x04\xa8)@\xe9\xef;\xaa\xaf\xcc\xe6\xdd\xc7\x95\xc0i\x80{n\x00\xff\xd2Z\xfc\xee\x91\t\x80 \xa4s&lt;;(Q\x92\xbc\xd8!~-\x08+\xa2\xad/W\xae\x1d\x01\xce\xd9h\x02 \x01\xb3\x1d\xdeD_y\xa1\x7f\xc1\x9f tD\xc3 .\xceR\x04#R]\xb2\xd8\x04 6\x9b\x97\x08)\x08:\xe2\x0e\xc9ld)A\xf6Z\x9b\xe2\xcb\xfe\x9d\xd7\xb5\x10P\x10\xd2\x91E\xd9\xd5Qv\xf9\xdf\xae \xdcxd\x02 \x08#\xba\x07\xdd\xa1\xb58&gt;dtH`\xaf\xb4\x17\xd0\x15U\x179\xe1)\x08[\xe1\xe0\xedOn-\xc76A\xf2h\xbb\xb0TAZ\xfe\xb8\x05\xca7K\x90\xf9\xad0\xc1\xc8\x12\xf4\t\x00S+-\x14C\xd6\x0e\xeb&gt;]\x02\x11\xf15\xeb\xe9\xf4\xf5\xb4D\x10&lt;d\x19\xf9?K\x94oF\x91u\xfa\xe4\xa4&lt;\xe8z\xc7\x8e(\xe3q\x8e\xb9xBE\xee\xc5\xcb\x12&amp;\xcb\xe4\xebG\xfa\x0c\x9f\x9dx\x8c\xe9Vc\xab\xdb\xa7\xbdPk\x01\x04\xa1(\xb9\x1e[\xe7l\x86\x9c\x00q\xc2D-\xe1b0\xc8\xfe\xa3*\xeds\x18\x16")w\xe6\xad&lt;\xc8W\xf8!\xfbG\xc4\xb3\xb3\x10\x8f\x83\x0c\x9c\x19\xc3\xdd%[\x8b\xf1\x9c\xa6\x02\x08\xc2\x86\xc8Z\xeb\xad\xb3\x03\xc0t\x84\x13\x00 \xb2w\xf4\t@e\x12\x12\xfas\x16\x11D\xe0\x04\xdf\x1cz\x19\xc6\x13\x80\x03\x7f*\xbb\xc4=\x80p\xd7a\xe7\xe1\xfcm;Kv\x8d\xd8\xc1\xc7\x81\x99\x88!\x8c\xd4\xe8\x91\xef\xb0\x1e\xe1\x84X\x8e\xdd\xec\x015\xf9\xcel\xc1dH\xa0\xbb\x8c0|\x8f\x00)\x94\x93\xed\x85\xc5J\xde*\xc7B8O\xf3\t\x00\xf0\xb6\xe7\r\xc2%82\x11C\x10\x04AX\r\xcfm-@"\xbc\x97\xff\x85\x1e\xf9\x9f\xd6\x02\x08\x82 \xf4\x8a\x8c\xc7\x82 \x04\xf2\x8c\xd6\x02\x08\xd9\xcc\xed\xc30\xdf\x9f\x11\x84J\x88\x1b\x94C\xa2\x0c\x1f\xa4/\x98#\xbd#\xd84\xb1\x8a#[TZ\x94\xad9\xd7\xe2c\x18[S\x88 \x08u\xa1\xdb\x08\x96hE\x02\'5r?",D!\xbdY\x02\x147\xa1@]\x08\xdf\x882\xf9?\x83!\xa4pD\xfc-{S8\r\xbd,\x82P\x9ea\x12!\xb1l=\x1cF\'\xe9\xd2\x03\x08\xf0\xee\xd62\xe4\x80\x80\x00\xb0k-\xc6\xfa\xd8\xc1\x0eD\xb1y\xbc\x02\x00\xbesx\xbd\x9d\xa1d\xb7\xdb\xed\xc4r\x04P\x1e\xc9\x17\x84\xbaP|\x8bE\xcf\xdf\x86\x01\xf9\xbfi\xb0J\xd8\x7fK`U\x10\xf1\xa1}\xabbSk\x8d\xdbi\xe9\n\xb8\xe0\xd0_\x17\x19\xde\x91\xeek\xc2L\x88\xd8T\xf4H H9\xe7\x9e+@\xc6Z\xa1\x19D\x13\x80\x8e\xe9Z\xf8\x124\xf9\x9ap\xbe\xbd\xd0\xfff}\xef\xf2\xc7\xd0}gqF\x14\xbb)\xe4\x9b\xf5\xeb\xd0w\xfe\xd45\xeb\xd6|\xc8\x11U\x99\x00\x08\x06\xfc\x7f\'\xa82\xbd\xeb\xa1w\xf9\xa3\xd8Tck"\xb9\xe0\xa6\xd8Tw\x93\xb54\xe1\x19\x00\x80\x1d\xc9Q\xb0\xed\xf4\x16!\xab&gt;\x84\xb7?\xfa\xbb`\x17\x04\x1a\xa0\xb1_\x81\x0b;\xe9P\x9d\xde\xd5\x91)\x7f_#Krc7\x95\xf1$\xd0\xbb\x17\x08Q\xc8#\n)$M\x00h\x90\xde\x12L*&lt;\xa2\xb6\xcb\xadC\xc6]\x86\xecv2\xaf;\xe0\xfe\x96\xee\xc3\xb9\xa0\xdcM\x12\xb1\xfc\x12$h\xf5\xa4\xc3}\xd2#3HD\xd8\xf3\xa2\xd6\x02\x08\x82 \xcc\xf1\xefU\x8e\xc3"\xc0k\xb3KP^?M\xe6\x03L\x90^0A\x0f\x19E&gt;\x9aL8a$1\xee\xc973\xae\x00\xe9AA\x10\x04\xd8\x0f\x84\x7fW\xbe\n\xc2\x80\xfb.9z.p\x02\xfdi?\xd5\x1c\x00\x00\x8eC#\xacp \xb5;$\xf2t\x8f\xf4\xa0\xd0\x12\xd9#\x13\xd8\x80X\xfe\x0c\xd0&gt;\xe0\x12VA^\xa0 $\x90\x92\xd5\xcb\xc3\x13\x9d\x83\x9e\xc8s\x0e\x80O\xd6\x96E\x10\xdc\xf8\xacTh\x8ft\x8c\xc0\x07I\xa6\x85MA34\xe6\xac\xe8g?\x12C\x88$\nQH\xb4\x8c\xa7\xc6\x1a\x93`\xd0\xc4\xaf\xc5;\x82\xa0}\x08\xf8\x0e\xa4\xa5\t%\xe1\xb8},\x0f\xf2\x0b\xb3 \x02&lt;\xb4\xad\x04t\xc7v\xafFQHV\xf6\x0f\x87\xdf\xd6\xe3p\x8cm/\xc2\xcf[\x8b\xd1\x11;\x80W\xb5\x96A\x98\x01\x87_\xael\xee\\m\x911}\x0b\xf4\xfd\x03\xab}\x81\x00o\x0f\xbe\xd2\xfd\xbe&lt;@\xb6\n\xb6\xd3\x89\xe3\xe1\xf5\xeb\xb6\x15\x83\xd9\xa0\x1et\xe2?\xec\xa9\x80\x96-\xe2 \x83P\x1d\xda\xee\x0e\xb4\x1f\x04xP\x85\xc8I\xf7\xc8\x8d p\xe7_\xc4\xd6\xab\x11\xa1\xe7\xb91Uzj\x05l\xa4\x13\x11\x10\xe1\xdd\xed\x13\xc4)\xca\xf1\xc8V\xc9\xd2\x7f5Yi\x10\xc3%U\xda \xe4\xdd\x1d\xe5\x922\x01\x10j\xc2b\xbc(\x01\x1a_=\xb1\xd6v\xf2!&amp;\xa6Hw\x08\x9dC\x90\x92R\xb9\x00\xaf(7\x97\xc4\x1f\xc4\x0b\xfdR W\tm\x9aR\xb7^\xa1!\xab?/\x80\x1f\x973\x11\xc2\x9e\x8f "\xc2)\xd9\x19C\xf6\xf1,\xc4\xfd#\x1ec\xcb8=U\xc6\x84\x90\x87`&gt;\np^\xea2s\x90\x07\xf2\x04\x0e b\xfe\x97\xd5\x90\x19\xf3&gt;C\xe5\xf0\xe593\xb9\xb2\x1d\x81\x0fbG\xceZ\xaa5sl\xcb\x0e\xe4\xe7\xdc\xb6\x83\x0c1\xc2v\xc0\xe1\xf9s^6O%\xcd4\x1eq\x18\x1d\x99\x11\xf0@:"7\xcb\x10\x84\xa6\x1c\x1f\xf1\xc7C*+\xae\xa1\xe1\xcb\xfe\xc3\x17_\x02\xd7\xda\xab\x04s\x9ec\x87\xa4\xa7[C\xbe7F(\t\xcb\x1c\x8f\xea[\x80\x0e\r{3Qq\xeb"\xa0\xd7\xd9\x19F%d\xdf_\xf0\xf0\xe3\xe1E\x17\xbeQ\xcf\x8c\xed\x8av\x03\xe1\xba\nN\xb5\x8b7j\xca\xfeK\xd7\x14\x8d\xc4\xa5\xed\x80\xd78\x9c\x9b\x93N\x17\xca\xc0/\xfb\x07=\xeaf\xaey\xe0\xaf\x10\x8e\xc5\xb2\x91\x02[\xf8\x9c\xa9\x10\xd8\xc1f\xc9\x04\x11\xe7\x16\xd7\x95\x94\xbc\x82%;\'\x00D%\x99\x14;\xcf9\x8d5\xd3\xf9\x9f\x93\x00|\x8fEw\x03\x00\xa7\xf5`&gt;\x92\xac\x18TLRT-l\x05}\x07 \xeb\xe1\xb6]\xf5\xec\x9f\xf0;\xb9\xeb\xc2\xe3!B\x0e\x0c+\x97Be^\xd5\x81\x05\xf20\x8c}\x86\xea\xca\x95\x1dk\xd7\xa5\xf7\x01\\\xd9?`\xe2\xb7\x12\x05\xa8\xb7Tk\xcc\xaaw\xc0*\xfb\x07x3\x13\xff`\xf2\xc0\xf9\xea\xd9\xc1a\x03\x8d\x93\x11\nB]\xfa\x8a4|&amp;\x00Q_a\xa1~\x95\xf8\xb7y\xc8/l\r&amp;\x8e\xd3\x01\x9e\xef\xc6Q\xde\xac\xf8-:V-Y\x95\xfa\xbf\x04\xa8xCT)8\x9a"\xe2\xe58\x1cM\x1cz\xb9\xb5\x1c\x1d!\xea\x12\x84P\x8cg\x00\xba\x9b\xfe\xbe\x91\x85\xccGE]\xbd\x83\xddn/5\xe2I9\x8c2\xc2\xf6\x90\xb5\xaee\xd4\x0cxP\xd6t\xd8g\xba\x0c`\xb73\xb7+\xca\xa4\xceV\x99\xca\x1b\xbb\xd7\x14\xa8\xb0\x06\x95M\x11\x87\r\x93Yv\xf0V\x0e\xfe\x11\xf9h\x87\x00\x00\xa2.A\x10jr\xe2\xa4\x85\x87S\xc8#\xb0\x82\xc0\x96\xe0U\xf0J\xcb\xe7\xfeZ\x12\x7f\x98\x8c\xc7\x0e@U\xd6\xda.\x81\x1a\x8c]\xd8\x13\x84\xee8zk\x01\xd6\xc1\xf7\x93V\x1d\xbe\xc1\xe3\x90\xb3` \xdf\x00\xd8+\xd3\x82}\xb6k\xa99"\xee\x1f\x02\xde?(\xe8(9\xf6\x1b\xf6s\xe5q|:\xfc/\xbc\xe1\xc1I\xf0\x9a\xdcA\xf2~!\x9c?n-\x80 \x94\x856\xb2\xafi\xa8\x10\xb6\xc6\xf8m\x1bb\xc6\x9d2\xe5\xb4\xb4\x13\x00\x03\xa3\xf0\xf0+\x8b\xc9\x03\t\r\x0f\x9c\x000\xfc\xf1\x9aT\xf0{\x08\'\x1e\xfe\x90\xef\x1e\x10f\x91Q\x80!\xf2\x8dX\xc4P\xfd\x0e\xc0\x1e\xe9\x18!\x07\x04\xf8\x9bv\xb5?u\x90!\x01YY\xe4@\xed_\xae\x85\x88u\xf4\\v_\xb1\xde\xd9\xff\xf7E\xda\x81\xf6\x98u\xfd\xc0\x8aC/\xe4\r\xc2/$\xfb\x17\x84~\x91A\x96\x1e\x0eqP\xa6\xda\xabA\xbaRh\xca\x90\xfffgx\x0b\x89\xf4\xa1\xfc\xf3!\xfew\xc0e4h"\xa9\x05\x1b\xa2\x06T\x1a1m)\xf6S\x00\xd5\x19m\x03V\xb3\xa7\xe1D\x82\xb0 \x08AH\xa4\x98A"ii\x0ec\xb2,\xc8\td\x0c&amp;\x95W\xc6B\x82&lt;Z\xec\xfc\x95\xb4\x86\xad\xd6\xa5\xe6\xe5\x86\x0c\xb3);\xee\x9fd\x08gE\xbe)\xd1FHC2\x01a\x9d\xd0\x1e\x01Z\x19\xab\xf1y\xa6{g\xf2U\x1c\x02=\xf6Wr\xa6\x941W\x82\xfai\xcdl2\xb8\xa6\xb9\x0b7\xecs\xbb\xddn\x9b\xd9\xff\xffZ\xef\xc8\x97\xe5\x87\x139c\x16:\xe3\xd7\xad\x05(\xcd\xec\x12U5)\x84f \xb2\xdc\xf2V\x1f\xd9\x041E\x81\x15\xce\xa5}\xc3P\x7f\x80x\xc2\xd9B\xca\xed\x00\xc0\xec.\xc4L\xbdQ\x0f-l2]^\x1f\xf6\xa3\x93CR+\xfd\x1b\x84\xec\x00l\x995?y,;\x00B+v\xf7\xd5\xfe\xbc\x1c&lt;AVZ\x04\xa6\xec\\?\xc9t\xc2\xe9S\xf7-\xc42\xfc\x95\xe7\xfdu\x8eM9H$Q\xd9\xdb\xc7\x17\xd4\xb7d\x0b \x86X\x07CQ\xf0j\x08\xf9\xd9@\xe3\x8eB\x92\x08B\x1a|-R\xfbQ\x1e9\x12$\xf0a\xfe\'\xb1\xac\x8f\xea\xfc~\x96\xbf\n\xf5\xfd\xd9\xda\x17~\xf8\xabF+\x84&lt;\x12\xfa\xe5\x11\xfa]a\xa6"\xc4\xa3(\x96\x95z)$\xd9d@\x88\x8c\x84\x88\xf13\x86d\x10\xf1Ayu\xc9\xda\xd1\xea\xd9\xda\xf6\xe5\x9a7\xec\x84\xca\xa0\xeb\xb9[\xfdM\xdf\x93\xb8\x94\xdf\xffc?\xefk\x9f\x9aS&gt;\x9a\xadz\xb8.\xe4\xd7\xcb\xe4\x08\x10K\xb2C\xfah\x03\xd2\xbf\xe4 *\x9d\xb32\xf5\xaa\x86\x87\xf0f\x80+\xc0\xea\xdah\x13\x91Q\xcc\xc4\xe7\x02`\xfe\xb7\x1a\xac\xbe\xf3\xcaq\xf8]\xd0\xd6b,\xb2\xa9\t\x00\xfa\x7f\xaeU\x10R\x98b:\x1c\xfc\xdd\xce\xf5Kf\xff~y\x8cZ\x101\xe0;.\xd5!j\xe1\xabN\x97\x8a\x12\xfa\xe4\x1b\x00\'\x07\x80\xbcq\x01\x87\'\xcb\xc4B\xb6\t\x1ef:\x9b\xb6\x01\x</t>
        </is>
      </c>
      <c r="E893" t="inlineStr">
        <is>
          <t>&lt;class 'numpy.ndarray'&gt;</t>
        </is>
      </c>
    </row>
    <row r="894">
      <c r="A894" s="1" t="n">
        <v>892</v>
      </c>
      <c r="B894" t="inlineStr">
        <is>
          <t>steps_per_sec</t>
        </is>
      </c>
      <c r="C894" t="n">
        <v>10000</v>
      </c>
      <c r="D894" t="inlineStr">
        <is>
          <t>2.6515367</t>
        </is>
      </c>
      <c r="E894" t="inlineStr">
        <is>
          <t>&lt;class 'numpy.ndarray'&gt;</t>
        </is>
      </c>
    </row>
    <row r="895">
      <c r="A895" s="1" t="n">
        <v>893</v>
      </c>
      <c r="B895" t="inlineStr">
        <is>
          <t>Loss/RPNLoss/localization_loss</t>
        </is>
      </c>
      <c r="C895" t="n">
        <v>10000</v>
      </c>
      <c r="D895" t="inlineStr">
        <is>
          <t>0.17386326</t>
        </is>
      </c>
      <c r="E895" t="inlineStr">
        <is>
          <t>&lt;class 'numpy.ndarray'&gt;</t>
        </is>
      </c>
    </row>
    <row r="896">
      <c r="A896" s="1" t="n">
        <v>894</v>
      </c>
      <c r="B896" t="inlineStr">
        <is>
          <t>Loss/RPNLoss/objectness_loss</t>
        </is>
      </c>
      <c r="C896" t="n">
        <v>10000</v>
      </c>
      <c r="D896" t="inlineStr">
        <is>
          <t>0.017382469</t>
        </is>
      </c>
      <c r="E896" t="inlineStr">
        <is>
          <t>&lt;class 'numpy.ndarray'&gt;</t>
        </is>
      </c>
    </row>
    <row r="897">
      <c r="A897" s="1" t="n">
        <v>895</v>
      </c>
      <c r="B897" t="inlineStr">
        <is>
          <t>Loss/BoxClassifierLoss/localization_loss</t>
        </is>
      </c>
      <c r="C897" t="n">
        <v>10000</v>
      </c>
      <c r="D897" t="inlineStr">
        <is>
          <t>0.1652699</t>
        </is>
      </c>
      <c r="E897" t="inlineStr">
        <is>
          <t>&lt;class 'numpy.ndarray'&gt;</t>
        </is>
      </c>
    </row>
    <row r="898">
      <c r="A898" s="1" t="n">
        <v>896</v>
      </c>
      <c r="B898" t="inlineStr">
        <is>
          <t>Loss/BoxClassifierLoss/classification_loss</t>
        </is>
      </c>
      <c r="C898" t="n">
        <v>10000</v>
      </c>
      <c r="D898" t="inlineStr">
        <is>
          <t>0.09286358</t>
        </is>
      </c>
      <c r="E898" t="inlineStr">
        <is>
          <t>&lt;class 'numpy.ndarray'&gt;</t>
        </is>
      </c>
    </row>
    <row r="899">
      <c r="A899" s="1" t="n">
        <v>897</v>
      </c>
      <c r="B899" t="inlineStr">
        <is>
          <t>Loss/regularization_loss</t>
        </is>
      </c>
      <c r="C899" t="n">
        <v>10000</v>
      </c>
      <c r="D899" t="inlineStr">
        <is>
          <t>0.0</t>
        </is>
      </c>
      <c r="E899" t="inlineStr">
        <is>
          <t>&lt;class 'numpy.ndarray'&gt;</t>
        </is>
      </c>
    </row>
    <row r="900">
      <c r="A900" s="1" t="n">
        <v>898</v>
      </c>
      <c r="B900" t="inlineStr">
        <is>
          <t>Loss/total_loss</t>
        </is>
      </c>
      <c r="C900" t="n">
        <v>10000</v>
      </c>
      <c r="D900" t="inlineStr">
        <is>
          <t>0.4493792</t>
        </is>
      </c>
      <c r="E900" t="inlineStr">
        <is>
          <t>&lt;class 'numpy.ndarray'&gt;</t>
        </is>
      </c>
    </row>
    <row r="901">
      <c r="A901" s="1" t="n">
        <v>899</v>
      </c>
      <c r="B901" t="inlineStr">
        <is>
          <t>learning_rate</t>
        </is>
      </c>
      <c r="C901" t="n">
        <v>10000</v>
      </c>
      <c r="D901" t="inlineStr">
        <is>
          <t>0.039345898</t>
        </is>
      </c>
      <c r="E901" t="inlineStr">
        <is>
          <t>&lt;class 'numpy.ndarray'&gt;</t>
        </is>
      </c>
    </row>
  </sheetData>
  <pageMargins left="0.75" right="0.75" top="1" bottom="1" header="0.5" footer="0.5"/>
</worksheet>
</file>

<file path=xl/worksheets/sheet3.xml><?xml version="1.0" encoding="utf-8"?>
<worksheet xmlns="http://schemas.openxmlformats.org/spreadsheetml/2006/main">
  <sheetPr>
    <outlinePr summaryBelow="1" summaryRight="1"/>
    <pageSetUpPr/>
  </sheetPr>
  <dimension ref="A1:E701"/>
  <sheetViews>
    <sheetView workbookViewId="0">
      <selection activeCell="A1" sqref="A1"/>
    </sheetView>
  </sheetViews>
  <sheetFormatPr baseColWidth="8" defaultRowHeight="15"/>
  <sheetData>
    <row r="1">
      <c r="B1" s="1" t="inlineStr">
        <is>
          <t>Value</t>
        </is>
      </c>
      <c r="C1" s="1" t="inlineStr">
        <is>
          <t>Step</t>
        </is>
      </c>
      <c r="D1" s="1" t="inlineStr">
        <is>
          <t>t</t>
        </is>
      </c>
      <c r="E1" s="1" t="inlineStr">
        <is>
          <t>t_type</t>
        </is>
      </c>
    </row>
    <row r="2">
      <c r="A2" s="1" t="n">
        <v>0</v>
      </c>
      <c r="B2" t="inlineStr">
        <is>
          <t>train_input_images</t>
        </is>
      </c>
      <c r="C2" t="n">
        <v>0</v>
      </c>
      <c r="D2" t="inlineStr">
        <is>
          <t>[b'512' b'512'
 b'\x89PNG\r\n\x1a\n\x00\x00\x00\rIHDR\x00\x00\x02\x00\x00\x00\x02\x00\x08\x02\x00\x00\x00{\x1aC\xad\x00\x00 \x00IDATx\x9c\xec\x9de@\x14]\x17\xc7\x0f\x8a""\n*HIw\xa7\x94\xb4t7\x88\x94\x88\x18\x08\x8a\x81"\x16v\x07vwwww\xe7k&lt;vww\x9d\xf7\xc3\xc0\xban\xce\xec\xce\xee\x02\xce\xef\xc3\xf3\xac\xbbw\xee\xbd\xb3\xcc\xde8\xf7\x9c\xff\x01`````````````````````````````````````````````````````````````````````````````````````````````````````````````````````````````````````````````````````````````````````````````````````````````````````````````````````````````````````````````````````````````````````````````````````````````````````````\xf8\x17Y3\xb1\x04\xf9\xd3P\xd6\xdd#\x8fY\x1d@\xc4Tw#Yw\x84\x06\x9a\x02 \xe2\xea\x89}B\xcd\x1b7 w\x89\x97N]\x93\xdapf\xd3,D\xb4P\xf8\xf3\xbe\xa5\x02\xffk\x04R\x9a\x112\xa60\xa5S\xb8\x8b\xab\x9a\x885H\x8e\xf6\xc1\xf6\xeb\'\xf7\x13\xedZ\x0f\x8d\xda\xc4\xb3\xad\'\xac\xe4\x8e\xb9\xc3\x88\x92\x87VL\x8cs\xd4\x11\xad9vl\x94\xe0\xd0\x8a\x89\xd9\xfeV\xe2WE\xd0\x14\xc0__\x89|\xf96-MY?\xedi%9tu\x83\xa1\xbab\x04 `\xf4GD}\x81\x97\xb7h*\x9dn\x92B\x17`P\xbbHY\xf7\x826\xac\xea\x89r\x95\x97N]\x7f\x03\n#\x02?\xea\x03l\x9c:\x00\x11\x11_\x0cn\x1f\x1dj\xdexB\xf7t\xf1\xabe\xc7\xa1\x91\x88\x17\xea\x0187\x16\xbd]\xd6\xb3\xdd\xa6\xa5\xa9\xe0\x92\xbez\x8a\x88\xb8\x7f\xc9\xb8N\xe1.\xa2\xfd98\xe8\xdb&amp;\x08\xf1i\xcfd_\x92\xe5\x95\x01Z{\x18\x9b\xca\x0b*\x93\x17\xe2\xb0y\xc6 \x92\xdf\x07\xe23\xd6\xedg\xfb\t\x9a\x87\xfae\x86\x92\xec$C5F\xf0\xe8\x8f\x88a\x96\x7f\xc6x\x87F\xa0\xfd\xf7\xe5\xb3\x07t\x90r\x87k\x1e\xfe\x06J%m\x82d\xdd\x0bN\x1a\x01\xfc|t\x06\x11\x11\xbf-\x1b\xddc\xc1\xd0\x02\xfct\x93\xc6\xfa\xdb\x06\xd8\x9c\\?]\x84\x99\xea\xcc\xe6\xd9I-\xf4\xc9\x97\xe7\x18&lt;\x15\xd9\x9ey1&amp;\x11Q\x90\x03\x98;\xa8\xd3\x95\xdd\x8bmH\xdfvC\x80\x05C\x0b\x86w\x8c\x17Pf\xf1\x88n\x88\xd8/K\xf8x\xdd\'-\x90\xfd\xa7]\x9bl/\x18j.B\'\x00\xf6\x87\xcf\x80\xebr\ri\xf6U\x0c\xaa\xb2!kH\xfb\x98,\x81k1\x99\xa0\x00pj\xc3\xcc\xf2^Y{\x17\x8f\x19\xd5%\xc9J\x11B-\x9a\xb0&gt;5\xae\x05\xcd\xc4\xab\xdf\xa4\x16,\x1a^H\xd5\xaa\xd2R\xbb\x0e"zh\x92\x1d\xbb\xe4x\xbd\xb9\x7f\xe98D\xec\x9b^\xe5&amp;]\x9e84\x02\xc1;\x15\x0f\x8d\xda\x17\xb7\xcf\'S\x15\xe2\x0b\xd6\xefz\xd5\xf8\xde\xf4\xf4\xefo\xe8\xd8&amp;1H\x11\xa1\x13@\xafd?Y\xf7\x91\x06\x04\xee\xa1eL\x82\xb3n\xac\x83\xb6\xf0r\xd2%\xceQg]yi\x82\xb3na\x8cG+#e\xee\x02V\xf5\xc0ZQ\xac&amp;Z\x19S\x9e\x97\xdd\xd4\xe5\x96\x8f\xed)\xfd/\xab\x8e\xd4[\xa4\x1d-\xb6\x1f\xfb\xbd\x13\x1b$t\xac3op&gt;\r\xf6G\x06\xa9!t\x02\xe0\xb9\x86b\xa8\xf1\x0ci\x1f\x8d\x9fnf\xf9Z\xca\x01\x98W\x99\xf1\xafC\xa8S\xcd8\xe4\x97&gt;=\x93}+\x7f\xd3\xaf\xd6\x89z~\xceP\xd3\x10&lt;\xfa/\x18Z \xeb\x0eR\xc0\xbd\xd9?7[I\xce\xb4\x95\xe5k\x89\xbf\x1e\x12\xc7\xb4M\x84\x94\x95\x12M\x01\xb6\xcf\x19\xe6\xa7__\xd6\x1d\xa9~\x18\x01\xac\x9d\xd4\x17\x11\x11\xbf\xe2\xfb\x1bn\xc2~)\n\x00\xe2\xed\xee\x18\xaa"\xb5\xa8\x15\x7f\x7f#\xb3\xef$\xc9\xf4\x84~\x94\x00\x8e=CY\xf7B\xaa84\x82\xb5\x0bGq\x1f\xcc\xd0\xc2\x83\xfb\xf7o\x1c:LL0\xaf%\xd3\x04U\xe2C\x1c\x7f\xfe\xfc\x19\x1e\x1d\x95\xe0\xac+\x9d\x163},\xa4\xd3\x90\xa4\x89I\xf0\xde\xbb{\xf7\xf8\xa2\xb43\x9b\x16\xe5\xc4\xc6\x1f\x17\xf6KqP\x87/\xd2\xe9\x19\x83\x14\xa1f\t\x9f4x\x88\x84\xfaA;N\xaap\xfb\r|\x92u7\xa4\x89\xb1\x1c\xf4\xea\xd7\xe3\xdd\x9b\xb7w$S\xff\xb5\xdb\x1f_\xbd|Y_\x1e\xe0\'T\x91y\xf5\xd3\xc7\x8f\xf2\xf2\xf2\xef\xde\xbe[}\xfa\xbetZ\\p\xe0\xaat\x1a\x924cW\x1f\x04\x00\x80\x130~)\x99\xf2\xc7\x9fK\xb4;\x0cU\x06\x01\xf6\x9f\x96\xdaU\xc6\xf4+\x0c#9pT\x05\x9e\xa6\x01-i\xf7Ez\x94f\x04k\xca\xba\x0f\x0c\x0c\x0c\xd5\x98q\xddZ\xf3\x9b\x00n\x1cX!\xeb\xde\xfd\x85`\x97\xd3\x85\xc3\ny\x06\xb6,\x1d\xd5]]B\x1db```\xa8\x01\xf0\x9c\x00^\\\xda)\xeb~\xfd\x05OgD\x16\x93zf\xb0^\x8f.HF\xc4\xd3\x1bg\x02\x00\x13\xed"\x0e\x83s\xa3\xba\xc5\xb5\xac:^@R \xd2Z\xdd\xfa\x1f&gt;f\xae+\xeb\x0e0\xc8\x80\xa2x/\xee\t\xa0\xb5\x87\xb1\xac\xfb\xf5\x87\xfcH\xd7\xee\t\xde$\x0b\xbf\xbb~\x00\x11g1Q\xcab3\xb7\xac\xf3\xce\xf9#\x96\x8e\xea^\x95#\xe9DF\x15x\x98\rW\x8c\xed\xf5\xcf9\x931\xfc\xe3\xe8\x00 ~\xe2\x98\x00d\xdd\xa9\xbf@\xc4)\xbd\xb3\x05\x14\xe0\xf8%W\xa3\x03\x0cJH\xd3#3\xc3\xc7\xe2\xc9\xb9m\xf8\xfd\xde\x90\xf6\xd1RlV\x1a\xe8\x03\xe0\xa7\x9b#\xf3\x13\x05m*\xb9\xf8\xa7vB\x0c\xff\x10J\x7f\xabD!\xe2J:"\xc5i\x8c\xd8D|! v\xf1\xe6\xa1U\x88\xef\xd3Z\x9a\x88\x13\x85\x18f\xd9\xb4\xea\x9f\x16Hm\x87\x1ed\xd2\x88x\x12&gt;\xde&lt;,\xb4pa\x8c\x87}\xb5\xda#d\xf8X\xecY8\x9a\xd2%\xc1\xa6*B\xd5C\xab&gt;\xe4U4\x18\xfe\t4\x00\xe6\x95u\xfet\xeb\x08\xf1k_W^\x1aj\xde8\xdc\xb2)\r\xd2\xb7Rd|Q\xda\xac\x01\x1d\xc2,\x9aN\xeb\xdb\x8e\xa4Nd\x8c\xdd_\x1e4\xaa\x00\x93\x8b\xb3"\xad\xab\xfe\x14 %\x06\xe6D\x10\x8f\xc4\xd0\x0e\xb1\x82K\x0e\xc8\x0eC\xc4m\xb3\x87J\xa7c2!\xd0\xb8a\x15\xd4k\x12\x01\x15\xa9\xb4\x12i\xd3,\xde\xa9\xb9\xe0C;\x86*\xc1\xf3\x8b;Y\xab\xfeH\x1b1\x05\xbedO\xfb`{\xd1\xb6\xe9:\x94\xc3\xe4j&gt;\x88\xf8\xe8\xf4f\xa1\xc5&gt;\xdd&gt;\x82\x88\x17\xc8\xe9\x91U\x05.l\x9b\xe7\xa8B\xa1|s\x80y\x83\xf3\xdb\xb44\xad^\xbb\x1c\x19\x1ee\xef[&lt;\x16\x11\x11_\xc9\xac\x07\x0c$a\x8d\xfeB\xb5\xd1\xab\x0bGV\x95\x1f]=\x99\xd2%M\x19\x15C1h\x08\xf0\xe5\xee\xb1\xb1]Se\xdd\x11N\x1a\x01pod\xff\xb7g\t"\xe6\xb4\xb2%_\xcf\xb0\x0eq#:%\x0ci\x1fC_\xd7j8\x0b\x87\x17\xfe~r\xb6\nJ\x1c2pB\x8c\xfek\'\xf5\x95uGh\x83\xb8\xa30\x0bR\xc7\xa5\xba\x00-\xb5\xebtO\xf0\xae.\xba\xd62$7\xc8N\xc0\tD\x13\x00)\xcb\xeb\x0b\xc5WO\x91;7\x0e\xbe\xb8\x88\xf8\x93R=\xeb\xa7\xf4\x1f\xd86\xdcI\x95\xbe\x9e10T\x11(\xed\x13m\x1b\x00&gt;\xbf\xf0\xfe?"\xac\x1c\xf6,\x1c\xcd\xda@\xec_2\x8e\xbd\xa4D\xcf*\xb5\x01\xdax\x99\xf1\xfb\x14\xf1+"zh\x90=\xecj\x00\x10\xe7\xa8\xc31\x01\x84\x98U\xad\x9f\xbb\xad\x12\x8c/j#\xc3\x0e\xe4G\xba"\xfe\xf4\xd3\xfb\x17=\xe4\x17\x0e+\xac^\xc6\x1f\x06\x06\xfaQ\x03@|\xc5\x1a\xf1\x7f&lt;8\xc5\xe16:\xab\x7f^\xd7XO\xf6wD\xceF+\x98\x81m#\xf0\xcd\xff\x8aS\xfd\xf9\x15\xc8\r\xb4\x13\xa7\xfe\xb2vQKGu\x17\xa7\x06\xdaQ\x01Ht\xe1\xed\x84"\x85\x84\xbd\r*\xf6U\xcf\x19\xa9w\x06\x86\x7f\x119\x12\x99\x03\xf8\xf1\xfa\xea\xde\xee\t\xde\x9eZ\xf2\xf8\xf9\xd6\xb7\xfb\';\x848\x86\x987\x16\xc7\xcb\xa8\x01@Y\xbbH\x91\x17e\x82-\x15-\x9aV\xe4\x9b-\xef\x95\xb5q\xda\xc0\xaa/\xb6\xf3\xed\xfe\x89,_K\tU\xbehx\xd7ck\xa6~\xb8y\x08\x11\x07\xe7FI\xa8\x15\x06\x9e(W=\xab\x1a\xc3?\x8a\xc8\xa3\xbf\x00\xe6\x0f\xe9R\x1f\xc0WZV\x85\xf1Em\x16\r\xefJ4mB\xc2&gt;\x84?\xeeW\xfdt\x08s\x06vD\xd2\x07\x1eT\xd95\x7f\x04\xfb\xdf\x8b\xea\xd1:\x838\x98\xc9\xc3\xa2\x11]w\xcc\x1d6\xb5O[Y\xf7\x85\xe1\xdf\xc6L\x1eNm\x9c)\x899\xa0\x92O\xa77\xce\xba}dM\xba\xb7\xb9\x84n\xe1\xe3\xad\xc3\xec\xed\t.\xac\x02\x10h\xdcP2\xe6+\x9a\xc9\xf6\xb7^=\xa1\x8f\x84*?\xb2\xaa\x9c\xe3\xef$\xa1\x86\xaa\x11\x02\x0e\x9fh\xc7J\x11:\x85\xbb\xb81\xa1)\x0c2D\x13\xa0w\xeb\x80\x1b\x07V\x88&gt;\xbc\x7f\xbfG\xbe\xec\xc7[\x87iO\xf61\xb8}te\xf5\x1f6L\x1d \xb4&lt;"\xe2\x87\xff\xe8\xeeE\xf5\xa34#\x98p\x9a$8\xbc\xb2\xdad\x07"\xd0\x04\xe8\x93\xd6\x8a\xde\n\xa7\xf5mGc\x85\x0c\x0cU\x17D\xbc\x7fr\xe3\xd4&gt;m\xc9\x0f\xdf+\xc7\x17\x1b\x00L/\xcd\xc57W\x1b\xb0U\xd5/3\x94|%\x88?\x04w,\xd0\xb8\x11\xc5\x1byK\xd4K\xc6\xa0_\x10\xedN\x14\x9e\\\x9cE\xa9\x95\x9aG\x8c\xbd\xd6\xfd\x93\x1b\x89yyLa\x8a\xac\xbbC\x8d\xbe\xe9A\xf8\xf3\xe1\xbe\xc5cx~\xca\xc8\xbd10\x08\x02?\xdc@D\xc4\xdf$\xc7\xec\xd5\x13\xfb\x08\xb6C\x1f]=\x85\xca\x1c@\x9b\xb5\xa1\x11\xdb\x01\x06\x99\xf2\xf9Q\xaeD\xe1\x9b\x87V\xd1\xd5\x87j\x8a&gt;\xc0\x81\xa5\xe3\x1f\x9c\xdaT\x10\xed.fUfR\x97Q{pr\xe3\xfe\xa5\xe3\x04\x0f\xf4\xe9^f\x16\xd5\xc2\xd2\xc7\xc0 e\xa8\x8c\xd5\xaf\xcb{e\x92\xac6\xc2J\x8dd\xa5\xd6\xf4%\xa5&amp;*\\9\xbe\x98d\xf9\xeb\xfb\x97#\xe2\x8e\xb9\xc3i\xebA\xb5E\xa2\x01\xd2\x92\xf7_\x15\xc2\xb0\x8eq\x19\x12;v\xe2\xc0]\x83\x91\x1aa\xa8&amp;l\x9eQF~\xf8\xff|\xe7h\xa89\x05w5=r\xb3\xcb\x90\xbc\x98\x00\xc3\x06-\xb5\xc4]:6\x00\x88u\xd0\xf6\xd4\xa4\x96\x0f\x999y\x934f\xf2P\x18\xeb!\xdb&gt;\x8c\xeb\xd6z\xc7\xdc\xe1\xe9R9\xd7Mv5\x90B+\xd2\x81Qx\xa8\xc9d\xfaX\x90\x1f\xfd\tn\x1dYC\xa9\tm\x80\xfdK\xc6\x91\xa9yJo\xd1}\xe0T\x01\x96\x8d\xee\xf1\xe2\xd2\xaeto\xe9yn\xd4`\x94\x00\x06\xe6D4\x10^\xb0\xaa\xd0\x08`ziniF\x08\xbf\x88\x91\xc2\x18\xf7\xff\xed^\xe2\xa5S\x11\xb7\xae\x01\xe0\xa4\nV\x92\xd9\xf5T\xf1P\xe2\xe6\x00$c\xdf\x95\x00\xc8\xa7fb\xa8~P\x1d\xfd\t\xa8\xb6R\x0f\xe0\xc7C\xceXb\x1e|\xbe-\xda]\xd4\x05\xd81w8QG\xe7\x88\x16d\xf6\x1152\xdb\x07\x8d\xe3N\x87\x10\xc7\xa9}\xda\x8e/J\x13\xffH\x80vx\x86(wO\xf0F|vq\xc7\x02~We\xfbY\xb1\xeb\xdf\xaa\x03\xd4\x00\xc5\x7f\xd10\xa1b\xa0b\xc2\xd3j2\xa2M\x00\xe4\xb5wXl\x9d5\x84L\xcdC\xf3bD\xb8\x0bu\x80/w\x8e!"\xe2\xa7A9\x11B\xcb/\x19Yth\xc5D\x11\x1a\xaa\xe2\xf8\xe9\xd3\x1cgwn\xeb\xdc\x0b\xdb\xe6\x91\xf4\xa2!\x99\x9bABxj\xcaw\x8d\xf3\xa4\xef,\x89\x81\xa1\xa6\xd3=\xc1\x9b\xe4\x88\xff\xf9\xf6Q\x8ew\xa8\xb6\xd5\xd6\xdf\x9ad[\xcbF\xf7\xa0Z\xb9\x8dR\xc5L6\xa3_{2\xe5w\xce\x1b\x11bV\xa3V6\x12\xf2tl\xc8+\x8f.O\x08\xad@\xf22\xe3\x96\x8c$7\x03\x83l\xc1/\xb7I\x0e\xca{\x17\x8fypj#\xeb\x9f\x97w-\xa2\xda\x96e=\xb8\xbaw)\xc9\xe6\xa8V\xae\x01\x80\x88\x9fn\x1d\xe1W\xe0\xeb\xbd\xe3\x12RP\xa8"\xc8|\xe5\x8b?\xee#b\xbcSsYw\xa4J\x10m\xab!\xfd\xf5E\x15?x`\xa8r\xfcz|\x96\xd4x\xfc\xe9V\xb8\x95\x9a\x9d2\x1c[3\x05\xf15~\xbb\x9b\x1f\xe5zn\xeb\xdc!y1\xe4\xf5\xa5\xd3&lt;MH\x8e\xfe"L\x00:\xfc\xe53\x01\xc0]\xa3\x16"fJLC\xed\x1f\xc7\xbc\x0eD\xd9j\x10\xda\xb1\x12\xcaK\xe5\xa5S\xb7ozp\xd5\xd2\xec\x16F\xd5\x17\x16d\xf8\xa7\x89\xb6\xd5\x14:\x10/\x1cV8\xa8]dZK\xd3:\x00:\x00]\xa2\xdd\xf6.\x1asb\xfdt\xfct\x93\xd2`\xdd\x18\x00\xf13\xf9\t\x80j$*\xe1B\xaa\x07`\xc7\'/i\xdf\xf4 \xa9%X\xff\xa7\xa8\x0f\xa0\r \x070op~\x97(7\x9ee\x9cT\xa1w\xeb\x80Dg]]\x00\x07\x95\x8a7=4kw\x08u\xda8u\x00\x19\x7fI\xfct\x0b_\\\x12\xa7\x9fR^\x8f7\x07\x082\xa1\x16\xc1\xce\xc0 U\xbe\xde=.t vi\xf2\'\xaftN\x80\xcd\xd7{\xc7\x11\xf1\xe1\xa9M\x15\x1f\x7f\xfc\xafs\x84\x0b\x99\xb6\xbc\x9b+\x90\x1f\xfd\x11\x91R\x1cM\xac\x83\xf6\x8f\x87\xa7\x10\x9f\xad\x18\xdb\x8b_\x99h;fA&amp;%8\x82m\x03\x8d\x1b\x12\xcfJiz\xb0\x87fmv\xe7\xabq\xddZ#\xbeI\xf34\xe1Y\x0f\xfb\x91\xf2\x84\xeem\xf4i\xef(\x03\xc3\xbf\xcc\xd8\xae\xa9\x82\xc6\xe0\x8f7\xfbe\x86\xb2\x97\xbf\xbcs\x11""\xbeR\x07\xf07h0(\'\x92|[\xc3:\xc6Q\x9a\x00\xba\xc6z\x92\xaf|d~"q\xd5\xc8\xfcD~ed\x1e\x86\xfa\xcfr\xbaRYv\xf3\x8cA1\xf6Z\x1cG\xbfA\xa6*\x1c\'3,O\xcd\xd6\x1e\xc6\xd2\xe8\x1f\x03\xc3\xbf\x89\xc0\x11\xf8\xd5\xe0\xf6\xd1Vl\x07\x8bu\x01\xb6\xce\x1a\x8c\x88\x9b\xa6\x0f\xa2\xda\x90{\xb3Z\x88\x9f(M\x00H\xe5\x18\xc0Q\xa5\xe2^l\xfe\x8d\x14V\xc6r\x90\xedo\xdd)\x9c\xd4\xdeK\xe6l\x9b\xcdr\xff}\xb7xD7M\x00\xee(m\x9e\x0eA\x11Vdgm;eh*N\x17\x19\x18j"&lt;\xac(\xf8\xf1?r\xc6PU7\x0fw\x9d\xe6*,\xbf\x82\xd2v\x91JJ\r\x00\xbe\x7f\xf9\xf2\x99R\'\xd6L\xea{\xf4\xe9/\xd2\xce\x84\xa2p\xf6-,\x18Z\xb0dd\xd1\xa5O\x92k\xa4\nq\x13\xe1\xde\xed;-}\xabG|f\\\xbb\xd2ck\xa6\x00\x00@C\xc5\xfa\x8aO\x00\xb8s\xb4\xf7\xcc\x0c\x8d\xb0\xe6\x94\xe3\xd8w\xe5\x05\x99\xfa[j\xd7qr\xb1\xa6jn\x17\xc7\x07\x95v\x01s\x06\x06)\xb1s\xde\x1f\xc93\xc1\x0b\xf0O\xb7\x8ft\x8b\xf7rS\x97Kv5\xd8\xb3h4\xe2\x0bD|ue\x8f\x87&amp;\x8f\x1003&gt;\xd2;\x06b$\x17\xa3t_\x1a\xc2\x8b\xd4p\xaarPC\xa6\xaf%"\xe2\xb7\xbb\xa76\xcc\xe0Y@I\xbc\xfe\xf3\x8c\x81\x88\xb6\xd5\x10p\xec\xcf\x9c\xd02\xfc\xeb\x08\x1d\x82?\xde&lt;\xbczB\x1f\xc2\xbf\xbb\x82ow;\x869\x93\xac\xdf\xb46\xe0\xefG"O\x00\x8bGv#\xd9\x90\x1e\xc0\x8c\xd2\\\xa1\xf6\x02\xca\xb1\xcb\x0c\xe40\x93\x07\x87F\xd0\x00\xc0T\x1ex&amp;\x7f\xb6\xad\x08\xd3\xfb\x88\x88\xdd\x13\xbc\xc3-\x9b\xa6\xb8\x19\xd22c\t8\xd9\x17 \xf5\xe1\xa8BG\xdb\x141\x94A\x9b\x0c\xff4&lt;L@\xbdS\x03\x88\x17\xfd\xb3B\xb9?\xe5@\xc9\xc83*.\x16\xe4\xd9B{\xea\xeaM\xddr\x8a\xfd\xf7\xc3o\x91\xa5\x08\x90\x9a\x11\x0erZ\xa4{\xcb\xc9\x87w\xefI\x96\xbc\x07\xf0\xf4\xc9\x13\xe3f\x9c\xf7\xcb\xb1/\xf9\xf9\xe3~\xb8%c+\xa6\x99,?+k\xbb\xe6\r\x1b)vH\xf4\x19:\xba\xb7\x8d9\x8fh\xbb\xa7\x9f\x00\xe0\t1\x05\xc7%\'\xe9\x1b\x1a\xc6&amp;&amp;\xec\xde&lt;;\x92\xcb\xec\xc3\x8d\x0e\x80\xaf\x1e\xdf(\xb7\x97\x95/\xb8\x8f\x7f\x04\xa4\x19:\xfbVh\xb3\xf4#\xa2\xca\x15\xad\xb0\xd6@z\x00\xc1\xa6*2\xec\t\x83\xec\x11\xb8\xfe\xfe\x80_\xef\xdc&lt;\xb4\xea\xe9\xf9\xed\xdc\x9f\x85\xb3\x9d\xce\tp\xe2n\x0e\xb0pX\x01\xe2w\xd1v\x00\xf9\x91\xaeb\xde\xe0\xfe\xa5\xe3J3BX\x87\xa5a\x96M\x19_ \xda\xe9\x9e\xe0\xad\x07\xa0\x060\xa60\xa5(\xde\xcb\x85O\xb4u\xa8E\x93-3\x07#bQ\xbcW\x8a\x9b!\x91z\x88L\x0e\x062\xd1\xdbz\x00\xdb\xe7\x0c\xa3\xd6\xef*\x8c\x142\t87aN2\xfem\xea\x900\x01\x9d\xdd&lt;\x1b\xf1\x07\xf7\xfb?\x1e\x9e"\xd3\x84\x1c\xc0\xa4^\x99\xefn\x1c\x10m\x02\xc8\t\xb0\x11\xf3\x1e=5\xe5\x0bc=\x18o\xc2*\x82\x0e@\xbb@[\x00\xb0\xae_\xf1\xec\x8d/j#\xf4*S^\x96;;\xe5\xbf2\xae\x04\x184\x08\'\xed2T\xc5\xf1\xd1\xadwv\xf3\xec\x10*)7\x18\x18D\x81\xc4 \xfc\x85\xdf\x07\xfa\xe4\x9a\x081S\x9d\xd9\xaf\xbdh\x13\x00\xd5s\xdd\t\xdd\xd3m\xffV\xaf\xd7\x05\xb0\x91\xa0\xf3\xd1\xbfBc\x00"\xbc:\xc0\xa0\x818\x19\x15\x8d\xd9\xcejU\x00\xe4\xa8\xb8\xe2\xe8\xfe\x1d\xc9Q\x83\xb3m\x8d\xeb\x96\xf6\xfc\xe2\x0eY\xf7\x022},\xfe\r\x9f\xea\x7f\x98\x9eI\xbe\xa2\r\xcd\x88o\xc9\x8f\xce+\xc7\x15\x8b\xd6\x06\xd5\xdb\x19\xd6!\xae\xc5\xdf\x16~\xe6\xd4\x97\x16\n\xa2\xdd\xc5\xd7\xcdo\x17hG\xa3J\xdc?\xa8\xea!M\xa7\xa5\xa4\x16\xfa\xb7\x8f\xae\x95b\x83\x0cR\xc4\xbdY-VNGQ\'\x00\xe4\xf6\xda&amp;\xb0V\x84\xdfO\xceE\xd9j\x00\x80\x12@\x9b\x96\xa6"7\x91\xedoM\xf5\xd6h\xdc6;5\x86\x81m\xc3\xe9\xab\xaf\x1a\xa0\r\x10k\xcf\xe3\xd0\x9e\xc6M\x94q-\x18\x9a\x17#\xe6X\x16m\xa7Y\x9c\xe2o[\x8dr\x95\x89MK\xad:R8\xb3e\x1cck&gt;Z\x00\x888\xae[k\xe2\x9f\xc2\x06\xe1\x9f\xfc&gt;\x18_\x94\xc6]yZK\x93\x13\xeb\xa6\xc59\xea4\x04\x90\x07\x98\xd2;\xfb\xc6\x81\x15\x88\xafE\x9b\x00\xf8\xc5\x160H\x08C\x80~\x99!\x92\xab?\xc3\xdb\xbcW\x8a\x1f\xe2\xd3\xa9}\xda\x1a\xd7\x82\xa5\xa3{\xf4n\xdd\x8aj%y!\x8e//\xed\xda0\xb5\x7f\xaa\xbb\xd1\xd0\x0e\xb1\x92\xe8\xa7D!\x84.\xa8\x1e\xc0RJ\xe0%\x1aA\xa6*=\x93\xfdx~\x94\xedo-\x85\x0e0H\x83\xa4\x16\xfa\xf8\xe56\xcbu\x07?\x93\xcd\x07\xc0A\x96\x9fU-\x009\x80\xd1\x05\xc9\xfd\xb3Bk\x03X)\xc2\x91U\xe5k&amp;\xf5\x05\x00C\x80\x926\x81\x88o\xf1\xc5E\xc4\xa7"\xd4\x7ff\xd3l\x19~K\x0c4\x92\xe1cA\xbcxue\xcf\xa7[G\x88\xbfoY\xbbHD\xc4w\xd7\xa2l\x9a\t\xbe\x9c\x83[\x87W_\xd9\xbdx\xe1\xb0\xc2ye\x9d\xef\x1c]\xdb+\xc5\xafS\xb83w\x9ew\x8eL\xbfB\xb7\x86R\xce\x14\x91\xe2f\x18f\xd1\xa4J\xadpL\xe5a\xe1\xb0\xc2\x18{\xad\xd1\x05\xc9\x1c\x9a\xde\xd4\xfeB\x0cU\x99e\xa3{\x04\x1a\xff\xc9\x1b!\xd4D\xf3\xed\xde\t\x9e\xef\x8f\xe8\x9c`R\x0b\x0c\x01\x82LT\xa6\xf4\xce\xe6\xc8\xae\xd5%\xcaU\x84A\x9f\x9deczJ\xfd\xbba\x90\x08\x86\x00J\x00&amp;\xb5\x01\x11?\xdd\xae\x9c\x00r\xa3v\xcc\x1d\xf6\xe2\xd2\xaeDg\xca\xe7\x0b\xda\x00\xe1\x96Mg\xf6k\xbfy\xc6\xa0\x8b;\x16\xe0\xd3s\x88O2\xbc\xcd\xd9\xcbd\xf9Zj\x03\x00\x80C#0\x17vbP\x0b\xa0\x95\x91\xb4\x93\xa9\xf8\xe8\xd6\xabj\xa7\xac=\x93}\x97\x8e\xee~\xe7\xe8\xda\xbc`\x07\xaa\xd7\xda6\x80\x04g\xddH\x9bf&gt;\xcd\x99LoU\x18\xee\xc7\xfc\xcb\xddc\xfc\xc7\xe1\xaf[f\x94\xad\x1a\xdf\xfb\xf4\xc6Y\x1c\x1f\\\xda\xb90\xc5\xad"\xb6\xb1\xb5\x871G`\xfd\x84\x1e\xe9\xec\x85E\xf0\x04\xa5\xba0\xac"\x88\xe3$C\x95*\xb5~\x14\x00\xab\x9f~\xfa\xf5\xdb\x06\xd8 ~\xc1w\xd7h\xa9\xd9F\t\x06d\x87\x8d/J;\xb3i6G:b\xa3\xca\x17\xfc\xf2C\xc8\x9c*(^R\xde+\xf3\xeb\xbd\xe3\'\xd7\xcf\xe0\'\xd0-\x00/\x9d\xba]c=g\xf6\xcf\x9b=\xb0\xa3$\xfa\xc6 )\xb2|-?\xde&lt;\xccs\x14\x9e?\xa4K\x9c\xa3\x8e\x85\x02\x18\xd7\x82\xbb\xc7\xd6\xb1\x7f4\xb0m\xb8\x15\xff\x99\xdeK\xbb\xee\x88N\t\xf8\xfd\x1eQ\xf8\xf6\x915\x8f\xcfn\xa54\x01H\xf1\x0b\xa8\xeaH\xc8\x935?\xd2\xf5\xc8\xaa\xf20&gt;\xa1\xd1\xa1\x16Mv\xce\x1b\xe1Z\xe5}\xeb\xabo\x12\xc4\x96\xda\x02\xb4*d@\xb6\x9f\x15q\xe6w\xeb\xf0j\x11\xc2\xe5\xeb\x02\x14\xc6xl\x98:`\xfd\x94~\xf4w\x8eAr(\x03\xac-/\xe5)\xd7&lt;\xa1{\x1b\x96\xeb\x9e!\xc0\xddc\xeb\xae\xed[\xf6\xee\xc6\x81a\x1dbc\xec\xb5\xca{e^\xda\xb9\xf0\xfa\xfe\xe5&lt;\xab\xad\x0b\xc0\x9aW~&lt;&lt;EI\x14\xe8\xdd\xf5\x03R\xbb\xfd\x7f\x13\xc3\xca\xf3\xff8G\x1e\xe2=v\xca\xc0\xfa\xc3U\x97}\x868\xd4\x01\xb0\x92yJe\xd9\xa1\x06\xd0+\xc5\x9f\xe5\xf1\xc1\xd3\xbf\x83$\xf6\r\xa1C\xa8#\x8d}c\x90\x06\xc5)\xfeo\xae\xee\xe35\x14\x7f\x99\\\x9ceT\x19\x83\xa3\x02\xa0\x07\x90\x1bh7\xb5O\xdb\x99\xfd\xf3\x9e_\xdcI\x14\xe2\x97\x08p\xe3\xd4\x01\x02\xfc\x88\x04\xf0\xe3\xc1)\x1a\xb3\xbf\x9aV\x9f1LUZ:e\xac!\x9e\xe7\xa7\x93zf\xb0\xfe\x16R\xb0\xc55\x00\xf0n.M\xe3\x19\x8f\x0exj\nzJ\xcc\xea\x80\xbe\xb4:#}\x92\\\xf4\xd8\x7f}U\xd06\xc5 q\xa6\xf4\xce\xe63\x1a\xbf)\xcd\x08\xc9\xf0\xb1`\xf9\x87k\x01L\xe8\xde\xa6_fh\xa2\x8b\xde\x7f\x07Wn\x9d5\xc4\x88O\x9d&amp;\xb5`\xf1\x88n"\x8c\xff\x87VLt\x13\xae\x12&amp;KZ\x19)\xf3\x94 \xaeF\xb0d\x01y\xf2\xfc\xe2\xce\xe3k\xa7\xed\x9c?\x82R\x9d\xa2M\xb5\xc1\xa6*A\xa6*\xad\x8c\x94\xbbD\xb9\r\xc9\x8b\xe1\xb9)\x919a\x164;\n9T\x19\xaf\xfb\xaeq\x9e\x7f~|\xcf/\xca\xba;\x0c\xb2 \xc5\xcd\x90\x9f\xbf\xe6\xe5\x9d\x0b\x97\x8e\xea\xde\x82\x97]\xb0\x16\x80e=\xde\xc7Y\x9a\x00\t\xce\xba\xact\x80\xe4\x01\x80fU\xf2\x88\xccC\xb3\xf6\x80\xca\xd00\x7f\x03\xa5^)~\x9eZ\xd5gs\xf17z\x00\x96\xc2\x9c5TE=\xd3\x8e\xb4V\x17!\x06\xbb.\x80m\x03XW^\xda9\xa2\x85H\xcd\xf2\xc5\xb91\x0c\xce\x8dNp\xaeZ\xeag\x83r"\xc4\x8f\xaf\xa6\x85?)\xbe\x11\xffeS\xd8?\x8d\xb1\x9c\xe0\xa0\xb0\xb7\xd3\xfa\xb6\xe3i\x96Ij\xa1?\xa60\xd5\xbe!\x00@\x94\xadF}\x00\x03\x80\x11\x9d\x13.n\x9fOu\xe8G\xc4\x91\x9d\x13\xa4{\xdf\x14\xc8\xf06\xc7\xe7\x17c\x1d\xb4\x01 \xcb\xcfj`\xdb\xf0Tw~\x9b\x1f\x11i&amp;-ctQ\x82\x97Py\xfa*\xe5\xa4xv\xf3\x9c)}\xda\x8avmQ\xbc\x17~\xba\xb9b\\1\xbd]\x12\x93\x103\x1a\xcd\x9cbq\xff\xe4F\xe2\xd77k@\x07Y\xf7\x85Avd\x11i\x9b\xf8\xf22\x94k\x17\xec\xd0\x08\xe6\r\xce_[\xde7\xa7\x95\xed\xd0\x0e\xb1\x88\xcf\xf1\xc3\x7f\xab\xc6\xf7\x16a\xe8G\xc4\xb5\xe5\xa52\xb9q\x92\xd87\x04\xc4w\x03s"\x00@Y2\xe3\xe3\xf9\xads\xcfn\x99#\x81\x8a9\xa9\xca\xc9Ix:\xf6\xb0\xa2\xc9\xb8\xd1\'Qg^\x88\xe3?(\x1fD\x92\x8ea\xce\xeb\xa7\xf4\x9f\xd5?O\xd6\x1da\x905\xd1\xb6\x9a\xf8\xe2"\xbf\x01:\xd5\xc3\x18*u\xb8T\x00T\x01l\xeaC\xb2\xabA\x9c\xa3\x8e\x87F\xed\xc5#\xba\x89\xac\xfa\x80\xf8k\xfe\x90.2\xbduR\xec\x9a?"\xad\xa5\xa9\xe4\xea_6\xa6g\x86\x8f9H^\xed\xd2\xadY\x95;\xc2`9\xbb\xce\xec\xd7\x9eg\xdaQ2h\xd3\xd5\x9b\x7f\x89\xf5S\xfaM\xec\x91n\xc6\xe5\x95\xca\x9dc\x87\xa1\xe6s`\xd9x|z\x9e\xdf8}\xff\xe4\xc6+\xbb\x17\xf7n\x1d\x10h\xdc\xd0G\xb7\x9e!\x80^\xe5\x94\x10m\xa7yy\xe7B\xd1\x86\xff\xa9%92\xbemr\xa4{\x9b\x11\xe9e\xda\x07\xd9K\xf4\xa4R\xa2\xe6j\r\x80\xa5\xa3\xbaK\xb2\x05Q\xd0\x07(i\x13h\xa7\x0c\xbf\x1e\x9f)k\x17%\xeb\xee\xc8\x06\xe9\xfbB%\xbb\x1a\\\xdc&gt;?\xde\xa99\xc7\x9a\xa3W\x8a\x9f\xd0S"\x86\x9aI\xcfd\xdfU\x13\xfa\x08\x1e\xb2\xb7\xcd\x1e\xbag\xe1h"\x80^\x13\xa0\x19\x80\xbf\x81\xd2\x97;\x02\x82\x8a\xf9B&amp;-T\x15\xc1\xbc.L\xe9\x9d]\x9c\xe2\x8f\x88[g\r\x96uwx@\xc6\xae\x9c\xe2f\xb8e&amp;\xa9\xceK3)\x89\xad\x12\xac\x1cWlR\x1b\xf0\xe7\x83\xe1\x1d\xe3\xe9\xaa6\xc2J\xddO\x9fI\n\xc1\x97\t\xdd\xdb\x88\xa9\x00\x98\xecj\xe0XU\x8e3\x18h\xc2__\xe9\xed\xb5}\xc2\x07\xef\x9f\x0ff\x0f\xe8pf\xd3\xac=\x8bFo\x99YFu\xe8?\xb2\xaa\xbc4C\x82\xf2\x93\x92\xa0)@\x94\xad\x06"V_9bM\x00\x0e\xe5\x1c~\\\xda\xb9p\xe9\xa8\xeeR\xf6\xc8Z2\xb2\x88g\x160\x0eHF\xabf\xf8X\x88\x13\xd9\xc4\xa2\xa6\xdaC\x04\x07@\x90af\xff&lt;\x7f\x83\x1a\xfa\xed\xfc\xcb\x0c\xcc\x89\xd82\xb3\xec\xe6\xa1U\x94\x97\xf4dy\x9a\xe4"\x96#\\u\xcf\xf7b\xdb@\xda"\x94\x04\xe3\x8b\xda\xe0\xf7\xfb&lt;?\xe2\xf0M\xbf\x7fr\xe3\x8f\x87\xa7\x9d\xa4\xb5\x11pU\x83\xaa\xaa\xdc#=\x92]\x05\xa4\xd9\x96 "\x1f\x92[0\xc7\xeb5\x155\x00W5\xd8&lt;\x83\xf2\xd2\x9e\x0c_\xee\x1c\xfb\xc7\x97\r\xfb\x16\x8fE\xfc&amp;\xfd\xdc\xaf\xc4\xf7\xcf\xf3\xa3\x9eI\xbe\xe1\x96MY\xd3R\xf7\x04\xef\x0e\xa1NR\xeb\xd8\x87\xff\x0e\xd1\x1e\x04P\x15\xa0\xb4W\x94\xc9\x8f"\xcaV\xa3C\x08)\t\x07V\xfc\x9au}\x085o\xec\xd2\x04\x00\x80G\x16!\x86\x1aC\x9c\x83\xf6\xc9\xf53\x10\x1f\xd37\xf8\x7f\x9a\xd9\xaf\xbd\xacoK\xf6\x10\xdf\x854\r,Frpt\xf5d~\x13\x80\x9f~\xfd\x8d\xd3\x06L\xec\xf1\'\xb5r\xb4\xad\xf4z\xa7\x030(\'\xa2F\x0e%U\'\xe8\x97\x1b}\x00\x00\x88"\xf7\x87\xae\xfb\xf7\x1e\xd1X\xae\xe2\xcci\xfb\x9c\xa1\x9atw\x8c\xa1\n\xa1\n`]\x1f~&gt;&lt;-\xde\xb8\xff\r?\xde&lt;\xb4b"\x99\x16\xbb\xc6z\xf2\xcb:YE\x98\xd8#]\xcc\x1a\x06\xe5D\xb2R\xb3I\x01y\x80\xdd\x0bG\xb1\xfe\x18\xd6\x7fG\x9c\x8d/J;\xb9~\xc6\x92\x91E+\xc6\xf6\xd2\x07\x00\x00m\xba\x0f\x81\xa7\x96\xe4\x04sE?Y\xd7\x87\x99\xfd\xf3\x1cU\xc0\xae\x01D\xdb\xd5\xcca\xa4\xca\xda\xb5FwI\xda:k0\xc9h\xc6\x0c\x1f\xf3VF\xca9\xadl8B\x15\x9b\x00\x14D\xbb\x13o6\x04\x18\x9c\xfb\x8fzpU\x0f\xc4\x94\xcf]:\xaa\xfb\xd1\xd5\x93o\x1cX\xc11\xb4\xef\x9c7\xe2\xec\x969g\xb7\xccytf\x0b\xc7G\xbb\x17\x8c\xf4\xd1\xadi\x0eey!\x8e\x88\xaf\xa5\x90\xa6\x95^z&amp;\xf9\xb2\xfe.C\xf3\xfe\xca\xa78\xb0m\xf8\xee\x05\xa3\xe2\x9d\x9a\x97f\x84h\x024\x00\x98\xd2;\x9b^s\xc4\xac\x01\x1d\xb8\x0f\x9f\x1b\x02\xa8T\xbe\xf6\xd5c\xdcu\xa4\x87\x16\xc0\x83S\x1b\x9f\x9c\xdb6\xaaK\x12\x99\xf2%m\x82|\x9a\xd7\xe3\xf8\x0b\x11\x9a\xf0Z\x00\x99&gt;\x16\xcd\x01Nm\x98\xb9n2#\x07]s\t5o\\\x9c\xea\x1fl\xaa\xd2\'-pB\xf76e\xed\xa2\xa6\xf6i;(\'\xb2)\x80K\x13\xd0\x06ph\x04!f\xaa\xc3:\xc6\t\xa8\xa4\x11\xc0\xad\xc3\xab\xd7O\xe9/\xb5n\x13\xf4J\xe1\x9d\xf2T\x04\x94\x01\xa4\xb9x\xa7\x0b\x0b\x05@\xfcNL\x00Szgs|\x9a\xd4B\x9f\xf5:\xceQ\x07\xf1\x17w\x9e,e1\x0c\xbe!f\xaa\xc1\xa6*$\xb7uU\xd8jRC\xe8\x9e\xe8M&lt;\t\xab&amp;\xf4\x11\xe1rK\xb6\x98\x85\xfa\x00\x851\xee\xdd\x13\xbc\x17\x8f\xe8f\\\xe5B\x0c\x19hE\xfc\x00(\xd3\xda\x84\xf9\xfb\x1d\r\xbd\x01P\xa4x\xc8\xf6\x8f3\xb6k*\xa1\xd1-8!\x89\x12\x00~\xbf\xc7\xfd\xbe\x95"xh\xd6\x16-\x95I\x8f$\xdf\xd1\x05\xc9\xf1N\xcd\x05\x17\xab\x03\x10m\xab\xb1nr?\x87\x862\x08\x8c"\xc9\xbc\xc1\xf9$]i\xab,\xfd\xb3B\x89\t`PN\x84\xf8\xb5\xb5\xf12k\x1fd\x1fc_#\x0fq\xfeI\x04\x0c\xf4\x16\n\xe2\xfa*\x04\x1a\xd3\xb6\xc2\xdb9\x7f\x04!c\xe2\xaf\xff\x8f{\x15\tA\x1f\xc0\xb46\xa4y\x9a \xbe\xfft\xeb\x08\xd5\xcb\x1dU\xe0\xc7\xc3\xd31\xf6Zq\x0e\xda\xed\x02m\xa9^\xde-\xae%""~_=\xa1\xcf\xf4\xd2\\\x01\xa1\xceE\t^\x07\x96\x8d\xc7O7\x07\xe6DTA\xc9\n\x00\xc8\xf01G&gt;\xb9t\xaa\x11F\x95\xfa\x8fNL\x18\x17\x03\x01\xcb\xa3W\x07 \xd9\xd5\x80\xdf\xaf4\xc4\xac\xb1\xaf^\x95\xd0\x8d5\xad\r\xb7\x0e\xaf&amp;\xba\x92\xedo-\xe3\xdeTy\xfag\x85&gt;&gt;\xb3\x05\xf1}\xa45\xe54/C\xda\xc7 \xa2\x11@\x9f\xb4\xc0=\x8bF\x13o\x92?\xa6G\xfc\xc6:~8\xbfu^\x94\xad\x06\xbf\xd0\xaa\x00\xc3\x06\xe3\x8b\xd2~&gt;&lt;=\xae\x1b\r\x01\\4\xd2%\xca-\xber\xd07\xaf\x035\xe0\\\x0b\x11\xf1\xf3-Y\xf7\x82\xa1j`Z\x1b:G\xb4`\xdf\xdd\x87Y\xf0\r\xb7\x94\xb4Z\x19\x83\x84(\xcb\x8dr!\x17~\xc6=&gt;\x13\x11ai-M\x0bc&lt;\x88w\xc8\x0f\x82\x1f\xfe;\xc4\x9a\x00\x8aS\xfc3},\xba\'\xfa\x08(\xdf!\xd4\x89\xdbeH&amp;\xb0\xe2\r\x0bc&lt;\x081\xf0\x9a\x81\x02\xc0\xd1\xd5\x937N\x1b(\xa0L\x1d\xc6\xbe\xfa/@\x0c\xfa\x8a\x00^:LT\xdf?\n\xf1\x0c\xd8)\xc3\xec\x81\x1d\xd7M.uU\xa33\'\x8f"\x00\xbe\xbbV9\xfe\x7fo\xa9UGG\xc2\x82w4\xc2\xda\xea\x0eh\x1b.\xbeI\xaa\xead\\\xe9\x12\xed\x86\x88\xb3\x07v\xe4\xf9i\x8f$\x1fD\xfcv\xffD\xa8E\x13b\xb7hZ[fQ\xca\x0c5\x04\xfb\x86 \xe4\x04Pb\xd4&lt;WT\xda1\x96\x83\rS\x07 "&gt;\xbf Z\r&lt;\xd3\xc6\x01@&amp;[\xaa\x89{\'6L+\xc9!\x1fb\xe6\xa1Y\xbb*\x18\xa9\xeb\x02\x8c\xeb\xd6\xda^L7\xea\xaa\x01\xf1\x1b4\xaf\x0b\x1b\xa6\x0e\xe0\xb7\xc0g\xfd\xbd\x12\x9cu]\xd5\xc0WW1\xa7\x95m\xef\xd6\xad\x04\xd7\xcc\xac\x1f\x19\x04!\x9a\xf7\x88\xf8xh\xd6&gt;\xb0l\xbc9\xf3x\xb2A\x8c\xd5,\xd9\xb5L\x1f\x8b4O\x93ck\xa6\xd0\xe5\xc7M\x18\tu\x00\x06d\x87\xffo\xcf\x92\xca\xf1\xe4\r&gt;=\x8f/.\xf6I\x132\x94\xb0xue\xcf\x92\x91E\xb4tId\xa4/\xd7!\x1d\xf8\xddW}\x00|y\t\xf1s~\xa4+\x004\x02H\xf72+J\xf0\x8a\xaf\xe6\xe7\xde\x0c\xbcQ\x06\x086U\x95P\x86\xdb\xe6\x00mZ\x9a\xae+/\xe5\xb9\x8e\x93\x8e\xd7p\xc3\xaa\xb4\xf5\xe6G\xaf\x14?\ti\xc3\x91\x99\xf8\xca{e\xc6\xd8i\x16\xc6\xb8\x93\xac\x93\xe4\xf1o\x9f\xd6\xad\x08\x97_b\xf8?\xbaz\xca\x98\xc2\x94\x147\n\x19\xc9b\xec\xb5L\xabk\xeae!D\xdbj\x0e\xeb\x10\xcb\xf3#7u\t\xfe0"\xac\xd4\xfag\x85\xf6\xcf\n\xed\x1c\xe1\xc2\xafLk\x0fc\xf6\x9fL3\x00\xcan\x03\x0c\xd5\x85\x85\xc3\n\xc7\x16\xa6\xb62\xa2\'d\xfd\xd4\x86\x19\x88\xbf\x88\xd7J\x00\xd9~V\xab&amp;\xf4^3\xb1\x84\x96\xcak*\xb1\xf6Z\xd3Ks\xa5\x1c\x08+\x8e\x95\x9f\xa4\x02\xb0\x01\x00\xe2\xfb\x95\xe3\x8a\xaf\xec^,NZ\xf6\x0e\xa1N2QN\x95(\x89.z\xec\xc1w,\xac\xebC\xfb`\x07\t5jU\x0f^\\\xdc\xc9\xb2\xf0\xf0S5\xd7\x05\xd9H\xd52\xc8\x00\x93ZtN\xef\xc4\x83E_}U\x9d\xea+\x86NK\x04\x90\xa4\xd1\x07\x00\x00\xbb\xea\xe6\x8c\x92\xe0\xac\xdb&gt;\xd8\x81\x18\xdf\xb5\x01\\\xa9\xe8Z5p\xd1\xfb\x9c\x00\x00 \x00IDAT\x91\xa4\x97\x1dG\xeao\x9e\xc7+\x916\xcd\x84\xa6\x03cT;\xaa&gt;d\x9f\xa2\xff~\xc33\xfaZ\xed\x18\xe6\xac\'W\x15\xe3w$\xc4\xde;\x9fd\xdd\x05\x11\x19&lt;g\xb3\xac\xbb \x1c__K#\x80;\x1f\xa5\xda\xa8\x9d2\x98\x8bw`\x95\x91\xd3\xd6\'\xc0\xaf~\xfd\xfa\x00\xe0\xednT\xaf^= \xed\xf8\xf4\n\xe0\xb7X\x8d\x0bB\xbb\xb9\x0e\x00\xfc~|\x16\x00VO\xe8\xf3\x86\xab@}\x80\xdcN\x1d\x14\x04\x06a+\x00\x187\x00\x00\xc8\xf4\xb1\xc8#\xa7#\xcd\xf0\xaf\xc0\xcf\x15\x84\x1b\xc5\xea\xe3\x0b\xc8\x90\x17\xe2(\x89\xd8W/mA\'\x14u\x00\xb2\xfd\xad\xc7uk\xdd/3\xa4z-9}t\xeb\xb1n\x8c\xb5\xfa\'\x93\xe9L\xd2\x94\xf7\xca\xdc\xb7x\xace=\xbe\x16\x9ep\xcb\xa6_\xee\x1e\xb3P\x10\x94\x04\x8d\xe5\x0c\xe5\xd3\x9cq\xaec`\xc3\xa46 bM\xcd\x9fG\x15\xef\xe6UV\xcc\x862Y~V\xb4\x0f_\xa76\xcc@D\xc1\x0b\x06\xf3\xbapm\xdf\xb2\x9cV\xb65@e\x86\xfc\xda\x88\x03\xba\xfc`3}-\x10\xf1\xe5\xe5\xdd\x02\xe6\xf2\xb5\x93\xfa\x96\xb5\x8b\x04\x80X\x07\xed\x1a\xf0\x9d3H\x15\xc4g\x88\xc8&lt;7\x000\xbe(m\xe9\xa8\xee\xdc\xef\xef]&lt;f\xf3\x8c2\xe9\xf7\xa7\nB\xe6\xb8H\x13`\xd9\xe8\x1e\x1a\x00\xb2u\x05\xaa\xcaI]\xc8se\xd7b"\x14\xa3(\xde\x8bg\x01"_\x90sc\x00\x80\xc6\x00\xfe\xfaJ\xccZ\xae\xa6\xc1\x91\x87\xd7W\x97N\x07I\xc4\xd7\xff\xd4\t\xb0\x00\xdc\x9b\xf1&gt;\x83AD|\x7fC\xca\x9d\xa9\x9al\x9f3\xec\xca\xee\xc5B\x8b\x91\xccX"Q\x16\x0c\xed24/\xd6\xbdY\xadx\xc7\xe6\x01\x86\xd5\xedH\xba\x92\xc1\xb9Q\xfb\x97\x8c\xcb\xf2\xb3\xe2W\x00\x11\xf1\xd5eiv\x89Af\x98\xd7\x85@\xe3\x86U6]\x91\xc8\x94\xb4\t\x8c\xb2\xd5\xa8\xb2\xc9\xa5\x0e\xad\x98d\xc2H)U\xa2\x06\xa0^\xe9\xea\xc3\x0f~\x1e\x05\r\xa4\xe8\x82\x95\xd4B\x7f\xe9\xa8\xeec\xbb\xa6\xd2\xe5\xe4&amp;\x13\xe3\xe0\xe4\xe2\xac\x1f\x0fN\t\xf0\xf0\xf1#!\xa9[\x94@$\x12\xa0\xd1q\x84\x81\x81&amp;\x9a\x00\xfco\xcf\x92t/3Yw\xa4&amp;\x13jA\x9b\x8f\xf8\xd4\x92\x9c\xe5cz\x06\x99\x08\xb2\xb0\xf03W\x17D\xbb[H1\xba{\xce\xa0N\xc4\x04\xb0Z\xa4\x0c*U\x01\xc4\xc7\x13\xba\xb7\x11\xbb\x12\xfc\xd7\\\xbd\x19h@:2*\x1dB\x9d\x10\x9fJ.\x8e\x86\x01\x00\xec\xa9l\x1bu\x04\x86\r#"\xbe\xbb\xb6e\xe6`\x01\xe1\xbez\xbc\xa4I5\x00\x04\xe7\xb4a\x00\x00u\t|K\x84\xae\x1f\x93\xfa\x91\x81\x1a\x96R\xd9\xf4\xda(\x01\xe2\xe3+\xbb\x17g\xfaXH\xa3=\x06a\x18\x028\xa9\xf2u\x80\xd9\xbft\xdc\x90\xf6\xd16\x95&gt;\x9e3\xfb\xb5\xff\xf5\xf8l\x80\xe1_3L\xac\x83\xf6\xb3\xf3\xdb=4\xc5\xf2B\xe2P!\xac"\xe1{#:\'d\xfaZJ\xa8r\x1f\xddz\xfd\xb3\xc2H\xaa\x7f\x93\'\xcc\xb2)\xbe\xbfNs\xa5\x0c5\x1e\xa1\xb1\x85B\xc9\x0b!\xb5\xae\xcf\x0bqh\xd7\xca\xb6\xe6\x08\xb7\xd7\x08H*z\xbe\xba\xb2\x07\x11\xf1\xf5\x15\xf67c\xed\xb5\xfbg\x85\t\xbe\x90\xaa\xa3\xe4\xae\xf9#e.\xee\x8f\xcf/"\xe2\xeb\xff\xed\x95tCm\x03l\xd6M.]2\xb2\x889{b\xa8\xc6\xe8\xcb\xba\x03\x0c\x92fpn4"\xde?\xb1\x81\xd2UV\x8ap\xe7\xe8\xda\x8eaN$\xcb;\xa9\xc2\xb5}\xcb6\t\xcc\x85\xc2A\xa2\x8b\x9e\xf0B\x14\xc1\x0f\xff!\xa2\xa4\xfdK\x93]\r\x10\x9f\xe2\x8bK\xcb\xc7\xf6\x143\xbc\x99\xa1zQ\xd3\xe6\xfb\xbb\xb2\xee\x00\x83\x84\xa8]\xe9\xe6obn\x06\xf0=;\x85Z2\xc8\xe8\xf8\xc0\x93\xc7\x8f\xaf\xdbz\x86\xf8\xa7\xd0!\xf5\xcc\x1b\x18Q6\xa4|\xdcx\xd6;\x82]\xa1\r\x00t\x9a\xf3\xcdd\xb1dd\x11\xcft\xa4z\x00\x87\x96O\xec\x10\xcaW)AN\xd9DNN\xee\x9d\xb0\xde\x8a\xc9\xc7\x0f\x1f\x17\r\x1f\xbey\xcd\xda\xf7\xef\xde_\xfb!\xe1\xc6\x18\x18\x18\xaa/\xe2K8Y\xd7\x07U\x80\x18{\x11c\x01_\\\xda\xb9u\xd6\x10\x1b%\x1e\xa7\xbe&lt;i\n\xe0\xa6.\xc7n\xe5V\x06\x98Z\x92\x13e\xd3\x8c\xd5\x9f\xce\x11.GV\x95sh\x91\x92Y\x1c\xb1\xcb\xe5\x0b8\xa3\xbe\xbawi\xb6?\x0f\xcfz\x0f\xcd\xdaw\x8e\xae\xbd\xb4c\x81I-\xd98}\xb2\xb0R\x84\xe1\x9d\xe2kjV\x03\x06\xfa\x11\xf9\x80\x8c\xfe}2\xdd\xd4\x88\x88Nj\xbc\xbbq\xe0\xde\x89\xf5dJv\x8ep\xe1\x17\xbf\xc6M=\x00\x05\x00kZ5z\x82\xcdT\xa7\xf6i;\xb0mx\xc70g2sH+#\xe5&gt;\xad[q\xf4\xf9\xee\xb1u\x99\xbe\x96\xc43\xdc1\xcc\x99\xf0Y\xbc\xbe\x7f9\xbfJl\x1b\xf0NU\xe4\xdc\x18\xec\x84\xf9;\xd5\x02\xe8\x18\xe6\xcc\xef\xd3\xd9\x03:\xfcz|vp\xfb\xe80\xfa\x1cgE@\xb0\xaf,\x8d\x91@5G\xf9\x84\x81\xa1\xc6@\x8c\x80~z\xc2\x87\xeaL_\xcb\xa5\xa3d\x9c~\xaboz0"\xe2\xb7\xbb\xb3\xfa\xe7\t-\xdc\x14`\xf1\x88n]\xa2\xdc\xb8?"F\xbd\x18{\xadk\xfb\x96\xe1\xd3\xf3\xfc\xac\xdf\xd1v\x9a\xf8\xfd\x9e\xc8\xca\xd8\t\xce\xba\xfc\x92\xb7\x18\x02&lt;8\xb5\xf1\xe3\xad\xc3s\x06u\x9aQ\x9a\xdb!\x94\xd4\x11\x85K\x13\xe8\x1c\xd1B\xb4\xce\xf0d`\xdb\xf0\x15c{\t(\xe0\xaeA\x9b\xad\xb8\xa6\xa6\xeea`\xa8\xc6 \xfeF\xfc!xX!,\xdc\x11Vj\xad=\x8c\xa5\xd3+~\\\xd8&gt;\x9f\x10,\x1b\x94\x13I\xa6\xfc\xc1\xe5\x13\xc6\x17\xf1=3h\xa9]gD\xe7\x04\x01\x99\xa8\tA\xba\xa9%9\xd4{\n\x00\x90\xe1m\xdeR\x8b\xf7\xe4\xb2g\xd1h\xc4W\xa3\xbb$O.\xceB\xc4\xa7\xe7\xb6\tM\x84\xe6\xdc\x18\x10\xf1\xe4\xfa\xe9\xa2u\x86\x9b\x96\xdau\x88\xe9\x7f\xc5\xb8^\xcc\xe8\xcc\xc0\xf0/R\x0b \xd0\xb8Q\x94M3\x15&gt;\x05\xea\x01\x10F\xf3h;M\x99$`\xaf\x05\xe0o\xa04\xa3_\xfb\x19\xa5\xb9\x0b\x87\x15N\xe9\x9dMIPV\xc0\xf8~i\xc7\x02D\xdc\xbdp\x14\xbf\x02\x0b\x86\x16\xfc~|6\xdd\xdb\\h+^:&lt;L)\x02\xb4\x13\xd6M.]2\xaa(\xc4L\xf5\xeb\xbd\x13\xc4(\xdc6\xc0Fp\x13\x9d"\\\x10\x91\x92{\x12OX.\xd7\x13{d\xb0\x02w\xf9\xa5\x9fd`\xa0\x81U\x13\xfa\x0c\xc8\x0e\xf3\xd6a\xcc\x80\xff\x10\xfa\x00^:u\x05d\x93V\x03\xe8\x1a\xeb\x19b.\xe8\x00\xd2T\x1e\xfa\xa6\x07\x11\x83\xd4\xfb\x1b\x07W\x8e/^O_\x94\xa9P\xdd\x02\x1d\x80dW\x03\x9eVr5\x00\x93Z@\x08gN\xed\xd3\x16\xdf^\xa3\xd44\x11\xfa\xe6\xd2\x84\xd8\x81!"\x92\x91a\xc8\r\xb2\x9f^\x9a+N\xe2\x05-\x80+\xbb\x17\xb3v\x1b\xdd\x13\xbc\xf5\x01\x86w\x8c\x13\xa3J\x06\x06ah\x01\xa8\x03\x04\x9b\xc9`\x05)\xf3\x88\x9e\x7f\x01|z\xfe\xcc\xa6Yf\xf2P\x0b@\x03\xa0G\x92\xef\xa5\x1d\x0b\xcar\xa3\x1e\x9e\xde\x8c\x88i-Mx^\x15i\xd3\xec\xdb\xbd\x13\xeb\xa7\x08\x1a\xd0\x97\x8c,B\xfcN\x0c\x91\x17\xb6\xcd;\xb0l&lt;\xc9\xa81v,\x15 \xc1Y7\xcd\xd3\xa4.\x9b/\x93\x85B\xc5\x04\xf0\xf0\xd4&amp;~\x17*V\xe6F\xf6\xd6Q\xe0N\xd8\xd2\xacR\x89\x08\xf1\x83h\xea7\x8e*\x7f&amp;!\x92:&lt;n\xcd\xe4\xc8\x1f\xc5sS\x0f`\xce\xa0N"_\xce\xc0P\x9dP\x06\xc8\r\xb2\'^\x1b\xd7\xb4\xc8\x87\xaa\xc2\xdc\xb2\xce\x88\x88\xf8\xbcsd\x8bTw#\'U@|\x83\x88\x07\x96\x8d\'\x86\xb6\xcb;\x17\xf2\xbc07\xc8\xfe\xec\x969c\xbb\xa6\xf2\xabY\x07\xe0\xce\xd1\xb5\xac!\xf2\xf8\xda\xa9"\x8b?/\x1d\xd5}\xd5\xf8\xde\x9a\x7f\'\xbb\xdf&lt;\xa3l\xc7\xdc\xe1d.o\x0e\x10i\xad\xee\xad\xa3\xe0\xfc\xf7vE\x0e\xc0Z\x11V\x8d\xef\xed\xaaF\xb9K-\xb5\xea\\\xdc&gt;\x9fuw\xd9\xfcu\x9890\xa8\x8c\x9d\xb6Q\x02\x87F`M\xa7d;\x03CM$\xdd\xdblzi\xae\xd0s62\x84[\xaa\r\xc8\x0e\x17\xea\x02\xf8\xef\xb0k\xc1H\xc2\x88lZ\x1b\x02\x8d\x1b\xd5\x02\xb8{l\xdd\xd7\xbb\xc7\xbbW(\x03c\x1b&gt;\xf2\xab\xda\x00\xf9\x91\xaeE\t\xde\x02*\xef\x95\xecwb\xdd\xb4Gg\xb6l\x9a&gt;P\x83\xeb\xd3\x08+\xf5\xc5#\xba\x911,\x8a\x9f\xb0\xccI\x15\xc2,\x9b\xd2\x15-\x8b\x9fn";o\xfe\xa7O\xbd\x12\xdb\x06`\xa7\x0c\xdd\xe2ZR\xbaJ\x0e\xc0\xf8\x1fJ\xcb\xcdP\xfdyyyw\x94-\xf7\xcf\x9f\x1at\xe5\xe9\xa8\r0\xaaK\x12M\x95\xd5\x04\x1a\xf2\x8a\x9c"\x0c\xff\x88\xdf\x04\xdbF\xfae\x86\x9e\xd94{\xee\xa0N\xbb\x16\x8c\xdc2\xb3\xcc\x80J\xbb\x9a\x00\xd3Ks\xf1\xdb\xbdj\x97\x81e\xc1\xd0\x02\xfc\x9b\x93\xebg\x88\xec\x86\x93\x1f\xe5J\xbep\x1d\x80Dg\xbdVF\xcc\xfa\x85\x81\x81A\xc2\xa4\xba\x0b\xb1\xd9t\x8d\xf3&lt;\xb8|\x021\x08\xee_:\x8ej\xfd\x06\x00\x93zf\x88\xda;\xa9R\x97MR"\xde\xa9\xf9\xec\x81\x1d\xae\xee]\xba|l\xaf\xab{\x97&gt;=\xbf\xadk\xac\xa7\xa4;\x10f\xd1$\xcc\xa2\t%\xd1\xc5F\xb4\x06\x8210H\nZ\x03N\xc5BV{\xeb&amp;\x00\x8b\x86w\xed.\xd0\x9cR\x05qk&amp;7\xb5$\x07\x11w-\x18\xc9\xfdi#\x00O-y\xf2:n\x00P_\xd6\xf9\x81\xf9\xd1\x8c\xedu~\x94k\xf7D\xefL\x1f\x8b([\x8dL\x1f\x8b\xee\x89\xde\x82\x93\xde00\xd4p&lt;4kg\xfbY-\x1f\xd3\xb3}\x90\xbdl#\xe3\xab,\x82\x854&lt;\xb5\xe4\xcfl\x9aE\xc8R\xda6\x80\x0c\x1f\x8b\x19\xa5\xb9\xd2\xe9\x98\xf8\xf0\\f\x06\x994\xb2P\x800\x8b&amp;\xa77\xce\xf4\xd1\x15\xber\xad.j6\x8d\x01\xfag\x87\x15\xa7\xfa\xb3\xbc\xa2C\xcd\x9b\xf4J\xf1\x93m\xaf\x18\x18H\xd1Lx\x11Q\xb0\xaa\x07\x83r"\x8e\xae\x9e\xbclL\x8f\xa1yLL\n\'\xf5\x00R\xdc(\x9ca\x9b\xc9\xc3\x92\x912\x96m\x10\x13\x96\xb7{\xaa\xbb\x91!\x80[3\xb9h;M\x00\xb0\xac\x07k\xcbK\xab\x9d\xdd\x9f\x856\x80\xd2\xdf{\xd6\x1e\x89&gt;Bme\x0c\x0cU\x02J\xb9\xb4z\xa5\xf8\x917\x89\xe8\x03\xcc(\xcd-k\x17) G`\xb5F\xec\x9c74\xe3\xd2\x04(\x1d\xba\x92G\x05\xa0g\xb2o#\x80\xd9\x03;\xde8\xb0b\xde\xe0|\x11*1\xa9&lt;YvU\x03=\x80\xae\xb1\x9e\xc5\xa9\xfe\xc4;]\xe3&lt;k\xd2xI)\x89f\x15\xc7M\x1d\x10\xf1\xcb\x9dc\xb2\xee\x08\x03\xadl\x98\xd2\xbf\xb5\xa7\xb1\x1c\xc0\xe33[r\x03\xed\xc8\\b\x00\x80\xaf\xafX\xd7\x87X{m\x92\x970H\x13\xc2\xea\xac\'\x81\xd4\x10}\xd2\x02\x07\xb4\rOp\xd6ey\xb9P\x1d\xe2LkC\xa7p\x17\xe2\xd4T\x17\xc0\xb2\x1e\xac\x1a\xdf\xbb4#\x98\xee\x9e\n\xc2]\xa3\x16\xb7r\xb5&gt;\xc0\x83\x93\x1b\xcb{eJ\xb3\'\xd5\x08\xa1\xc1\xd5\x0c\xd5\x92WW\xf6,\x18Z\x90\xedg\xb5zb\x1f\xc1\xfa\xb1,B\xcd\x9b&lt;9\xbb\xb5\xa5V\x9d\xff\xedY2]*\xf6h\xf1\xf3J\xfe\x83H\xe2\xfc\xbc]\xa0]\xdf\xf4`\x9b\xfa\x95I\x1c\xa9\x0f\x07-\x9a\xc2\xc1e\x13\x82MU$\xd0;RDX\xab_\xde\xb5\x88{\x02Ht\xd1C|\xbck\xc1H\xaa\xde\xf7\xfcHj\xa1OK=U\x84L_KD\\4\xbc\xab\xac;\xc2@+]\xa2\xdc\xfa\xa6\x07\xef[2\x96\x92\xb1R\x1b \xc1Y\x17\xf1G\xef\xd6\x01"4\xca\x84\xab\x88\x06{\xd0\x13%\xdd4\xba\x18\x99\x9f\xb8i\xfa \xfb\x86\xf0\xfd\xc1\xa9\xf7\xff\x1d\x14A\x8b\xa3\x16\xc0\xb2\xd1=\xf2B\x1cU\xf9d\xf4\x95\x03h\x02\xa0\x0c\xe0\xab\xab\xd8\xcaH9\xc8\xa4\x91\x94\x03\xbdm\xe8\x989\'\xf7\xce\xe6\xe9\xfe\xc4\xc0P\xe5\xf0\xd4\x94W\xa1~UI\x9b@D\xec\x16O\xcfr\x89\x81*\x92\x18\x16\x85\xfa\xdbX*@\xb6\x9fU\x94\x8d\x06"R:4b\xc7N\x19Lk\x83K\x13X0\xb4\xa0)\x9f2n\xearY~V\xbe\xbc\x92\x19&lt;\xbb\xb0\x03\x9f\x9e#\xdf\\cY\xa4\x03\x1a\x94\x13!\x82\x86\x84\x12\x80y\x1dh\xd1\x14\x00@\x0b\x80\x15C\xe0\xa7\xaft`\xe9\xf8\xb5\xe5}i\xed#\x03\x83\x18\x04\x9b\xaa\xe2\xd7;,A\x1e\xaa\x88\x1f\xc1\xcf@;\xc1\xa6*\xfcFd\x0e\xe6\x95u\x16\xb3\xad\x08+\xb5\xd1\x05\xc9\xfc\\\xfb\x95\x01\xccx\x893d\xf9Z""\xe2w\x92\xad(\x03,\x18Zp\xff\xc4\x86\x08+j.\x08\xf2\x00\x8e*\x94\xae\xa0\x87\x96Zu2|\xcc\x01\xa0k\xacg\xdf\xf4 \x1f\xddzw\x8f\xad#\xacm\xe7\xb7\xce\x95A\x87\x18j\x00\xdd\x13\xa9\x85\x11\tuKLu7\x8a\xb4i\xf6\xe6\xea\xde\x89=D\x0c\xd7$#\xc5\xfeo\xa2S=\x13X\x0e\xef\x14O\xc9\x9f\x15\x00\x14\xd8\xc2\xeb&amp;\xf4H\x9f\xd2;[p\xf9\xba\x00\x88\x1f\x11\xf</t>
        </is>
      </c>
      <c r="E2" t="inlineStr">
        <is>
          <t>&lt;class 'numpy.ndarray'&gt;</t>
        </is>
      </c>
    </row>
    <row r="3">
      <c r="A3" s="1" t="n">
        <v>1</v>
      </c>
      <c r="B3" t="inlineStr">
        <is>
          <t>steps_per_sec</t>
        </is>
      </c>
      <c r="C3" t="n">
        <v>100</v>
      </c>
      <c r="D3" t="inlineStr">
        <is>
          <t>0.66479206</t>
        </is>
      </c>
      <c r="E3" t="inlineStr">
        <is>
          <t>&lt;class 'numpy.ndarray'&gt;</t>
        </is>
      </c>
    </row>
    <row r="4">
      <c r="A4" s="1" t="n">
        <v>2</v>
      </c>
      <c r="B4" t="inlineStr">
        <is>
          <t>Loss/object_center</t>
        </is>
      </c>
      <c r="C4" t="n">
        <v>100</v>
      </c>
      <c r="D4" t="inlineStr">
        <is>
          <t>1.1032829</t>
        </is>
      </c>
      <c r="E4" t="inlineStr">
        <is>
          <t>&lt;class 'numpy.ndarray'&gt;</t>
        </is>
      </c>
    </row>
    <row r="5">
      <c r="A5" s="1" t="n">
        <v>3</v>
      </c>
      <c r="B5" t="inlineStr">
        <is>
          <t>Loss/box/scale</t>
        </is>
      </c>
      <c r="C5" t="n">
        <v>100</v>
      </c>
      <c r="D5" t="inlineStr">
        <is>
          <t>0.14329056</t>
        </is>
      </c>
      <c r="E5" t="inlineStr">
        <is>
          <t>&lt;class 'numpy.ndarray'&gt;</t>
        </is>
      </c>
    </row>
    <row r="6">
      <c r="A6" s="1" t="n">
        <v>4</v>
      </c>
      <c r="B6" t="inlineStr">
        <is>
          <t>Loss/box/offset</t>
        </is>
      </c>
      <c r="C6" t="n">
        <v>100</v>
      </c>
      <c r="D6" t="inlineStr">
        <is>
          <t>0.30867732</t>
        </is>
      </c>
      <c r="E6" t="inlineStr">
        <is>
          <t>&lt;class 'numpy.ndarray'&gt;</t>
        </is>
      </c>
    </row>
    <row r="7">
      <c r="A7" s="1" t="n">
        <v>5</v>
      </c>
      <c r="B7" t="inlineStr">
        <is>
          <t>Loss/total_loss</t>
        </is>
      </c>
      <c r="C7" t="n">
        <v>100</v>
      </c>
      <c r="D7" t="inlineStr">
        <is>
          <t>1.5552508</t>
        </is>
      </c>
      <c r="E7" t="inlineStr">
        <is>
          <t>&lt;class 'numpy.ndarray'&gt;</t>
        </is>
      </c>
    </row>
    <row r="8">
      <c r="A8" s="1" t="n">
        <v>6</v>
      </c>
      <c r="B8" t="inlineStr">
        <is>
          <t>learning_rate</t>
        </is>
      </c>
      <c r="C8" t="n">
        <v>100</v>
      </c>
      <c r="D8" t="inlineStr">
        <is>
          <t>0.001</t>
        </is>
      </c>
      <c r="E8" t="inlineStr">
        <is>
          <t>&lt;class 'numpy.ndarray'&gt;</t>
        </is>
      </c>
    </row>
    <row r="9">
      <c r="A9" s="1" t="n">
        <v>7</v>
      </c>
      <c r="B9" t="inlineStr">
        <is>
          <t>train_input_images</t>
        </is>
      </c>
      <c r="C9" t="n">
        <v>100</v>
      </c>
      <c r="D9" t="inlineStr">
        <is>
          <t>[b'512' b'512'
 b'\x89PNG\r\n\x1a\n\x00\x00\x00\rIHDR\x00\x00\x02\x00\x00\x00\x02\x00\x08\x02\x00\x00\x00{\x1aC\xad\x00\x00 \x00IDATx\x9c\xec\x9dc\x80\xddL\x17\xc7O\xedv\xdb\xbe\xb5\xb9m\xb7\xb6\xednm\xdb\xb6m\xdb\xb6m\xf7\xa9m\xdb\xb6\xfd\x7f?\xcc\xde\xec\xdc8\x17{\xb7\xed\xfc&gt;\xb4\xb9\x93\xc9\xccI6\x19\x1e\x10\t\x04\x02\x81@ \x10\x08\x04\x02\x81@ \x10\x08\x04\x02\x81@ \x10\x08\x04\x02\x81@ \x10\x08\x04\x02\x81@ \x10\x08\x04\x02\x81@ \x10\x08\x04\x02\x81@ \x10\x08\x04\x02\x81@ \x10\x08\x04\x02\x81@ \x108J4""\xaa\x99+\x99\x87\xe5\x10\x08\\\x07\x00\x93\x89\x02\x81\xc0\x9f\xaa\xd9\x12\xb1\x83\xa3k\xa6zV\x12\x97\x10R-1\x86+J.\x96\xdc\xcb\x15\xc5\xfc1\x88\xd6S \x10\x08\xfc\xf0`\x83\x982\x14\xe5\x8b\x1f\xdaLN\x9f0\x8e\xd7\x92\xd1\xcb\xee\xe7\x99-s\x0c/\t\xe2xmnap\xb3\xf2\x9e\x16A \xb0\xd1\xb6\\NO\x8b\xe01\xbaV/\xe4d\tQ\\"\x87\xc0\xcd\xf4oX\xda\x1d\xc5\x02O\xac^\xb2|L\x97\xa9=\x1a\xbaC\x18\x81@\xe0,\xcbGw\xf1\xb4\x08\xce\xe2\xf0$\xa0\x94O4\xd7J\x12\xc0\x00\x08\xe4+B3\xfa4\r\xfcB\n\x04\x81\x82\x14\xaa+\xe5DDT a\xb8\x00\x14\xc4\x11"yZ\x00\xab\x04\xfd\xc3\xd7\xd3\x0f\xae\x98\xa0*\x7fq\xef\xc8\x81\xe7\xbeb\x12\xe1\xd99OK!\x10p$\xf0\xb4\x00\x02\xd7\x92-:\xe5\x8d\x17\x8aO\t\xaa\x96-\xa2K+\x1d\xd2\xac\xfc\xac~\xcd\x95\xe9-Jeqi=\x9a\x00\x98;\xb0\x95\xd6\xa9\x80\x91A \x10\x08\x02\x88n5\n+\x13\x13\xf9\xad\x84|P\x9eJ\x16L&gt;/I\xef\xbaN \x8e\xcbJ\x12\x08\x04\x02\xa2s\xdb\xe6\xb1\x83\xa1-*zT\x90?\t\x9d\xd1n\xea\xb0\xf2\xb3G\xd7L\x99\xdc\xad\xbej\xe6\x96\xbeYU\xd3\xb3EwF:\x7f\x8a$u\xe5\x0c\xe4O\x1c\xe3\x17N\x12\xc1\xd3"\x08\x04\n\xfe\xc4o)\x90\x10\xde\xfd\x1a\x87\xa3\xdbU/\x97&gt;\xb6\xd6\xd9\xc8\xda\x7f\xbe\x0c\x91\x88\x88\xb2\xd9\xef\xf2\xf6k\xe0\xdbMM\x0f\xaaR\xe6\xf8xzV\xb5\x1c\x00\xc0;\xb3\xe2\x06\x14\x9fn\x1d\xf2\xb4\x08\xaeA|}\x02\x0f\xa3\xbd\xf3*0\xa0Y\x89\x8c\x01P\xcb\x84\xceu\x02\xa0\x16-\\\xa2\xc4\xd2\xb5zA\x97\x08\xa3\xc5\x9fk\rwu\xefRO\x8b \xf87\xc8\xf2?OK`\x85U\xe3{xV\x80\xf9\x83\xdbxV\x00\tK\xfaO\xe1\xdd \x00\x80\x83+&amp;\xf0?\xddP\x89\x05\xf0\xf3\x81\x0b73\x04\x82\xbf\x1f\xad\x95_\x17\xa2\xa3\xc4i\x06w4+\xab\xc6uwI9\x1eo\xf2&lt;BH\xa2.\xd5\n\x10Q\xbf\x06\xa5\x9c,\xaat\x9a\x18N\xd8\x02\xcbyzv\x9b\xeb\n\x13\x08\x04\x81\x924a=-\x81\x82\x1e\xb5\x8a\xfez|:`\xeaj\\4}\xc0T\xa4dp\xd3\xf2\xe6\xb7~\x83\x11\x11Q\xf2`\xa4s\x89\xa1\xf1y\xe5,B9Y \x10\x04z\xf0\xed\x9e\xa7Ep\r\x00\xaa\xe7H\xe2\xaa\xd2B\x19gq#\x81o\xa8`\x96\xc8\x9e\x16@\xf0O\xe3c\xca\x97\xd7_\x8el\x85\x07?\xee{J\x12Uz\xd7-\xee\x8eb\xf1\xf5\x8e;\x8a\xb5 \x80\xc6\xf6r\x94\x7fu\xcdM \x10\xfc\xa9\x8ci_\xc3\xd3"X#\xd06\xb2\xd9\xfel\x07E\x02\xc1\x9fO@\xb6\x0e\xc1\x03\xac&amp;\x01\x87\x0b\x17\x1f\x92\x066\xff\xcb\x02\x81\xc0\x19\x9a\x97\xcc\xcck\xfe\xc9H\xebReC\xd6\xd9\xc8\xdc\xbe\x0b\xfe\x14\\\xb6\x8d \x10\x08\x02\x0f\xdd\xd5&lt;\xcf\xfc;\x08Ms\x81@\xf0\xef\x12\xcb\x89k\xab\xe7L\xea\xbc\x00nU\x90\xc8\x12UOmQ\x10`T\xc9\x9a\x90\xffY(\xb1;L\xd9\x02\x1a\xb9Z\x01\xe0*\x93\x14\x81 P\x10h\xb7\x10\x03?\'\xd6O\xf7\xb4\x08\x02\x81@\xa0\r\xdf\xbe\xab\xaa\xeb%Uu9/\x10\x04V\xba\xd7\xfc\xa7\x974\x05\x02\xcb\x04\xfc0?YP\xca\x113p\xf5-Y\xa2\x92\xa67\xce\x7f\x83\x15c\xbazZ\x04\x17\xe0Z\xcd\x05\x81\xe0_\xe7\xc5\xf9\x1d./\xd3y\xdf\x93i\xc2QX\xa2\x9c\xb1\x82\xb9J$\xc1_Cq\xef\x800\xbc\xedP1O\x00\xd4"\x10\xfc\xbbH&gt;\x0c\xf0\xe9\x96j\x06W\x851\xf971i\x991\xb0IY\xf7\xca\xf1gr\xeb\xe0*e\xe2\x9eE\xa3\x02^\x12\x81\xc0\x05\x9c\xda4K\xeb\xd4\x9f\xb5\x15|t\xcd\x14|\xba\xe9\x8e\x92\x81\x1f\xee(\xd6\xe3\xfc\x9b\xba\xb0\xce\xbc\xd5\xe1\xfe\xb4\x8fB p\x1c\'\xdf\xf5\xd5\x13z\x06\xe4\xd7\xf2\xeb\xf1\xa9\x08D\xdf\x1f\x9c\x90\xa5G"jU:\x9b\xea%\xc5\x14\x8b\x06!\xb8\xe3\x80t\xa4\xf4G\xc7\xed\xc9\x13\'\xb0\x88?\xbeSm\xb7\x96\x8f\x8f7\xf9WZl&lt;\x08\xfe\x06\xdc\xd7L\xd7\xce\xe3\xed\xa6\x92]N("\x005\xd4L\x1c.\xee\\(\xc6}N\xf2w&lt;\xc0\xea9\x92(o$\x89p\x95!\xf8;\xf0\x0e\xee\xca\x0f5\x92CWe\x8f\x11$\x86\x87\xfc\xcfh\xedQ\xbb$n\xa2\xc0\x0cn\xf2\x8d\xea*\xe2k\xcf&amp;%*d\x8c\x1b0\xc2\x08\x04\xae\xa7y\xc9L\xae*jH\xf3\n\xe63K-\xec\x92\x11\x1dG\xb7\xab\xee*\x19\xacR6\x9d3&amp;\xd2\x02\x81@ \xb0\xce\xbdc\xeb=-\x82e\xb2E\xfb\x0b\x9d\x1b\x8b\xb9\x8e%.\xecX\xe0i\x11\x04\x02\x81{\x00P$\xa9cKY\x02"\xa2:ySxZ\x04u\\\x18\xc4X \x10x\x18\x11\xfa,P\xd1\xbcdf3\xd9&amp;u\xab\xefnI\x04\x02\x815\xa6to@D\xcbFwq\xe0\xda\x9d\xf3\x86\xbbZ\x1c\x81\xcb\x08\xe1\xe9\x15\x1e\xe0\x1dw\x0c\x00xv\xd6s\xe2\x08\x04\x82@\xc0\x8e\xb9\xc3&lt;-\x82?\x7f\xf1"\xf8\xd3\xb3\xdb\x02\xe0\xeet\xaa\xe0\xf5\xa9`\xc3\xad\xc2\x14L\x14N:nQ*\x8b[\xeb\x12\x08\xfex\x80\xd7\x9e\x16\x81\x88hp\xd3rD\x94\xc8\xe9r\xde]\xfb\xcf|\xe6\xbf\xb8\xe9g\xf4\xaaS\xcc\xb3\x02\x00\x00~s\xc7\x01\xaa_\xfb\xd7\xff}\x05\x02\x81YJ\xf9\xfcu\x1a&lt;\x81\x9e\xe8\\+\xac\xdf\xfa\xcf\x19\xd02\xa0\x84\x12\x08\x04\x7f2\x153\xc5s\xe0*\xa5\xb9\x8e\x18!\x06\x1eJ\xa6\x8c\xeai\x11\x04\x02\x81\x06\xc5\xbd\xa3xZ\x04\xd7\xc3w\x00&gt;\xe6\xf4\x04\xb3\x88fJ \x10\x08\\\x8e\x07\xd5\xef\x93\x07\xa7_\x8fO{\xae~\xb70\xaec-O\x8b \x10\x08\x04\x02\xc1\x9f\x86\xd6\xf2`\x08\xd5T\x81@ \xf0,bKC \xf8\x87\x98\xd5\xaf\xb9\xa4P?\xa9k\xbd\xa5#;\xb9\xbc\x8a\xbf\xb2M\x01\x80\xb7W&lt;-\x85\xe0\x8fgj\x8f\x86\xec\xa0L\x9a\x98D\xb4w\xf1h\x8f\x8a#\xf8\xf7\xf8\xd3\x1b\xe8\x1e\xb5\x8a\x06|\xa57\xf6\xaf\x08\xf8J\x05:\xfc\xa1\x8e=\xf0\xea";8\xb5qf4"\xfc~\xe4Yy\x04\xff\x1c\xbb\xe6\x8f\xf0\xb4\x08\x7f\x18\x7fz\x97)\x10\x08\x04\x02G\x00\xf0\xfa\xf2nv|u\xcf\x12\xcf\n#\x10\x08\x04Z\x04uI)^.)\xe5o!H\x90 QR\x15\xf2;\x0e\xea\x9a\'\xec\x0eT\x03U\x9a\x07@lW\x89\xe2\x10\xc9\x83y\xb4z\x81@  \xce\xc1@\xa7\xca\xf9&lt;+I@\xe2\xc2 \x85\xb5r\'\xd7:e\x18+\xf1\xdf!\x14Q\xf9\x0cq\xc4\xea\xa2@\x10\x10l\x9b=\xd8d\xce1\xedk\xbaU\x12W\x91&lt;X\xe0\x8dX\xa2\xa3\xf9~u\xef\xd2\x80\x93#\x10\x933V0\'\'m\x02\x81\x0b\x18\xd4\xa4\x9c\xa7Ep\x1c\xf3\x03\xa8\x98n\x95#\xa0\x88\xe3\xc4\xb5\xa1\\&amp;\x85S\x94H\xf1\x17:\x08\x11\x08\x04rNo\x9a\xedi\x11\x02)x{\xd5\xd3"\xb8\x92\x1f\x0fO\x98\xcc\xd9\xa0`j\xb1\xe8!\x10\x04\x16\x9a\x95\xc8$K\x01\xbe{D\x92\xc0F\xe1$\x11&lt;-B\xa0\x86o\xc7\xb5\xda\xf4\x0cj\xae\x9a\xb2\xfe\xcf\xef``\xe32\xae\x17\xcb\xfd\xd4/\xe0\xe3i\x11\x04\x02\xd7\xf1\x8f\x8c\xc8&gt;\xdc8`)\x7f\xe3\xa2\xe9\xdd#\x08\xad\x9e\xd0\xc3M%\x07&lt;=j\x15\xd1y\x7f|SG7\xe90\xd5\x90\\\xb1\x82\xbb\xa6 O#,\xbf\x04\x81\x8b&lt;qBzZ\x04\xb7\x90&amp;\x9cq\x9e?\x9a\xc0\xa0\x91\n \xb5\xe9&amp;\xfe\xe3\xad\x83W\x8c\x0c)\x80\xf7\xaa\xe9\r\x0b\xa7\xb1$X \'_\xfc@\xbb\x7f/\xf87P\x1d\xb8E\x0ex9\x02=\xff\xc8\x0c\xc9MHo\xd4\x98\xf65\xcc\x04wT\xcd\xe0\xcc\xd6\xb7@ P\xe1\xcc\x969\x9e\x16A`\x99\xd0\x7f\xac\'\x0f\x93\xa1}U\xb3\xfd\xb7d\xac{\x84\x12\x08\xfeIJ\xf9D\xd3\xfa\x1a\x13\x12\x85%R.\x9f$qE\xbd_\xee\x1c!\xa2\xceU\xf2\xbb\xa2\xb0\xbf\x9c\x9f\x8fN\xa9\xa6?:\xb5\xc9d\t\xd3{5v\x9d8\x06l\x9b=D?C\x96\xff\xa9$\xf6\xae[\\\x96\xe2@\x08\xf8R\xa9\xd4\x8a\x16\x08\x04Z\xe0\xc5\x05\x00\xaa\x8b\xe4\xb3\xfa5?\xb2zr\xa1D\xe1\x03Z&amp;7P aX\x07\xaeJ\x1a\xc4\xe5\x82\xb8\x12\xf3\xdb\xa1\x7fh\xcb\x98/\xbe\x05G\x9f\xcdKfv\x9f$\x02\x81\xc0\x11r\xc5\xfeKt6\x04\x7f\xfd^\xba@ PGg2\xberl\xb7\x00\xab\xcb\xad\xb8\xcc\x03\x8e\xa3\x04#\xd2Q\xc3\xf2\xf8\x16\xb4c\xda*{\x16\x8d\x1a\xda\xbc\x82\x8bE\xd1\xc0\x85[\xc4\xe3;\xd5q]a\x02\xc1\x1f\x8e\xfbt\xe1\x95\x9c\xda4+\xc0\xea2\x8f\xb7{f2\xf5\xf2\xa7\xe2\x7f\xea8\xc2\x1c\xd9\xa6\xaa[$p3\x00\x067-o2s\xe0YmL\xe7N\xe3\xbf\xcd3\x06\xba\xb1t\x81\xc0\xe5T\xc9\x9a\xd0\xd3"\xfc\x9d\\\xdd\xbb4\xb1s%4/)7\xe1\xfe7I\x15 \x81\xc1\xdcg+\x13\x92\x08O\xcf\xb8\xa9p\x81\xc0)\x1a\x14J\x9d7^ \xf1!\xf6W\xb1xD\x073\xd9\x0c\x87\xff\xfb\x96\x8cq\x858\x02ORO\xf8\x96\x10x\x04\x00\xd5s$\x91\x8e\x03\xc9\x8b\x98;\xb6\x8e/\xe1\xc0E\xd5l\x89&lt;-\x82S\x94K\x17\xcb\xb5\x05\xee]4\xca\xea%\xfa.\x91\x03R\x97\xe0\xcf\xfe[\n\x04\x7f\x01E\x92E\x02\xd0\xd27\xab\xa7\x05\xf1G\xb6\r\x9b?A\xd8d"v\x95\x82"I#\xa6\xd3X\xcb\xd7W#\x020\xab_s7Hd\r\xe0\xdb\xfd\xe3\x1b&lt;-\x85@\x10\x80\xd4\xcd\x97\xd2\xd3"\xa8\x10\xc0z/5\xed\xc3W\xa5v\xc4r\xc0\x1a\x7f\xcc\x04\xc74\xde!h\xc9\x88\x8e\x9e\x96\xc2)\x80w\x9e\x16A \xf0\x04\xfd\x1b\xfa\x12\x1b\x88\xf5m\x16\x90\xf5N\xe8\xec\x02\x95\xbbb\xc9\xbd\x9c/\x84\x88\xcag\xf8\xa7\xfd\xcd(\xbd\x82\xffk\xfc|t\xd2\xb1\x0b\x1ds\x1b&gt;-\x00\x8d\xb4\x05\x02cB\x11\x01\x18`\xc5E{`\xd0\x11\x8a\xe7\xd0U\x93\xba\xd6S&amp;\xd6\xcc\x95\xcc\xe3J\xf7\x82\xc0\xcf\xae\xf9\xc3G\xb7\xab\xeei)\x04\x02G\xd1\xb2\x9e\xaf\x937E\x00K\xa2JDO\x0b\x108\xc9\x1c\x85|}\xa2yZ\n\x0b\x00\xcf\xfe\xbe\x0e5"\x11\x00W\xcd;\x05\x02\x0f\xa3\xea,\xa6j\xb6D\x152Z\xb6\x90M.\xbc?(\xf8;#-\xd8\xa3\xe3B\xdcj\x07\x00&lt;qR\x98\x00\xe0\xef\xeb\xd5\x04\xff:C\xec\xad\xf6\x1f\x9e\xdc$\xder\x1d\xae\xeeY\xea\xf0\xb5\x00\x1e\x9e\xd8\xe8Ba\x04\x02\x81\xc0)\xcel\x0e\xec\xb1\x01\xfe&amp;k\xb4\xccQ(\xd5\xdft?\x02\'\x08\xdc\x9eg\x05\x82\xbf\x8e\xd9\x81@\xeb\\\xf0\x8f\x93?\x81\x08\t)\xf04Y\x03\x8d\xbb\xf8s[\xe7\xba\xbc\xccFE\xd2)\x13\xa3\xb8\xbc\x1a\xd3\x84"\xca\x11\xc3\x93q|\x8b&amp;\x8b\xe4\xc1\xda\x05\x02A\xa0\xa3K\xb5\x02\x9e\x15\xc0\xad\xbe\xbc\xee\x1eY\x9b;N\x80\xda]I\x9b\xe7\xb5\xf3x\xcbN9\x10\xeb\xca\xb5\x00\xaf\xe6\x0fn\xe3A\x01\x04\x02\x81\x87\x91\xd9;\x01\xc0\x87\x1bn\xaa\x0b@\xd2\xa0\xff\x84\xd6Dqo\xbf\xa9E\xb5\xec\x89\x87\xb5\xa8\x08\x00\xf8\xc2g\x80\r.\xc5\x05Z\x92\xf1\x9d\xbc&gt;\xd0\x13\xd5\xd3\x02\xe8\xe0\x13 \x8eH\x05\x02Wb\xb5\xd1i\xe9\x9bE\xe7\xac\xbe\xff\xac6es&lt;9\xbd\xa5W\x9db\x96j\xfcw\x08\xc8\xae\xf1_\xe8\x86\x03\x98\x00\x9e\\\n\x04.\xc0\xb5~\xcc\xc4\x18\xc8\xad\xb8\xaa\xd5\x0e\xeb\xb6\x0e W\xec\xe0\x8e\x95&lt;w@\xcb\x86\x85\xd2\xb8\\\x9e\x80\xa4Q\xe1\xb4\x9e\x16A \xb0B\xa0\x8a\xefj\xc6\xfb\xaec\x01\x9a\xfe\xa6n)\x81\xa7\x05\xd0\xc7\x01\x83A\x89R&gt;\xd1R\xda,\xe5\xcc,\xa7\x00\x18\x12Pa&amp;%\xdc\x17\nF \xf8\x17\xa9\x94Ye\xe1\x1a@\x97\xaa\x05.\xecX\x10\xf0\xf2\xfcA\xac\x99\xd8\xd3\xd3"\xe8q\xef\xd8:wW\x11\xc8\xd5\x98r\xc6\x12\x8e\xc2\x05\x02\xebx\x11\x11Q\xde\xb8\xae\xb1\x8f\x1a\xd0\xb8\x8cc\xeb\x12\xc0\xf3\xa6\xc53\xe2\xcbm\x97\x88a\xc8\xc7\x9b\x07\xdd]E`^\xfa\xd7\xf1&lt;\xe8\x15\x80b\xb8\x90\x19}\x9a~\xbdw\xd4\xb1k=\xae\x8f\'\x10\xb8\x98 D\x07WL\xf0H\xd5.i\xf8\xea\x17L\xed\xf0\xb5\xd3\xcd\xf9\xfb\xcd\xe2~S\x0c|\xbe\xd5 \xc0W\xdb\xcd\xb8K\xbb\xba\xd7\x9aG\x8do\xf7\x8f9(\x8dE\\\xbe\xb7k\xc6\xe0\xe6\xe4\x86\x99\xae\xaeV \x08\xdcc@\'\t\xe4\xab\xb3\xc9m\xeb\x01:\x7f\x02w\x1b\x07\xf8\x84!\x00{\x17\x8fv_\x15\x0e\xf3\xfb\x89]0\xf4R\xa9\xfe$_\xa7.\xe7/\xfeN\x05\x02O\x12\x98\xfb\x89\x03\xcb\xc6\xcb\xfa\x80\xba\xf9S\xb9\xb0\xfcw\xd7\xf6\xe1\xc7\xfd\x1c1&lt;\xecr\xc6\xe4&lt;\'\xb6{\xa5\x08\x08\x9a\x16\xcf\xe8i\x11\x04\x02\xcf\xd1\xb5z!W\x8de\xfe&gt;\xd7\x05e5\x82\xb0\x8fj[\xadU\xe9l\xee\xa8\xb1t\x9a\x18\x81ah\xc9\xbb\xe5\x00^ke\x0b\x0c\xa2:\x03\x00\x93\x81\xe5.\xed\\\xe4^Q\x04\x02\xf3\xec^8\xd2|\xe6\xa2\xc9\xbd\xb6\xcd\x1e\xacz\n\x9fo)76\x03\xb9"\xa3\xf3\x0c\xb4\x12F\xcd\x10\x93\xb6\xaf&amp;\x838n\x9e1 \xd0\xb6\xaa\x03\x1b\x975\x99\xb3j63:\xc3\x9e\xe7\x1f\x0f,*\xf8\xd7\x19\xd7\xb1V\xd9\xb41\x95\xe9\x86\x81\x1b\xa5%\x82\rS\xfb\xb9T\xa2\x80\xa6c\xe5\xbc\xee(V\xd9\x88\xbf\xbb\xf6\x9f\xe1U\xd1\x88\x9a\x14K\xef\xa9\x0e@\xd6\x16\x8ejS\r\x00\xff&amp;t\xa8\x98\xa7W\x9d\xe2\xe6\x0b,\x98(\xbc\x99lW\xf6,1_\xa6@ p\x17\xadJgc\xad\x8fc\x91{\x03\x03\x01\xb3\x7fp\xf7\xc8Z\xf6\xa0\xb4\x94\x82\x80w\xca\xc4\xf4\xe6\x82gzjUZ\xff\x8f\x1e\x95h@\xa3\xd2\x01$\x8a\xdb\xc8\x17\xefo2:\x14\x08\\\xc7\x8c&gt;M=\xee\xff\xf2O\xe1\xc4\xfa\xe9\xfa\x19\xaa\xe5H\xa2L\x04^\x02/T\xf37\x0b\x04[\x91\xb5r\'\x0f\x0c\x7f\xfdW\x97v\xb9O\x0c\x1dKu\x93z\xc0\x02\xc1\xdf\xc9\xa4n\xf5E\x07\xc0#\xec\x9c\x95\x04\xc0\x1b\x02\xfc\xd6\xea&amp;\xd5\xf3\xffz\xe8&gt;a\x04\x02O2\xa5GCY@\xda\x81\x8d\xcb\x9c\xdf&gt;?\x86\xa7\x04r\x02\x0f\x86v\xb1\n^^t\xb2\x04\x9d\xc0\xeb:\xd4\xc9\x9b\xc2\xc9z\x9dgL\xfb\x1a\xfa\x19\x1c\xf7%\xa4\x0b\xd3S\x08N\x04\xbc1\x7f\x15~=\n\x985\x1de\xb8\x08\x81  \xf87\x87\xe4\xe6]\xb7O\xf3\xd0\xcc\xbd]\xf9\\./\xd3\x19Kf\xe7iW&gt;\'\x1b\xe0\xe7\x89\xeb\x01K\x0c\xe9=Ogj\xe7\x98B\x10]\xddc\xcd2\xd9aJ\xa6\x8c\n 09f\x14\xfcK\xd4\xcc\x95\xcc\xd3"\x0445r&amp;uG\xb1\xbc\xc3\x83d\xc1(wlw9\x88\x0f\xee\xa6r]\x87\xd2\x8aW\x8a\x81\xa3e\xfd\xa0D\xa7M\xfc\xf1\xf0\x84U\x91\xfe[2vT\xdbjV\xaf2\x83%\xa5\x06\xe5\xbb\x97#F\x90\x7fs\x1c&amp;\xf8307fr\x1cw\xcc\xb2\xb3GwC\xa1D\x19\xb4m\xd1&lt;\xb8\xc3\xd1\xa4X\x06\x8f\xd4k\x15\xbc\xb8p\xfd\xbf\xe5\xc6\xd9Dk(\x10\xb8\x0fw\xfb\xa8\x8d\xf2\x8f}\xc3]\xaa\x15\xf4\xb4\x08\xfe,\x18\xd2\xd6\xd3"\xfc1\xa8\xa8R)\xd0rI[\xaf\x80\x8fk\x85\x11\x08\x04N\xd1\xb1\x92e\xab+\xe7\xc7\xcexs\xb9\x8c\x9a\xb1\x9b\x0ei\xed\xa7Tm\xcb\xe5tR\x06A\xc0\xb0nr\x9f\x00\xa8E\xc4\x9c\x11\x044n\x1d\xb0\x03\xb0\xa4x\xa7\xa4yIS~\x0e\xccc~\x98\xdc\xa5\xaa\x81[vg\x1e]\xffF\xa5\xc9\xb6v\x94#FP\x87\xcbq\x86\xbf@\xff\xe4\xc5\x85\x1d\x01?\xe3\x1c\xd1\xaa\x8at\x9c;N\x88\x07\xc77\xa8f\x93\xb98\x15\x08\xfe\x06\xdc\xad\xb1\xd0\xd5\xcd\x8b*\x19\xd5\xf4(\xf7,\x1c\xa5L\xd4\xdf\xc6mT$\x9d\xf3M\xcf\xcfG\'\x9d\xb9\xbcku\xf5g%m6\xbe\xbc\xb8\x8b\x1dD$r\xd3.\xe8?B\xe5,\xea\x8e\xac:T\xca\x13\xc0\x92\x08\x04\x01\xc7\xa2a\xed{\xd6.\xca\xa7\x94L\xe5\xfe\xc0%\x1aT\xc9\x9a\xd0}\x83e\x1d\xdf]\xddk\x14vS\xa5Nb\xa8U\xf9\xdf\x92\xb1\xd2q\xad&lt;\xc9-y\xfa\xf3\x08I=\xec\xacZ\x93\x8d\xd3\xfa{Z\x04\x81 psp\xc5D7\x95\xdc\xb9j~\x97\x94\xd3\xa9r&gt;\xadS\xfd\x1a\x94RM\x97)\xff\xbc\xbb\xfe\xdf\xa4n\xf5]"\xcc\xbf\x86\xb7\xbb4c\x05\x02\x81E\x864\xaf\xe0i\x11\xfci^2\xf3\x91U\x93}}\x0c\xe2@\rm^1`\xe4\xd1\x01x)\xad\xfc89\x1dI\xacH\x89Ft\xf3\xc0J\xad\xfc\xc3[V\xe6\x7f\xb6(\x95\xc5\x99\xda\x05\xee \x88\xbd\xa1F\xc7Jy\x0f\xadt\xd7\xa8H \x08\\8\xec\xa9\xbdE\xa9,\xff\x9a\xb3\xa0\xb5\x93z\xcd\xee\xdf"\x80+\x1d\xd1\xba\x8aq\xa6\xbf\x88$\x01\xbb\xa04\xb5G\xc3\x7f\xed5\x16\x08\x88t\x97VL\xf2\x97}9\xa9B\xd1\xb1\xb5\xd3\x88\xa8~Au\x9d\xf1\xcaY\x12hm\xe1\xea\xc3/\xa4\xc8\xbc9I\xa4\x8b@w\x8f\xae\x93~\x02_\x94y"\x10\x15L\x14\xfe\xd2\xaeE\xbf\x1e\x9fb)\x8b\x86\xb5w@\x1e\x81@\xf0\x87\xa1\\|p\x07\xf3\x06\xb56\x9f\xb9G\xad":\xa6\xb6\x81\x1f\xe0\x93\xc9\x9c\xe5\xd2\xc5"{\xd7\x11&amp;iV\xc2\x94cg|\xbd\xe3\xa6\xde4\x7f\x820./3 \x11NX\x05\x02\x971\xace%\xfd\x0c\r\x0b\xa71_Z\xe0\x1c\xfeWWs\xbe\xcfH\x1d\x96\xf8\x05\x86\xfe\r\xdd\x18\xd2\x84\xc5\x86\x04P3W2\xbc\xb9\xcc\xecS\x8f\xac\x9e\xcc\x1eZ\x81\x84ae\xf9\xd3\x86\xb7\xf0&lt;g\xf7o\x11\x18\x1e\xfe\x94\x1e\r\xf1\xed\xee\x9d\xc3k\x1c.\xa1\xbe\xa7\rtC\x10e\xfe\x83&lt;\xd3\n\xfe5\x98\x15j\xe3\xa2\xe9=+\x86\x12\xd5\x11\xab\x8f\x9b\x87\x9bf6peRE\xb6?\xb5u\x96\x7f&lt;\xe4\n\x19\x9duf,\xdd\xaf\xf2Q4.\x92.\x16\x11\xf0\x94\x9de\xda\x9f\xec\xa1\xad\x1c\xdb\xcd\xe1\xe6\xbbD\x8a\xc0\xd2\\\xc1\x9e\xe4\xd6=\xde\xa5\x08a\xaa\xcf+\x99\xd2.\xd0r\x83B*c\x14\xe5\x1fr\xee\xc0V&amp;\xc5\x18\xd3\xbeF`\xe8M\x05\x02W\x12\x89($\xd1\x96\x99\x83,]\xf5\xf2\xc2\xceFE\xd2\xe9d\x90V\xb3\xc7w\xaam\xb2L\xe5\xd7\x05|v\xad\xf2x\xce\x98\xea\x0e\x93Z\x94\xcarl\xedT\xe9\xe7\x7fK\xc7\xa6\xe0\xb4\xf0\xcbg\x88\x93P\xbbL\'=K\x17N\x12\x81la\x0f\xa4\x80\r\x92_\xcd\x0e\x15\xcd\xda"\xad\x9f\xd2\xa7G\xcd"\xd2O\x93\x1d\x80\xba\x05\x94\x8b\xe8Z\xbdP6\x9b\xf2W\x8f\x9aE\xa4&gt;\xc0j9?\x1e\x9e\x00P$\xa9\xff2\xa25\x1f\x1d\x1c7\x0f\xae\xbc\xc7\xed\xa0X\xc5\xa4\xf0\xab\xc7\xf7p\xb8\n\x81\xc0)X\xdb\xd1\xb0pZ\xd5\xb3\xad\xcbdsI-\xfa_B\x08\x87\x96}\x94\x97H\xe35\x03\x1dR#\x9c\xbc\xdcM\xe8\xc4\xfa\xdd&gt;w(;pX\xbf\xde\xe4\xf3/\x9f&gt;v\xdex\xa1r\xc7\xd1\xab\x86\x19\xc4\x06\'Z1\xb6\xab%\x19Z\x95\xb6{\xd9\x92\xd8f\x03N\xce\xa7\x02\xa1N\x81\xec\x05\xbb\xba7\x80B\x0e\x08\x04fiS6\x87\xf3\x85\xb0\x0f\x0f\xaf/9\\B"\x8d\xcei\x8e;\xf5&amp;\x0b$4pr\x91\xd5C\x16\xd0\x0fNlt\xbe-\xcb\xe8E\t\x89\xf8\x012\x11\xa5\xb6_d\xcbl\xb7:b\xc7\xb1\xb5S\xe5\xfb\x0c\xae@\xf5\xbe\x1c\x9e\x04\xe8\x97\x9c3\x96YO\xb8\xda\x8fA\x1d\xad\xa5Je\x1f\x96N\'p\xb0@\x10x\x88ODD\xfa\x83&gt;-\x00\xf4\xac]\xf4\x9a+\x068&amp;[\x81\xe9\xbd\x1a\xb3&amp;\xc3\x92!BF/\xf5\xf4\xe4\xc1)\xb0\xfa#p/\xadJg\xd5:\xc5Z.\x97\x87ld\x7f\xdf\x1b\xfbWH\x9eY;V\xcek\xbe\x03pS\x08I\xab\x1b\x10]\xab\x17RMO\xaf3}#\x02\xde\x04\xb69\x8a\xe0\xdfE\xd6\x1a\x96K\x17\xabiqSJ\x87\x0ec\xf2\xed_&lt;\xbc\x83\xd5\x92\x1d\xd6&amp;\xd5q\x07\xb4r\\\xb7q\xf6\x1b\x15\xd1\x89b;Z\x91[\x010\xb6CM\xe9\xd8U\xc5\xea7g[f\x0er\xc0\xd1\x10\x13\xafI\xd1\xf4\xd2\x93\x0f\xe3\xa2\x19\x80g\xc9\x1e\x9d6L\xed\xeb\x80\xa6\xaf@\x10(\xe8\xdf\xb0\xb4\x8e\x9b\xb1T\xa1]9F\xde&gt;g\xa8\xce\xd7\xceNM\xe8\\w\xd3\xf4\x01\xae\xab\xd3Yb\x18g\xa1\xa5\xa3:k\x9dr\xde)\xce\xcc\xbe\xcdT\xd3\x93\x10\xbd\xba\xb4\x9b\xa9\t}\xbdw\x14\x1fo8]\x95)\x82\x11\x8djc\xd9\xdb\xe8\xee\x05#\x95\xbaX\xac\xf5/\x99\xd2\x91\x15\xb7Y\xfd\x9a\xeb\x9c\r\xe0N%0x.\x11\x08\x1c$ \xbf\x16\xc3\xba\xf0\xe9\x96\xc9r\xb4\x86\xff\xfb\x96\x8c\xb1(\x94\xdb\xc9\x13\'\xa4\xc3\x0b\xeb\x152\xc6\x9d\xd0\xb9.;&gt;\xb4r"\xf0\xd1UR\x91\xf5?\xbd\x97\x13u%\xe3z\x80\x16\xbeY\xc8\x89\xfd[\x97\xcc\x1b\xa6\xf6lDDKFv\x94\xa5\x1b\xc6.\xdd&lt;\xc3n\x80\x02@\xc7\xff6\xdfQY\x8a*,\x10x\x8c\x9d\xf3\x87\x13QB\xa7\xcb\x91\xc5\x05\xff\x83\xec\x7f\xb7\xce\x1a\xfc\xe1\xc6\x01e\xfa\xd15S\xd38\x17\'\xc1\x01o\xc3\x93\xba\xd6\xbb{dm\xdf\xfa\xa5\x9c\xd7_\x92\xbcA0\xac\xb6\xa4\xc9Ml\xafV\xcb\x9e\x18\xc0\xf1u\xd3\x95\xa7\xea\xe6OE6\x7fP\xaf/\xef\x01\x9e\x9b\xaf\x9a\x9f\x8a\xf1b;\xdc\x13\xf8\xa90\xd8.\x97v\xfeeN\xd1%\x16\x0ci\xa3\x9a&gt;\xb4\x85\xde\xf0\xbf~\x01\x1f\xad\x00\x03\x02A \xe5\xfb\x83\xe3\xaa\xe9\xa3\xdbU\xb7T\x8e\xa1\t\xb1&gt;\x9b\xa6\x0f\x00\xbe\x00hP0\xb5j\x86\xff\x96\x8eUMw\x80T\xa1\x08\x1f\xaeK?\xb5l\xd3\x00l\x9e1\xd0|\xb1xz\x86\x88:W\xcd/s\xf0iI\xd1(\x02\x11\x80\xdd\x0bFX\xb8F\x03Y\xbcC7\x99\x87\rl\\\x96\x1d4/\x99\xd9\x1d\xe5\x03p~\x9e\xc7\xb4\xd7\xdc=\xfd\xed^\xa3\xf0\x1f\xbd\xc9!\x108\x8e\xfe\xab\xaf&lt;\x9b=\xbaJ\x1e\xd9pO\xd6\x92Z"i\x10\xb7|\xf0U\xb2&amp;L\x13N]G0\x7f\xfc0DT1S&lt;\xa5K\xe7\xe0D\xcb\xc7tq\xb90:\xfc5-Q\xdex\xea1\xdce\x84\xd7H\xffr\xe7\x88\xf4(\xcen\x99\xe3"\xa1\x04\x82?\r\x1d\x9fYn\x8d^\xdb\xa9J~\xb2o\x8f\x00\x98\xd9n%\xb7\x19\xfet\xac\x9c\x97\x88\xf0\xed\xae~\xb6Z\xb9\x93K\xc7\xd9\xa3\xfbm\x90W\xcc\x14ot\xbb\xea\xb1l\xe2\x99\xac\xb1Z\xf6\xc4\x05\x13\xb9&gt;\xecf\x9d\xbc)\xd8\xc1\xc9\r3&lt;\xee3\xc7M8\xf9\x0e\xf8\xa6\x8e^"\xa5\x05\x1b\x00\x07\xec\xef\\b\xd2!\x10\xb8\x05i\x9b\xeb\xfd\xf5\xfd\x9e\x92\x01x\xad\xfcB\xd8&amp;\x81\xbe\x07S\xf6\xf1\xab\x85\xfb%"r\xad\xfd\xcd\xd5=Kd)m\xca\xe6\xc8\x18\x99.\xeeX\x98\xc2 D\xa31Z\x06\xd2\x95\xb3$\x90\x99q9@\xaaPT6]\xac\xb4\xe1\xa9\xa0\x91\xd5\x9b\xc4\x8d\xfd+\x9c\xac\xb4\x9e\x13\xfd\x8dY\xdb-"\xb2\xa2\xbf\xaf\xd5\n\xe7\x88ia|\xc3^*\xab\xbd\xb50\x05\x13x\x18|\xbf\x17\xc1\xf4|\xd9*=j\x151\xce\xa4\xcbl]M&gt;\x06\x80\xde\xf5J\xc8\x12\xd3\x84\xd3S\xd5`\xeet\xdcD\x97j\x05\xf1\xed\xee\x1f\xa1\xbd\xde\xbcd&amp;\x9d\xb3\x19\xed\xbb\xd0\xf0\x0e-\x10e\xf3\x90W\r-\xcb&gt;3\xac\x9e\xd0\xa3\xb8\xb7\xd6\xf8A\x9dxD\xd1\x8c\xfc)Y+Q \x08\xb4\xb8\xdc7\xa73j3\x13\xbb\xd45\x93\x8d-\xb5;@\xde\xb8\x0e\xf6\x8e\xae\ri\xa0\xa5\x0b\x1f\x8e\x0b\'`\xd5\xff0\xd3\xc6\x91%\xb2\xcdg\xe5j[\xb5\xec\x89\x17\x0ciS\xaf\x80\x8f\xa5n@_\x01\xc6&lt;.\x0c!\xbc{\xc1H\xc3\xee\x99\xa9!-\x1ealx\xa8\xe9"\xdc4n\xb2a\x16\x08La\xf8\x896Ts\x93+0\xa4a\xe1\xb4Z\xad\xcc\xa2a\xedm[\xd7\x1fX\n\xf0C\xb1\xbd\xed\x08\xaa\xbb\x9a\xac\xd5NDth\xe5\xc4\xa2\xc9\xfc\xfb\xa5j\xd9\x13\xef2\xa78T\xdc;2\x80\xab{\x97^\xd8\xb1\xe0\xe7\xa3S\xc6\x17\xd8\x98\xd4\xb5\x9e\xf9\xcc:\xd4\xce\xe3\xfd\xec\xdcvK\x97\xcc\x1d\xd0R\x99\x18\x9d(y0\x02\xa0\xafw\x19)\xa0\xf6\xc3\xef\x1c^\x13\xf8g\x8a\x82\xbf\x99?\xfd\xfd\xbb\xa2X\x85\xe7\x993\xa0e\xa1\xc4Z\xba\x1e.FY\x8d\xea\xb3\x05\x87\xcbe\xe8\xd7\xa0T\xe7\xaa\x05d\x89y\xe2\x86d\xab|\xbc\x02\xfb\xa6\xe9\xfd\x01\x143\xbd\xd6\x91\'NH\xbc\xb9\xac/vh\x85\x93}\x17\x92\xc5]\x05{\x92AM\xca\xe9\x9c5\xef\xdc[ \xb0F\x95\xac\t\x03\xac\xae\xf9\x83\xdb\x14H\x186$\x11\xf0\xc30\xf3\xd6Y\x9a\x91\x06\xfa(\xd6\xfa\r9\xb6n\x1a\xdfpD \x02\xbe\x19^\xb5qj?g\xf4\xdfu6\x03\x1b\x15I\xe7\xd6\x0e\x804lq\x01\xc8\xfe\xe2O\xcelu\xac\xfc\xb5\x13{\xe9\x9cUu\x01=\xb0q\x19\x93\x85\x8fi_\xc3\xbc$\xfa.\x89L\x82gg\xf95\xbel\xd6\'b\xce\xa8\xc3\x95O\x1f8\x9dH\t\x04n\xe0\xc0\xf2\xf1&amp;s\xc6wC\xed\xb2\x8d\xc1\xb6\xe5rj\xe5dJ\xa8D\x04\x13\xce\xe8{\xd5)v~\xfb|\xe2\xc6\xfb!\x89\xcem\x9b\xa7\xd5\xbe\x1b\xb6\xfe:Nl\x1c\xde\xac?\xb2zJ\xa5L\x16\x1e\xaaN\xc0\x9f^u\x8a\xf1?\x99k\xe5\x1f\x0fOh\x05\xcf!\xa3Yf\xfd\x02&gt;O\xcfn\xb3d\xf4\xeb&gt;\xee\x1f[\xef\xc0\xa2\xfc\xa3S\x9b\x01\xc4\xd7\xf6W\x98\xca\xd0}\x84@\xe0A\xdc\xea\xf4XUk\x93o\x14\xee\x1eY\xbbqZ?\xfe\xec\xf1u\xd3\xdcde k\xa5\xf0\xfe\x1a\x11\xa5pt\x93\xf1\xfc\xf6\xf9g6\xcfQ\x1a\xa3\xb1h\xec\x8e\x95\x99;\xb6\xa64\xfb\x97\x19\xf7\xa0/.\xecP&amp;\x9a\x9fp\x1c]=%I\x10Z;\xa9\xd7\xad\x83\xab\xcc\xe4\x07\x80\xef\xf7\xf4\x0b\xbf\xb4s\xa1\xce\xd9(DW\xf6,\xf1\xe0R\xe4\x00\xd3\x13\x14-\xbcC\x10\x80;\x87\xd70\xf7AJ\xcc\xef\x15\x8b\xaeB\x10\xd8\xe17\xd0J\xa4\x90/\xcdvQ\xacA\x97Ic`\xc2\xa5\x1a-\x92\xf9\x9dOf\xa4\xfe=\xa5{\x03v\xf0?\xa2\x07\'6\xe8g\xd6\x8a\x81\x9c@\x11$\xc4\xaaN\xb7\xb2\x85u\xad\xf7M\xf3\xfa\x94m\xca\xe6P\x9dd\xe0\xd7#\x93%\x9c\xdd2\xd7\x92lf0l\xdf\xd3Xq\x86\xa7\xbftn\x15W\xf5=\x00\x94nP/\xecXP8\x89\xffZU\xae\xd8\xc1\x89(_\xfc\xd0Z\x95\xba6\xa6\xa9@`\x8dT&amp;V\x19\x0c\x17j\xbbT+\xa8L\xd4\xf1x\x95\xd4E\xa3}\xde\nW\x15\x97l\x07\x17H\x18N\xe9\x1e\xc0\xdd\x8a\xff\xacp3\x9dR\xe1$\x11\xabfK\xe4*y"\x11\x01_\x03\x9b\xa6\x00\x8b:i\x15\xf3\xc3pC\xc5\x81\x1c1\x83\x9a\x7f&amp;\x00\xcc\xb8\xf9d\x05\x8a\x19\x80\xc0\xc3\xe8Go\'\xb5h\x91f\x94\xf1\x03\xc06j\xc7\xdcaZ\xa7X\x00t\xbc\xb9\xe2|-\xc9\x83\xd1\xc3\x93\x9b\xf8\x14\xe0\xb3\xce\xad\xe1\xe5\x05K\xe5\xcb\x8arf\xbb\xbeS\x95|\x0e_\xcb\x98\xd1\xbb\t\x00\xe0\xb7\x93\xe58\x83\x14#\xccM\x0cnV^\xb6\x06\xf8\xfc\xbc\x81\xca\xe9\x82!m\xad\xd6\xf2?\xa3\xf1\x87l\x15T \xf0$\xbe&gt;\x9a\x8b\x0eJ7)f\xec\xe6\x81w\x01iR\x00|\x1c\xd4\xa4\\8\xa2w\xd7\xfe;\xb2z2\x80\xad\xb3\x06;R\xce\xab\x8bZ\xda\x9cs\x07\xb6\xb2\x1d\x7fU6\x91\xe5\xd3\xc7!\xa2p~=\x9f\xdf\xd9\xae\xd5U\xe6F\x12\x9d\xaa\xe4S\xd6e\xa6\xd7\x1c\xd9\xa6\xaaa\x1e\'\x91\xfc\x1a\xe93\xa9k\xbd\x8b;\x17\xb2m\x0cC\r\xd3\x94\xa1HsV\xe89\xc2+"$\x03\xcfL^\xdb\xa9J\xbe&amp;E\xd3\xe3\xdd5\xab\x956,\x9c\xb6~\xc1\xbf\xd3/\x93 \xf0\xe2\xb4\xbb\x1a?\xea\xe5Oe\x98\xa7Se\x83\xd1\xa8~+\xa6\xd5\x0e\xb2`\xc5J\x8d@\x00\xaf.\xee\xba\xb4k\x11\x80\x8f\xb7\x0e\x1a\x8a\xa7\xc5\xfee\xe3e\xf1=\xd8C\xc3\xcf\x07\xfc\xce\xc6\x80F\xf2\x8d\xc4\xee5\x0b\xb3\x83V\xa5\xb3\x01O\x98\x80?\x1e\x9e \xa26\xe5\xe4S(\x89\xc6E\xd3\'qt\x15\xd8Uj\xe32=\x1f"\xfax\xf3`\xbe\xf8f\xd7&amp;Z\x95\xce\xc6\x0e\xe2\x11\xed]&lt;\xfa\x8c\xd3\xde4\x9b\x95\xc8\x14\x90.%*d\xb0\x8b\x07\xea\x1d\xdc\x16\xae\xd2h"\xb2nroi\xf7\xc5\xaa\x1a\xb1\xafO\xb4_\x8fO\xed\x987,\xb0\xad\xb6\t\x04\x01D\x8fZE,\xbd\xfd\xcbF\xfb\xbbJV\xf5\xd9\x0b\xe0\xdc\xb6y|Jx\x87\x8c\t\xcc\x10K\xc3\xf7C\x89\x14Q\xb2E\xa7C+\'&gt;;\xb7\xfd\xfe\xb1\xf5\x97v-\xda\xb3h\x14\xf0\xcb\xb5\x8e"\xdc\r\x80\xfb\xc7\r6\xd8%\xa4\x8eb@\xa32\xae]\xf7\xbb\xb4k\x91\xab\x8a\xd2\xe1\xd0\xca\x89\xb2\x14\xb6\xe5\xd0\xaeB.\xfd\x0bS\x87\xa5\xfb\xc7\xd6\x03\x90\x0c\xbc\x1d@t\x00\x82?\x8c\x94\x1a\xfb\xc6o\xaf\xee\xb3TN\x04]\xf5s\x93\xc40Zi\xad\x98\xc9\xf5q\xf7F\xb7\xab.S\x03\x95e\x08j\x8b2\x7fv\xeb\xdc\x99}\x9b\xe1\xf3-\x87\xbfsCC\xa5ck\xa7Y*\xb0N\xbe\x94:g\xd9,\'0\xb4J3z7\xf9#"&amp;:\xd3\xe7\x95H\x11%0&lt;j\x81\xc0A\x8a\xdb;D\x0c\xcfu\x03^\x0e\x15\x98\xc8\xfd\xad\x8f\xa1\x8b\x7f\xe3\x12\xec\xe3\x16\xc8\x04\x8eb\xf3N,))\x01\xaf\x98\xdd\x90\x03\x14M\xe6\xe5\x98\x90Z\xcc\x1b\xd4\xfa\x8fnt\x9cw\xbb\x1d\x00\x8clSu@\xa3\xd2\x86\xd9\xb6\xcd\x1e\xf2G\xff-\x04\xff4Q\x88R\x840\xdb^\xe7\x8e\x13\xc2\xfc\xb2\xb2\x12\xa6O\xed\x12\x00\xe8\x97%\xf5i+\xc6v\x95\xdd\x9d2\xe4\xa4\x8a\x02&gt;\xb0c\xeeP&gt;%}D\xfa\xfe\xe0\xf8\x96\x99\x83\xaa\xe7H2\xa4Yy\xd5JU]u\x9ag\xe3\xb4\xfe\xa5S\x9brk\x10U\xad\x8b\xf5\x90\x17g\x7f"Y\xf1\xe9\xef$1]\xa1.\xa5\xcf\xf7\x07\xc7e\x0fy|\xe7:\xdb\xe7\x0cU\xe6\xb4\xe4\x0cC p\x10\x07\x1c0wU\xd3\xee\x97`\r_\xe5,\t\xf4\xb3\x99\x81wk\xec\xab\xd1\x8a\x1dY=\xd9P\x183C\xc3\xd4a\x08\xf8jR0\xa5\x85n\xd5l\x89Tk\x97\xa5,\x1a\xde^\xf2\xbdS;\x8f7\x11\xdd?\xbe\xde\xb0:\xd5\x0e`H\xf3\n\x05\x12Z1\x9a\xb2\xce\x87\x9b\x07\xf4\xcd\x91\x1a\x14J3\xaecmvli\xfe\xd4D\xc3\x10\x8f\x88\x00\xf0\xaa7:\x8e:d\x844\xad\xa1\x14\xf0\xe8\xec]\x87W\xb8\xefV\x1a\x1fT\xca\x1c?\xc0zA\x81\xc0\x95\xc8\xd4\xfbB)lk;V\xce\x87\xa7gI\xb1\x85P6],3\x05\xb2&amp;^\x16\x99\xe0\xed\xb5}\xfcY}\tS\x87%\xe0\xb7\xc9\x15[K!\xda]E\xc9\x94QS\xdawb\x952\xc5?\xb4r\x12\x00\x17\xfa\xc7W\xa5f\xaed|\xe3\xc5\xfeR\xfe?\xf1\xb2z\x0e?\xb3*\xf3\x1aV\x89\x88\x96\x8d\xea\xaczjT[\xb9\x01\xed\x99\xcd\x16t\x87d\xafV\x96\xa8T\xbf\xa0\xcf\xa2a\xed\xcd\x97\xe0\x0e.\xee\\\xc8\x16\xfa\x9e\x9fWq\xce\xc1\xe3\n\xa7v\x02A\xe0\xa3f\xaed\xec@\xa6\xf4\xc2\xb6\x167\xcf\x18\xa8\xbcD+\x0c\xfa\xce\xf9\xc3\xf9\x9f)B\xfa\xf9\x8a\xd0B\xd9\xac+\x8d\x9c\x97\x8c\xe8h\xa6\xf5\x07\xb0dDG\xc3&lt;\xfc\xcf\xccQ\x1c\xb1\x15R\xe2\xf1V\x8c\xa1X\xd4zzt\xcd\x14\x07\xca\xf9p\xe3\x80t\xac\xaf\x075\xb3OS\xd5t33\xd7\x17F\r\xae\x0e&gt;\x8e\xaeJ\x96\xb7W\x1e%\xa2q\x1dk\xf9\x84\xa1\x0c\x91\\\xb0\xc9$\x10\xb8\x0bY|D\xf3So-\x807DT3wr\xe0\xf5\xd4\x1e\xe1&gt;\xd4\xcb\x00\x00 \x00IDAT\rY\xa2I=\xee\xf9\x83Z_\xdd\xbb\xd4\x81\x10\xdb\x96\xb0\x14]V\x06\x80\x14!\xed\x1aD6\x91\x1f\xacX\xcaw\xfeIJ5j\x9drR\xf1\xdf\x19#,\xe6\xd8\x83_{\xc9\x1e=\x88\xf9M\x8bQm\xab\x19\xf8\x872"cd\x83e\xc0\x00f\xfe\xe06\x9e\x16A \xb0\xce\xcc\xbe\xcd\\[\xa0lQ\xc5\xd2w\xae\xdf\x82\xf4\xac]T\x96!$\xd1\xcb\x8b\xbb\xcc\x17\xb5~J_+\xe2\xfc\xe5h\xe9\xef\x9a\x87\x8f\xd2\x95)\xc0\x83\xdeZ\xdd$\xaf\xab\xab\xf0*\x10\x08La\xfe\xc3\x8bF\xc6\xe1\xf7x\x0e\xae\x98\xa8\xbf\xeb5G-\xce\xdf\xee\x85#M\xd7\xe0.\x02^{\x0f\x80\x8e\xef#\x93%\x00\xd0\xf1&gt;\xfd\xef\x80\x0f\xd7=X\xfb\x97\xbbG&lt;X\xbb@\xe0\x87\xcb[\xb1\x8e\x95\xf2\xba\xb5eLB\xd4\xbcd&amp;\xf3+!,\xd6\x87\xf9&amp;\x8f\x8f\xa0\xeb\x12\xa4\xa7\xd1\xbaLv3\xf9\x93k/W\xb1\xe6\xfb\xee\x91\xb5\x0e\x0b3\xa8I\xb9\xe6%3\xaf\x1c\xd7]\xf5\xec\xbcA\xad\xbbV/\x08\xe0\xeb\xdd\xa3\x00\x94~\xbf\x03?&amp;\xdf=\xa6I yv\x12\x08\xfe!^]\xda\xadsV\xcb\xff\xc9\xa7\xdb\x87j\xe5\xf1\x96\xed\xd41g&gt;KGv\xeal\x8b\xa8\xe5\x00\x00\xda\x945\xd58J\xecY4\xcaR\xf9\xbc\xc9\xaeV\x1b\xc1v\x98;W\xc9\xef\x0e\xf5\x9f\xc2I"\xf2\xf5\xb6\xaf\x90[??s$Y-\xbbjd\x1d\xc7a2\xa8j\xe6\xc4%:\xb9aF\xd5l\x89\x064*\xb3`H\xdb4\xe1\xf4\xe2\x94\xfd\xf50\xbf~\x02\xc1\xdf\x83\xc9\xe5_I\xdbO\x15~\xfb\x18\xc0\x1a[\xb4X\xf3\xc1Z\x95J\xfef\xf42Y\x9e\x8b;\x176*\x92n`\xe3\xb2\xf8|[\x96\xe1\xf9\xf9\x1dZ\xe5|\xbcyPJ_2\xb2\x13\x80\xd1\xed\xaa+\xb3}\xbf\x7f\x9c\x05\xbaR\x16\xce\x8bqx\xd5$}Q\xc9\xe6(\x82OI\x1b\x8e\xe2\xdb\x9ce\xb6\xf4\xcd*;;\xa2u\x15YJ\xa6(t\xe7\xf0\x9aFE\xd2\x1a\xd6e\x12\xde\xa9\x8e\x96\xda\x15O\x12"\x97w\x84i\x1c0E\xf1\x10w\x0e\xaf\xf1\xb4\x08\x02\xc1\x1f\xce\xef\'\xa7\r\xf3\x1c]3\xc5L\x07\x904\x08\x1dY=e\\\xc7Z\xaaga\xc3\xcc\xb6$\xcb\xa9\x1cZ\xe3\xe9Yv\xea\xe8\x9a\xa9\xfa\xd7F z{u\x9fo\xea\xe8,\xaa\xad\xd2\x92SvG\xf5\n\xd8y\xfd\xc5\xbbkfV*~=&gt;e\x98G\x95\xb4\xe1\x89\x88\x9a\x95\xc8\xc4\'J\x1a\xb4\x81a\xf9\x9f\x1fd\x94Tx\x1a\x0f$\xc8\xec\xfd\x94\x0eS\x9d!\xe07\x90\x04\x82\x80&amp;\x93\t\x0f\xb9\xf3\x06\xb5^;\xb1\xd7\x99\xcd\xb3\xf5\xb3U\xc9\x9a\x90\xb5\xaa7\x0f\xacT\x9e\xcd\xe8E\xf3\x06\xb6\xe2\x9b]\x07t\xbbk\xe5I\x0e\xe0\xee\xd1\xb5\x92)\x83\x12V\x05[(7\xd3o\xd5\xc8\x99T\x99\xf8\xec\xdcv\xe9\xc2\xd2ib\xb0\xe3q\x1dki\x19\xc4\xf1\xc8tO[\x97\xc9fx\t#\xd0\xba"\x95\xf9\x92\x92\xe1\x80\xbd\xef\x84\xceu\xf8\x9f:\x13_\xfd\xc9\xae@\xf0\xf7\xa3\xaf\x81cF\xed:\x98\xfdpf\xed\xc4^\x00\xfa5(ED\x00v\xcd\x1f\xe1\xac\x88DD\x14\x94(\xb4\xeeb\xd1\xbaI~\x9e\xd9\r\x17.\x9a\x95\xc8\xa4\xea\xe8\xb8D\x8a(\x86V\xf8\xb0\xa7S\x95\xfc\xec\x80\xb9\'\xd31\x04\x93\xd9^\xd8\x97\xf9\x16\xc0\xe2\x11\x1d\x8c*\x97st\xcd\x14\xc9j8\xb6n\xce\xb4\x9c\xc7\x01\x97\x8f=3E\xb6\xbcWQB\xb7\xd1\x97\xc1\xb6\xf1e\x01[\xb2D\xa5\x03\xcb\xc7\xab\xe6_&gt;\xba\x8bO\x18\xf6\x97\xfa\xf8\xe9\xd6!K\x82\xf18f\xf8FD\xf5\x0b8\x12\xe6\xc51G\x81\x02A\xc0\x01`R\xd7\xfa\xca\xf4\xdd\x0b\xec\x9427\xcf\x18\xc8\xb7\x92R:?\xe0\xca\x11#\xe8\xb7{\xc7\x00,\x1en\xad\xe1\xd3j\xbf\x86\xb6\xa8\x18\x99\xeb!tB\xbc\x96\xf2\x896\xa1\xb3J&lt;K3-#\x00\xe0%\x11\riV\xa1c\xa5\xbcD\x84/\xb7\xc7w\xaa\xad\xd53=8\xbe\xe1\xd6\xc1U\x86\x85\x03\xd8\xbbx\xb4N\x06U\xfd}3\x02\xf7\xac]\xd40\x8f\x93\x04%zzv\xab\xfb\xca?\xbdi\xd6\xeb\xcb{\x94\xe9\x17\xb6\xcfW}\x02u\xf3\xa7"\xa2Z\xb9\x93\x03\x8f\xdd\'\x95\x0b1\x9e\xf7\t\x04\x81\x10\xe6&gt;\x0c\x80jH\xe1\x06\x85R\x07\xb4@Nxf\x07\xa0\xefg\x82\xc1\x96\x89r\xc4P\t\x87\xa9\xe5\xd3\xd1\'\x0c\xc5%\nNT,y\xe4\xf3\xf6\xc1j\xcc\xca\xf6\xfaR\xbd\xfc\xa9\x1c\xbb\xaf\xb4\xe1)mx\x9a\xde\xbb\x89\xd5\x0b\xb5|\xf8\x04\x12\x82\x13\xbd\xbf\xbe\xdf\xb1k\x81\x17\xec\xc0\xcbe\xe2\x08\x04\x7f\x0bc\xda\xd7\x88f\x1b]\xc6 \nA\xf4\xe0\xc4F\xc7\x8aJd\xf3\x1f\xc0\x90Y\x08\x9bipyTW9"\x115(\x98z\xde\xa0\xd6D4\xb1K]\'\x9d\r\x98\xe1\xc8\xea\xc9\xbf\x9f\x9c\x89\xabH\xd7\t\x91,\xb9\x15\xaa\x9b/e\r\xed\r\x06-\xd8\xdf\xc2\xb1\xd0(\xccw)\xde^\xdd8\xad\xff\xdeE*\x93\x0c3\xfdJ\x14\x85k&lt;\xfd\x15\'g0\xafNf\x9en\xd5\x0b\xf1?\x03\xa9\x1fQ\x81 P\x91\x84\x08\xc0\xea\t=\x9c\\5\xc6\xcb\x8b\xaa\xe9\xcf\xcfowx\xc0\xce\x08M\xe4\x9b:\xba\xaaRc\xfd\x02&gt;\xc3ZV\xf2\xac\xae\x05o\xd2U2\xa5\x7f\x0b*\xdd\xf5\xbbk\xff\xf1\xf9\xfb\xd6/\xb9g\xd1(K\xe1\xc5\xcd\x07\xce\x95\xed\x8a\x9f\xd9&lt;{F\xef&amp;&amp;\x9fO\xdd\xfc\xa9f\xf5mFD\xb5\xf3\xa6\xf0\x0eNd\x0bv\xa6\xc5\xaaq\xdd\xcd\x94\xac\x1f\xc7M \x10\xb8\x17\x00a\x88V\x8c\xe9*K\xe7]\xc3\xeb\xef\xa9\xee[&lt;F\xeb\xd4\xedC\xab\x8dj\xff\x00`R\xd7z\x06R\xda\xb3~J\x1f\xae\x04\xb4*\x9dM\xb5\xad\xa9\x9d\xc7\xdb\xc9\xf8*2\xa0\xe1\x1f\xb4R\xe6\xf8Vk\x01~\xb1K\x94\x17\xf6\xa9_2gL\x9d\xb9\x84&amp;%\xdc\xa9L)Y{\x000\xe3%\xbbE\xa9,:\x7f\xfd\x10\xb6\xa2\x88h\xfd\x94\xbe\xc0O\x87\x05\xd3\nD\x91:\x0c\xc9\xa6\x97\xb5\xf3z;P\xbej\xec\x07\xf3$t\xe6b\x81\xc0S\xc4TKdQMd\xa3\xb6\xd2\xa9\xa3\xeb\xaf\xba\x00\xc8\x1b\xd7\xc0\x04\r\x80\xea\xea\x84jN\xe0\x87\x93\xf3\x06\x07H\x13V\xd344"\x91\x9b\x02\x14N\xecR\xf7\xc5\x85\x9d&amp;3[\\N\x93\xf3\xe9\xd6\xa1\xcaY\x12\x18\xea\xbd\xa8z\xf3\xb6\x8a\x0b\xed\xcb\xb6\xce\x1a\xec\xba\xc2\x02\x88\x84\xc2\x08@\x10H\x00\xde\x98wJ\xb5{\xc1\xc8M\xd3\x07\x98\xd4\x7f\'"&lt;;;\xb0q\x99Tj\n\xf9-Je\x96\x8e\x9f\x9e\xddf\xfe{h^23\x9e\x9e\xb1\xd4\x01\xa8\xfa\x92s\x13\xa9B;\x15\x1f\x9c\'8\xd1\xbdc\xeb\x02\xa6\xa5\xa8\x9d\xc7\x9by\xc51\xac\x0e\x80NOsb\xfdt\xe9\xd8\xe5\x9b1I\x83\x92r\xda\x94\xdcz\xf4\xac;\x87\xd7\x00p\x87\x1bS\x16\x01xt[\x15#s\x9ek\xfb\x96]\xdd\xbb\xd4\r\xf5\x0b\x04VX5\xbe\x07s\x9f`\xfe\x92\x10Dc\xda\xd7`~\x0b\x00\xc4vh,#3\xd6\x05`\xd5\xc6R\xd9\xc8\x16\xf7\x8e|c\xff\nY6e\xcc)\x19flP\xb5\xf4\xd5\xc3\x10\x01\xb8\xb0c\x81\x94\xc2\xdc\x1c\xb0\xf6\xc5\xb0\xd8?\x14\xe9\xd6\x94MX\xcd\xdc\xc9\xb5\xae\xea^\xa3\xb0\x0bk\x07\xbe\xb3\x9f\xaaN\xab\x86\xb5\xac\xc4\xff\xd4\xd1\x06v9\xcc\xd4\xceL}Z\xce\xf8\x04\x02\xf7\xc2\xb7M\x0e\xb8J\x97\xacI\xaf\x99\x1b\xc2\xf8\xa6\x8e&gt;\xb2uUY\xa2\xec\x13u\xc9\x909s\x14\xcd\x85\x85\x88D\xc3[V\xd6r\xbeV;\x8f\xb7~\xed\x17v,\xe8\xd7\xc0\x97i2)G\xa0J]\xa0\xba\xf9R\xe6\x8c\xe9L\xf8\x19\x9a\xdcM\xc5\xd2\xc2\x0c\xbc\xc2\x95\x19Nn\x98a\xf5\xc9?&gt;\xb5\xd9R~\x86k{\xc4\xd9\xce\xb9\xa8\xf3\xf5Q\x8f8\xed&lt;loC\x8azV&amp;\x8d\xe6,\xc8\xe5\x1eg\x05\x02St\xabQ\xc88\x93\r\xf6\xdd\xe6\x8a\xe5`\x90\xea\xa0\n\xd5x\xa5\xe5\xbd\xb4\xa04\xb0q\x19\xc7j)\x9f!\x0e\xbe\xde1\xd3\xc4\xe4\x8a\x1d&lt;{\x0cu\r@i\x93SM\xbc\x8f\x92\xa2\x8dr\xb7\x9c\x87\xcd\x00Z\x94\xca\xc2\xa2\x9b\xed\x9a?\xa2\x9e\x15\x8b\xd0\xf6\x15\r\xfc\x83\x9aA\xd9\xa9;\xfc\xe7s!\x00r\xc6r\xaaSt!\x00\x9e\x9e\xdd\xc6\xa7L\xeeV_\xe6c\xca\x81\xb8i\x86\x01D\x05\x82?\x8f\xdd\x0bF:\xf3\xe1z\x87\xa0\xaf\xf7\x8eJ?\x95\r"k\xfd\xcdo-\xfe\xb7t,\xff\xb3k\xf5BL\x0b\x88u\x00\xfa\x9b\xb1\xa5R\xfd\xcf\xfc\x06\x86\xc34/\xe9\xe7\x82\xed\xde\xd1uD4\xb0q\x19\x1d\xff\xfe\x12\xf5\x0b\xf8\xd8D{\xb5r\\\xf7~\r|\x1b\x17M\xef\xa4$\xd7\xf6-\x93\xdd\xe9\xae\xf9\xc3\xc9\xe6\n\xdf&lt;\xee\x8b\xfa\x85\x17\xe7\xd9SrMi\xf8e&amp;[\xc9T*sE\xe0\xa3U\xab\x14g\xf0l,\x1a\xc1?JTU\xbf\x95o.;S\xe6\xe4n\xf5\rm\x82\xdaU\xc8\xc5\x0eT\xfdP\x02\xe8Q\xab\x88\xd5z\xd9\xec\xfa\xd1\xa9\xcd\xc0O\x00\x1fn\x1e0\xb8\x80(\x0c\xd1\xc5\x1d\x0b\x98\xcb 3U\x8ch]\xc5\xbc&lt;\x87WN""iSdp\xd3r,\x1d\xf8\\1c\\\x93^\x90m}\xc0;\x97tQ._\xfcN\xe6\x88zj\xc0\x01\xa0`\xa2?\xc7\xdf\xb4@\x10\xc0\xd4\xcb\x9fj\xd7\x02\xb9k6\xfc\xb8\xaf:&amp;r\x9e\x8c^\xc4Zg\xa99K\x1b\x9e\xee\x1d[\xef\xc2*\xa4\x11\xfd+\x8d(\xc1J\x9a\x16\xcb`\xb2y}}Y/l\x0e\xab\x9du~\xf7\x8e\xad\xbf\xfe\xdfr"*\xee\x1d\x99\xefP;V\xce\xcb\x16\x91\xbcL\n\xa7F\xf7\x9afwP\x07\xd9z\x1d\x97\x83\x1f\xf7\xf7.\x1e\xfd\x17on\xab\xa2\x1c-\xf9\xfaD3\x1f&amp;&amp; \xf7\x9f\x05\x02c\x00\xf0sOIi/uX\xb7T\x97&gt;"\x95N\x1d\x9d5\xd0?\x1f\x9d\x92d\xe8U\xa7\xb8\xceU9c\x063\xdf\xd0X]\xd2\xc1\xf7{\x8b\x86\xb5\x9f\xd8E\xc5\x13\x9c\x92\x9a\xb9\x92\x01\x90\x9c\xa9\x15L\x14N\xaa(\x82\xadv\xc3BR\x86\xa4\xd5\xe3{T\xb1\xb8=\xcb\xc3\xfc,\xfdxx\xc2\xe1\x12\x9c\xc4q\xd1\xd5\xb0\xba\x00\xe5\x18\xfc\x9f\xc67\xb5\x85]_i\xbf\xa7~\x01\x1f\xe0\x95N\xb1\xe6I\x17\xc1\x7fF(\x10x\x8c|\xf1\x1dp\x92\xef,;\xe6\r\xab\x9a=\xf1\xf8N\xb5\xa5\x14\xfd\xfd@\x00\xc1\x89\x8e\xad\xd5\x0c\xc9\xc2sx\xd5d\x00\xe6}\'\xec]4z\xcd\xc4\x9e\xfay\xca\xa5\x8f]7_J\x00\xe7\xb6\xcd#{\x0f?|g\xb3fb\xaf\x97\xa6\xa7\x1dV\xc9\x16\x8df\xd8\x87\xdet\x06\xde\xc8nj\x8f\x86\x89\x89\x96\x8f6\x8e\x08\xc6\x90\xad\xef9\xbc\xc6R&gt;\x83\xff\xd0\x99\xf9=\x95\x8d:\x0c\xdb\xd6u\x93\xe5kw\xfak\x8f\x93l\xcaT\xca\x92\xbd5b\xe2$$:\xb5q\x16;\xce\x10\xc9X$U\x7fy\xc0\xb7i=\x1bE\xb6K\x81\xf3;:\x02\x81\xcb\x00&gt;\x04X],h0\xf0\xc6d~K\xaeqY\xa3`f\\\x16\x82\x08x"\xe5lV"\x93\xfe\x85\x00j\xe5Qq\x1eP4\xb9\x97\x15\x01\xf5x\xa8\xe1b/\xa3\x17\xd5/\x98Zk\xeb\x95\xf9\xa0v\x92z\x05R\xf1?\x95\x13\xa9\xe2\xde\x8eo\xfd\xb2\xa2\xb6\xce\x1a\xcc\xf7\x15\xa77\xcd\x92e\x9b3\xa0%\xde]\xe5/\xd1w\x03\x971\xb2\xb5\x01\xb8wpRuR\xab\x8f\x97\xf6\xa9\x14\xf6:\x06\'7\xcc4)\xcf\xbf\xb6t&amp;\x08\xec\x18\xbe\x91\x00Nn\x98\xe1\xff\xf3\xe5\x05"\x8a\xe4\xe9W\x99\xb9\x948\xbc\xca.FM\x91\xa4\x91\x0e\xaf\x9cT7\x7f*\x0b\x11F\x88\xc8\xc8\xfe $Q\x16\x9b\x95X\x9fz%\xf0\xe56\x11\xb5\xf4\xcd\xaa_\xa6\xe4\xf2\xe2\xe1\x89\x8dnzV\xbd\xeb\xea-\xa09\x0c{\x1a\x86k\x812\x05v\xc9\x14\xcbp\xb5\x1bO\xcf\xc8R\xca\xa6\xf5w8b\xa6\x17\xcf\x9f \x8c\xd5@+\x00\xaa\xabEd3I\x02nEH\xc6\xb6\xd9\x83\xbf?0X\x94\xdb1w(\x11-\x1d\xd5I+\xc3\xd0\x16\x15\x1d\x96M p\x9cS\x1bg\xcaR\x1a\x16\xb6\x0b&gt;\</t>
        </is>
      </c>
      <c r="E9" t="inlineStr">
        <is>
          <t>&lt;class 'numpy.ndarray'&gt;</t>
        </is>
      </c>
    </row>
    <row r="10">
      <c r="A10" s="1" t="n">
        <v>8</v>
      </c>
      <c r="B10" t="inlineStr">
        <is>
          <t>steps_per_sec</t>
        </is>
      </c>
      <c r="C10" t="n">
        <v>200</v>
      </c>
      <c r="D10" t="inlineStr">
        <is>
          <t>3.3848772</t>
        </is>
      </c>
      <c r="E10" t="inlineStr">
        <is>
          <t>&lt;class 'numpy.ndarray'&gt;</t>
        </is>
      </c>
    </row>
    <row r="11">
      <c r="A11" s="1" t="n">
        <v>9</v>
      </c>
      <c r="B11" t="inlineStr">
        <is>
          <t>Loss/object_center</t>
        </is>
      </c>
      <c r="C11" t="n">
        <v>200</v>
      </c>
      <c r="D11" t="inlineStr">
        <is>
          <t>0.7474044</t>
        </is>
      </c>
      <c r="E11" t="inlineStr">
        <is>
          <t>&lt;class 'numpy.ndarray'&gt;</t>
        </is>
      </c>
    </row>
    <row r="12">
      <c r="A12" s="1" t="n">
        <v>10</v>
      </c>
      <c r="B12" t="inlineStr">
        <is>
          <t>Loss/box/scale</t>
        </is>
      </c>
      <c r="C12" t="n">
        <v>200</v>
      </c>
      <c r="D12" t="inlineStr">
        <is>
          <t>0.1070565</t>
        </is>
      </c>
      <c r="E12" t="inlineStr">
        <is>
          <t>&lt;class 'numpy.ndarray'&gt;</t>
        </is>
      </c>
    </row>
    <row r="13">
      <c r="A13" s="1" t="n">
        <v>11</v>
      </c>
      <c r="B13" t="inlineStr">
        <is>
          <t>Loss/box/offset</t>
        </is>
      </c>
      <c r="C13" t="n">
        <v>200</v>
      </c>
      <c r="D13" t="inlineStr">
        <is>
          <t>0.26503807</t>
        </is>
      </c>
      <c r="E13" t="inlineStr">
        <is>
          <t>&lt;class 'numpy.ndarray'&gt;</t>
        </is>
      </c>
    </row>
    <row r="14">
      <c r="A14" s="1" t="n">
        <v>12</v>
      </c>
      <c r="B14" t="inlineStr">
        <is>
          <t>Loss/total_loss</t>
        </is>
      </c>
      <c r="C14" t="n">
        <v>200</v>
      </c>
      <c r="D14" t="inlineStr">
        <is>
          <t>1.119499</t>
        </is>
      </c>
      <c r="E14" t="inlineStr">
        <is>
          <t>&lt;class 'numpy.ndarray'&gt;</t>
        </is>
      </c>
    </row>
    <row r="15">
      <c r="A15" s="1" t="n">
        <v>13</v>
      </c>
      <c r="B15" t="inlineStr">
        <is>
          <t>learning_rate</t>
        </is>
      </c>
      <c r="C15" t="n">
        <v>200</v>
      </c>
      <c r="D15" t="inlineStr">
        <is>
          <t>0.001</t>
        </is>
      </c>
      <c r="E15" t="inlineStr">
        <is>
          <t>&lt;class 'numpy.ndarray'&gt;</t>
        </is>
      </c>
    </row>
    <row r="16">
      <c r="A16" s="1" t="n">
        <v>14</v>
      </c>
      <c r="B16" t="inlineStr">
        <is>
          <t>train_input_images</t>
        </is>
      </c>
      <c r="C16" t="n">
        <v>200</v>
      </c>
      <c r="D16" t="inlineStr">
        <is>
          <t>[b'512' b'512'
 b'\x89PNG\r\n\x1a\n\x00\x00\x00\rIHDR\x00\x00\x02\x00\x00\x00\x02\x00\x08\x02\x00\x00\x00{\x1aC\xad\x00\x00 \x00IDATx\x9c\xec\x9de`\x14I\x13\x86\x0bw\x08\xee\x10\\B \xb8\xbb\x06ww\xb7\xe0\xee\xee\xee\xee\xee\xee\xee\xee\xce\xe1\xeev\xc0\xa1\xef\xf7\xa3\xb3\xcdd\xb4gvv\x93\xbb/\xcf\x0f\xd8\xcc\xce\xf4\xf4\x8e\xb4TW\xbdE\x14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c1\x04\x13L0\xffw\xd4\xcd\x97Z\xb6\x05\x00\x00\xdbO4\xbcUe\xdb\xcb\xfc\xbf%\xb4\x0b\xca\xf4+\x9f\xabD\xaah\xe2\xfb\x17I\x169g\x1c\xbd\x1d\xe2\x12\x11\xd1\xb15SN\xac\x9b\xe6T\xcd\x02\x8f\xb2\x19t\x7fa\x10#mX\nI\x14.\xb0\xab\xa1C\x86\x88\x9a_\rkU\xb9c\x95|\xa6J\xebP9\xaf\xb3\x15r=\x19#\xd3(\xbf\xea\xa6\x0eI\x15\xd2Eu\x11#O\xbc\x90\xe2\x1d@\x97\xea\x05\xa5\x7fF\xd0\xde\xd3\x15\x9dJ0\xf6\xb2}\xceP\xd5\xed\xd9b\xa8lL\xe2\xda\xba\xfc\x97I\xef\xcaF:\xa1}E\x85\xb2\xaf(C:U\xc9\xcf?W\xc8\x14_g\xcfx\xae\xaf\x0c\xc7\xafB.7\x9e-(\x11Yl7\xbc\xb9\xd2\xa3V\xd1\xc8D\xc5SF#6{\xf8\xfb\xb6\xea\x9eY&lt;l\xab\x9b\xf3l\x9e1 \xb0\xab`\x02\xd5\x81y\\\xc9\xe7\xffp\xe7\xda\xac\x84\x8f\xf4\xcf\xe9\xbd\x9a\xb8\xf4tE\x93Gv\xe6b\xc6"Z?\xb9O\xa94\xd1\xf5w31\xcfr\r\xf8\xfe S\x14\xd1\x9d\x85w\x0c\xbad\x16\xbb\xe23\xfb6\x97m\xe9]\xafD\xeex\xe6\x06\xe4.\xb2\xa0\xb8\x8f9\x03Z\x05\xfd\xdf\x90#\x96\xf5c\xbb\xd7,\x02\x00\xefo\xd8W\x1d\xd7\xa2z/\x8e\xac\x9a\xe4\x13\xd5\xfdu\xf9\xcf\x12\x8dh\xd7\xfc\x11\xb3\xfb\xb7\x8ck\xbc\xaf\x1e\x00\xf0\xea\x92=ur\x19\x00.n\x9f\x1f\xd8\xb5p\x1f\x82\xad\xd9\x9eE\xa3\x94\x1b;W+\xa0\xdcX Q\xb8\xa4\xda\xe7\x02&gt;\x9b\xa8\\\xa0\x90Jcv7\xa2MU\xbc\xb8 \xde\x01\x14L\x1c\xde\xcej\xb9\x85s[\xe6\x02\xb8sdM`W\x846M\x1f \xdb\xb2p\x88_`T\x84\xc8h\xde\xfd\x9f\xe7\xf4\xc6Y\xff\xdc?\xa1\xbf\x8f\x8e\x85\x93\xd3\xb9ZA\xe3\x9d\x02\x95\xde\xf5J\x02\xd0j\xbf\xc4iU:\x9b\x93%x8]\x07w2\xa8i\xf9\xc0\xae\x82\xeb\xa9\x95;\x85\xa9\xfd\x9b\x95\xf0\x19\xdb\xa1\xd6\xc0&amp;e\xd9\x9f;\xe7\rW\xdd\xadZv\xe7\x9f7sxG\xd2\xfb\x16xm\xad\xd8\x12\xa9&lt;\xac\x1d\xa8Jb\x1b\xcbr\x8e &gt;\xe1s\x03\xff\x0fW\xa0~\xc1td\xd2F\x11[\xfb+\xb6\xb6\xe9\x8cE\xbe\xa2O\x02\'\x8e\xb6\x93|\t\xc3\xe8\xef\x10\x9b\xe8\xe9\xd9\xadJ\x97\x99\x7f+\xf9\x13\x85\xed]\xaf\x84\xed\xc5\xc2\x9fg\xb6\x97l\x96~\rK\xdb^\xe6\xd0\x96\x95z\xd6)\xe6L\t9c\x13\x9e_Pn\xc7\xf7\x07\xf9\x13\x85\xcb\x1e\xd3\x99\xb2\xff\xef\xc0\xdb\xab\x81]\x85\x7f%\xeb&amp;\xf7\x16_\x00\xe0\xa4Qx\x9e}\xbcu(Gl"\'\x96\xf7\xb4\xfa\xa1\x10\x16\xcb\xb3\x81\xfe\x8d\xf4\xda\x8d\xd0A\xdb\xc9*\xf0\xc9\x13/T\xd0_?\x08D\xf2&amp;\x08\xdd\xb7A)\xd5\xaf\x9e_\xd8~r\xfdt7\xd7\xc7^\xdc=\xcbs\x17M\x8ae\x0c\xec*\x04&gt;\x00\xcel\x9a%\xdd\xa2\xec\x12\xdcI\x81\xc4.i\x8aU\x1d\xde\xa4t\xa9^0]XW\x9cY\x1dw\x9e\xcb\x04:M\xbc\xe1d\xca\x14-Je\xb1\xb14N\xa5\xcc6:\xcb\xd9F\xa0[\x84\x92;q\xec\xf4^M\xcax\xa9\x1b\x0c\xfe\xd5\x83&amp;\xe0\xef\xe0\x01\xcd\x96\x99\x03\x01T\xcd\xe6&amp;\xd7\xdf:yS\x91\xd8&lt;\xc0\xfd&amp;\xa4\x9a\xb9\x92{G\xa2\xffS\xf7\x8b\xfc\x89\xfc\xfb#\xe9X\xa0E\xc9\xcc\xaa;g\x8fE\x99\xa3QJ\xe7\xa6sWw/f\x1f\xf4\x17(\xeb\x15H\xeb\xd4i$\xe8\xcf\x01\xc5\xf97E\x10\x11\xb1\xa5|\x03\xefEKx\x85\xa7 \xee\'`\xe8\xf1l\xb9\x03X3\xa1\xe7\xc6i\xfd\xac\x1d\x1bt\x08M\x04\xfc\xe3\xb6^\xd0\'*M\xee\xde\x90\xc4\x9eFw\xc6\x040\xa2\x11\xc5\'*\x9a\xfc?\xe0\x1cKDD7\xf7/?\xb2j\xd2\xca\xb1\xddl/\xd9\xb1\x1e\xa0\xf7\xdc\xfc\x87\x83\x89r\xc5u\xb9%\xd3\xae\xa7\x10\xf8\x1c&lt;\xc8\rF\x87\xb6\xe5s\xba\xff\xa4\x91\x89\x9a\x95\xc8\xc4&gt;\xbb\xa2\x81r\x86_O\xcf\x06v\x15l"CD*\x9c4"9\x1cu\x96\x8c\xe8X)s\xc2\xa6\xc5\xfd\xaf\xbb\xb8\x01*\xbc\xc6@\xe9\xe8\xea\xc9\x8d\x8ax\xd9R\xd5 \x8e\x91\xf1\xd0f\xbc#Qyo\'}\xd6\xfdiQ*\x0b\x80\xe9\xbd\x9a\x94J\xa3\xf7#\x02\xd5\xe4\x1b\xcc\x7f\r\xe9\x12BI\x8d\xd0\xb9\x16\xa5\xb2\xb0/\x00\xb4\xf4\xcd\xea\x8ej\t\xd0\xbc\xa4OV\xb5\xfa\xc6&amp;\xc2\xcb\x8bc\xda\xd7\xdc\xb3P%\x9e@\x9cz\x05\xd28s\xb8\x15\xe2\x13\x9d\xdd2g\xe5\xb8\xee.Z\xc2\x15q\xa0v\x86\xa0c\xd1\xd7\xf2&gt;Mo\xb7\x1d\xe4\xe8\xea\xc96\x97hD\xad\xdc)\x80On&gt;\xe9\xff\x0f.Z\xd5\xfcW\xa0\xbf\xfa\xe5\x13\xd5\xc0\nW,E\xd4\t\x9d\xeb\xda[%\x0b\x8c\xedP;MhJc\xe7\x1a\xa8\x8b\xe11\xce\x85=#r\x8b\xcd\xe4n\r\xc4\x8d\x17Y\xa3\x93\x97X\xeb&gt;\xa2MU\xf3\x15\xfc\xefpd\xd5\xa4\xe1\xad\xab\xd8X\xa0\xd2\xfa\x93\x90\xa8hrA\t\x8f`\x824A|\xd5\xc4\x16\x864\xaf\x987\x81=\xb3\xca^u\x8a\xcf\x1d\xd0J\xb9}t\xbb\x1a\xb6\x94\xff\x7f\x01k\xfd}\xa2R9\xef\xb8\x82}Xl\xa2\xae\xd5\x0b\xb9\xb4Vf\x91\xc9\rr\x9fK\xf7\xd8\xb8\xfd\xcakJGm\x999\xc8\r\x150\xbb\x8a;oP\x1b\x97\xd4\xc39\xb6\xcd\x1eLD\xddk\x16\t\xec\x8a\x04\x13\xd4IDDD\x03\x1a\x97\xf9\xeb\xf0j\xb6\x85\x857\x95H\xed\x91\xc5\x83\x00\x14\xf6\xd4\x16 \xfd\xf7\xd0\xb3v\xb1\x14n\x0b\x8e`\xaf\x9f8&lt;\x0c8hrc\xffrw\x9en\xf3\x8c\x81I\x03/\xacT+\x92L\xd5d9\xadW\x93\xa0\x1c\xb4\x11\x94\xebf\x17\xff\xe7\xd3b\xe7Q\xea\x16\x00\x08G\xf4\xe3\xf1\xe90D\x9f\xfe:\xacsl\xf5\x1c\x9e.\xaaU\xde\xf8\xffO\xebe\x00\xf0\xf2\x92;\x1dr[\x94\xca\xcc\xe6(\x81\xbe.tu\xcf\x92\xc0\xad\x80\x0c\x99-\x15\xc0\xc8\xb6\xd5T[\xd23\x9bf\xe1\xc5E\xe5W\xc3[Wi\\$\x83\x8b\xab)D\x8e\xd8\xe4\xe4\x92C \x1ac\xf3%\x0c\xe3)\xb0\x1b\xf0\xcd\xd55\xf9\x0f\x00\x00x\xa3\xdc&gt;\xb5gc\xd9\xd3\x9b=&amp;\x01\xb8\xbeo\x19\x00-\xb9\x17\xb6^\x18\x91\x08@\x02\xd7D\xf9\xedY82\x9d\x13\x0b:\xd1\x89\n%\r`X\xd7\xd5\xb5q/\xca\xa6\x04@\x83\x82\xe9l)|`\x93r\x86\xfb\x0coU\x05\x00\xf0\xb6f\xae\xe4\xfa=\xfc\xbf\x05U\rB\x11\xa6\xf4h\xa4\xdc8\xa0q\x19\xfe\xb9F\xced\xc3ZV\x06&gt;\xdf=\xbaV\xb6[\xd5lI2E!\x00\xd25\xab\x14!\xfc\xc7\xdd\xf6N\x9b\x05W\x89\xfe\x7f\xa8\x9c\x85\x99.\xa8\x7f\xa32Z\xfb\xb4\xab\x90\xdb\xae\xd3\xd9\xbb\xb8&lt;\xb5\x87\xbc\xd9u\x1d\xccSH\'\x8d\x8c*\xc5RD\x01&gt;\xcb\xb4\xea:V\xceGD\xd5\xb2\'\x05\xe0\x8c\xeaay\xef\xb8\x83\x9a\x1a4S\x00\x0c\xc3\x80\xb4\x14\xaa\x1b\x14J\x9f+\x8e\xdc\xdc\xe3\xf2\x10Qq?_\x00\xcd\xd5"\xbf\xb2\x0b\xe83\x8b\xb4\xef\x86\xc4!\xca\x18\xd9\xbf\x1f\x9a\xd4\xad\x81\xf3\x05\xfe\xc7p28 \xb4\xd8\xd4\xd8\xa5\xb2EWv-r\xa7\xf1\xa7A!g\x87/\xc5RDmX8\xfd,\x85\x9a\xfc\x7f\x95q\x1dj\x07v\x15\xcc\xc1g\xba\xcbGwq\xf2\xd1\x02\x80O\xb7\xf5\x9b\xb2\x1c:\x12zF\x1cZ1A9`*\x93\xde\t\xf9{\xbb\xb0k\x98\xaf\x8f\xa1\x1ci27T\xc2&lt;U\xb2\x98\xee\xa4Y4\xb9\xd4\xdf#\xe3\xbf\xca\x85\xe7\xc8\xaaI.j\xa6\xddi\xfd\xefX9\x9f\xf3\xe7\xca\x16\x83r\xc75\x91G\xef_M\x89\xd4\x1e\x81]\x05s\x14O\x19\x95=Q\xde\x11\xa9D*\x8f\xc3+\'9SZa\xcf\x88U\xb2&amp;\xb6\'\x00\' c;\xd4\x8aN\xb4o\xf1\x18\xe5W\x7f\xdf9\xe2\x82\x13\x9aT\xd2\x00&gt;\xbba%zb\x97zZ\xb9\nD\xe0\x03SSj?\xddk9\xe5p\x92\xc2L\xc4\x9c\x8cI]\xeb;s\xea\xc0\xc5EM\x9e~&lt;\x9a\xbd\xcc\x19\xd0\xca.\xe1\xd8\x7f\x1e\xfcI\'`\xca\xc8\x00\x00xiK\x1d\x9c\'\x08\x99\x9b\xc5\xe0\x0b\x813\xfb4S\xdda\xdf\xe21\xac\x03P\x0e.-\xac\x12\x01xxrc\xcf:\xc5\xcd\x1fJg7\xcf\xf1M\xab\xf9l\xe3\xf5e\xd5\xed\x81\x9e?\xce\x1d\xd82\xc3\xc9\x97 \x0c\xef&lt;dQ\xb2\xec\t\x18hd\xbc\x0b\xc6I\xcc\xe6\x93\x08j\xe8\x18\xe5MQ3\x97\ta\xbd\x94!\xe8?\x90\x9f\xab_C_W\x9fBk-\xa0}\xc5&lt;\xfb\x96\xa8\x0c\x9c9\x9d\xab\x15T\xb6\xbbc;\xd4R\x8e`\xf4m\x9b\x0fNl\x00\xf0\xfd\xd1)\x9dd8Z\xeag3\xfb4S]&lt;X&gt;\xba\x0b\x11\x85\x0cJ\xd1\xac\xffA\x1a\x16J\xbffb/\x17\x05\xb2\xb2E*\xe0\xbb\x93\xe5\xecY8\xaa[\xcd\xc2U\xb2\x06\xb2*\xe8\x1d\xc5\x8a\xb1\x12\xd5u\x06\xbc\xbe\xe2\xccy\x03\xdd\x84\x12\x8f\xc8u\x17\xbfF\xced:E+\x9b\x1d&amp;\xd0\xf2/b\xe3\xb4\xfeKFtt\xbe\x1c\xfcx\xa8\xba=mXz}e\xb7j\xa8\xcd\xdbk{\xad=&lt;\xe3;\xd51Q1\x07\xddk\x15Imd\xa5`k\xce"\xfcw\x06\xf8n\xd6\xc7c\x81BS\xd5&lt;aTqE\x02\x1c)\x00\x9cTH\xff\xf6\xe0\xe4\x92\x11\x1d\xf7.\x1e\xdd\xa0Pz\x9b*e\x05&lt;\xbf\xb0td\'\xcb\x87\xc7\xb2\x1a\x90\xfc\xec\xfc\xb6BI"|\xbdw\xdc\xf2\xa9\xedE&lt;_UH\xa2\x05C\xfc\xf45\x00"\x12i5\x1a\xce\\\xed\xa0C\xcf:\xc5\x0f,\x1d\xe7|9\xe1\x88f\xa8\x19sX\x13\x9f\x82H\xda\xf8\xb6-\x97s\xcb\x8c\x81\xc0k\xe0\xab\xd9\x13\x99\xf5\\\x17Q\xb7T2\xa5G#\'L\xda\x81M\xd0\x8cg\xd8:k\x10\x007\xaf\x06k\xb9mq\\1\x80\xb5\xb1LSEm\x98\xean\x11\xe3\xc1\xcd*\xe4\x88E\x00\x94\x1e\xab.%2QZ\x8d\x05\x9c\n\x99\xe2\x8b\xab\r\x0fn^!Q\xc0-\xbe\xe9D=\xa5\x02}\xea\xd3\xb5F!\x97\x96\xdf\xa0`:\xeeZfh\x1c3\xbc\x1a\xf8\xf5\x98}h\xe9\x9b\xf5\xda\xde\xa5\xfe\xad\xf2\xbb\xeb\xa6\x16\x8e\xb2\xc5\xf8#\x84#\x0e\x00|\xbdk\xf2\x90g\xd9c\x91\xe5T\n\xf7\x8e\xad\xb3v\xa0\r0\x07\t\xb3N\xb8\xee\xc1\xfdj\xfb\xd9b\x18L\xd6\\!m\x9d\xca\xc2C\xaaA\x9b\xb2\xd9\xd9\x87\xb4a\x05\xde1\x00\xc0F;\xba\x01\xf1u\xb6\xf2\xdeq\x01\x00\xefm_\x87\x1c\xd0\xd8\xe5\xc1\xeaE\x93G\xde5\x7f\x84l\xa3+\xf2\x92\x12\x91Wx\x95\x08X)\xf6=5\x81\x80\xe1\xc3\xe9\x1d\xc9\xdf-\xb2\xb0g\xc4\xd0D\xe7\xb6\xcc\xb5|.\xb3\xbe\x1b7\x0f\xac\x00\x9e\xeb\xecP\'o\xaa\xc7\xa77K\xb7\xf8\xf7O/.\x8a\x94/{Yj\xe6J\xee\xe3\xe6\xd432\xd3U\x10MHf\tU=N\xc1\xd9\x99\xd9\xb46\x19#\x9b[\x06t3;\xe6\x0e\xd3\xdf\x01\x12\xa4\xdbM\xb5hqLZ\x05\x81\x0f\xeet\x00\x15G\xeaP\xa0:\xf2\xc8\x1a\x9d|\xd3\xca\xc7\xfbi\xc3\xda\xe3\xda\xf0/b\xcb\x8c\x81\x82\xb3\x1e\xc1\x01\\2\nZ\xb9\xb7\xf6,\x1c\xa5\x13\xd4\xd8\xaat6e\xcc\x1d\x9e\x9f\xf7+\x9f\xeb\xfa\xbee\x86\x85W\xf2I\x08\xa0W\xdd\xe2\xa76\xce$\xa2\xeb{\x97&gt;\xbf\xb0\xdd\x89\xcaZ\x82e\x05\x08j\xd4\xcd\x9f\x06\x80\x8bV\xc9\xed\xcda\xc9P}\xf3e\xef\xc6\xd0\x96\x95l?\xaf\x05t\xfa6\xd6\x1c\xeb\x0f6\xb5b\x17\n%1\x11\xfe[$Y\xa4\xd2\xe9b\xf2\xe9\xbc\xf8\x81\xee\x07\xc0\xcaq\xfe\xc9IR\x86\xa0\xd2\xbav\x9eXA\xc0\xbc\xe3j&lt;\x88\x88h\xdd\xe4\xde\x00\xb4d\xfde\xf8D\xf5\x8fs\x06\xc0\x16\xc6k\xe4Lf\xf8\x12\xf2t\x84\xff:\x00\xbc\xba\xbc[d\xcf7W\xf7\x00/\x02\xf3\x99)\xab\x91\xd6U\x04q)J\x99\x0c\xac2\xbc !\x11\xf0\x9b}\xae\x9a-\xc9\x8c\xdeM\x95\x17\xa5~\xc1t2\xc5\x8c\xa0\x833J \xceP;OJ\xb3\x87\x94\xf5\x8a\xed\xa2EHS\xc2\xe8U\xb3%\xe9V\xa30\x00\xe0\x1fWT\xc6E\x18\xdaG\x17\x0fo_ q\xb8!-**\xbf\x12_d\x0e\xfa\\\xda\xb1\xe0\xe1\xc9\x8d\x8b\x87w0u\xd4\xf15S\xcd\x9e(.\xd1\xa6\xe9\x03tv\xf8x\xfb\xd0\xe5\x9d\x0b\r\xcb\x19\xd8\xa4\xdc\xb8\x8e\x01\xe2\x99\xc7\xb4\xaf\x89o\xf7\xcbf\x88co\x9b\xd2\xaat6\xbc\xbctv\xcb\x1c[Ku\x1aW\xe8d)\xdb\xe8\x0e\x95\xf2\x1a\x1e\x95-\x06\xe5\xd4\x9d\x10\xb2Q\xa1jt\xb5\x05\xb3{\x90\xed3la\xc9\x88\x0e\xae+\xbcG\xad\xa2\xed+\xe6Q\xfdJu\xd4\xd0E\xcd\xf9Z\x87\x9d\xf3\x87\x03\xd8\xb5@nI\x0fj\xa4\nIa\x15\x01S\x00\x864\xaf`\xaa\x9cS\x1bfZX_\xf3\x8a@\x8d\n\x07\xb9\x14{\xb7\x0f\xad\n\x94\xf3*/ \x80M\xd3\xfa\x0b\x1e.\x1d\xb3f\xf1\xa0\xf6\x15\xf3\xe8\x0f\xdd2\tx\xb7I\x1f\x8c~\r}\x9b\x97\xf4\xa9\x9b/u\xf3\x92&gt;\x82U\nFN\xb7\x1a\x85\x95\x89\x1d\x98\xed\xbeh\xf2(\xaaB\xc7J\xa4{\xfd\x97{\x00\t\x8fNmr\xcf\x89\xf2\'\n\x0b`\xd5\xf8\xee\xb2\xed\x83\x9b\x95?\xb1n\x9aH\t,\xd2\xdd7mL\x00\xee\xd3=\x17C\xb9\nW\xc6+6\xf0K6\xdcy|zs\x89T\x1eU\xb3Zq\x05(\x96\xc2\x9c\x07\xf5\xb2Q\x9d-\x9c\xe5\xbfG\x89T\xd1\x00,\x1c\xdaN\xba\xf1\xf1\x99\xcdZ\xfb\x8b\xa0\x95\xbf\x16x\xd9\xb6\x9c\xb1`Z\xfd\x82\xe9\x98\xd541Q\x8f\xdaE\x05\x8d9\x13\xbb\xd4\x93\xfd\x8a`\xf4\x18\xde\xba\n\x00\x16Tm\xca\xd6\x1cD0\x95\x1c\xc6FUH\x0b\xb0\xe9W\x86\x88\x06\xd2\x1a\x00\xda\x94\xcd\xa1\xdc\xbedD\x87\xb4\xc2\x93\xcd\x90A\xd2b^$\x99\xf1\xa8/\x1a\x11\xf02\x9bM\x02\x16\xae\xd4\xd9\xb3\x07\x0b\x96FW\xf0\xfb\xd99\x00\x8fN;\xd5\xe2\x8b0\xadgc\xad\xd5)\xe5\xf6\x1ds\x87\x12Q\xce\xd8tc\xffr\xa5\xae\xa7\x8cD\x1a\xdb\xf5\x8d"\xff\xd7\xe0\xcd\x15v\xd1\xcb\xd9\x94\x12\xdd\xfd\xf4\xa8]T|g\xd5\xf8\x037\xa8\xc6\x85"\xf2M\x1b\x03o\xae\xdc=\xba6U(\xff\xb5&gt;-vk\xd8m\x16\x0f\xef\x00@\xaaP-c\xd9\xe8\xa0&gt;\x98\xbdup\xa5\xe1J8\x11\xcd\x1d\xd8\xda\x1d\xb5\xd1\x80\xad\x9f\xbb\xedt"\x9d\xfa\xb0\x96\x95]]\r\x00\x17\xb6\xcd\x9bh\xa4\xa6u\xeb\xe0J\xc3x\xa6\xf4\xe1\xd5\xa3\xcf\x88(u\xa8?Nq\xb2E\x9b:yS9\xe3\xb6\xf0\xf4\xdc\xb6XF\x0eQ,\xa6\xf2\xe3\xadC\xd6N\xf1\x1f\x84\xdf\x8c\xfdK\xc6\x92M"BA\x879\xfd[\xca\xb6\xb84\x80\xd9\xae\xa4H\xde\x1a\xae\xfbq$\xda\xf7\xff^\x00\xe8\x0b3\xf0\x14:\x81\xe2\xc5T*m\x0c\xcb\xe7-\x95&amp;F)1\xd7\x9d\xa0\xc6\xfc\xc1m\xd9\xafvBzY\x14\xde\xe6\x14N\x1a\x91_\xe7PVc\x83\xa5$$*\x9fQ/\xdcp\xef\xa2\xd1I\x88\xf0\xfb\x89\x87\xe5s\xb8\x07\x0f7\x9e\xcb\x15\xafY$\xa2\x08\xda\xa9K\xfa5*\xad\x15/j\x0b\xee\t\xb6\xfb|\xe7\xa8\xf4\xcf*Y\x13\xdbu\x19\x93j\x84Y\xfc_Q\xde;\x9e\xdb:\x80\xf0D\xdc\xb1dR\xd7\xfa\xdf\x1e\x9e|v\xde\x8a\xcf8O\xa5k\x17y\xe2\xb9I\xf8\x807\xbe#\xdbV\xd3\xdaG\xdc\xc3\xbbS\x95\xfc\xec\x83\x97\xdac\xec\x7f\xa6\xdfO\x02n\xfc[\xda\x01L\xed\xd9\x98\xad\x16u\xaaZ@\xf0\xa4\x86\xd4\xcb\x9f\x06@\x85L\xf1\xd7O\xee\xf3\xfb\xd9\xb9\xe2)\x03;(\xe2\xdb\x83\x93\xca\xe7\xfb\xd6\x81\x15c\xdb\xab\xe8\xea\xd9\xc8F\xe1e\xfd \x82j\xce\x1cC\xaa\xbb+\x08c\xd9\xa8\xce\xf6z \x96\xf3\x8e\x9b;\x9e\xf5\xf8\xd3"\xc9"\x07A\xeb\xbf\x14\x00\xab\xc6\xc9W\xb9\x03\x91b)\xa2\x008\xb6f*\x11u\xaeZ\xc0\xec\xd5\xab\xe4\x93\xa0Y\t\x1f|\xbe\x83\xcf\x7f\xb9\xa6\x82\xc6\xfcux5\x00\xcb\xd1\x92\xbc\xf1\xad\x97?\x8d\xd9c\x93k\xcf}\xd3\x05\x8c\x93O(9\xd7\xc5\xed\xf3\xa5GA\xc2\x96\x19\x03\xd9\x87S\x1bg:\xf3$g\x8aBE\x92\xfd\x99M\x97N\x17\x0b\x00\xbb\xbf\xa6t\xebD\xc9\x1d7d\xf3\x92&gt;\xa6\xbc\xca\xc4\xc78\x91\xdc\x90\xc9,h\xb3|LW\xb3\x87\x04\x1d)4\x8e\xc8\x92\xb5\xf3\xeb\x96\x81\x159a\xc8\xedC\xab\xf8{n{\xc6\x1egf~\x00\x9a\x95\xc8DD\x9d\xcd\x0f9\xf1\xe2\xc2\xb3s\xdb\x9c8\xb9\xb3\xe4\x8a\x13\xe2\xc9\xd9-\x00r\xc7\xb58n\xc8\xe2a\xc5\x120\xa2MU\x00:\x0er\x1e\x01=\x11\xaafK\xd2\xa5zAUS\x8fw$G\x1f\xf0\xfc|\xf5\x1c\x9e\x0b\x87\xb6\xab\xaf\x962\xcb\xec\xab\x91\x98(G,\x97d*6\xa0\x8a\x9a\xad\xb6v\xdeT\xca\x8d"a\xcd\x0cio\x16X\xe8\x07\xa7\xe4\x89o\xdb\x8cU6w\\&lt;\xbc\xc3\xe9\x8d3\xed*\xdc\x14\xb3\xfb\xb7l^\xc2\xc7\x9d\xa7S\xaa\x89\xfd\x1b\xa36\xf3\'T\xa95\x7f\xf9\x7f&gt;9#\xe2\x08(C\xbf\x81\xab\xe8\x93\xc0r\xbf\x12\x99hF\xef\xa6\x0b\x86\xf8\xcd\x1b\xd4\xc6\xca\xf1\xe6\xa9\x90\xc9\\2\xdd\x0c\x11)&lt;\x91j\x10\x9co\xda\x98\xf8\xe7\x9e\x93\xd3\xbe\'g\xb7\x9a-a\xd9\xe8\xce\xecn\x8e\xefTG&lt;\x10\xafy\xc9\xcc\xec\xa8\xa4D\x99\x1c.\xbb\r\x0b\xa5\x07pq\xc7\x02S\x15\x90\xa1\x9aZ\x12?\x1e\xe2\xf9yg\x8a\r*\xc8b\xed\xdcCC\xd7\x87\xc9\xfc|rv\xd1\xb0\xf6\xae&gt;\x0b\x11\x95H\xe5\xa1\x93\xa2\x84\x19.\xd9\xa3)\xb3\xef\x07"y\xe3\x87\xaa\x96=\xe9\xa9\r3\x02\xbb"\xb61\xaamu\x00\xe2\xa2c\xe2\xad\x92\x93\xe9\t\x9d\xc7\r\xde\x86.2\xee\xb1\xc7^)\x9c\xae?\xa0c.=\x03\x9b\x94\x03^\xb1L,\x82T\xc9\x92(\x86\xe3\xa4\xcf\xcem\xcb\x19\x87\xde\xdf8`\xa8\x10\xacOt"\x00\x03\x9a\xc8\x95\nu\xb2\xcd\xfc\xfbH\x13\xe6\x8f\x8f\x848I\x9c\xc8\x8f#.\xe1\xebjj\xe4t\x87d5\x80m\xb3\x07\xbb\xe1D\xa6xzv+\xff\\\xce;nj\xb7\x0b\x8b\xb7(\x95\xc5\xae\xa2J\xa6\xf6\xf01\x13\xaa\x95+n\x08\x9d\x95I7 \xeewuj\xc3\x0c\xfcs\xcf\x85U\xb1\x84\xbeO-\x8b\xb7\x00\xa0\x9a)\xf7\xfcV\x83~:m\x18*\xeb\x15\x07\xc0\xa1\xe5\x13\xc4\xab\xc4D\x9fF\xb4\xa9\x8a\x9f\x8f\x04\x0f\xe1\xd9\tu\x1c\xe1\x94.@)C\xbaK\x8c]\xf0\x9d\xdc\xbbx4\xf0\xd4\xc5uQ\xc1.\x0f\xc5\xff*\xcc(\x11\xd8\xb5\x10\x85y\xeb\x06G\xb7\xb8\x81\xc2\x9e\xd6W\x16\xa46\x91\x14D\xb7\x0f\xaf\xeeR\xad\xa0\xf3U\xb2\x97\xc1\x0e\xc9\r\xa5q\xe9\xf0\xca\x89[g\r"\xa3\xccn\xe1\x88\xf0\xfb\x89\xe1\xd4\x84\x19\xbc\x128\x06\xfef\xc70\x89\x89\xbc\xc2\x13\x00\xa6\xb0\xe9\x1d\x89:U\xcd/\xdb\'_\x820e\xd2\xc7\xce\x10\xd0\xf9P\xd5\x13)hQ&gt;\xe8\x05a\xb5\xab\x90\xdb\xa5\xeb\x88\x97v\x18+L\xc9\x90z(\xef_:V\xf0(\x91E\x89\x11\xad\xabX\x9eY\x87!R\xda\xaf&gt;\xdd&gt;\xe4\x13U\xd3\x0b6\x18\xb7\x11\xb8)\x95\xa5\x0fF\xc3\xc2^n\x16\xab;\xb0\xcc8\xa1XT\xa2\x82\x89\xc3\xcf\x19\xd0\xaa\x8cWl\xd57\xa5\x88g\xa4LQh\x85\xb6\xffE2G\x83.\xa8\xdd\xa4\xba\x02\xcc0\xb5$\xb2u\xd6\xe0\x13k\xa7\xfdzz6`\xe1_Y\xe1\xff\xb2x&amp;\xe0\xeb\xf1\xb5\xa6\x95\xfc\x9c;\xa3\xe9\x15\x7f}\\m\x9f\tM\xf4\xf1\xb6\xe9\xf8\xbd1\xedjJ\xb5\x07\xb4RT\x03\xef\x9d\xb9\x1a\xd2\xfcD{\x17\x8d\xce\x1c\xcd\x86\x90\x16\x17qp\xd9\xf8\xc0\xae\x82[\tRwa\xcd\x84\x9eC\x9aW\xe4\x7fN\xee\xdeP\xa7ny\xe2\x87zyi\x97\xab\xab\x942\x84\xff%:f^I\x94\xc1\x1fu\x91e\xbc\xc3+\'\xea\xdc\x91\x12\xa9&lt;\xc4\xcf\xab\x9a\x84\x03\xf8vn\xeb\xdc\xa0s\xc7\xff\x9b\xf4\xacSlf\xdf\xe6\xd6\x12\xd5:\x83\x969\xb2u\x99\xec\xa5\xd3\xabw\xf9\xed+\x05\x90\xdb,\xeb\xa5b5I\xe6\\3\xa1,1&amp;\x11\xde\\1\xa5P\xa4\x8f\xbe\nlK\x87u&gt;g\xc0 N\x1e\x8c\xe3\x0c\xff\x01+S\x81DA\xd1%\xb6|\xc6x\xc0\xe7@W\x01J\x17\x96\xda\x96\xcb\x01`h\x8bJ"\xeb2\xd2uZ\x00\x85=#\xf2\x0e@\xd5kS\x06\x80\xab{\x96\xc86.\x19\xd1\x91\xc9&gt;\x95I\xef\x860\xe4\x7f3PK+\xf8\xe0\xc4\x86\xc0\xa8\x8b\x1e\x19"R\xcd\\\xc9[\x97\xc9\xee\xb63\xaav\x00;\xe6\x0e\x95f\xbd\xd0\xb1\xb2\x9dX7\xcd\xde\xfe,\xb5\xad\xf1\x9b\xc0\x1b\xad\xaff\xf4i6\xa6}M\xf6\xf9\xeb\xfd\xe3\xbd\xeb\x95d\x9f\xbd"\xd0\x8e\xb9C\x87\xb5\xaa\xfc\xf3\xf1\xbffaC\x8b\xa0\x99UI\x04\xb7y\x94\xba\x87\xdayR\x02xui\x17\xcbz\x04 W\x1cjX\xd8+\x19\x11~&lt;\xd4\xd77d\xe4P\x1b\xa7\xedY4\xca\xee\x9a\xfeG\xc1\xf7\x07\x05\x85\xd5:\xf3%pE\x92\x02c\xb2x\x10\x11\roU\xf9\xf0\xca\x89"\xfbw\xafUDd7\xfde\xa8\xdcqC\xe8\x0c\xe1[\x97\xc96\xa9k\x03\xa9\x91\xaat\xba\x98\r\x0b\xcb=\xde\xfe{\xa4\x0e\x15@i2\x08.5\x05\x1d\x1f3W\xa0t\x0c\xc9\xf5/\x9fR\xf5m\xe0\x0b\x00/.\x10\x11\x805\x13z\xb2\xedC\x9aW(\x9e\xd2\xc0\x8b\xf3\xd5e\x15\x8bV\xb1\xe4\xe6\xb4\xbb\xffMD\x17\xce\x91\xebR:T6N#c#=\xeb\x14\x8fB4w`\xeb:jQo\x96a9\x0crj\xcc\x11\xbbV/\xa4\x13"\xa8\x0c\x0f)\x92,\xf2\xb9-sV;\x1e_\x1b\xd1\xcf\x01ghhR&amp;\xeasf\x193\xa4"\x9eN\x8b\x9a\xb9\xdd\xba\\\xea+I\xfd\x18\x14\xc2\x1b\x8325s%\x1fl27\x8e\x0e\xeb\'\xf7q\xb2\x84E\xc3\xda\xb3\xc7\xf8\xb4D\xa7\xa1V\xee\x14w\x8f\xae\xd59*\x84C\xdfL+\xa41cd\x9a\xdc\xbd\xa1\x93uc\x04\xb6\xc4\x8f# \xd6\xd0\xb2\xdc\xbd\x96\t\x1d\xe3\xc0e\xe3\xb4\xfe\xa6\x0c\xe5\x83\x9a\xaa\x84\xe41&lt;\x9c\xa8\xc6\xfd\x13\xebmR\x89\x0fpw"\n7\x94\x86l\x9f3t\xb4_u\xe5\xf6\xaaY\x93D\x10\xe8\x00\x94;\xb8Z\xfeSp\xed\xbeo\x83R.\xad\x86\x9bqQBl\'\x99?\xb8-\xbe\xdc\xe1\x7fz\x12-\x1c\xea\x87W\x97\xb7\xcf\x19j\xd7)\x80\x9f\xce\x17rc\xffrS\xfb\x0fh\\\x869J\xe0\xdb}U\xa5\xdb\xc7\xa77\xb3\xf7\xd1\x96g\x9d\xbdD\xfa\x06\x90\xb4a(\x08\xa5Jr\xe9\x82jCEt\x9f\x05\xa6\xf5j\xc2\xee\xd0\x96\x99\x03\x9d/-\xa8\x91Il\x1a\xca\xd4\x10\xf5\xc7\xab\x00\x82\x88\xd9=n\x90L\x08\x13\xd4\x08:Kh|5\xb5\x99\x1buGd\xc4!\xda8\xcd8lJ+9\x81\xcc&lt;\x1dF\xf2\xa3\xbc"P\xae8\x9a\x0fd\xb3\x12&gt;\xc0+\x00GWO\xd6?u(\x81\x88\xab\xf1\x9d\xea\x12Q\x83B\xe9\xd6M\xee\xbdvR/\x83\xbd\x83\x11\x84\xdd\xc8\x96\xbeY\x03\xab\x02\xa6\xb2\xa2\xdb\x0e\xf0\x96%R\xd6\xf2%%\xa2,\x1eT-{R\xd5\xde\xc4\xb0\x87\x97\xfa\x92J\xd3\x18\xbc\xbb\xbe\x7f\xe9(\x83,\xf3%RE#\xa2\\qC\x10\xd1h\xbf\x1a\xaa\xefp\x16\x0f\xaaW mhv\x1f\xdf^\xbbup%\xdb\xfe\x7f\xdeI\xa4\x0bb*KSz4\n\xac\x84\xc0\xd6\x90\x1a\xfe\x95\xbe\x0fWv-b\xedF\x86\x88\xb4lT\xe7=\x0bGj\x95\x03|\x01\xa0\xbfH\xf5\xf2\xd2N\xe0\x03\xbe=xpr\xa3`\xf5\xfe\xaf\xcd\x8bs\x06\xb4R\xdd\xbej|\xf7\xcb\xbb\x16\x99-\xad`\x92\xf0\xff\xd5\xc6B&amp;B\xa2\xfa\x06\xf2\x04\xee:6\xfe3\x9bf\x01\xcf\xdcv\x95\x00\x00\xdf\xb8-K&lt;\xd8;\x9c$\xc0Up\xf6\xf3\x7fE\xe0\xb6\x1a\x81 ]i\x12\xefH\x94;n\xc8#\xab&amp;\xcb\x1eu\xa5\x8f\xcf\xd1U\x93\rM\xc7\xd9cjf@R\xf2\xe9\xaf\xc3\xac@\xa6J\xa9\xefA\x94\x94\xe8\xfe\xf1\xf5\xeetG\xb4\x82\xd9q\xad2\xe2\x8e\x87`\x086=\xac\xbd\x0bM\xe6d\x85\xbc#\xf9\xe7\xe7\xfc\xef!\x93\x9a\x01 \x9e\xd5)\x96C\x85\xaa\\\x06=\x0f\x0f\x11\'9\x00m\xca\xe6HA\xd4\xab\xaeP\xda\xb20D\xbb\x17\x8c\xc4\xb7\xfb\xb0\x14\xfa\x98/a\x98\x81\n\xe5,\xfd\xea\x99?\x89\xbb\x19\xd9\xa6\xaa\xd6WL\xad,\x8d\x91\x01\xa1`\x92\x08GVM&amp;\x9b\xba\x81\xb8D\x86R\xb2A3\x85Xb\xa2E\xc3\xdaw\xad^H\xf5\xdb\x08D\xe5\xbd\xe3\x1a.\xe0s\x13\x90\xfe8\xe3\xf2\xce\x85D\xf4\xf4\xecV\x00Sz42\xac\xdb\xee\x85#\x01\xcc\xea\xd7B*\xdf\xb2o\xf1h\xf6A\xba\x90\x10\x81(\xf0\x13\xbf\xb8\r\xc1H\x8aRi\xa2[Xu\x00\x90\xc7\x91\xa5D\x1a\xb4\xad\x8c8\xcf\xe0\xca\x8c\\\xaa/\xb0\x8eT\x19\xf05\x87\xeeU\x89Jtj\xc3\x8c]\x924\xbc\x85=#\xcdV\xe4\x92t\x12\xfd\x0ch\xf3\x06\xb5\xf1p\x84\xc9\x8c\xf2\xab\x0e`\xc5X\xff\xe0{\xf6\xfe\xc4#\xd2\xaa\x92\x87\xa5\xa6\x99\x15+\x1ex\xe3f=\x15\x9e\x97\x91\xe3|\x99fE\xc1\n$v\xeaG\xaf\x1c\xd7=W\x9c\x10:\x06C\x19\x1b\xa6\xf6{qq\xa73g\xb4\x8b=\x0bG\x96L\x1d\xbd\x8cWl\x00\xc0/g\x8a\xe2\xb7O\xe4\xa7\xf1\x9dK\xa6\xf60{\xa2l1h\xde\xc0\xd6\xca`\xb4\x03\xcb\xc6\x01xy\xc9\x95\x17\xd60\xb9\x0c\xeb\xfc\x064.;\xb9[\x03"\xda9O%\x88\xd9,\xddj\x14f\x8bE"\x19\xa5\x95\xf8\x98\xe9\x14\x8b$\x8b\xa4\xf3\x12\x9a:\xbf\xe5\xa0\x1e\xad\x91\x88!\xff\xdc?\xc1\xc3\xa3\x18\xdbf\x0f\x91\xfe\xf9\xe6\xea^\x00\xaf\xaf\xec\xe1[J\xa7\x8f5J\xcd\x93\xc7\x02\xc5SFMB$\x95\xa8U\xbd\x8c\x13\xba\xd4\xeb]\xaf$\x00\xe6\xb1\n\x80\xabp\xb3+\x7fj\xc3L\x00\xe29\xf9\xb4\xc0\xbbkf\x0f\xd1\x1a\xbb\x85$\xb2\x9c\x7fJ\x9f\xb8\x01\xf3C\xd9\xd5\x07\x00\xc8\x19p\x92\x967\xbe\xe6t\xa0\xae"1V\xb1\x14\x9a\x83\xd8\xfb\xc7\xd7+7\xee\x9a?B\xb9Q\x1f\xe6a\xa9\xe3A\xa7DG\x85\xdf\xb2moR\xb7\x06u\xf3\xa5\xe6\x01\x86N\x12\x81h\x94_\xf5\xf8D\x8fNo\x9a\xa9\x91)\x9e\xd1\xa2T\x16\x00\xc0W\xc1\x92w;V\x14\xc28\x9c\x89eAEq\x1c\x0fR\xbb\n\xb9-\xd5\xdd&amp;\x9e_\xd8\xc1&gt;\xf4m\xe0kK\x81a\x9d\x9b\x8f\xef^8\xf2\xf1\x99\xcdR_l}BX\x1dc\xaand\xfaM\xd9L\xa6\xf6\xa9\x99K\xb4\xb5\xb9{t-\xebhUY5\xae\xbb\xacb%RE\x93m\xf1$\xd2Y\xadb\xac\x9f\xd2W\xb0&gt;\xfa\xb0\xa4\xaf\xbd\xeb\x95\xac\x96=i\xe6h\xd4\xac\x84Ob"i\x80\x02_u?\xb2j\xf2\xe0f\xe6\xfc\xc1G\xb7\xabqa\xfb|\xe9\x16\x0b\x92M\x03\x9b\x94\xe3\xb3E7\xc8\x99u\xac\x92\x0fx\xd9\xb6\\\x8e4\xa1)J\xc0\x9e\xe0\xdd\xf5}\x96\x8b}yi\xa7\xb2\x17\tI\x94#\x16E\xd7\xc83\xa5\xd3\xe2K\xf1 \x02\xc0\xdfq\'\x01\xf0\xe5\xde1S\xfb;s:\xa6\x9f,S-tQ^\xfb\xe3k\xa7\x01\xcf,\x1c\xe8\x9bV\xc5\xf7\xfb\xf3\x9d\xa3\xca\xf0\x08\x16-DD\xde\x91(9\xd1\xbb\xeb\xfb\xbb\xd5,\xdc@@\xa3"\xd0\xd0\x19\xd3\xe5\x8cM\xaaf\xe5\xac\xce\xdd\x1d\x9f\xa8,\x87\x83\xa6\xf1w\xaec\xe9\x18x\xee\xcc\xe3\x05\xa0`\x12\x95I4\xf0\xdcr\x99"L\xeaZ\xdfy\x19\xceS\x1b\x0c\xb2\x8fm\x9a&gt;\xc0\xd9s\x10\x11\x11\x9b\x10EU,Ds\xf8-\x88C\x04\xbc7Ux\x9b\xb29dw\xf0\xdd\xf5}\xaa\x01\x99Z\x84#\xca\x13?\xd4\xea\xf1=D\xb2jt\xaf\xe9?\xfe\x92:\xb3\x9b\xa2T\x9a\xe8\xc0SY\xd2\xaf\xe5\xa3\xbb\xd82\t\x88\x12\xb0\xff\xbb\xb4s!\x80\xeds\x86\xe8\x1c"H\x9b\xb29\x9c/D\x04\xa5\x93\xcc\xad\x83+\xed\xca\r\xe1\xbc\xe1\x16\x80\xcc\xb2\xe0N\xc7=\xf6\xd2+C)\xdd\xcd\xfb\x1b\x07Dv{~a\x87s\tp\xcc\xe1\x9b6\x06S\xf08\xbdi\x96\xb5~\xd8\x145s%\x07\xa0\xdfWi\x85\xf5\x9eX7\xcd\xc2\x19\xc5o\xbb\xaa\xa6\x84l1\xcbm*.\xcc\xfb\r\x80t\x11B\x8a\xb5\xd0\x18\x16\xd7[%\x8b\xfc\xb7n\x9e1\xc0T3\x1a\x91h\xe1\xd0v\x00LM\x1c&amp;t\xaekf\xf7?\xa8\xd6-\x84d\x1ep\xe7\xc8\x1ak%\xab\x9e\x0b\x80\xac\xdf\xb5e\xb1A\x04s\xd9 \x1d\xac\x9f\xd2\xa7G\xed\xa2u\xf3\xa5\xe6[\x02W\xe8\xae\xa2O\x82\x0f7\x0fj};\xbcu\x15\x00y\xe3\x87"mC\xa2\xfe\x05W\xd5\x0e\xd2\xe7\xcb]\x13\xf3\'\x970\xc5\x8e\x80f\xdb\xe5\xaf\x064.\x03\xa0k\x8dBv=\xe2Y&lt;\xe8\xf0\xca\x89m\xca\xaa\xbbX\x956\xb2/\rjZN?\xbd\xb0Y\xf8\xaa\xe9\xbfL\n\x9c\xe8\xfc\xb6y\xf6\xb6;,\x19o|\xa2\x95\xe3\xba)\xbf\xdd9o\xb8\xf4\xcf\x9b\x07V\x14\xd5\xd5c\xa9\x9c9!~=&amp;"O\xa3\xf3:?\xa0\x01\xc0:\xf2\xe7\x17\xb6\x87\x0f\xb8\xdd\xec$\xa0V\x9e\x94\xfa\xe3\x0f\x00=k\x17\xb3XQ\t^\xe1\xe9\xfc\xb6yf\x8fbS{e\xf2g)\xaa\x06\x80J\x99\x13f\x93XD\xf2%\x0c\xfb\xfd\xd1i\xb3g\x971\xa8iyO\xc9\x9f\xe9\x85{\x95\xf0D\xd5sxj\xddw\x1e\xfa\xeeW&gt;\x17s\xc1R\x9arD\xb4Z\x9d\x14\xd4\x19\xd9\xa6\xda\x0b\x9b\x0ctVp\xd2\xcf\xbaP\xd2\x08\x97w.t^W\xa7h\xf2\xc8\x00\xb2xP:\xed\x0bnY5\x08@\x8f\xda&amp;d-\xf8\xcb,n\xd9\x97\x92BM\x99`\xdf\x921\x92\xf2\xbf[(6\x18U\n$\x0e\xc7\xfaT\x91\xe1\x98\x93O;\x80D\x0ea\x00\xbe\x91\xe5\x10\xb6k)\xd8\x154)\xeam\xed\xc0I]\xeb\xabn\xcf\x18\x99&amp;wk(\xf2v\x1c]=\x19\x80\xf4\xe17K\xc1$\xe1\x0b%\xd5\xb4\x99.\x1c\xe2g\xb9\xe4\x8e\x95\xf3\xf1\xfb\xc5N\xd0\xd8q\xa1Z\x94\xca&lt;\xb2m\xb5\x8c\xdaN\xa4E\x93Gn\xe4\xf0\x83\xd0\xbaJ\x82\xb0\xc7\x86?\x98\xc5RDq\xa7\xe9\xc5\x1c\x1d\xab\xe4\x93m\x19\xd0\xb8\xccPE\xaa6k\x98\nz\x04&gt;\x9az\xd9\x80\xdf\xa6*#\xcb\xb4\xe7\xbc\xd5\xfe\xc0\xb2q\\1\xb4\x8cFz\x80\x87\xa76\xa9\xe6\xe3t\xbeY\x89\x12\x18j9\xbd\xea\x16\x070\xe7\xcf\x9a\x8d\xfcWL\xec\xe2\xd4\x9b\xc3\x19\xdb\xa1\x96\xe1&gt;Ww/^&gt;\xba\xcb\xad\x83+\x9dy\xbb\x00$ \xaa\x95;\x05^_\x91mw\xf0\xda\x89\xe2EiT\xc4\xcb\x93(\xa4\xe1~.\xc3;\x12\x01\x08\xf4l\x01D\xf4\xe9\xf6a\xcb\xc7:\xd9a\xf3\xe9\x82T\x0e\xabx\xca\xa8\'\xd7O7U\xce\xa0\xa6\xe5~&lt;:\xcd\x8c\xba#\xdaT\x95=ZA\x9d\xaf\xf7\x8f\xf7\xacS\\\xeb[\xee\xcdyv\xf3l\xdbO\xcd\xa5\t\xd8\x8d,#\xa6sY!S\xfcg\xe7\xb7\xdb^\x19C\xfc\xca\xe7\x8ac~\xb6\x98\xd1L8\x84\xfe\xd3\x9c\xd5.\x99:\x07\x953\'\xd4\x17\x0ff\xf7\xe5\xe9\xd9\xad\x05\x12\x87\x0b\xdc\xd1q\xc6\xc8\x94/A\x98Ri\xa2\xebX\x84E\x00\x90;^\xc8\x90\x8a\x99\x04o\xfe=\x84\x8bRuXR\xcd)\xa4\\\xde\x00\xc0\x94\xc2\xb2F\xa7\xfa\x05\xf3\x93\x98?\x00\x00 \x00IDAT\xd2\n\x9f\xd3N\xfc\xca\xe7\xb2\xcb\x179P\x98\xd0\xb9.\x00\xa6\x11\r\xa0Ui\xeb\x122lpxd\xd5\xe4{\xc7\xd6\x99:\x90\x1b\xd2g\xf4i\xd6\xa2Tf"\x8aO&amp;\xa2\x8em\xe0\xdd\xf5}\x16\x82\x1ad&lt;&gt;\xb3E\xff\xddv\xc3R\xbba\xe32\xbcU\x15"\xc2\xdf\xb7\x01\x88\x0f\x9dt\x9a-\xae\x14?\xa2u\x15\xe1\xf2L\xd3\xb6\x9c\xfd\xfe\x1b\x17\xb6\xcf\xb7E\xb6(U(y\xb6a\x976\xf1\xe52\xc4q\xb2|\xe7S \xc7"\x1a\xd9\xa6ZR\x87t\x12\xef\x9d\xc5\xed?Z\xceTD\xb4k\xfep\xc1B\x80\x0ff\x9dI\x1a[\xb5\x02\x11Q\xb1\x14Q\x949\x7f\x9c4\xec\xb8\x94\x15c\xba\xb2\x05\xbc\xdc\xf1B\xea\xc4`r\x0e\xaf\x08\x90\x1a$\x84nv\xa6m\xb3\x87\xb8\xc8D\xe3\xee\xe4\xf0\x1d\xab\xe4\x9b\xd9\xb7\xb9~\x08\xa8eB;\xfa\xb7\xc2\x9e6\xf7hI\xd4\x9cS\x05#)\xbcm\x8d\x01\xae\x937\x95j\xb0\x82\xa1\x1c\xa0\x0e\xe53\xc6\x1b\xda\xb2\x92\xac\x00\xdb\x93\xe7H\x9do\x80\x8f\x96\xcbI\x1f\x9e\xf0\xed~\xfb\x8ay\xbc"\x10\xf0\xd4\xde\x0e\x00\x8a\x00\x19\x00;,E)f\x88H"\x19\x01\xa5\xb0UAU&amp;u\xad\xef\xe9\xa8\x0f\x80e\xa3:\xdb2\xbf\xd9\xbfd\xac\xb4\x9c\xba\xf9\xd38\xef/py\xd7\xa22\xe9c\x9f\xde8\x13_\xee\xf2\x8d\xdc\xd9t\xf3\x8c\x01:\xc7\xea\xe8(4(\x94^\xac\xa3\n\xb0\x8f\xfet\xd6\xc6Vuz\xef\xa6\xbeic8\xe2\xf5L\xbb\x14&amp;$\xd2\xb1(\xe0\xeb]}\x17)g&amp;\x13v\xcf\xd2\xd5pO\x06;&amp;\xd0\xef\x8a\x92\x95O\xa53i\x9b\xc6w\xaa\xa3\x95\xcb7\xb0\x18\xd4\xb4\xbc4\xeeW\x86\xed\xb6\x14\xa6Ee\xb6L\xeeL|`\xd9\xb8Qm\xabw\xac,_\x1cr\x9e\x96\xbe\xf2\xb1\x1b\xfb\xed}\xea\xbbv1#9\x11\xb3Y\xc5\'\x9a\xda\xa3\xb1j\xcf\xe1\x15\xc1\xdf\x86\x00\xe0\xca\xee\xc5\xb2\xdc\xceR\xf4\r\xe5R\x97\x07V\x1a\xefx\xa4\x0b\x83\xd6`-`\xd6\xe8\x84\x17\x17\xa4\xf7wl\x87\xda\xec\x83~\x1a\xbb\xb6\xe5rj}\xd5\xba\x8cJ\xd4\x85\xb2\xf1\x02~\x08&gt;W.\xb2\x10\x0emY\xc9\xc2Q\x91u\x83\x81\x0c3\x8b\x9d\xdb2G\xf0D\xd2\xa6lR\xd7\xfa[g\x0e\x1a\xd3\xce\x9e\xf0fQxd\x9a\xed\xb0\xb0i\xado-\xdf\xec\xdcqCZh\xaf\xb5\xc6\xcf\x91\x88\xee\x1cYc8\x7f\xcf\x10\x81\xcelrj\r\x83\x87 )\x19\xdd\xae\xc6\xf5}\xcbn\xee_\xc1\xb7\x8c\xf2\xab\xae5\x03\xcd\xe2A\xc0\xcb#\xab&amp;Y\xa8\x03&gt;\xff\x85\x9f\x8f\x88\xe8\xee\xb1u\x00\xba\xd5(,\xfd\xd6\xb2&gt;\xd2\xea\t=]\xf4\xf6~\xb9wLfjg.\xdb\xee\xa1Y\x89L\xec\xc3(\xbf\xeav\xa5\x822\xc4\xc6\xcb\x98\x88(\x7f\xa2\xb0\xac@\xa6&amp;b\xa1\x10\x0f3;\'Q(\xb8\x1c\\6\x1e@\x12\x8d\xfd\xa5\xe0\xf9\x85\x95\xe3\xba\x9b9\x9b\x10)]\xb0P\xeeW!\xd7\xb15SH@A]\x9cY\xfdZ\x04\xc2"\xd9\xf21]\\z\xca\x8f\xb7\x0e\xb9\xa2X\xc3:\x97U3\x16\x87"\x8a\xa7\x16\x96\xd2\xd27\xab\xb2\x03\x000\xdc&gt;\xcb\xbe\xebnm\xdd\xfci\xa4]\xc5\xf9\xads\xcbg\x8cW2\xb5\xa6{y\x81\xc4\xe1\xc8\xa1\xe8\xa2t\n\x8aM\xf4\xfa\xca\xee\xa6n\x17\xfb]6\xaa\xb3l\xcb\xa2a\xed\x81\x0fn\xae\x86{\x98\xaa\xab%\xf9\xf5\xdeqS\xa5\xe9L\x11\x98E\xae^\xfe4D\xb4nr\xef\x7f\x99o\x89\x83j\xd9\x93\xb2\xd7\xa7v\x9e\x94\xfaB=\xeed|\xc7:\x00l\x7fD\x9d_\xa32\x8d\x8e8\xad\x0e\xdc\xe9i\\\xc7\xda:\xbb\xcd\x1b\xd8Z0\xa3\xba\x08\xb2\xf8 UX;[:]LY\x83\x0b\xe0\x9c\xf6\xbc!\x11\x11&gt;\xff5\xa4yE\xbe\xe5\xe9\xb9\xad\xec\xb1\xd3\x12%\xb5Q\xa3\xbe\x87#\xd8Gg\xc6-\xe5\xdc\x969\\\x1dz\xc1\x10\xbf\xfe\x8dJ\xf3\xaf\x00L\xef\xdd\xb4z\x0e\xcf,\x1e4\xa6}\xcdu\x93z\x9b\xad\xcc\xe6\xe9\x03LIp[\x86\xfbK$$\xea\xdf\xa8t\x95\x80y%G\xb4\xa9:\x7fp[\xfe\xa7\xb2\x87\xf8\xaf\x02@\xea\xd5\x93\xc7\x89\x19\xcf\xa7\xdb\x87\xdf\xdd\xd8o\xe1@\'\'Y\xc7\xd6L\xc1\xeb\xcb\xf8v_\xfc\x90\xeds\x86\xa4\tC\xbf\x9f\x9dS~\x05\x00?\x1f\xedY8\xaa[\xcd\xc2\xcex|j\x11\x8e\xc80\xda\x0e\xc0\xc4.\xf5XJa\x1e\xbb\xc7\xda\x07\x9dhRv\x19Y\xcc\xa3!Y\xa2\xd3\xd1\xd5\x93G\xb4\xa9\xaa\x13\x05\x15\x08t\xa9^P5\xf9\x83\x97c\xb9\xda\xdds\x16\x01\xa2\x18\x8d\xb8\x05\xdd!\x1c\xb3\x82O\xf6UM\x9dt\xe1\x08\x1fn\x92\xda\x8c\xb2w=u\xd9\xfdu\x93z\xcf\xec\xdb\\\xb9\xfd\xe5\xa5\x9dN\xeaq\x02o\xddyO\xf1\xf3\xd1\xcf\'g\xfc\xca\xe7\x02\xa0\x1a\x00A\xda9\x81\x0b$\x0eg-LO\x0b\xfddO\xa6\xb0,\x87\x05\x80u\xc0\xcdKf\x16\xd9?S\x14MQ\x90pDO\xcfm\xb5X\x0f""*\x99\xda\xa3\xacn\x0e\tU:V\xcewz\xe3LS\x1a\t\xdf\x1e\x9cl\\\xd4{\x92\x86B\xe2\xb8\x8e\xb5\x9d\x94\x17\xd3\x01x\xf3\xe0\xe4\x06\xfd}\x9a\x14\xf5\xde\xbdp\xe4\xdfw\x8e\x10\xd1\x9b\xab{\x98X\x19\x80S\x1bf4\xd2\x1d-\x85\'\x9a;\xb0\xb5`M\n$\ndW\xe9\x00\xa4\nI$\xa0\xa6k\xf8\xce\x04\xc2\xa4\xc6\xa8\x03\x10\x0c\'\xfer\xf7\x98\xe1\xfdhX(\xfd_\x87W\x9b\xae\x9f0\xbf\x9e\xaa\x8c\x89\xee\x1d[\x07\t\xb2o\xcd\xae\xef\x87\x95\x84S\x10Q\x16\x0fzrf\x8b\xea\x9e\xd6$W\xf5IB\xd4\xbc\xa4\x0f\x8f\xa8\xd4\xa1s\xb5\x02\xb2-~\x15r\x01\xa8\x95;\x85\xe5\xb3o\x9b=X:\xef\x18\xde\xaa2\xfe\xb9g\xb9\xb4@AK\xfd\xd4\x82yZ\xba\x084\xa6}\xcd\x8a\x99\x12\\\xdd\xb3\xc4pm\xbf\xac\x97\xe9\x1e\xc2y\x0cs\xe6\x18\x12\x82(C\x04\x8aI\x04|b\xc9^L\xd1\xaeBn\x00\xaa\xcf-\xaf\xda\xe8v5No\x9ci\xea\x95\xc1\xd7\xbb\x00\\\xb1na\x9a+\xbb\x17\x13\xd1\xa4\xae\xf5]\xe1\xdd\xa1dz\xaf&amp;\x16\x8e\xd2qg\xaa\x90Q\xd43\x88\xc54&gt;:\xbdY\xf5\xdbL\xbaoR\xc1$\xe1\xcd\xaaA1\x19\x13\x93R\xd3\x01HD\x04\xe0\xe4\xfa\x19Ah\xbc`\x95\xd2\xe9c\xa5\x0eM\x00\xf4\xb3E\xaaF\xe4\xf7k\xe8\x0b\xc0\x93\xe8\xd8\xea)\xd6\xce\xae\xcc\x14\x14\xe8\x0cjZ\xdep\x9f\x8a&gt;\t\x0c\x9f\x9f\xdd\x0bF\x0ckY\x89\xc5\x16\t\x12R\xa2R\xb5rl7}O\x17\xde[\x88,\xf0:\x89\xf2%/i\x87\x1c\xf4\xaa\xf1\xdd\x97\x8d\xea\xac%q(e\xeb\xac\xc1\x13\xbb\xd4;\xb5a\x06\xdf\x12\x9eh\xc9\x88\x8e\xaa;\x97L\x1d\xbdh\xf2\xc8I\x88\xd6M\xee=w@+\xf6\x86\n.(\xb27:\n\xd1\xbf:\xc2\x8eHWD\xda2\xd2\xa4\xe4D\x94\x98\xa8X\n{R\xa9\x99u\xaaQ\x9503\xc5\xb2Q\x9dmq\xc5\xbd}h\x95\xa9PaS\\\xde\xb5H+\x99\x0f\x0bC\xfd\xf5\xf4\x1c\xcf\x02&amp;\x8b\x08\x93\xc1\x1a\xf0-3\x07\xa9~\xab\xd5\x935-\x9e\x91\x88\xba\x06\xf4V\xe2\x0chR\xf6\xe2\xf6\xf9\xb5\xf3\xa4\x84\x86\xac\xb7\x0el\t\xc7\xc6\x80p\xa9\xda\x9aLDD\x9cX\xbaQ\xa0\xe1\x89\xc6\xb4\xaf\x85\x7f\xee\x89t\xfc!\x89v\xce\x13\r+\xe3h)\x94(\xd1\x12\xca\x95\x12\x97HD\xe9&gt;\x95c\xc0[$Y\xa4-3\x07)\xfd/\x95/y\x0c\xa2\x19\xae_\x10f\xe2\xc4\x0c\xa6\x1a\xb4g\xe1\xa8V\xa5\xb3\xb2\xc6Mg\xda\xba\x7f\xc9X\xee\xbd\xd6\xb8\xa8wl\xa2\x8d\xd3\xfa\x8b\x9c\x91\xdf/{m\x9b\x16\xd9\xbft\xac\xc8n\xbb\x17\xa8d&amp;)\x9c\xd4\xfe\xa4\x8b\xca\xb5)w\x843(\xb0+Z\xcf\x96\x0bdh\xb2\xdf1w\x98\x9a\x8f\xd3o\xdb\xa7\x0e\xfa\x81xk&amp;\xf6bu8\xb9~z\xc3B\xe9\xb9\x8a$\x93\x96\xb20\x95yw}?\x00|\xbc\xf9\xe1\xe6\x01\x00Y&lt;\xac\xd4\x19xi\xe505\xa4:\xfe\x13\xbb\xd4\xb3|y\xf1\xf1f\xa94\xd1\x95\x86\xd3\xa4D\xb3\xfa6o\\\xd4\x9b]\xabv\x15r\x19\x16\xc5r-\xe8w\xcc.\xc5\xec\x12\xda\xec\xfe-eOB\x14\xa20D\xcaX\xcb\x1e\xb5\x8b\xad\x9f\xdc\xc7Z\xad6M\x1f\xa0\x15\x8c=\xb0i\xb9\xec\xda=\xe0\xe2\xe1\x1d\x80OfS\xd5\xb2\x05dS\x87\x04\t\xaafK\x12\x04\xcd\x0b.\xca\x9d\xdc\xbe\xa2f\x14\x0f#\x14\xd1\xfa)}\xf4\xcd\x14\x81\xc2\xa9\r3\xb4n\xd3\xa5\x1d\x0b\x10\x10WW\xe6\xf4\xa6Y\xb2\xf4^\x9c\xdayR\x9e\xda8s|\xa7:\x87WN\x94\xca\xb2^\xd8&gt;\x9f\xad}\x99\x9d0\xce\xe8\xdd\x94913\x96\x8eT\x9f\x8f\x07\x16A\xf0\xddq?\x00R\x1by\x14\x95\x0fh\xaa\x1d\xdaB%nKy1\xf1\xeez\xa5\xcc\t-T)\x04\xd1\xab\xcb\xbb\xb5\xb4\x0f\x80\xf7\xb6\xdf\xb8\xd3\x1bg\xfdk:\x00\x007\xf6/g\x9f\xa7\xf5llx-xf.-dF\x1b\x1d\xa4\xbeO,\xbfZu\xbb\xc3\x95cj\x0f\xba\xf5\x7fiY\xaf\xd8\xe1\x88\x00\xb0\xd4\xcaAA\xcd_\xbat\xb9Nc($k\xfd\x1f\x9fQ_\xe4\xb0\x97\xfc\x89\xc2\xaa.\x1a\xf5oT\xe6\xe7\x9332\xe1\x81\xec1MH\xe8\xa8R5[\x92g\xe7\xb7\x03\x90\xfa\x8c\xca\x88B4\xb6C-\x00:i8\xcdb\x98H\xbdr@\xafVFr\xa2!6\xe9\xe6r\x9c\x99m\xb8\x9a\x85C\xdb\x19\xee\xa3S\xf9H\x7f\xf6\x91\xbb\x87\x01P\x95\xf5\x16\x99U\xe7\x89\x1f*\x99\x86XK\x18\xa2\x01\x8d5\x13\x11\xda\xc2\xbb\xeb\xfe\x8e\xb9\r\x05\x1c\x1f\xdc\x8d\xb5T\x88\xb6\xab\x95\x85!j_1O\x95,\x89\xc6u\xacm\xe3\xc3\x9d\x88\xa8a\xa1\xf4\xd6\x8ee\xceNe\xbdb\xf3\xb9c\xd6\xe8\xd4\xbc\x84\xcf\x97{\xc7IL\xa8\xa7u\x99\xec\x00x\xd6\x04A%/\xadv&amp;\x12Q\xd7\x1a\x85E\x948\xdd6\xfc\xe7h-\xff\x00\xc0\xdb\xab\xb2\xa5\xf9n5\xd5\xed\xfb\xa6X1\xb6\xabV\x8e\xa3\xd2\xe9c\xf5\xaeW\xa2xJ\xbd\xa9#\x80f%|L\x9d\xb1P\xd2\x08\x16,\x81\xd5\xb2\'-\xa5\x96&lt;V\x84\x16%3k\xc96\xc8n\xeeh\xbf\xea\xb3\xfa\xb5\x98\xd5\xaf\x85\x85\xb3D%\xbawl]\xf5\xecI\xff\xfe\xeb\x08{\xe6\xf5\xa3\x02=\xb4\xbf\x8ai\xdf4\x08\x80\xcc\xdbr\xed\xa4^\xa4\xd1\xcb\n2Gc\xf0\xea\x8c\xa8\x8c\x08-}\xb3v\xa9^\xd0\xc5\'1\t\xf3\xa5\x19\xd9\xb6\x9aRz\x85\x88\\\xe6\x80\xab\x87u\xcf&gt;\x17\xc3g4\x05\x13\x87\'\xc7z\x00{:\xb5\x1e)\x0e\xcfA\xc6\xc4\'\xee\x1c]+r\xc6\x97\x97v\x01`Y5\x1e\x9e\xdc\xc8\xb7\xcf\xea\xdb\\\xbfe\xe7M\xbf\xbe\x1c\n\x00\xe0\x8b~\x1d.lS7\xec(\xd1\x99\xf1\xaf\x1a\xdfc|\xa7:\xd2d\x81"0k\xb8aS"\xf3\xc5\xaa\xe4\x93`\xf5\xf8\x1e\xec@}\x1dr\xdf\xb41E:\xc8,\x1e\x04\xe0\xdb\x83\x93\x00Z\xfaf\t\x94\xc04\xc1\x10\xa1r\x19\xe2\xac\x1a\xdf\xdd\xc9`.vM\xb6\xcc\x1c\xa4\x7fe\\\'$\x13\xb02_Z\xfafM\x1e`\x0bV9\xa7\x1b\xc1\xc4\xec\xb6\xcc\x1cX\xde\xdb\xc6\xf0\x0fcb\x04\x9b\x07\r\xd1\n\x88\xf5M\x173\x9f$\xac\xee\xf3\xdd\xa3\xcaK\xc9\xdev\xb3\x03:)\x07\xc4\x96\xbe\x19\xdbf\x0f&amp;\xa2W\x97\xfe$1\xe7U\xd2\x0f7\xcb\x19G(B\x02\x00\x0b\xe8\x97\r\xe4+gI\xc4\xb78\xe94\\"U4\xc3D1\xaf.\xefV\xdd\xeeI\x94#\xa07\x08\x80\xee\xb5\xd43\xaf\xb1\xda\x9a\xea\xda\x8f\xae\x9e\xcc\xe2\x9c\x01HWY\r\x997\xa8\r\x00\xbc\xbe\x0c@_\xe3(\x8b\x07\xbd\xbd\xb6O\xf8^\x00@|\x93I\x1aL!\x92\xda^F\xf1\x94\xd1l\x8c\xb7g8~\xeb\x1b\xa5\n4\x83-\xcc\xd6/\x98\xcelH|\x87J\xa6\x93\xfa\xe1y\x00%;"\xaa\x98)\xbe\xfe;\xfe\xd7\x915\xec\x10ni\tC\xc4c\'[\x94\xca\xd2\xb8H\x86\x9cq\x88\x88j;\x12sj9\xbc\x05c\x85\x84\x01\xc3\xf7cIZ\xc6b)\xfc\x9f\x99\x98D\xd2\x07\x97\x99\xfc"\x0b\xf7\x90\x8fNo\xd2\x9a\xd83\xef\x0eCC-\xa3h\xf2\xc8S$\xf2,\x00\xf0\xee\x9a\xd</t>
        </is>
      </c>
      <c r="E16" t="inlineStr">
        <is>
          <t>&lt;class 'numpy.ndarray'&gt;</t>
        </is>
      </c>
    </row>
    <row r="17">
      <c r="A17" s="1" t="n">
        <v>15</v>
      </c>
      <c r="B17" t="inlineStr">
        <is>
          <t>steps_per_sec</t>
        </is>
      </c>
      <c r="C17" t="n">
        <v>300</v>
      </c>
      <c r="D17" t="inlineStr">
        <is>
          <t>3.3734353</t>
        </is>
      </c>
      <c r="E17" t="inlineStr">
        <is>
          <t>&lt;class 'numpy.ndarray'&gt;</t>
        </is>
      </c>
    </row>
    <row r="18">
      <c r="A18" s="1" t="n">
        <v>16</v>
      </c>
      <c r="B18" t="inlineStr">
        <is>
          <t>Loss/object_center</t>
        </is>
      </c>
      <c r="C18" t="n">
        <v>300</v>
      </c>
      <c r="D18" t="inlineStr">
        <is>
          <t>0.42458794</t>
        </is>
      </c>
      <c r="E18" t="inlineStr">
        <is>
          <t>&lt;class 'numpy.ndarray'&gt;</t>
        </is>
      </c>
    </row>
    <row r="19">
      <c r="A19" s="1" t="n">
        <v>17</v>
      </c>
      <c r="B19" t="inlineStr">
        <is>
          <t>Loss/box/scale</t>
        </is>
      </c>
      <c r="C19" t="n">
        <v>300</v>
      </c>
      <c r="D19" t="inlineStr">
        <is>
          <t>0.15983602</t>
        </is>
      </c>
      <c r="E19" t="inlineStr">
        <is>
          <t>&lt;class 'numpy.ndarray'&gt;</t>
        </is>
      </c>
    </row>
    <row r="20">
      <c r="A20" s="1" t="n">
        <v>18</v>
      </c>
      <c r="B20" t="inlineStr">
        <is>
          <t>Loss/box/offset</t>
        </is>
      </c>
      <c r="C20" t="n">
        <v>300</v>
      </c>
      <c r="D20" t="inlineStr">
        <is>
          <t>0.15401265</t>
        </is>
      </c>
      <c r="E20" t="inlineStr">
        <is>
          <t>&lt;class 'numpy.ndarray'&gt;</t>
        </is>
      </c>
    </row>
    <row r="21">
      <c r="A21" s="1" t="n">
        <v>19</v>
      </c>
      <c r="B21" t="inlineStr">
        <is>
          <t>Loss/total_loss</t>
        </is>
      </c>
      <c r="C21" t="n">
        <v>300</v>
      </c>
      <c r="D21" t="inlineStr">
        <is>
          <t>0.7384366</t>
        </is>
      </c>
      <c r="E21" t="inlineStr">
        <is>
          <t>&lt;class 'numpy.ndarray'&gt;</t>
        </is>
      </c>
    </row>
    <row r="22">
      <c r="A22" s="1" t="n">
        <v>20</v>
      </c>
      <c r="B22" t="inlineStr">
        <is>
          <t>learning_rate</t>
        </is>
      </c>
      <c r="C22" t="n">
        <v>300</v>
      </c>
      <c r="D22" t="inlineStr">
        <is>
          <t>0.001</t>
        </is>
      </c>
      <c r="E22" t="inlineStr">
        <is>
          <t>&lt;class 'numpy.ndarray'&gt;</t>
        </is>
      </c>
    </row>
    <row r="23">
      <c r="A23" s="1" t="n">
        <v>21</v>
      </c>
      <c r="B23" t="inlineStr">
        <is>
          <t>train_input_images</t>
        </is>
      </c>
      <c r="C23" t="n">
        <v>300</v>
      </c>
      <c r="D23" t="inlineStr">
        <is>
          <t>[b'512' b'512'
 b'\x89PNG\r\n\x1a\n\x00\x00\x00\rIHDR\x00\x00\x02\x00\x00\x00\x02\x00\x08\x02\x00\x00\x00{\x1aC\xad\x00\x00 \x00IDATx\x9c\xec\x9dc\x9c\x1cK\x17\x87O\x9c\xdc\x1b\'ol\xdb\xb6m\xdb\xb6m\xdb\xb6m\xdb\xb6m\xdd87\xbc\xf1\xff\xfdP\xbb\xbd=\xad\xa9\xc6\xccn\x92z&gt;\xeco\xb6\xa7pf\xa6\xbbp\xea\x80H \x10\x08\x04\x02\x81@ \x10\x08\x04\x02\x81@ \x10\x08\x04\x02\x81@ \x10\x08\x04\x02\x81@ \x10\x08\x04N\x13\xcc\xbf\x05\xf0\x1a\x00\xfc[\x04o\x90(\xb0\x7fK \x10\xfc\xe1\xa4\x0f\xe7\xdf\x12\x08T\xe0\xd5\xa5\x87\'6\xf8\xb7\x14\x1e\xe7\xf9\x85\x1d\x7f\xc8T\'\x10\x08\x04&amp;\xc0\xb3\xf3\xfe-\x829\xda\x94\xcd\xee\xdf"\x08\x04\x7f6\x93\xbb5\xf0o\x11~O\xbe&lt;8\xee\xdf"\x08\x04\x82\xdf\x1aS\xdb\xe1\xdd\x0bG\xf6\xa9WBq1c\x04G\x05\xd2"g\xf4\xa0\x9e\xeeb\xc1\x90\xb6\x9e\xee\xc2,BS!\x10\x08\x02\x10\xf0e\xd7\x82\x11\xfe-\xcbo\x02~&lt;\xb2\xd9B\x81\xf8\x7f;"\x89@ \x10\xb8a\xf9\xe8.\x00Z\x97\xcd\xc6_\xe5\xd4\xc6\x99\x9e\x93\xe7\x17\x02x\xceyQ \x10\x08\x02\n\x19\xc2\xfb\xbd\x06\xb0\x7f\xc9X\xb3-\xc8\xb5\x19y\xe3\x84|uyw\xe2 NH\x16\xf0\xa8\x9e=\xa1q\x81\xe3k\xa7\x12\x11&gt;\xdd\xf1\x8a8\x82\x80\xc2\xdaI\xbd\xff\xbd\xbe\xcf\xbf\xa5\x10\x08\xcc\x10\x9c\x88\x88\x16\x0f\xef ]\x01\x9e\xd9\xd1M\xff\xcf\xb6H\x8e\xe3\xec\x11F\x9e\xd8!\xd8\x8b\xe8Z\xefV\xc8\x10\x0b@\xeeX\xc1\x15\xdf\xe1\xf4^\x8d\x93h\xcd\x88\xe2\x18\x80\x88\xf2\xc6\t\xe9\xdf"\x08\x04\x7f0C\x9a\x95\xf7o\x11\xb8(\x98 \xb4\x85Za\r\xdf\x05\xfe\xb5$\x8b\xdf\xd8\xfd\xfd\xf1)\xf9\xf5\xb8\xd6\x9a\xf3\x18b\x8e\xf1&amp;\x7f\x8e_\xa1\xe0\xf7!\x89\x1368\xe5\xd2j\xae\x89\x89\x88"\x12\xf5\xa8U\xd8l\x83\xc5\x93ET\\Y:\xb2\x93i\xb1\xdcQ7ork\x15\x81/\xa9\xfeb/P\xbf@*\'e\x12\xe83\xace\xa5&gt;\xf5\x95\x86j\xfcxz:\x04 \x9c \x05\x7f"\xc0O\xef,6g\xf4i\xea`k\xf8r\xcfN\xf5h\xbe\xa6S\x0e\x89\xe3m\xfcWeg\xe1{\xdb8\xad\xbf\x9d\x1e\xaf\xecZ\xe4\xf6\x14G \xf8=I\x1e\x9c\x1a\x15N\xab\xf9\x96#\xcb\x16\x7f\x1f\x07\xbbV/h\xaa|L\xf3\xc3\xf7\xd5=K\x14Wf\xf7k\xaeW8\x84)i\xfe0\xf8\x9d?\xd8NK \x10\x98\xe3\xcc\xe6\xd9\xf2\x7f\xcfm\x99\xa37\xd8\xe5\x8bk\xf4\x90-\x19\xd1Qq\xa5J\x96x\xe3;\xd5\xb6)\x9eM\x1c\x99\xb4z\xd5)\xea\xb9%|\xdbr9\x807\xea\xebw\x0e\xaf\xd6\xab\x92;fpOH\xf2\x87#T\xf3\x02\x81\x93\x84&amp;J\x19Jy\xb1F\x8eD\xfe!\x8b\x06\xfc1d\x82\xb0M\xc0\xd7\xfb\x9e\x10#o\x9c\x90\x00\xaaeK\xa0~\xabo\xfd\x92\x8ew\x17\xde\xf1\x16=L\xe1D\xc6\'\xf4\x1a\x04\x9c{\xcc\x80y\x83Z\xfb\xb7\x08\x02\x81\x87)\x9d*\x8a\xb3\xeaxMZ\x971\xe1\x92&amp;\xb1m\xf6\x10\xfe\xc2\x9e\xd3\\\xfdE\xf4\xed\xd1I\x00-Jf\x92\x0c\x98f\xf7o\xa1W\x9e\xf3\xc3:rh\x1f\x10\xe8T%\xaf\xd9*\xd9\xa2\x04\xf2\x84$\xce\x02|\x89K\x94\'\x96P\x01\n\x04\xb6\x89&amp;{\xdd\xbcD&amp;\xb7\xe5\xeb\xe5K\xa1\x18\xd3\x076)kP\xde\xd4\x04 \xa2\xcd\x1b\x13\xcb\xc3\xed\xab\xb5\x91\x01\x90\x8f\xb7\x0f+\xb4\xaf\x02\x81\xbf\x91\xdfP\xbfo\x00\x80]\xf3\xed\x06\x05\xaa\x981\xf6\x9e\x85#\xed\xb4\x80\x9fO\x88\x08x\xd7\xb5z\x01\xe0\x87\xdb\xf2\xcf\xcem\xb3\xd3\xdd\xaf\xcb\xef\xe7O\x95Ii\t\xacM\x94\x00\xf6\xd9\x7fi\xc30\xc1\xaf\x8a\xe3\x8b\x0e\x00\xc7\xd6L\xe5)f\\ \xb5o43\xc9\x8d\xd6\x02\xb9b\x06\x1b\xd6\xb2\x12OI|{pl\xcd\x14\xcb\x1d\xd9\xc7AK\xf0\xec\xd1Ll9\x8a\'\x8b\xf4\xdb\x8c;\xcc\x9f\xee\xf1\xa9M\x06ej\xe7N\xea\x1da\xcc\x02\xe0\x9f\xb3[\xb3\x06@\xb7x\x81\xc0\x14u\xf2$s\xb0\xb5\xea\xd9\x13\xf6\xac]4\xaa\x83-j\xb1fb/\x07[K\x17\x96\xf2\xc5Q\x9dw\x1br}\xdf2\xff\x1a\x88\x7f\xd1\\l\xba&gt;\x84*~\x89\xc8\xa8b\x07 \x08@\xf0\xc7\x13N\xa5\x1a\xe8,\xdf\xca\xb9b\x06\xf3\x9c\x1at@\xe32n\xcb\x00\xdf\xa5\xd7\xd3z6r[&gt;k\x14[")xsu\x8f\xab0\x7f\xd0p\xb0r\\w\x0f\xb5\xac\xb6\x90=\xben\xda\xc3\x93\x01.\xcf\xe5\x86\xa9\xfd\x98\x83\xe1\xaa\xf1=\xdc\x16\x9e\xa3o\x14 \x108\x00~&gt;^9\xae\x9b\xc5\xba\x96&amp;\x00)\xaf@\xef\xba\xc5\xdc\x16\x8eK\xe4!\x8dM\xaf:\x1a\xbdo\x9f3T\xfd\x89\xca\xa5\x8b\x01 \x9e\'\x84 ""\x00\x03\x1b\x1b\x1dD\x0b8\tG\xf4\xe3\xc9\x19\xff\x96\xc2=C\x9bW\xf4o\x11\x04\x02\'\xb0\xe08\xcfF\xff\x1fON\xdb\xe9wT\x9bjv\xaa\xeb\xa19\xa5\xad\x9b\xdc\xdb`\xaas\xab\x00r[\xa0q\xe1\xb4\xbf\xeb&amp; \xa0}.\x00\x16\xacK\xfd\x85\x8a\x19c_\xd8&gt;\xdf\xbf\xa5\x10\xfc\x8eH\xdb\xf0\x94|\xe6\x111L\xb6\xef\xf6\xb1\x07\xb0s\xfep\x93\xad\xba\xd0\xb9J&gt;\xe3\x02\xd6,2?\xdc:\xa4\x18\xeb\'wo mY,5\xe9\x9e\x8d\xd3\xfa\x010\xfb%{\x1f\x0bj0\x00\xeb\'\xf7q^\x14\x8d\x8e\xbe\xf1\xfc@\xeb\xa7xC\x18\x81\xe0w\xc0\xf2\x90\x17S\xde\xc8\xb7\x07\x8e\x08#\xe7\xe2\xf6\xf9\xa76\xcc\xc8\x1e-\xf0#C;\x10N\xb2\xfc\x8f*f\x8c\xfd\xe5\xfeq\x92\xa9\xa7:UvY\'\x02\xc0\xe7\xbb\xf6\xfb\xd2\x04x\x07\x00o\xaez\xa8}\x07Y;\xa9\xb7\xa9\xf2\xf8\xef\x8e\x945zZ\xaf\xc6\xce\x0b\xe4K\xf6h\x81\x9f\x9d\xdf\xee\xb9\xf6\x05\x82?\x8b4\x7f[\xf4\xb3\xf5&amp;NEq\xc9\x17\xf7/\x00xvN\x9a\x00\xe4-G\xd1R\r\xe1\xf5e\xbd\xd6\xc2\x11\x99\xf2\xc6e\x8do\x9b=\xd8\xa4\xd4\xd4\xb9J&gt;\x00\x85\x12\x861[\xd12\xcb\xc7t%"S\xb11~&lt;&gt;MD\xb7\x0f\xad:\xbfu\x9e\x87\xa4\xe2!h\x003\xbf\x19\xd5\xd6#:L\x81\xe0\x17\x80\'\x0f\x97\xa9\xc1\x1dxbQ\x14\x8d\xa6\x9e+\xc7\xfag\xe7\x00\x8ci_\x83\xb3\x85\xc1M\xcb\x99\x1ah\x80\x0fk&amp;\xf44!\xa2K\xddO\xd6*z\x93\xf0DD\x94\xd1|\xf6\xb5\xf1\x9d\xea8(\x86\xa7Uy\x02\x81\xc01\xaaf\x8d\xff\xf3\x9f\xb3\x9c\x85\xd5Q\x973E\xa4\xcd3\x06X\xeb:6\xd1\xac~\xcd\xc9w\xc8\xd8\xb3p\x94F\xc06\x1d\x8e\xaf\x9dF\xe6\xb5g\x87WN\\6\xba\xb39)\x89H?\xc5X\xbf\x86\xa5,\xb4\xf6\x0b\xd1\xa4hz\xe9u\xbf\x06\xeec\xe7\xa5\xf9\x9b\xfd\x9a\xef=)\x94@ p\x0e\x00g\xf9\xdc\x05\xe2yF\x80e\xa3:\xdf=\xb2\xc6T\x15\xe0\xb9\x85\x8e\xa6\xf7n\xf2\xe9\xeeQ\x0b\x15\xbd\xc9\xe2\x11\x1d\xea\xe6K\xe1\xdfRh\xc0\x9f\x0b4\xe0k5\x05\x82_\x12\xcd5o\xc0\x0cxh\xcdw\xe1\x9f\xb3[\xdd\x16\x1b\xd6\xb2\x12\x8f\xd7B|\xa2d\xaenKV\xd2\x19{\x8c*Y\xe2\xf9\xb7\x08\x02\x81\xe0\x97\x02O\xcf\x99*?\xa4y\x05\xcf\x08BDth\xc5\x04\xc5(?\xa7\x7f\x8b\xd5V\xf5\xecD\xb4s\xdepN\xf5\xb1\x1d-s\x8e\xe8A\xdc\x96\x11\xf9\xaf\x04\x02A\x80\xa3}\x85\\\xfe-\x82\x1fn\xbd\x04,P"y\xa4\x8f\xb7\x0fg\x08\xef\xa6\x98\xe5\x93\xc6\xb3[\xe6\x00Xg\xd2\xce\x92\x1f\x83\xd9%\xe0\x9c\x8b\x06\x1cI\x1c\xc4\x0b\x891\x04\x02\xbb\x94N\x1d\xb5TJs!\nk\xe5J"\xbdNg:}\x93\x92\x80\x96\xed\xb0X\xd2\x88\n\x15VP\xa2\xeds\xdc$\x93\x19\xd0\xb8\xcc\x99\xcd\xb3\x01\x04\x92\rgS9\xc2\r\x85"J\x1d\xf0\x96\xf7\xde\xb41\xfdsP\xdcW\xd2\x9d\x9fL\xe7\x19\xe0\xcfa\'\x10\xfc\xc2\x1c_;\xed\xed\xf5\xfd\xfe-\x85\x1fn\xd7\xfbj\xe4\x16)\xddk\x16"\xa2\x9c\xd1\x83\xfe\xba\x0b\xdb\x84\xbf@\x8a\xad_\x8c\xb3\x9bg\xe7\x8e\x15\xd0V;\x02\x81\x80\x0f\xe3\xf8\xcf\x952\xc5a/\x000\x8fhO\xf8B\x0b\x04\x02\xc1\x1f\x84\xfb\xe3Q\x196\xf3n\x030\xb6\xa3\x8ff\xf0\x9e+E\x93\x84\xb7)\x89\x9d\xeaD\xd4\xb4X\x86\x07\xc7\xd7\x07\xa8\x94X\xbf4|Y\xc8\x04\x02\x81+\xfc\xbeT\xd6\x08M\x94\xce\t}uX"\x00\x85\x12j\x9fi0\x97\xe3\x0f\xb7\x0fm\x98\xda\xef\x17U\xec\xf8\x9eR\xff\xeb\xdf\x82\xfc\xb9\xfc\xa2\x99y\x04\x02]\xf8\x17\xc5\xfe\x0b^^j^"\xe3\xbd\xa3k\x8d\xca\x00Iu"Q\\\xdc\xb1\x80\x88\x80\x7f\x00L\xecR\xcf\x03\x02\n~y\xd8MBD;\xe7\x0f_1\xa6\xabA\xc9\n\xe9c\x1a\xbc+\xe7\x17]m\x08\xfe\x14\xcc\x07z1A\x9a\xd0.\x16G\x9a\x94Kk\x14P\xb9y\x89\x8cD\xf4\xe6\xea^\x00\x83\x9b\x96\xe7\xe9\xd4@m\xd2\xb0P\x9a\xeb\xfb\x96m\x9an\x14j\x82=\xb1\x9e\xcep\x19\xf0\x89\xe7\xdf\x02\xfc*\xf8\xee\xcc&gt;\xfa\xb7 \x02\x81U&lt;\xb7\x0f0N\\YR\xcb\x80U\x9e&amp;\x9ey\xb7v\xac\x94\xc7\xb8\x97q\x1dk\x018\xbaz\xb2q1\x9ba\xc5\xc4C\xfe\xdb\x13\x82hD\xab*\xfc\xe5k\xe6L\x0c`\xd7\xfc\x11\x06\x05\x9c\x90K \xf0$\xfe\xb5Q\xd5\x1c\x8e\x9b\x14Ig\xad\x1dy\xa015\x91\x88\x80\x9f\xe0Ki\xa9I\x9eX!\x88\xa8k\xb5\x02g\xb7\xcc\xb1\xd6\x82ML\xd9\x95\xf3\xff\xa6\x96]AVsd\xc7\xd5\x03\xaeXn\xc7q\x9c\x12f\xeb\xac\xc1\x01\xed\xa3\t\x04F\xb4\xaf\xe8m\xaf\xe0\xacQ\xa8|\xfa\x98yb\xbbx\xd8\x8cl]U\xfe/\xf0\xcd~GO\xcfn-\x9f\x8eWo\xeb\x16\x9b6Br\x96\x8e\xe2\r&amp;j\x7f(\xc1\x9b+6[\x90\xb3bLW\xcb"\xdd&gt;\xb4J\x1a\xfaS\xffMx\x7f\xe3\xd0\x8a\t\x0e\xca\xe6\x08[g\r\x92\xff[6\x8d\x89}\xf2\x80\xc6e\x16\x0f\xef@\xbei\x15\x04\x02A\x00\xa5\x9e\xbfF\xca,\x97\x8e7\xa7\xa4\xfd\x8c\xe4\x0b\x86\xb4\xb5S}\xfd\xe4&gt;\xc0w\xe9\xdfU\xe3\xbb[k\'\xbc\xb4\xfc\xffrO~\xfd\xc6\xfe\xe5n\xf30\x1b`\xca\xe0\x98\x87\xfe\x8dJK\xaf\xe3\x13U\xcfn"\x91\xb645\x8a\x1d\x80\xe0\xcf%{Tk)~\xedb\xfc\xa4\x0eoY\xb9a\xa14\x9ao\x99\r\xaa\xe18\x03\x1b\x97\xf1_\x01\xe4&lt;u\r\xa4\xcat\x1a\xf6\x9b5P\xfb|{x\xd2lk\xb5\xf3$\xe5,yq\xfb\xfc8fZ&gt;\xb4&lt;\xc0mJ\x04\x82_\t\xb7\xa3i\x9f\xfa%\xbc!\x87/,\'\xe2\xe0\xa6\xe5l\xb6\x13\xde\xbe(\xdcXH\xe9\xee9\x8c\'\x80"|\x9a1\xcd\t\xa0y\x89LD\xb4td\'\xcf\xcd\xc1\xc5\x92\no0\x81 \xc0pq\xc7\x02\xfb+\xca4\xfa!\xf9\xff\x92%\xdeJ,S\x10\\\xdb\xbb4\x93\xa5\xa1\xc0v\xdc&lt;%_\xee\x1foZ\xcc\xe8\xe0\x9a\x88J\xa4\x88\xect\xb7\xfe\x8c4\x01\x8c\xedPS~\x91\x88\xfa6()\xa2\x18\t\x04\xbf3\x05\x13\x84)\x9b6:\x11\xbd\xb8\xb8\xc3TE\xa7\xf2qO\xecR\xf7\xc9\x99-\x16*\xfaK\xd0\xcf\x12\xc9#y\xbf\xd3R\xa9&lt;\xb8\xf1\xd0\xdc\x01\xd4\xcb\x9f\x92\x88F\xb46a\x82)\xa7d\x8a\xc8xq\xc1\xb8\x8c\xa9S\\\x1e\xa4\x8f0oPk\xa1\xeb\x17\x08\xbc\x81\x1dw\xfc\x87\'68\'\x88\x97\x18\xd2\xcc\x83\x19x\xf48\xbcr\xa2\xdb8\xe1{\x16\x8d\xb2\xd6\xf8\xcc&gt;M\xf5\xce\x00\xe6\rle\xadM\x7f\xa1|\xfa\x98\x1b\xa7\xf5g\xaf\x85\xe7\xa0\xe0\xcf"\nQ\x81\xf8\xc6n^\xde\xe3\xf5\x95=\x8e\xb4\x93\x80\x08\xf8\x87\x88\xd6\xd8HCf\x96i\x86Y\x07&gt;\xde&gt;|b\xfdt\xf9\x95\xacV\x95\xe4\x1f\xef\x1c\xb6XS\x05\xf0\x05\xc0\xdc\x81-\xadV\xf7\x99\x00\xc2\xcb.\xfa\xcb\x18\n@\xeex\xe8\x08\xc1\x85\xf1\x8f\xe0\xb7\'SD\x9f\x83;\xb7\xa8\x97{\xfd\x1b\x96\xd6+l\x8d\x92:\x8ar\x0b\xcf\xe1\xf69Cm\x8b\xe3\xc3\x93\xd3\x9by\x8a\xb9\x9dG\r\xbe\xe7\xfc\xf1\xb4\xf5RI|\xcf&lt;\xaaf\x8d\xcf^0gi\xb276\x01\xcf\xd9\x8bz\xf9S\x02\xe0\xbc\x01\xb4\x9bzq\x81\x99\x15\xbd\xba\xbc\x9b\xf4\xed\x05\x9e\x9d\xdf\x0e\xbc\xf6\xd0\xdc\xc0\xeeL\xb9\x1dn\xfd\xfc)3;\xa1rc&gt;\x899\xa2\x05\xe9P1\xb7\x03\xcd\t\x04\xbf.\xefo\x1eT\x0f:\xad\xcbdS\x98\x81\xdb\xc1\xc1(\x8d\x06\xa7\xcaf\xe1\x19j\x01\xec\x98;L~E\'\x9c\x9d]\xca\xa4\x89f\x7f\x02\x90\xe3\xe9E\xaet\xe43\xa8IY\x8fv$\'\x04QF\xe7\xc2c\x01\x10\xa1 \x04\x01\x8b)=\x1a\xfeN!\x85\x0188d[ ypZ5\xbe\xc7\xf4\xdeM\xfcS\x08&gt;\x807\xbe/`\xc2\xa9I\x87\xdd\x0bt\x03\xe0\xfc\xeay\xb3n\x1d\\\xe9\xdf"\x08\x04\x9ea\xd3\xf4\xfe1\x896\xcf\x18(\xbf\xe8}c\xf3\xa4A\x9diG\xb1\x0e\xed]\xafx\x85\xf4\xb1\x8c\xab8hV9\xa6}\xcd D\xe5\xd3\xc7\xd4\\\x0e\xf7kP\x8a\xffS\x02\xf0\x9a\xe7Q\xaf:E\x93\xd9\xdeh\xfcfjn\xb9\xd3"^]R\xbc\xeb?\x0e\x8d\x02\x81w(\x9a4\x02\xa9\xeer\xcf\xdd\xf4\xc0\'\xce\xe1\xa3p"#c\x942\xa9\xa3\xf6\xae[\x9c5\xc5B\xbcM\xeaV\xdfm\x9b\x9f\xee\x1e\xe1\x13\xd3.a\x0ccS\xaba\xa6\x90\xfc\xcc\xb5j3\xd3\xadFA\xcd\xeb-Kg\xe1o\x04?\x1eY\xeb\xfd\xd7bR\xd7zGWM\x0eL\x14\xdd\xbf%\x11\x08&lt;\x85|8~\x7f\xf3\xa0q\xe1\xbe\xf5K,\x1b\xdd\x99|\xc7\\k\xdd\ri\xc6\x15\xdc\xff\xcd\xd5\xbd\x9f\xee\x18\x8d\xd7\xbd\xeb\x163\xab\xb4\xb5\xbfteA\xaa\xbd\x80\x94\xa9X\x13\xe0\x95\x9d\xc6\x7f\xb9\xfcV\xdd\xaak\xcf[fQ\xdf\x00!4\xcb\xc9\x88\xedH\xc7\x02\xc1/A\xe7\xaa\xf9\x88\xe8\xc5\xc5\x9d\x8e\xb7\x1c\x8f\x88\x88\x00\xecugE\xce\xb4R/M\xca\x00\xc0\x11+\x8e\xdf\x98 D}9"p\xcc\xee\xdf\xc2\x0b\xc2\xd8\xa1\xb1\xa5\xb0\xe1D\xb4hX{S\xb5&gt;\xdf;vf\xf3l\xb3}\t\x04\x01\x9aHD\x953\xc75(\x00&lt;\xdb\xbfd\xac\'\xba\xbe\xb8}\xbe\xe3mF%:\xb8|\xfc\xb7G\xa6\xa3\x89Y\xe0\xd5\xe5]\xc6\x05\x00\\\xde\xb5\x88\xb3\xb5:y\x93\xf1F\x04u\x82\xa3\xab\xa7\xf0$EP\x9bH*\xe0\x8fc*!\xf7x\xe8R\xad\x80\xd9\xeaj\xcc\x9ed\x00\xc8\x18\x81j\xe6L\x8c\x8f\xb7L\xd5\xbauh\x95\xe6us\xdd\x0b\x04\x01\x87\xf8D#\xdbTu_\xce\x95\xb4N$p\xe7d\xe1\xd0vN=c\x1fn\x1f\xd2\xbc^"\xb9\x95#a\xb5T\xd7\xf6.\x95\xff;\xa5{\x03f\xde\xceC\xcf\xdaE\xbc&lt;\x94,\x1d\xd9\x89\xa7\xd8\xba\xc9}\x0c\xde\xb5\x10\xb3\xc7\xdfG\xcc+\xbb\x17?9\xb3\xa5[\x8dBWw/\xc9\xcam\xf9\x10\x8fh\xdf\x921\x8a\x8b\x85\x13\x85\x05\xdev\xa8\xa4m\xe6_\'or\x1bb\n\x04\x01\x1b=\xff#\t;\x81\xdd=A\xe9\xd4N\xfa\x12\xa9\x072\xe6?\xcc_^A\x86\xf06%r\x06\xb7\xe1\x1f\x028S\xba70&gt;\xd8\x00\xf0\xfa\xca\xee.\xd5\xf2\x9bmY/vE\xe1D\x1a\xfd%0\xdb\xba@\xe0i\xb2\xfeO;\x01\xafY\xac\x85Q\xfb\xcdhP \x95\xfc\xdf&gt;\xf5J&lt;\xb0\x17eh\xe5\xd8n\x96\xeb\x16K\x16\x91L\xa6+\x91P\x1c\xab\xe2\xfd\r\xcbb\xa8\xf1\xdc88\xaamu\xe3\x02z\x91\x9fW\x8d\xb3\x98\xc4F\x13\xe0\x1b\xf0\xd2\xc1\x06\x05\x82\x80\x0e\xf0\xd3\xa3\xed{\xc7\xa9+Yp\xfax\xdbz`\x1c\xc5b\xb0J\x96x\x9es\x043\xf0$\x00\x9e\xa8\x851\x85\x05\x1d\xa0\xe7(\x9f.\x06\x80\x9b\x07V\xb8\xfdD\x00\x06\x1a\xba\x07\xb3\x16\xf2\xc75\x11\xbf\xf51_\xdc\x0e9\xe9\xc2:\xe96,\x10\x08\xfc\rE@\x1e\xe31Ha\x06\x8ao\x0f&lt;!\x92[.\xefZ\xd4\xa6lv\xa7\x14\xeb\xa6\xb2ey\x88|qC\x01\x98\xe1n6u\xeb\xa1\x02\xa0z\xf6\x84\xa6\xbe\x19|\xb8I&amp;U\x97\x004\xd7C\xe9\xbcxN&amp;\x10P\xc7Jy\xd8\x8b\xc8D\xddk\x16\xd6,\xd3\xb4X\x86?6.U\xd3b\x19\xb6\xcd\x1e\xa2\xf9\xd6\xa7\xbbG5\xaf\xdf\xd6\xb2\xfa\x90\xc0\xfb\x9b\xf2\xc1\xa5i\xb1\x0cv\xc4\xf3k\x16o\x89h\xce\x00e\x88\xcd\xb2i\xa3O\xeaZO]\xbe~\xfe\x94\x0e\x1e\xab\xee\x987\xcc}\xa1\x80\x81\x1bWo\x1b\x98J,\x9c\'\xb6\x8b\x9f\x9f\x94\xe7\xa0U\xe9\xac\xceJ%\x10p\x91\xf5\x7fnN#\x9dB\x9ar\xdc\xf2\xfc\xc2v\xbd\x04\xbc\xde\xa4M\xd9\xec\x9a\xd7\xad-\xdeC\xb8\x9e\n\x1e_7\xcdB#\x9ccwl\xa2\xef\x8fO\x99i\xf6\xbd\x05a\xfe@\x00\x9c\xdb:\xd7\xd9\x06\x01\xc4!\xca\x15\xc3C\x01\xfd\x04\x02\x81%&gt;\xdc\xd26\x03e\x14\x88o\xfd\xe8\xa1B\x86X\xc0\'\xc5\xc5U\xe3\xba\xbb\x8d\x1c\xa08IVc\xd9n\x89\xc7\xca\xf3\xac\xca\xb3\tO\xcfY\xed\xf0\x97\x04\x00\xf0\xc3\xf8,\x81\x9fv\xe5s:\xd2\x8e@\xe0\r\xb2D&amp;"\xaa_ \x15\x11\xb5(\xa9\x11\xd5\xfdW\xb7\x084\x85\xe5L\x84rj\xe4H$\xbd~su\xaf\xa9\xf2\xa6(\x94\xd0\xf4o\xd3\xb0`jE0\x83\x98\xd6\xfa\x0ex\xe4\x8b\x1b\x8a\x88B\x13u\xadV\xa0d\nO%\x94\x17\x08~\x1f\xea\xe4I\xf6\xf2\xd2.\xd2\xb7n\xd6$\x89C\xf1;\xfd\x1dS\x9f\x9a\x9fOw\x8e\xf0$H\xebQ\xab\x08\x80;\x87W\x03\x1fS[\xca\xa8\x86\xf77J\xa5\x8a\x02`\xf1\xf0\x0e\xfc\xb5\xd4\x8e\xbbeR;\x9c#\x97\x87E\xc3\xcd\x85a0@\x9e\x19\x8d}6S\xfb\xb8\xfa&amp;C\xefY\xc0~\xccm\x81\x80\xc8\xc3.\x94\xfe\xee\x9f\xc9\xc3\x8f\'\xa7\x1b\x15NcG\xd4\xa4Ai\xdb\x9c!\xe4\xb1\t@\x8d\x9e\xd7\xb4\xcd\xde\x01T\xc8\x10\x8b\xf3S\xf4\xaaS\x94\x88\x86\xb5\xac\x14\xcfN\x97N0\x98/\xfc\x1f\'\xd1\xec\xfd\x8e\x1d+\xe5\xf9%n{\x81\x80\x88\x08\xf8\xee\xc1\xc6\xff\xbd\xea\xb9\xc6\x9d\x02\xc0\xb3\xf3\xdbW\x8f\xefa\xb1\xfa\xbf\xd7\xe49\x11\xcdf3VG\x02\xe0!\x85N\x90I\xfb\xbf&amp;\x80\xa3\xab\'\x17Jh\xcb\xde\xd0\xcbA\xf3\xe4\x03n\xd1$\xe1\xed7X:uT\xcb\x0e\xe7\xce\x1aP)\x10S\x8b\xe0W"\x1cQ\xed\xdcI\xd5\xd7\xf5\xc6\xc8\x1b\xfb\x97\xdb\xef4\x06\xd1*\xbe\xd1&lt;{\xd4\xc0\x11\x88\x8e\xac\x9c\xa4\xf9\xae:\x1dX\xa9TQ\xf0\xf4\xac\xe2\xe2\xec\xfe-\xca\xa7\x8f\xd9\xbbnq\xf3\x92\xd2\xf8N\xb5-\xd42\xc0\xf6\x0e\xe0#&gt;\xddvJ\x98?\x16\xb9\xa3\xb2^\xfc\x08\x00\xddk\x16\xf2\x864\x02\x81\xa7iP\xd0\x8d\xd9\t\'l\xeb\xbdqZ\x7fGZ\xd3\x8c\xa6\xe2\xd7\xd7\xf3\xf3\x0b\x87\xb6\xcb\x177T\xba\xb0\x1a\xe3\xa6\xa2n\xf2\xe0DD\xb9c\x06\xaf\x90!\xd6\xfdc\xeb\xecH\xc5\x02b\xeb\x917N\xa8x\xeeZ0H;\xc3?\x01\x00\xc0\xb3\xf3\x9c\x85\x05\x8e\x03\x80\xdf\xe2Y \xf8\x1d\xf8\xfa\xe0\x84\xdb2\xe1\xad6^\'O2S\xe5\xd7O\xe9\x9380\x11Q\xa1Da\xe5\xe3\xe6\xad\x83+\xd3\x86\xa1\x9f\xff\x9ca\xff\xcaOS\x97\x8e\xec\x942\x14\x19\xc5\xb9\xe6\xe0\xdf\xeb\xfb\x0c\xde\xad\x95+I\xe3"i\x8d[`ag"\x12M\xe9\xde\x80\xa7\xc7\x81M\xcan\x9a&gt;@q\xb1b\xc6\xdf&lt;\x13I\x80\xfax\x81\x88\x1e\xda\x8b\xe9$\x10\xfcbd\x8f\x1a\xe8\xc1\xf1\xf5\xfe-\x85.\xc0\xdb\x01\x8d\xca\xb0\xd7\xf23\xd5\xff\xee\x1d-\x9c(\x9c|J\x00P:uTk\x07\x83,\x92\xda\xfb[\x07#\x12\xe1\xe5Er\xb7H_3\xa1\'~&gt;\xe6i9\x18\xd1\xf7\xc7\xa7\x1c\xc9&amp;\xd8\xa4h:\'\x9a\xf1,\xe1\xf55\x87\x9a\xc8\x17\x04,&lt;s\x93\xa2\xe9\xf5\n\xb7.\x9b\xcd\x940\xc7\xd7\xfa9\xe8\xe1\xe3-\xb7&amp;\xa2\xd6\x02\xea\t\x04\x01\x1d\xb5\xa2\xdc\xdf)\x96\x94+\x8cV\x1c\xa2\x86\x05S\xeb\xbd\xcb\xa6.\xe0\xd5\xdd\xa3k%G|\xb3\x92\x0coY\x19\x00\xcb-\x9c)"5(\x98\x9a\x88\x80\xaf\xc6\xb5Z\x9717\x18\xd9\x81%\x1b\xc0\xb7\x87\x01\xe7t1"\x11\x80=\x0bG\xd9\xfc\x1e\x92\xbbM\xc6(#Yp\x1f\xff\x15N\x0e\xad\x98\xd0\xbc\x84\x8f\x8f\x8b\xfa\xb8\xd8\xc2\x97\x19\xd0\x82\x9c\x0b\x04\\d\x8b\x1a\xa8}\x85\\^\xe8\x08_\xfd"+\\\xd86oT\x9bj\xba%u\x1e\xbfm\xb3\x07\x13QL\xa2\xc4&amp;s\xd2\x03\xb0\x10\x7f\xb8a\xc1\xd4\xab\xc6u\x07\xb0w\xd1h\x97\xfd\x84\xbb\x8c\xe7\x00\x1a\x14L\x15\xcf|\x8f\x160p\xc0\xb0)\x80\xd9\x95AR\xaf\xc78(\x95\xca/o\x8b\x9d$bc\xda\xd7P\\\xf9\xc2\xa1\xea4\xa0_\x83\x92v\xaa\x0b\x04\xbf!{\x16\xfae\xfa\x9d\xdc\xad~\x8fZE\xf8\xebN\xe9\xde\xe0\xf4\xc6\x99\xc6\xeb\xb2\xe9\xbd\x9b\xb0e~\xe7\xaa\xa6szh\x12A\xc7\x9c\xdck\xbe\x026\xb1\x13\xc4\xc2\xa3\xe4\x8c\x11\xd4\xa9/P\xed\xf7\x9cR\x7f)\x8e\xd7\x97\xe5\xff\xf2\'\xe6\x14\x08\x04\xfe\xcf\xf21]\xa4\xd7e\xd3F\x97\xe7ne\x03\xca\xb2Q\x9d\xf3\xc6\t\xa9Q\xd3*\xed+j\xec\x8d\n%\x0c\xf3KL\x00\xde\xc1\x82\xeac\xf5\x84\x9e\xce\xcb\xc1GQ\x99vQ\xf3\xc7\x15\x08\x04.\xac\x18\xd3\xd5\xbfE\xf0\xe1W\x1cv\xed$\x05\xd9\xbbh\xb4cr\x08&lt;\x03\xf0\x0c@\n\'W\x1d\x02\xc1\xaf@\x93"\xe9\xf4\xdcY\x05z\xa4\xb1\x14\xe1\xc7\x1f1\xebV6\xa4y\x05\xef\x1f\x068K0"\xe0{\xb2`\x04 Yp\xbasd\x8d^\xc9f\xc53\x12Q\xd1$"\xf5\x97\xc0?\x00\x9e\xfex|\xdaJ\xc5\xcfw\xaf\xec^\xccY\xb8\x8b\xbeJ\xddl\xd8\xc8\xdc\xb1\x82\x0fl\\\xc6d\xa5\x80\x822^\x9a!\xe1\x89H\x15\xf0+`F\xd94y\xa0\xfe\xfbS*e\x94`D\x93\xbb7\x00\xde\x10\xd1\xe8v\xd5\xf1\xf6\xbafIf\x85\xfc+nL\x05\xbf\x03\x81\x89\n&amp;0\x11\xf2\xa5\x7f\xc3R\x16z1P\xf2\xce\x1f\xdcF\xfeo\xfapT8Q\xd8L\xda9\xb7}\xa8\x93\xd7\x9c\xb7W\xc0\'e(\xe5\x10\x10\xd9wP\x08\xefZ2`\x8e\x14\x01S*\x7f$,Q\x85\x0c.\x89\xc5\xf4L\xc8\xe2y^\x18\x81\xc0\x9f\xe9\xdf\xa8\xb4\xde[\x9a\xf60\xa6\xcc\xb1\x19\x86S\x86Q\xbf\xccN\x9f\xbfb\x97j\x05\xcem\x99c\xb27.y6\xcf\x18\xa0\xb8\x82\xf77\xa7\xf4hh\xb3Y{ri0\xa5\xbb\x8bHC\x9bWp\xbc\x0b\xc7\xc9\x19\xc3\xc5\xd8\xd5\x91hq\x8e \xf2;\n\xfeh\xd2\x87\xa3\xfe\r\x95\xd3\x83\xcd@\x0b\x12\x06Q9}\xfd\xba~\x020\x8a\x16\xe4\xcb\x94\x1e\r\xd9"\xaeb\xc6\xd8\xd3z5\xde2s\xa0M\xd9\x143\x9f\xb3\x86\xa1\xbfKn\x05\x01\x91\xccI;\xb8\xbf\x8a!\x10\xe8\xd2\xb3V\x91\xd7Wv\xfb\xb7\x14.\xd4\xce\x93\x8c\xc5\xf0\xf9\xf2\xe0\xb8f\x01&lt;=\x07\xbcx|z3g\x83\x06\x03t\xe3"\xe9\xcc\x8a\x07`\xfb\x9c\xa1fk\xf9U\xb7\x94m\xd8\x13X\xf0\x8f\xd3\x84}\xbd\xe5\xd2\x9a:(\xf9\x1d\x90\xcf\xd6\xc0g\xfe\x8aB\xf3&amp;p\x98\xe7\x17v4,\xa4\x1b\x1a\xc1\x80\x14!\xe9~\x00\x8b\xf93g@K\x7f\xec\x1d\xf8j`\xc9rm\xefR\x83\xa77\x80:_y\x8c\x19}\x9aJ\x1b\xa0[\x07Wj\x96\x89Atb\xddt\xc5^\x8d\xe5kl[.\x07\x11-p=Lr\x9c\x06\xfa!Cl\xc2\xd2\xe7Y\xa0I\xd1\xf4\x7fRfU\x81\xe7I\x17\x96\xaaf\x8do\xadn\x00_\x8fL\xeb\xd5\x98\xbd\x98\xd5\xaf\xb9\xfd\xd6:\xb8\x8b\xe2+\xff6v\xcc\x1bfS\xc3S&gt;]\x8c%#;Z\xae\xeei8S\xe5\x02O-w\xf1\xfd\xf1\xe9%#\xfc\xf3\x1b\xe8T9\xaf7\xbb\xbb\xbag\tO1\x83\xd35\x81@\xe0\xc3_D,d\xe6\xbd\xa3k\xfdE\x80bI#\xd6\xca\x95$\x7f\xbc\xbf\xf8\xab\xd4\xca\x95D\xca&amp;\x0f\xa0D\xf2\xc8c;\xd4t[\xabxr/g\xe22\x81\xcd%\x82\xa7c)g\x08o\xbd.Ky\xc4\xa3\xbd\xfa\xf2\xe0\xf8\xe1\x95\x135\xdfb\xab\x84\xba\xf9RX\x97C p\x96$A\x02\xa8\xed\xb9Y\xa4\xc1\xd4)R\x99\x18\xcc-\x02\x00\xf8\xcf\xe3\xdd\x08\xcc\x93Ik\x9e-\x99\x92k/\xa47\x11\x02\x9f\x92\x04\xf1y\x1d\xcd\xa2\\\x02\x81\x13H\xae\x01\xa6\x16\xad\xbf1\xe5\xd2\xb9Y\xde\x05p\r\xd8\x1f\x0e\xb3\xca\xbf\x7fl\x9d[safr\xf3\xe1\xd6\xa1\x9a9\x13\xf3\xb4|p\xf9x\xf6"\xa1\x99\xe8\xa7\xf8\xf6\x00xj9\xfe\xe8\xf9\xad\xf3\xacU\x14\x08\xdc\xc3\xa3j\xf8\xd3\xf8\xef\xeeQ\xcd\xeb\xb7\x0f\xad\xf2\xb2$\x8c5\x13{\xd9l!g\xf4 \xee\x0b\xb9\xc3Y\x97\x08\x83eoF{\xb1\x12j\xe7IFD\xc3ZT$\xa2\xacQ\xdc\x956\xe3\xb3\xed_7\x80@ \xf0\x1e\xe3:\xd6r\xa4\x9d\x96\xa5\xb2p\x96\x04\xb0F?\xe6e\xa1\x84\xbc\xfe\xdb\x00\x066)\xcbY8\xc0r\xe7\xf0j\xff\x16A\x1b\x9e\x99\x89\xa9\x1f\xc5\x1eQ p\x06E\xe4Dk\x01*&lt;\xc4\xe5]\x8b\xb6\xcf\x19BD\xf6\x17\xd8f\xdd\x9b5iZ,=\xcf\xd0\xc3r\xa8\xa9\xf3\x06;\x08\x0b\xa4\xac\xe7\x96a\xcc\xa4n\xf5\xa5\xd7\xec\xe3\x00\xdf\xf1\xf2\x92S\xb2\x19\xd0\xacx\x06\x83w\xcfl\x9e\xed\xb6\x05&amp;p\xbb\xf29C\x11\xd5\xcc\xc5\xa5Y""|\xb8\xc9YR \xf8\xa3\x01P\x8a\xef\xfc\xcds\x9c\xdb:\x97\xbd\xf8\xfe\xe8\x14&gt;\xde\xda0\xb5\xdf\xbb\x1b\x07L\xb5\xe0\xa1\x15b\xd3b&amp;\xcc[\xfc%\xd2\xa8\xd9\xecl\xab\xc7\xf7\xc8\x165P\xa1\x84a\x7f&lt;\xb1\x12\xc7P\x13\xb3\xeel\xa5SEe/J\xa60\x17\xb7\xa4|\xfa\xdf\xc3\xa8B \xf8E\x98\xdc\xbd\x81\xf4\x1aO\xcf1\xbf!\x8f\x02\x00o\xaf\xb1\x88F\xf1&lt;\xdd\x99\x87\xa9\x94)\x8e\x7f\x8b\xa0$\xb6\x07\xe2\x8fzY?\x03@\x04B\x17\x04\x08\xfe":\xcb\xb1\x8d\xfd\x15)\x99\xf2\x7f\xcbGw!\xa2\xc2\x89\xc2\x12Q\xfex\x7f\x03\xc8\x15S\xdbE\xd7\xd9@+\xe9\xc2R\x9e\xd8!\x86\xb5\xac\xe4h\xab&amp;\xb0\xec#\xfa\xdd5&lt;\xf8\xf0V\x95-\xcbP9\xb3KT\xa7HD\x00\x8cC\xbd\xfa\x17\x01MA\xaf\x8e\xe6\xa4\x88g\'\x10x\x89\xf0D\xbfh\xba\xa2\xbc\xb1C\x02\xe8(\xf3\xda\x05\xd0\xa9\x8a\x86K\'\x00u^\xef\xfc\xf1\xfe\xfa\xf9\xcfY\x9e\x8e\xda\x95\xcf\xa9y\xd0zp\xd9x3\xf2z\x04\xb3C\x1b\xa71\xbb\xb5~M\xb958\xbb\xf5H\x19\x92\x16\rk?\xb2uUG[u\x80$:\x03{@\x9b\x93\x04\x7f"\x81\x88\xca\xa6\xf1\xaaW\nOlN~\x00|{t\xcaj\xdd\xffV\x8d\xef\xc1SrD\xeb*s\x06\xb4\xd0{\xb7u\xd9lN\x19\x11\xfd*\xd8\x0fg\x04\xe0\xf4\xa6Y\x0e\x88\xf2\xeb\x10\xdd\xbf\x05\x10\x08\xfc\xc8\x12\xd9\xc77\x9d\xc7n\xdaA\xe4\x0b\x9f\xa6\xc5\x8c\x0c0\x02\x1a\xceN]\x9a\xa4\xfbc\xa2\x7fM\xb5\x97\x08\xc1\xcb\x00`\xc9\xbf&lt;\xc7\xaf\xb9\t\x17\xfc\xb2\xb0\xd1\x7f\xff\x92\xb1\xde\xef\xb7\xa1\xc7"/\x12\xd1\xb6\xd9C\xde^\xdfos\xb0\x8eMT+W\x12g\x04""\xa2lQ\x02\xad\x9f\xd2\xa7[\x8d\x82\xc6\xc5\xfcW-\xd0\xa1bnM\x01.\xeeX\xe0H\xfbY\xfc\xd9\x92\xcb:L\x01(\x96\xf0\x02\x81\x07y{}\xbf\x9d\xea\xf8|\x17\xae\xac\x99\xd0s\xc5\x98\xae\xd6Z\x0bE\xe4x\x94\x8c\x19}\x9a\x1a\x17\xb0\x90+M\r\x00\x07=\'\xaaf\x8d/\x9f\x15\xcc\xa6s\xdf\xb3p\x94\xf4z\xf3\x0c\xbbiv\xd4\xb0\xac\xeb\nX\xc8\xdb)2\xf30\xa7\xe8^\xb3\x90\xe3m\n\x04\xbf?\x17w,H\xe9n\x97\xbbhx\xfbF\x85\xd2h\xc6\xe1r\x0b\xf4\xe1\x0c\xbd\xcb(\x9e\xcc\xc7\x8ae@\xa32\xac\xfa\xae\x05#\xac\x08\xc4\x81\x9e\xc1L\x9e\xd8\xb6L\x08\x15\xb1\xa9\xabd\x89\x17\x81\xa8i\xb1\xf4\x9a%\xd5\x17\x93\x05W\x96\x19\xd9\xc6\xe7d\xb5S\x95\xbc\xab\xf9NM\xd4$7i\x86un\xeb\\\x9e\xfd\x10O\x99\t\x9d\xeb\xc8\xffe\x07\x18\x81\xcc\x89\xe3\x1eMU*\xf0\xd4\x0b\x9aC\x81\xc0\x1b\x98\x1a\x98\x14E\xef\x1e]\xe3\xf6YM\x11\xd2\x8a\x0eD1\xdc\x17I\x12\x1e@\x10\xa2\xdd\x0bFJ\x17\x874+/\xaf\xf2\xf0\xc4\x86+\xbb\x16)\xda\xf9\xdb\xa5\xcd\xef\xc0\xab=\x8b\xfcV\xafe\xd3\xb8Q\x00\x98\x95\xbc[\x8dBz&amp;\x98\xa1\x88\x88;d\xbcMa\xaaf\x8do1A\x84\x19z\xd5)f\xb6\xca\x98\xf65&gt;\xdf;\xe6\xb6\x98\xf4\x13K\xff\xaac7\xd4/\x90J\xb3\xa2\xcd9\xa0P\xc20R\x0b\xcd\x8agTH"\x10\xfcV\xe8)\x88\xfd\x91\xd9\xfd\x9a\xcb\x87~\x83\x92\x00\x066.#\xbf\x12\x94(U(\'\x85\xf1\xe8\xc1\x86&amp;r\xed\x8a\x82\x12f\xfcW\x81\x0fi\xf5#\x0f\x05%\x02\xfe1%\x98\x82\xfdK\xc7*~\x1d\xb3\xbb\x01\x03\xd6N\xec\xe5\xf6\xb6\xc4\xfb\x1bn\xdb\x91\xb2~\x9e\xdf6O\xf1\xd6\xe9\x8d3y$\x01\x80W\xde\x88]!\x10p\xe1@4H\x19E\x12\x87\x07\xb0k\xfep\xe9\x8a\xff\xce\x07\xd7\xf6,\xf5\x1b\xfb__v[\xde_Vg\x83&lt;\x19\xa6\xcd\xed\xc7\xf1\xb4I\x11\x9b5\xda\x95\xcfiVi\x17\x10V\x12B3#\xf8\xfdI\x1f\xce\xc9\x87\r\x80&lt;8\xa2\xb3\x8f\xf1\xc86UK\xa5\xe4\xb5H\x05~p\xae\xfd]k\x01\xf8dU@\x13\x00\xaf\xd8\x0b\xa7\xbc\xae4\xf9t\xe7\x88q\x81#\xab&amp;/\x1f\xdd\xc5\xd3\xa3-\xf0\x12\xc0\x90f\x15&lt;\xda\x8b\xe3\\\xdd\xbd\xa4T\xaa(n\x03\xf7\xe0\xdd\r\xb3_\xe0\xdc\x81\xad\x00\x94L\x11\xf9\xc0\xb2qf\xa5\x02\x9e\x10\x91\xdaiQ \xb0\x88\xb5\xccV\xd7\xf7-sZ\x10\xc7\x987\xa8\xf5\xe1\x95\x13-L\x00\xad\xcad\x050\xb1K]OH%\x8f\xedl\xd3\x9c\xc9\x0b\xa8\xd5\xdf\x16\xf4a\xcc\x957@\x86~\xf0c\xcbLm\xd3\xa3\xf2\xe9c\xf28@\xd6\xc8\x99x\x8a\xaf\xcb\x02&gt;\xdfu[\xbe\x7f\xc3\xd2\xd2m\xe96\xcb\x90\x82\xdeu\x8b\xb5(\x99\xd9T\x15\x81\xc0\r\xcf/\xec\x90\xf4\x9b\xbf\r\x8a\x83_\x83 \x97E\x93F\xc0\xfb\x1b\xac@\xa1\x84a\x004,\x94\xc6C"\x95N\x1d\xd5~;\x05\x13\x84\xd6K\xd3\xe6\xc8Z&gt;\x1e\xd1\x84\xceu\xf0\xec\x9c\xa7ub\xa3\xdbU\xd7{\x8b\xa9\xed\xa4\x7f\x03\x88\xfb[\xfb\n\xb9\xd4\x17\xf5\xbe"\xbdC\x13\xe0{\xab\xd2Y\x01&lt;&lt;\xb9\xf1/\xa2\xf9\x83[;\'\xa0@`\x9e.U\xf37/\x91Iq1\x01\x11\x80\xf3|\x96v\xc6\x94M\xeb=\xff\x98\xd7W\xf6\xb0\xc9L1\x01(\x0ex%\xfev\xb5\x12I\xfd7m\x9a&gt; \x91\xe3\xa1&amp;\x89&amp;v\xa9;oP\xeblQL\xd8\x95\x18\x1c\xe1\x12\xd1j\xad\\1\xce\x8e\xd7\x1b\xa7\xf5\xb7\xdfH\xd9\xb4\xd1\xf5b\xdd\x18\x10\x10\xce\x00\xd4\x9cX7]z\xdd\xaatV\xf6\xc2\x9a\xa8Ny\x11:n\xab*\x10\xf8\x80\xaf\xf7\x15W\x02\xf9\xd3I)\x0fm\xcaeg/\xe0\x93-D\x89f\xad\xfa\xf9S\xca\x0b4*\x94\xa6z\xf6\x84\x9e\x10\x0f\xc0\xe0\xa6\xe5Lyq=:\xb5\xb1Dr\xdd\x1a\xf8x\xdb\xe0\x87\xb8\xbcs!\xf01 DS8\xbcr\xa2\xfdF\xf8s\xedz\x01\xe3\xddH\xcaPDf\xd4e\xd076\r\x98\x0f\x9a\xe0O\xe7\xd6\xc1\x95\x85\x12\x86\xf1\x97\xcc!\x06&lt;&gt;\xbd\x19\xc0\x8f\xc7\xa7\xf5&amp;\x00u.\xc6 D\x1f\xef\x1c\x96\nD&amp;jP0u\xbd|)&lt;\'\xa4\xfa\xec\xae]ys\xc9\tJ\xa6\x88l!2\xab[\xef\x8c\x12\xc9-9\xd7Y"W\x0c\xb3\xce\xc2\xbf\x1e\x9ft2H\x1b\x90.,\x8d\xefT\xdb\x13\xc2\x08\x04\xbf?\x17\xb7\xcf\xc7\x97{\xc5\x92F\xd4\x9b\x00\x00(r\x9b\xd4\xcc\x95D\xb1E\xd0&lt;\x0f\x1f\xd1\xba\n\xf0\xdcCb\' j\xcb=\x07\x94I\x1d\x15\xc0\xeb+{\xcc\xf6b|\x98\x99\x80hl\x87\x9a,%\xa4Y\xa4\xc9\xa8O\xbd\xe2\x16\xaa;K\xc1\x04az\xd5)j\xb9\xbaS\xbe\x07A\x88\x9e\x9d\xdf&amp;\xfd\xcbo.\x01 \xc0%\xdf\x11\x08~E4\'\x00\xe0\xa9^\xb1\x96\xa52\x93Vl\x9fpDxv\x1e\x00\x9e\x9e\xd3\xe9\xe8\xb9\x9e\x8a;\x16Q\xc1\x04\xee\x95\x17^\xde\xe9{\xa8;\xaf\xea\x85\x87N\x00\x00 \x00IDAT\xc5\xaa\xbcwtm9/\x9e*\xa9\x99?\xa85q\x9cK\xff\xe5;\xef\x02\xe8Z\xad\x80^1\xe0\xb9\xfc\x171\xfeu\xf0\xef5\x13\x82\n\x04\x1ebT\x9bj\xecE\x02\xa2\x9d\xf3\x86\x1b\x17\xf6\x17\xb4\xc7\x7fU\x96m\xce\x84\xe9\xe5\xd2\xc68\xbev\x9a^G\x17\xb7\xcf\xd7\xb3\xcb6;\xda\xf2;:XF\xad\xed\xd1w\xf2u\xadh2\xf9\xad\x87\xe01\xb5\xf44\x19\xc2\xbbO\x9e\xdc\xb8HZi3\xda\xb9j&gt;\xcf\x0b%\x10\x98\xc4m\xecI=&gt;\xdc:\x04\xbc "Sf-\x0c\x00//\xed\xf2B\x8e\x01\xf5\xf8\xbf}\xeePg\xbb(\x95*\n\x80ta\t\xf8BD\xd9\xa3*\xed\x87\xcc&amp;\xd4\xe5\x990b\x9bj\x91\x83\xe1-+kfIS`MG\xe4\x08\xf1\x89\x96\x8d\xea\xccYx\xdb\x9c!\xf6{\xcc\x18\xc1\xb4\xb3\xd5\xd0\x16\x15\x15W\xe6\x0fn#\xbd\xe69c\xf1\x80\xf5\x99@\xe0\x01\xbaU/\x98\x8c[c\xca\x92\xbaH\xf1\xb6\x80\x17\xdeQz\xa8\'\x00\x0f\xf5BD7\x0f\xac\x90\xae\x98\n\xb0\x91(\xb0\xcb\xa0\x9f\x98c\x0c\x00\xb0\x7f\xc9X\xcdHpu\xf2&amp;7\xd3\xb99\x1c\xfc\x02k\xe4H\xa4\xdf\xcbKSM\x15\xf7\xe4\xf1\xb5#~\x1bj\x92\xfd\xfe\xa7\xe0\x02\x81&gt;//\xed\xcc\x11\xcd\xd9@D\xda\xc8G\xffm\xb3\x07{\xb4/\xcb\xf1\xcb\xcc\x0e\xacGWO\xb1PK\x8e\x85d\x00L\x83f\xb9GG\xf0\xdf\x03R\x07MQ\xbd|\xea#\xf8u\xf1\xea\xa6\xd0 \xea/K\xa0\xa1\xa0Se?\xbdA\n\x1dKC\x00\xd5\xb2%\xc8\x11\xdde\xb8\xafS\xb9z\xac8\x165\x19\x1d*\xe5\xe6/\x1c(P\xa0g\xe7\xb6\xf9\xbe\x0e\\%K\xbc\xd8D\xb9bzd\x01v\xe5\x8b\xe5\x88\x98_M\x95\xce^\xb1\x05\x11\x05\nd\xdd\x07(I\xb2dK\xb95*&gt;U\x82\x04Z?\xd9\x9f\x0f{\x1e\xf8\xbe\xa8\x9c9\xee\xe9\x8d\x1eI\x17l\xb0S\x8c\x97\xc0\xb1\xcc\xd8\xea\xdf\xae_\x83\x92\x80\xf6m\xd0\xa8P\x1a1a\x08&lt;\xc2\xa9\r3\x88\xa8f\xce\xc4w\x8f\xac!\xa2G\'7\xe2\xad\x9f\x99\x81[\xb5\t\xf0\x96\xa7\x97\xd4\xce\xb9\x0c$\x0faz\xf5\x14\xc1\xf7\x83T\xcc\x18\xfb\xed\xf5}\xeb\xa7\xf4a\xff\x1a+[,8\xaf\x96N\x15\x95\xc8\xfd\xd9\xa0\x1a\x00\xb5s\'\x95\xfe\rDT3gby\x01\xa7\x94\xfe\xa5R\xf9\x1d\xbc\x00\xff\x99\xadn3\xe6\xb3kS\xba?b\xe7*\xf9\x0c*2[\xa3\rS\xfb\xd9\x14\xa0\xa4\xce\x81\xb6\x05U\xa1\x9d\x03\xde\xe7\xe7\xb7\xe7\x8a\x19lX\x8bJ\xd2\x95\xf0\x96\xdb\x12\x08\xcc"E\xe9j\xa0\x15\xaa\xdeszs\xcf\xa1\xb7\x89\x19\xd9\xba\xaa\xf4\xba|\xba\x98\xf3\x06\xb9\t\xc0ba\x8fP\'O2\xef\xfb\xe5\x97O\xef6Z\xa5\x0b\xa3\xdaV\xbb\xb2{\xb1\xfa\xfa\xe6\x19\x039\xe6{\xb0\xb9\xcaC*\xecNU\xf2.\x18\xd2\xd6\xb8\x8c\xb37\xa4\xa6\xe9*\x00|\xba\xed`/\x96\xc9\x1bG\xdb\xb6\xd6C\xce\xea\x02\x81\x1f\x9a\x86\xd6\xe6B\x17z\x0c\xa6N\xd2\x0b\x88FD\x87WNr\xb0;\xfcw\x87\xbfp\xfb\x8a\xb9\xf4\xbcj=1\x9b\xe2\xf9y7\x05\x00\xc5\xb7qA\x95\xcf\x84\x88\xe6\rj\x9d;fp\xfc{\xd5\xb0\xa9/N}\x84;G\xd6h^\xaf\x97/\x85\x9e7\xec\x96\x99\x83\x1c\xe9Z\x0f\x1f\x93\xcdW\x97\xf4\x1c&gt;\xbcO\xe9\xd4Q\x93\x06%\x18\x862\x14\x08&lt;\x02\xcb\xa3$=\xf0\x1b\xa6\xf6\x8b\xe7\x95~\xdb\x94\xcdV\'O2\xe9\xdf7\xd7\xf6\x92\xd3\x89k\xf8\x19\xd7\xb1\x96\xd9*\x06C\xa4\xb3\x89\x15Y\xcc\x19\x00\xc6\x0eI\xeau\xfd\xba\xc9}\x9c\x92Ajy\xc9\x88\x8en\xe7\x06&lt;;g\xa7/\xb9\x96\xcc\x1a\xc6\x87\xb8\xc0\xc7\x0c\xe1}\x8e\xacN\xae\x9fn6P\xb3\'\xe8]\xb7\x18\xde\\\x05`n\x97\'\x108B\xfb\n\xb9\x00X\xb6\xd7\x07^\xe1\xf3\xbd\xa2I\xc2\x9b\xac\xe52`\xcd\x1d\xd8\n_\xef\x07\x84\xa0f\x01\x8a\xd6e\xb2\x018\xb9~:\x80\x0c\xe1\x8dJ&gt;&lt;\xb9Q14\xcf\xe8\xddDS\xcf\x9e\xea/\x8aC\xd4\xbdf!S\x92\xac\x9b\xdc\xc7\xb0\x7f?\xec\xec\x1e\x866\xafh?N\x83[76\xc5\xbd\xb7c\xee0k\x1d\xb1\x9d\xe9\xa6\xe9\x03\xfe\xbd\xb6\x8f?\xad\x98\xa6\xbagL\xfb\x1a\x00\x80w\xd6$\x11\x08l\xf1\xe5\xc1q\xb7\xcfm\x87\x8a\xb95\xf5E\x83\x9a\x96\x03`\xf605$Q\xef\xba\xa6\xf3\x83{\x1f\xb6B\xcc\xec\xbd\x10jJ\x00|\xb9\x7f\x1c\xc0\xe6\x19\x03\x88h\xf1\xf0\x0ez%\xe5;*\xa3\x06_\\\x04\x00&lt;\x93g\xbaw\x90=\x8bFUH\x1fK\xef\xddU\xe3\xba\xeb\n\xa6\x95\xc6\xbdI\xd1t\xc0[g\xad\xf4\x1d9\xda\xd89\x7fx\xde\xd8!\x83\x13\xb5*\x9d\x15/.r~\xf9D\x14Eg\x8e\xfc\xe5\xce\xe1\x04\x7f\x16\x00\x80o\x9ao\roYI\xf3\xba\x1db\x12\x85 *\xe5\xc9L\x8a\xbf\x04g\xb7\xcciT(\xcd\x8d\xfd\xcb\xaf\xed]\xaa~\xf7\xe3\xed\xc3\xd2\xeb\xc7\xa76\x197U\'O\xb2\xd6e\xb3\x01\xc8\x18\x81\xf0\xef\xd5\xad\xb3\x06\x11\x11\x80\x87\'68(p\xeeX\xc1\x014+\x9eA\xf3\xdd\x91m\xaaj^7\xc0\xf1\x91\x913$\x86[\x98\xc6&amp;\x1c{4~&gt;f\x17\x13\x05\xa6\xf8D\xe9\xc2*\xf5\x99\x00\x067-\xff\xf5\xc1\t\xe6i\xd1\xa4h:R\x15\xd0l_ \xf07\xe4\x8f+\xa7\xb1\x90SA\x80K\xa7\x8a\xc2z\xfc\xf9\xcfY\x83b;\xe7\x07\xc4\x08E\xfe\x82\xfc\xd7iS.\xfb\xa2a\xed\x14\x05\x86\xb5\xac\xc4\xeck\xe5\x06\xb2\xfd\x1a\x96R\xa7\t2 =\x87\xb2\x03\xc0\xfa)}\xd5\xd7\x97\x8d\xee\x02\xa0XR\xff\xcc\x1d\xb9c\xee0\x03\xffd\x1e\xba\xd5(\xa8\xb8r\xeb\xe0J\xe95\xfbnK\xa6\xfc\xdf\xc0\xc6eZ\x94\xcc\xc4\xf64\td\xbfN\xdd\xbc\xc9\x89hJ\xf7\x06\xf9\xe3\xb9\x1c\xfa\x0enZ\xde\x8eT\x02\x81g\x99\xd1\xa7\xe9\xcc\xbe\xcd\xd4\xd75W\xa6\x8e\x00\xa0W\x9db\x0b\x87\xb6\xe3,\x9f$(e\xd4\nc\xb3`H[\x83\xa9\x0b\xaf.Y\xfb\x08\x16\xe2#q\xb2g\xd1(\x0b\xcb^\xb9\x8f\x9eA\xf5I]\xeb)\xe6r\xfcxtv\xf3l\x9e.\x80\x8f\xf2\xc1N\x8fV\xa5\xb3\xfc|r\x06\xef\x95!\xf9~&lt;9\xfd+\xda\x1c\xcbq\xeb\xab\xb1xx\x87E\xc3\xdb\x03_\x01\xe0\xdb\x03\xa6&lt;\xfc\xef\xee\xd1\xad\xb3,:\xa8\xdf?\xbe\xfe\xc0\xb2q\x93\xbb\xd5\xb7V] p\x03\x8f\x82\xbb~\xfe\x94zoy\xee\x91\xe6W\x17\xb0\xac\xb3{\x16\x8d\xd2\xcc\xf2\xa8\x18\xa7\x15\xeb\xcf\xa3\xab\'\xab\xa3\x87\x92;M\xb1[Kv\xff\x82?\x98\x9a\x04\xbf7\x1c&gt;\xdd\xe6\x8f\xed\x11\xf0\x07\xfa\x8a\x19c[p\x94\xe3\x81=\x14M\x8a\xa6\xb3\xef\x8e&gt;\xb0q\x99_}\xd6\x14\xfc\x92\xe0\xedu\x9eb\xfb\x97\x8ecw\xe7\x87[\x87&lt;$\x89|\xf5\xa4\x886\xc1\xb0\xf3xT\xc9\x12O}d9\xa7\x7f\x8b\xcd3\x06H\x0e\x08\x00\x14\xd3\xc6\xd8\x0e5\x15Uxb\xc84)\x9a\xde\xdf"m\nT\xa4\r\xe3Xr\x18\x8fb6^\xa9@\xa0\x8d\xb50[\xc3ZV\xfa\xf6\xf0\xa4\xd9Z\xf2\x11\xd3)\xd3\xf8;\x87W\xbbu\xee\xe5\xc4x\xbc\x06\xfe\xad\x90!\xd6\x83\x13\x1b\x8a$\x0eOD\x00*e\x8a\x13\xdeF`m"\nM\xc4,y$4\x15V\x8e\x10\x82\x08\xf8\xee\xa9\xd6\xbd\xcb\xcbK\xbbl\xb6\x10\x84(_\xdcP\x9ag\xaa\r\x0b\xa5\xb1\xd9\xb8@\xf0\xcb\xa0\x17\xca\xcd\x98@D\x85\x13\xb9K\x8c\xa4\xc5\xbaI\xbd\x13z?l\x82\n]\x9bDC\xe6\x0fn\xb3iz\x7fio\x91$\x08u\xa8h"&gt;\x9d\x1a\x00\xc0k\xf9\x95D\xdc_N\x9e\xd8\xe6~\xb9\xd5\x13z2\xbdA\x02S\xd5\xb4H@tz\x93G"\xb2\xb9eV\xdff\x00\xca\xa6\xb1\x15\x9d\xcd\xbe\xf2\x04\xaf\xaf\x10Q\x8eh\x81Yk\xf8p\xcbki\xd1\x04\x02\'Y&lt;\xa2\x83"\xcd\xde\x86\xa9}\'\x19\x9e/\xe9-\xde\xd3\xfc\xca~\xebc;\xd4b\x1e\xb6\xc6l\x9d=\xd8A\xf5\xabsa\x86}\xc8\x19#(\x11\x05"\xaa\x95+\x89\xfa]\xe03\x13\xfe\xee\xd1\xb56;\x02PF\x7f\x14N\x1c\x84\x02\x13u\xafY\xf8\xc9\x99-\xecJ\x02\xa2\xd9\xfd[\xb8m\xd68\xc4\x7f\xae\x98\xc1\x0e\xaf\x9c8w`+\xb3\xd2*X&lt;B\xd7s\x82\x13\xf8&amp;\xfc"\xa2\x95\xe3\xba}\xb8}\xa8i\xb1\xf4\xa6tG\xf1\x88\xd6L\xe8iS\x0c\x81\xc0.\x00&gt;\xdf;&amp;\xbfrp\xf9\xf8\xeds\x94\xf9\xb3\x067-\xdf\xaaLV\xf6Z/fK@f|\xa7\xdan\xdd;\x8b\'\xe32F\xb4?\xfaW\xce\x1c\x97\xbfp\x8e\xe8A\xee\xea\xc4\xcfQ\x03|;\xe3\xcez\x07\xc0\xbf\xd7\xf6\xf1\x0b\xa0\xc9\xf9m\xf3\xd8\xf7\x90;\xa6\xee\xb8wq\xc7\x02i\xb245k\xea\xe5\x8c\xe3\xb17uK\xf2\xe0th\xc5\x04\x9b\x8d\xb0#(\xe9C\x95K\x17#\x16Q\xa1\x84a\x89\x8837\xbd\xe2\x0bQ\x1b\x92\n\x04\xde\xc0\xe0\xb1\x9c\xde\xbb\t[\xa4\xc8\xb7\x08\xed+\xe6\x02 O\x83\xf5K\xb0y\xc6@&lt;=\x9b\x94\xcf\xb8E\xfaN&lt;dh\xf1\xfe\xe6A\xbd\x1e5\x85\xc1\x87[\x9e\x10\xc3&gt;n\x87u\xf9\x04P0\x81\xe3\x1b\x1e\xd3H\x1e\x0f\xf2\x8b\xb3\xfb7\xb7\xd3f\x1c"\x00\xddk\xf8\x05\xd2\xa8\x90!V\xab\xd2Y\xddIb.\xbe\x9e0\xfb\x11x\x04\xbd\xbb\xaac\xe5&lt;\x00n\xec_\xaeY%&amp;\xd1\xff\\\xaf\x0chT\xbaU\xe9,NI\xd5\xc07\x8b\xa4\xb3\xa8?\xacf\xf4\xd0\n\x19b\xe9\x95\xf7\x10\x06\x1d-\x1f\xdd\xc5;2X\xc3\xf8+jW!\xa7\xcd\xef\xf0/G\xc7\xbe\x1a9\x129\xfe\x9b\x8en[\x1d\x00\xf0\xc6\xda\xd9\xd6\xe7\xfb\xc7\x86\xb6\xa8\xb8nRo\xe3bb\x02\x10\x04\x14\xf4R\x08\x98r\x1fu\x84NU\xf2Z\xd6G\xe5\x8c\x1e\xd4\x11\x95\x02\xa3R\xa68f\x9f\xcf,nC\x949\x8d\xc2\x02\xfd\xec\xe6\xd9ONo.\x93ZC\x95\xcf&gt;N\xa2@J\x87\t\xefsn\xcb\\\xcde\xbb&amp;Wv-"\xa2\xday\x92\x02\xffj\x16\x9075\xc5\xd18\x83\xacY\x96&gt;\xafB\x86X\xe3;\xd5\xbe}x5W\xc5\x9f\x8f\xc9u9%\x10\x08\xb8\x88\xaf\xb5\x02\xe5\xf4JjT8\xadnV\x01\x93D7\xbf@\x9b\xde\xbb\x89eGP\xcb\x0cl\\Vq\xe5\xf3\xbdc\x05\xe2\x87\x1e\xd7\xd1\xee\xa1\x8e\xe7\xacW-\x80\xef\x0fu\xdf\xf2\xa5G\xad"\x0ew\xeaJ\xbb\xf29\xe1.\\+\x0f\n33\xe96\xcb\x17\'\x94\xda\xadZ 0\xc7?g\xb7\xc4\xe3+\xd9\xa2df\xa7\xcc\xed\xed\xa0\xe7m\x1b\x9f(IP\x1a\xd7\xa96\x805\x13{yY*\xb7\xb0\xe7Vn)\xa8\x97\x98P\x8f\x84D\xd1\x89\xae\xef[\xd6\xb3\xb6\xfb3F\xbd\xac\xb9\xec\xfcfB\xe7:\xd2\x95\x82\tB\xab\x13\xd2\x9a\xb5\x91\rN\x04\xa0n\xbe\x14&amp;\xeby\nM\xdfo\t\xf6[\x1c\\&gt;\xde\xa9\xee\xe4\'F\x00\xde\xdd8\x00\xf3\xa1p\x87\xb6\xa8\xc8S\xec\xdc\x969\x1e\xd2\x8e\n\xfeP,8d5-\x9a^\xf3z\x12\x7f\xca\xdeR#gb\x00,\x8b\xc7\xdc\x81\xad\xec\xabJ\xf5\\\x81\xd8&gt;\x9d=\xe7\xa6l\xfe\x00p\x1a\x87\xf04ED\xc6\xc1\xcbx\xecYI\x95\x7f\xd8\xaf\x0b\xf3K\xcb D\xc9\xcd;\x94\x1c\\6~\xc3T\x8d\x08q\x96\xe1\x19v\xd9\xcfW&lt;YD\xe9&gt;I\xfd\xb7\x8f\x01\x8fM\x00\x94M\xab\x11\x1f\x9d\'\xf2\xc3\xd3s\xdb\x8a%\xf5\xdbF)\x8ca\x99\xa8\xadJg\x05 |\x80\x05\xfeI\x1c\xfds\xbf#\xab&amp;5+\xa6\x1d\xf2\xf7\xd7":Q\xeeX\x1a#\xfc\x86\xa9}\xdb\x96\xcb\x11\x10\xce\xe2\x9a\xfa~\xcf\x9a\xf6\xfe\x9ec\x98\xa3Q\xbe\rW\xea~\xe8\xc5\x91\xb6@\xb3\xe2\x19c\xb8\xea\xeb4\x7f\xcd\xf6\x15rY8\xfc\xd0\x8b\xa0uq\xfb\xfcU\xe3\xbb\x13\xd1\xc9\xf5\xd3\xcd\xb7JD\x04\xa0PB\xa7BV\x0b\x04</t>
        </is>
      </c>
      <c r="E23" t="inlineStr">
        <is>
          <t>&lt;class 'numpy.ndarray'&gt;</t>
        </is>
      </c>
    </row>
    <row r="24">
      <c r="A24" s="1" t="n">
        <v>22</v>
      </c>
      <c r="B24" t="inlineStr">
        <is>
          <t>steps_per_sec</t>
        </is>
      </c>
      <c r="C24" t="n">
        <v>400</v>
      </c>
      <c r="D24" t="inlineStr">
        <is>
          <t>3.3715606</t>
        </is>
      </c>
      <c r="E24" t="inlineStr">
        <is>
          <t>&lt;class 'numpy.ndarray'&gt;</t>
        </is>
      </c>
    </row>
    <row r="25">
      <c r="A25" s="1" t="n">
        <v>23</v>
      </c>
      <c r="B25" t="inlineStr">
        <is>
          <t>Loss/object_center</t>
        </is>
      </c>
      <c r="C25" t="n">
        <v>400</v>
      </c>
      <c r="D25" t="inlineStr">
        <is>
          <t>0.5327531</t>
        </is>
      </c>
      <c r="E25" t="inlineStr">
        <is>
          <t>&lt;class 'numpy.ndarray'&gt;</t>
        </is>
      </c>
    </row>
    <row r="26">
      <c r="A26" s="1" t="n">
        <v>24</v>
      </c>
      <c r="B26" t="inlineStr">
        <is>
          <t>Loss/box/scale</t>
        </is>
      </c>
      <c r="C26" t="n">
        <v>400</v>
      </c>
      <c r="D26" t="inlineStr">
        <is>
          <t>0.4413382</t>
        </is>
      </c>
      <c r="E26" t="inlineStr">
        <is>
          <t>&lt;class 'numpy.ndarray'&gt;</t>
        </is>
      </c>
    </row>
    <row r="27">
      <c r="A27" s="1" t="n">
        <v>25</v>
      </c>
      <c r="B27" t="inlineStr">
        <is>
          <t>Loss/box/offset</t>
        </is>
      </c>
      <c r="C27" t="n">
        <v>400</v>
      </c>
      <c r="D27" t="inlineStr">
        <is>
          <t>0.28507784</t>
        </is>
      </c>
      <c r="E27" t="inlineStr">
        <is>
          <t>&lt;class 'numpy.ndarray'&gt;</t>
        </is>
      </c>
    </row>
    <row r="28">
      <c r="A28" s="1" t="n">
        <v>26</v>
      </c>
      <c r="B28" t="inlineStr">
        <is>
          <t>Loss/total_loss</t>
        </is>
      </c>
      <c r="C28" t="n">
        <v>400</v>
      </c>
      <c r="D28" t="inlineStr">
        <is>
          <t>1.2591691</t>
        </is>
      </c>
      <c r="E28" t="inlineStr">
        <is>
          <t>&lt;class 'numpy.ndarray'&gt;</t>
        </is>
      </c>
    </row>
    <row r="29">
      <c r="A29" s="1" t="n">
        <v>27</v>
      </c>
      <c r="B29" t="inlineStr">
        <is>
          <t>learning_rate</t>
        </is>
      </c>
      <c r="C29" t="n">
        <v>400</v>
      </c>
      <c r="D29" t="inlineStr">
        <is>
          <t>0.001</t>
        </is>
      </c>
      <c r="E29" t="inlineStr">
        <is>
          <t>&lt;class 'numpy.ndarray'&gt;</t>
        </is>
      </c>
    </row>
    <row r="30">
      <c r="A30" s="1" t="n">
        <v>28</v>
      </c>
      <c r="B30" t="inlineStr">
        <is>
          <t>train_input_images</t>
        </is>
      </c>
      <c r="C30" t="n">
        <v>400</v>
      </c>
      <c r="D30" t="inlineStr">
        <is>
          <t>[b'512' b'512'
 b'\x89PNG\r\n\x1a\n\x00\x00\x00\rIHDR\x00\x00\x02\x00\x00\x00\x02\x00\x08\x02\x00\x00\x00{\x1aC\xad\x00\x00 \x00IDATx\x9c\xed\xdde\xa0\x15E\x1b\x07\xf0\xb9t\xbetww^\xba\xbb\xbb;\xa4\xbb\xbb\xa4[$\xa5$\x15\x04\x04i\xa4%\x05IABi\x91\x0eAR\x04\x9e\xf7\xc3^\x0e\x87\x13{6fwv\xf7\xfc\x7f_\xb8\x9c\xb3;\xf3\x9c\x8d\x99\x8d\t\xc6\x00\x00\x00\x00\x00\x00\x00\x00\x00\x00\x00\x00\x00\x00\x00\x00\x00\x00\x00\x00\x00\x00\x00\x00\x00\x00\x00\x00\x00\x00\x00\x00\x00\x00\xc0f\x923\xb6~\xd6\xb0X\xbe\xbe*\x96,\xe2\xc3\xdfv]=\xb4\xd6\xec\x98\x00\x00\xec.WL\xd6\xbfQi\xd1Q\x04\xf6Y\xd9\x1c\x1d*\xe5\xf5\xf8\x90\xe8\xc1\x93\xdf\x7f\x9a?\xbc\x03\x11\x1dZ3SH`\xd6\x91\x86\xb1\xa4\xe6\xe6\xb8e\xfehs3\x04{\xca\x12Yt\x04F\xaa\x9c9\xae\xe8\x10t\x993\xb8\x8d\xe8\x10\xf4\xda\xbeh&lt;\x11\x89\x8eB0"\x1a\xd6\xb2\xb2\xa99\xbe\xb8bfv\x00AJm\xe9\x96)\x82A\x81\xa8FD\x19\xc2\x9b\x90\xcbK"\x9a\xd1\xaf\x85\xe19\x05\x8eDL=DDK\xc6t\x13\x925\x00\x18\x8b\xe8\x9e\xf2\x85\x97\x8f\xef\xf9\xfe\xf6I\xe3\x82Q\xc5\xb4\x02\xf1\xd9\xa5\x03\xe6d\x04\x006\xb0xtW\xd1!\x00\x00\x80\x08\xb6{(&lt;\xa2uU\xd1!\x00\x008B\xd9\xb41D\x87\x00&amp;Il\xc3\xfa\xdeL\xb3\x06\xb4\xa2O5-\x9a\xa1t\xeah\xa2\xe2\t\x11\x951w\x89\x18S\xf1t\x16\x00\xc0\\\xdeU\xe3\x96\xf9\xa3\x8f\x1d=\x9a!c\x86\xf7\xef\xa9\xc5\xe0\xe9B\xa2\xb21\xa9\n\x8d.:\x0cU\xd6L\x1b(:\x04\xfb!z.:\x04\x00\xbf\x94\xdc\xf4\xcc\x1b\xd6\xde\xfd\xc2\xbfc\xe5P\xe9\xf3\x10\xc6r\xc6`\xfd\x1a\x94\xfazd\xe7\xc6\x85\xd3\x19\x1c\xa9\xe3\xd4\xcc\x95Dt\x08\x00\x00rB\xe32W\xd1\xbfpDG\xef\x052\x86g\xd3\xfb6\'\xfa\xd7\xfc\xd8\x00\xcc\xd6\xafA)\xd1!\x80:x\xb2\xefm\xd6\x80V3\xfa\xb5T\xb8$\x11\x11\xbd\xac\x97/\xa5\xcf\x05\xa23\xd6\xa0@j"*\x9e&lt;\x12\xd7\x18\x01@\xb7\xc9\xdd\x1bN\xed\xd9Xt\x14\xdch\xe8\x10ff\x05\xe0\xb0"\xb0r\xe6\xb8\x8f\xce\xed"\xa2\x0b{V\xf8[&amp;\x11cY\xa3\xb0\x7f\xfe\xd8\xff\xcf\x1f\xfb\xcd\x8c\r\x00\x0c\x87\xcbgU\x1c\xb6\xb9v/\x9b,=\xfc\x19\xdc\xac\x82\xcf\x05\xf2\xc4b\x93\xbb7L\x1f\xc2\xaafKp\xef\xd7\xedf\xc6\x16\xce\xcc\xcc\x00\x9c\xe4\xe0\xaa\x19\n\x97\x0c\tqNs;\x138is\xe5\x8a\xc9\n\x14.$\xfd]\xaeRX\x05\x90\xfc\xd3ej\xd5\xab\xde\xb0i\x93\x14\xa9\xa2\xe5\xca\x93;a\xce\nt\xff\x8c\xb91\x02\x00\xb8I$:\x00\xc7\x18\xd6\xb2\x92{\xe3\x9f;\'\xb7\xa6e,\xdf\xa7\x83\x16\xc6b\xacv\x9ed}\xea\x97\xa8\x913\xb14\x98\x92\xa0`\x01\x00\x9c\x8e^_35\xbbO}3\xa1\xd7\xec\x81\xad}.\xd9\xbeb\x1ei\x193\xc3\xe3 \x1dc\xd9\xa2rN\xf3\xed\xad\xe3\xf5\xf3\xa7\xda\xb5l\x12\xe7t\x01l\x8e\x88\xf6\xaf\xfcRt\x14V!\x15\x977\x8e\xacW\xbe\xca\xbb\xdb\'\x14.\xc9eP\x10\xf2\xb2c\xf1x?K\xbe \xa2\xf3\xbb\xbf\xd5\x9f)\x008\x13\xbd\xc4\xe0\xef\x1f\x99s\xbd\xac\xa7\xb7\xe9\xb2q=&lt;*\x80;\'\xb72\xc6\xd2z-\xe9\xf3\xf2\xff\xcd\xcd_:W\xcd\xa7#\x7f\x80 Ct_t\x08\xbe\xe9o\xe08\xbcu\x15\x0eq\x80\xb9\x88\x9e\xbaJ\xffw\xb7O\xcc\x1d\xd26g\x0cV1c\x1c\xd7\x18@\xf1\x19\xdb\xfb\xedT\x9f\x15\xc0\xa9\xad\x8b|%h\xb7\xc7D\x00\x16\x14Gt\x00\x10\x0c\x122\xf6\xf6\xaf\xe3\xae:\xe0\xfa\x91\xf5\xe3;\xd7\xbd\xb0gE\xd1$\x11\x1a\x15JK\xcf/\xbb\xbeR\x98\xa0-_\x15\xb8+\x9d:\x9a\xbfNq\x00\x006U;O2\x7f_\xad\x9d1\xd8\xfb}\x80\xbb\xe4\xfe\xd6\xf4BD\xf4\xe8\x1c\x97\x80\x85\x19\xd4\xb4\x9c\xbd+1p\x9c\x116\x7f\xc0R \xbe\xe8\x08\x82\x9e|\x99\xd6\xa6l\x8e\xe1\xad\xaa\x10\xfd\xe7Q\xf4?\xb9\xb8\x17\x83\x9a\x01\x008_\xfex\xacC\xa5\xbcW\x0f\xafkP \xb5\xe8X,Lyk-\x8b\xc3\x8d\x0e\xe8\xf4\xf4\xf7}eR\xdbk\xe0s\x00\x1db1FD\x8e\xa9!G\xb6\xa9&amp;:\x04{\xa3\xbf/\x88\x0e!\xb0K\xfbWG4&amp;e\x9d/\xfd\xca\xa7\xff\x1f\xc7`\x00\x0c\xb7z\xda\x00\xdb\xbf\xe9\xfe\x94\xccX\x80\xb66\xa6}-\xa3\xb3\x88d\x93\xbb("2h\xc2\x1fz|~\xeb\x821\xb9b\x1a\x91v\x90"\xa2Y\x03ZqL0\x16\xc7\xb4`\xce\xe06\x0e\xab\x00\x9c\xea\xd9\xa5\x03\x8c\xb1?\x8fn\xe0\x9e\xf2\xe2Q]\xa4?\xca\xa7\x8fu\xf5\xd0Z\xee\xe9\xdbEh\x1c\xf6\xc3\xcc\xa1\xa2\xa30\x89\x99\xa7|\x1a\xae\xa9\xedZ\x8aa\x0b\xf8I\xca\x18\x11ev\xd6\xd0\xe0\x05\x13\x88\x8e\x00\x8cDD\x0b?\xefdD\xb2\xcd\x8ae\xe4\x9e,\x08\xb7\xf1\xab\xcfE\x87\x00\x00\x9c\xbc\xbb}\xe2\xe4\xe6\x85\xa2\xa3\x00{ "\xa2\xbfEGa\xba\x87\xbf\xed\x12\x1d\x82]Y\xe7\x81\x98\xc7\xec\xd5\xed+\xe6\x11\x15\x89\xa5\x14I\x1c^\xc3K\xe0\xfa\xf9SYg\xcf\x82i\x88\xa8t\xaah\x81\x97s\x98]K\'e\x89,:\x08\xe0\x8a\x88\xf2\xc6\xf6\xfd\xd5\xa0\xa6\xe5M\r\xc5\x86\xb6/\x1a\':\x04\x00\x00\xadF\xb5\xad\xe1\xaf\x1f\xa3#\xafm\x1d\xf9\xa3\x00\x008\xf3\x98t\xd4Ut\x962\xf2\xe6\x17\x054\x00\x80\xa7V\xa5\xb3\x11\x91\xaa\xd93x9\xb4ff\xa1D!\x1c\x9b\xf6\x9e\xde\xb6\xd8a\x05}*\xb7\xbf\x1d\xf6\xd3\x82\x01\xc6a\n^k\xbe4\xa4\xfb\x8f~q}}\xe8\xfd\\\xbeh\x92\xf0&amp;\x04\x13\x8e\xb1\xb3;\x96\xf1J\x8d\xe8\xa1TJ\xea\t}\xdf\xcai\xbc\xe2\x01\x00\xb0\x10i\x82i\xfd\x93u\xf6\xaeW\x9cC4\xbcE\xf3\x7f\x99\xbcbr\x1f\x93\x83\x01\x00]2F\x10\x1d\x81\xb3\xac\x9d1D\xe6yKl\xc6&amp;uk\xb0{\xf9dm\x89\x17N\x1c\xce\xe7\xe7f\x0ei+\xf3\x90\x84\x88\x9a\x16\xcd`b,\xa0E\xeb\xd2\xd9D\x87\x00\xe0P\xf4\xdfM\xa9\x02\x88\xc3\xd8/\xeb\xe7~\xf2\xd5\xa7\xb4$\x8e\'\xd4\x00An\xfb"\xdfs\xdb\x83\x15\xb8M6q\xc1\xa3\xbcV[\x01\xa0\xb8\x070\xd4\x84\xce\xf5p\x96\x01O2\xa5\xbc\xfe;\x00\x00\xf00\xaec\x1d\xd1!\x00|\xe0^\xc4\xaf\x9b1\xc4\xfd\xabK\xfbW\xd3\xf3K\xa8\x00\x008*\x91&lt;2c,\xb9\xfa;\xe6V\xa5\xb2\xe244\xc3\xe2\xd1]y%uh\xcdL^I\x19D\xe6\x1a?\x8e\xdb\x02\xfe\x86p\x00\x00\x00\xbb\xeaQ\xab\xb0\xfc5~\xb0]\xfe\x17O\xe6{lq"\x1a\xdb\xa1\x96\xbf\xaf\x0c\x0c\x08\x00\xc0\xdb\x8c~-\xb8\xa4C\x0f\xceH\xa5\xbc\xf7l-\xed*\xe4"\xa2z\xa1)T\xa7i\xdbjcf\xffV+\xa7\xf4\xf5\xfe|Z\xeff\x06\xfd\xa2(F$\n\x00\xce\xc6\xb1&lt;\xfa\xf4u\xef\x9dd\x9c\x12d\x8cU\xce\x1c\xd7v}\xdf\x89\xc8Y3\x0c\x01\x00(\x10\x93\xb1\xcb\x07\xd6\xe8O\'\xc9\x87\xfa\x89\x88:T\xca\xabv\xf5\x84\xfa#P&amp;6c\x8f\xce\xed\xf6\xf8\x90\xe8?\xb3\xf2\x07\x00p\xae\xffn\x1e\x13\x1d\x82\x1c\xa2\xb7?\xcc\n\x96ytEA\x0b\x02\xbb\xf3\xdd\xa1_\xbf\x92)\xf0\xfc\xd3\xe1"\xa6\xc8/:\x04y/\xae\\\xba,:\x06\x87;\xf1\xb7-\xdf\x06\x01\x84\xc9\xcaun\xb2m\x0b\xc7\xf0L\x0e&gt;%\xbd\xd3\xf6\xf8pP\xd3rB\x82\x01\x85J\xa5\x8a\xfa\xe2\xea!\xd1Q\x00\x18\xef\xe9\x1f\xfbD\x87\x10\\VL\xeaCD\x03\x1b\x97\x15\x1d\x08\x00\x00\x80#d0\xea\xd9p\xb0\xf39?\x07\x00\x88\xb4\xed\xeb\xb1\xf6\xed\xdf\x006B\xff^\x17\x1d\x02\x80\x1d\xe4\xfe\x9f\xe8\x08\x00\x0c\x80\xe3\x1a \xb0\xf5\xb3\x87\x8b\x0e\x01\x9c\xa9q\xe1t\xa2C\x00\xddn\x1e\xdb$:\x04\xe0/\x8e\xe8\x00\x00\xc0\x06\x88\xc8\xb2S\xb1\x83\x8d\xd0\xe3\xf3\x9b\xe6\x8e\x14\x1d\x05\x00\x008\x11^/{\x08\x92\r\x12$?\x13lcx\xeb*\xa2C\xd0"Dt\x00:\xa1U\xa5\x07W\xc9h\xbb"\xb2U\xa9\xac\xa2C\x00\xd0*[T\xd1\x11he\xbb\x92\x02d\xb4)\x97Ct\x08\x00`\x1fDoE\x87\x00\xc0AL\\\xcd\x00\x00\x98cb\xd7\xfa\xa2C\x00\'\x9a\xd9\xbf\xa5\xfb\x7f3G\x14\x15\x88\xe1\xacv\xc1R0\x81\xe8\x08\x82\xc0\xe7\x9fU\x8b :\x06\x00\xebr\x1f&lt;\xa0H\x92\xf0V+%\xb5\x89\xcf\x18\xd1\x03\x8f\x0f\xfb5(%"\x16\x00\x00\xab\xa2\xfb\xbf\x16I\x12^\xfa{\xe3W#\x88h\xce\xe06bC\xd2ot\xfb\x9a\xce\xa8\xc9@\x94\x91m\xaa\x8b\x0e\x01\x1c\xa4m\xf9\\&amp;\xe7\xd8\xbfQ\xe9\xba*gK\xefX9tL\xfb\x9a\x06\xc5\x03`#\x89E\x07`4\xbb7J\x06\xbf\x9a\x14I/=\xd8\xc1\x80\x04\x00\xe0Sx\xeb\xbd\x15\x03&gt;\xf2\xc4\xc2\xae\x05\xfbiP \xb5\xe8\x10\x00\xcc\xd2\xb0PZ\xd1!\x00\xe8Et\xcf\x9c\x8c0\xf8%8\xca\xbf7\x8e\x12=\x11\x1d\x05\x80.D\xf4\xee\xf6\t\xa3s\x89\xcbX,\xa3\xf3\xd0!\xa5\xca\xe5\x9dw\x83^&amp;Mt\xd1!\xd8\x10\xd7\xb9\xdc-M\xed\x11o\xdf3dX\xcb\xca\xa2C0\xdb\xe6y\x18\x85T\x1d\xe9\xf0\x1e\xdf\xa9\x8e\xe8@ThP uB\xd11\x008\x96}\xeb\xbc\x81M\xca\x89\x0e\xc1f|\xee\xeb\x9a9-\xdd\xf2\x88\x88\xce\xef\xfaFt\x14\x00\x10\x94p\xf9)VT\xc6\xa2\x88\x8e\x01LBD\xce\x1d\x12\x02Txrq\xaf\xe8\x10\x00\xc0\\k\xa6\r\xcc\x19\xc3\xf3Cz|ND,\xc0\x98\xb8\x07D\xf1\x85\xe4\xaaO\x0c\xc6:W\xcd/:\n\x00\x00\x10\x81\xe8\x85\xe8\x10\x1c\x8e\x88\xcen_*:\x8a0\x98\xa9\x08\x9c`\xd9\xb8\x1e\xa2Cp\x88\x90\x10\xb4J4\x90t?\xfa\xf6\xed[\xfb\xb6\\\x80`A\xf4Xt\x08J\t\x1f\x1f\x9a\xe8\xbd\xf1Y\x90\xc5\xc7\xc1.\x9f\xde\xca]\x0e8\xc8\x1b\x9bC"K\xc6t\xe5\x90\n\x18a\xeb\x821\x8c\xb1L\xc11\x0e\xfa\x82\xe1\x1d&lt;&gt;\xb9yl\x93\x90H\xec.\x96)o\x1a\x1e\x9c\xddit\x16:\xdd=\xbdMt\x08\xc6\xa2\xf7\xb78$\xf2\xe6\x86\xfeD@\x11\r\xbd\xa8r\xff\xcf\xa0X,\x87\xe8\xa9\xc7\'\xa3\xdb\xd5\x10\x12\x89ph(\t\x9a%\x11\x1d\x00\xf8ED\xfb\xbf\xfb\x92SR&amp;\x8d\xdcb\xa6\xea\xd9\x13\x89\x0e\xc1f\xd6L\x1b\x18p\x99g\x97\x0e\x98\x10\t\x04\x89\xc7\xe7\xf7\x88\x0e\xc1\xb6\x88\xe8\xda\xe1u\xa2\xa3\xb0\xa88\x8c\xc5\x15\x1d\x03\x00\x08\xe4\xf8V@\xefb\xc7\xc1\xd8\xfe\xbe\xcd\x9e\xdc\xe7\x11\x9a"\x04rp\xf5L\xd1!@\xb0\x08\x92\xb7\x8f\x10\x8c\x864\xaf\xd8\xa7~\t!Y\xebi;\x93Z\xe5\xf2[\xe6\x8f\xae\x9a\xcd\xda\x8du\xc0\xda\xaa\xe1\xf8\x01G\xa2\'\x17D\x87`\x94\xa6E3Hs\xc9=8\xbb3\x7f&lt;\xd6\xbbn\xf1\x02\xf1UW\x1e\xe0\x18}\xeb\x97T\xb8\xa4wC\x154I\x80 \x95Lt\x00\x9a\xd1\x07\x1e\x9f7)\x92^H&lt;\x00\x006cN\xf7H\xee\xb9\xd0\xbf\xd7\x89\xa8S\x95|&gt;\xbf\x9d\xda\xa31\xdf\xec\x00@\xa9L\x11,=^&lt;\x11\x1d\\=Ct\x14VQ/T\xed\x0cQZ\xf0\xaf\x00|]\xfb\xaf\xf9r\x904U\xef\xbd_\x7f\xb4\xf2\x11he\xf7\xcf\xec\x10\x1d\x02\x00\x80,\xa9\x02\xf8\xe7\xd2~\xef\x0f\x19c\r\x0b\xa6A\x05\x00\x92F\x85\xd2\x06\xe1\xccw\x00"E38}\xd7\x0b\x80\xcf\xca\xe6p\xfb\xf0\xb1T\xeeO\xea\xd6\x00\x15\x00H\xacv$8\xbe\x1f\x00\x00{iVF_\xef\xfa\xd9\xf5wHH\xdc\x90\x90\x10\xc6\xd8\xfb\xf7\xef\x19c\xc13\xc4\x88\x12Bz \xfa|Rg2\xe9\x90\x00\x96?\x9e\xdc\xb7Y"\x99\x15\x87\xe3\xecZ:It\x08\x96s\xd5\xe0\xde\xe0D\x8f\\7\x01\xcf/\x1f\xf4\xf86\x81\xff\xeb\xbe\xffn\x1e340pGD\xb2\xa5\x8e`\xc2+\'\xab\x10XQ\x13\xfd\x83\xdd\xe0\xe2\x98M\x11\x83\xb1\x92)\r\x9c\x96ut\xbb\x1a\xae\n\xa0|\xfaO.\xf55\xb4\xe9\xae\x1b\x9aB\xd5\xf2\x8d\n\xa5U\x9fI\x90"\xa2\xf6\x15r\x8b\x8e\xc2\x11\xbaV/X\'or\x83\x12\x17X\xf48\xa6\xd4\xd3\xaf~\xfeT\xa2C\xb0\x8d\x0b{V|\xa8\x02\xeeo\x98=\xfc\xfd\x9d\x93\x8c\xb1,\x91}/,\x7f\x8c\x11=$\xa2Ck\x14\rAA\xf4\xd4\xfa\xf3\x04\xb8\x94J\x15Ut\x08l\xe9\xd8\xee\xa2Cp\x04"\xfac\xdf*\xd1Q\x00X\xc8\xe1\xefg\x9d\xd8\xb4@\xe6\x99\x8fr\xe53\xc4\xfanj?%K\x12\xd1\xe5\x03ktf\xe7`\x8e\xb9\xa4\xb3\xd6\x0f\xb1\xc2\x1b\x15\x08\x061D\x07\xe0a\xd6\x80V\xd9\x14_\xc8\xbe\xb8zh\xc5\xa4&gt;F\x86\x03J\xd9\xbd\xbc"\xa2\x9c\xd69\x19\x9cZ\x01X\xf3Ge@s-\xcb\x989\xa0\x15\xd1m\x85\x0b\xfb;\x9c\xb2\x1b\xdd4U\x07k\x9e\x02\xfa\xd9\xfdw\x11Q\xc5\x8c\xb1\xf9\xa6\xa9\xbd\\\t\t\tqd\x93\xa6\xe3\x1b\x17\xf0=P\xdaW\xcc\xa3?\x91\x11\xe3{\xd9\xfd\xf0u\x80\xb6\xe5s2\xc6\x8a\x16/\xc6\x98\xd2\x99\xd3\xfd\x9d#\t\x12Z\xb7\x068\xbbc\x99\xe8\x108K\xc6\x18\xd1[\x8f}\x91\xd5\x80f\x01\r\x0b\xa6\xe1\x9f\xa8\x9b\xc4I0\xffX \xff\xfdu\\g\n|\x8bZ^\xaf\xbd\xd0\x90\xdc"\xcel_J\xf4\xd6\xd0,\n\xc4\xb7\xfd\xe5jp\xea\\5\xbfq\x89\xe3\x90\x00\x10\xafT\xca\xa8\xbf\xff\xf4\x9d9y\ro%f\xd8\x00z~YH\xbe\xc1\x8c\x88\n\xc9\xb6\x1aF\x05`Q\xd81\xe0N\xff\xf1@D\x97\xf6\xaf\xf6Hj\xc5d\xf3^&amp;\xe3\x90\xe6(\x96\xff\xaf\x88\xa8H\x92\xf0\xd2\xdf\xf9\xe2\x06l\x1fl\x8d\x9d\x82n\'\x1e\xac\xb2c&gt;\xe8U\xb7\xd8\xfb;\xa7DG\x01\xda\xd1\xf3K\xfe&amp;\x180)\x80@\xf9\xfeyt\xc3[\xdd\xcfZ\x83\xc1\x83\xb3;\xdd7\xa6G\xdf)"\xb2rs\x00\xdf2\x84c\x8bFu\x11\x1d\x05\xf8\xd5\xaat6\xd1!8\x84\xd8\x0e\x89\xde\xb9\x9f\xde\xbaXsj\xba#\xfa\xc4\xa3s\xbb\xf8&amp;\x18\x0c\xfa\xd4/\xe1\xb1#\xaag\xe79\xfdWV?\x1d\x0f9C\x93DU\xacv\x7f\x00v\xd1\x90\xd3\x18\x0f\xa9\xb5\x1e\x84)\x19+\x96,"\x97\x18\x82\\\xd9\xb41\xe9\xfe\x99\xc4\x06\xe7rq\xefJ\xa3\xb3`\x0c\x15\x80JD\xb4g\xf9\x14\xd1Q\xd8@|\xd1\x018\x18\xaeB\xdc9uk\xf4\xaa[l\xc7\xe2\xf1\x86g\x83\n\x00\x8c\xe0\xd4\xd3\x12\x00\x00\x02\x08\x9e\n\x80\xe8\xbe\xe8\x10\x00\x00@\x04"z\xf2\xfbO\xa2\xa3\x10\xec\x97\xf5s\x8dH\xb6k\xf5\x02F$\xeb!x.V\xackX\xcbJ\xa2C\x00&gt;\xca\xa5\x8b):\x04S\x9d\xd8\xbc\x90\xe8\xe9\xaf\xdb\x96\x18\x97\x05J(C\xd5\xca\x9dTt\x08\xa0\x15\xc6T\x00\xe1\xcel_*\xcdNe\xd0\x1cUj\xfb\x10\x1c\xdb8\x1fu\x86?U\xb2\x84\xed%\xd7&amp;\xc2\xb6\xb21\xec&lt;U\x0e\xae\x9e!:\x04\x01~Z\xf1\x85\xe8\x10\xf4\x9a\xd1\xaf\x85\xaa\xe5\x9d:\xbe/GFo"l\x7f3\xa4\xd3\x9dBP\xed\'z}Mt\x08&lt;)\xd9w9\xa3\xb3-\xf3G\x99\x10\x8c\t\x94\x1f\xab\x153\xc6v-\x1c\xde\xb0x\x8ccr\x05\xc6\xe5\xd6MO\xcf\xad\x1a9\x12\xd1\xbf\xd7yD\x01\x9f\xda0{x\xc0A9Z\x07Yo\xdb\xb1\x1dk\x8b\x0e\x81\x0f%e\xc4\xb0\x96b\x86`3\xc8\x8b\xab\x87\x14.I\xf4\xc8\xd0H\x0ce\xf2eY\xa5Lq\xc4\xf6\\\x91*\xbc\xa7A\xdf\x9a\x80\xbf[\'\xb6|V6\x87\xcc\x02[\xe6\x8f6-\x18\x00\xbb\x9b;\xa4\xad\t\xb9\x10\x91\xc9\xf3e\xad\x98\xd4\x87W\xadS"\x85\xea\x9b\x81\xa1-*\x1a1\xa5\x01\x80\xb5,\xfc\xbc\x93\xe8\x10,\xc4v\xadO\xaad\x8d\xcfex\xd4@\x0b\xbc5\xff\x1d\xc6\x8d#\xeb}\xe6X \xc8;\xb5\xa7\x16\x1d\x00\xf8d\xbbW\x17&amp;\x14\x1c\xe0\x0c;\x97N4\xbf\x02\xc8\x16\x85\x11Q\xb1\xa4a\xc3%\x1dY7G\xfa\x83\x88\xf2\xc66/\x0c\x1c\xe4\x10\xec\xbe\xe8\xd5\xc4\x88\xd3\xa0`\x02\xc64\xdd\x9e[\xd0\x81U\xd3E\x87`\xacUS\xfb\x9b_\x14\xba\xe7\xd8\xabn1\x93s\xd7\xcfi\xc3\xfa\xec\xfdv\xaa\xe8\x10\xec\x87\xfe\xf9Ct\x08\xba\x10Q\xb1\x92%\x18c\x953snU\x7f\xf4\x01c\x8c\xed\xbf\xf9o\xe6H|\x13VM\x7f\xd1v\xe2\x97c&amp;?"7\xd9\xd3\'O\xcc\xcf\xd4}\x9e\xe1ik\x0f\x9a\x1f\x00c\xac]\x85\xdcB\xf2\xb5\x9c\x11\xad\xab\x12\xd1\xf7\xd3\x07\x89\x0e\xc4\xea\xd6\xcf\x1e&amp;:\x84\x8f\x92\x89\x0e@\x89\x96%\xb3\x88\x0e\xc1B,\xfbV&amp;x\x1e\x86\x04\xcf/U\x81\xe86\x11]:\xb0\xc6\xf8\x8c\xb0\xf5\xb9\xc1\xc6\x04\xbeF\xb6\xa9\xe6\xfa\xfb\xe6\xb1M\x02#1\x8e\xe5\xce\x9a\x8e\x95C\xad\x10\x13z3:L\x16\'&lt;~\x07S\x05,\x01NlZ\xc8\x18\xbb{\xfaG\x13"!\xa2`i\x13d\x851vb1FD5s%\x11\x1d\x08\x18\xa5N\x9e\xe4\x81\x17\x02\xc3x\xccjkq\xf7~\xf5,\xe5\x0b\xc47\xef\xf2y\xd1\xa8.\xb8\x1e\x05\xe0\xa9\x7f\xa32\xa2C\xb0\x84\x8a\x19c\x0b\xcc\xfd\xe6/\x1b\xbd\x8b\xb6\xe9\x9f\x8e&gt;\xd4\xa7~\t#\xb2\xe62\x8b\xee\xe3\xf3{\xbc\xe3O\xcd#e\x00c9\xf5\xb1&amp;(\x97%\x92\xe0\xa7\xc0\xc5\x92F&lt;\xfa\xc3W\xee\x9f\xac\x9c\xdcWT0\x1a\x10=\xf6\xd8\x80Do\r\xca\xeb\xd1\xb9\xdd\x06\xa5\x0c\x00\xbe\xd5\xc8\x91H\xdb\x8a#ZWqu\xed\x91gfg\x9f\xa02wh;QY\x1b1:w\xd9\xb4\xcen\x7fk+\xf4\xf7y\xd1!\x80\xa5i\x9e\xaf\x11\x83\xc5+\xb4m\xe1\x18\xcd\xeb\x0emQ\x91c$\xc0\xcd\xbb\xdb\'D\x87\x00 R\x86p\xacS\x95|\x0c\x15\x80#,\x1a\xd5Et\x08\xb62\xaeS\x1d\xd1!\xe8\xb5\xf7\x1b\xf4"\x06\xa5\xd2\xf8\xffJ\xedL,\xa0\\:\xc6.\xecY\xe1\xf1\xa1\xf3\x1a\x7f\x8fjWCt\x08\xca\xe4\x89%:\x02~r\x05\xd7\xc4\xb4&amp;\xc9\x18At\x04`+i\xfd\x7fU2E\x14\x9f\x05\xbd4\x14\xa8q!\xe9\xa1a\xbe\xeb)=\x1aY\xf6\xe7\x00(\xd2\xa6\\N\xd1!\xe8\xb5v\xfa`\xcd\xef\x03@3\xf9\xb2/\xa7\xdd\xde\xa7j(\xca;U\xc9g\xbf\n \x19c\x99\x145\x9d\x00\xd0\xe5\xe5\xd5\xc3\n\x97\xfc\xfc\xb3\xaa:\xf3\xaa\x9a-\x81\xce\x14 \xc8\xf1}Dr\xf5\xf0:\xae\xe9\xe9F\xff\xfd\xf9\xf1\xef\x97W\x04F\xa2G\xab \x9b\xdfQ\xe2\xb4\x91`\xbd\xf0\x1dfn\xcd\x97\x01\x06\x19\xb4\xd7\xecL\xc5\x92\xe1z-\xcc\xdc!m\x89\x88\xe8\xef\rs\x86\xebL\xea\xe7\xb5sVL\xea\xc3%*\x7f\xa2\x1b\x9a:\x00\xf84\xa2u\x15\xd1!\x80!\xa6\xf5jJ.\xf7N?\xfd}\x1f\xd3\xf4F\x90\xdc\xcc\x1e\xd8\x9a\x7f\xa0\x00\x00\xdeR;\xa8%\x0c\xfd}\xc1\xe4\x1c\xbf\x1a\xd2V\xdat\x1fJ\xef\xff\x98\xd6\xb6\xbc\xae\n\x80\xfb\xd4\x14\x16\xb5~\xd60\xc7\x1cy\xb6\xb6u\x01\xe6\xa97\xca\xcc\xfe\xadT\x1d\xe4\xb6{Qi)D\xaf\xcc\xcf\x94\xe3s\x15\xe9PiP 5\xbf$\xad\x8a\xe8\x99\xab\xc6\x13\x1dK\xb0\xa3\x07g\x89\xee\x8a\x8e\x82\xbfG\xe7v[\xe1\xe8\x92\x0e\xf2\xba\xa1)\x94,\xbcuA\x80\x9e\xaeV\xf8E\x1e\x0c\x1a\xb8\r$\xc3ZV\xb2\xe0N\xd7\x0b\xa5\xbf?c;\xd669G"\xfavbo\x9335A\xe1\xc4\xe1,r\x80\x85\xc6\xd1\xb5\xfa\x90\xe6\x15\\\x7f\xb7-\x9fKo4\xbc\xd1\xab\xab\xb8oY9\xc5\xa8\xf1\xecNo[\\=\xbb\xba\xc1\xa9.\xed_mP0\xdc\xb8*\x80\x97\xd7\x94\xb6\xcc\x03k\x1a\xd3\xbe\x96w9[8\x91\xe3\x1b\n\xe9U4I\x80~n;\x97L\xb4H\x05&amp;O\xf8\xa4\xc7\xc2Y\xedZ\x96\xe8\x85\xe8\x10\x14\xb0\xdaV\x03\x8e\xe8\xd1o\xa2C`\x8c\xb1\xaaY\x1d&gt;\xa5R\xcf:EE\x87\x00\x8c1\xf6\xeb\x8fKD\x87`7\xa8\x00  \x8b\x0c\x9b|h\xf5L\xa2\xf7\xa2\xa3\xf0\xe4q\x06\xd9\xe8\x84\xaa\x94)\xce\x97}\x9a\x89\xca\xbdjV\xf4\xd1\xb3\x00""\xba\xed\xfeI\xab\xd2\xd9\xbcfZ0\xe3\x80^&lt;\xda\xd2\xa3\xf7)\x7f\xa2\xd7\xb2TVC#q\x18%\xcd\x9f\x88h\xdd\x8c!3\xfa\xb5\x98\xd4\xad\x81\xa1\xc1\x94M\x1bS\xed\xd1ND\x05\xdd\x8a2\xbb&lt;\x88\x17;\xc2\xd3\xb8Nu\x8a\'\x0b\xfa\x87V\xd6\x94&gt;\x9cg\x89\xbfy\xde(\x13\xf2\x1d\xdf\xa9\xae\t\xb9hf\x97\xcb:\xdb\xf9a\xd6\xd0\x80\xcbx\xf4\xe1:\xb5\xe5k\xc3\xc2a\xfe\x8a%\xa3\x0f\x00\x14\x87\x00\xba\x18\xda6\x03\x15\x00\x94I\xf3\xb1\xb9\xf9\x1f\xfbV\t\x8c\xc4 D\xf7\x95\x1c\xe7\xe3:Zk\xe8\xf8\x0e\x95\xf2\x8a\x0e!\x8cs\x9ejY\xb9\xbc\xcb\xef\xa7\x8f\x1e\x97\x98\x83\xea\x85^\x9941"[{_\xabU+W\xd2O\xfe\x9b;\xa9\xbf%\xb5iT(\xad\xdd7\x97\xcc6Q\xf2\x02#\xb6\xc5\x0e\x98\x95\x93\xfb\x1e\xdf\xb8\xc0\xe4Lm\xf4\xa6G##~\x9e4\xdd\x92G.!*\x13\x19\xd5\xb6\x06\x11\xb5\xaf\x90\x9bSP\x9f\x08\xcf\xef\x87[\xed\xf8\xf0\x19\x8f\xf3:\x82\xa8\xfd-\xe1y\x070\xb4E%"\xb2\xec4\x1b\xd2\xee\xee\\5\xbf\xcc\xb7_\xf4jbrTVCon\xc8\x9f\x17{\xbe\x99bf&lt;\x02X\xb6P\xc8\x10\x8e]&gt;\xb0&amp;{4\xa3\xd2\xefZ\xbd \x97t\xda\x96\xb7\xcdx\xfa\x96\xdd\xd7\x1a\xa8\xea\xab\xd3\xb1r(\x11M\xe8\\\xcf\xa8hd\x9d\xdd\xb1\xcc\xfcL+d\x88%S\xeb\xef[9\x8d\x88\xae\x1eZk~`:\xd1\xb3?8\xa6\x16#\xac.|\xce1M\x9b\xd1\x7fa\xd8\xa7\x9e!}\xd3\x8fo\x9coD\xb2\xe0\x00\xdb\xbe\x1eK\xaf\xae\xaaZ%Gt\xa6\xf6\x1e\x94\x17!\xf5n\xc4@\xb7}[\x17\x8cV\x15XdN\x81\xe9t\xef\xf4\x8f}\x1b\x94\xe4\x98\xe0\xc2\x11\x1d\x83}@\xd0\xae\xd5\x0b\xd6\xd6\xf1\x08\xd5\xa01\xa1\xac\xff\xc8\xa2XR\xcb\r\xd4&gt;\xb9[C\x8bo4\x9d\x1a\x14H\xfd\xe2\xea!\xfd\xe9d\x8dl\xde`\x96\xa2\xf6\x08\xb9\xd1\x9f\xda\x85\xdd\xdf\xeaOD\xbf.\xd5|?\xd4\xd2,_\xdc\x0f\x1b\xea\xcd\x9f\x81\x97\xf6O\xe1\xf0SN\x93&gt;\xc4\xc0\xe3\xdb\xd9e\x99*D\xd4\xa3V\x11%\x8ba\xa3)a\xe6\x86"zhNF\x9e\xf9\xbe\xbc\xe2\xbcw?\xdc\xbd\xbcv\x98&gt;\x0c1\xad\'\x1d\x7f\xab;|\xe3\xdf8\xb2\xde\xe1\xbf\xd0V\xa4\xb3\x9d\xfb\x0bO\xe7!z\xa0\xea\xb8\xbdub\x8bq\xc1\x18\xa4L\xea\xe8\xee7\x01\xfa\x86\xc8\x03\xf0\xe5\xde\xe9\x1fQ\x01H\xb0\x1d\x94\xb3Bad\xd5\xf6;&lt;\x85|\xb8&amp;8\xb3}\xa9\xdau?\xff\xac\x9a\x11!\x05\x9b\xe7W\x0e\x8a\x0e\x01LADC[T\xe2\x98`\xe9\xd4\x9f4\x81\xc2\x90\x9f\x16\xd4\xbeb\x1e\xd1!\x04\x10\x851\xfa\xfb\xbc\xe8(\x82\xd7\x8f\x8b\xc6\x89\x0e\xc1`G\xd6}\x85\x8b\xdf&amp;E\xd2\x1b\xf4\xb0\xf5\xd4\xd6E\xa9\xb9\'\xea\x14&amp;\x1fx8\xce\xcd\xe1\xa4\xed\\#\x87\xba\xd9\x05lf\\\xc7:x\xcb$\xf9\xef\xe61C\xb7\xc3\x7f\x7f\x1d\xe7\x95T\xf1\xe4\x91\x82a\x97\xcd\x1c\xd0\x8ao\x82D\xb4v\xfa`\xabm\xbai\xbd\x9b\x8a\x0e\x81\x03\xabmU^\x9c\xfa\xbb\xc0\x07"zrq/c\xec\xcf\xa3\x1bD\xc7\x02&lt;\x11=K\xcc\x18\x115.\x9cNH\x00_\xf4j\x926\xd02\x1b\xe6\x0c7#\x14c$\x13\x1d\x00/\x1e%&gt;*\x00\xd5r\xc5\xb4\xebV\x8b\xccX\xc5\x8cq\x18c\xe5\xd3\xcb\xbdblQ"3\xd1\x1b\xb3\x82\xb21K=a\x1f\xde\xaa2\x11\xd9e\x14h\xbelz&gt;\n\xe1g\x003P\xe3\xf5\x8d#\xa2C0\x90u\xee\xd9\xaf\x1c\xfc\xbe\x7f\xa3\xd2\xa2\xa3\xf0\x8b\x88\xfa5,\xf5\xcb\xfa\xb9\xa2\x03\tv\x1d*\xe5\xbd\x7ff\x87\xe8(\xc0\x14\xf4\xfe\x96\xe8\x10\x9c)\x89\xe8\x00\xbc\x11\xdd\x91\xbf\xb8\xe3{\xc1\xab|\x10]i\x10\xe6\xf5\xb3\x87W\xcf\x9e\xf0\xf6I\xab\xb4\xc1\xc7\x8508\\4\x1c\xe5\x0ee\xdf\xdd\xfa\xe6\xe6/\xa2C\x08CD\xce\x19\x08\xfe\x03^\x07F8\xc6\xc6w6{\xae\'\xab\x1d\xd5\xfe\xded\x10\x91\x98wG\x92\xe4\x1f\x82\x08\xb8\xe4\xec\x81\xad\xad\xb6MA\xad\xceU=\x87\xe3\x06\x0f\xf3\x86\xb6\x13\x1d\x028\x90\xcf\xa7\xbb\xb7Ol!"Q#\x82\x84\t\x8d\xc3\x88(\xe0\x90oh\xd3\xe9\x00c\xda\xd7\x12\x1d\x82^\xef\xef\x9c4\xe88\x94\x86\x86\xb6\xf8\x85\xfc\x9e\xe5S\xb4\x8d\x86\xcb\xf7\xfc\xdd\xb1x&lt;\xaf\xa4\x82\x9c%\nU%\xf7 \xe1\x18\x1b\xd5\xb6\xba\xe1\xa1\x00\xf8\x97\xc2\xf8\x0b\x11^u\xa4\xd5\xc6\x83mX0\xcdy~\xc3vZd\x04P\x078i\xe4\xec\xd6\xa0\xda\xae\xa5\x13E\x87`\x1bQd\xbf\xbdvx]\xc0\x14\xd6L\x1b\xa86S\x0b\x0ec\x99\x91\xdf\x18{\x96\xfa]\x00`\x95sRz\x86\xd8\xb6|\xce\xd7\xd7\xc57\x84%\xba\xbfSDM\x19_\xcd\x1d@\xfb\x8ayl7\xa3\x13\x11\xb5.\x9dMt\x14&gt;H\x9b\xfd\xfe\x99\x1d%S\xca\xd7\xfb\x06\x1a\xdf\xc9\xec7\xc9\xe6 \xba+:\x84\xa0D\x8f\xce)Z\x8c\xfe64\x8cH\xb2\xdfV\xcc\x14\x87|\xc9 td\xe7U_\xf4\x8f+(\xeb\x13\x9b\x16Z\xa4J\xb68"\xca\xcf\xa9\xebQ\xe7\xaa\xf9\xb1\xcd\x8d\xd3\xb1r\xa8\xe8\x10t\xab\x9f?\x95\xe8\x10T\xebm\xcc\x8c\x95\x9ayL\xa0\x16\x1a\x87M\xe9\xd1\xc8g\xe9\xaf\xea1H-\x1ds\xbaI\xb6-\x1c\xa33\x05^f\xf4oiP\xca\xa4l^\x1d\xa3]\xda\xbfZ\x7f"D4\xbeS]"\x1a\xde\xaa\x8a\xfe\xd4\x00\x82E\xb5\xec\t\x05\xe6\xee^\xa0\x17N\x14B\xf4X\xbe\xf4\x97\xbc\xbdu\xc2\xcc\xc0dd\x8f\x16x\x19)\xa9\t]\xc4L\xc2.\x83\x88\xb2G\x15\x1d\x84/\x1a\x8e\xc8\xbf\x8eo~w\xfb\xc4\xdeo\xa6\xf2\x8f&amp;(\t|\xea\x05\xa6\xa2\x17WD\x87\xc02GdKFw}u\xfdg?\x05\xfe{\xa2\xfb\xf5\xf3\xa7r\xff\xa8g\xed\xa2\xa2\xa3V\x8ax\xcc\xb1g\x04\xe5wT\\\xf2R\xbe\xf0\xc9-_w\xac\x9c7:c\x11\x18c\xbe:`s\x1f\x83\xe8\xef\x0b{\x19c;\x97L\xe0\x9d08\x85\x05O`U,\x1b\xff\xf8\xceu\xe9\xf5u\xefR\xff\xee\xe9m\xfbVN\x9b\xd2\xa3Q\x9eX\xac@\x02\x967v\xd8\xf2+\'\xf7\xa5\xb77\xe9\xd9\xa5n5\n\x8a\x8c[1"*\x9f&gt;V\xf1\xe4\xf2/&gt;\x040\xb3\x02P+SD\x16\x8f\xb1\x1a9\x12\xb5)\x97sl\xc7\xda\x9f\x95\xc9^8QH\xd3\xa2\x19\x9a\x15\xcf\xf4\xfa\xc6\x11"\xbarhm&lt;\xc6\xd22\xa6|b \xa9\x07hJ\xff\x0bXvk8C\xc7\xca\xa1\xae\xb3\x18\xcc\x16\x1a\x87E\x16\x1d\x83\x07"\xbaqt\x83\xcfk\xfe9\x83&gt;\xcb\x14!\xec\x02\xd0[\xe3\xc2\xe9\xa4\xc5\xaa\x0b}~\xa5\xd0\xeb\x1bG\xe6\rk/:\n\x1f\xa4\x91NR0\xf6\xce\xf8Gj\xaa$d\xacV\xae$\x1f\xba\x8c\xca\x90\x1e\x18\xbeZ?{x\x9br9\xfd\xa5f\x85\x197\x83\x87|K9T\xb1\xf0\x91\xbf\xd3\xfa\xf9\x95\x83\x152\x04\x98\xa4\xf6\xe1o\xbb\x88\xe8\xdc\xaeo\xdc?l`\xc3\xd7\xf2j\xd1\xbb\xbf\x14.Y%\x8b\xd2\x061\xd69-#3V(aH\xf3\xe2\x99\x8e\xfe07P\xe9\xef\xc7\x7f\x7f\xcagAo\x02,\xe0`D\xb7\x8d\xce\xa2w\xbd\xe2Fg\x01\xce\xe1\xef,\xeeP)\xaf\xfbb\xd1\x19kZ4\x83\xc7\xcd\xfb\xe1\xefg\x11\xd1\x9d\x93[\xcd\x0cX\xb8|q\xd9\xc1\xd53\x94,\x19\xa2&amp;\xd9\xe8\xea#!"\x8e\xf3\x96\xc4`\xacW\x9db\x13\xbb\xd6\xbf\xb0g\x05\xd1=\x8d\xa5?\x11\x11\xcd\x1d\xd2\x96_\\\x00v&amp;\xaa\xe9\xbaB\xfe\xce\xe1\xae\xd5\x0b\xd6\xf6j\xca9k@\xeb^u\x8a\xb9\xfe\xbbbR\x1fiasC\x0e:\xfe\x9ai\x12Q\xf5\x1c\x89|&gt;\x83S\xfb\xb0\xb1B\xc6\xd8D\xaf\xf5\x14\xfa\x1e\xa4\x97\xba\xdc\x95N\xad\xa0\xd5\x17oB{\xbf\x04\x93*Y\xe29\xaf4!"\xba\xff\xab\xb8\xdc\xdf\xc8L\x02]$qx\xb9\x93\xf8\xde\xe94^\xab4,\x98\xa6L\x9a\xb0\xab\xd5f\xc53I\x0b\x1e\xf8n\xba\xbf,\x064*\xa3\xfbG\xa8\x10\xd3\x92\xc36(4\xb2M5\rk\xf9\xfc\xa5\xee\x1d\t\x03n\x8a\xfe\rK\x13\xbdPR\xacg\x8e\xc4\xf2\xc7\x0b{\xa6_(QH\xa7*\xa1\x93\xba5\xf0\xb7p\xd1$\x0e)9\x9f_9\xd8\xa5Z\x01\xd1Q\x04\x07k\x9e\xb7\x9a\xa3\xfap.\x98\xd4\xebZ\xed\xd3\x98\x9e\xb5\x8b\x06:\xe5\xdfz\xd4\x01\xdb\x17\x8d#\xa2r\xe9b\x96O\xff\xbf\x03\xab\xa6K\x0b\xc9\xb4\xfe6y\x87\xe6\x8a\xc9NlZP-[\x02k\x1eHF\xa0\x7f~\x97_ c\x04\xf6\xd5\x90\xb6\x8c\xb1\xd1\xedkz\x7f{|\xe3\x02%E?\x11\x95J\xe9\xbb\xcfB\xdf\x06%\xa5\x99|\xbc\xe9\xffuV\xb0jj\x7f\xc6\xd8\xf2\xf1=E\x07"G\xc9\xd5\xc3\xad\x13\x9bM\x88D\xbb\xac\x919\x97\x17#\xdbT\xefTE\xf0`\xf4D$&lt;\x06\x7fJ\xa4\x88,\x7f\xce\xef\xfdfj\xb1\xa4\x11w-\x9d\xd4\xacXF\xc6X\xefz\xc5\xa5\xcf\xbf\xffrP\x8d\x9c\x89\x7f\x989T\xfa\xaf\xcc\x88\x8fc;\xd46\xf1\x07\x99\xadHb\xc1\x17\xb9W\x0e~OD\xf4R\xae+I\xba\x10\xb9\xd3*`\xb9\x7f~\xf7\xb7M\x8a\xa4O!\x1bF4\xff\x17\x13Z\x7f\x19\xa8\xf3\xef\x9fG\x03.c\xf5=\xf2\xf2\xea\xe1\x98\xa2c\x08*\x83\x9bU\x909\xf3\xbf\x9b\xda_:\xed{\xd6)\x9a\xfb\x7f\x9f&lt;]\xd92\x7f\xf4\xca\xc9}__?\x12\xf6\xff\x7f\xfe\x10\xf8+8\xbe\x08UE\xfa\xe9\x03\x1a\x975!\xaf/z5\x91\x89!\xe0\xea\xfe\x96!z\x17\xb0\x02\xf8fB\xaf\x12\xc9\x15\xbdS(\x9e,\x92t\x83\xa8\xa7\x0e\xb0`\t\x95Z\xd3+z\x00\xab{~\xf9\xa0\xbf\xd3~\xee\x90\xb6\xee\xe3\xf9t\xa9V\xc0\xed\xcb;\x13\xba\xd4[4\xaa\x0b\xfd}A\xfa\xff\xe9\xad\x8b\x05\xfe\nQE\x06\x11\x11\xbd\xe2\xde\'V\x95\xc6\x85\xd3\xd1cE\xc3\x0bz\x8b\xa1\xe0\xf2\x9f\x88\xbe\x1e\xd99\x9f\xe2\x96\x0c\x19#\xf8HS[x\xd6\x91?\x9e\x15\xab%\xcd\x88h\xcb\xfc\xd1\xa2\xa30\xc6\xb0\x96\x95t\xa6\xd0\xbdfa\'\xedly{\x96O\xf1u\xca?t\xfdua\xcf\n\xa9\xd5\xc5\x1f\xfbV\xb9&gt;\xcc\x1a\x85\x15J\x18"\xcd\xd6)\xb9vx]l\xb1\xbfD\x04\xa2\xd7\xa5S\th\x94\xe2\xaea\xc14\x9a\x0f\xd7\x02\t\x14U\x00\x03\x9b\x94\xcb\xa6fX\x9a\x1e\xb5\x8ax\xa4P.\xdd\xff\xb4Eh5\x85\x13\xa9j\xd9k,m\x95\xab\xf8*9x\x8aW\x7f\xee\x9f\xd9n\x91\x8dP:utzs\xc3\xfb\x9c\x9f\xd2\xa3\x11\xd1K\xe9\xef\x1ff\r\xab\x9e=a\xdd\xd0\x14\xf3\x86\xb6\x1b\xd4\xb4\\\xff\x86\xa5\xe32\x96\x8c\xb1\x01\x8d\xcb\xb8\x96O,\xfa\x87\x18A\xa6\xf5\x94\xa4M\xd9\x1c\x87\xbf\x9feF(\xfe\xe99\x9f\xa5y.\x15\xb8\xfd\xd5\xe065r&amp;\x8e\xad,\xd9\xb4\x8c-\x1f\xdf\xd3#\tm\x11\x82?\xae\r\xdb\xbfQi\xb5+\x1a\x14\x92R\x83\x9b\x95\x17\x1c\x81\x05L\xed\xd9Xt\x08a\xca\xa4\x89\xee\xe3\x94\x7f~\xe9\xc3_o7\xcf\x1dID\xeem\x81b3\xd6\xa0@\xea\x8f\r\x07\xff\xbd.(v\x03\xcd\xe8\xd7\x82\xe81\xdf4\x03v\x92\xfem\xc7r\xb5i\x8elS-\xb1\xd6\xb1\x16\x94\x95\xfea\xd6N\x1f\\)\x93\xef|\xc2{\x05P8Q\xb8m\x0b\xc7\xf2\xad\x00\x88h\xc9\x98\xae\xfa\xd3q\x06\xd4\xac\xd6e\xbb\t\xa1Nl\n\xdc\x100\rc\x19\xc21\xc6XT\xc6\xe23\xe6z\xfe\xf3\xd7\xf1\xcd\x1c\xe7&amp;\xd4\xcc\xd55\x81#\xee\x15@\xf3\x12\x99\xfd}u\xf4\x87\xaf*e\x8a\xa3\xe1\x01\xa6\x9e\x82@E\xf1\xff\xf6\xe6\xd8\x0e\xb5\xfdm\xe2\xc8\x8c\xc5e,}8\x16\xfb\xc3\'1\x18\xebX9\xf4\xf7\x9f\xbes%p\xff\xd7\xed\x1a"\x94\xc4u\x8bVs"\x0eCO/\x8a\x0e\xc1`\xc2o\xae\xad\xc9\x88s\xa0z\xf6\x84K\xc6t\x0bP\x04&lt;\xfbC\xfa\xf7\xc1\xd9\x1d\xfbVNs}\xbcu\xc1\xe8\x12)"3\xc6~Z\xf1\x85L\x16\xf7t\xe2H\x83\xab\x00\x00 \x00IDAT\x9c\xff.D\xff9\xb5\x08(\x91"\x8a\xe6\x02N[\xd5\xd7\xbbnq\x15\x15\x00\xddm[.g\xb1d\x11\xfd5\x06*\x94(\xa4p\xa2\x90\xfa\xf9S}V6GB\xc6*g\x8e\xdb\xa5Z\x81\x8b{W\xba\'\xa1)\xcc\x8f\xaaeK\xa03\x05\xa3\xd9\xee\xca\x0f|sj)#\xa3v\xee\xa4D\xef}\x9e\xfa7\x8fm\\?{\xf8\x9f~\x06\r\x95&gt;\x9f\xdc\xad!\x11]9\xf8\xbd\xcf\xc4\xa5%\xab\xe7\x08\xf8P=xq,(I\xd9\xe8L\xae&gt;\x1c\xca&lt;\x9e\xda\xb3\xf1\x88\xd6Ur\xfby\x9b;wH\xdb\xcb\x07\xd6\x10\xd1\xe9\xad\x8bZ\x96\xcc\xd2\xa2d\xe69\x83&gt;\xf3HB\xe7\xef\n\x12;\x16\x8f\xc7\xb6\x12,8w@\x87Jy\xd4\x94\x08\x9f(\x94(\x84\x88\xfc\xf5\x15""\xf9\xfb\x03`\x8c%\xe7\xf4\x94c\xe5\xe4\xbeJ\xda\xecl\x99?J\xc5\x0e\xbe\xf7\xeb\xcfk\xe7\x9c\xd9\xbe\xb4~\xfeT\xde\xbd\x81k\xe7IF\xf4\xd4\xb5\xec\xbe\x95\xd3\xbaV/\xb8`DGT\x00\xdaT\xcc\xa8\xe2\x9d\x8e\xfb\xd8\\fR&gt;\t\x84\rT\xca\xfcI;\xe7\x90\x10\x0b5\xf62\xcd\xbc\x1fO\xad\xfeb\x80\xda\xb5\x1e\x9f\xdf\x13\x12\x12r\xe4\x1e\xcd\x19\xf4\xd9M?\xcb\x84\x84\x84\x84\x0b\x17\x8e\xe8\xa5\xce\x08\x9d\xcd{\x8c\xe9\xf8\x9a\xd2i\xdco\xcak\x05\x8bUi7LE\xa2\t\xd3\xbdz\xf5\xf2\xd7\x93\xa7\xd2eH\x9f\xe9\xd3\x9b\x80\x10\xc6\xd6\x9d\xfc\x93\xb1\x8f\x9fF\x8f\x1e=j\xb4\xa8\x11"\xf8\x9bK"\xcc\xe3\xf3{T\x04\x10L\xb6\xff\xf1w\xe0\x85&gt;\x98\xb6\xee\xa0q\x91\x04\x05\xe9\xf2\xe4\xeb\xcf;\x89\x0eD\xbch\x8cu\xa8\x94W\xf9u\xe1\xcb\xab\x87\x15\xa6&lt;\xb2M5\x13\xae\x01\x1d0\x8d\xaa\xf7\xe8{\x06Qq\xf9Ot\xef\xf4\x8f\x8d\n\xa5M\xc3X\xf5\x1c\x89\n%\xfc\xa4\xcdOt\x1fI=\xec]\xb7\xf8\xca\xc9}\xe9\x9f\xdf=\xee\x00\xd2\xdb\xe4\xba11c[\x17\x8c\xd10\xe9\xa9\x9e\x83|\xbe%\xe7,r&gt;\xe9\xe8\xbc|`\x8d\xb1Y\xbc\xbf%\xbfL\x0c\xc6\xe8\xc1Y+\xdc,\'g\xec\xcc\xf6\xa5R$\x1b\xbf\xfa\xbcV\xae$\xcd\x8bg\xaa\x92%\xdewS\xfby\x9c\xcf\xaa\x08\xff]\xe0NE\xf1\xff\xfc\xd2\xf8NurFg\xf1\x18\xab\x94)n\x81OoL\x12\xfbH\xea\xfe\xf0V\x95G\xb7\xaf\xb9c\xc9\x84k\x87\xd7i&gt;`\x04j]&amp;\xbbq\x01\x0b\xdc\x14\xd2\x8e\x88\x86\x93q\xcf7S\xe8\x99\xc8\xe1k\xfc!\xa2\x8b{W\x8a\x8d\xc1{\x16\xab;\xa7\xb6I\xcd\x84\xf6|3e\xdb\xc2\xb1\x02b\x02Y\xe9\xd4\xaf\xa2\xbc\xfc\xff\xf7\xcf\xa3C[Tj_1O\xce\x18\xcc{V\xe5\xbe\xf5Kz,\xbfe\xc1\xe8v\x15r\xf7\xa9Wb\xe9\x98n\x1bf\x0f\x7f}\xfd\x08\xbd\xfb\xeb\xe9\xef\xfb&lt;VT\xd2\xabV*\xa7\x84\x94VFW\x00\xfe^\xa7\xeb1\xb8Y\xf95\xd3\x06\xf2O\xd7\x97`|Jn\x02"\xb2\xce\x1b\x08\xa2\xdb\x8c%\xe1\x18\x8f\xa5~]\x90SX\xc0\xbd\xbe~d\xf5\x8a\x95wo\xdf9r\xf8\xf0\xf6S\xb7\xbc_\xe3T\xcb\x9ep\xd3\xd9{\xee\x9fl\x99?j\xf5\x8a\x95\x89\x12\'\xc9\x99\'W\x94\xc8Q\x92\xa7L\x11/~\xfc\x8c%\x1bj\x0b2$$\x84\x882\x86\x0f\xb9\xf4^C\x02V\xf4\xe0\xec\xce\x049\xf8w\x86%z/\x15\xcb\xe6\x9cb6y\x98\xa7^\x80WW\xc6\xf3wf\x1e\xfd\xe1\xab\xd1\xed|\x8c\xe7\xce\x854.\xb4\xc7\x87\x0bG\x8c\x94\xe2\x19\xdc\xac\x02\x9fl^_\x1b\xd2\x9cSRf\xb1\xdaL )\x03/\xa2\xc8\x0f\xb3\x14\xbc\x04~}\xadM\xd3\xe6?\xed\xda\xfd\xd3\xee={?-\xfd\xe31\x96\'\x16K\xc4X\xf4\x18\x9e\xa3\xe1E\x8f\x1e\xe3\xcd\xbfo\xa2G\x8f\x9e*u\xea\x181c\x86\x0b\x17\xee\xda\x15\xb9\xd1\xaa\xfdI\xf2\xe1\x8f\x17W\x0e\xb5jo\xcbA\xc5\xbf\x9d\xd8\xbbtj\xcf~\x1a\x01K\xff7\x7f\xfe\xa2!\xaf\x90\x90p\x8c\xb1\xe2\xc9#y4\xc6\x0b\xf6\xa7=\xfe\x8c\xebX\x871Ft\x9f\x9e\\\x10\x1d\xcb\'\x88\xa8aA\xd3\xde\x05\xba2}V-\xbb\x8f\xb9\x05\x0f\xad\x99)\xdd\xd7Kg\xe3\xff\x18k^&lt;\x93a1X\xf1HmU*\xab\xe8\x10&gt;\xe1qu\xa7y(\xec\xeb?\xff\x10\xf0\xe1\xcf\xae\xa5\x93\xca\xa6\x8d\x91\x9c\xb1\xd8\x8cE\xfct\xf5.\xd5\xf2O\xee\xd6\xb0K\xb5\x02\xe3:\xd6q_\xe5\xc5\x95C-Kf\xe9T%\xdf\x82\x11\x1d\x17\x8d\xea\xb2\xff\xbb/\x1f\xfe\xb6k\x9e\r_of\x8e\x18x\x19%\xda\x94\xcb\xa9v\x95\xfd\xdf}\xc9\'o\xc6\\\xa3\xeb\x17q\xca\xecl&lt;\xa5S\xdc\xf2z\xee\xd0v&amp;\xc4\xe3b\x9d\xa2\xb0U\xe9\xac\xaes\x9b1\xd6\xb7~\xc9\xe7\x97-\xd1\xec\xcc:\x9b\xc8\xbe\x9e\xfe\xbeO\xbe\x02\x18\xdb\xa1V\xa5Lq|\xdes\xd4\xc9\x9b\xfc\x9b\x89\xbd\xc6u\xaa\xd3\xa1R\x9eE\xa3\xbaH\xcb\xef\xfdvj\xc7\xca\xa1\x153\xc6\xe9^\xb3\xf0\x8c~-\xbf\xec\xd3\xec\xe4\xe6\x85tO\xd8|\xa8z$b,ol\xd1A\x80\xd1\xbc_x\x06\xa4\xb0\xe8\xf9\xacLv\xf5i\xab\xcb\xc2\x1c_\x8f\xec,]\xdb\x89\x0e\x04\xf8\x93\xaf\x00n\x9f\xd8\xb2rr_\x9f\xaf+c1\x16\x1a\x87\xe5\x8b\xcb\x122\x16\x83\xb1&amp;E\xd2K\x8b\xfd\x8f\xb1\x1c\xd1Y\xbb\xf2\xb9\x96\x8d\xeb\xb1hd\xe7\x07gv\xd8k\xd4\x9at\x8cm\x9a;\x92\xfb\t\xb8dL7\xbe\t\x820Dd\xc2K\x96\x1f\xbf\xb6Pc\x9bn5\n\xe9O$\tc\xf4\xce\xbb\xb7\x13\x88\xf4\xeb\xb6\xc5\x01\x1f\x04}5\xa4mZ\xc5\t\xc6`\xacP\xc2\x90V\xa5\xb2N\xecR\x7f\xfd\xacag~\\j\x91\xa9\x00v/\x9f\xacd1i6i#\xae\xc0\x1a\x17\xd6\xd0V\x8b\x03"*\x928|\xed&lt;\xa2\xe6\xcd\xb3\xb0b\xc98=\xe73\xc0\xaf?.\x11\x1d\x82\x0f\xefn\x9f\xd4sn\x18tg\x13\xc7b\xf7L\xf6\xf2\xec\xd2\x81\x80u\xc0\xe4\xee\r\x15\x96^\xf9\xe2\xb2\xday\x92\xb5,\x99eT\xdb\xea\xdfL\xe8\xd5\xa6l\x0e\xbe\xd1j\x9ey\xa2{M\x0e\x171\x01\x11Q\xd5\xac\xf17\xcf\x1b\xe5\xfa\xaf\xfbW\xc5\x93y7\xa3\rL\xc3S\n\x19F\x8c\x9bkWDd\xaf\xfbS=\xb8\xcc\xd9b\xd0\xc5\x91NRT\xd3z7\xfd\xfe\xcbA\xa2c\x11\x89\x1e\x9f\x8b\xc3Xb\xc6\xe4\'p\xf7\xd0\xabN\xb1\xd5\xd3\x06\x04\xac\x03:U\xc9\'\x9fND\xc6\xf2\xc4bm\xcb\xe7\x1a\xd0\xb8L\xdf\xfa%\xbbV/\xa8\xe1\xfd\xa7fs\x06\xb7\xb1\xc8\x91\xe9o\xe3\x17\x141\x98\xe9\xe8\xf65\x17\x8f\xee\xea&gt;\x90\xaa5Oa1\xde\xde:\x1eT\xdbB\xff8\t\xebf\x0e\t\xaa-f\x05F\xb7\xde\x08\xcfX\xdd\xd0\x14\xf4\xe8\xb7\x005\xc0\xc3\xb3\xd9\xa3\xf9\x1d\x9e(2cuCSt\xad^\xf0\x87YC\x17\x8d\xea2\xbcu\x15\x99\xc9\x0ft\xf2\x97r\xe9\xd4\x82\xa7\xe7\xf4\x96$\xf0"\xc6"\xa2\xbf\x8eo\xaa\x9a5\xbe\xfb\'\x1e\xa7\xb0\xb63\xdaB\xfd\x00\x88\xe8\xd1\xb9\xdd\x1aV\x8c\x90,_\xa5Lq\x9dZ%z\xff.%c\x84\xc9\xbbv\xe5\x9a\xee4\xc0Z\xde1\xb6\xf6\xc4\xcd\'\xf7\x1f\x04X.^\xf6\xb3/\xfe}@4\xba]\xcd\x9a\xb9\x92\x94N\x1d-\x0ec\x19#\xb0L\x11X$\xc6\xd2Db\x91#G\x0e\x1f&gt;\xfc\xa3\x07\x0f\xe3\'\x88\x1f3F\xcc\xf5\xfb\x8d\xba\xb7\x8e\x17\xdf\xf7C\x91\xbd\xd7\xf9\x8c6\xc8\xf1\xb1\xd5\x1d^\ti\x15\x12\x12\x92&lt;_\xf5-\xe7\x1f\xba\x7f\xe2\xd1S\xcc\xf6}3\xf5\xb4\xb7a\x8c\xc5TV\x07n]0\x8616\xa8i9=y\x99\xc9u\xe9\xc6=Y=\xebz&lt;\x15\xe5\x11\x913\rlRV\xfa\xe3\xc0\xaa\xe9\xfe\x96\xe1\xb8\x01\x874\xaf\x10\xf0)\xd0GO.\xac\x9c\xd2\xb7s\xd5|S{4nY*k\xc1\x04\xace\xa9,\xe3:\xd5\xe9Q\xab\xc8\xb7\x13{\xf7\xaeW&lt;6c\xfa\x9b\x8d\xdd:\xbe\x99(P\xb5\xa4\x00=&gt;Gt/\xf0r\x1f\x98\xf9\xe4\nl\x83\x88\xc6\xb4\xafe\xaf2\xeb\xc8\xba\xaf\xec\x15\xb0O\x1a&amp;J\xb4\xbbxn\x85;\x11\xe5\x89\xa5%\x91\x9dK&amp;\xa8Z\x9e\x1e\x9fSQ\x07\xd0\xdf\xf3\x87w\xd8\xb7r\xda\xe6y\xa3\x9a\x15\xcfT;O\xb2\xday\x92M\xeb\xdd\xac\\\xba\x98\x81s\xf2\xcf\xfdZ\xf4\xe6/\x1b\xe9\xf9%=\xa9I\x14^\x06Y\xf0\t\x12w\xae\xed\xb0e\xfeh\xb1\x91\x88\xa7a\xe8\xe0X\x8c\x11\xd1\xcb\xab\x873\x08\xeaU\xf7\xbf\xe0\xb8j\x0e\x86\xdf\xe8\xce\xfb\xf7&gt;\xb9\xf8\x13=8+\xb3\x8a\xfb\x13\xd8bIy6fSS\x07\x84Y1\xa9O\xd9\xb4\x9e\x03Bx\x17\xbbJvk\xbe\xb8\x1f\x17;\xb8z\x06\xbd\xf9S~\xf9}+\xa7\xf9\xfb\xaaF\x8e\xb0v\x0f\xfd\x1a\x96\xfe\xb2O\xb3\x80Y\xdb\xeb\xa8\xd3\x16\xed\xa4n\r\xa4?\xcc\x1fk\xc0Qt\x1e+v\xec\x19\xaf\x9c\x92aV\xfb\xd4/!\x97\x82\xadNE\xfdT\r\xb5t~\xf7\xb7\n/i\xf5xv9p\xdbP""z5\xadw\xd3&gt;\xf5K\xe4P\xd0\xb60!c\xd9\x02]tU\xc9\x12\xdf\xf5\xd3\x02\xde\xbfF\xf1su\xbf}\xd1x%\xf1\x18\xc1\xb4\x91\xc4\x82\xed\x1c\xb1\xa5\xd8\x9a\xd6\xe2\xdetZ^\x0e~7\xbe\x85\x13\x87\x8b\xe9\xf6\xf0Z\xb3\xb9C\xda\xea\x0f\x86\xe8\xa5#\xe7\xa1,\x9f&gt;\x96\t\x15\x80$\x15c\x8bFuY:\xa6\x9b\xef\xc2\xff\xde\xe9\xd3\xdb\x16\xf7mPRg\x17#\xf7\xdf"M$\xe9\xfa\xef\xdc!m\x7f\xdb\xb9\\_\xf2|\x10Q\xeb\xd2\x01\xeb/\xf3\xf4\xae[\\t\x08 +cxFD\xaa:~\xcc\xe8\xdf2\xb2\xec\x02F\x9c\xf9J\xee\x8e}F\xe2\xfe\xdf\xb3;\x96e\x8bj\xad&amp;\xc6D\xf4\xf8\xfc\x1e\xa2\xa7\xe6d\x9776\x0b\xf53\x93+\xaf\xf1;=\x12\x1c\xd6\xb22\xef\x84\xe5\xc4a,5c9c\x84\xed\xe5yC\xdb\xf5\xa8U\x98K\xca\x16\x7f\xc7\xe3:\x85\x93*X\x98\x88^]\xfb\x991f\xfe\xfb\x04L\xd4!\x80Gy\xe7\xaf\x08\xe0\xe5\xe1o\xbb\xb4\x95\xd7\xfe\xb8^\xd8\xa9\xed&amp;FD\xaeH\xdaU\xc8-m\x07z\xa6\xe5\x95\x1d\x11u\xac\x9cW\xc3\x8a\xd2\xba\xfeZ\xa6\xaf\x9f=\x8c1\x96[\xd7+Iu\x94O\x90\xc9\xc5\xa153\xe5\x17P\xdeR[\xdaV2\xf4\xd7\xeb\xd6\xb92P\xaeFN\x1f\xa7\x85|\x8b\xf3\rsF\xcc\x19\xdc\xc6\xb0\x88\xe4\xc8la^#\x9b:\xcd\xf6E\xe3\x9f]&gt;\xa0\'\x85\x88\xcc\xc7\x1cI6B/.kY\xeb\xd5U"\xfafB/&gt;1|\xa0vE\xe9yq\xfd\xfc\xa9\xb8\x84!\x96\xf2f&gt;JN\xe6\x94*o\x16\x1b\x15R&gt;\xd8\x8fFD$\r\xc0n#j\x0fK\xa2\xa7\xd6\xac\xe7,uk\x0eVT9s\xbc?\xf6\xadR\xbe&lt;\xdf\xe3\t\x07\xa8BD\xa4\xa4e$\x11\x8dlS\xed\xd0\x9aYD4\xbcU\x15\xfd\xf9v\xac\x1c\xaa?\x11\x0f\\\xf6x\xef\xba\xc5u\xa6CD3\xfb\xb7\x94\xf9VO\xe2F+\x9cX\xd1m\x9et~\xf9\x1c^\xcc\xe2?\xd0fd\xfa\xec\xf8\xd4\xb6|.\xfd\x99F\t\xa6\xbd\x18&lt;\xbf\xd4\'""z\xe6\xfd\xf9\xf3+\xbe\'i\xe0\xb2\xb9J\xa7\x8aFDs\x06}\xa6?)w\xda\xda\xe9L\xef\xd7\xc2\xf57\xbd\xbd\xf9\xc7O\xab*d\xd0\xd4K\xc2\x95\x08\xd1\xad\x13[\xf4\xa4`\x9a\x12\xc9#\x13Q\xddPUC=1\xf6\xa1\x02\xf0\xd9\xf4.\xc8O\xa8\x8f\xb2Ee\xfa\x9b\x8e\xbd\xbduB\xd5\xf2E\x12\x87\'z\xae7W\xc6\x8e\xac\x9b\xa3?\x11\xb0\x88\xb1\x1dj\xf9\xfb\xca\x88+\xf1\x80,r\x7f\xe6\x11\xc3\xdf\x17\xf6r\x19]\x9c\x88n\x9f\xdc\xaa?\x1dsh~a\xeeo\x0ez+\xecYPm\x8cW\x19\x91\xd1\xb0\xbeiM\x8a\xa4\xf7\xf8\x04\x07\x8d\xf9\xf2\xc6\x11S\x10w\xafYH\x7f\xbe|#\x8f\xc0\xf5\x08\xc4\xc1\x0cN@t\xdb\xe7\xc3\x01\xeeJ\xa6\x88\x12\x9cmB\xcc\xe4\xbd}\x9a\x16\xcd\xa0d\xa3q\xdf\xb0\x9a_\xd1\xd3?\xbf\xf3\x8d\x</t>
        </is>
      </c>
      <c r="E30" t="inlineStr">
        <is>
          <t>&lt;class 'numpy.ndarray'&gt;</t>
        </is>
      </c>
    </row>
    <row r="31">
      <c r="A31" s="1" t="n">
        <v>29</v>
      </c>
      <c r="B31" t="inlineStr">
        <is>
          <t>steps_per_sec</t>
        </is>
      </c>
      <c r="C31" t="n">
        <v>500</v>
      </c>
      <c r="D31" t="inlineStr">
        <is>
          <t>3.352107</t>
        </is>
      </c>
      <c r="E31" t="inlineStr">
        <is>
          <t>&lt;class 'numpy.ndarray'&gt;</t>
        </is>
      </c>
    </row>
    <row r="32">
      <c r="A32" s="1" t="n">
        <v>30</v>
      </c>
      <c r="B32" t="inlineStr">
        <is>
          <t>Loss/object_center</t>
        </is>
      </c>
      <c r="C32" t="n">
        <v>500</v>
      </c>
      <c r="D32" t="inlineStr">
        <is>
          <t>0.42761526</t>
        </is>
      </c>
      <c r="E32" t="inlineStr">
        <is>
          <t>&lt;class 'numpy.ndarray'&gt;</t>
        </is>
      </c>
    </row>
    <row r="33">
      <c r="A33" s="1" t="n">
        <v>31</v>
      </c>
      <c r="B33" t="inlineStr">
        <is>
          <t>Loss/box/scale</t>
        </is>
      </c>
      <c r="C33" t="n">
        <v>500</v>
      </c>
      <c r="D33" t="inlineStr">
        <is>
          <t>0.088608645</t>
        </is>
      </c>
      <c r="E33" t="inlineStr">
        <is>
          <t>&lt;class 'numpy.ndarray'&gt;</t>
        </is>
      </c>
    </row>
    <row r="34">
      <c r="A34" s="1" t="n">
        <v>32</v>
      </c>
      <c r="B34" t="inlineStr">
        <is>
          <t>Loss/box/offset</t>
        </is>
      </c>
      <c r="C34" t="n">
        <v>500</v>
      </c>
      <c r="D34" t="inlineStr">
        <is>
          <t>0.1611814</t>
        </is>
      </c>
      <c r="E34" t="inlineStr">
        <is>
          <t>&lt;class 'numpy.ndarray'&gt;</t>
        </is>
      </c>
    </row>
    <row r="35">
      <c r="A35" s="1" t="n">
        <v>33</v>
      </c>
      <c r="B35" t="inlineStr">
        <is>
          <t>Loss/total_loss</t>
        </is>
      </c>
      <c r="C35" t="n">
        <v>500</v>
      </c>
      <c r="D35" t="inlineStr">
        <is>
          <t>0.6774053</t>
        </is>
      </c>
      <c r="E35" t="inlineStr">
        <is>
          <t>&lt;class 'numpy.ndarray'&gt;</t>
        </is>
      </c>
    </row>
    <row r="36">
      <c r="A36" s="1" t="n">
        <v>34</v>
      </c>
      <c r="B36" t="inlineStr">
        <is>
          <t>learning_rate</t>
        </is>
      </c>
      <c r="C36" t="n">
        <v>500</v>
      </c>
      <c r="D36" t="inlineStr">
        <is>
          <t>0.001</t>
        </is>
      </c>
      <c r="E36" t="inlineStr">
        <is>
          <t>&lt;class 'numpy.ndarray'&gt;</t>
        </is>
      </c>
    </row>
    <row r="37">
      <c r="A37" s="1" t="n">
        <v>35</v>
      </c>
      <c r="B37" t="inlineStr">
        <is>
          <t>train_input_images</t>
        </is>
      </c>
      <c r="C37" t="n">
        <v>500</v>
      </c>
      <c r="D37" t="inlineStr">
        <is>
          <t>[b'512' b'512'
 b'\x89PNG\r\n\x1a\n\x00\x00\x00\rIHDR\x00\x00\x02\x00\x00\x00\x02\x00\x08\x02\x00\x00\x00{\x1aC\xad\x00\x00 \x00IDATx\x9c\xed\x9du\xbc\x16E\x17\xc7GQ\x14}\xc5k!)\xdd\xdd\xdd\xdd\xdd\xdd\xdd-\xdd\xdd\xdd\xddH\\:\x05D\xa5\x1b$D\xba$\x14\x10A\xea\xbc\x7f\xec\xbd\xcb\xde\x8d\xd9\xd9\xd9\xd9x\x9e{\xbe\x7f\xf0y\xd8\x9d\x9d9\xf7yvg\'\xce\xf9\x1dB\x10\x04A\x10\x04A\x10\x04A\x10\x04A\x10\x04A\x10\x04A\x10\x04A\x10\x04A\x10\x04A\x10\x04A\x10\x04A\x10\x04A\x10\x04A\x10\x04A\x10\x04A\x10\x04A\x10\x04A\x10\x04A\x10\x04A\x10\x04A\x10\x04A\x10\x04A\x10\x04A\x10\x04A\x10\x04A\x10\x04A\x10\x04A\x10\x04A\x10\x04A\x10\x04A\x10\x04A\x10\x04A\x10\x04A\x10\x04A\x10\x04A\x10\x04A\x10\x04A\x10#\xda\x94\xcd\xceX2\xf9\x07\x02\x9a\xab\x9b7\xb9\x80Z"+\xe5\xd3\xc5\xf2\xda\x04\x0f\x00\x00\x00\xf0\xda\n\x1a\xb3\xfb\xb7\xf4\xda\x04\x04\xf1\x8e\xa6\xc52\x10B|\xfe\x94"\x81\x0b\xe5\xd6\xca\xf9\xed\xfb\x9e\xdfxupX\x83\x04\x19[\xe7\x0c\xf9\xc4k\x1b\x10$ xs\xfb\xa8\xd7&amp; \x88uV\x8e\xebN9\xbblT\x17\xd7,A\x10$\x920\xa0q\xd9@|e6,\x94\xc6k\x13\x90H\x8c\xe9B\xc7\x96\xd9\x83\x9b\x16M\xef\x8e1\x08\xc2\x07\xfc{\x19\x00z\xd6*b\xbf\xaa\x9e\xb5\x8b\xc2\x93\x0b\xf6\xebA\x90`\xe0\xc2\x9e\xe5U\xb3\xc6\xcf\x153\n\xc0\x13x|\x1e\x00\xae\xfe\xba\xf6\xd5\xcd\xc3^\xdb\x85 \xef\xf0|\xc3\x06\tr\x00\xa0d\xca\xaf\xbc\xb6\xc2\x03@\x01!\xa4N\x9ed\xca\xff\xa6\xfb\x9f\xd7\xf6!\x91\x9e\xc8\xe8\xc4\x86\x98"\xc4\xc1T&amp;i\x14\x02\xf0\\d\x8d\xbe\'f\xc4\xde?\xe7\xb7\xef\xcb\xa7\x8em\x9a\x03\x00\x07\xd6L\xf5\xd0&lt;\x04\x910\x1d\xfew\xae\x92\xef\xf1\xc5\xbd\xee\x18\x83 A\x82\xd4\xef\x7fHH\xcd\x9c\x89\x8d\n\xb8l\x12\x82h\xa1\xdc\x87\xbf\xac\x9e|z\xfb\xc2\xd9\xfdZ\xf8\xe4^\xad\x97/\x85\xd7&amp; \x88\x19i&gt;!\xcau\x1e#\x064.\x0b\xf0\xda5\xab\x10D\x17\xca\x8d\xba~J_\x80{\x0f\xcf\xee\xaa\x90!\xb6\xcbV\x11B\xce\xedZ\xe2~\xa3\x14\xaagO\xe8\xb5\tH \x00\x11xD/\xe9\x8eI\x19?w\xa7\x1d$\xf0\x90n\xd3\xc9\xdd\x1b\x18\x17x\x00\x00wOl5*0\xa8YyG,\xf3\x19&gt;\x99\x06\xf9\x85\xc6E\xd2ym\x82O\x89\xf8\x02\x80\x19\xbd\x9b*\xcf\xfe\xfe\xd3*xq5\xac\xe4\xeb\x1b\x1e\xd8\x87 \n&amp;t\xa9+\xdd\xa8\t\x8c\xcb\xecZ8\xca5{|K\x90\xbc\x00\x12ym@\xd0\xa3z\x01\xec_1Qy6g\xcc0\x99\x84\xaf\t9\xff\xe3\xb2\x06\x05Ryd&amp;\x12\x898\x12:\xcb\xe8T\xa7*y\x85+;}i\xefr\x1c\\"\x01\x8c\xea\x05\xa0\x1c=\xc5\x0f/@\x08\x89J\x08\x00\xe4\x8e\xfd\x81P\x7f+$Rc\xd4\x8f\xd3\x83\xb3^^?$\xf0\x05P)c\\\xfb\xb5\x15J\xf8\xa9\x10c\x10~.\xff\xfc\x83\xf0:\x93\xbeo^&amp;\xd0Q\xbd\x00Tg\xdf\x0b\xff\x90\'\xce\x87\x00\xff\xb9l\x1b\xe2gF\xb6\xad\xa6{\x1c^^s\xbai\x00hW&gt;G\xe1D\x9f9\xdd\x10\x82\x04\x15]\xaa\xe6W\x1d\x81\x17W\xe4\xde\xff\xc3\xf0\x83\x952\xc5%\x84\xf4oT\xe6]1\x80{\'\r7\xd6\x90\xc8\xc6W\xc6\xe3\xf7=K\xc7\xbac\x83\x0f\xbb\xff\x86\x85Ro\x9b;\xd4k+\x10\xc4\x00\xdd\x87\x96&gt;\t \x84\\;\xb8&gt;H\xf6\x94\x10\x04A\x10-\x1f\x85\xbf\tZ\x96\xca\xf2\xf4\xd2OeR\xc7P\x1e\xf4\xda\xba\xc0`V\xbf\x16^\x9b\xe06\x99\xbf\xf0\xda\x02D\x01&gt;\xaa\xa4\\\xba\x98\x84\x90\xc8(\xe5#\x82\xe5c\xba*&amp;\x03\xcf\x00\x1e\xe17\x89P\x88\xef\xb5\x01\x08\xe2\x14\x1bg\x0c\x1c\xd1\xba\x8a\xd7V\xb8J\xb2(\x04\x9e\xff\x01O.\xc0\xdf\xe7\xbd\xb6\x05A\x900*g\x8e\xe7\xb5\t\x08\x82\xd8\xa3C\xc5\xdc^\x9b\x80\x04?\xf6\x17\x82\x82\xc4\xffq\xeb\x1c\x01;\xf2Y\x03\x7f\x11\xe4\xed\x9d\xe3^\x9b\x10\x00\xdc&gt;\xb6\xd9\xe9&amp;\x9e={\xf6\xcf\xef\xfb\x9dn\xc5+\x92F\xf1\xda\x02\x84\x10B\xc8{\xef\xbd\x97\xfd\x1b\xaf\x8d\x08\x08\n\'B\x91{\x04A\x90\x08\x04\xc9\x0c\xc0\x94\xcfCB\xbc6\x01A\x10\x04\xb1\xc1\xd0\x96\x95\xbc6A\x9fG\xe7vy\xd8:\xca6 \x08\xe2w*f\x8c\xe3\xb5\t\x08\x82 AB\x9e\xd8\x1f\x9a\x17B\x02\x11I\xa4\x01A\xfcF\xceo\xdf3/\x84 \xbaT\xc9\xf2\x9d\xd7&amp;\x98\xa0L\x93\x1b\x10\xec[&gt;\xde\xb9\xcao\x1f\xdd\xe4\\\xe5\x08\x82D:\xe0\xfei\xafMp\x96ri\xbf\xb5_I\xdd\xbc\xc9\xedW\x82 H\x10\x03\xf0\xd6k\x13\x10\r\x94&lt;v\x12\xd1\xd8\xeaiY*\x0b{\xa3\xa8\r\x82xEP\xde{\x0e\xc5\xe3\xce\xea\xdb\xdcR\xf99\x03Z\x19\x9d\x02\xb8\x1f\x94\xdf|\x90\xb0r\\w\xafM@\x10\xc4G\x9c\xde\xbe\xd0Ry\xdc\x06D\xf8)\x9bF\xc0J\x14\x82\xb0\x10\xe2\xb5\x01\x81HT\x862k&amp;\xf6r\xdc\x0e\x04A\x10\x04q\x83\xfa\x98p\x1c\x89L\xfc\xe1@\x12S\x04A\x10k\xe0\x96\x11\xe2\x1ax\xb3!\x0e\xd2\xa4H\xba\x98^\xdb\x80 \x08\x82D\x16r\xc5\xf4X\x06\xb7P\xc2O\xbd5\x00A\xdc\xc1H\xde\xea\xf1\xc5\xbd\xae\xda\x81\x10B&gt;\xf2\xda\x00-\xc5\x92~\xee\xb5\tH`3\xa0q\x19\xafM@\x10\x1f\x80\xabu6I\xc9\xe2\xcf\xc5\x0cf\xdf\xf69(\x85\x83 \x08\x12\xe9(\x9e,\xc4k\x13\x90@%\xd5\xc7vk(+Bc\x06A"\x0b1\x18\xca\xc0\xdd\x13\xec\x152jx \x88\x1dz\xd7+\xa1{&lt;;\xcb\r\x8d \x91\x90\x06z\xc1%\xf9\xe2\x99\xef^\xe1\xfa\'\xe22\x81\x97\xc4\xf7K\xaf\r\x88T\xc4\xf2\xda\x80\xa0\x81\xa5s_?\xb5\xafC\xb2_\x08b\x04\xc0=\xafM@\x1c\xc0f\xc2\xb3\xf9\x83\xdb\x8a\xb1\x83\x90\xe7W~\x15UU\x80\x92\xf6S\xb2g\xc9X\xd5\xc1\xd0i\xfd\xbd\xb0\xc5\x11J\xa7\n\xbc\xa1d\xe4\xa1I\xd1\xf4\x94\xb3,C\x93&amp;E\xd3\x893\x07A\x10\x04\xf1\x07\x8b\x86u\xf0\xda\x04\x04A\x10\x04A\x10D\t\xbc\xb8\xe2\xb5\t\x08\xe2\x06\x01\x96\xff\x16A\\`\xcb\xa2\xc5^\x9b\x80Dv\xbe\xf2\xda\x00\x04A\x10\xc4m\x86\xb7\xaa\xb2i\xe6 \xaf\xad@\x10\x04A\xac $\xac\x04cS\x02\x8c\xa2I\xa2{m\x02\x82 &gt;\x05\xe0\x91\xd7&amp;\xd8\x03\xa57\x11;\\\xda\xb7\xd2k\x13\x08!\x04\xe0\xae\xd7&amp; \xee\x11\xa0\xe3h\x00`\xb7&lt;\xfdg\x8e\xda\x82 "\x08\x02\t\x9d\x0f\xbd6\x00\xb1J\xa1\x84\xff\xf3\xda\x84\x00$\xcd\'^[\x808O\\\xaf\r@\x90\xc8\x03&lt;8\xed\xb5\t\x08"\x9aL!^[\x80 \xbe\x07\x00\n%\xc0D~H\xd01\xace%\xafMp\x84\xff\xae\x1f\xf4\xda\x04$\xf8\xe9Z\xbd\x80\xd7&amp; \x08\x12\x89\xc1\xe5^Gi]6\x9b\xd7&amp; \x08\x82\x18\x80\t\xd6\x11Gh\\\x84U\xc84Y\x14G\r\x89\x8c$\xf6\xda\x00\x04Al\x02\x7f\x9e\xca\x13\'\x12\xb8\x9e-\x1f\xdd\xf5\xe6\x91\x8d\x1b\xa6\x0f\xf0\xda\x10\x04A\x10\x1fql\xe3\xec\xc8\xb2F\xb7|tW\xf6\xc2on\x1du\xce\x12\xdf\xa2\x9d)a\x82PD\x08\xc77\xcd\xf1\xda\x04$\x921\xbdW\x13\xf9s\x80\x06\xec9\x01}\xf5&amp;ctB\x08)\x92\x18\x83\xff\x82\n\x80\xff&lt;l\xbdg\xad"\xba\x0f`\x12/d\x82\xabf\x8d\xefA\xab\x88\xe7\xfc\xb8x\x8c\xd7&amp;\xf8\x8b2\xa9u\x86\xf7\xf5\xf3\xa7d\xbc\x1c\xe3\xbc\x10#\x8a&amp;\xfd\xdch\xc8\xf5\x91\xe2s\xa4\x1d\x96\x01&lt;\xf4\xda\x04$\x88\xa8\x9b/\x05\xc7U?-\x9f }h_1\x97Ps\x10?\xb2hx\x07\x0f[W\x89\xcf\x8cn_\xc3Cc&lt;\xa7M\xd9\xec^\x9b\x8000\xbdwSQU}+\xaa"\x07\xb0\x99e\x1e\x11Kj\xdf\xab\x1a\xc1\x7fW\xad\x957\x90\x1e\xdb\xb7|\xbc\x10{\x10\xc4\x11\xbc\x9a\xa2Z\xd5?(\x94\xf0\x7fY\xbe\xe4o\xee\xc6\xa1P\xfe\x8b#\x07\x152\xc4\xf6\xda\x84@e\xc5\xd8n\x91v\xa9\xc7?\xf8~Pa\x0f\xa3;\xac\ts\xac@\xa0\xf3\xc3\xc4^^\x9b\x80 :\x00\x00\xbc\xbcfx\xf6\xe1\x197\x8dq\x14|\xcf!\x9e\x01\x00\xf3\x07\xb7\x15^\xed{\xc2kD"\x011\x15\x9f\xa5\xf5\x1f\xd5\x04\x15\xe0\xde\x8fK&lt;v\xcaxrq\x9f\xb7\x06 \x880\x1c\xba\x9b\x074.\xf3\xf8\x02S(?:\x05!\xba@8\xb1\x14\x07G\xb7\xaf!\x05\x9dt\xae\x92\x8f\xa3\xce\x9c\xdf\x06\xf6\xc8$R\xebv\x06\xf6O\xe7.\xa3\xdaVg,\xd9\xbcD&amp;G-A\x82\x83\x92)ll\x161\x90;\xd6\x07\xaa\x95\x10P\xa0-\xbf~j?G\xedA\xb4Dve\x9c\xb3;\x17{m\x02!\x84d0\x8b\xb5\x8air\x1eA,\xb3\x7f\xe5\xc4&amp;E\xd3;T9\x00\xbc\xb9\xad\x0e\xa1\x7f\xd7\xfd?\xfb\xdd\xa1v\x11\xc4\x02,{58\xa0v\x93X\xe6E\x101&lt;\xbe\xb07\xa1\xbb-\xbe\x1f\xfe\x0exu\xf3\xb0\xbb-#\x08\xc2\x05\xfa3\x04+1\x08\xb9\xb8w\x85\xcb\x8d~E\x08\xbc\xbc.\xcf\x04\xba\xd7(\xf4?\xbc\xc7\x148\xe1\xbe\x81\x18\x12\x8d\xeb\xe6+\x91\xfc\x8bNU\xf2:a\x8f\xffiX(\x8d\xd7&amp;\x046yb\x07\x83\xe8n\xeeX\x1f\xd8\xb9\xfc\xfb:E)\x9b\x01\x08\xe2\x1eVo\xc1^u\x8b\x01@\xeb2L\xc9wZ\x94\xcc\xcce\x94-\xf6.\x1b\xe7\\\xe5\xa8\x0c\x87\x98r\xf7\xc4\xd69\x03Z\xd2\xcb$\xfb\x80\x94I\xfd\x8d;\xf6\xf8\x99@|\x05:\xdb\t\\;\xb0\xce\xd1\xfa\xed\x03\x00\x99\xbf\xf0\xda\x08c\x0e\xac\x99\xeah\xfd?\xad\x98\xe0h\xfd\xae\xf1\xec\xf2\xcf^\x9b@\xfa7.\xe3\xb5\t\x88g\xe4\xfc\xf6}\x00\x98!Nf&amp;\x18\x80\x07\xa7\xbd6\x81D\x8a\xe48\\\xd4\xca\x95$\x10\xc7,^\x81\xdf\x95\x96\x01\xf8\xceS\x00\x00A\xae\xcd`\x13vQb]\n%\xf4W\xa4\x85$\x81+D\x0fnp\xf3\n\x00\xb7\t!\xd5\xb2%\x10Q\x1f\x13/o\x1c\xe6\xe8\xd4\x16\x0f\xef\xe8\x841Z\xe0\xfe)\xf6\xc2\xf5\xec\xddZ\x08\x12p\xe0\x88\x04\xd1\x81\xfd\xb6\xe0\xbb\x81\xacJ\xdaE\x12.\xed[\t\x00\x83\x9bW\xf0\xda\x10$Rpr\xeb|\xafM@"\x92\xd4\x1f\xa1x8.\xf0\x84!-*\xe27O\'\xba\xd7\x06 2\x1d+\xe5\xf1\xda\x84\xc0!P\xf4\xcd\xa5\xb1\xb9\xa5H\xe3\x91m\xab9bJ\xa4\xa4\\:\x8c\xf26\x01\xdf\x91\x88\x1b\xd0\x13\xe4zN\xe8\xb4\xfe\x96\xca\xe3c\x83\x04\x19\xf9\xe2~d^\x08A\xf8\xf0I\x9a\x8f\x8c\x9f\x8b\xa9\xa7R\xa6\xb8\xddk\x162ug\xba\x7fz{J|\xac\x90@\xe0\xce\xf1\xcd^\x9b\x80 \x01E\x0e\x9dd\xef\x11\x90\xa21\xad\n8\xc3\xc3\xb3\xfd\x1a\x96\xe25\x8a\x87\x12\xc9\xbd\x8c\xbc\xa8\x90\xde\'\xc3\x83\x00\xa6@|\xbb\xee\x8e\xee\x0bW\xb8\t\xfcy\xd2k\x13\x90\xc8J\xc5\x0c\xd6\x92\x01c\xea`\xc4}\xe2\x13b6\x9eA\x10\xef\xa8\x90&gt;\x18\xb4,\xcb\xa5\xc5mI\x04\t0\xd2\xfd\xcfk\x0b\x1c"X\xff.\xbf\xb1bl7\xafM@\x10\x04A\xac\xd3\xa5j\xfe\x0e\x15s{m\x05\x82\x84Q+W\x12\xdd\xe3\x89DT\xbek\xd1(\x9bNn\xae\xa9\xd0\xd5\xcc\xe9s\xefB$(\x00\x80\xba\xf9R\xd0\x0b\xa4\x0f\x1c%\xcf}\xcb\xc7?&lt;\xbb\xabC%|\xa5\x05\x1b.\xa7\xa0\xf1\x1c\xf4\xc6\x0e\x18\xfc\xbc\xf2\xbde\xf6`\x9bk|GBg\xf9#\xe8\x18Ah\xd8\xcc4\xe07\xf0\x05\xa0\xcf\xf8\xceu\xbc6!`\x10\xe2\xa7_2\xc5\x97\xb3\xfa\xb5\xa0\x14h]\x96)\xc3\x01\x12\xdc\xac\x1c\xdb\xddk\x13\x90\xc8A\xd6\xaf\xbd\xb6@\x8f\xcb\xfbW\xbb\xd9\xdc\xac~-\xec\xab\x95\xb2dV\x02\x80&gt;\xf5KrT&gt;g@+.\xa3\x10\x1f1\xb6cm\xfb\x95\xac\x18\xd3M\xbe\xcd2\xa0F\x0f3-\xbd\xc8\n\x15\x90T\xce\x1c\xcfk\x13&lt; \xe9\xfb^[\xe0?\xfe\xb9\xbc\xdfk\x13\xc2hS6\xbb\xd7&amp;\xf8\x02)\x88\x0b\x1e_\xf0\xd6\x8c@\\Qy~\xf5\xd7\xaf\xbc\xb6\x01A\x02\t\x80;v.\x17\xe5\x13\xdd\xaat\x161\x15!T\xd0Q\x86\x9b;\xc7\xb7xm\x02\x82\x04\x11\x818\xc6d\xa4F\x0e!N\x98\x88\x83\xc4\xf7\xda\x00\x04\x89\xd4\x1c\xdb8\xc7k\x13\x02\x8f\xf9\x83\xdbzmBP\xb1{\xd1h\xafM\xf0\x14\xd7\xc24&lt;g\xc7\xfc\x11n6\xf7\x9e\x9b\x8di\xf8\xd2\xd3\xd6\x11\x84\x83:y\x92\rjZ\x9e\xa5\xe4\x0f\x13\xbf\x17\xd5\xe8\xde\xa5\xe3DU\x85 \x08b\x8d3\xdb\x17ymBprp\xed4\xafM\xf0\x19\xeb\xa7\xf6\xf5\xda\x04$\x92rr\xcb&lt;\xafM@\x10\x04\xf1\x01y\xe3Fu\xa7\xa1\x10\xeaY\xff\xec\xc1\xfesy\xbf\x7f\x8c\xb1\xc4\xbf\x7f\xfc"\xb6\xc2\x00\xfd\x1e\x10\xc4/\x9c\xde\xbe02\xf8\xba\x9d\xdb\xb5\x84^\xc0\x85\xf8\xa1\x1b\x87B\t!B\xf4\x04\x9c\xee\xf8\x9c\xa8?G\x0c\x02\xf0\xa7\xf0j=\xe4\xfa\xa1P\xafM@\x82\x147\x13\x9b\x94L\x19!\x1c\xe4cBZ\x04]\x88\xe0\xc7f\x05\xe0\xc1i\xa7m\x98\xd1\xa7\x99\xa8\xaa\xe0\xfe)QU\x05\x01Ym\x873\xa5ti\x92\xe9 \x1d+\xe7\t\xb2\xf7+\x12\xc0\x1c\t\x9d\xe9I\xbb\xc9?$\xf9\xbf3\xed\xed\xbd\'2F\x96#\xa2\xe9V\xbd\xa0\xfc\x19\x00\x0e\xad\x9f\xa1[\xec\xd6\x91\x8d\xca\xff\xbe\xbeu\xd4Y\xb3\x10\xa4w\xbd\xe2\xec\x85}\x95\xfb= d?p\xed\x1b\xd9\xb3d,\xdf\x85G7\xcc\x12kId\x01\x00\xb2\xc7 \xfd\x1b\x95\xf1\xa4\xf5n5\n\x11\xe7S\x8f\xce\x1d\xd8ZH=\xc1\x90\x82\x12\x11A\xa1\x04\xf6E\x05y\xa8\x94)\xaes\x95\xff\xb8d\x0c!\xa4a\xc1\xd4\xce5A\x07\xe0\xe1\xf7u\x8a\xf1]{\xd8`\xa2\x80\x980\xadW\x93"\x89?\xf3\xd5pU8\x9f1,\x97#Hd\xe6\xdc\xce\xc5%\x92\x7f\xe1\xb5\x15:\x00\xbc\xf0\xda\x04~\xb0\xdb\xf1\x0b\xc2s\xc5\x85N\xeb\'\xb6BK\xd4\xcb\x9f\xd2\xc3\xd6u\x81\xbf~\xa3\x17H\x16%H\x16yf\xf7oi\xa9\xfc\xd8\x8e\xb5\xca\xa7\xf3s\x02$B0n\x1cq\x13\x7fJ2\xd7\xf0SBQ\xba\x90X\xa6\x10R0\xfe\'\x8cU\xf5\xac]\xd4\xbe=\x88p:U\xce\xebh\xfd\x97\xf6\xad\x94?KI,\xee\x9f\xdeaT\xb8Y\xb1\x0c\x8e\x1a\x13i\xc9\x19\xd3\x9f\xbd\x1d\xe2o:U\xb1\xd0;\xc0\xbd\x13\x8e\x19\x82D \x16!\r\x0b\xa5\xb1z\x15\x00\x94N\xed\xa5\xe6\x16(h[.\x87\x87\x96h\x81\x7f/\xd3\xce\x06\xc5\xacQ\xc2\xe5\xfcWH\xf0P4\xe9\xe7^\x9b\xc0\x897\xbb\xa5l\x94J\x19\x89r\x87(\xdf\x01\x0e5\x81\xebHt\xbe\xf5\xaa\xe1\x17\xd7\x0e\x9c\xdd\xb9\xd8\xab\xd6\xed\x93\xe3[o\x855=\xa0J\x96\xef\xbc5`\xde\xa06KFt\xf2\xd6\x06;\x00&lt;&amp;\x84l\x9d3\x84Z\xe6%\xf5l@\x8e=\xe1\xeeq\xa3S\x93\xba7\xa0\xfcQ\x00\x8fTG\x92\xb0=v\xc2\xc50\x10$\xf8)\x98\xe0\x93\x8a\x19\xdc\x0c\x8e\x8e\\T\xcah\xd7cR\x12\xd2\x80\xd77\xed\x1b\xa3\xe5}\xff\xa9\x10\xc3\xf3?\xe4M\xb0\xda\xb9\x93\x02@\xe3\xc2i\t!+\xc6t\x13\xdbP\x16\xb7f\n\xd1\\j\x07A\xa8\xe4\x89\xf3\xa1\xd5K\x92\xbc\x1f\xc1\xd5\xc7\xf2\xf5H@!\xad\xcc4-\x9a\xdekC\xc2pt\xa5\xc8\x94!-*z\xd54\xc2\x8fOV\x00S\x05\x8b\xf3\xad\xd2\xcb\xc7\xa1\\\xf6\xf9\xe2Z\x88\x00\xc1\x97\x90\x8a\xc5\xc3;\x8a\xf2\xe4\x99\xd4\xbd\xc1\xdb;\xc7\x84T%\x8a\xc7\x17\xf6.\x18\xd2\xce\xa1\xca=\xdf\x19\xba\x8b\xd9}\x11\x04\xb1\x83\x1f\xd6\xef6\xcd\x1cd\xe7\xf2S\xdb\x16P\xce\x02\xdc\xb7S9\x85e\xa3\xbb8T3#\x8c\xf3\x1b\xcf\xb7\xe2\x84\xf1\xf7\xf9\x1f\xbd6\x81\x10B\x8a\'\x0b\x91&gt;D\xf1\xd4\x0cw\xf06-x\xb6\xaf9/\\.z\xcd\x17q\x93\x13f\x89w\n\xc4\x0f[\x1b\xff\xf3\xe4\xb6\xf6\x15rRJ\x02&lt;\x93?/\x1f\xd3\xd5\xa8\xd8\xba)}\xac\x18\x18\xc6\xe4\xee\r\xe0\xf9\x15\xf9\xbf]\xaa\xe6\xe7\xa8\x84\x9b\x8a\x19\xbd|}\xbb\x1dpT2\xc5W&gt;ti\xe0\xed\xa0\x02\x06\xe1\xdfy\xfex\xe6\xcb[\x00\xc0\xbd\\\xd4\xb8H:b\xc5\xec\xecA\x91N:\xbbB\x8b\xca\xd2\xc6q@{I\xf9\x87\x1f&amp;|O\x08Y=\xbeg\xe1D\xff\xb3ta\xe1D\x9f\x19\x9d\x8a\xcdp\xb9\xb5\xc6\x84\x02\xcf~w\xb5\xbd\xea\xd9\x13\xfa\xf0\x05\x90\xd0k\x03\x8c\x00x\x1e\x95\x90\x99\xbcJ\xf7\x8d\xc2\x03\x85|\xf8\x9d\x9b\xb2s\xc1H;\x97\xbb\xa6&amp;\xc3\xf2\x843\xc2\xfd3\xbd\xbeuD\x9c\x15nP*\xe5\xd7\x84\x90a-+\xb3\x14\xae\xef\x8c\xdc\xc8\xad\xa3\x9b\x82 QA\xe0AwyF\x94\xa4\xb316\xf8\xd2\xeb\r.xp\x86[w\xa6@\xfch\x7f\x9f\xdf#\xd0\x98\xe0&amp;\xbd\xe1\x00\xf4\x1d\xf0\xf4\xa2\xf3\x86\xb0\x92!:!\x844+\x9e\x81R&amp;SH\xd8\x07\x00\xa8\x95+\x89\xd3&amp;i\xa9\x9e\xdd\xb7#C\xc4;\x00\xfeug;\xc6\xbe0\xaa\xb7\xba_\xec\xbeX\xa1\xd3\xfa;g\x06B\x08\xd9\xb5h\xd4\x98\x0e5\xbd\xb6"\x8c\x94QI\x89\xe4&amp;w\xc7\x8a1\xdd\xc4N[\x85\xc7\x10 \x88\x83\xc8\x83w\xe5c \xb9?\xae\x9d\xdc\x9bx\xban\xa8bP\xd3\xf2v.\x1f\xdb\xb1\x96(K\x10?0\xbes\x1d\x8e\xabZ\x96\x8a\x90\'\xb5y\x89LO.\xee\x13d\x11!\x84\xec[6^`m\xee\xe0fr\x14\x0fV\x0b\x92Q\xfdo\\H#.\xe3C\x7f\xfd\xd6e\xb2i\x0f\x16M\x12\x9d\x10\x02\x0f\xcf\xaa\x8e;\xbd\xc4?\xa4y\x05G\xebGXH\xaeHx\x9f\xd8\xaf\x8a$~\xdem\x02\xb8\xcb\\\xf2\xcd\xae\x85\xa3\x1c5\x86\x9dv\xe5i\xfeQ\xdcd\x0cTM\xaf\xc8\x81\xa9c\x12\xbc\xbe\xb1m\xeeP\x00Pf.eDzJ}\x95\xdd\xb7k\xf5\x82\x84\x90Ol\xa4\xe2\x8b\xcc\xfc\xb2j\xb2\xcb-~M\xc8&lt;A\xe9\xed\\c\xcd\xc4^,\xef\xa7\x94\x1f\x99\xbc\xc6Z\x96\xca"\xce($\x18\xe1\x0eU\xb5\xe4\x95\xc0\xfd\n\x97\xeeo\xf6\xac~~\x1e\xd6!\x84\x90\xb4\x9e\xc7\xb3\x86#dT\xf1\xe8\xdcn\xe5\x7f\x0f\xac\x99\xfa\xfbO\xab\xe8\x97L\xeb\xd5\x84\xa5f9\xfa\xc7\x1d\x02Z\xf8\xd2YR\x05w\xeeG\xeb\xd0gd\xeb\xa6\xf41\r\xabadd\xdbj\x03\x1a\xab\xd7\x16\xb1\x8bg\xc7\xd1t\xb8t\xfc\xac\x81\xd1\xa1bn\x97[,\x91\xc2\'\x9a/\x86T\xcb\x96\x80\xfb\xda&lt;\xb1\x05\xff\xda]\xab\x17\x10[!\xe2\x14\x00\xaf\xe5\xcf\xeex/\xd4\xc9\x9b\xcc\x85V\x10\xc4Wd\xd6\x8b\x161\x1a\x0c\xe9Nm\x1cZ\xa0\'\x06\xbb\x80\x81\r\xe6$\xa3P;wR\xafM@\x82\x9f\x19\xbcA\x85\x12\xfd\x1a\x96b\\lA\xacR.]L\x8c\xe8F\x10\xc42\xf0\xe7I\x12&gt;t5\x921\xc8\x17\xef#B\x08\xc0\x1b[\r\x01\xec^4\xda\xe8,\xa3\xe7\x1eK\xd8\x9a\x0b\xf8-!\xa5\x11\x1f\x98\x171$\x99\x9d\x8b\xfd\x06\xfc\xf5\x1b\xc7U-Jf6/\x84\x98\x91;\xb6\xfaVR9n{K\xae\x98\x91A\xd3/H\xf8m\xf7R\xaf\x9aV.\xef8\xbd\xef\xb5q\xc6@;\x9bE\x95\x9c\x14\x89\xc3&lt;\x07\x16p9\x0c\xdd\x0f\xfb\xb1Z\x1b\x00\xc0[\xd9B\xc4\xb7h\xef\x16]\xfd\xd7I\xdd\x1b\x18\xd6\xf0\xf8&lt;\xe3m\x0f\xff\\2:\x95+V\x14\x80\x97\x14\xe1h\x00\x18\xd2\xdc\xbc\xe3\x03\x80\xd2\xa9t\xfe\x80\xf9\x83\xdb\xac\x18\xdb\x8d\x10\x02\x0f\xcf\xb2X+\xeaA\x06x\x9e&lt;\x98\x06\xf2\x01\x87\xcb\xa24\xd2}\x03\x0fN[\x8d\xd4\x88e\xaf\xdd=K\xdf9\xe0\xc3\xe3\x0b\x87\xd7\xcf\xb4W\x1f\x12x\xa4\xe0r&lt;a\t\xb0\xeaY\xbb\x08\xa5C,\x93\xfa\x1b\xca\xd9\xe4\x1f\x92\xfa\x05R\x85\xb7e\xd2\xab\x02@\x88\xf1)33-\x14c\xa9\xa7j\xd6\xf8B\xaar\x1a?\x0c:\x910~Z1\x810\xff$\xdcR\xfbZ\xb8o\x82@YKE\xf8H\xf3\x89y\x19\x15\xd28}\\\xc7\xda6\x07%\x84\x90o\x14Y!\xabd\x8e\x07\x00\x93\x8dg\x12\x84\x90\xed\xf3\x86\xd9i\xee\xbb\xf0\x07\xc1(\x9c\x81=E%\xbc\xban\xc7\x12\xd7\x00\xb8\rp\xc7k+\\!0^\xc7^\x107\x12\x8f\x02\xea\xe7Oi\xfa\xb7\xfbc\xdb\xd2\x1bZ\x95\xe6\t|\x85\xbb\'(g\x99\xe4K\xef\x1e\x07\x80\x9c\xdf\xbe\xff\x81\xe2\xe6d\xb9K+d\xd0\x97\xe8\xde&lt;\xcb&lt;g\x19\x00\xfcyj\x9b\xd1\xd9l_\x13x{\xcb\xb4\x12K\xc8\x15J\xbb\xf4J\x16\x0f\xef(\xb6-\xc4G\x1aj.s\xff\xf4\x0e\xe5\x7f\x01\xderW\x15\xa9\x16$\x01^ymB@B\xc9\xdb%!\x05q\x19\xcd`o\x1c\nU\xfeW\xee\x1c\x9d\x1e\xa68Q\x7f\xe5\xcc\xf1(g\xbf!\xa4\xa4\x95\x886\x80\'\xb6-B\x90\xc8\xc7\xf0\xd6U\xbc6\xc1m\x1a\x86g\x04R\xf1\x8d\r\x1d\x11\x0fa\xef\x9d\xe1\xdf\xcb|ML\xed\xd9H\xf9_\x0f\xa3\xbe\x11\xc4_D\xda5\xa2\x80Fw\xd9\xb3\\\xdao\xdd\xb6C\x04\xa1S\xfb\xb9\xd0\xca/\xab\xddV\xd6\xe3\xa6K5W\xd3\x17#\x01\x06\xc6@\x04\x1fnFQY\xdf\xfd\xd5\x01^^\x0b\xfb\xe0\xcb\x01\xc4o\xbb\x97\xd6\xcb\x9f\xb2y\x89\x8c\x0e\xd5\x0f\x00|\x01L\x8c\x95\x0b\xaf3\xb3\'\x02K\xf0\xf8\x82\x17\xcd\x06&lt;\x8d\xf4\xe6\xf8.\xeb\xf4\xe6\x8d\x83\x99UM\x10\xe8} \xce\xed\xcb%F\xb4\xa9*}\xe8T%\xaf\xd5k\x8d:8\x81\xa1dV\xa3[\xe8\x0b\xfa\xbax\xfb\xe6{}\xeb\xa8\x87\xad\xb3R-[\x82^u\x8bym\x05b\x08\xc0\x0b\x9b\xb1\xb6\xa87\xe7\x0e#\xdbV#\xeev:\x91$&gt;PJ\x03`a\x1f\x02`T\xbb\xea\xf42\xbajt.\x13\x90\xab\x81\x01D\xcd\x9c\x89\xbd6\x81\xec\\0\xd2k\x13\x08!\xe6\x99`}\x0e\xc0?\x84\x90\xe6%2\x95K\xe7Y\xbaexb2W\x1e\xd0\xa4\xac;\x96\x08g\xf9\xe8\xae\xbe\xcd\xc2~v\xc7"\xab\xe1\xb8#\xdbVc|[\xb0\x84\xdf\x1d\\7\x1d^^\xdb2{\x885#\x08yy\xe3\x90\xd5K\x10\x91\xf8!y\x9ft#\xd6\xc8\x91\xc8kC\x10\xbb\xf4mP\xcak\x13\\\xa5u\x99l.k\xb1\xe8\xb2xxG\xf8\xeb\x9c\xcdJ\xa4\x94\xae\x1c\xbc\xb8z\x00\x00\x1a\x14Hey\xf9)&lt;\x07N\xa9\x94_\x19\x15\x00\x80\xc6E\xd2\xf1\x19\x86\x08c\xc7\xfc\xe1^\x9b\x80\xb8\xca\xd2\x91\x9d\xddi\xe8\xfb:E\xddi\xc8\x1dT\xc3\xea:yhK\x8bM\x8a\xa67:\xa5\r\xbc\x12\x0b&lt;&lt;\x13\x9d\x90?~\xfe\x81Rf\xd3L\xf3\xd84\xb1d\nq\xb9AD\x0f\xed\n\x82Q\x84a\xa3\xc2i\x05\xb6+\xef\xc8\xf9\x1c\x87b\xcdNo_\xe8L\xc5\x88g\x00&lt;w\xa2\xda&amp;E\xd3\xaf\x9d\xdc\xc7f%\xb3\xfb\xb5pg3\xa6zv\xdf.\x9e\xb9\x08\xe7\xfc\xca#^\xdd&lt;\xa2\xd4&amp;,\x98\x80\xd5\xe9.\xb0\xd7\xd1\x03\x01|\x9c\xb89\xb0f\xda\xb1Ms|\xbb\xd4\x08\x00\xb7\x8eld,\xbcfR\xaf\xac\xf6\x9c\xae\xe0\xdf\xcb\xa6/\x80q\x9d\xea\xd8j\xc3:\x9d\xab\xe4s\xb9E5\xfb\x96\x8d\x17[a\xde8Q\x8d\x82\x1e\x85\x83s\xa8\xa0\xe7\xd1\xb9]^\x9b\x10\x90,\x1f\xdd\x95\x10\xd2\xbb^q\xf6K\xcaF\x0cISz\x9a\xad\x99\xd4K\x8cY\xe1\x00\xbc\xb44\x1e\x87\xc7\x17\x00`\xf7b\xc3\x048\xa6L\xef\xdd\x94\xfbZ!\xe4\x89\xa3\xb3\xc1\xac\xfc\x12\xd8C\xc9\xe0\xe1Y16\x11\xd1\xfb\xa2\x00w\x00\xc0\xb5$\xf3\x1c\xee\xccA\x89Q\xe6)\xa71\x92\xfa\x8aT\x04\xc7\xae]\xfex\x1f\xc3\x9b\x9bu\xf3&amp;\xa7\x173\xdc\xbeT\xc0\xd8\xa5X\xf2\xfa/\x97.&amp;\x00\xc0\xe3\xf3\xec\x97\x98\x12:-B0\xf3\xf3\xab\xbf\xba\xaf\xc91\xb1[}\xd7\xdbD\x02\x90"\x89\x9d\x8d:\xe5\x8b\x1f\x9b\xf6}c\xd5\x11#\xe5^K\x04\xa26\x8e\x87\xecZ4\xca\xb5\xb6TK\xbb6\x87\xa2\'\xb7\xccc/lu\x05\xdfj\xec\xf4\xd2Q.9\x02(\x01\x80\xa2I\xd4\xf7\xfb\xe5\xfd\xab\xdd\xb7$\x0c\x7f\xc6\x88\x07.YY\x86L&gt;\x80\xf1w7\r\xa4\xd8&gt;\xcfU\x07\xaa\xf7\x19^]xK\x0bD\xd5\xab\xea~\xb7\xef\x11\xd2\xa5*\xd3j\x86\xa5\xb05\x00(\x9b\xc6B\xa4\x94\xd58\xe1\x82\xf1\x85\xc8m\x08\x00\x00\x92z\x95Vu\xd3\xcc\x81\x1e\xb5l\r\x80{f\x05\xc4?\xf6\x1b\xa6\x0f\x90?\xd3\x15K\x9a\x16\xcb\xd0\xb2Tf\xbf\xdcP\x91\x1b\x00\xd88\xe3\xdd\x0fW(!\xd3rY\x83\x82\xa9\x05\x1a0\xa8YyQ\xb5\xb9\x80s\x1a\xe3?L\xec\x05\x00~\x08\xc7A\x0c\xe9^\xa3\x90;\r\xf9\xe7\x95\x8b\xf8\x04\x874*\xaaX\x17\x8d\x11\x08\xdc;\xe9a\xebVi\\$-{\xda\x19\x8e\xdc\xd4\x91a\xdfh\xc3\xf4\xfe\xf4\x02\xeb\xa6\xf4\r\x90\xa5\x01\'\xc9\x1d\xfb\x03e.\x94Y}\x9b{h\x8cL\xaeX^\xcd\xbe\xdc\xe0\xc2\x9e\xe5^\x9b`\x816e\xb3{m\x02\x82D \xf5\xc7\xa40\xdb$\x12\xb1\xc67^\x1b\xe0\x13\x82x\x80\x94\xff\xbbh\x81\xb2"/\xa7&gt;\xa7`50\xf0\xf5\xad#\x96\xfc2%\xc6wv\xdb9\xdd\'\xb8p\xab\x9c\xda\xb6@\xfe&lt;\xa7\x7fK\xc6\xab\x1e\x9e\xddI\x08\xb1:\xa9\xe4\x0e\x02_3\xa9\xb7\xfc9\x7f&lt;!n\x16\x88\xcf\xc8\x82\x11e\x81L\x0c\x862m\xcbe\x07\x80I\xdd\xeag\xb32\xd2\xb1\x19\xe9rn\xd7\x92\xf6\x15r\xc1\xab\x1b\xb6j\t\x16\x92\xbe\xafs\xb0P\xc2O\xe9W\x15O\x16"\xbf\x8aB\xa7\xf5\x97&gt;\xac\x1a\xd7\x832\x99FQO~\xdcw\x9b\xa9\x90!v\x95,\xdf\xb9\xddjD\xfa7.\xe3P\xcdc;\xd6\xbe\xc9\x1coI\x01\xfe\xfe\xcdteS8\x8b\x86up\xb9E#\xca\xebi\x8e\x02\xdc\xb7T\t\xdc?%\xc8\x1c\xa5\r\xe2\x87\xc9\xe9\xa8+\x1c\xa6-\xe6\x89\xcd"\xa9)\x98\xbcq\xcd=\x99\x7f\x98\xf0=G\xcd\x8c\xeb\x90_*^0\xc1\x99\xbb\x12\xee\x9f6\xdd\xbe\xd7\xde\x1cnfMbGi\xa7g\x1eW\xe1X\x1d/P\xee\xe3\xb3;\x17\xd3\xaf\x8df\xb1-\xbfQ\xd6O\t\x14\xbd\xdcYF\x02\x16\xe7\x9c\xac\x9ce\xeb\x9c\xa1|\xc3\x8d\x8a~\xda\xf7\xbf\xf2\xcb\x1a\xe9\xc3?\xbf\xef\xf7\xd6\x12\x19\xb1\x9d2e\xf4\xf5\xea\xe6a\xa1M!\x82\xc9\xce\xb2\x96$\x08\xf9A\xe0\xc0\xdb\x05K;\x96\x9b\x02p\xcf\xe6\x10#\x8d\x99o\xa3Q/\xea\xebM\xd0&lt;q&gt;\x8c\x15\x1415\x93{4$\xb6\xff\x90R\xa9\xdc\xc8\x06\xa8\xbb\xec\xa0K\xdb\xf29\x84\xb7\xae\xb7^\x8a\xd0\xe0\x9bJv\xa8\x98[\xb4!\xce2\xabo\xf3j\xd9\x12\x08\xa9\x8a\xcf\xcbk\xf5\xf8\x9e\xaa#\x00\x10\x04]\x93\n\xc6`:W\x11\x18\x1d\x13\xd0\x8c\xebT[\xf9\xdf+\xbf\xae9\x12:Kx+\xc1wOG*\x96\x8f\xe9\xcaR,\x9a\x17J\xf46\x19\xd4\xac\xfc\x833;\t\xb3\xcf\xf4\xb8N\xb5\xa5$\x8e\x91\x84,_\xbd{KIiA9\x98?\xb8-\xf6\x00&gt;E\xbb\xafqt\xe3l\xdd\x923\x8d\x83\x1b|\x90\x824\x8c\xd4\x81\xb63\xe0s\x85\xe8\xd5\x13\xbe\'\x84\x1cZ7\x9dR\xa6@|o\xbetQ}\x8a\x946|L\x87Z\xd2\x7f\x13\xbf\xa730\x0f8\x1aid\x8c\x01^r\xd7V?\x7fJ\xc6\x92\xd2\xdb4\x00\xb0\xb3\xeb\x159\xfdW%U^\xfb\xc0\xc33B\xeaA"9\xec/\x80\x10B\xe8\xc2O\x01\xaa\xe8\xf0\xfa\xe6\x11\xa3SS{6\x92?K_\x14\xc0\x9fn\xd8D\x08\xc0+w\x1a\xb2Kbw\x7fvxy-c \x8bC\xea\x8a\x803\xa2|VK\xa60\xd9x\x9b\xd0\xa5.wC&gt;\xc4\xe6\xf0\xd8\xc4\xb5\x1b\tL\xec\x8c\xc7\x19\xe1V\xaa\xd0*\xe3\xaa\xa0\xcf\xf8\xe1\xee\x89\xb4\xc6w\xed\x815Syl\n\x0e&lt;p*\xf6\x07\xda\xc1\x1a\x00\xfc0\x91\x96\x9a\xa3E\xc9\xccNZ\xf4\x8e\x8e\x95\xf2\xb8\xd3P\xd0\xd0\xb0P\x9a\xc9\xdd\x1b\xba\xd0P\x10\xc8\x14\x1c\xd9\xa0\xbf\xa3\x06\xf0\x1c\xe0\xa9\xcb\xc60"*\x80i\xce\x80VF\xa7\x00@\nv\xf0\xcf\xea\xb1`r\xc6\x0cZ\xdf\x13!\xc1\x06\xcem\n\x95O\x17\xcb\xa1\x9a\x9d\xa3Lj\xc1\x8es\xf0\xe0\xcc\xc1\xb5\xd3\xc4\xd6I\xa7G\xcd\xc2n6\xe7&gt;\x00\xd0\xa9J^\xb8{\x9c\xef\xf2\xa5#\xc5h\xf4\xf3\xa5\xa8\xda\xbdh\xb4\xfd\xa7\xe2\xf0\xfa\x99\xb6\xeb\xd0\xc1\xee6\x98\xfd\xae$\xb3\xc1k\x08\xe0\x11\x84\xa3:\xc5\x97u\x84\x0fxt\x8e\xe3\xaa\x13\x9b\xe7j\x0f\xdaY\xc6\xb1I\xcf\xdaE\xe4\xcf\xba_\xa9\xc0W\x82\x87\x7f\xa6O\xe8\xdf\xa8t\xf0\xf9],\x1b\xd5\xa5u\x99l\xbb\x16\xba\x974F\xcb/\xab\xa7\\;\xb8\x8e=\xd5v\x00A\x97\x85\xf7/\xfbWN\xb4\x94]\x81B\xf5\xec\t\xc7u\xaa=\xa1K=\xd5\xf1\xe9\xbd\x9a\x00@\xea\xc8\xb9\xf9\xeb\x00\xd2\x0b@~\xed6*\x94\x06\xfe\xb9d\xbf\xc3:\xb7k\x89Qs\xff\xfe\xf1\x8b\xd1U\x9fz\xe7\xa5\xfa\xf7\xf9\x1f\x9d\xab|t\xfb\x1a\xceU\x8eDNXd*\x00`\x86\xd7Y\x8b-S,\xe9\xe7\x00\xb0}\xde0\xa3\x02\x8f\xce\xed\x02\x80\xd9\xfd[\xb8i\x95\xfb\xd8_\xde\xb9sl\xb3i\x19\x80\xd7\xaa&gt;\x17\xe0\xb9n/&lt;\xb1\xab\xfae\xac$S\x08\xd1\xbe\xad9\x08\xa6\xc1\xb2\xa4\xe2\xf2\xe6\xf6\xb1\x06\x0c"\xa0. \xf6\xbb\xad\x94\x89_\x9c\xc6\xb9\x88G\xddD\xd6\xc76\xceq\xacA/\xf1\x95\x84\x890X6d\x9e]\xfeyL\xfb\x9aN\xb4\x1e\x88\xc2\xfd\x19\xa2\x9b\x971\x02\x00n\x1e\xde\xa0&lt;\xf2\xf2\xc6\xa1\x15c\xbb)\x8f|\x14^\x92RO\xd3\xa2\xe9U\xc1\xf4\xb5s\'\xe57\xcb:\xf0\xcf%7\x9bc\xc7\x0f\xaf\xb4\xa8\x84d\xfb\xda\x17\x96\x88\xe5\xb7\xddK\xb5\x07\xef\x9e\xd8\xaa\xfc/\x00H;\xa9)\xf9\xd6\xec\xdd\x85=P?\xe0\xd1]%\x00\x80.\xd5\x98\x82\x95\x1f\x9d\xdb\xcd\xe2;j5\x15r\xcfZE\xe0\xc1iK\x97\x04=\x00\x10b\xbd#3r\xf7\x9e\xdd\xbf%\xcb\xec\xd5*n&amp;1g\x07\x00\x8a\'\x0b\x91\xff;\xbdW\x13\xee\xaa\x0e\xae\xa5\x85\x80\x992\xbcu\x15G_\x00\xba\xaa\xc8\x12\x00\xcf\x9ck\xd7\x94W7P\xab*@\x08\xdb\xe4}r\x81\xbd\xb0&lt;\xf8-a\xe0\xd2\x1e\xa9}]\x05Q$qt"n$\xdb\xb0`\xea$\xce\xb8e\x89\xd2\xfc6MR\xef&amp;\xf2\xabR\xd7\x95@\x97&gt;\xf5K\xb6.\x93Mu\xb0L\x1a\x175\xe1\x10\x1b\xecY:\xd6f\r\'\xb6\xcc\x13b\x89\xdb\xb0\xa8/\x01@&lt;B\xb6\xcf\x1b.\x15\xbeq(T:&gt;\xbdwS\xe1\x0e|\xba\xecY2\xb6Dr\x9a\xcbl\xd0\xba\xd3\x1a0o`k\xe9C\xd3\xa2\xe9M\x0b\x03\xc0\xd69C\xe5\xf8~\xb1\x12\x8c\xcf\xfe\xf8Y`m~C\x19$\xf1\xf8\xc2\xde\xc2\x89\xd4\xd2!\xf2\xb3\xf3\xdf\xf5\x83\xba5\xd4\xcd\x97B\x941\x19x\xf5\xd8E\xb9`\xba\x00w\xb2--\xfeIA\xe1_.\xfc\xb8L\xe5\xe8\xa9\xfb\xad\x81\x06\xe9\xb8v\xc8\xe3\x10\x14\x1d\x9e C\x19\xc2n\x95\x8d3\x06\x18\x9d\x02\x00\x8e\x08\xf5\xceU\xf2\x99\x961\n\xee\x06\xf8W`\xdf\xe7\x07\xe4\x0c\r\xca\x01\x13\xdf\x14\xcd\xe7\xd2\x0b\x953\x07C~\x84\xc1\xcd*\xb8\xd0\n\xdf\r\xe0\x97\xefW\xd5\xa7_?\xb8^\x99\xb5\x92\x10\x02oo\xc1\xa3s7\x0e\x85\xea\xbe\x00t\xf9\x8a\xaa\xd1\xc1G\x85\xf4\x8e\x077\xf9d\xae\xce\'Om\x9a\x98bn\xf8\x8c\xc1\x12\xec7w\xa0f\xc6\xb0\xce\x9f\xa7\xb6\x03\xbc\xb6_\xcf\xe2\x11\x1d\x95\xff\x05x\x94\xe3\xdb\xf7$\x17\x9f\x8b{W\xc8\xc7S\t\xf2\xbd6\x9d&lt;\xb4\xaf\x90\xcb\xe8\xd4\xbd\x93\xdbX\x9apTW\x9d{3\x99\xaf\x83f_\xd8\x0c\xecM~U\xb7\xfe\xf0\xcc\xce\x07gv\xa8\xca\xd4\xcb\x97B:\xbbo\xf9x\x96\x17\x00!\x04\xe0\x11!\xc4\x86\x9b\x8c!\xf4\x14\rU\xb3\xc6w\xa0MB\x08\x81\xd7\x11r\xb1:\xf1\xa7\xf9\x10\x1fe\xff\xe1\x82[\r\xc6\x05\x9c\xf3%\\&lt;\xbc\xa34\xc0\xfc\x90\x90\xfc\xdf\xb1\xbe@\xdcH\x8ba\x0c\x00\xf4\xaeW\xdc\xcd\x16\x87\xb7\xaaB\xf9\x93\x0b%\x88\x1c\x1aT\xda\xb5\x1d\x00\xd0\x8a\xc4\x85N\xeb\xa7*\xef\xb6\xa1\x1a\\NO)\xd9J\xad$\x00\x00 \x00IDAT\xff\xc9\x14\xbf\x0b\xc4CL\x13\x82G\x1e\x16\x0ci\'}pm\x85\xd6&gt;\xae\xf5*\r\n\xfa":\xc4%L\xc5\xa4\x96\x8c\xe8\xa4\xea\xfdOm[\x00O/R.\xf1\xc9\x0b\xc05\xf8\xd2Ok\x99\xd1\xa7\x99\x90z(\xbc\xbds\x0c\x00\xd8\xb5\xcb\xfd\x03\xc0];\x97\x8b\x12\xbe\x08\x82\x1b{\xc1\x90v\xf0\xf8\x02\xfd\x11v\x14\x80\x07\x84\xeb}\x0c\x00\xe5\x9d_\xe9u\x13Q\xa2r\xfc\x9c\xda:\x9f\xee\xa3\x93@3\t \xd4\xad?)\x97\xe4\xef?\xad\x12l\xa8\x8f\x19\xdb\xa1\x96W\x19?8x\xfa\xfbOo\xef\x1c\x9bf\xc3\xf3\x9d\xb0\xf5\x83|I\x13}\xc8\xc2\xa1\xed\t!\x9d\xab\xe6\'A\xf1\x02`\\\xf1aL\x08h\xf4\x85H\xc7u\xdf\xbb\xf4\xef\x90rV\xee\x7f\xbe%$\xc7\xb7&gt;\xdf&amp;7\'\x11\xf3\xde\x89\xc7\xb0\xef\xee\x12B\xe6\x0el\r\x00\xfbWLt\xc76\x9b\x08\x91\xcd\xda\xbdh\xb4\xfdJX0R\xf2\xe1`\xc7\x82\x11v.\x7f\x9f\x10\xd3\x91\x18\x84\xcbY\xd7\xc8\x99\xd8\xdb\xfds!\xdb&gt;\x000\x93k\x8af\x9a7\xdci\xca\xa5\x8b\xe9\xf2R\x8f\xd4Q|\xa9x\x8b\xb4*\x9dUyV\xcax\xb1}\xfep\xd5\x85\xf1\xa8.\xc8\xf0\xf6\x96\xf4\xa1K\xb5\xfcg\xb6/\x14lt8\x99B\x1c\xa9\xf6\xce\xf1-\xaa#\xa0\x88\x97\xf25\x97\xf6\xadd\x7f\x01\x00\xbcZ&lt;\xbc#\xc0swl\xb3I\x0cf\xa9\xd5\x10G\xedP`\x94\x07\xe3\x7f\x84\x08\xf1-\x11\x08\x00P\x86aM\x8a\xa4\xdb2g\x08\xf1:\xd6\xff\xe2\xde\x15\x92\xc7\x81\x10\xb6\xcf\x1f&gt;\xcb\xa2\xc31{6\x85\xa9\xdf7\x16;\xc3\x80\xbb\'\xb2}C\\V\xbd6\xed(\xfe\xf9}?&lt;\xff\x83\x102oP\x1b\xeeV&amp;\xf7p#\xdd\x82s\x94Hn\x92\xf4I\x82_\xd7I,\x83\x9a\x96cy\x01\xc8\x05\xb4+\x8c5s&amp;.\x92\xd8\xe5}Y\xc4q\xe8&gt;$v\x86i\xa1\xd3\xfa\t\x19\x1f\xad\x9f\xdaO@-\n\x064.si\xdfJ\xabW\xb5\xaf\x98\x8b\x98\xe5&gt;kZ,\xc3\x86\xe9\x86\x81\x1a\xec\x1cZ7\xfd\xa5+B\x0b\x153\xc6Q\x1dy\x8f\x10\x00(\x92\xf83\x00\x18\xd4\xb4\x9c\x9d.\xde\x14\xaf\x96\xe3\xa4aMd\xa4G\xcd\xc2a/\x81\x88\xb2&lt;\x9f\x11\x02\xf0\x17\x00\x00\xdc\xa1\\^,i\x00\xe4{\xcc)bmq`\x93\xb2\x84\x90ms\x872\x96oT8\xad\xfdF\xf9\xa0\xc4\x9bx\xab\xed\xbdu\x0e\xeb\xb7\'1\xab\x9f\xbe\x0c\xadp\x97\x84\xfc\xf1&gt;\x06\x80\xe9\xbd\x9b\x12B\xa4\xd5\x9d?Om\x17X\xbf\x10r\xc7\x8a\x10w\xa1\xd5\xd1\x02x\xc1\xb2q\xa5*\xa1\xda\x8a\xaf\x98!\xf6\x94\x88#qy\xd1\x9f\x12r(\xdc\x1d\xeb6\x83\xbc\xae@\xca\xa6\x891\xaamu\xab\x03\x0bi\xeb;\x18\x08\x9f\t\xbc\xae\x90!v\x81\xf8\xd1\xa4\xe5]\xbf\xc4\xad\xf9\x86\x04\xd4\xb3\xaa\xd5|;bdVQM*\x03f\xf3\x9a\x97E\xc3:\x00@\'\x86\x88ev\xde\xcdt\x15\xff\x8a\xc2\t\xcf\x90e\xa3\xba\xa8\x8e\x00\xbcf\x19\xe9\xa8F\xf8*\xd3\x86\xb5\xaa\xfc\xf7\x85=\xa6\x95\xbc\xbe\x15!\xea\xd3\xb7\x1b\xe9\x8c\x9eQ\x00\xe0\xd0&gt;\x81\xf7\xc0\x8b+\xba\xc7\x83@\x0b\x15\xe0?\xafM\x08\x03\xe0_\xfb\xcf\x80s&gt;\xa3\xda \x0f:\r\x0b\xa6N\xe9f\xfa7\xeb\x08\xefq&gt; \xe4\xd6\x91\x8d\x1c\x17\xe6\x88a\xfe\xe5\x8a\xf5\x9e\x92\xbal]5\xf56\xe5\xb2[\xad\r\xfe\xfd\xc3\xb4\x8ci\xac\xe5\x1f\xbf\xfc`\xb5]]|\x12\x99\xcf\xc8\xba\xc9}\xe4\xcfy\xe3x\xfa\xc0\x18\xfd&gt;\x7f\x9e\xda.\xeaQ\xf1\xad\n&lt;7\x94W\xa0v\x7f\xdf\x05\\\x8e\x8a\x0chv/\x1a}\xf5\xd7\xb5b\xebLB\xed\xc99\xbcl\x97\x8f\xee\xcao\r\x17\x1f\x10R,i\x88\xf2H9\xaa\xea=\xdc?\xc5\xe2Mt\xeb\xe8F!\xdd\xc8\xc1\xb5\xd3\x94\xd1\xf5\x00oT\x05\xc6w\xaec\xbf\x15:i&gt;![f\x8b_\xf1\xf7i\xa4\xd4\'\x92e\xcf~\xf7\xda\x90\x00CW\x9dmR\xf7\x06\xae\x1b\x82\x18\xb2y\xd6 \xdd\xe3\x02\x05\xa6\xfb\xd4/)?;\x8f/\xec\x15W\xb1\xc7\xc0\xf3\xb0U\x01\x00\xe0[\xbc?\xbei\xce\xf4\xdeM\x7fZ1A\xa0U\xba\xe4\x88\xf1^\x1a\x11k\x9a\x894G\xb8\x15\x18\xff&lt;\xb5\xadF\x0em}\x84\xd1\x8f\xa0n\xde\xe4|\xedr\xf2\x05!\x00o]m2\xc0a\x91\xba&gt;\xff\xe32\xc6\xda\x82vm1"R&lt;g\x96/\t!\x04\x1e\x9c\x91\x8f\xa7\x8eF\x08!}\x1b\x94t\xae\xe9\x9fWMR\xfe\x17\x00\xfa\xd4/!\xa4\xe6\xd8\xb6\xc3\x95\x05b)w\x82\xbc@\xd4\xafQi\xedYyR\xc0=h\x05\x80\t]\xea\xf2]\xeb\t|\x7f\xe9\xdb;\xc7L\xcb\x8c\xe9`!ab\x00\tu\xb8\xc7\xe0\xe6\x15\xbc6!\xb2\x90\xf9K\xd2\xacx\x06\xe7\xe6\xaa\xca\x9a\xdb\x96\xcb!\x7f~~\xf5\xd7.\xd5\xf27/\x91\xc9\xa1v)f|BH\xc6\x00pU\x13Lj6\x7f/\xe1wB\x02B\x00\xc0\xce$\xac]\x85\x9c$b\x9a\xee3;\x16\xe5\x8bg7\xf0\x04\xfe\xbdl\xb3\x06\x99C\xebl%\x8c\x0b0\x8a&amp;\t\x88\xc86N:T4\x94\xc3\xe5\x86=\x11\x07]]\x83\xdd\xe5\x94\x1d\x9f\xa7\xd0q.\xa8\xa4]\xf9\x9c\xdc\xd7\xa63U\xd7r\x06\xd5*\xc3\xa2\xe1\x1d8\xb2;h\x01\x00\x80\xc7\xef\xfe\xfb\xf6\x16\xbc\xb9i\xbfZ\x892\xa9\xbfqt)\x9c;\x04\xe4\xea\xafk\x93\x8bR\x8f\xa22\xa9[}7\x9a\xb1\x0f&lt;:\xeb\xb5\t\x01F\x8b\x92\x99\xc5V\x98\'6\xeb-\xb9nJ\xdf\xd8\x84l\x9e5X\xac\x01\x1e\xc2\xbe\xddw\xfb\xe8&amp;Q\x8d\xd6\xce\x9dTTU\x91\x90\xc2\x89\xc2\xde\x84\x14\xaf\xd6\x10B\x00\xa0zv\xc6`|\x1e\x9e]\xf6Q6:#\xe5q\xab~w\xbe`b\xd7\xfa\x8c3G\xc4iT\x0e$\xd2\xab"}\xa4\x0c\xbbnV&lt;\x83R\xeb\x14\x00&amp;v\xabO\xb8\xf2\x12;\xa4e\xe7T&gt;\n\x1f\xf3\x11!\x93\xbb7\xf0\xa3\xdf\x8b\xbb\x04\xd57\xd0\xa4H:\xafMp\x0f\xc9\xe7\x8fI\xbc\xc3\x06i\x19|,D\xe5m\xaf\x99+\x89\x98\x8a&lt;\xe2=\x83\xad\xf5\x93[\xe7+\xff\x0b\x00=k\x15q\xc9&amp;BJ3$k\xfb\xef\xda\xc1\xc0\xda\x11\xd5"\xbf\x1a\xcb\xb2e\xb4oV,\x83c\xb6x\xc0\xb8N\xb5M\xcb\xa8\x16lS\xf8;P\xc6_,\x1e\xde\xd1\xbc\x90\x15&lt;\xff\xf2\x01\x9e\xb1\x14\xa3\xbb\x96\xcbt\xabQ\xd0\x965\xe1\xd4\x0b\xae|\xbc\x12\xdatun\xb2t\xd4\xbb\x1d\x1dv\xc1\x83\xc0\x1d\x18\x16\x88\x1fM\xeb\x9eO\x08\x19\xd8\xb4\x9ct3+W`\x9cN(\xd6\xa7\xbe\x83\xcec*\xb6\xcfS\xeb\x98Z%\xb0\xdd\xc4e\xd7\xe0\x80@7\x8b\xbd\x9bd\xa3\xde\xfb|\xc9r\xddv\x10\x8e\x04H\xe19{\x96\x8ce\x9f\xea\rjZ\x1e\x9e\\(\xc36\x10\xa6\xd0\xb3\xb6{\xd3\x14v\x96\x8d\xea\xf2\xe4\xe2&gt;\xd5Ax{[u\xe4\xfa\xa1P\xf8\xef\xaa\xf2H\xa5\x8cq\x1a\x14H\xf5%!\xca\xf5\xfd3;\x169c\xa6O\xf1\x8b?\x8c\xcf\xc3\xf4m2\xa1k=\xafM\x88,\x1cX3\x8d}#\xda\x05:U\xc9+\xb6B\x00\x80\xbf~\x83W\xd7\x01\xe0\xc7%cz0\xac\x1d\x01&lt;\xf6iT\xa71\x89\xdc\x92"8\xbf\x9b5\xfc\xc5Cdq\x0e!:\xac2wOl\xd5=\xde\xabn1\x81\xadxF\xcf\xdaE\xbd6!\x8c\xc0z\xf6\x04\x02\x0fN\xe7\xfc\xf6\xfd\x12)\xc4lL\xe4\x8fg\xb2\xa1_-[\x02!\r\t\xa4i\xd1\xf4b+\x942\x7feg\t\xedSp`\xcdT?\xdf\x84G7\xcc\xceb\xbc\x03\xce\xbd\x93\xd7\xabN1BH\xbd\xfc\x8e\xaf"\xf2\xf9"\xfb\xf9\x17\x91\x99\xd4\xad\x81\xd7&amp;\xb8\x88\xb4\xd0\xa1\x8c\xf7\x11\x82o\x7f\xe9\x17W\x0f\xc8\xa3\x00\'\xa4\xf4\xe0\xbf\xabV=\xb2Em \xb3 V\xa8\xabsU\x91Z\x9e\x8c\xe8\xc4\xef\x9b!}\xc1R\xb6\x13\x9f\xe0\xb7\x07\xe4\x13B\x8a%\r\xb1\x14\xa8,\x90\x91m\xab\xb9\xdf\xa8?\xd7\xf7\xbcA\xb8\xe2\xd5\xfc\xc1m\xd9\x0b\x03\xbc\x96c\x04\xf3\xc4\xf1\xd1j\x86}\x96\x8f1\xfcb%E-\xc1\x12\xecfx\xf5\x84\xdb\xc7\x85\x1e\xb3F\x8eD\x1co\x17&gt;\xfc\xf6\x020%_\xdc\x8f\x08!\xc9\xf8v\xc6\xf4H\xf2\x9e\x97\xe2kF\xbe\xff\xba\x18ih\x06\xdc\x8f\x18\x188\xbd9\xcc\xa1Vh\xdf\xbb\x80\x1d\xd9C#\xed\xa7L\x8aF\x91\x04\xadt&gt;7.\xbft\x1d\x85\xee\xa2&amp;\x05\xb4\xdb\xef\xa7\xf6-\x9f0\xb0I9\x9b\x95\xa8X:\xaa\x8b\xf4\x02h^&lt;\xa3\xf2\xb8\xd2\xdaZ\xae{ES\xbe\xab\xday\xbc\x88@lX(\xb5\x07\xad\x1a\x03\xf0\xd4k\x13\x1c!\xffw\x86r\x85\xf0\xe8\x9c\xd1ma\xba\x12\xaaL\x17\\(\xe1\xffL\x1f\xc5]\x0bG\xc9e\x00 \xc4\xac\xfe\xc0\x82]`CE\xfb\n\xe2\xd5&gt;\x10vJ\xa76\x1f\x8a\x0cjZ\xde\xe8\xd4\xd2\x91\x9dC\xa7\xf6S\xdd\xfc/o\x1cZ7\xa5\xafv\x12\x00\x00G7\xccJ\xcd\xa0\x1e\x9a\xc0\xbc\x08\xa9\x90&gt;\xd6\xf8\xce\xac\xe1\x1dR\x92"\xe9\xb3\xa3\x81\xd0LH\x01\xbd\xa2\xf2\xd3\x17O\x16\xc2X\xd2\x85y\r\xbb1\xa20\xfd\x1a\xe1\xd5u\xdd\xe3\xdd\xaa\xbf\xf3\xee\x0f\x9df7\x8d\xed\x8a1\xddTG\xec\x8b\xf1\x8a\xdap\x16BP\xad\xdf9\x8f\xd3s\x91\xc9\xcc^\xed\x94\xb5J\x19\x87^\xc3\xed\xca\x9bo@\xfe\xf1\xb3a\xb2\x9a\xd2\xa9\xbfY3\xa9\x97\xd1Y\xf6\xfc\x1c\xd2\xea_\xdaO\xf4\xcf6\x8b8M\xf1/\xf6\xbbo\xa5\xc8\x94\xdf\x90|bXBWR}LB\x1c5E\x03\xf7\xe2z\xab\xd2Y\t!\xc9\xecI\x1c\xa4\xb2\xab\xb4h\x99O\xdcZ\x03\x8dk^\xc4\x1a%\x92\x7f\xa1\x1c\x10\x04\x998G\xcd\x9c\x89\xa5\xdf\xe5H\xe8,i|M\x7f\xcd\x04\x84\x07\xa4$6\x9c;\xd6\x07Vo9\x8e[\xd4\xcb\xdbA\xe9\xf4z\xe3\xf0\x06\xd3\xf2\x00p|\xd3\x1c\xee\xe6r\xc5\x8a\x02\xf0\x0f\xc7\x85\x1d+\xe5\xe1nTF\xd2\x8c5bd\x9bj\xcd4\x8b\x83\xd2\xcf)\xc45X\x88\x0b\x10\xcb\xedU\xbf@*\xe9\x83\xd1\xac6\xab\xc1\x0b\xed\xec\x8eE%\x92\xfbZ\xfas\xef\xb2\xf1\xee4\x94\xfe\x7f\xe4\xf6\xd1MV\x05=s\xc5|\x7f\xd7\xc2Qe\xd3~\xabZ(\x7fri_,q\xb6\xe9ry\xffjz\x81{\'\xb7\xdaI\x1e\'k\xbai\x19\xdf\xb9\x0e\x00L\xef\xdd\xf4S\xdc\xa5\xf4?6uGo\x1f\xddd$\x8e\xc88\xa0L\xca\xe5\x83\xb8dD\'\x9e\xcb\xd8\x90\xde\xc0\xd3\xbeo\xac=\xe5\xb7\x1b\xba\xa4\xd9\xf2\x0b\xc0K\x00\x90\xd5\x84\x04*\x8e\xd9y\xf1\x07\x16\x00\xf7B\xa7\xf5\xe7\xb8\xb0|\xfaX\xdc7\x0c]\xe5\xdbs\xech\xeb\x03\xc0\x85=\xcb\x05\x1a\x83\xf0c\xb3Gs\xbfC\x1c\xd0\xa4\xac;\x9aY;\x17\x8e\x14\x91E\xce\x1a\x06\x0b\x80\xfa4+\x9e\xe1\xda\x81u\x96\xea\x97B=-\xb5b\x84\xdf\xde\x85\x8e\xd2\xb8pZ\x8e\xab2~NNo_\xb8xDG\xe9\x8e\x8dg\xf1rF\r(K\xc8\xbf\x9a\x87J\xc3\x13\xd9\xa2\xf4\xd7L\xeam\xb3!\x8fR08\xcbU\x8b\x8f\xbc\t6\x1fc\xab\x1d\x90\xdf\xa0\xfc\xf9\x9e\xf8\x08\x9b\x8e\xe8\xed\x00\xf0\x8f\xc0\xbf\xe8H\xe8LQU\xd9\xc7\x9fZ\xca9\xbe}\x0f\x00\x16\r\xeb`\xe91\xd1\xca\xa8\x95L\xc1\xa1Z-\x98\x8f\x08\x81;\xc7\xb5\xc7\x01\xe0\xe1\xd9]\xec\xf5\x00\xc0\xf0VU\x08!w\x8em\x16f\\D\n\'rv\x15\xdd\xc3\xa1\xcf\xc8\xb6\xd5^\\; \xb2F\xfb\x7fL\x95,\xdf\t\xb1\x84\x83\x82\t\xec\x8ee)\xe1\x18\x9e\xbc\x00\x0e\xaf\x9f\xe9\\_V)S\xdc`\x1a\xb6\xb7\xa7n\xe1\xf0\x91\x99k\xcbC\\p\x92\x83X\x95\x99\xd4J:O\xd4[.\x9e\xd2\xb3\x11\x00x\xed\xb1\xc8J\xd5\xac\xac\x8f\x17]\xa81x\xf8\xf7\x8f_\x</t>
        </is>
      </c>
      <c r="E37" t="inlineStr">
        <is>
          <t>&lt;class 'numpy.ndarray'&gt;</t>
        </is>
      </c>
    </row>
    <row r="38">
      <c r="A38" s="1" t="n">
        <v>36</v>
      </c>
      <c r="B38" t="inlineStr">
        <is>
          <t>steps_per_sec</t>
        </is>
      </c>
      <c r="C38" t="n">
        <v>600</v>
      </c>
      <c r="D38" t="inlineStr">
        <is>
          <t>3.3690605</t>
        </is>
      </c>
      <c r="E38" t="inlineStr">
        <is>
          <t>&lt;class 'numpy.ndarray'&gt;</t>
        </is>
      </c>
    </row>
    <row r="39">
      <c r="A39" s="1" t="n">
        <v>37</v>
      </c>
      <c r="B39" t="inlineStr">
        <is>
          <t>Loss/object_center</t>
        </is>
      </c>
      <c r="C39" t="n">
        <v>600</v>
      </c>
      <c r="D39" t="inlineStr">
        <is>
          <t>0.4238057</t>
        </is>
      </c>
      <c r="E39" t="inlineStr">
        <is>
          <t>&lt;class 'numpy.ndarray'&gt;</t>
        </is>
      </c>
    </row>
    <row r="40">
      <c r="A40" s="1" t="n">
        <v>38</v>
      </c>
      <c r="B40" t="inlineStr">
        <is>
          <t>Loss/box/scale</t>
        </is>
      </c>
      <c r="C40" t="n">
        <v>600</v>
      </c>
      <c r="D40" t="inlineStr">
        <is>
          <t>0.111337006</t>
        </is>
      </c>
      <c r="E40" t="inlineStr">
        <is>
          <t>&lt;class 'numpy.ndarray'&gt;</t>
        </is>
      </c>
    </row>
    <row r="41">
      <c r="A41" s="1" t="n">
        <v>39</v>
      </c>
      <c r="B41" t="inlineStr">
        <is>
          <t>Loss/box/offset</t>
        </is>
      </c>
      <c r="C41" t="n">
        <v>600</v>
      </c>
      <c r="D41" t="inlineStr">
        <is>
          <t>0.21087162</t>
        </is>
      </c>
      <c r="E41" t="inlineStr">
        <is>
          <t>&lt;class 'numpy.ndarray'&gt;</t>
        </is>
      </c>
    </row>
    <row r="42">
      <c r="A42" s="1" t="n">
        <v>40</v>
      </c>
      <c r="B42" t="inlineStr">
        <is>
          <t>Loss/total_loss</t>
        </is>
      </c>
      <c r="C42" t="n">
        <v>600</v>
      </c>
      <c r="D42" t="inlineStr">
        <is>
          <t>0.74601436</t>
        </is>
      </c>
      <c r="E42" t="inlineStr">
        <is>
          <t>&lt;class 'numpy.ndarray'&gt;</t>
        </is>
      </c>
    </row>
    <row r="43">
      <c r="A43" s="1" t="n">
        <v>41</v>
      </c>
      <c r="B43" t="inlineStr">
        <is>
          <t>learning_rate</t>
        </is>
      </c>
      <c r="C43" t="n">
        <v>600</v>
      </c>
      <c r="D43" t="inlineStr">
        <is>
          <t>0.001</t>
        </is>
      </c>
      <c r="E43" t="inlineStr">
        <is>
          <t>&lt;class 'numpy.ndarray'&gt;</t>
        </is>
      </c>
    </row>
    <row r="44">
      <c r="A44" s="1" t="n">
        <v>42</v>
      </c>
      <c r="B44" t="inlineStr">
        <is>
          <t>train_input_images</t>
        </is>
      </c>
      <c r="C44" t="n">
        <v>600</v>
      </c>
      <c r="D44" t="inlineStr">
        <is>
          <t>[b'512' b'512'
 b'\x89PNG\r\n\x1a\n\x00\x00\x00\rIHDR\x00\x00\x02\x00\x00\x00\x02\x00\x08\x02\x00\x00\x00{\x1aC\xad\x00\x00 \x00IDATx\x9c\xec]e`\x1c\xd7\xd5\xbdb\xc9bffffff\xb0X\xb6dYf\x99\x99\x99!f;N\x0cq\xc8!;\xcc\xcc\xd4@\x93&amp;M\x9b4i\x9b\xafI\xdb$\xe5\xfb\xfdx\xda\xa7\xb7C;\x0b\x92\x9dX\xe7\xd7\xee\xec\xec\xcc\xec\xec\xbc\xf7.\x9c{.\xc0\x14\xa60\x85)La\nS\x98\xc2\x14\xa60\x85)La\nS\x98\xc2\x14\xa60\x85)La\nS\x98\xc2\x14\xa60\x85)La\nS\x98\xc2\x14\xa60\x85)La\nS\x98\xc2\x14\xa60\x85)La\nS\x98\xc2\x14\xa60\x85)La\nS\x98\xc2\x14\xa60\x85_6\x8e\xad\x9eY\xe0oi$\xf4\x91/\x80\x1e\x00* \xf8\xf5\x7f}\xf1\xca?~\xfb\xf2\xce\xb9-\xa3M9!F\xe0\xcc|T\x19\xe9\xec\xa0\xbcs\x9c\xcd\xd8\x0bk\x00[\xde\xa1R\x9c\xf4\x0e-\xebE\xc4\x07\x8e\xae\xcb\xf35G\xc4\xaf\xdf\xbc:\xab&lt;\x11\x11\xeb\xe3=\x9f:\xbf[\xf0\x1a\x1e9\xb3\xf5\xe2\xceQ\x00\xf8\xe0\xf1\xdb{\xf3"\xe8&gt;G\x96\xf7\x91\xcbN\xb0\x83\xad\xc3\r=y\xe1[\x86\xea\xe8\xb7F\xaaS\xdc\x00\x10\xb1%\xc5\x8fnDD\xfc\xf3{\x15\xe1\x8e\xe7\xb7/\x04\xc5\x0f\x0f2\x84\x15\xd3\x8b\x10\xd1\x17\xc0[\xe8n\x18\x00X\x00 \xa27\x80!@\xa0&gt; b\xaa\x8b\xfe\xf9\x1d\x0b\x07\x8ab\x02\xf5\x01\x00\xf4\x00\xac\x00\xaa"]jb\xdcBM \xdf\xd7\x02\xff\xef}z\x84\xd9\x95I\xc5A6\x15\x11NGW\x0e&lt;zf[\x8e\x97\x19\xd9\x1el\x08\x87\x97\xf5\x8a\xddyr\x19kz\xcb\xc9\xdbEM\xd9\x888\xb7&amp;\r\x11\xb7\xcfnDDc\x00\x00X\xd6V\xc0\xffn\x98)\xac\xec,&gt;\xb7e\x1e9H\x98\xe9\xf8GA\x06\x82g\x1b\x87\x17\xf3ZO\xc5\xbe\x90`\'\xb0\xb1*\xd2\x99\xb3\xa50\xc0J\xe2 \xfcGE&gt;\n\xfc\xa5\x8e\xac\x16\x8e\xac\xe8\xd7\xd5\xa1\xb4\x81\xa3v_\xdf8\xa3Z7\xd7\xa1k\x88=\xe7S\x98X\xc4Z\x8b~4\xaf6\xdd\x81L4?~\x9a\xe4 \xbc\x0f\x99A\xe2l\xa0+\'lfq,g\xb4\x99*\xbf\xd5\x03\x98Y\x12\x1bh\xa0\xf4\xf5c\xabg\xee\x98\xd3&lt;R\x95\x92\xe6j\xe0\t\x00\x00\xed\xe9\x81\xbe\x00\x7f\xf9\xe0ID&lt;\xbef\x90L\x87E\x816c_\xf9\xc3\x9bk\x15\xb3\x1e\x8bC\xcbz\xc9\x8b\\\x9fiw\xee[\x86\x88\x01z`\x0b\x90h\x0f\x88X\x13\xe3\x06\x00\xb5\xb1\xee\x00\xf0\xd1\x93\x17&gt;y\xf62\x00\xd4\xc4\xb8\xb1\x13\x14".\xef(\xdc6\xdcxl\xf5L\x00\xc0\xef?:\xb7e\x9e/\xc0=\x07W\xce\xabM7d~E\xa8\t|\xfe\xe2=\xe6\x00\x88\xe8\x0c\x10n6v\x1fv\xcfo;\xb2\xa2\x7f^m\xba=\x00"n\x99UO\xbeR\x19\xe1\x84\x88\xa1\xc6J\xe7\x9aS\x9dZ\x12l\xcb\xdeFD\x0c1\x86m\xc3\x8ddcC\x82W\xb6\x97)"\xfa\x0bM\xb4\xf7\x1dY\xfb\xf5\x9bW#\xc6\x16\x0b0\x00X\xdeQ\xe8\x05\x10b\x04\x00\xe0\x04\x00\x00F\x00\xf6\xccW,\x98\xb7\xf4O\xe8\xcd\x8fd\x0f+4c\x8f\x81],\x01 \xd5Y_|_)\x04\xf0\xbe\x17f*\xb4\xdf\x8d\nW\x1d\x1d\x07\xff\xfc\x9e\xe0v\xb1\xb1\xa6=\xe2l\xd4\x98g-d\x1f6F\x9dEv~]\xc6\xf2\x8e"\x17\xe5\x8d\x1d\x19AS\x0b\xc0\xf5\x81\x84A1\xab&lt;\xd1\x01\xe0\xf0\xb2^bb\x8b\xe1\xdc\x96yg6\x8e\xdc\xb2\xa2\xbf&gt;\xceC\xe5\xe9\xbe\xfb\xe8\xa9D\xe5\xe7;J\xe8A\x9bW\x9b\x0e\xbc\xf5\x83 \xdf\xcf\xb2,tl\x1e\x9b\x9e\x19LOY\x1fO\x96\x0f@\xc4\xbb\xf6-G\xc4\x05\xf5\x99\x8b\x9bs\x1b\x13\xbd\x11\xf1\xfc\x8e\x85\x00\xb0\xb0!\x0b\x00\x9c\x01\xdc\x00\x00\xe0\xcd\x07Of{\x8d\x9f\xe4\x87\xdf&lt;\x1fk\x03\xd5\xd1c\x03&lt;\xc9\x01:\xb3C\x97\xb5\x17\xae\xee.3\x03@\xfc\n\x11O\xad\x1f&amp;\x9f&gt;w\xc7\xfe\x9f&gt;\x7f\xd1\x17`IK\xde\x8e9\xcd\x00\x80?|\x8a\x88\xbb\xe6\xb5^\xdc9\xbay\xa8\x0e\x11\xf5\x15c\xc3Rqj\x82\xb6\xb4\x80\xcb{\x966\'\xfb&gt;t|\x03\xf9%\xe1f`\t\x00\x00\x91\xd3\xc6\x7f)\xfe\xfd\xd7\xb3\xca\x13\xbbr\xc2F\x9bs87\xe1\xf6m\x0b\x96w\x14\xbd\xf7\xe8\xb9\xe2 \xdb}\x8b\xa6\x93;\x9a\xeejX\x1e\xe6`\x02\x10l\x08\x00\xb0uV\xc3\xf9\xed\x0b\x0b\xfc-\x85\xee\xe2u\x83\xe0\xb4\xa2\xca\xeb\x90\x82J/D\x0e\xa8oz}\xf1\xd3g/\x82\xe2\xef\x9b h&lt;\xcf\xf2\x97m&gt;\xc2L\x00\x00,u\xf4\xa7La2\xc0\x8e=b\x84rLB&gt;\xf8\xffn\x8a\xf3\xf8\xb6\x04;@\xc4\x8d3j8\xfbP\xd3\x92cH\xaa\x0b7\x00{\x007\x80\x00}\xc8\xf40\x0e7\x85\xe6d_v\x87\xa5m\xf9\x8e\x00\x15\x11N\x9c\xb5-b\x1a\xac\xea*!\xaf\xc9\x8ci\xa3\xf8\xa8!\xc1\xcb\x12 \xdev\xdc\x96Y\xdeQ\xc4\xbf\xca\x8e\xcc`3\x80$G@\xc4\xb3\x9b\xe6 \xe2hS\x0e"n\x9b\xdd\x98\xe4\x00\xdd\xb9a\xf8\xef/\xee&gt;\xb0r\xf3`\x9d)\xc0\xd1\x95\x03\xeb\xfb+\x11\x11\xbf\xff\xd0\x13\xa0;7\x9c\x1e\'\xd5E\x9f?\x0eK\x82\xed\x00 \xd1~l\x14\x11|\xf0\xc4yG\x80`\xa1\x08\xdd\x8e9\xcd\xac\xa9H&amp;z\xe2\xd9\x08\xc2M\xf1B\x9b\xd9V\x03t\xe5\x84\x89}D\xdd\x17\x02w\xde\x0e\xf6\xcaoc\xad\xc1\x85\xb7\x8f\x044^\xfaN\xae\x1d\xa2~\x18\x07_\xbe\xf6@\xc44\xc1O\xd4@\x9c6Q-\xed0\xbbJy\xb4\xe8\x14\x97v/\xd1l\x81\xd1rN\x98\x82n\xe0\tP\x17\xeb~\xed\xe4&amp;\xc1O+#\x9c\x11\xd1\x0f\xa0%\xc5O\xfao^\xdd]\xea\xc0\x9bh\xa2\xcc\x01\x00\xc4\x03N\xaaq|\xcd }\xbdi\xb0\x96\xbe\x9e]\x95\xcc\xee\x96\xe7c\x9e\xede\xfa\xcf/^f76\'\xfb.i\xc9\xfb\xf4\xf9\xbbz\xf2\xc6&amp;\xe2\xd3\x1bf\x13\xe3?\xd1\x1e6\xce\xa8\xe6\xcf\xb1MI&gt;\xe4Ek\xaa?y\xb1gA\xfb\x8c\xe2\xd8U]%\xf4\xe7o\x1a\xacE\xc4m\xc3\x8d\x1d\x19A\x89\xf6\xf0\xe9sw.l\xccZ\xd6^\x90\xea\xac\xef\x0c\x80\x88\xaf\xdew\xac==\xf0\xb6\xad\xf39\x07\xef\xcc\x0ee\xdf\xe6\xfaL\x9bW\x9b\xde\x96\x16\xb0bz\xf1{\x8f\xdc\xba\xaa\xab\x94\xfd\x94\xbd\x93A\x06\x80\x7fz7\xc9\x01\x04M{\xf9\xbe\xf8\x07O\x9c\xe7o\xa4KO\x98)&lt;sq\x1f\xe7\xd3\xe3\xabg\xd2\xd7\xe6\xb2O\xc4\x01;\xf5\xcd,\x8e\x15\xdc\'\xd3},X\x16\xc0\xb358\x7f\x93\xb7\xe4\xa7|\xec\x18iV\xb5\x8b\x14~\xfd\xcc\x1d\x88H\x9e\x07\xc1\xf4\x86\x1cTE\xa9\xb5\x8a\xfd\x9c\xb0\xbc\xa3\x10$\xa3\x88,\xb4\x99\n4\x86\x9f\xb2)6\x05%\x84\x9a@Y\x98C\x81PF.\xcd\xc5\xa04d\xfc\x9f5\xe1\xef!\x04A_\x96u\x17X\x08\xce)\xb5\xb1\xee\xc44\x06\x807\x1f:E\xb7\xb3\xd1\xa14\xd7\xb1\x19rmo\xf9}G\xd6\x86\x9bB\xb6\xa7\xa9\'\xc0@a4\xdd\xc7\x07\xe0\xd0\xd2\x1e\xf2\xda\x11`\xfd@\xd5C\xc77\xc6X\x81\x11\x00\xe2\xdf\xd9\xc4&amp;\xff\xe2\x8b\x02\xad\x89\xd1\xf4\xd1\x93\x17\x10q\x1a@"c\x9an\x98Q\xcd\x1a\xaa\xfd\x85\xd1\xc4\xf3\x18*KHq\xd6\xc3?\xbe\xd3\x96\x1e\xd8\x92\xe2G\xf3\x01\x04\xb3+\x95\x16-\x00\xc8\xf24Y\xd2\x9a\x97\xeb3\r\x11\xe3m\xc1\r\xa0"\x82D\xf2\x01\x11\x07K\xe3\xe9\xbf\xb2\xac] \xafK \x7fj\xf1S\x15k\xe6\xaf\xf1WOl\x94}xQ\xb0\xff=I\xccp\x90h?\xbe\x8c\xa5\xbap\xe3\x0e\'\x18#@\x03p\xb3\xcf\xea\xa3+;\xd4\x19\xc0L\xf5\x8eJ\xe0\xafdb\x98Q\x14\xa3\xe6\xb1U#\xc3]\xe5\xca\xa8{Lh\xe4Q%U\x81\x80\x1fL\xbb}\xfb\x02\x9d_\xcc/\x1f\xee\x00\x88\xb8wa\x07\x00,l\xc8\xe2&lt;\xfd\x88\xff]P\x9f)\xf8ED\xf4T\xc4[X\x84\x18\xc3+\xf7\xdeB\xdf\xae\x98^\\\x1cd\xc3\xee\x10j\x0c~\x00\x8e\x00\x07\x16w\x91-e\xa1\xf6\xfc\xe9\x00\x00l\x14\xc1\x8d\xf7\x1e9\xf7\xe3g/\x90\x8d\xfc\'\xde\x12\x80\r\xf7\x7f\xf1\xf2\x15\xc4oi@\x9f\xc0\t\x80$\xb4\x05a\x00\x80\x88\x7fx\xf3*\x00x\x01$\xda+\x1d\x10x\x0bXs\xb2/Y\xb8hr"\xd0\x00\x8cA\n\x9ci\xe2\x1f\xbf}\xa9(\xc8\x06xs1\xc7\xec\xe5\x83\xae\x1c\xda \xc3\xdd\xc8F\xfb\xa3\xa8\x8ft7Cj^p|;`\xa2v\x1c\x0c\x95%L\xd8\x15M,\xae_4H\xc7\xf0\xd4\xe8[w\x1fX\xa9\xe3\xeb\x98\x82\xba\x08Q\xcc\x96b\\\x8c\xb2P{D\x14L\xdf\x11\x1e\x0b\xfe\xf5#\xc1/\x9a\x01 "\xc7\xbe\xc6\xbf\xfcj\xc3@\x15};\xaf6\x9d\xceh\x82\xc1n\x02\xbe\xc7-\xdf\xae\xb1\x01\xa8U\x18\x9b\xd4\x06$f\xe6\xe5\xbdK\x97\xb4\xe6\xfd\xe9\xddG\xcd\x01b,\xe1\xe4\xbaYb)\x90\xc8i*\xa6o\x16k{\xcb\xf5y\xf7sqK.?\xcc-\x01\xca6Q\x97mc,\xfeW\xca\x81\x84o&gt;9\x96\xe4\xd6\xe1\x06u\xbf\xa2AT\xc5\x0e`\xd3\xccZ\xd5\xfbMA\x08\xc4\x1c\x9cP\x90\x18\xac\xd6\t\x17%\xcc\xadI\xd3\xe9\xf1n\x0e\x10"M\xb6\x17\xd7\xf1\xa5\xc6\x8bD\xd4\xaf&amp;\xda\r\x11\xdb\xd2\x02\n\x03\xac\xb7\xce\xaa\x07\x80\x8e\x8c\xa0\xd7\x1f8\x01L\xe6G0\x14\xa0\x12=\xb9\xe1df\\1\xbdhzf0k&amp;s\x96\x9c\xcdL\x05\x80\x18"\xcd\xa13;\x14\xf1\xef\x13\x11\xa0\xe5xH\x9b\x07ke\xc6I\xcd5\xa5m\xd0\xb0\x18\x0b~x\xe1\xcf\xef=\xc6\xdf\xcd\x10 \xddU\x8a\x89"\x91j\xd6\x186\xcck\xf2\x9cq\x9cBiL\xcf\x0c\xd6\xe0\xa4Q\x16\x02\xee\xa9N\x908aT\xce\x1b\nW\x0e\xaf\xbe\xde\x97\xa0\x1e\xee\xdc\xb7\xecz_\xc2\xcf\x13\xaf\xdf\x7f\xc2\x1e\x80\x9f\xcc$pQ\xa69r\xd0\x93\x17A\xb9\x95\x00`#b\x9f\x86\x0bm-\x0c\x18\xb7G\xc5\xa6B2W\xb1\x11\x98&lt;\x1fs\x00X\xd7W)vI\x1c\x14\xf8[5\'\xfbfy\xcaLm\xc8\x02\'\x06J\xa3;\xea\xda\xe6\xc4\x0e\xa2\xee\x97\xaeRgi.\x06\x00\x90\xeb3\x8d\xb5\xb0|a\xcc\xcbiM\x0b\x90\xf8\xae\x86\xfc\x7f\xdd\x81\xef)\xd2\x8a\n\xb5\xd0_\x10\xa5\xf15\x88U\x03h\x9ff\xf8\x19\xa1&lt;l\x8cj\x17r\x1d\xb2\x0c\x9a B\xdd\xec\xcd\xcd\x00g\x00\xfc\xf6\xfd9\xd5)\x12\xfb\xd4\xc4\xb8\x15\x05\xd9\xe4\xf9\x8eO\xb3\x9e\nK\r\xff\xf9ya\x80\xd5\xc4M\ntV&amp;,{\xb1\xdd|\x00\xf6-\x9a\xceniV\x9f\xf0F\xcb\xcd\xc4\xd0\xa3\x1d\x85\xc0\x1d`Y{!\x7f\xbb\x84\xbd\xf8\x9f/_c\xdf\xe6\xf9\x9a\xeb\x84\xb4~j\xdd\xac\xe6d\xdfD{\xeev\xf6/\x9e\x04\x98h]\xda\xaa\r&amp;\x9a\x11\x1b/cU\xca\xf4\x90\x1fY\xbc\xe1\xf0\x8b\xe53\xddT \x96\xb5\x8f\xd0G\x82\xeb\xba!@\x8c\x15\xf4\x15\x8c\xc5\xcac\xac\xb8\xc6;"\xda0oe\xfa\xf2\xcf\xdd\xb1\x9f\xbc\xe8\xca\x0e\xcd\xf1\x16X\xa9WL/\xba}\xdb\x02\x00\xe8\x13\n\xd3\xc7\xdb\x02\xa7\x0e\xed\xe5{\x8e\xc89\xafJtd\x04\xb1oe\xe6\x1b\x05\x8b\xe2\x10Q\xc2U"P\x99L\xd3I\xa5\xe8\xe7/\xdd\x9b\xec\x04\xfc\xd0\x1b\xfd+\xc3\x7f\x89\xb6R\xae\x8f\xceB\xca|\x7fT\x83`\x9d\x9c\xea*\xcaB\x9e\xc2\x14t\x0fR\xf9\x95\xe1f\x94\xee6\x16\xf6\xf5\xe0\xcdA\xa1B\xa1\x11\xce4\x94\xec\x04[\x86\xea\x891#\x1dA\x16D\x8a\x93\x9eJ~n_~\xe4\xd9MsT\x1e\xaa8\xd86\xc3\xcd\x08\x84\n\x8b\xc4@\x8d\xdeh\x11\xf2\x1a\xe7\x86\x18\x00$kd\xb8\xba\x88,\xb4,Tr\xf9\x1de\x1cD%b\xac\xa06\xd6}uw\x99\xd8\x0eQ\xe6c\xe1&amp;\x95\xa4#\x9d`\xe2\xaa\x93n\x12Ld\xf9\xf0\x14~\xd1\xc8\xf40)V\x0e\xa1\xf2S\x94r\x1e/mT\x07\xa6\x01H\x84w8hM\xf5\xc7\x7f~.sg-\x836\xa2\x87\xcd\x8bx\xe7\xda\x19\xfev\x95u\xfc5\xd1RZ2\x15\xe1\x8e\x1cC\xd2L\xfc\xc6j\x16\xf8\xa6\xf0\x16"\xda\xb3x\xf8\xf4\x16\xbe\x1f\x90\xe6b\xa0+1\x1c\x16\x9a\xd0\x00&amp;\x122\xef\xec\xcc\x12\xe1Z6\xf9\x90_"p}1A\xd1\x1e\xb5xqS\x98\x10\x1c_3\xc8\x16y\xf1A\xdc\xe6\xeah\xd7i\x00\xc4\xb8\x96\x86\xf6\xb5\xf2|{P~d\xba\x84\xf7[4\xf0HT\x82\xc8\xe4q\xa8\xa8m\xca\xb9SAv\xd3`i\xbcZ\'2\x94\x8c-t\xe7\n\x0b-\xa8\x0c\xbbm\x9cY\xb3\xb6\xb7\\\xcb\x12\xfc\x1b\xca\xea\xd4\x99\xec\xa72\xa43.\xed\xe9\x81Z\x1e\x7f\xe7\x9c\x16-\x8f0\t\x98\nB\xdd,(\xf0\xb7$zd,\x99!\xdb\xd3\x14\x00\xd6\xf5UH\x7f\x97\xd8\x08\xf2E\x04\xf9\xa0a%D\xd4\xbe\x92\xd0\x18\xc0\x19`uO\x99\xcc\xc8/\x7f\xe5\x90\xc6\xca\xce\xe2\xeb.a\xa8M\xe4\xc4\x0b\xa0\x9f)\x96\xbe\xc9A\xff{\xf9|\x96\xd9\x95\xc9\xae&lt;\xc1\xa2\x9b\x047\x9a\xc8\xa0\x184V\xec\xb8\xd9\xd1\x988\x16\xfb\xad\x88p\xea\xce\t\x03\x80J\xa6\xbe\xf4\xc0\xe2.A\xe2\xd7\xe6A\xd5\x8c{\t\x10-\x11\x00\x88\xb1\x82@M)\x1a\xd3\x00\xb6\xcc\xaa\x7f\xeb\xa1S\x1f&gt;yayG\xe1\xc1\xa5=\xd7Nn\xd2\x8c\'\xce\x81\r\xefDEA6\xd7w\x1c\xe4\xfbZ\xb0LYu1\\\x91$g\xb7\xc8Ie\x06\xe9\x0c:\xa8\x87V\xe0\xbdG\xcf\xd1\xd7l\xe6\xd6\x1a \xceFT\xdd\xe4\xc6\x81\x96\xd7\x97\xa4\x9c\xf1\xba\xf1\x0b\xe8n*2\xaen 1\xdf\x06\x1b\x8e\xf9\xd7$\xf8{t\xe5\xc0\x1d{\x96\x12"9\x00&lt;t\\\x07\x121\x04,/[b-\xa1ba\x82@\xfc;"\xe2\xff\xbe\xdc5\xaf\xf5\xe1S[\x10\xf1\xb6\xad\xf39]\\8\xe1\x029t\xbd\x9b\x19\x13gEQ\xe9\xd3\x9f\xe3?@gE\xf2hM\xf2O\x98\xb8\xb6\x01\xd2hK\x0b\xd0m\xc5\xccD\xe0\x86\nN\xfe&lt;\x10\xc8\xd85d\xc0{\x02 \xe2\xfd\xb7\xac\xe3\xefLc\xdbF\x00\x1d\xba0\xae5\x83\xa0\xf5M\xe7z\x0e}\x13\x11\xb5\x94\x12\x9bL4$\x08*\xd4\xe9\x12\xd7\xf1\x8fcQ\x1b#\x90\x08\xfcy\xb5\x88\xe9/\x8c~\xe9\xee\xc3\xd7\xfb*&amp;\x10\xac\xc1\xf4\xcc\x85\xbd7\xb8\xbfc\xa2S\xe7\xef\xe6\xc5PY|\xb8)\x8cT%?qn\'\xff\xd3@\x03(\x0fs\x00-\xc2\xd0\x82d\x7f-Af\xff\xce\xecP\xaa"G6\x9e\\7k\xf7\xfc6D\x9c\x08\x06\x8b\x0e\xa1\xba\xa5\x8e\x16\x18P\x96\x82hN\xf6\x95O\xa6\xd2\th\xc6\x99o,{+/\xd8u2\x9a\x0b\xc9\xc7\xc4MX\x94\xef \xa8\xbd1\x11\xb8\xee\xb6mm\xac;\xe9\x804\x85_8\xea\xe3=I_\xc3-C\xf5l\x0c\xd0F\xf1\x02\x11\'\xb9\xbb\x88J\x90\x05\xe0\xb7/\xdd\xbb\x7fq\x97\xb5\xf2F\x82\x83K{\x00 \xd6Z\xb4\x9e\xeb\xfa&gt;\xdc\x82u\xa1\x87\x97\xf7\xe9\xe4\xe0\xc7o\x00\x07H\xf0\x81\x11\xac\xec\xd3\x15"u+\'v\x83!PF)\x99`KQ\xf9\xe0P\xc5n\xfc\x84\x87\x18&amp;\xb9\xca\xfd\xe7\x81\x01!\xfdq\xca\xfa"\x93\xe6\x92\x96&lt;\xf6SS\x85\xa1\xaa\x93\x91\xa5Y\x9a^_\x849\xce\xce\xf5,\x1b\x95n\xa4\x84W6\xadw\x13b\xe7\\M\xd8\x87\xdaP\xbc\xc83\xe3#\xf4\xd1\xbf\x7f?.w\xa1n\x1bw\xe9\x87pnM\xaa\xe0\x19u\x08u\x99`\xba\x9d&gt;+\xc2UW$:h\xa7\x0eKf|9+\xcd\x14~iX\xda\x96\x8f\x88$\xd4\xc3\xe2:\xca\x04H\x17\xa6\xb2\x0b\x00\xbb\xbd)\xc9\x87\xb3q\x86H;*\xddB\xba\xd2\xea:\xa2\'7\xfc\xfc\xf6\x85r\xf2\x88\xb7n\x9e\xab\xfd\xe98=\xce\x00`^]\xba\xf6\x87\x85\xeb]I\xc4o\xd7&lt;\x11`\xc3&gt;\xd7\xdd\xfc\xbe^\xb4\xd7\xa9\xa6\x917\x10\xc8L\xea\xc6\xb3\xa3\x0b\x03\xac\xe2l&amp;\xbb\xeb,\x0b\xb1\x05\x00\x00\xc2L\x94\x8c5\x7f=\xb9}\xcd&amp;\r*U_\xb4\xaf\xb0\xa3x\xf0\xd8\x86\xcb{\x96Fic\xd2\xab\t\xce?R\x1e\xee\x88\xf8\x97\x1bM\x08m\x9a\xee\x02n*\x91\xef7v\xf7%\xd4\x9f4\xa6\xb1\xf3[\xce\xb1 \x05\xde\x1f?}Ip\xa4PLh{z\x9d`jU\xd0\x01\xc4f\x15D\x14\xe4{\x05\x19\x00\xfe\xf1\x1d\x8ep&amp;9\x88f\xf4[\xda}W\'\x10[\x00hKH\n\x8e\x9e\xcf\x84&amp;`5\x06\x87\xed\xa7\xc3\x02\x1cNG\xb3\x89\x86\x90z\xda7\xbdy\x11:&lt;E\x96\xa7I],\xd7%x\xf1\xaeCj\x1d\xa4MD\n;\xc6\n@Y\n;\xd2\\\x8d\x1eA|\xa8\x0cu\xa9t/$,-A\xd7\xd3\x12\x00\xff\xf3\xfb\x10\xdeE#\xe2\xbb\x8f\xdc*}.\xdd\x0eR\xcd@:A\xdeh\xaa!?o\xd0z.\x03^\xa7\xdfY\xe5\x89\xc1F\xe0\x08\x10k=n\xad\xa48\xa9\xe1\x83\x8ai\xab\xf1\xa1e\xc1^Q\xa0\xcd\xcc\x928\xf2\x9a\xbf\x00\x98\x03l\x1fi\x92\xa8\x05\xeb/\x8c\xae\x8b\xf3\x98U.\x90\x16N\xe0y\xbc\xda\x8b\xa2\xc8\xa95\xa5$PV\xb1y\x92\xa7\xecI\x806\xd3J\xac\xb5\xac\xf8\x0f\x11/\xe1d\xd7e\xdeGR\x0eI8\x85\xe5a\x0e\xee\xa04\xe3\xeb\x0b\xadj\x13\xca\xdf\x95h\x99\xa7\x12b\xc6\xbe\x8f\xe2\xd3\xd3\x1bfk~\xf4\x1b\x15\xb1\xd6Jd\xf1_\xda\xf8\x99\x08H\xe7\xca\x11\xbf\x9b\xac\x0bQ\xc2?\xbfx\x99}\x9b\xc2#\xfa\xca\xefQW\xcb3\x12S\x9ct\xdcyn\x82\xa0\xd9\xe3\x1b\xcb\xab\x14\x9e\x84"\x031pR\x96\x95\x91\xce\x9b\x06e\x95\x95\n\xb6\xf2\xd0\x8c\x82\x1c1\r\xfe\xf4\xee\xa3\x9c\x8d\'\xd6\x0eq\\@\x1f\x80\xd7\xef?N\xdf\xfe\xee\xd5\xfb\x05c\x86b!\x14\x1d\xc6\xeb\x1e?\xb7\xa3!^\xb3\x9e\xbbcP\x18E\xff\x12\xdb\xc1\x06\x00\x11\x1f;\xbb]\xe2 \xc4\x9e\xab\x8a\x9c\xbc.\x00v\x00\xf2\x8b\xce\xa6\xc2A:\x83\x04Y\xde_\x0f\x12\xed\xa1=#P\xe2y\xd4ISr\x0e\xbez\xe3!\xce\x96\x1b3b#\x07\x82\xf2\xda\x1a@\xe6\x0c#\xd6\xc7\xed:\x82\x9d4\xb5Q\xe90RU\xf2#X\xec\x86\x88\xf7\x1c\\\xc5\xd9\xd8\x95\x13\xc6\x97&gt;-\xe3\xd1\x1f\xf8is\xc1B6{\xa6\xc8Y\x1b\xd0 |Wv\xa8\x06_\'9\x9eS\xeb\x87\xa9[\\\x13\xe3\xc6\xfa\xb4l\x90_:\x1fp]\x90\xec\xa8\x14\x1b\x08\xba\xd1X\xe7\xbf$\xc8\'\xf6\x10\x01[m\xda\xe9q\xa0\x01\xaf\xc0\xe7\xe7\xccG\xd6-X\x1d\x8b\xed#M\x00`\x04\xb0\xa4%\x8fD\x0bn\xcc!\xc3^\xf3\xce\xb9-\xda\x18\xb7\x82\x95\xea|\xd0\xa9\xad;\'Ll\x9a\xe3g\xb0\x04)g\xa1&amp;\xb2z$\xc8!h\xea\n\xd2\x83\x97eF\x88\x8d\x19\xfc\xf7\x17\xd2\x0b\x00[\xb6y}\xd9\x13\xbd\x13Y5r\xb3\x83f\x8e\xda\xd3\x03\xd3\x98&lt;\x92\xa5P\xd4\x85\x82\x88F\x0c*\xa2\xf0\xea\xa2*J\x96Si\xc3\xbc\xf6\x02\xc8\xf5\x99\xa6\x13\x8b\xe0\xba\xb7\xb5S+\xfd\x91\xe1n\xc4\xc9\xe1Q\x13)F\x91Ut\x03x\xf2\xb6]:QS\x98\x84vT\xda0)\xfb\n\xa2$\x94\xcc\xc5\x12K\xe4\xb1\xc1\xbf~,\xe7\x14T\x15Q\x0cj5\xaf\xd7\x00\x9caG\xeb$\x1e8\xba^p\x7f~n\x19\x95\xc1\xff\x8a\x838u\x82\x82\xd5=Lu\xd6S7\x13\xab\xbdn\xf6\x14&amp;\x04\xe5a\x0e\xaf^9&amp;\xb1\x83\x19@\xb6\x97i\x98),k/,\x0fw\xfc\xeb\xc7\xcf\xf0\xf7\x99]\x95&lt;\xab&lt;aQc\xb6f\xd7P\x18`%\x9d-Nq\xd6\xe3\x8c\xc3U]\xa5b\x1a\x98\xac\x8c\xa8\xca\xc74r\x1a\xf8\xc8\xeb\xccw\xe3@:~\x1fj\x02=y\x11\xbb\xe6*u\xd7\xd1 $7i\xee\x95\xcaE\xdcBR\x8f^\x90\xaa\xb8\xa8)G\xce\xa9\x13\xed\x05\xe4\xa4\x9c\x00\xb4\x11X\xe5\xe0\xc0\x92n]\x1d\x8a\xc0A\xfd\xd23\xce\x02P\x14\xc8\xfdu)\xcez\xf4S\x7f\x9d6\xce\x9c\xc2M\x01\x95}n\xa5\x111\r\xe6\xd7e\xb0[\xcc\x00\xfa\x14!\xa6\xd2\x10\xbb\x9ah7&gt;\xaf\xf9\xb5\xfb\x8f?\x7f\xf9\x00?7\xc0B\x90\xd8\xc3\xa24t\x02\xebZ&amp;\xe2\xd0\xa4._\xec\xc8\xd3\x00\xae\x9e\xd8H)[\x047Z\xcf)2cWKvF\x03\x80\xe2 \x1b\xce\xdc\x1e\xa8\x0f\x88\xff7AWE\xa0\x0f\xe0\x0e\xb0u\xb8A\xcb\xe3x\x00\x0c\x95%\\\xafz\xc9\xdf\xbet/\xfbV\xd0\x03@\xfc\x83\xe0&gt;\x93v\x91\x93\x89\x9f\x95\x81w\xf3\xa1R(i,\xe7Y\x8c\xb5\x86;\xf7-\x9b\x80+\xe2B\xbac\xda\r\x08\x1dRP&amp;\x1a5\xd1\xa2~\x1a??\xacr\xd9\xd0\t\xd4-\x1d\x10\x84\xb4h\xb9L\xd0L\x9bZ\x8b\xb8\xber`\xd3R\xb2@\x92@\xfa\xd3IS\x9e\xbeN\x12\xd7S\xb8\xae\xea\x0e\x88\xc8\x0f\\\xde\xb5o\xb9\xf6]\\\xf8,\x0euA\x0bj\xb4,\x8a\xf4\xe6\xf5\x93\xd1\x06\xa9\xce\xfa\xc3\x15\x89\xfc\xed\xf6\x00^\x93\xa5rq\xe3c\xa6FI\xa9\x9f\xc5\xd2i\xa3\xe6\xfet~\xef\xc8\x08\x12L\x8dh`\xfbo\x9cY\xa3\xeeW\x04\xc1\xc6vu\xe2\x82L\xad"\xea\xa1!\xc1\xcb\x06\xe0\xf9\xcb\x07\x93\xb4\xa0-hQ\xa1\xa2\x82\xd0\xc9\xb6&gt;\x9f\xd0\xf6[\x99\x1e&amp;\xa5\xa1\xf6\x82\xe2\x91.7@\xf7D\xb2F\x96\x84\xd8\r\x96\xc6\x89\xe5w-\x01\\\x006\xcd\xac\xd5\x95B\x8e6\x7f\xeb\xa4!Q$"\xc6O\x96\xa8U\xa9\xae\x15\xf1\xfe\x06C\x8c\xd5\xf8\x1a@\xa8b\x143Kb\x11\x91_,\xa2\x12\xdaL\xd6\xadB\xe5\xd6\xea\xb6\xcbV\x17[\x86\xea\'\xf4\xf8?W&lt;zf\x1b\x00\xfc\xfd\x93\xe7\x1e\xbfu\x07\xff\xd3\x99%q\tv\xe0\x08P\xac\x98\x88\xf7\x8fvr\x88\x11\xf9~\x16[fM\xd2\xcd\x9d\x88V\x0f\xc5A\xb6E\x816\tv\x10-\xae\x8d\xf3\xd2\xdd\x87Uf\x14t\x85\x89\x0e\xda\x9b*\x8f\xde\x1b9\xf2;%=\xaf1\xf4\x00\xe2x\x8d\x17\xf0\x9f\x9f\xd3\x95\xe0\xc5\xbb\x0e!\xa2\xb4*\x9fZ\x0bC\x14\xaf\x844H\xc4q\x16\x0c\xcak\xef\xaf\xb3\xc8\xf7\xb3\xb8s\xdfr\x1d\x1e\xf0\x97\x8cXk\xc0o\xdf\xe37\x99#\x0f\xca\xb5\x93\x9b\xe8?KfH\xd2\xfe\xc2\x04\xc6z\xc2\xac\xed-\xbf\xf1\xb5\xb6\xc3\xcd\xb4R\xa0&lt;\xb6z\xe6\x8d&lt;Q\xe6\xf9\x9a\x0b\xba\x05b\x01\r\xc1\xc2Z]A\xfbJ\xb7\x9fcOW\r\xd2Dy&gt;\xba\x195\x82E\xb0|\xcd\x9f\x1b\x01\x16\x8aj\x15\xfa\x96E\xf2T+\xafIF\xba\xabaq\xb0\xed4\x111\x10\xfc\xf1SD\xccp\x1f\x8b\x04\xec\x9e\xdfv\xef\xa1\xf1\x12J\xa3\x9fC\xf9\xf5\xf6\xd9M\x849S\x11\xee\xa8\xe5\x90h\xcf\xb8&gt;\\\xe6\x1bJ\xb5tT\x06\xc3\xd2A\xa7\xcd7\xea\xe3T\x07cz\xf3\xd5\x10\x95\x0b\x11\tl\xdd\xe8&amp;\x0c\x0f\x82\xe4z\r\x829\xf2Q\x1d\xe5\xa2\xf3\x06;/\\&gt;h\x02`\x0b`\x02\xb0\xb4-_\'\xc7d\xbb\xcb\xc5\xd9\xe8\xe4\x907\x19\x88\x81\xd8\x91\x11\xb4\xb6\xb7\x82n\xe4\xf3\x04\x8e\xae\x1c`\xdf\xeaJ\xe4@\xbe3\x18d jy\xf5(\x94&amp;e\xb2\xc2Ub\x9a\xfa\xedJ&amp;\x07\xdd\xb9\xe1\xa9\xda\xd5E\xcb,\xf8\x92\xb9\x80\x8eT\xa5\xe8\x90K\x1eg\xa3U\xee\x87o\xa3L\xfe_8As\xf2\xe6\xa1:\xfe\xc6Py\x7fRk\xaa\xbf`\x8f\x17Z\xd7Fso,\xa3\xec\xfb\x8f\x9e\xae\x8c\x94\xe5\x9e\xd9\x88\x7f$\xe8I\xebP\xe6\x16\x00\x0c\x99\xd6C7\xb2\xe3~C\x83\xc3c\xd3F\x1c|\xe2\x92\xb7\x1c{G\xa6\x00\x0b\xa7\xf8\xa88\xc8\xf6\xcd\x07O\xd2R\x83p\xf1\x1a\xdaI\xd4\xcf\x9f@\xf0\xed,\xed\tWZB\xe2\x7f\x0b\xd0\xd7\x8a\x82%\xbd\xb2\xdd\xe0\xdd\xe7\'\xaeJ%\xdd\x8d{S\x05[\x7f\xcb\x81\x8f:;\'O\xb0@\x06\xfd?i0\t\xf1\xc7\xa95`\xa20yr\'"`\x99K\xb6\x00w\xed_A^\xc7ZK\x05+8*\x92\x01\xfa\xc2Ag\xcet\xafw\x03\x87\xbc"\xcd\xd5\x96\xfd)\n\xb4\xa111D\x0cT\xe7\xfb\x93\xd6\x03\x1d\xb46\x9fu\x9bZ\x9c|\x904xy\x98\xdc\xa1f\xc6S7\xf1\x9c0+\x18\xbfy[]\xdbN\xf0J\xce\xefXH_\xeb\\\x9ae\xb8"I\x8ev\xd3\x144A\x82\x9d(\to\xa2\xc1\x97\x92\xdf8\xa3\x06\x00\x0cER\x88\x86\x00\xf3\xeb3\x88D\x17\xf7\x9b\n\x14\x07\xd9\x10\x97\x82\x98\x0f6\xbc\x1d\xf6-\x9a\xae\xc9\xb5\xdex\x98Y\x12\xe7\x00P\xa4\xf0\xf7?~\xfa\x92\x0e\x07I]\xdc\xe4I\xb5\xf2\xc5\xbd\x7fI\xc8p7"\x198v\x11;\xbbi\x8449\x00\x91(\xd0\x9d{\xb9\xd5\x91\x88\xdf\xeb\xfc\xdaR\x9c\xf4\xd4ZWHD\x81_\xba_\xaf\x9d\xd2\xb5 "\xcd\xb9F\x9e\x96\x1dG\xa6\xc0\xc5-+\x078\xfa\r78\x9a\x12\xbd}\x00.\xeeZ\xac\xcdA\xde\x7f\xec6\x1d]\xce8\xb4\x8c~&amp;9*5\xb12\x01\xe8\xc8\x08:\xb6j\x06\x7fO\x1f\xf1~&gt;\xfb\x16M\x9f\x8c\x12[!\x04\x19\xc0\xda\xder\x8d\xbf\xae\xbd\'rC\x92e\xc6\xf0\xc6\x03\'\xf6,hg\xb7\xb4\xa7\x07\xb2\xd3\xaet\xe6G\x83\xd5\xb15-\x80\xfd\x8e\xae"d\xfc \xde\x9a\x1e\xcd\xfft\r\xf0\xb3\xa8h\xb9\xfe\x18,\x8d\xff\xe4\xd9\xcb\x12;\x94\x86\xd8UE:\x93\xfcj\xba\xeb\r\xdf3T\x06B\x8dE\x05f\xc9\xd3\xcf\xb6\xa4 \x84"\x9d\x83O\xc0\xd5\x18\x11f\x80\x88\xa7\xd6\xcd\xe2l\xe7Ls\xd7\xab\xb5\xf7Dc2cS\x93\x00\xbe\xdem[z\x80\xcaGP\x9b\xa7\xc9\x0c\xe0\xad\x87N\x01@\xa6\x87\xb1\xca\x01\xaeM:\xfdg\'\xafrS`fI\x1c"\x96\x86\xdc\xb8\xf3\x83N\x82\x0b\xfd\x85\xd1\xac\xe3)\x16\xfe\xcep3r\x04\x18,\x8d\xd7\x92c3qX\xd6^\xc0\xd9\x92\xedi\xba\xb4-\xff\xb6\xad\xf3\x83\rU\xa8\x1a\xd4\xc5y\x90\x16(\x93o\x02O\x82\xca4\x07b\xc1\n^\xa5\xd4\xf5D\x8e\xb7\x99\xe0\x9c\xfb\x9f/_\x9b\xfc\x8b\x01\x91v\x087\x08\xe4\x90\xcc\xa6r\xbf\x9a\xa01\xc1K%\xcf\xcb\xfd\x06H\xffj\x83\xd6T\xff\xa3\xabf\xc8\xd7\x8a\xa1\xe1\x11\'\x00D\xe47\n\x96F\x94r6y\x12:\x10\x84\x99\x8c\xb3`U\xc2G\xcd\x83\xeb\xb0\x9f\xa4\x07\xc0\xfb\x8f\x9e[\xdd]\xf6\xb7_?KH\xc6\x12\xac\xedx;\x00\x80g/\xed\x93&gt;\xa6Z\x8c\xa6\x1b\xc7\x87mN\x16mp\xa9\x93\xaa\xbd\x9a\x98\xa9n\xeaSP\x07UQ.\x97\xf7.\x15\x1c\xed\xe6\x00\x1c\xcd\xe1\x89\x83;\x00\xfe\xfb\x0b\x9d\x1cjnM\x1a\xfb6\xdaRi\xfc\x8b\x19\xc2\xe6\xca\xb2b\x99\x1e\xc6\x9a\x05\x82\xa8\x13\xa1C\x8e|\xf4\x84\xaa#M0\xf0\xa7\xdf \xe2\xf3w\x1cP\xda\xf8\x8f\xcf\xff\xf2\xc1\x93\x13m\xbb\xd1\xb9\xd0\x03`ve\xd2\x84\x9e\xeb\x06A\xa6\xc7\x84{z\xd4c\x90\x0e\xc3\xfd\xf0\xe9\xf3\x1b\x06\xaatr\xc6\xd1\xa6\x1cr.~;O\xda1p\xca\x0f\x90\x85\x81\xa2\x18\xfe\xdf6\\qC\x8c\x8d\x07\x8fmP\xf7+2C6\x88\xd8W\xa0\xa2\xc3\x1ca\x9a\xb2\x06\xda\xb5\x93\x9b\xd4\xbd\x1e\x95\xd0\xcc\xc8\xeb\xcc\na\xdfN\xf2\xb3N\xcb\xe2\xe4{\x1b\x14r\xd4\x89\xc5\xbe\xab[U\xaf\x9f\xd1\x04\xd1\x94\xe4#3\xaf\xcb:R\xb4\x92\x9f\x05\xbf\xf0"\xcd\xc5\xa0\\\x992{\xcb\xca\x01\x89\x9a\x98\x1b\x19\xac\xd9\x9a\xe2\xac\xa7\xc3\x1c\xdbM\x04Nd\\\x1f\xa0S\xa3\xce\xd478\xe8\xb3\xc2\xca\x90\xcc\xaeL:\xc3\x13\xc6\xa0\xe8\xd3]?d\x00\xb8\xe7\xe0*AqD9`\x87\xb1\xca\x89\xe1\xc6i\x8b\x81\xff\xfb\x92L\xf1\x7f\xfb\xf5\xb3\xa2\xfbh\xd1\x9fD\xad\x10\xdd\x84j\'L\x04\xc4\xfa/\xb1\x91F\r*\xfb&amp;\xc1\xa7g\xb5XVv\x96L\xf4\xe9\x08\xf2|\x7f\x19\xe5\x9b\x13\t\xc1\xf2\xf1\xc5-y\xe4\x05\x1d!\x93\x9c-\xcc\xf6\x126?L\x14\xfe\xac\xba\x823\xf9~\xa2\x11\x13~\x9d\xb3\xca(\x8f\xa9\xech\xf8\x04\xcd0\xce\x8aTX\x9a\xab\x81\x95rj\xc1J\xa7\xed\x07t\x0e\xb6?\x89\x18\x93\x04\xff\xf1\x19"\xbet\xf7\xe1I\xbd\xb2\x9f\x03^\xbcK\xe9\x9et\xe7\x86\xcb\xfcb\x89*\xe2\xcd\xcfN\ri\n\xdaBbN\xb4a^O\xf4\x1a\xaa\xee*\xed\x01\xb0}v\xa3\xfc\xfd\xc9\x93-Fu\x8f\xb5V{\x8enK\x0f\x90o\xb6\xdfsp%}\xcd\x06+Y\x9f\x835\x8eH\x82]\xd0\x88[\xd6\xc6\xa5\xfd\x80.Z\x18N2P\x19\x12\xfb\xbcx\xa7\x0e\x9as\xc9G\xfcue\x05I\x9c\xdc\x15\xa0N\x11\xfc\xb9rx\x8d\xe0&gt;\xdas\xd58ih-\xa59\x07\x8ab\xb4;\x80Vp\x00X\xd3S\x06\x00\x8f\x9d\xdd~\x1d/\xe3F\x07\x99\x19\x05\x03\xd0\x95\x11N[e\xab\xfc\xeb\xaa\xceB~v\x15\xf1\'\xcdN\xe1#\xfe\xd1D\xbb8\x1e\x8are\x82,\x0f\xa5H,?\x91E@:\x14\xd2\xf5&amp;\xd5\x99\x1b\xcb\x91SJ\xc6?6\xdf\xf4^\xdf\xaf\x9b\xd4\x9c4\xee;\xb2Vz\x01 \\ \x89\xe5A-\xd5\n9hH\xd0!\xb3i\xa2pdE?\x19\x1dl|_\x87\r\x9f\xb5\x91\xe0\xbeq\x8a\xe9b\x98\xc7ZW\xa9\xe6\x9b\x116\x00\xa1\xc6\x02sDQ\xa0\xcd\xd5\x13\x9b8O]\xa0\x01 ~}I\xbb"[\r\xf0\xb7OD#\xc8\x12\xb0\xd3\x05\xf9/\xcb\xd3De\x84z\xc3\x8cj\xce\x96\x93\xebf\xb1\x12\xf0\x12\xbc\xbc\xc5-\xb9\xf45\x1b\x9c\xb5\xe2\x05\xb8\xadA\xc3V\xe9|6\xea}G\x84MK\xdd\xa2:\xcaUp\x01X\xdf_\xe9\xcas\x0e&amp;?C\x8b_\xbf5\t\x84\x19u!\xf6\xa8\xdcPR\xe1\x9a\x81\x93\xa0\x8d\xd1\x9dXk\xc0\x8d\x93\xf5\xfa\xb9 \xc8\x00\x02\xf4`^m\x9a\xf4n\x9b\x06k\'\xe7z\xa4\xa1\x99z\xc1\xc2\xc6l\x1d\x121\xdb\xc4\x03A\xfc:\x1a\xb1\xe9\xcc\x07\xc0T9U\xc0\x8e\x02D\xa4\x93\xb5`\x94\xb6,\xcc\xe1\xc1c\x1b\xe6\xd7+)s\x0c\x95\x8d\xf7/[\xd6^@\xd4\x1f\x8dn\x80\x9e\xb7v\xca\x14 N\xf0\r\x11o\xdf\xb6@z\x01\xd0\x95\xea8\xbd\x9e\x9f#\x10\xf1\xc6)b\x90\x00~\xf3\x966_\xb7\x00X\xdc\x92K\x82Q\xf5\xf1\x9e\xf3jE{:\x91\x1e\x00\xec\x9c\xe0\xa4L%\x90)\x94}saU\xd7X.~]_\xe5\xa3g\xb6\xf5\xe6Gp&amp;\xc7-\xb3\xeaWv\x16O\xdc\x05h\xec\xc2\xf2\xab\xe4e"\xcaBx\x1a\xd5a3"\x7f\x91_ui\xd7\xe2\xb7\xaf\x9d\x91\x8e`\xa8\xf5\xbbh\xe3\x8bXk\xa5\xdaz}eK\n\x11\xe3\xed\xc0\x00\xc0\x1a`]_\xa5\x1a\'\xd0\x1a)\xcez\xfc%G\xc2\xb4\'2\xf4t\xf6\xbfu\xf3\xdc\t\xbe@\xa8\x8e\x9a\x84\xca\xbc1h3\x05qV\xca[V\xf4\xebJD\x8d\xff\xb4J\xcc\xb3\x93\x0f\xba\xde\x1f_3\xc8\xd6\x9f\x1a\x01\xd0\xe6\x04=\xb9\xe1\xeb\xfb+\x01\x80\xca\xe4\x11\x94\x86\xd8\x89\xe9_M\x01\x80\xb1I\x174d\n6\x88\x80\t\xee\xcf\xb7{~\xdbD\x1e^\xc7\x10\xb4\x16\xe5s\'\xaa\xa3]\x0b\xfc-u\xa8W\xc3\xa6\rX\xca\xd4\x1f\xde\xbc:y\xb3\x9aF\x90\x0e\xef\x8cM\xff\xda\x19\x8f\xda\xe0gQ\xe8\xfe\xcc\xc5\xbd\xb3\xca\x13\xd9-\xeaNu\x93\xad\xc8\xa1\x0b\x08\x965\xd4D\xbb\xbep\xe7A\x95U\x0b7\xae\xc4\xcd\xf5\x82\xba\r1\x06\x8a\xa2e\xb6t`\' \rZ}.h\xc8\x94\xde\xc1\x1a\xe0\xb6\xad\xf3\xd4&gt;.\x83\xc9\x0f\x86\x10\xde\xaa\xceY\xa1\xa6\x00\x11\xd3&amp;\xa4\xf5\xdd\xc4\xc9:?\x7f\xf9\x80\xca\x05\xe0\xc0\x92n\xf2\xb6)\xc9\x87\xdfp\\\xb7\xe8\xcc\nQ7\xfa\xcc\xaa\x04N2\x1e:\xbe\xf1z\x9dz\xa2\x11\xa8/@s\xd0!&amp;4\x9e\xf1\x0b\xc1A\xc5\xc0\xa3\xf8\xe1\xd3\xe7\x8f\xae\x1c\xf8\xe3;\x8f\x14\xf8[j\x96[\'\x0b\r\xed3\'\x8d\xeah\xd5\xe1\xfd4W\x83\xe7\xee\xd8/\xff\x02hg;2\xa9I\xcf\xc2\x8d\x89\xde;\xe7\xb6\xc8?\xb8\xae\xb0b\xfa\xd8\xd3\xa9nuR\x94\x05\x18\x01\xa4\xb9\x08\xfb\x16\x88(g\xb5\x9b|\xa7\x01\x11\x176dq\xa2^d\xf6/\x0c\x90\x9a\x8f[R\xfcVL/\xe2llM\xf5\xd7\xa6\x17\xf1\xca\xce\x12\xc1.\xbb:\x81\xa0\xed\xa9\xab\x1e\xe8\xc4&amp;\x93\xdf4\xe6\xe7\x02\x1d\xf6\x1a\xc1\xff\xfc\x0e\x84\xfa\xa0M\x81\x0b\x7f\x80m\xb3\x1b#\x94\'\x8c\x9ds[\x9a\x92|\xda\xd3\x03\xcbB\xed\x97\xed\xe1\x91\x0b\x00\x00 \x00IDAT\xb6\xe5\x8b\x05\x8b\xd8\x83\xa8\x8bu}\x15*\')\xed\x1fp\x17\x807\x1e8\xc1\x12\xf3u\x0b\x1a#\x12{t\xb5\x7f\x04\xa9\x0bl\x0e\x90\xe1fD\xa7\xc9&lt;\x1fs\xb1\xdb\x1ed\xa8\x89\xb0\xbbX\xf3t\xdd\x82O\xfb\x91s\x8b\x8e\xad\x9e)\xb8]\x9b\xc6\xa5\xda\xd0O\xfa\x0b\xa3\xe9l\x95($&lt;0\xd1s\xb3\xbb*\x8f\xc4\x13`UW\xe9\x04_\x85\x8e\xd1\x94\xe4\xa3\xae\x0fj\xa5L\x7f\x98\x82\xda\xe0dQ\xf8\x98U\x9e(\xd1\xf2)\xd8\x08r\xbc\xe4\n\xdb\xd8\x03L\xcf\x1a/w\xd2\xad\xee\x88X\xeabB\xbb\x92\xea\xd67\x8f\x12*\x8fK\xb0\x87\x93\xcar\xff\x12rf\r\xbak\xb7\xa4\xcd\xdc*\x07\x88\xc8\xaf\x02\x11\xd3\xb0\\\xdd]*V(N\xa12\xfb\'SI/i\xc2\x1e\x18\x1d\x1eX\xa5M\x06\xbc\xc2\xf5\x1e^\t\xb1\xaeH\xb7$m{\xdb\xd6\xf9:9\x9a\xba\xf0\x01\xa8\x8b\x9d\xbc\x9et\xbf(\xb0}\x16%\x18\x0b\x12\x8bD\x90\xd04\x81\x88b\xbe\xf96u\nz\td\x0e\x1b\xb1\xe9a\xa4*e\xd2r_V\x00\xa7\xd7\x0fOW\x96lS\t\xda\x8f\x81\x0eH\xb1\xd1\x8d\xdf}0\xd1\x9d\xbcjd\x84\xe3&amp;\x0e\xfc\xb8\xfc\x8c\xe2X\x00hO\x0f\xe4\xe4&lt;\xf8r\xca\xf7\x1dYK^L\x90\xca\r\xeb\xb0^\x97B2\xf6\x02\xe6\xd5\xc9\xe2\xed\xf0\xfb/R"\xcd\x8d\x03\x8e\xb8\xc5\xd2\xb6|\xb1==\x008i\xf0)h\x8e]\xf3Z\xd9\xa0[\xb2#Ti\xc4\x90\x93P6\xbfa1\x11\x06\x83f\x1a\x84\xf6 \xd5\xce\x9e@\x1b}\xf8\xbb\xf6-Wk\xff\x896\xfcY\xb4g\x04\x81\xb2\xaa\xdd\xeann\xd4\x82\x06\x88\xd8,\xc9\xf4\xcc`A6\xe7\x97\xaf?\x08\xd75[+\x8d\x91\xea\x14\x9d\x94\xd4\xc8|z\x17\xd4\xab V\xdc\x80\xd0\xc0)\xb9vj\xf3D\\\xc9/\x1c\xa9.\xfa\xacK\xa8\x8d~j\x8a\x93\x9e`\xcd\x05]N\xfa\x14-\x18#\xccd\x11\xb34H\x05\xc9W\x0b\xe8\xce\t\xe3o\x0c3UM\xd9\x16#\xfb\xcb\xc7PYB\xaa\x8b&gt;\xf0\xb8X\x12\xde\xbc6\xd6\xda\x8d\xdc\xe0\x89\x80\xef\xb4uf\x87\x14\x05\xda\xb0[(+|\xf7\xfc6\xfc\xe93\xea\x07\x08:\x98\x9e\x93\xd2z\xd0\x9dq\xda\xd4\x82\xf6\xcc&amp;\x8e\x80\xb3|h\xd9\x89Z\x0c&gt;\x8a\x17\xda\x17]\xc9\xfc\xdb\xf6\x8fvr\xb6&lt;{\x91\xdb2\x88&lt;$\xc3\x15IO\x9c\xdb\xa9\xf5u\xdd\x1c\xe0\'\xc4\xd4\x9a&gt;\x88\xee`\x8e\xb7\x92\xa9J\x02/\x9eL\x0c\'\xd8P\xc7\x19\x1b\x99\xd3&gt;\xff\xe9\xb4\xe5\x91(T\xce\xef2\xfb4\xe9\xf3^\xc8\x84\xf3\xcf\xd3\x97\xd2\x12\xac\xc5\x17n\x06\x0f\x1d\xdf8\xda\x9c#\xb8\xa7\x03\x00"\xce\xaeL\x06\x8dfR\xb5\xe2\xef\x1c\x0fBb\xd2\xed\xcb\x8f\x9cLMM\x1dj\x01\xe9\x04\x13\xd4\xa0(\xcb\xc3\x84\x95\xc0\x93\x8e\xe8\xa5\xb9LI@h\x8d\xde|\xf5Z|p\x86\x04\xf9\x078\x11\xa4\x83K{8\xdf\xd2\xd27\x17\x94\x04\xd8&lt;X\xc7\xd9\xe2\x05 \x96\t\xcd\xf6\x1c7:;eD\xea9&lt;%\xf9\xe1\x91\xfe\xc2hJ\xf1\x94\x89\x17\xef:$\x98\xe7\x14S\xac\xa4\x8af\x8d\x89\x13h\xebkC\\\\\xd3SN_\xcb)x\xee\xcb\x8f\xfc\xe7\x17/\xb3A^\x0e7\xb71\xd1;Aa(rR\xb5\x93/"\x04\x00\xcb\xda\x0b\xf9\x1b\xef&gt;\xb0B\xe3\x03Nh\xa9\x8a\x0e[D\x92\x14\xf4\xbeE\xd3\x8d\xd4?,\xe7\x8f\x9b\x06`\xc8[H\x92\x1c\xa4\xfe\xd0\xf5\xfdU\xdf\xbc\xfd\xf0\x99\x8d#\xe4\xed\xcf\xb4\x89\xcd\x8d\x82x[Y\xc1\r\xc1z&lt;\x8e\xd7\xc6\xf7\x8a9[\xd4J/r\x9e\x89D\x07\x08\x93\xb7|,\xa8\xcf\xd4\xc0N\xd2 \xce.\x87\x89!\x1f\xbf}\xf9^\xcd\xbe8\xa386\xd7\xe7:K\xbb\xcb\x89J\xb3\xcd\xad\xc4\xfc}N\\\x7fr\x98\xa9|h\xd3P\x97]\xaf\'\xd4^\xa7\xba *1\xab|\x02\x89\x92\xec_/\xd8\xe3^\x1a\xd1\x96\xc0\xef\xb9\x9dh\x0f\x88\xa8\x99C\xec\xaei6n\nc \xf4\xe1\xc3\xcbzY}.v@\xb0\x7fyS\x92\x8f\xb4\xf1\xc5\x927\x8e\xae\x9a\xa1\xcb\x0b\xd5\x1a\x82\xcf\xd7-+\xfa#ta\x89ELS]\xde\xccB0\x8f"\xa7q\x02\x91A\x9f\x04\x90\xd9X\xb3\xa5&amp;\xdf\xcfR\xe7kTo^\x84\xfc\x1c\xc9u\x94\x80\xbe\xf1\x931*!\xdfs\xe7\x98\x02d\xdeH\x10Z\xf05K\xaa\xf1G\x04\xedd5\x05\xd5\xc8\xf1\x9e\x06\x92\x12\xf9y\xbe\xe6\xfcR\x1d\x02\xea\x9bW\x84\x8f\x07\x06\xe4W\xe7jSw\xea!\x940\x94c\xb3\xf7\xe4E\xc4XA\xc4\xb4\xeb#\x8ai\x0c\xd0\x92\xe2\'\xe8\xf7\x18\x89,?r@\x1d\x0f\x99\xf6qk\xaa\xcex\xb0\xda8=\x82V\x7f\xaa\x16\x01\\\xd6\xf2\xd0!wI\xe3\xea\xe2l/3\xce\xf4W\x12l\xcb:\x04\xf2+f$ \xe8\x8b\xeb\x10\x82-:\x9e\xbcm,\x9bZ\x1cd\xa3\xab\x13E[\xea\xf2_\x9b\x82,H\xcf\x04\xb1\xd6\xe3\x85\x9a&gt;\x00\xc0\xc4a\x04\xd5z\xc9\x9c\xbe{~\xdbHU\x8a\xae\xafTmL\xa8\xf0S\x9e\xaf\xb9\xf4|]\x180\xe1\xadf\xa3-e\xady\x1bgTs\xc4U\x96w\x14\x82\xfaIiR\xe0\xaa\x96F\x85\xa0\xa1GQ\x11\xae^!\x94\x8f\xaa\x1d\x165e\xb3?J\x87\x16\xbe+@\xba\x9b\xa1\x84k\x9b`\x07KZ\x05\x0cO\xe9\xaa\xc3\xbd\x0b;\x04\xb7\x93{,X\x06\xf8\x0b\x86 \x1fO%\x10Q\x87\x8b\xd0M\x8a\xf20GV\xa5\x87\xb8\xa8\xfd\x85\xd1t\x96\x17d6&lt;{i\x1f"\xbep\xf9`\xb8)7\x0e -\xb1;\xb7&amp;\x95\xbc0\x11o\xfc;\x11(\nT={IdP5\xab\xdbT\xd9\xab\x1d&amp; 4L\x1cm20\xf8\xc3\x83M}\xcb\x81\t\x80\x99v\xb6\xb9N\xa0AU\x8a\x1cu\x07\t\xab\xf3\xe2\xceQ\xd6\xe5\x9dW\x9b\xa6\xee\xe3\xca/\xbcb\xf1\xf0\xa9-j\x1dM\x1a\xd7\xbd\xd3\x83\x96\xc0\x1f&gt;\xe1l\xa1\xf6CE\x84(\xf9\x80]\x95\x7f\x06}\xddn4P\xee#\xb5\x973\xdc\x8d\xc83\xcb&gt;\xfab\x9c\r\xd2\xb9[\xdd\x93\xd2\x89\xd8[\xde\xa4,\x01\x89\'\x83\xc5D\xc8?\xc8\x1co\x7f|\xe7\x11\xf6m\x9c\r\xb70\x95M0v\xe7\x84\t\xa6O\xe5w\xca\x9c|LN\xdfv\x17\x80\xcb{\x97\xc9\x1c\xe1\xfbG\xbb\x92\x1c4\x8f\'\xd0\x87\x05\x7f\xf8\x14\x00HF\xdd\x84\x8c\x88\xbfs\'\xa9I\x03\xd1\xe8w\x06\xd89g\x9c\n\xb5\xb6\xb7b2\x9f\x8d[7\xcd\x19\xae\x90Uy\xab=!\x82\xd6\x03K\xb4oz\xe9\xee\xc3skTt\xaf\x1a*K\x90^\x86oj\xf4\xe6\x8d\xd3=\x89\xa9\xe8\xa90Z\xd9\x05@\xccD5\x96\xc1\xb7\x1b\xae\x10U\xaa\x01\x80\x93k\x87ZR4\x7f\x86o\x84X\x93f\xd0W\xd3\xa4e\xa73\x1f\x8d\xce(S[\xd1\x1d@B\xeb\x89\x8fGNo\x99\x9c\xe1%\xc6\x19\xf3\x11\xda\xd8\x96\x16P\xaf\xce\xaf\xe0\x03\x11\xf1\xcf\xefq\xf2%c\x0e\xb1\x8e\x8cm_\x91\x92\x02\x8d3\x03\xb4\x0bi\xa8\t\xb7\xd4+V\x17\xad\x16_\xbf\xff\xf8\xc9\xb5C:8\x90\x9a\x10ca\xbc\xf9\xd0)D\xe4hEP\xa1\x1a\x07\xf5\x9d\xdd\x9b\x0e\x94&lt;KP\x1b\xebn\xae\xc8%\xb2\x0b\xc0\xe7/\xdd\xcb\xe1\x96\xd0y\x1f\x11\xbf\xfb\xf0)\xb1\xe3\xd7\xc4\xb891\xe1\xe6\xa9\x04=E\x8a\x93p\x9e@\x87}\xeb8!\xf8\x07\x8fmP\xf9\x15\xb2Fl\x1fi\xa2[T\xf2=Vu\x95\xc4\xdb\xea\x92i7A\xc5Dr@\x95\xac\x1e?\xb7\x83\x9f\xe2\xa2\xc3\xe1\xa1\xe3\xaa\xef$\xc1u\xe1\x1f\xb2B\xd9*\xb5\xf5\xa9m\x97\xe4\x08\x03\x85\xd1\x1a\x9dNV\x81\x8bZD\xda\xc8ip|\xcd \x00\x04\x19B\x8a\xb3z!R\x1dv\x15\xfe\xe5\x83\xf3\x88\xb7\xa4\xf8Q;\x91\xc3\xf9a\x83(\x86\x00\xdf\x7f\xf44\x00\x18\x01\xe0??\xdf2\xab^\xfa,\xa4\\S{\xe8&lt;V.\'@\xcf\x81N\xbay\xd5\xc6\xba\x0b\x8e\x07\x8d\x0f\xce\xbf3i.\x06F\x9a\n\xac\xb2\x1e\xd9\xdf?yN\xc3k\x9a\\\xb0\x8b\x96\xf68\xbf}!y\xec\xcd\x00\x10\x91L\xa2\xd9^\xa6d\xa3\xf4\xf3\x9c\xe1n\xc4\'\x08\x84LVC\xdac&lt;j\xf5\r"\x84\xa4\x16\x95\xca@(\xb4\xa0\xbd\xdf\xa5\x99\xb8\xd9/\x19\xdf\xbc\xfd0\xdby\x83%\xe9s\x16\x00\xf6[\xee\x00\x83\xa5\xf1\x00\x10d\x00\x88(X\xac?9E\xea$s\xad\x92\xfd\xcd7*\x9d&amp;\x9e?\'\x06O\x80\xc2\x00+]\x91\x84\xa8\n\rg\xd2\x89\xb3\xd1\xaa|\x89\xe2\xcc\xc6\x919\xd5\xa9\xda\x1fGc\xb8\xc8\xa3\xb7\n\x86"5\xd6k\xb2\x11iZ\x89\x88|\xf9\xb6\xda\x18wV35\xc2Ln\xe4a\xb49W\xc3\xeb\x9b,\x94\x04\xab\xa7\xa4D\x1a\xf3\xb2 \xc9\x80=\x0b\xdae\x1e!\xd4\x98\xeb6E+F\xef\xe6\xa1:\x00\x88\xb6P\x9b0M\x15\x07\xf0\xa7\xcf\xd4\xfc\xeaM\x8c\x0f\x9f\xbc@\xc6\xc0\xdf~\xfd\xec\xa2\xa6l\xf6#o\xe5\x10\x10Q^Kr\xd4\xb1\xb4\xac\xcc\x04/\x07N\x00\xd6\x0c\xfdCL8a\x82 \x18\xbe\xe0\x8c\xa1\xee\xdcpzUN\xba&amp;ol\x1bn\x00\x80\xe9\x99\xc1\x82\x9fjC;\xbf\x8e\n\xeb\xd7\x85\x0f\x89\xf87\xfe\x020\xbf.C\xb3\xd4\x82\xe0R\x1ch\x00\x7fz\xf7\x11\xb5F\x8dN\xc2\x1b\xd2\xc6\xc7\xa4\xddm\xbe5\x1eh\x00\x88\xf8\xebg\xee\xe0\xef,\xb6\x10\x91\xbbg\x0e0\\\x91t`q\x97\xe0&gt;\xbf\xb4Ni:\x04q\x9c\xa3\x85\xe6\xad\xfboYG\x16\x80ZqC\x12\xf1{:H\xae\x1c^\xb3\xac\xbd@lO6%\xd5/\x14j\x0c6\x04w\xe5\x86\x04\x14\x0b\x1b\xb2\xc4\x0eK\xd0\x9e\x11\xb4}v\x93\xce\xfd\xbb\xe6d\xdf4\x17\x83^\x85v)\x0b\xb5\xd2\xd6|\xa9H\x9d\x08T\x16\x05Z\xf3{@\xfe\xfa\x99;\xf8&lt;V\xaa\xcaw\xc32\x05oL\x9a\x13\xe2\x0fl\x04]\x9b\x80~\x7fa\x14\xdf\x14\xc9\xf62U\xb7*\xd8K#\x05-\x95\xa2)\xf4g\xde\x98\x01t\xc1\xc7\x83\xdc:R\xab\xd4\x99\x1d*]t2\x05a\x90\xc0\xdc\xc1\xa5=l\x9e\xbd\xbf *\xd6\x1a\x82\r\xa1,\xd4\x1e\x11\xc5\xa8\xf1\x9e\x00\x88\xf8\xc5\xcbW\xc8\xdbu&lt;\xef\x8f\x854\x17\x88@\xe3\xa8\xc8@Q\xcc\xb7\xef?\x8e\xff\xf7\xbeZ\xdf\xf2\x96]:K\xc0\x117\x9d\x08\x08\xae\xc4\x14\x81\xfa0\xb38VO\xa1m\xd2\x93\x17\x01\xea\x8cX\x99\xd2I\x93\x0c9\xa1a\x8e\x012\xc9#=\xd2\x1c\x1e:\xbe1LS:\x89N\x9cb-\x8b\xc2\xb6\x0e7\xe8\xe2*\x94\xc0v\xee\xf4\xd7\xd3$\x9d\x06\xca\xdc6\xb1\x07\xd9\x9c\xd7"\x86E\x88\x11\x9c\xdb2\xef\xeb7\xaf\x92Z\xa5\xeb\xd9\xbd\xe8\xe7\x8b0S\xa8T\xc4[\x1a\x12\xbc\xd8\xb2/}E0\x94Mb\xad\xecTO\xd8R\' 3\x1d;\x89\xd9*Z\x88\x00\x00"rJ1\xf9\x81BsE\xe4\xca\x02`IK\xde\xbeE\xd3\x05O$6O\xfa0\xaf\'\x9a\xa9"H\x12Mr\x84 \x03X\xd4\x98\xcd\xba\xba\x9c\xc6X?w\xe8D\'G\x87:\x97\x88(\xc1C\x97\t\xe90d\xb0\x11 "+m+(\x03\xa5+\xe0\xf7\x1fn\x9f\xadI\xc2\x9cc\x86[\x00\xcc*O\x9c\x04\xd7MZ\xffJ%\xcdi\nrA\x1e;J|\xae\x8b\xf5\xa0&gt;\xef\xd2\xd6\xfc(\x0b\x08\xd0\x1f\xcb\xfa\xca!\x14rP-\xaf\xb3\xa0Za\x9cd\xc71U\x03\x00\xd8\xb7h\xfa\x17\xaf\xdc\'\xbd?}V"\xcc \xcb\xd3T\xe3\xfe\xec\xde\x00\xae&lt;k=@OI\xde\x92 \xccDXIF\xa5\x16O\x8a\xb3\xde\x82\xfa\xccPc\xd8=\xbf\x8d\x8d\x1f\x95\x879~\xfc\xf4\xa5\xfboYG\xb7lW\xee\xa9\x99\xe4\x00\x9bf\xd6\xea\x84}\xd8\x94\xe4\xa3\xae\xd5\xabn\xb0\x95\xdf[\x94\xf4o\x99\x88\x9e\x9d6\x1a}\xcbG\xc6&gt;\x9aEMh\xec\xd4\x02\x00\x11\xef\xdc\xbb\x8c\xfdh\xdf\xa2\xce\xb7\xaf\x9d!o\xe7\xd7g\xd0\x8f\xaa\xe4%\x0c\xe4/Y\x13\xa1\x98\xf2\xcc\x85\xbd\xd3\xb3\x82\xc5*\x06\x04\xc3\xbcb\xe8\xca\x0ee31\xfch\xc4\x94|\x90\xce`\xa6&lt;H,D\xfam\xb2\xcf\x16\x9b\x0eK\xd1F*^\x04\xd2Og\x81\xbf\x95\xa0\x00\x0b\xc1@Q\x0c\x7f\xa3\xa0\x06\xe4\xd2\xd6\xfc\x91\x</t>
        </is>
      </c>
      <c r="E44" t="inlineStr">
        <is>
          <t>&lt;class 'numpy.ndarray'&gt;</t>
        </is>
      </c>
    </row>
    <row r="45">
      <c r="A45" s="1" t="n">
        <v>43</v>
      </c>
      <c r="B45" t="inlineStr">
        <is>
          <t>steps_per_sec</t>
        </is>
      </c>
      <c r="C45" t="n">
        <v>700</v>
      </c>
      <c r="D45" t="inlineStr">
        <is>
          <t>3.35485</t>
        </is>
      </c>
      <c r="E45" t="inlineStr">
        <is>
          <t>&lt;class 'numpy.ndarray'&gt;</t>
        </is>
      </c>
    </row>
    <row r="46">
      <c r="A46" s="1" t="n">
        <v>44</v>
      </c>
      <c r="B46" t="inlineStr">
        <is>
          <t>Loss/object_center</t>
        </is>
      </c>
      <c r="C46" t="n">
        <v>700</v>
      </c>
      <c r="D46" t="inlineStr">
        <is>
          <t>0.2718638</t>
        </is>
      </c>
      <c r="E46" t="inlineStr">
        <is>
          <t>&lt;class 'numpy.ndarray'&gt;</t>
        </is>
      </c>
    </row>
    <row r="47">
      <c r="A47" s="1" t="n">
        <v>45</v>
      </c>
      <c r="B47" t="inlineStr">
        <is>
          <t>Loss/box/scale</t>
        </is>
      </c>
      <c r="C47" t="n">
        <v>700</v>
      </c>
      <c r="D47" t="inlineStr">
        <is>
          <t>0.07222018</t>
        </is>
      </c>
      <c r="E47" t="inlineStr">
        <is>
          <t>&lt;class 'numpy.ndarray'&gt;</t>
        </is>
      </c>
    </row>
    <row r="48">
      <c r="A48" s="1" t="n">
        <v>46</v>
      </c>
      <c r="B48" t="inlineStr">
        <is>
          <t>Loss/box/offset</t>
        </is>
      </c>
      <c r="C48" t="n">
        <v>700</v>
      </c>
      <c r="D48" t="inlineStr">
        <is>
          <t>0.16403307</t>
        </is>
      </c>
      <c r="E48" t="inlineStr">
        <is>
          <t>&lt;class 'numpy.ndarray'&gt;</t>
        </is>
      </c>
    </row>
    <row r="49">
      <c r="A49" s="1" t="n">
        <v>47</v>
      </c>
      <c r="B49" t="inlineStr">
        <is>
          <t>Loss/total_loss</t>
        </is>
      </c>
      <c r="C49" t="n">
        <v>700</v>
      </c>
      <c r="D49" t="inlineStr">
        <is>
          <t>0.508117</t>
        </is>
      </c>
      <c r="E49" t="inlineStr">
        <is>
          <t>&lt;class 'numpy.ndarray'&gt;</t>
        </is>
      </c>
    </row>
    <row r="50">
      <c r="A50" s="1" t="n">
        <v>48</v>
      </c>
      <c r="B50" t="inlineStr">
        <is>
          <t>learning_rate</t>
        </is>
      </c>
      <c r="C50" t="n">
        <v>700</v>
      </c>
      <c r="D50" t="inlineStr">
        <is>
          <t>0.001</t>
        </is>
      </c>
      <c r="E50" t="inlineStr">
        <is>
          <t>&lt;class 'numpy.ndarray'&gt;</t>
        </is>
      </c>
    </row>
    <row r="51">
      <c r="A51" s="1" t="n">
        <v>49</v>
      </c>
      <c r="B51" t="inlineStr">
        <is>
          <t>train_input_images</t>
        </is>
      </c>
      <c r="C51" t="n">
        <v>700</v>
      </c>
      <c r="D51" t="inlineStr">
        <is>
          <t>[b'512' b'512'
 b'\x89PNG\r\n\x1a\n\x00\x00\x00\rIHDR\x00\x00\x02\x00\x00\x00\x02\x00\x08\x02\x00\x00\x00{\x1aC\xad\x00\x00 \x00IDATx\x9c\xed\x9dexT\xd7\x16\x86\xbf\xb8\x13\x01\xe2\xee\x1eBB\x04\x02\t\x04wwwwwZ\xb4\xa5P\n\x14\n\x85\x1au\xa8Qhi\xa1\xee\xa5\xee\xd4{\xeb^\xea\xba\xee\x8f\x93\x0c\x93\x913G\xe7\xcc$\xeb}\xee\xd3;\xcc\xec\xb3\xcf\xce\xc8\x96%\xdf\x02\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a\r\x1f&gt;u\x87\xd1C`d\xf3\xfbGO\xab\xef$Lf\xfb7N\x1fQ\x7fSw\xe1\x9e}\xeb\xa7vm\xd5+\xaf\xa5\xe9\x99\x9e9\xcd\x7fz\xe7\xd1\xdf&gt;x\xea\xa7w\x1e\xb1w\xd5\xd7\xaf&gt;p\xea\xf0\x96\xdf?z\xfa\xf7\x0f\x9f\xfe\xfd\xa3\x06\xff{\xe6\x8e}\xce\x187\xc34A\xae\xdf&lt;\xcf\xf97\xadI\n\xf0\x04\xfc\x80\x82 U\xfdl\x9c\xda\xdfGB3?U7\xa9#\xce\xec\xf1k\x0f\\\x1f%\xe7Z\xa2?\xb4\x18\x82\x91\xc4\x00E\xc1\x92Z\x9e&lt;\xb8\x91\x88\xf6\xaf\x9e2\xaa*\xc3\xf4\xe4\x9f\x9f&lt;K\x7f\x7f\xf2\xec\x9dv\xa7\xf2\x9a\xa4\x80\xa7\x8e\xee%;\xa8\x1f?\xc38&amp;\x1e\xf00z\x0cN\xc6\xd7\xe9w\x8c0\xbbiY\x0b\xddo\xb7e\xc6 Mf\x90\xe6f\x8f[\x00A@\x80\xe4k#\xd4\xdd:O\xfa\x9dt#\x04\x18\xd4:a@q\x9c\xe3\xa6\xc0\xa37\xef\xbcm\xc72\xf3\xb5\xb9\xa5\xdd\xb6ud\xfb\xc2\xde\xec\xcf\x0b\x00\xe3\x964\x82}\x9fM\xf6.\x9f\xd019pPI\x82\xd1\x03i*8\x7f\x91V\xc9\xcb\xf7]C\xf4\xa5\xacK\x88\xbe\xe5\x05\x80iT\x10\x9d\x17y\xd5\xbf\xa1U\xc1\x8d\x10~\x93C\xcb\x92\x8d\x1e\x08\xe3\xa2\xac\x1e\xdbM\xfc\xcbo\xce\xc6\xa9\xfdr|A\xf4\xc5\x17/\xddgs\xf6\xff\xe2\xc5\x93\xba\x8e\x96at\xa1\xd1\xef\\\x84\x9di(\xe0/\xad}\xaaF\xf7\x1dX\x1co\xfeO{\'\x91\xbc\x00TDz\xdc\xb5w\xad!\xbbHq\xb3M\xa8\x93Fa\x18\x15Q\x1e\xb2\xde\xf3\x81\xad\xe3G\xb5\xcb\xd0o\xfb\x1f\xa2I/\x0c\xe3\xd6$\x01\xe3\xaas\xbc\r\xba\xbb\x94u\x82~z[x\xd0\xcc~\x9b#[\x17H\xbcc\xf7\xec\x08a\x12\xf9\xf2\xe5\xfb%^\xa2-\xc2[mru\'\x03\xa8?B\x192\x1egBD;\x17\x8e\x8a\x95\xdc~tU\xa6\xf5\xec\xff\xe6\x99\x1b\xd5\x8c\xc1d=c{%\xe3Z\x94\xb7\xb4\xbb\r\x94\xb8\xa1V\x00\xfd\xfd\xc9\x1d\xbbW\x05\x03)\xba\xddB%\xbb\x97\x8e\x13\x1e\xf4)\x88\x9a\xd7\xbf\xadz\xf3\xf7\xa2\xc1\x1d\x9e&gt;\xb6Wu72p8f\xb9\x0b\x80\xcaX)\xe9\x847\xfcg\xb1\xbas\xca{\x8f\xdfNDD\xbfIl\xdf6\xc6\xcbb\xf6\xff\xe4\xd9\xbb\xcb#\x95\x0f\xc0\x1f\xb8g\xdfz\xe5\xd73\x8c!H\xdf4\xc9\x85\x886M\xeb\xaf[\xf7\x1a\xd33\xa7y\x9f\xfcH\x00D\xf4\xef\xe7/:lOD\xadD\x0e\x0e\xceEd\x89Mr\xde(\xa4\x92\xeb\x87\xb2\x86\x91:%\xe1 \xa2\xf1\x1d\xf3\xd4t\xfb\xe4\xed\xbb\xe9\xb7\x0f&gt;x\xf2XU\xac\x83x\xdd\xa1e\xc9D\xff\\\x98\xfb\xff\xfch\xeb\xac\xc1\x0e\xaf\x12\'\n\xa8\x8c\xf2T\xd3\x03\xc3\xb8\x07\x0e\xc3\xec\\\x13\x1f`\xeb\xac\xc1\x0e\'\xedd\t]\x05\x03O\x1d\xdd\xab2\xe0\xd29\xa8\xd9\xd5\x9a\xf0\x03f\xf6j\xa3AG\x00\xac\xfcU\x11@i\x04\x06\x95$\xe4iq\x1a}\xe9\xe4aaV_=\xb6[\xe7\xb4\x0b\xd6x\xe1m\x98\xd7\xbf\xed\xe3\xb7\xee\x12\x1al\x991hXy\xca\xad\x97-\xdd\xbbb\xa2\x0b.\x93\x0c\x839}+\x8c\x1e\x82.|\xfe\xc2\t/\x9do\x91\x08\xd0\xd7\xaf\x9a\xcf5\x82\xdf\xef\x9a\x8bfiu\x0b=\xdc\x1b\x7f\x7fz\x96\x884\xb4\xcb\xdd\xbes\xb9\xf9?\xab\xe2\x94\xecs\xcbZ\xe0\xce\xdd\xab5\x1a\x11,b\xba\xbafh\xec\xa5\x16\xe6\xf7i\xdd\x8b\xcf\x9f{\xf4\xa9\xa3{l:{\x89h^\xff\xb6\xe6W\xf9k\x94\xc4\xc70\x9a\xe1\xee\xee;{\xbbO\xe7l\xb8\x84\xdf\xb9i\xc2K\xf7P\xe8\x11%\xa2\xb5\xe3{XL\x9c\xed\xe3}\xbf\x7f\xf3!Y\xfdtHp&lt;\xc3\xfc\xfb\xd9\x0bD\xb4f\\\x8f\xd7N]\'\xa9\xcfxy\xb3\x96\xb2\x00\x95\x8aH\x8f\xcb\x17\x8dVt\xa91\xb4\x8d\xa9\xdb`XL\xfaO\x1f\xdb{p\xed\xb4\xbc\x00\xac\x9d\xd0\xd3\xe2\x92\x95\xa3\xbb^{\xf1l\xe9\xb7p\xd3\xb8j\xc6\x9d\xf8\xea\x95S\xd2\r\x8b\x19l\x81\x94\xc0\xac\xdee6\x9f\x9f\xd8)\xdf\xe6\xf3\xbe\x00\x11\r+O\tT}kq\xeb\xd3\xd9{\x0e&amp;\x01\xb9\xfeX7\xa1W\xae\xbf\x83\xb5*\x0c\x88\x07\x92\x01"zU\xdaR!\xd0-3\xbcGNs\xc7\xed\\\x86,\x1f\xe8\x9f\xc1\r\xc8\xcc\xa0\xae\x8a\xf3Q\xb993*:\x8e1\x806J\x7fq.\xe3e4\x92-3\x07\xe9\xd1\xed\xf4\xee\xad+\xa2.\x88q\x18~\xd8\xda\xb5x\x8c\x82\x15\xbc&amp;I\x1b\xe9\x86\x1c_\xcd2\'\x9a\x02D\xf4\xfc\xddW\xa9\xe9\xa1$\x1c\xee\xb4\x0e3j0|\x1e?\xbeo=\x11\xb5\x0e\x93}\xa1~A\xa2\x0e\xd1;\xfb\xb7}\xbco\x1ap\xdb\x8ee\x17M\xe9\x9b\xee\xa9\xcb6\xd3i!\x95*\t\x06r\xfd\x14\xbe\x03\xa6\x98\xf7&amp;\x95\xfdDD\xfbVM\xb6\xf7jS\xd3\xf8bl\xa3\xdeh\xa0\x15\x0f\\\xb3\x85\x88\x86W4\xb9M\x9eCC\xed\xa1\r3\xbf|\xe9&gt;Y+\xb4?\x10"M3\'\xbf\xe17\x80~|\xeb\x8a\xfa\xcc\x83FC\xf7\xac\xba\x80~"\xfa\xf6\xf5\xd3D\xdf\xd9t\xf0|\xff\xe6\x19YF\x8f\x89\xb5\xb6-rz\x90\xae\xe9\x84\xfd\xc3[\x0f\x7f\xf7\xc6\x99\xdeyn\x1a+\xc74:\\@\xde\xd1\x00\xda\xb4\x00\x11\xd1\x8fo9LCs\xb8M\xafM\r\x8e\x05\xbaf\x86%\x00\xad\x9aapI\xe2\xb2\x11\x9d\x96\x0c\xadq8\x06\xf3H\xa74\x80\x88\xee\xda\xbb\xd6\xe1U\xea\xb9|\xd1\xe8x\xa0}\xbc3\x84\xdd\xfa\x16F\x0b\x0fL\x8eV\x9bz\xa2D\x94k\xe0q\xd2&gt;c\xabs\xb4\xb5\xfe\x11\xd1/\xef=\x11\xef\xb8!\xc302\xf1\x03\xe8\xcb\x97\xa5/i\x9eZd-\x98\xcf\\y\xfe\xa8M\r&amp;\xfa\x91\x88\xa6uo-r\x95\xb5\x88\xff\x80\xe28\xe7\xd8I\x84%M\xef@[\x0b\x88(\xd8\xfen#\x0e\xe8\x96YwVp\xa9\x85 \x1c8\xb4a\xa6\xfa~L3\xfe\xdc~\x95\x15\x91l\x04b\x8c&amp;\x12\x98X[\xa0\xeb-\x9c\x9f\xfa\x98\xe1\t"*7\xf4x\xdd6\xda\xeb\x92\xd9C+\xe4\'X\xbd\xf5\xd0MD\xe4:\x86Ag\x12\x0b\x8cn\x9f\x15\xe9\xaa\xba \xec\x8fe\x1a\x1b#\xdb\xa6\xdf\xb0E\xdf\n\\#*\xd3t\xed\xdf\x9a\xf6\xf1\xbeD\x94\xe9\xdc\x18\xbaC\x1bf\xde}\xe5:\x89\x8dE\xf2\xac\x9a\x03\xdd2\xc3\x04\x192\x95Cr/\x13s\x86\x17\x88\xe8\xcc\r\x97\x1a=\x10\xbb\x8ci\x9f5\xb9K\xa1\xe6\xdd\xba\xd4Y\x87iZ\xb8\x8eR\x8d\x02\xec\x15A\xf4\x02\xa4\x0b~i\x85`\xda\xee[ \xab2\xa3\xbe\x14J\xab\x98\xe8"\xd0\x9f\x1f\x11\x11\xd17R\x1ao\x9f7\\+\xa3&lt;\'\xc6\xb8\x05M\xe2cr~\x90\xdc\xcbVE2\x16\x0en\xaf\x850\x8c3\xf8\xd6\xce\xf3\xff\x02\x1e\x1ej\x8d(\xbb\x16\x8fUp\xd5k\xaf}\xa5\xf2\xbeZ\x91\x06D\xc7\x84BE~\x89\xb3\xf1\x15\xd6\xab\x16\xe6\x89\x17\xf6\xf8\xed\xd7_\xf1\xd5\xcb:\x0f\x88a\x9cN\xb2\xd1\x03x\xe8\xc8\xf6\xa6\x19\x11d\x01\xd1O\xf2\xda\x7f\xf7\xba\xe1ib\xe6,\x1a\xd2a\xe7\xc2QF\x8fB\x06W\xae\x98(]\x84\xc39\xb9\x13O\x1d\xdd\xbbu\xe6`\xa7\xdc\x8aa\\\x03\r\x05\x1d\rD\xa2e\xab\xc4-\xb4:\x15\xd1;?r\x92\xce\xee}\xb9\xb4\x0ek`\xb5Sc,\x9b\xda\xb5\x95\xf0\xc0d@\xff\xf9\xdd\xc7U\xf4g\x9bW\xef\xbf\xd6\xa5\x16u\xa61\xb3hp\x07\x009nWo[2\x89F\x0f\xc0\x9a\xbf?}\xde\xfc\x9f\x95\xd1\x9e}\n\xa2nk(\x8d\xa9\x0c\x05r\x9a\xda\xce5\xc1\xf53\xac\xeb\xbc\xed\xe6:wA\xea\x066\xb2mz0P\x11\xe5q\xf3\xa5\x8b\x85g\xee\xbeR\xfb\xe4\t\xe1D\xb2lD\xad\xe6=\x9bp+7\r\xa3\x1b-\x80\xef^?\x8dz\x8b\xad\x07\xe0^j\\\x0e\t\x06\xbc\x81h\xc0\xa6\xd4D\xba\x87\x92\x19SC\x04q\xcd??y\xf6\x97\xf7\x9f\xd0i\xd37\xb2m\xba\xf9?3\xad"\xf0\x89\xa8\xf1\xad\xfe\x82\xba\xea5\x17\xcd2WsV\x1fy\xd09\xadY\x86\x17\xb2}\xb1hH\x87\xdaT]f\xd1L\xaf\xba\x05\xc0\xbc`\x80\x93\x11\xfe0?@e!\x1a\xc6\r\xe8[\x18\xdd\x1ch\xd5\x0c\x81\xc0\x8aQ]\xbe\x7f\xf3\x8c\xd1#\xd2\x80\xe6@\x04P\x9d\xe8_\x9b\x1a\x9c\xe1\x85m\xb3\x87\x84\xd9j\x96\xed\x8bu\x13{ib\x90\xf1R\xeaK\x9fX[p\xf7\x95\xeb\x84\xdf\xfc\xcc^\xa5c;dk0\x1a3\x06\x167\x90\x9cp;G\x8b\xb2\xc5\xc9\x0f\x98\xd5\xbb,Z\xe3\xb1\xe0\xbb7\xce\xc4\x039\xbe\x17$\x9d5\xe4\xaa\xd5S\x00\xd0\xf7o\x10\xd1\xb2\xe1\x9d4\xef\x9fa\xec\xd23\xb7Eu\x82\xbf3#\xe7\xcb#UYc\x1d\x12\n\xbc\xfe\xc0\xf5\x8b\x87T\xcf\x1f\xd0\xce^MW_\xa0:\xd1\xff\xfeC\x9b\xdb\xc5\xea\x1e\xbd/\xb2\x95J\xa9?\xf5?t\xc3\xf6\xa7\x8e:\xb5l\xafD\\\xa1\x92\xb8M\x15\x87FCA \xe8\xabW\xca#AD\xf4\xe5\xcb\xd9\x8d\xefP\xc60\xe6\x10\x91\xde\xe1"B\x0coe\xb4K\xc4\xf2\xc6\x8b\n\xf0\x11\x11\xfd\xfa\xde\xc6i\xfd5\xdf\xb4\xaad\xc5\xa8.a\xc0\x07O\x1e3z \xe8\x9e\x15\xde%\xdd\xb1\x15\xc7\x05\xd7\x89\x15\xa3:\x7f\xfe\xe2\x89S\x877\x8b\xb4i\x1f\xe7+\xa4\xcf\x85\x8b4b\x98\xc6\xc1\xf8\x8eyD\xdf\x1b;\x06M2!\xb5\r\xe7q\xc1\xb29D4\xb7_\xa5\xe0\x9f\xd8\xb7r\x92\xc3\xf6&amp;\x17kY\x0b\x8dE\xb3\x13\x81!m\x1c\x94kk\x1b\xe3ED\xf6\xea\xea\x18EK`Z\xf7\xd6:\xf9\x0c\x18\xc6\x85\xf0\x02\xe2\x94\xdam\x9b2g\x8f\x1f\xa4\xaf_]?\xb1\x97\xd1\x03\xa9#\x1cH\x02\x82\x01"\xea\x91\x1dq\xf8\xa2Y\x00\x1e&gt;r\x99\xc3\x0bM\'\x98t\x0f\xeds\xc1\xd6M\xe8)n\xaa;\x7f\xee1"\xb2Y\xea@[\x1b\x9f\xe2ox\np\xc3\x96\xf9l\xe1a\x1a\'%\xe1x\xe5\xfek\x15\xdb1\xac\x8f\xef\xd5\t\xfe\xaf\xdc\x7f\xad\x9a!\xb9\x05DD_\xbf"\xb7\x88\xae\x1e\x82\x1a\xc2\xd4$X\xab"\x00"\n\x953\xdf\t\xd1V)v2\x81\xa5\x84`\xfa\x00=s\x9a+\xd3\xf2\x8b\x03\xe6\xf4\xad\xb0\x9e\xeb[\xb8@U5\x13Z\x15J\x13\xe1\x91\x9bv\xe8}\x0b\x86\xb1$P]\x96\r\x80klU\xbe\xee\x9d/[$Be\x00\x9ds\xea\xc2\x9b\xa3\xc6\xf2\xfb\xdd\x1b\xa75\x1b\x07\x90\x0c\x14\x04^\x88\x13\xbf~\xf3\\\x00e\x92+r\x8d\xab\xc9\x15y\xf5\xce=\xab\xa5t\xd29-D\xb1m\xad65\xd8\xe6\t\xa0c\x92\r\x17L\x100\xaa]F\x8e\xbce\xd7\x00\xe4\x1e\xa5\x84\xb4\x1e\xd73(2\x8c-\xde~\xf8f\xe1+\xdbK\x0b!\xc9\xd8\xfa\xa0\x9a\xda\x14\x85VW"\x8a\x04jS\xf5\n\xc4\xce\xd24\xbazF\xcf\xd2\xe3\xfb7\xd0/\xefi\xd2[\xeb0\x8cl\x9b&gt;\xa5K\x91\xf0O\xc1\x85\x9e\xe7\x0f":{\xfc\xa0\xb2&gt;\x8b\x9c\x1b\xd1.}\xf1 \xa2\xc3\x1bf:\xb98\x81\x02\xb8J;\xd3h\x89\x01\xe8\xefO\x84\xc7\xa6\xbdX\x08\x90\x1f\x08e[\xb3\xe6\xf5\x0b\x80bCk\xc7d\xc7\x9an\x8a;O\x00\x1e\xbcv\xab\xd2\xabm@D\x83J\x12\xb4\x12X\r\x01\xfc\x81\xd9}\xca\x85\x7f\n%\tkS\x83\xebkj\xfd\xa8\xa0\xcf\t\x1d\xf3T\x8e*L\xe5\xf5vha\\\xb9`\x97?u0M\togU\xe9\xb3 \x12\xb8l\xde\x08\xe1\xc8\xde\xdc\xacL\xae\xabECZ\x10\x04\x8c\xad\xceV\x93\xb4es\x85\xe9#\xdf\xd8e\x8e\x86\x9f\xdf\xcc^\xa5\xe6\xff\xa4\xf3\xef\x08\xd3\xff\x9aq=\x14\xf4&amp;\x12\x0ed~\xe2\x131\xd3\xe7\x05\xa0\x05\xd01Yc56\xf5\xc5\x11\xbd\xea\xfb)\x8ft\x0f\x01\xd4hWR\xe9`\\\x85)]\x8b\x8c\x1e\x02n\xd9\xbe\xe4\xc9\xdbw\x13\x91\xf3k\xb9\xc8E0\x89\xdc\xb1{\x95\xb6\xdd\xaa,\xd6\xe7/g\xa7\xfc\xc4m\xbb\x7fx\xeb\xe1\x01\xc5\x0eJ\xd3\x0bC:ypc\xfd\t\xc0J\xc8\xdb\x11\x19\x9e2*m%\x8b\xbez\xdd\xa6\xb9Gw\xad\xb4\x93\xd5g\x0cw\xec^=\xbdGI0\x90\xed\x83\x99\xbdJ\xc5\xadI!@\x8b\xfa\x07\xcea\xfe\x80v\x16\xcf\x9c\xbd\xe7\xe0\xcf\xefi/`\xc70j\xe9\x99\xd3\xbc[f\xf8\x84\x8ey\xd2\xe5y\xa5\xf3\xca}\xd7H7\n\xe5\x07\x82\x88\xc4-\xf5?\xbe\xfd\xb0N;&gt;\x9d\xd2n\xad]\xa3\xd2\xc3Q\x92\x01\xfa\xf1-"\x9a?\xa0\xad\xdc\xfb\xc6\xcaQQv\xe8\xb4!\xa2a\xe5F\x96n\xf4k\x18|\xf5\xe9\xd9{\x8fl] \xf1\xdaX \x12\x08\x00\x9c\xa3\xf3C\xdf\xbc\xf6\xda\x03\xd7Kl\xdc+\xaf\xa5\xbb\x14\xe4`\x1a3\xc5\xa1x\xfb\xe1\x9bW\x8d\xe9\xaaa\x9f\xcd\x00"\xfa\xe2\xc5\x93\xb1\x92\xc3\x01c\x1d5\xe8\x94\x12l\xee\x9aSoL\x10gRg\xc7\x1a\xcb\xfe\xd2\xbc\x17\xca\xa0_\xdf[4\xb8\xc3\xe5\x8bF\x0b\xa73\xbd\'0{+\x81=w\x82&amp;nRM*\xb0\x8bp\xc9\xec\xa1]3B\xf3\x03\xeb$x\x9d\x80D/ZI8\xfe\xf9\xec\xac\x13\xe2S\x19\xc6\x18\x84S\xc5\xe3\xb7\xec\xd2\xeal\x11\x03\x9c\xbaf\x8b\xf93=\r\x15R\x1dT\x92\xa0\xc7\xc9\xc9\x82\xfc@\\\xb7i.\x80\x18E\x97\x0b\x87\x1b\x87\x06\xbe4\xa0Gv\xf3\xc2`\xa9\xd1\xb1D\x7f\\6o\x84\xa2\x115\xa0W\xae\x8e\xd5\x8c\xf7.\x9fHD\t@\xeb0\x18^4\xd9"P*?\x00\xd5\x89\\$\x98qU\x06\x14\xc7Y\xb8\x85\x15$\x1c\x0ci\x93\xe4\xd0\xe4-\xe0\xd3\xd0QV\x18\x04"{\x85 m\xe3\x0f\xecY6^\xd6%*\xa9\x8a\xf3!"\xb9\xe3T@a0\xe2\x80.\xe9\xb2M\xf1\x9dR\x82\x88\xa80\x18D$e\xa9\xac\x8a\xf3\x19Z&amp;\xe9DC\xbf\x7f(w0N\xa04\xc2\xf2\x9fw\xeeY\x1d *\t\xe5\x1c\xfa\x17\xc5l\x9f;\x9c\xc3\x90\x18\xb7\xe1\xe8\xae\x15\xf4\xd5+\xa6\xd8D\'s\xfa\xbaK\xe4\xee\xac?~\xe6\xae\xe7\xee\xda\xaf\xd3xl"l\xff\xf5(PeM\x96\xb7\x12\x89\xbd\xf15\xb9\x9f\xbfpbL\x87,"\xd26\x9aG\xd9qD.\xcd\xe4\xf8\xd8\xbb\xa4\x87\x12\x91\xf96\xc2u\x94\x80\xda\xc6xM\xef\xd1\xda\xe6K\xef&lt;|K\xff"\x87\xe6O\xa6\x11\xe1\xfaY0K\x86u$\xa2.\xe9\xcdl\xfe\x842&lt;\x11\x0e\x14\x85\xa0\x93\xd2\xb4/q\xb6\xcf\x1b\xee\x04\xd3\x8a\x1a\x82\x81\xa2\xe0\xba\x05@\xdbUG[K\x85?0\xbc"\xf5\xcb\x97\xefs\xe57S\x04\xa2\x7f\x88&gt;\x97\xd8\xb8:1\x80\x88\xae^?\xdd\xf4LYK\xa4\xb9L\xe9S{K&amp;\x11]\xbeh\xb4S\x87\xc2\x18\x8b\xeb\xe7\x8b\xb7i\x816\xf6\xa5\x08,\xdc\xc5)V5\xb0\xacY=\xb6\xfb\x9c\xbe\x15\xd2\x07P\x11\xa52&gt;S_.\x9b?\xe2\x83\xa7\xee\x10_\xa5\x94y\xf7r\xfd5N\xc8\x08\x04\xe8\xebW\xe9\xbb\xd7\xa1\xf5\xea\xe2\x04\xe4\xee\x03\x84\xf6&amp;\xef\xf4\xfc\x01\xed\\|\'q\xd9\xfc\x11\xa6\xd9\xbf\x85\xea\xa0d\x86\xd1\x1dA\xae\xb2*N\x9e\xb4\xc2\xe2!\xd5N\xa8\x00#\x1davNW\xfa\x83\x136\xfeE\xd2\xce?;\xe6\x8f\x94n\xbc\x7f\xec\x96\xcb\xafZ=E\xdb\xb8\xfb\xe2P\x18\x1b\xc7\xe9\x90\x08 \x1c6\x9c\xa2D\xf4\xd6\x99\x1b\xa5\xf7#L\xf7\xa6O\xf5\xa9\xa3{\\|\x010\xc7\xa5?!\x86\x01 %lY\xe3\xccQ}H\x00v,\x18\xf9\xcb\xfbO(\xb8\xb6sz\xb3\x1d\x0bFJo\xff\xbf\xe7\x8fKi\xe6\r$\x02DT\xa8\xc3;\xd8\xafHK\xa3\xbd\xb6\xd9\x18\xd1@\x81-/m\xffV\xb1r\xf5\xe9\x06\x16\xc7\x13Q\xabfuRH\x9f\xbfp\xa2\xb3n\xeaR\x9a\xe3\xeb\x0e\xc6aF\x03\x8c\r^\x84\x99\xfc\x83t\xa2\xe4\xc4\xdd\x17\x04\x81\xe8\x1f\x00\xbd\xf3"\xfb\x15\x1a\xa91a3\xa81\x00\x18]\x95ID\xcf\xde\xb9\xcf\xe6U\x9f\x9d\xbd\xd7^\x87\xfaiwTFy\xfa\x00\xb5\xa9!\xb2BV$~(\x82\x1a\xbep\x04sq\xf3\x9aJ\\\xa1\x94\xa62\x86W\xa4v\xcd\x0ck\xa7C\xe9c\xc6\x85\xd8&lt;c \xfd\xf9\x91\x81\x03P\xb6\xf8&lt;v\xcb\xe5\xd2\xa7\x8dd@\xf0\xdd\xa5\x02\xa9\x8an\xa7\x18"z\xfe\xee\x03\xc2\xe3H;9hDD\xbf\xbc+\xb2\x0c?s\x87\xed\x85A\xb8V\xd0\xdfwS&lt;\x81\x1b\xb6\xcc\x7f\xf4\xe6\x9d\xd3\xba\xb7&amp;\xfa]\xd6\xb5\x1a\x9eL\\\xc7\x1bq\xed\xc69\x16B=~\x80\xf3\xa5/\xc6\xb4\xcf"\xa2+WLtN\xc62c\x00\xc9\xc0\xc0\xd6\xf1]\xd2\x9b\x19k\x94l\x94\x11g\xef&gt;v\x9b\xa0nMD\xa3\xdae\x08k\x95\xbd"P#*\xd3\x1cz\xad\x1b+\xd9&gt;u\x86\xf2\x11\x95i\xb2B\x98\n\x820\xb6:Gb\xd4\x97\xcdJ\x00&amp;\x96\x8f\xecl\xb8]\xde\x94\xafk\x1a\x89\xb0\xbc\x05\x03\x1d\x12\xfc\xe6\xf6\xabtr\xa4\xc6\xde\xe5\x13L\x9f\x8bs\xef\xcc8\x8b4\x0f,\x18X\x15\t\x14\xbaN|\xb2\x1d\\J\xfcK"i\xc0\xd8\xea\x1c"rh\xe0\x12~i"b\xceU\xb1\x9aV\x0fpV\xd4\xbc\x14\xaa\xe2|\x0e\xac\x9dF_\xbf\xa2\xe0\xda\xa2`\xf4\xc8VU\x929\x16h\xd3\x02}\x0b\xa3\r_\x00D\x08\x01\xe6\xf6\xaftr\x92\xee\x9c~\x15\xc2\xd7\xb2S\x8a[8\xd1\x18\xf9x\xd5g$\xba\xa0\x99\xb2%\x90\xed\x03\x00~@\xf7\xacp\xa1\x14xu\xa2\xbf\x8b\xe4.J\x14\xde_5\xa6\xab\x94\x99E\xf8\xa5-\x1c\xd4\xde\xe6^+\x08\x98T\xebX\x05H+\xc2\x00"z\xf2\xb6\xdd\x8b\x87\xd68\xed\xa66\x89\x95\x10\xa0\xac\xd2\xfc\xd5\xa7 jbm\x01k#[\x93\xe5\x03A\xb5\x82i\xcc\xb4\x0e\x93\x1d\xda\xac9\x0ekc\xb5j\x86\xaf^9\x15\xa3H\xe6\xcc\x0f\xd0&lt;\xe9T:1\xd2\xf4*\n\x82@D}\n\xa2\xec9\x01Z\x02q\xb6\x9c%\xeaw\x85\xc9Vu\x17&amp;u.\xac\x97}6\xf2[\x11\xef\xf2\x19I\xae|h0\x11f\xf4\x00\x18\xd7\xa5"\xd2\x03\xc0sw\xed\xdf\xbdt\x9c\xd1c\xd1\x11\xf3L\x1c\xbd\tSt\xd5\x13\xb7]ADe-]\xc52CD\xdb\xe7\rWY\xdbY\x83a\xfc\xf5\xb1\xcb\xee\xcdkS\x83\x0f\xac\x99j\xf4(\x18F\x05\x03[\xeb-`\xdc$P/\xa1.l\xb7_:qX\x83\xd1h\xc1\xfeU\x93\x89\xfe\x94^\x05^\'\xf4\xb0z\x87i\xd1\x89w\xa3\xdbY\x1f\xda0st\xfb,\xa3G\xc14m\xdc\xd4\xdd\xa4~\x9ez\xe1\xf8A"Z&gt;\xa2V\xee\x85\xe9\x9e\x0e\xeag\x01X0\xb0Jn\xb7c\xabsn\xbcd\xa1\xc3f\xa9\x00\x119_?&gt;W\x85#\xa8&amp;)Pb\xbe\xb4[ Q+[\x9c\xca(\x0f"Z9Z\xcb\xf2\x1b\x0c#\t!\xc6x\xf1\x90j\xfa\xf7S"R\xf0\x85\xee\x9a\x11\xa6\xed\x90\xe4\xa22\x8b)\x05X1\xaa\xcb\x815S\xdbF\xcb\xce\xb8\xc9\x0f\xc4\xf1\xfd\xeb\xb3}\xc4\xbc#\xdd\xb3"\xd6O\xec\xa5\x87\xfe\xf0\xdc~\x95D\xa4Q!\xfa\x06D\x88\xbe\xab*\x8f\\\x19\xee\x9f\xd8T\x9d\xe8\xafm\xee\x1c\xcf\xfe\x8c\x91\xdcw\xf5&amp;\xc1\x0c\x92\xe1\x89\x99\xbd\xda89WK\rt\xfe\x1d\x95=\\\xb1d\xac\xf0\xb7o\x9a\xd6\xdf\xf4\xa4\xf4\xfc\xdeu\x13zn\x9a6@\xdc!y\xe5\xcaI\xca\xc7g\x87(`\xd3t\x07\xf7U\xcc\r[\xe6\x8f\xab\xce\xd1\xa3g\x05\x18\xae\xddoM\xcf\x9c\xe6\xceL\x9en\xcc\x89\xda\x8c\x8b0\xb0u\xfc\xe2!\xd5\x00\xb2}5\xb0\xaa\xbb\x17\x0f^\xbb\xad}\xbc\x12M\x87\xb2\x16u\xfe\x83\xc7n\xb9\\\xd6\x85\xae\x99&lt;\\*!\xa6\xff\xda\x8ds\x88\xa8g\xae6\x0e\x8a+\x96\x8c\x1b\\\x9a(b\x13Z&gt;\xb23\xd1o\x9a\xdcK?&amp;w.\x14_\x89\x15\x9f\xd2R]\xa9\x86\x01\xd3T\x90\x1e\x7f\x12\xd0\xb0n\x97\xd3\x10I\xdar\x08\xfd\xfd\x89\xb2\x8ds\xeb0\xcb\x8c\r2\xe3\xd2\xb9\xc3\xa4w\xa5\x87\xdd\xc69\x04\x02g\x8f\x1f\xd4\xaa7\xe1\xad\xbb\xf9\xd2\xc56_\r\x90\xaf\xffl\x08\x85A\xf8\xe6\xb5\x07\xf4\xe8yxE\xaa;\xe6`2M\x05\x9b2\x12^f\x13\x9c\x0bf\xb2\xec\\8\x8a\x88\x94\t`\x8c\xaa\xca4\xff\'\xd1\xafD\xf4\xd1\xd3wN\xefQ\xe2\xfe\x96m\x03(o)6\xc5\x07\x01D?Ktt7J;\x89\x0b\x9a\xbf\x98F\x85\xca\x93\xfc\xe3\xb7^!\xe27\x8e\x05\x8aB\xb0o\xe5\xa4\xbb\xf6\xac!\xa2\xab\xec\x04n\x87I\xbbWQ\x88\x06\xb9?\xad\xc3\xa0F[\xeb\xcd37\x0e*\xb9\xb0\xa8\t\x93W\x91\xad\x1eUj8\xbb\xe0r\xa2&gt;\x99\xc3\xfa\xabB\xf4\xe3\x1f\x1f?\x9bog\x9e\x8b\x05\xe6\xf4\xad0\xff\xd0\x97\x0c\xab\xb1\xd7y\x9f\x82(\xe1M\x8b\x00\x88\xfe\xae\x8a\xf51XbW\x0bX\x08\xa8i\xd1\xa69\x88\xa8\x05\xd0!\xc1I\x9a\x0b\xc9*\xae-\n\xc1\xe3\xb7\xec\xaa\x8a\xf5\x116_"\x92;\x82\xd8r\x98\xa2\xbb\x08Q\x9e\xc2\x86\xfd\xe4\xc1\x8d\x8a\xfa\xd0\x8cnY\xe1\xe6\xe2\xc9\xab\xc6t\x13\xa9;\x1f)\xb3\xd6\x9b\x9fReVk\xc2\x94^\x98\x00dx\xa1\xa5\xadP\x9f)][\xa9\x18\x91m\x1c&amp;\tz\x02\xe6r\x98\x8f\xdc\xb4\xc3\xe6[\xf4\xf2\xc9\xc3\xf4\xed\xeb\xc2\xe3_\xde{\xc2\x15R\xa9\xed!+l\x97\x1d\x00M\x8e[.[2\xa5K\x91k~w-\xa8\x88\xf4\xa8\x8a\xf3\xe9\x91]\xf7\x934\xa5\xd1\x06\x03=\xb2#\xca\x1b\xa3+Yq\xc90{\x1c\\7]C#\xaf\xfa\xf0\xad\x16@u\xa2\xbfM\x17\x8b\xbd\x93\x93\x82b\x12\x02S\xbb\x15k\xf2=on&amp;\x0bA\xf4\xdf/\xef\x9b\x16\x80\xbf\xd4w\xae\x06\xd3;\xb6k\xf1\x98\x1d\x0bF\x12\xd1\xba\t\xbd\xfa\xe4\x8b\xfd0\x12\x806\xcd\x11\x0f\x0c\xafp\xa3X&lt;F)\xd6U\xdf6N\xed\xf7\xda\x03\xd7\x1b(\x8fN\xf4\xa7\xa0P\xe4\xb0\xa5\xa0Z\xd3;\xaf%\x80\x88\xfa\xbf\xe5\xfb7\x1f\x9aT[@_\xbdL\xf4\xaf\xce#\xd5\x12\xcd-\xc8A\xd2\xcckrUF}\xf4,A#P\x14\x82\x0c/\x19Z\xff\x8a\xad\x88\x93j\x0bf\xf7)Sz\xb5\x18\xfe@\xbf\xa2\x98\xeds\x87k+\xa5\xdf6\xdaK\xd6\x1fk:\xdc\x9c8p\xb1\xe9P\xe20\xc1\xbb\xac\x05v/\x1d\xe7\x16[@F{\x86\x95\xa7\x14\x87J\n\xc8\xd3\x83\xeeY\xe1D$\xb8\xe6\xa4\xb4\xb7\x9e\xbfR\x81\xae\x19a\xbf\xbc\xf7\x04\xfd\xf7\x99 s-H\x1e\xb9,D\xd4-3|r\x97"\x17\xaaPl\x9f `B\xa7\xbc\x1c?\xac\x1e\xdb]\xbf\xbb\xc4\x02\xf1:\x17\x8a \xa2\xcei\xda\x07C\xed_=e@q\x1c\x80t\x0fL\xe8\x94\xa7y\xff\xd6\xf4-p\x1c4\xb7dh\xcd\x8c\x9e\xa5Dd\xcf\xdb\xc10\xc6\x13\x04|\xf9\xf2\xfdD\x14\x05\x10\xd1wo\x9cQ\xdf\xa7\xe2\xed\xa1\xbfn\xa2\xf9E!\rT\xeckS\x83\x01\xa4\x02\xb1\xf5\n\xd8\x01r\xaa]:\x1f\xe7\xec\r\xbcu\x8e\xab\xd1\xc3FO\xf4\x07\x11}\xf6\xc2\t\x00\xfef\x1b\xf0n\x99a\xc3\xca\xf5*\xb1^\x1aq\xe1\xb4\xe4g\xf6_\x0b\x96\x0e\xef\xa4\xf8\xef\xd5\xbc\x1c\x05\xc3\xd8`d\xbb\x0c\xfa\xe9\x9d\xcb\xe6\x8f\xcc\xf4\x02\x11\tya\x8d\x8ff@\x9e-O\x9c\xb9\xb9 \x1e\xd8\xb1`\xd4\xd2a\x1d\x9d5(y\x10}\xb3x\xa8\xe5\xa7\xb3j\x8c\xf1r\x02\x12\xa5Dr\xfd5.v\x7f\xefU\x17\x99l,\x13;\xe5[\xbcz\xc7\xeeUBl\x85\xae\x1c\xbbb\x15\x11\xb5\xb1\xe3\xc7W\xb3\xe0\xf5+\x8aq\xdf\xc4\x11F\x1eo\x9c&gt;bT\x81\xb0v\xb1N\xb5\x82\xb8\x9a\x93\xd8B\xb5\xad2\xda\xd3e\x1dq\x17M\xeek\xfdd\xb7\xac\x0b\xd3\xaf\xfah\xa2 ``q\x9c\\\xa1\xbd\xa2\x10\x94\xb5@E\x94\xc7G\xcf\xdcu\xd3%\x8bT\x8fB\x0c!\r\x1b@q\xe8\x85\x8c\xbc9\xfd*\xac[z\x00D\xa4F\xc3N%D_\x13\x91\xe2\xfbG\xd6\x9fS\x99\xc6\x0f\xd1\xf7=\xb2#\xe4FV\xa8?\xad;?\xe1pPIB\xf7,M\xe4\x14\x19\xbd0\x05#H\xd4\\\xaaI\n\xac\x88\xf4h\xd5\x0c3{\xb5\xd1oT\x02\xb3z\x97\x11Q\x967n\xd82\xdf\xb4\x00\xe8e\xe8QA\x00@\x7f|h\xbe\x95\x88\x05\xda\xc7\xcb[\x0e\\\xd9&amp;\xc9hFi\x04\x96\r\xef$|\x95\xaf\xdd8G\xfa\x1eYe\xc5\xea{\xaf\xda\xa0\xae\x03\x858t\x89}\xfc\xcc]\xe2)\x11]\xd2\xf5:\x1cW\'\xfa\xbb`6\x96\x931}\x03s\xeac\x8f\xaa\x13\xc5N\x05C\xda$\x15\x87\x022\xa3\xddU2\xa8$A\xf8\xc9l\x9b=\xc4\x89\xb7\x95\x84\x87 \xb5K\x7f\xa8\xd9\xe9\x8c\xaa\xca\x1cZ\x96\xac\xd5\x90\x18\x97&amp;\xc8LaF\xfa\xa1\xf5\xb6\x9d\xcb\x14\xdc\xab"\xd2#\x0c\xf0T\x9d\x0f\xac\x1f\x9f\xbfp\x82\x8f\xbe0\xdb\x89+F+\x83\x9bV\'\xc5\xfe\xadb\xd5;\x81Ma\x02D\x7fm\x98\xdcGeo\xca\x10\x8f4\r\xb7c\xafc\x18\xdbx\x00A\xf27P\x7f\xfd\xefy\xc5\xb7#\xfa^\x8a\xd7\xa1\xac\x85\x96\x1a\x96.\xbb\xe4\xb8,\xbd\xf2\x9c\x9a\x1cB\xf4\x85\xae\xf7S\xec\x14\x8dG]\xd4\xcd\xf6\xb9\xc3\xa5\xf4\x10\xac\xb3\xfddZ\xf7\xd6"\xafvIov\xe6\x86K\xf5\xbc?\xc3\x00&gt;\xf5!\x8c\xf6 \xa25\xe3\xba\xc3V\x10\xa1\xe9Wd\xcf\x8e\xd41\xd9\xb0Ja\x07\xd7N\xfb\xfc\xc5\x93I\xaa\xfb1\xcf\xbei\xd5\x0cUq&gt;\xbdr[\xd0\xd7\xafH\xb9\xb6\xb9\x9d\xc0\xbe\xc6\xca\xef\x1f=\xfd\xc2\xbdWk\x15\xa6\xd9-3\xcc\xdeK\xcaB\x0e\x12\xeb\xd5jo\xdb\xb1\x8c\x88&amp;w)\x14i\x1c*Y\x15C\x90x\xd25\xf5\x81a4#\xc7jN\xca\xf5\xc7\xf9s\x8f\xd9l\xdc\xaa\x19\x88\xc8^\x06\xe9\x03\xd7l\x11\x1e\xd8\x9c\xe6\x83\x80l[W\x168%\xa5\x85\xfe\xfb\x8c\x88F7\xd4\xe0TC\xbf\xc2\xe8\xab\xd7\xcf\xe8\x9e\x1d1\xa4\x8d\xd4e\xc5\x17(\t\x87\xf4\xf6\xee\xce\xaa1]O\x1d\xdeLD\x05.\\!4\x15 \xfa\x96\x1c\xd5\xb0\x13Y~\xcc\xd9\xb5d,\xfd\xfe\x81\x16\xe3b\x18\x97D\xc4\xa6\xa4l\xa3\xe7\x9c\x00\xc9\xfe\xadbk\x92\x9c\xe1P\x14\xd7W\x88\x03\xc6\xd5\xe4\x16\x1b*\xcdnz\x178\x9b\x14@A\x90\x03#\x92,\x07\xbe\xc5Y$\xd7\x0fD\x94\xe9\x16\xa9\xe1LcE\xee\xbc\\\x1a\x01ee\xad\xe8\xaf\x8f\xad\x9f\\?\xa97\xfd|\xce\x14]\x9a\xafb\x12\xfe\xed\xc3\xa7d\x95\x8150\xeb\xb1\x9b\xfd\xb0\xd4\xea\xc4\x005\xd2\x02\x1a*7\xb8\xa9=\x8a\xfe\xf8\xd0\xf48\x06\xa0\x9f\xdf\xbdk\xef\x1a\xe9\x97[\xc7\x1e\xe9\xa7\xf7\xa9LLT\xc1Odz\x8f\x12\xf9\x171M\x830i\xcd\xe8\xfc\xb9\xba\x07DDt\x89\xfcH\xb8\xda\xd4\x10k\x1b\xcb\'\xcf\xddm\xfe\x03\x18\xdfQ\xf9\xdcGDr\xf3\x89\x00\x94\xb5\x04\x11\xcd\xea\xad\xa5XX\xa7\x14\xbb\xce\xeeT`v\xdf\xf2\x95\xa3\xbb\xd8k\xf0\xc8M;\x847d\xd1\x90\x0e\x16SC\xeb0\xc7\xba\xed\x1a\xc6\xa7\xcf\xe8Y\xaa]gj\x91\x98q\x96\xee\x89\xa7\x8e\xee1\xfds\xdd\x84^D\x14\xad\xee\xd6:\xcd\xfe\xdd\xb2\xc2e-\x00\xa60d\x0e\x1aft\x81\x88\xa4\x94\x07\x10\xbe\xb2\xca\xc2\x8d\xd7M\xe8e\xf1\xcc+\xf7_KD&amp;c\x83\x9a\x1f[e\x94\x924\xb5\xdbv.#\xa2&gt;\x05Q\x12\xed.R\xce\xeb\xf4\xeb{\xf6\xa2\x8fz\xe5\xb5\x14\xd7\xd8\xd9\xb7j\xf2\x9f\x1f?\xebS_\xb3a\xd3\xb4\x01\xc2\xf3\x9e\x807\xd0\x02x\xf9\xe45\xb2\x8c\xe6\xb2NE\xceA\x81\xcdcZ\xf7\xe2FPw\xc5\x9cv1\xde\x876\xcc\x94(f\x9e\xe7\x8f\xcah\xcf\x0c/\x10\xd15\x17\xcf\xd6yhL\x93\xe4\x89\xdb\xae\x90\xd2\xac\x7fQ\x8c\xb9\x9da\xc1\xa0*{-\x89\xbe}\xf4\xa6\x9d\xf6^\x1d\xd2&amp;)\xcb\x07?\xbf\xfb\xb8\xf9\xa4/q\x01 \xfa\xceB\xe0\x97\x88\x14\x17\xf5&gt;\xbe_Fz\x9aJ\xe5\xb8\xd9}\xca\x85\x07\xa5\xcd\xf1\xfd\x9bg\xce\x9f{\xd4\xa2Ai\x04L\xb5\xc0\x88h\xff\xaa\xc9\x16\rn\xdf\xb9\\\xcd\x00l\xae\x1d\x85\xc1\xca\xd5\xf6\x9d\x8f\x90\xc2r\xcbeKE\xda\x88H\xc3\x9a\x8bj\x1aRhZ\rw\xed]+\x1e\x8f\xe4\x90,v94M*\xa3U\xa6\xf1\xda\xe5\xad\x87n:`U\x85Q8(\xd8\xab\xce\x08\xc0\xab\xbeR\x07\x11\t\x91\xe0\x8f\xdd|\xb9\xe4\x05\xc0\xedE\xcc+"=\x94\x99\x80\xa7t)\xd2v$\xbd\xf3Z:\'\x0eg\xe1\xa0\xf6ZuEDW,\x19+\xde\xc0a\'\xc9\x00\x11e\xfbh\x1fh\x10\xd2p\x99q&amp;&amp;\xcf\x96\xcd3\xe8\xe9\xeb.\x99\xd2U\xec\xfb\xa3\xd7\x1c\xc1\x18E~\x00\xc6v\xc8&gt;\xbe\x7f\xbd\xe1\x93\xe6\xc4\xda\x06\xea\x899\xbex\xe1\xf8\xc1#[\x17\x98~*\xc2lh\xd2n\\&gt;\xb2\xb33\xc7\xdc6\xda\xabo\xa1Js\xb1\x0c\xfa\x17\xc5\x08\x7f\xef\xa5s\x87)\xb8\\M\xach\xd7\x8c\x06\xe6\xae\x8eI\x81\xfa\xd5~1\xf5,,xZM\xb5\xf4\xeb{\xd6\xbeP\xf3\xc9k|M\xae\x94~\x0em\x98Y\x9b\x1a\xfc\xcfg/\xb4\x8f\xd3\xf2=\xa8\x88\xf48\xb2m\x81\x86\x1d\x9a\xe8\x99\xdb\xe2\x8a\xa5\xe3\xec\xbd\xda\xaf(f\xe7\xc2Q\xedb\xbc[J\x16L51\xa22\xadMs\xcc\xec\xe5B\x8e\x1fF-&gt;\xc0\xe4.E\x19\x9e\x10\x92\xb3\x84g\x14xJ\x9d\x86\xc5\x06\xe4\xed\x87o\x16i\xacy\xd8\xa6u\xd2\x83~\xec_=\xa5C\x82\xff\xda\xf1=\xf4\xe8\xdcfF\x85\xc0\xce\x85\xa3V\x8c\xec,\xb7C\x95\xc2\xb1/\xdfw\xcd\xba\t=\xc9N]{\x816\xcd!]n\xc9z&lt;~f\xe65\xe94\x03\xae^7]X\x89\xdb\xc5z\x13\xfdlz)\x16 \xa2\xe9\xa2\xf9\xb76\xf1\x00*\xa3&lt;\x89~\xb2\xb7\xda\xa9Q\xcb\x90rd\x9c\xda\xad\xf8\xe9cWJ\xef3J\x08\x97"\x1a\xd96\xfd\xc9\xdbv\xab\x18\x1d\xe3b\xecX0\xf2\x7f\xcf\xddc\xfd|&lt;\xb0b\x94\xecY\xc0\xa5\xd84m\x80&amp;\xe7\x83E\x83-\x83m\xacy\xfd\xc1\x1bdyRK\xed\xf8+\xc3\xcc\x1e\x7f\xff\xe6C\x86(/\x12\x91\xf4&lt;\x03\xd3\xe1\xacm\xb4\x97\x9a%`\xd9\x88N\xa9\xc0\xb9Gn\xb1\'\xf2Q\x19\xe5ID\xa6\x18\'\xb9\xde\xfc\x1c_\xecZ&lt;\xe6\x97\xf7\x9eP0\xb6\xa4z\x83RI8\x88\xc8$B\xf7\xe4\xed\xbb\x89\xe8\xe6K\x17\xcb\xea-\x11(\x0e\x857P\xd6Ba\xb4\xb48\x8f\xdf\xbaK\xf3cq\xe7\xb4\x90\xd1\xed3\xa7tm\xa5m\xb7\x8c\x8bB\xf4\x97~\xa1\xcd:\x11\xd5p\xbf?\xae:\x87\x88\x88\xbeR\xdfsK\t\xb9f$\xa7\xca\xc7\xa8v\x19\xc2\xdb\xdb9\xcdr\xbbk.\xb6n\xb2\xd5v\xcd\x08\xb3ni\x8f=\xcb\xc6K\x1e\x88B\x84\xfdi\xb3\x86\xb1:\xc3+REN\x15\x12\x11YD\xf7\xae\x98HDG\xb6\xce\xb7w\x08\xa8\x8a\xb3\x9b\xb6\x11\xa14\xa0\xde\x9a}+\'%\xd4?~\xf7\xb1\xdb\x88\x88\xe8\x07Y=\xc4\x02B\xa9\x96x\xe0\xae\xbdkU\x8e\xc7\x1aO\\\x88\x11\xd0\n\xf6\n7!&lt;%\x9c"IBEi\x87\x1c\xbehV\xa7\x94`\xad\xaa|\xbe\x18M\x00\x00 \x00IDAT\xfd\x11\xd1\xe3\xb7\xec2\xfd\xd3C\x8bR$\x02\x15Q\x1e\x1af\x84\x9d\xbe\xee\x92\xf7\x9f8j\x9a\x8f"\x00\xd3\x8f5\xccV\xfbf\xc0\x1b\xa7\x8f\xa8\x8fU\xd7\x1b\r\xe5\xf9\xecQ\x12\xde \xf7\xd8bV\x12\xb1[fx\xd6}\xa5w-\x1e\xa3\xe1x\xa6t-"\xa2[w\x88\xc5\x1aYCD&amp;Ee\x17\xaf\xae\xe5\xe2\xc3c\x8ca\xeb\xcc\xc1D4\xa7o9\x94\x86\x04x\x01s\xfbU\x9a&amp;AM\xc2\xd0\x89H\xd8&lt;_\xa4\xa9\x18o\xb4vy\x9e\xc2Rg\xde\x9b\xc5\x12\x95f+!3\xb6\xfe\x125\x19p\x86\x90\xee\x81\xb3\xc7\x0f.\x1eR\x1d\xa9O\xcd\xb5\xbf\xfe\xf7\xfc\x98\xf6Y\x12\x1b\xcf\xeb_\xe9\ny\xcb\xfd\x8ab\x14\xf8!,\x08\x01|\x81\x81\xc5\xf1\x1a\x9e\xd1\x1bY\n\x05\xa3#\x07\xd6L%"A\x92\xac%P\x9d\xa0\xdcg\x9c\xe9\x85\xb7\x1f\xbe\x99\xe8;S\x17B\xd8\xf57\xaf=\xa8\xb8\xcf\xb9\xfd*\x15_kM*\xf0\xd5+\xf7\x13\x91z\xd3\xca\xbdW]\xe4\xb0\xcd\xf6y\xc3\xad\x9fl\x1d\x86\xeb6\xcd\xb5\xd9\xfe\xa2\xc9}\x13\x80\xde\xf9\x0e&amp;Xc3\xbd\xbc\x80\xe2P\xf4-\xd08\xee\xb1SJ\xd0\xb2\xe1\x9d\xb4\xed\xd3\x1c\xf33\x8d\xbf}\xb7\x8d\xf3\x89\x07\xb2}A\x7f~l\xbd\x00\xf8+*\x93 \xe4\xbak26\xa6qb&gt;\x83\xf4+\x8c&amp;"S\xa0\xc8\xe7/\x9eT\xd3s~ \x88~\xfc\xfc\xc5\x13\xc3+R\'\xd5\x16\x08O\x9a\xab\xb5\xc8"\x12\xe8\x98\x1c\xd8\xa2^\xa6\xe6\x9a\x8bg\xef\x12\r\x06w\x88\x0fp\xdf\xd5\x9b\x88\xc8\xa6N\x91\xd3 "\xfa\xe5=\x9b\x11AE!\xb8j\xcd\xd4\x12\xaeh\xa9\'\x11\xf6k\xc6\xed^:n\xf1\x90j\xe1\xb1\xc9*\xa5\xb7n`Mb\x80\xb5Sh\xeb\xac\xc1\n\xba\x8a\x05\xfe\xf9\xecle\x14\xc7\xf73\x92\xb9hJ\xdf\xad3\x07i\xd8!\xd17Zi\xd4\x84\x01\t@&lt;\x90\xe3\x07"z\xef\xf1\xdbM/I\xd9\x1cU5\x0c\xf7\xf6\x016M\xeb\xaf\x95\x0b\xd1&amp;Rv\x96\xb3\xfb\x94\xdb\x1b@\xd3Q\x87\xb6\xe0\xfd\'\x8e\xee]1Q\xf1\xe5\xb2\x94\xbdE\xded""\xfa\xd6\x03\xf07\x9b\x82uM\xa6]&lt;\xa4\x9a\x88,\x0e}\xa5\x11\xf8\xf4\xec\xbd\nzsf\xc9L\xa6\x91\x90l\xf4\x00\x04\x1e\xbcv\x9b,\xf1\xf4\xf3\xe7\x1e\xb39\x87\x8a/\x0c\xe3jr\x85\xc9\xf7\xe0\xba\xe92\x07(\t"\xdam?sG`\xef\xf2\tDD\x7f\x7fb\xf1\xbc?0\xa0\xd8\xaeF\x83\'P\xde\xb0\x98\x96\xf4_{U\xac\x81Z\xa8\x0e\xd0dv\x95\x1b\xbei\x0f\xfa\xe3\xc3o^{P\xd8\x8f\x0bov0p\xd1\x94\xbe\xd0\xda\xf2\x16Z_%&amp;?\x10_\xbdr\xca\xda\xf0\xda.\xd6\xdbX\x9dp\xc6-Q\xf9\xa51\xbf\xda\xa9\xa5\x02\x01\xfa\xf3#"2\x0f\x9dt|\t\xfd+\xd7\x198\xa22\x8d\x88n\xd82_b{S|\x94\xc4\xdf\xff\xfc\x01\xed\xfe\xf9\xec\x05\xa2\xffDd\xdfO_\xb7\x8d\x88\xf6\xaf\x9erh\xc3\xccL9\xf3\x8a\xc5\x82gZ-:$\xf8\x11\x91\x86B7\xbf}\xf8\x94\xf5\x0e\xd4\xde\xe1FXP\x15\xe7\rh\x159\xa6\x15N\x8e\x96\xf1\xb5\xa3\xda\x12\x0c\xac\x19\xa7K\xda\xa0\x89Q\xed2\xfah\xed\xcba\x0c\xa68\x14\xd5\t\xfe\x9dR\\\xb8\xea\x92d\xc4\x85\xd8\xe8\xfb7\x96\x0c\xadq\xceH\x00\xfc\xef\xf9\xe3\x12[\x12\x11\xd1\x7f"\x1a,\xc2\x8c)$7|zVj\xb7\x10-B\xab\xe1\'&gt;\xac&lt;\x85\x88~x\xeba\x89\xed\x85?\xc7B\xf9C\x16\x82\xcb\xc3f(\xb2\x97\xd1No]\x11\xde\xba\xe1\x15\xb6SSr|\xa1q\n\x00\xd3\xe8\x11\xbeR\xdd\xedW q&gt;\n2\x8a\xe6\rh;\xa9saX\xbd\xb3nH\x9b$\x8b\xcd\xef\xa0\x92\x84\xf7\x9f8js\xb3v\xf3\xa5\x8b5\x17}\xdc4m\xc0\xd7\xaf\x9e2\x7f\x86\x88&amp;\xd8\n\xe5\x0c\x01\x9e&gt;\xb6wT\xbb\x0c\x91\xaa\x81\xab\xc7v_3\xae\xc7\xd4n\xc5\xe6\xba@\x82\x96\xfd\x15K\xc6\xce\xed_\xe9\x05\xc4\x00\x13:)\x9fR\xa5\x93g\xcb\x90t\xebeK\xa5\xdb\x8c\x84\xaf\xdc\xa2\xc1\x1dd\xdd\xd7\x1f\x08\x04\xc6w\xcc\x05\xb0o\xd5\xe4,o&lt;v\xf3\xe5\xd6\xcd\xe2\x81\xe1\x15\xa9D\xdf\xcb\xea\xdc- \xfa^x\xeb2\xec\xbbl\xd9\x99\xcb\xc8 \x14 \xa2\xe3\xfb7tI\xd7\xf8 [\xdaP\xd5^D}\xd7b\xe2Pf\x19\x98\xd8)?\xd3\xab\xce\x1eU\x9d\xe8\xff\xed\xeb\xa7\x89\xc8@3\xb6t\x15\x876\xcd\xf1\xc3[\x0f/\x1d\xde\x89\xbe\x7f\xb3w\xde\x05\xdf^A\x10\x96\x8f\xacm\x1b\xe3\x05\xa0{Vx\xdbh\xafs\x8f\xdej\xf1!\x11\x9d7=\xf6\x02\x9c\x13\xcbA\xbf\xbd\xaf2\xa3\xea\x9a\x8bg\x0b\x13\x99\\\xcf\x7f\xbb\x18o\xe1#\x16\xd6 {&amp;\xa6\x05\x83\xaa\x1aG\\\xa3\x85\xb5E\xab`\x04\x8b\xaa\x1ezdi0\xeeA\xc7\xe4@\xf5\x19\xfc\x00\xca\xac\xcc\xff]\xd2C!-\xf0\xc6&lt;\x93@Y\xb0\xb5?0\xac\xfc\xc2d\xe2\x03TDz\xe8$\xa3\xa69\x822\xc4\xcc^\xa5\x1b\xa7\xf67\xdf\\\x97\xb5@q\xa8T\xb7\xad\xf0\xf6\x97F@do\xa8\t!\xf5\n\xc9\x16\x1a\xa5r\xcb\x03\x0b\x13\x99\x94\xdc\x08\x9b\x88\xbf-\x17O\xe9K\x12J\xc9k\xb8\xe5qNud\x9dR\x02;\xa7\x85\xecZ&lt;\xc6\xba\xb0\x04\xc3H\xe5\xc8\xd6\x05\xe6\xdb\xed\xcah\xcf&gt;\xf9\x91\x00\xda4\x87\xb8\x84r0\x1aT1\xec\x91\xadY\xbe\x8d\xbd\xb5\'\xcc)\xba\x05\xe6|\xfd\xca)\xd8\x99\xb3\xda\xc5z\x0b\xbf\xea\x87\x8el\xb7\x884\x9c\xda\xad\x15\xd1\x17\x8f\xde\xbcS\xca\x94\x9e\\\xff`Pk-\x15\xe4&amp;\xd7\x97\x16\x18P\x1c\'8\x9f%\x16\xa8r\x08\xfd\xf3?"R\xa9!j\x8f\xcd\xd3\x07\x12Q\xc7d\x07\xd3r\x98\x9d\xc7\xea\x91\x1b\xa7$\xb1\xbd~\xf9(\x1b&amp;\xf5\xa6\x9f\xdf\x95\xd2rp\xa9\xdb\xd5\xc8a\xecp\xf7\x95\xeb\x9e\xbds\x9fN\x9d\x9b&amp;\x8a\x1d\x0bFZ\xbc\xe4\x07t\xcb\x0c\x13\xbcU\xb1\xa22^\x9a\xe3\x0f\x10\x91\xb6B\xa7\xe2\x1bM""\xfa\xcbQ\x83:\xcc\xb3{j\x92\x02\x84\'G\xb6M\xd7d\x9c\n0-Za\x00\x80\xb9\xfd+\x85\x00GM\xd0\xaf\xc4\x98\xc4@/\xf3\xaf]\xba\xa6\'\xa7g\xef\xda/\xab\xfd\xb4n\xc5R\x9a\xcd\xec\xd5F\xbc\xc1\xa37\xef\x94\xb2\xf2Y\x93\x06\xac\x1c\xddUJK\x16\x08j\x9c8\xd9f\xbaxH\xf5\xc6\xa9\xfd^\xb9\xffZ\x8b\xef\x93\xb6\x95\xa7^\xb9\xefZ-\xbb3#\xdd\x03k\xc7\xf7\x14\x1e\xa7\x02\x05\xf6\x7fq\x0e\x852N_\x7f\x89i\x01\xb0X\t\x85\'5\x9cs\xe5\xd26\xbaA@\xcd\xb2\x11\x9d\x04\xc3T##\x01\xb6Mg\xdd\xb2\xc2o\xdc\xb6Pno-\x1b\xfe\x9a&lt;\xa1\x99\x0c\xc6\xfc\x01m\xc5\x1b\xdc\xb9g\r\x11\xc9\xfd\r\x89\xd7\xa0f\x9a\x10\x81\xc0\x17/\x9e|\xfd\xc1\x1b\xf4\xbe\xd17\xaf=\xf0\xd8-\x97\xeb}\x17\x00-\x80f\xf5\x194\x02Zm\xf5\xb4Z2\x07\xb4\x8a\x15&amp;\xfa\xcf_&lt;a\xf1\xd2\xe0\xd2\xc4\xfeE17]\xb2H\x93\x1b\xe9\x87\x8b+\x95\x8a \x9c\x15\xa6t-\x12"J-\x16`\x0f@\xaa\x0cwC\xbe|\xf9~\xd3cm\xcf\x16r\xd9\xb7jr\xba\xa3\xbc\x89\xc2\xc6\x10\x01\xce(\xe2\xdc\xa3\xb7\x9a\xbe\xe2\x01\xc0\xd2\xe1\x9d\xc4\xc3\x0cB\xb5\xb6\x96:\x87\xbb\xf6\xac!9\x92\xfd\x0e\xf1\x01\xde&lt;s\xa3&gt;\x16l%\x0ch\x15g\xa0i\xf6\xad\x87n2\xee\xe6\x1a@D\xc7\xaeX\x95\xe1\x85q59F\x8fEc:&amp;\x07\x859j#]K\x84\x88\xfa\xb7\x8au\xdc\x8eq/\xd2=\x10\x0e\xb4\x0e\xab\xb39\xbcr\xdf5\xd6m\x9e\xb8\xed\n\xe1\xd5\x1f\xdfy\xc4\xe9\x03\x94D\x87x\xbb\xb6\xdfk7\xce!\xa2\xcb\xe6\x8f\xd0\xf0vD\xe4\x04\x85\xe1o_?-\xa5\xd9\x9c\xbe\x15F\xe9\xc1\xc5)\x8d\x81\xf1S\x1a\xf2\xab-\xb9\xfe\xc2\xd7\xfew"z\xfc\xd6]\x8e/0\x94\x19=Kdi?\xcd\x1f\xd8N\xc3\xbb\x1f\\7]\x88\xeec\x1a!=\xb2#\x84)~\xdb\xec!\x16/\xa5]\xf0U~m\xc8\xd8T2\xba*\xd3T\xf9\xd2\xfa\xafS\x86\xc5\xb6\xf7\xcc\r\x97jx\xc2\x10h\x06\x10Q\xcf\\\xc7\x1d\xf7\xce\x8f4*\xf2\xbd0\xd8vF\xae\x1b\xe1\x07x\x01\xb7\xedXf\xd2\xa3\x95\x88\xf3=\xa2\xad\x9ai\x99\xc2\xcd0\x17\x08\xb0_\xfc$\x00\xe8\x91\xd3\xfc\xf2E\xa3\xed]\xdb\xaa\x99S\x0b\xa6+f\xe5\xe8.D\xa4I\xcd&lt;\x0b\xd3\xae\xa9\xcc\x93\xb6H\xf1\x1e\xa6{\xd4}p\x8aC\xf4T\x86a93\x8eK:&amp;\xdb\xb7)\xea\xd7\x85\x92\xddU\xa0\xab\xd4(\xc3\xd8\xe5\xe2\xa9\xfd\x84\x07\x16q\x8d\x03[\xc7\xdfwh\x93\x867*\x0c\x96\x1a\xc9\'\xce\xfa\x89\xbdM\x8f\x85\xf9:/@3\xe7m\x9a\xd9ca\xfe\xfd\xf8\xd9\xbb5\xe9\xd9\x1a\xf1\xe0\xfb\xed\xf3\x86\x13\xd1wo\x9c\x16\xdf\x19\xea7\xfdM\xeeRDD_\xbcx\xd2a\x10\x97\x1ee\xd0m\xe2W_\\\xa8m\xb4\xd7\xea\xb1\xdd\x9csS\x89\xa8\xc9\xd4\xe8\x95\xdbRM\xf8l\xac\x1c\x8b?\xc3X2\xa4M\x92 \xb3\xb3~b\xefC\xebg\xe8t\x97#\xdb\x16t\xcb\x0c\'\xa2VZ\x9c\xb1[\x02\xb3z\x97\x11\x11\xfd\xf4vs\tq\x99\n \xfa\x82\x88\xe8\xfb7\xac_\xea%\xc1\x80\xe3\x90K\xe6\x0c\x15\x118\xcb\xf0\xc2\x87O\xdd\xe1\x9cdT{X\xab\x14\xd8\x1c\xb0\xb6a\xbe\xe2\x08\xe7\xbc\x03k\xa6\xe6\xa8Xtt\x1ao\x80d\xc7\xc9SG\xf7~\xf9\xd2}\xc2\xe3\x82 \r\x0e\x9a\xea\x0fkZ\x95\xee`\\\x88\xceiv\xe7\xdav1ugN\xa1@\xeeSG\xf78gH\xd5\x89\xfe\xfd\x8a\xc4\xf5=%\xb1lx\xa76\xcd/\xccPz\xd8j\n\x82@Dm\xac\xb2\x98\x1f\xba\xe1R"\xbay\xbbZ\xe9\xf9\x92p\xbct\xe2P\xbbX\xd9\x87\x7f\x9b\xc2m:Q\x11\ts3T\x86\'\xa4\xc7\x8b\x94F@[\'\xf6\xf6y\xc3\xed\xd5\xd14\ne\x1a\xa5\xf4\xeb{D\x14\x08x\xebY\xb9W\xa2\xa6\xba\xab\tq3\x9aAD\x0e\xf3A\xf2\x02\xf0\xa9d\x89cMPy\\\r3{\xbcm\xf6\x10\xd3\x1a\xb0lD\xad\xbdK\x1e\xbe\xf12\xd4;\xf7\xde}\xec6\x0b{\x917\xb0i\xda\x00\x9b\x17\xde\xb1{\x95\xf5\x93\xc2\xed\x8e\xeeZ!{\xe8V\xa4\xd6[\xb1\xfc\x81\xaaX\x1f)g#\xa1x\xa7\xe9\x9fN\x88\x13]7\xa1\xa7\xf9?\xab\x13\xa5\x1e\xb7d\x15u\x90\x82\xb1\x1e)"\x9a\xd2\xa5\x81\xb8\xb7/P\x93\xa8d5&gt;\xf7\xe8\xad]3B\x01DC\xc6\x82\xea\x90\xb9\xfd+\xcdO\xa6D\x94\xe5\x8a~\x1c\xc6Y\x08\xc7:\x7f\xc0z\x1b+\x0b\xe9\xdf\xd1\xc0\xba\xf9\xf1\'\xe1\x9f\xce)&amp;#\xcc\xc8\x97\xce\x19f\xaf\x81\xe0\x1d\x16\x0e\xfeq\x80u\xc51Y\x9b\xa0\x81\xad\xe3\x89\xa88L\xde \xad)\x0c\xc6\xc5S\xfb\x99L\x19K\x87u\x9c\xd1\xb3\xd4\xe1U\xcaf\x1c)\x14\x87\xa2sZH\x80\xa30\x18\xa1\x92\xa5\xcd\x97J\xc2u\xd7\xad\xb3 \x1e\xc8\x0f\x04\x80H\xe0\x8a%\x0eJ\xb0)\xc3T\xab\x87~z\xfb\xe0\xdai\x9a\xf4y\xe2\xc0E5I\x01K\x86\xd6\x10\xd1GO\xdf\xa9I\x9f\xd6\x94r6pS\xa6sZ3\xad\\\xa3)@\xaa41\x96(\xb3\xa0\xa3\x1e96\x96\x9d\xa9\xd2\x04R$\x92\x17Pgu\x95\xb2\xd1\t\xb5\xa3\r`\x14\x0b\x06U\xd1\xf7o\x9a\x04\xf43\xbc\x90\xee\xe1\xec\xfak\xe6\x88g\x0bZ\xb4\xb4yX\xd9\xbb|\x82\xb8J \xea\x0fpD\xb4s\xe1(\x99\x03\xb4\xcb\xe0\xd2Da\xf0\nf&lt;\x87\xd2u\xa6\xf3\x8e\xb6\xc7\x8f\x96\xda\tA3\x8c\r\xd2&lt;$\xc5\xc6H\x9f\x13\x89\xfej#\xc1\xf7\x99\n\x08\xb5\x8dl\x16\xcf\x92(\x159\xbbO\xb9\xb4!\xd1O\xef&lt;*\xa9GQ\xd7\xdf=\xfb\xd6K\xec\x04@\x9a\x9d\xaaUr\xe9\x10\xefg\xb2\x90\xfb\x02DT\x18dd\xe9\x0f\x9b\x93Q\x85&gt;\xba\xf2\x83K\x13\xb5\x92 \x15\xb8k\xef\x1a"2/\xa5 \x8e\x07\x90\xe9\x8dp\t\xa7[\x9d\xf2\xdaf\xf5ncZ\x00\x8cM\xc3\xf5\x04Z\x00\x0b\x07\xb77t\x14\x8c\xd6x\x00Dds\x1bn\x0e\xd1\x176\x</t>
        </is>
      </c>
      <c r="E51" t="inlineStr">
        <is>
          <t>&lt;class 'numpy.ndarray'&gt;</t>
        </is>
      </c>
    </row>
    <row r="52">
      <c r="A52" s="1" t="n">
        <v>50</v>
      </c>
      <c r="B52" t="inlineStr">
        <is>
          <t>steps_per_sec</t>
        </is>
      </c>
      <c r="C52" t="n">
        <v>800</v>
      </c>
      <c r="D52" t="inlineStr">
        <is>
          <t>3.366608</t>
        </is>
      </c>
      <c r="E52" t="inlineStr">
        <is>
          <t>&lt;class 'numpy.ndarray'&gt;</t>
        </is>
      </c>
    </row>
    <row r="53">
      <c r="A53" s="1" t="n">
        <v>51</v>
      </c>
      <c r="B53" t="inlineStr">
        <is>
          <t>Loss/object_center</t>
        </is>
      </c>
      <c r="C53" t="n">
        <v>800</v>
      </c>
      <c r="D53" t="inlineStr">
        <is>
          <t>0.39823452</t>
        </is>
      </c>
      <c r="E53" t="inlineStr">
        <is>
          <t>&lt;class 'numpy.ndarray'&gt;</t>
        </is>
      </c>
    </row>
    <row r="54">
      <c r="A54" s="1" t="n">
        <v>52</v>
      </c>
      <c r="B54" t="inlineStr">
        <is>
          <t>Loss/box/scale</t>
        </is>
      </c>
      <c r="C54" t="n">
        <v>800</v>
      </c>
      <c r="D54" t="inlineStr">
        <is>
          <t>0.117906705</t>
        </is>
      </c>
      <c r="E54" t="inlineStr">
        <is>
          <t>&lt;class 'numpy.ndarray'&gt;</t>
        </is>
      </c>
    </row>
    <row r="55">
      <c r="A55" s="1" t="n">
        <v>53</v>
      </c>
      <c r="B55" t="inlineStr">
        <is>
          <t>Loss/box/offset</t>
        </is>
      </c>
      <c r="C55" t="n">
        <v>800</v>
      </c>
      <c r="D55" t="inlineStr">
        <is>
          <t>0.23129517</t>
        </is>
      </c>
      <c r="E55" t="inlineStr">
        <is>
          <t>&lt;class 'numpy.ndarray'&gt;</t>
        </is>
      </c>
    </row>
    <row r="56">
      <c r="A56" s="1" t="n">
        <v>54</v>
      </c>
      <c r="B56" t="inlineStr">
        <is>
          <t>Loss/total_loss</t>
        </is>
      </c>
      <c r="C56" t="n">
        <v>800</v>
      </c>
      <c r="D56" t="inlineStr">
        <is>
          <t>0.7474364</t>
        </is>
      </c>
      <c r="E56" t="inlineStr">
        <is>
          <t>&lt;class 'numpy.ndarray'&gt;</t>
        </is>
      </c>
    </row>
    <row r="57">
      <c r="A57" s="1" t="n">
        <v>55</v>
      </c>
      <c r="B57" t="inlineStr">
        <is>
          <t>learning_rate</t>
        </is>
      </c>
      <c r="C57" t="n">
        <v>800</v>
      </c>
      <c r="D57" t="inlineStr">
        <is>
          <t>0.001</t>
        </is>
      </c>
      <c r="E57" t="inlineStr">
        <is>
          <t>&lt;class 'numpy.ndarray'&gt;</t>
        </is>
      </c>
    </row>
    <row r="58">
      <c r="A58" s="1" t="n">
        <v>56</v>
      </c>
      <c r="B58" t="inlineStr">
        <is>
          <t>train_input_images</t>
        </is>
      </c>
      <c r="C58" t="n">
        <v>800</v>
      </c>
      <c r="D58" t="inlineStr">
        <is>
          <t>[b'512' b'512'
 b'\x89PNG\r\n\x1a\n\x00\x00\x00\rIHDR\x00\x00\x02\x00\x00\x00\x02\x00\x08\x02\x00\x00\x00{\x1aC\xad\x00\x00 \x00IDATx\x9c\xed\xdde\\\x14\xdb\x1f\x06\xf0\x1f\x08v`\xb7"J\xda\x8d\x8d\x85\xd8\xdd\x85^\xec\xee\x8ek\xf7\xb5\xbb\xebo^\xbb\xbb\x03;\x10\x15\x91Z\xbb\xb0\x90\xd8=\xff\x17\x8b\\$7f\xe6\xcc\xec&gt;\xdf\xcf}\xb1\xec\xce\x9c\xf3\xe8\x95\x9d:\xe7w\x88\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e2\x18\xdb\xa9\xae%\xef\x0c\x90\xb4\x14\xbc\x03\x00\x80\x89\xfa\x14\x12\xf8U\xcd;\x04\x80\x19(\x82s-\x00\x00\xd9\xb2\xe6\x1d\x00@\x11V\x8c\xf3\xe2\x1d\xc1\\\xe0\xbcQx\x03\x9b\xba&amp;\xf8~\xa4\xc49\x00\x94)g\xae\\\xbc#\x00\x00\x00\x00\x18\xa9\x97Gi\xde\x11\x00\x00\xe2\xc2- \xd1y\xd6,\xfa\xebW8\xef\x14\x00\x00 9\xf1ng\x9e\xdf\xbe\xa0Dz\xd1Z\x07\x00\x00yZ5\xa1\'\xd3\xa8\x02\xae\xed\x8b\xffQJ}\xdaqN%T"\x00P\x18\xdc\x02R\xaa\x1a\xb5j\x12\xd1\xa9c\xc7\xe3\x7f\x14\xa1O;^}:\x08\x94\x08\x00\x00$1w`[\xa6Q\x19\xdf\x0e\xfb\xf4x\xa2g}]\xb6,\x97\x85\xd8\x17_\xe3{\x04\x00\x93\x92\x87w\x0034w`\xdbs\xdb\xe6\x1b\xdf\x0e\xfb\xfa4Ju\xbb\xbesV\xe3\x9b\x02\x10D\xf7\xda\xc5\xeb\x16\xc9\xc8;\x05\x808\xf2\xf3\x0e\x10\x1b{\xff`\xed\xe4&gt;\x83\x9aW\xe6\x1d\x04 Z\xcb\xb2\xb2\xfa\x151ex\x06\xc0A\xb0\x84}\xcd\xea\xd7*\x99-\x18\xbby\xedZ\xaaTx\x16l\xee\xdc\n\xa6\xe1\x1d!\xda\xde\xdb\xd1\xbf"c:\xd4\xe1\x9b\x04\xb8\xe9Y\x0f\x93\xa7$\x92\x8dw\x00\xe0.%Q\xe8\xd3\x0b\xbcS\xc4\xf5\xfa\xee\xb1\xbc\xbc3\x00\x00\x00\x07\xad\xcb\x17\xe4\x1d\x01\x00\x00\x00\x00\x00\x00\x00\x00@\xd9\xb0$\xa4\xec0\x8d*\xd5\xdb\x803\xb7\x9e\xf0\x0e\x02\x00&amp;\x0e\xc3@\xe5((0\x90w\x04!\x95\xc7$3\x00\x00]\xdc:\xb8\x9aw\x04\x00\x00\x00\x00\x00\x00\x00\x00\x00\x00\x00\x00\x00\x00\x00\x00\x00\x00\x00\x00\x90\x87\xaay\xadyG\x90\x91a\xad\xaa\xf3\x8e\x00\x00 \x89o\xcf/\rmY\x8dw\n\xb9\xc8C\x14\x11|\x93w\n\x00\x00\x90\\n"\x0f\xc7\xcc\xbcS\x00\x00\x00\x00\x00\x80\x04\x9cR\xf2N\x00\x00\x00\x00\x00\x00\x00\x00\x00\x8aU\x16\xcf\x95A\x81\xb0\x1e\x80L\xa5$Z=\xa1\'\xef\x14\xa0\x13;"\xf7\x06ux\xa7\x00\x00S\xf1\xf4\xfc\x0e\xa6Q\xf1N\x01:iS\xc1\xb60\xef\x0c\x00`:\xea;eys\xef8\xef\x14\xa0\x93&lt;\xbc\x03\x00\x00\x00\x00\x00\x00\x00\x00\x00\x00\x00\x00\x00\x00\x00$"+\xef\x00\x00\x00\x00\x00\x00\xcaW\xa7p\x86\xd9\xfd[\xbf\x7fxj\xf1\x88.\xbc\xb3\x00\x00\x808\xe6\x0fn?\xa0\x89k\xcc\x8fKGy\xde&lt;\xb0\x8a\x85&gt;e\xa1\xbe,\xec%\xfb\xf8\xa8xZ\x8e\xe9\xb8\xe9\xe9^\x8aw\x04\x00\x001\xad\x9d\xdc\x87E\x05\xb3\xc8 \xd5\xed#\x0eV\xe4n\x9f\xe9\xf3\x93sL\xa3b\x91A,2\x98\xa9CX\x98\xff\xab\xdbGx\xc7\x14X\x9d\xc2\x19\x93\xdd\x06\xe5\x92@H\xcb\xc6t\x7f\xf7\xe0$\xef\x14\x00\xff\x997\xa8=\xfb\xec\xc3&gt;\xfb\xdc:\xb8\xbao\xc3\xf2D\x94\x96hL\xc7:\x91!\xb7XD\x10\x8b\x0cb\x1a\x15\xfb\xfa\xec\xf9\xc5]\xbc\x93\x02(\xdc\x8c&gt;-X\xd8K\xde)\x00hh\xcbj\x13=\xeb\x07\xdd8\xc0\xa2\x82{\xd4-\x19\x7f\x83\xd7w\x8f\xb1\x9f/\xd8\'\x1f\x16\xe6\xcf\xc2\xfc\'z\xd6\x97&gt;$/\xb9\x8d\xd8\xb7|6\xc1b\x80\t\xc2\xe2\xae\xc0Kz\xa2:\x853T\xcb\x97\xf2\xd6\xc1\xd5g6\xcf\xad\xef\x9c\xb5G\xdd\x92\xf7\x8e\xaeOp\xe3\x14DA7\x0eh^\xdfeo\xee\xcd\xe8\xdd\xa2|6r\xb4\x968\xafN\xb2\x12\xdd\xd8\xb7B\xc7\x8d\xdb\xb9\xda%\xf1\xe9\x98\x8e\xd1\xe5Qg\xf5m\x15\xfb\x89\x88^\xc6vr7lG\x00\x00\xb1\x0cjV\x99\xbd\x7f\xc8\xc2\x03XT\xb0g\xcd\xa2\xba\xef\x18\x7fM\xca\x06.\xa6\x7f\x96\xdb\xbdv1\xde\x11 a\x16\xbc\x03\x00(\xcf\xab;G---"\xc2#\xce\x9d&gt;\xddu\xdc\x12c\x9azxb\xb3e\n\xcb\x1au:}\x10*\x9c\x92\xd9[\xd2s\r\xef\x10 s\xcf.\xec\xe4\x1d\x01\xccW\x95&lt;V\x0b\x87u\x12\xaa5[\xa2\x0f\x8fN\xfb_\xd9k\xcc\xbdr\x85\x9a\xe2\xd58\xce\xac\xe3ms\x86J\xd3\xf5\xc6\xa9\xfd\xa5\xe9\x08\x046\xa2\xad[\xc0\xb5}\xbcS\xe8\xa7W\xbd\xd2\xbc#\x80\x00:T\xb1\x9f\xd0\xb5\xfe\xee\x85c\x84mvt\xfb\xda\x9a\xd7w\xcen\x9d\'l\xb3\xf2\xd7\xcb\xa3L\x9c%\t\xf3\xf1\t\x02 \x9a&lt;D\x9f|\xce\xf2N\x01\xc6zqe/\xfb\xf2\x84iTb\x0c\xe2\xecP\xc5~P\xb3\xca\xe9\x88\xd2\x12\x9d\xd9&lt;\xb7\xa7\xd9\x9c1t\xa9\xe1\xcc;\x02\x80\x98J\xa4\xe7\x9d@\x04\xb9I\xa6\xe3XD\xb2zBO\xa6Qi\xc7q\x1e]3U\xa4^\xaa\xe7K\xf5\xee\xfe\t\xa6\x0ea?_\xcc\xea\xd7J\xa4^db\x82g\xfd\xab{\x96\xbd\xba\xc3gN\\\xd1\xd4\\\xba\x050\x15&amp;\xff\r\x15\xdb\xce\x05\xa3XD \xfb\xe2\xfb\xf5\xd9E\xf1\x86\x1e\x9f\xdf\xbe\x80\xfdz\xc9\xc2\xfc\x99:D\xfd\xea\xce\xf21\xddE\xeb\x8a?\xaf\xba%}\xcel\x9b\xd6\xab\x99\xf4]\x1f^\xf5\xf7\xee\x7fFK\xdf/\x00(\xd2\x86)\xfdXT\xc8\xf1u3Z\x94\xce+R\x17\xb5\n\xa5c\x9f\x9f\xb00\x7f\xa6Q\xb1\xa8`\xf6\xeb%\xfb\xe4\xb3u\xd6\x10\x91\xbaS\n1\x9e\x8d\x07\\\xdb7\xa4eU\x11\x1a\x06\x00S\xb4c\xde\x08\x16\x194\xb8E\x15\xf1\xba\x88R\xddb\xe1\x81,*\x98iT\xd1\xb5\x83\xd4!Q\xaa[N\xe6t\xabM\x02\x19\x88f\xf7o\xcd;\x05\x00(D\xadB\xe9\xd8\x0f\xbf\xc7\xa7\xb7\n\xd5\xa0k\x8e\xb8\xf3oT\xb7\x0e3u\xc8\x7f\xdf\xfe1\xffE\x06\xa9_\xddiV*\x8fP]w\xab%\xca\x9c\xac\x9cb4*\xb4\xd9\xfd[o\x98\xda\x7f\xc9\xc8\xae\x1f\x1e\x9e\xe2\x9dE.,\x93\xdf\x04\xc0\xbc\xbdV\xfd\xf0\xbb}\xc7\xe7\xd1c\xe3\x9b\xf2\xaa[r\xe3\xb4\x01\xb5\xdc\xebT\xca\xf9\xc7\xaf\xde\xd0~\x03\x881bD\x8c\xc5\xd9\xc52K\xe6v\x9d:\x1a\xdf\xb5\xd6\x86\xb3\x8ft\xdc\xd2\xd1J\x8ff\xdf\x1a\x92Ej\xa1_\xbe\xec\xd8\xb25Sf\x9b\xac\x85lyg\x01\x00\x85\x18\xdf\xa5^\xe8\xd3\x0b\xd5\xf3\xa7\x12\xa4\xb5\xe1mj\x10Q\x16\xa2\x0c\xb1\xde&lt;\xbdyN\xdcs\x7f\xed\x7f\xea\x10\xf6\xeb\xe5\x83\xe3\x1b\x05\xe9Zw\xe5\xb2\xe8\xb7\xfd\xc0\xa6\x95\xc4\t"\xbc=\x0b\xc7\xec^\x88\'\xc0\x00\xa0\x9b\xa0\x1b\x07\x96\x8c\xec*l\x9b\xcdK\xe5]9\xbe\x87\xf6u\xd14\xc4\xde=H\xf8\x00\xa0Q\xb1\xf0\x80/\xbe\xe7\x8b\xc8\xb5h\xcb\xda\xc9}2\x11u\xae\xee\xc8;\x88\xae:V\xb1O\xc7;\x83|(\xe3\x16\xd0\xa5\x1d\x8b\xd8\'\x01.\xc0\x01\x0c\x10\x15\x15\x95"E\na\xdb\x1c?\xedo\xaf&gt;\xbd\xb47\xf7\x0b\xd8f%\xcb\xc4\x7f\x13-,^\xbfz\xe5\x17\xf7\xce\x90\\\x9c&lt;z,\x94h\xcb\xc5\xa7\xbc\x83\xe8j\xdb\x95\xe7?xg\x90\x0fe\x1c\x00~\xfc\xf81\xacgo\xde)\xc0L\xdd\xf6\xf6\xb6\xb2J\xf8\x8ex\xadB\xe9\x0c\xb81\x94\x99\xa8h\xb1b)r\xe4\xdc\xbaw\xd7\x8ey#V\xac_K\xe9\x13?+\xb5\xb4trv^\xf7w_\xfd\xfb\x91\xc2\xae\x9b\x01\xbc#\x80\xa9\x13l\x0c\x04\x80\xfe\xb6\xcd\x1e\xf2\xd3\xff\xea\xe8\x0e\xb5\xe3\x7f\xd4\xb9\xba\x93\xf6\x9e\xbe^\xd2\x13\xf9\x9c\xd9\xc6~\xf8\xb1\xf0\x00\xb5\xea\xf6\x9b{\xc7Y\xd8\xcbDo\x01E\x85\xb0\xcf&gt;\xef\x1fb\xf1;0Ki\x88\x88h@\x13W\x07}\x86%\x00\x08b\xfd\x94~,&lt;\x80\x85\x07\xb0_/\xbd\xfe\\\xed\xcb9\x15\xdd=\xba\x9e\x85\x07\x180;\xac|V\x8a\x0c\xf1f\xea\x10\xf6\xe6^\xc8\xad\xc3\xecW\xe2\x07\x00\x8d\x8a}{\xf6\xf5\xd9E\xe1\xfeL\x00\x8a\x92\x8f\x88\x85\xbd\xc4\xa3\x1b"r\x11f(\n\x11Q=\xac\xa7\x96\x9c=\x0b\xc7\xb0\x1f~\xd1k\xf9F\x05\xb3\x1f~\x93\xba5\xd4~\xd4\xce\xd5\x8e}\xf6\x89\xfe\xf4\xeb\xd3\xe1\xad\xf5\xbb\x0e\x18\xdc\xa2\n\xfb\xe4\xc3~\xbe\xb8\xb9\x7f\xe5\'\x9f\xb3\t\xcc\x00\x88=\x10(\xd4\xf7\xe3\xe33:\xb6l\xa3W\x0e0o\xcax\x06p\xe9\xea\xbf\x14\xfe\x0b\x8fn\x88\xc8\'\\\xb0\xa6N&lt;\xfd,X[\xa6hL\xc7:-\xbd\xbaS\xca\x94d\xf1\xfb\xd7$e\xca\xc9\x8b\xff\xb9\xbckq\x03\xe7\xacMZ4\xa7t\xe9\xc9\xda\x9a\xd4jJ\x93&amp;m:=\xceO\xec-i\xf0\x88\xe1\xc4\xd8\xaf\xb7\xef\xbe}\xfb\x96.\xe9}\x19#\xa2\xb0\xb0\x9f:6\xfeE\xf7\x1c`\xf6\x14p\x00p\xb4&amp;\xdb\x92%\x17M\x9d\xce;\x08\x98\x97\xb5\xdbNS\x94\x9a4\x1a\xb2\xb4 "\xb2\xb4$KKJ\x9d\xbaJ\xc3\x86[\xf6\xecj\xda\xaa\x05YZ\x90\x85\x05YZ\x92\x85\xc5\x8f\x1f\xdful\xf6\xe9\xf9\x1dw\x9f_N\x95:\xf5\xc4\xa1\xc3&amp;\x8c\x1c\xfd\xe2\xd9\xf3\xaf_C)J\x9d\xe8\x0e\x96\x96d\x9d2o\x81\x82\xa3;\xd4\x11\xe2\x8f%\x91\x14D\xd5\xf2\xc5[\x00\x13dF\x01\xb7\xd53g\xb6\x987f\xec\xa65X\x05L\x0f\xe5\xb2\xd2\xad\x8f\xbcC(\\\xbd\xaa\x0e\x94&gt;\x1d\xa9c}5[XP\x8a\x14\x94\xda2\x8b\x93#Y\xfc\x1e\x99\x1f\x19E\x96\x96\xef\xde\xea:\x19\xf6\xe7\x8f\x1f\xfe\xcf_\xb4l\xd8\xf5\xb9\x9a\x88\xc8\xad\xa0w\xc0\xcb\x80\xe9\x8b\xff\xa1\x946\t\xef\xc0\x18\xa5J\xf9\xe3\xf5\xd7\xc5\xdbO\x1b\xfcg\x91^\xd4\xa7\xc7\xef\x83Cr\x94\xac\xc7;\x08$E\x01\x07\x80\xeb\xef\x98j\xf1\xce`\xde1\x94%g\xae\xec\xf4\xf1=\xef\x14\xcaV\xacd\tb\xec\xbf/\xfa\x18\xdaw&gt;~\x8c\xf8\x19\x962Gv\xb2\xb0 \xb5:\xfc\x97\xae\xf7\xe6J7\xfc+\xf6\x8f\xe7\x03\x7fFD\x9c!M\xe2+\xe12F\x1a\x8d\xef\xe3\'\xba\xde\x03\x92\x87\xbbW\xaf\x97i\xf4W\xf2\xdb\x01Wr\x9d_\xf8\xa7\xfcD8\x00\xc4\x97\x89(\x94w\x06\x13\xf6\xf5\xd9\x85\x0cv\x85\xc9\x82\x128\x060\x16\xe4}\xeb\xfc\x99\xb3\xd6\xd6\xd6\xf5\x1a6\xc8\x92\'\xf7\x9b\x80\xc0\xdc\xa5\xeb\x1b\xd6\x91\x935=y\xfd\x90\xb2$R~\x81\xb1\xb0\xc0\xa0\x01={\xad;\xfd\xd0\xb0\xf6E\xd2\xce\xd5\xee\xccu\x7f\x9ce(\x9a\x02\x9e\x01\x10Q$\xef\x00\xf2\x84o\x7fQ\x85\x85\x85\x91\x05%|n\xae\xd6\x14(Q\xfc\xe3\x87\x0f\x1dF\xce?w\xfa4\xa5K\xe7\xeb\xe3cpG\x91\x91Dju\x12\x17\x01\xafT\xaa\xc32\xfb\xf6\'\xa2\x8f\x1f&gt;\xe4\xcb\xc4;\x84\xfe\xaa\xe6E}m\x00H\x8eW\xdd\x92,*\x98\x85\x07$04\xf3\xd7K\x16\x11\xd4\xa9\x9a#\x11\xd5\xb4M{\xe1\x7f\xff\x18\xd3Qv"\xf6\xee~\xa2\xc3@#\x83\xd9\x97\'\xe3:\xbb\x0b\xf4\xc7\x02\xca\xc6;\x80|\x88{\x05`#j\xeb\xa6\xee\x7fs\x87\xf3\x8e`\xd6\xde\xbd}K\xe1\xe1\xf1\xeb3\x13\x11\xa95di\xf9\xe4\xd1S":\x17\xf0\xb3F{\xa3\xd6\xedzO\xb4i\xf5\xdao~/H\xad\x8e\xdb\x9dZM\x96\x96\x07\xb6m\x9f\xbeE^3\x81\x95;\xbe\xc7\xd1\x9a&gt;\xf0\xce\x00\x90\xbc/\xbe\xe7\xb2\xf3\xce \x07\xa53\xd1\xc7\xc7g\xa4/8\xecdM\xec\xa7?\xfb\xe1\xc7\xa2\x82\xa3\xff\x8bU\xa1\x93}6\xfc\x9eO\x82z\xd7/\xcb\xbe&lt;a\x11A\x7fL\x01\x0b\x0f0`\x96\x99\xd8\xf6,\x1asr\xc3,\xde)\x0cte\xf7\x12\xde\x11\x00$\xd1\xce\xd5\xee\xdd\x83\x93\x07\x96O\xe2\x1d\xc4(c;\xd5=\xben\x86\x9d\xe4\xfdZ\x10=\xbf\xb8\x8bE&amp;4G7*8&lt;\xf0\x86\xe0=\xfe\n\xbc\xce~\xbe`\xea\x98\xc3L S\xab\x82o\x1e\x14\xbc##i\x17.\xe6\x9d\x02\x00\x92\xb4\x7f\xd9D\xa6Q=&gt;%\xd8Z\x86fh\xcf\xa2\xb1\xa1O\xcf\xb3\x0f\x0f\xd9\xbb\xfb\xff\x1d\x0c\xbe?gQ\xc1MJ\xe4\x12\xb6\xafw\x0fN\xb2\x9f\xfe\xff\x1d\x004\xaa\xef~\x97\x1b\xba\xc8\xeb\x96\xf5\xbfK\xc6i\xb3\xf1\x0e\x02\x00\xc9i^:oq\xe5\x14Q\x12\xb8\xe8\xbe@\xbaTwZ6\xba\xdb\xe2\x91]\xdf\xdd?\x11]\x14(\xece\x94\xea\xb6\xb0\xbd\xb4(\x9d7\xf4\xd9\x85\xffn4E\x05\xb3\xb7\xf7\xeb9\xd8\x08\xdb\x8b\xf1\xd8\xb7g\xda\x84\xa8$e\x02\xe4;\x0c43Q!\xde\x19\xe4\xc0\xc8\xe5\xb6\xf7\xddU=TN\x11\xa5\xfe\xcd+\xc7\x7fS\xbc\xc5\xb0\xca\xd8\xe84 d\xf3E\xdf\xd0\xd0\xd0\x94\xd6\xd6\x9f&gt;}""\xd2h(e\xca%\xf3\x17\x08\x1bf\xef\xe9\x93\x19\xf3\xe5\xd3N&lt;V\xbf~\xbd}\xfe?\x15\x8b\x96&lt;\xf1\xec\x8b^\x8dH\xf0\xb4\xe0\xe5\x83\xe8\x01\xa93\xc6y\xa5\x11\xbb30[\x19\x88\xfa6,\xc7;\x05Oy\x89\xd8\x8f\x17\x81\xd7\xf7+`\xba\xb6IsNE\xec\xcd]\x16\x19\xf4\xdf\xe9yD\xe0\x8a\xb1\x02Ose\xdf\x9e\xb1\xf0@m]\xe8o\xcf/\x19\xd6H\x88\xf7!aS\xc5\xd7\xaeR\xe1\x98\xf1\xa9b\xf7\xa5\xa3Q\xedk\xf1\x8e\x00 \xa8\xbfj\x17\x7frv\xbb\xf67\xcd\xd3\xcd\x85w\x1c\xb3v\xe7\xf0Z\x16\x1e\xf8\xc7\xf8\x9c\xf0@\xa6\x0e\xb9\xb4s\x91 \xed;\xa7"\xf6\xf6^\xf4m\x1fu\x08\xfb\xfe|\xe1\xb0N\x82\xb4,\x9em\xb3\x87\xbe\xb9wL\xd86\xdb\xb9\xda\x85\x07\xdd\xa8UH9\xb7,\x01\xc4\x90\x8bH\xad\xba}v\xeb&lt;\xed\xd7\x8d#\xa6.rU\x98\xe8\xc5\xe5=\xecW\x00\x8b\x08b\xea\x90\xdf\xe7\xbfA,"\x90}|dd\xe3\xc3\xdb\xd4\xd0\xbc\xbe\xcb\xbe?g\xea\x10\xf6\xc3/\xe0\xda\xbe\x89\x9e\x06\x96\x94 \xa2\xd6\xe5\x0b\x1a\x99Gw\x95r\t|\x03\x99}x\xc84\xaa\x9b\xfbW\n\xdb,\x80"\xa5!\xd2\xae\x06\xc5;\x08P;W;\xf6\xdd\x8fE\x05\xff7DG\xadb\xdf\x9e\xb1\xef~\xc6\x1c\x9d\x7f\xfa_e\xdf\xfd\xa2\xa7\xfb\x86&gt;\x9d\xd9\xa7\xa5`\x89\x15H{\x87\xadM\x05[\xdeA\x00\xe4\x81\xfdzyh\xc5dA\x9aR\xdd&gt;"H;fkR\xb7\x06&gt;g\xb6\x05\xdd&lt;\x10\xbdBdd\x10\xfb\xf9\x82E\x05O\xe8\xea\xa1{#5m\xd3\xb6\xafT\xd8\xde\x92\x88(\x15\x91W\xdd\x92\x9b\xa6\x0f|z~\xc7\x85\xed\xff\xdc?\xb6A\xac\xe8\x82b\x1a\x95Hw\xa8\x9c\xac\t\xa7;\x00\xffqI-XS\xad\xcb\x15\x10\xac-s\xe5\x92\x8a\xae\xec^\xc2"\x83\x98Z\xc5B}\xd9\x97\'\x9f\x9f\x9c\xfb\xf6\xfc\xd2\x8ey#\xb4\xff\xa7\x96\x8d\xee\xd64\xf1\xc9\x01k\'\xf5\x8e~\x8c\x1c\x19\xf4\xc5\xf7\x9ct\xb9\x05\xb5g\xd1\x18\xf1\xc6e\x01\x00\xc8W\xe9L4\xb3o\xcb\x11m\xdc\n\x11i\x9f\xcd\xa4#zs\xef8S\xab\xd8\xc7\xc7\xef\x1f\x9e\xdc2sp\xd6\xdf\x1b\x97\xcfJQ\xaa[,&lt;`Z\xaffe3\x93\xef\xb9\xffE\x97\x96\xfb\xfe\xdc\xe7\xcc6~\x7f\x08\x00\x00\x10\x88\r\x91\xea\xf6\x11\xf6\xc3\xef\xd0\xca\xbfc\xbf\x9f\x93(\xf0\xfa~\xf6\xeb%\xfb\xf5\x92}\x7f\x1e\xbd\xb8\xbcF\xc5\xbe\xfb\xdd=\xba\x9eSXs\xf4\xfa\xce\xd1\xaay0\x94"\x01\xf2\x9d\x08\x06\xa0\x14_\x88\xda6i\xf6\xf3\xed\xdb\xc6\xbd\xff(\xbb\xf4\x96\xe8\xd3\xa7O\x14\x1aJ\xa1\xa1\xaf\x9e&gt;\xa3\x8f\x9f(\xec\x17\x85\xfd"\x8d&amp;U\xaaT\x9c\xc2\x9a\x9d\xb6\x15\x0b\xe5*T\xc8\xd2\x12\xdfu\t\xc0_\n\x80\x00.\xab"\xd3\xd9U\x89\xff~\xee&lt;y(m:\xca\x92%O\xde&lt;\x94!\x03\xa5HA\xd6\xd6dm\x15\x19\x89U\x8e\x12\xd5\xcb\xa3\xf4\xd7\xe7\x17]s\x18\xfb\xa8\xa1C\xe5"N)\xc9\xb5J\xe5\xb9\x13\']\x0c\xd1u\xcdN\x000\xc4\xf6\xb9\xc3xG\x90\x97\x19}Z\x04^\xdf?\xbb\x7f\xeb.\xd5\x9d\x1a8g-\x9f\x8d\x88\xa8x:\xda2s\xb0\xdc*&lt;\'\xcb\x82\xa8\x97G\x19\t:\xba\xb9\x7f\xa5\xf6F\xd9\x98\x8eu\x04i\xb0s5GA\xda\x01\x80\xa4\xb4\xa9`\x1b\xa5\xba\xc5;\x05\x88bp\xf3\xca?\xfd\xaf\xfe\xbbd\xbc\xa8\xbd\xcc\xe8\xdd&lt;f\xba\xb5\xbbq\x85\xf0\x94\xbbd\r\x00\x80\xec\xec\xfeg4{sW\xd4.\xd8\xd7\xa7L\xa3\n\xb8\xb6oP\xb3\x04\xca\x02\xea\xc5\xad`ZA"\x01\x00\x80\x88b*XT\xce\x9d\xa2|\xd6\xa4\xb7\x05\x00\x00\xc5*\x97\x85w\x02\xf8\r\xa3\x80\x00@R\xe93`\x1d\x01\x00\x00 "\xa2\x8a\xd9y\'\x00\x00\x00^\xa6\xf4h\xc2;\x02\x00\x00\x00\x00\x00\x00\x00\x80Q\xd8\'\x9f\x98\xf9M\xbc\xb3\x98\xac\xaayQ\xee\r\x00\xe4g\xef\xa2\xb1S{6e\x1a\xd5\x8c&gt;-xg1)\xb9\x88Z\x94\xc9\x97\x9b\xe8\xf2\xae\xc5A7\x0e\xc4\xbc/\xe0B\x1a\x90\xbc\x93\x1bf\xf2\x8e\x00\x00f\xaaK\rg\xf5\xab\xdb\xc17\x0f\xf2\x0e\x02\xf2\xb3b\x9c\x17\xef\x08\x00 \xa2\xf4D\x0b\x86tpA\x81m\xf9\xb3%""+""\xaa\x94\xcbr\xef\xe2\xb1\x1c\xc3\x00\x80\x1c\xe4$z{\xff8\xef\x14 \xad\x8cD\x0fOl\xe2\x9d\x02\x00\x14lX\xab\xeaUr[e$\xc2\x9a\xd7\xca\xf3\xc3\xff\n\xef\x08\x00 \xb0!-\xaaZI\xd5\xd7\xdd#\xeb\xdbW*\xbcc\xfe\x08\xf6\xe1\xa1T}B,\xef\x1f\x9eb\x1a\x95|\xd68\xcd@4\xa1\xab\x07\xef\x14\x00\xe6\xeb\xdc\xb6\xf9\x92\xf5\xd5\xa1r\x91\x1a\x05R\xdf9\xb2\x8e\x85\xf9K\xd6)\xfc\xe7\xcb\xd3\xf3L\xa3\x8aR\xdd\xd6\xfe\xe8\xe1\x88Z\x7f\x00 \xa9lD\xcex\x08\xcc\xc5\x8c\xde\xcd\xb7\xce\x1a\x12\xf3\xe3\x80&amp;\xae\x1c\xc3\x80\xac\\\xdb\xbb\xcc\x1e\x05gc9\xbbe.\xef\x08\x00\x00\xe2\xb3!\n\xbcq\xa0Bv\n\x92\xd9\x00\xed=\x0b\xc7\xf0\xea\x1a3\x81\x01\xc0\xbcL\xf4l\xc0;\xc2\x1fj\xe4\xe76Ot\xce\x806\xbc\xba\x06\x10E\x9b\n\xb6\xbd&lt;\xca\xf0\xcd\x80\x05\xa0\x15g\xd9\xe8nL\xa3\xda4} \xef \x00\xa0p\xb9x\x07\x00}\x85\x07\xde`\x1a\xd5\xac\xbe\xadx\x07\x01\x00\x88\'\x03\xef\x00\xa6\x8diT\xec\x93O\x12\x1bt\xaa\xea Y\x18\x00\x00\x90\x8e\xef\xb9\xff\xf1\x8e\x00\x00\x00\xa0L\xb3\xfa\xb6j[\xb1\x10\xef\x14\x00\x00\x00\x00\x00\x00\x00\t\xbb}xm\x19\x9b\xb8o\xce\x1d\xd8\xd6\xd3\xcd\x85C\x1a\x00\x00\x90L\xd3\x92\xb9\xe3\xbf\xd9\xa7A9\xe9\x93\x00\x80\xc9H\xcf;\x00\x00\x08\xafz\xfeTu\ncP.\x80rl\x9c6\x80w\x84D\rk]\x9dw\x0432\xa4e\xb5g\x17v\x86\x07\xdd\xe0\x1dDv\xdaT\xb0=\xbdy\x0e\xef\x14\x00B[8\xac\x93\x9c\x8b^=9\xbb\xfdW\xe0u\xde)\xcc\xc5\xac~\xadXD\x10\xfb\xfa\x8cw\x10\xd9ytj\xcb\xf065x\xa7\x90\x8b\xbd\x8b\xb0:,H\xc2\xfb\xe0j\x16\x11\xb8`H\x07\xdeAt\xd5\xa6\x82-\xef\x08\x86\x1b\xd7\xb9\x1e\x8b\n\xd6\xbc\xbe\x1b\xe7\xfde\xa3\xbbI\x9c\xa4\xbesV\xed\x8bjyS\xf6mX^\xe2\xde!i\xc5\xd3\xf2N\x00f\xa2\xa1K\xb6\xe3\xeb\xa6\xb3\xc8\xa0j\xf9\x94QD\x8eiTMK(\xb5\xdc\x11S\x870\x8d\xea\xfd\xc3S\xbc\x83P\xedB\xd1\x8f\t7\xcf\x18$\xe7+T\x1dM\xeb\xd9\xd4\xc9\xda\xa8\x16\xdc\xedm\x8e\xae\x9d&amp;P\x1c0o\xe5\xb0\x0e\x98hF\xb4u\xe3\x1d\xc1p\xe3\xbb\xd4ca/\xab\xe5\x95\xd1\xb1v\xe58/\x16\x15\xcc;\x85\xb1\x8e\xaf\x9ba\xe4alh\xcbjWv/\x11*\x0f\x00@\x02\x9e]\xd8\xc9;\xc2\x1fJe\xa4S\x1bg\xf1Na\xacLD\xf3\x07\xb7\xe7\x9d\x02\x00@\xc6\xf2\xf1\x0e\x00 [\xa6\xb6`k\xec\xd5\x89\x01\x88\xc8\x82w\x00\xa5\xb3!zu\xe7\xa85\x11\xee\xf2\x02\x80\xde\xc6t\xac\xc3;\x82)h]\xbe \xef\x08\x00\x00zb\xa1\xbe\x8a\x1e\xc9\nr\xd6\xa5\xba\x13\xef\x08\x00 \xa1\xa1\xad\xaa\xf1\x8e\x00\x00\xa6\xa5z\xfe\xd4\xae9p\xc7\x18@I\xdc\x1dlxG\x00\x93p|\xdd\x0c|\xfd\x03(\xcb\x8a\xb1\x7f\xf1\x8e\x00\x00\x00\x00b+mC\xf7\x8en\x10\xb5\x8b\x01M\\Y\xa8\xaf\xa8]\x80.\x1a\x17\xcb\xe1wi\xb7\xf1\xed\xd8a6\x00\x80\x9c\xfdU\xa7\x84\xee\x1b\xff3\xb4\xa3xI\x88\xa8lf\xf2\xbf\xb2W\xd4.@\x17\x9a\xd7w\xc3^^+\x9b\xd9\xa8F\x9c\xac\xe9\x93\xcfY\x0cCJ\x9ak\x0e\xaa\x94\xcb\xd4f\x05\x812\xe4$\x9a3\xa0\r\xef\x14 ;\xec\xc3\xc3\x04\xd7\x8f\xd3KV\xa2\x1b\xfbV\x08\x92G&amp;\x0e\xad\x9c,l\x83Ur[\x85&gt;\xbd\xb0\xee\xef\xbe\x06\xb7\x80R``\xb84D\xc6\x9d\xe4\x81Q*d\xa3FEs\xf0N\x01:i]\xbe\xa0\xe0\x95\xecr\x12\xd53n,M\xfcU\xbe\x01\x84\xb7b\xac\x97x\x8dW\xc9m\xa5}\xa1-\\\x89s\x1a\x90\xa1\x8c&lt;:\x9d\xd0\xd5#\xe9\rJq\x89\x95\xb8\x9a\xb6X^\xc0\xb4\xe4!\xaa\x967e\xd0\xcd\x83\x9en.b\xf7\x95\x83\xa8RN\xdc\x0f\x05S\xa3V\xdd\x16\xa9e\xfc\xbe\x80Q\xe4v\x06\x81[R2W=\x7f*\xde\x11\x00\x00\x8cS%\x8f\x15\xef\x08\x00\xc9\xb3\xe3\x1d\x00L\x99\x8b\x92\xcf\xe7Xx\x80a;\xbe\x7fxR\xec9\r \xaa\xdcD&amp;\xb0\xba\xa4\xf1p\x16\xa3Pr\xb9s\xe7\x13\xce;\x8114\x1a\xc3\xf6\x9b6a\xf2+\x95\xe1_\x1f\xd7\xf6.\xfb\xabvq":\xb6n\xfa\xbd\xa3\xeb\rn\x07\x0c\xf6\x9a\x884\x9a\xfb\xc77j\x7f4\xdb[\xe1Q\xbc\x03\x80R\xf5iP\xb6cU\xfb\xde\xf5\xcb\xf0\x0e\xa2\x07\x07+\x1a\xda\xf2\xbf\x82\x94\xb7\x0f\xad\xe1\x12\xc3\xf9\xf7e\x93\xdf\xa5\xdd\r\x8bf\xe7\x92\x01^\\\xdesd\xf5T\xedk\x99=\xc9\x02P\x82\xa6%s3u\xc8D\xcf\x06\xe2uQX\xe82o\xaf\xef\x1c-&amp;\x9b\x91f\x9f|\xce\xf2\x8e\x00\xa0\xb7]\xff\x8c:\xb0|"\xef\x14 \xbe&amp;\xc5s2\x8d*\x89\xbb\xa5\xbd&lt;\xca\x98\xedrG\xb9x\x07P(YM\xd4\xf0&gt;\xb8\xbaq1\xb1&amp;\xd3\xcd\xea\xdbR\xa4\x96\x85b\xd8#\xbc\xfd\xcb&amp;V\xcb\x9bR\xe0( +\xad\xca\x15 "\xed\xb7?\x1e\x97\x81\xa92\xf9\x9b?\x89]\xee\xf6oR\xd1\xdd\xdeF\x82\x00}\x1b\x96\xd7}\xe3\xa2i\xc4\x0bbRD\x7ff\xb5\xe7V\x10\x11\xd1\xd7obwd\xb0\x9a\xb6\xe9xG\x00\xc5\xfb\xca;\x80\xd8\x12\xfc\xa6\x18\xdb\xb1.\xd3hN&gt;\xff"A\x804i\xf5\xf8R\x7f\x1c&amp;^\x10\xd0\x9f\xa35\xb1\xb7\xf7\xba\xd7*\xc6;\xc8\x7f\xe6\rj\xb7zb/\xd7\x1c\xb4xD\x17\xdeY@\xa6r\x11\xb5\xafTX\xa4\xc6\x0b\x10)h\x01\xa2\xdcD\xdd\xe4\xf4\xfb\x0b`\x94Ww\x8e\xba\xa4&amp;"\xeaT\xcd\x91w\x160P-\x91\xaf\xdezy(ip\x9a\xd8PR\x1b\x00\xc0\x04e\xe3\x1d\x00\x00\x00\x00\x00@\x99\x02\xaf\xefg\xdf\xfd2\x10\x91T\xf3\xec\xeb\x16\xc9\x98l\xb9f\x93T\x90\xa8\xad+j\x14\x19\xc5Lg\xae\x83\x96\xa35\xef\x04&amp;\xa7@\x85\xf2\x946\x8dv\xc0\x8a\xb3$\x83\x11O\xf9}}\xf7\xe6m\xcc\x8f\x83\x9aW\x1e\xd0\xd4U\x90\x96\x8b\xcb{|\xdc_=\x9a\xd4kP\x9fw\nP\xb8I\xdd\x1b\x8a\xd4r\xb5|\tLriR"W\x87*\xf6\xa8\xdc \x07\x82\x8f\x16\xaf](=\xd3\xa8X\x98\xbfvb\x94x#\x88\x92\xc0\xc2\x03\xbe\xf8\x9e\x93\xbe_\xe9\x05^\xdf\x1f\xec}\x90w\nP\xb8\x01M\\\xa5\xac\xe1\x15pm\x1f\xfb\xf8hBW\x9c\xb9\x98\xac\xad\xb3\x86h_p\x99\x1df&gt;\xd3-Yd\x10\xfb\xe1\x17\xfb(;S\xf6S\xa6Av|\xcf\xfdO\xca3\xb5\xc6\xc5r\x1eZ9Y\x86\xf3\xdf\xcfm\x9d\xdf\xafQ\x05\xde)L\x81[\xc14\x0fOn\xe6\x9d\xc2\xf4\x8d\xe9P\xe7\xdd\x83\x93\xad\xcbG\x17\x91IE\xb4o\xe9\x04\xbe\x91\xe0?\xe3\xbb\xd4\xe3\x1dA\'\x87VN\xe6\x1dA\x160\xcdG(i\x88X\xd8K^g\xe2S\xbc\x1a\xe7\xe5\xd2q\xe2\xf2K\xd5Q\xf3\xd2\xd1\x7f\xf4\xdcR\xf5\x08\xdc\x0cj^y\xe3\xd4\xfe\xbcS\x00$\xc0\xd1\x8a\xd6N\xea\xad\x9di(%\xe7T\xc44\xaa\x98{P\xe6\x06u\x15\xcdHm\xbb\xf4,&lt;`\xc7\xfc\x11\xbc\x83\x00\xc8\x85\x1d\x11\xd3\xa8\x9c\xe47\xb8\xcbU\xacJ\xa9\x7f\xe0\xf0\xcc\x1dx\xc9@\xc4B}\x1f\x9d\xda\xc2;\x08\x80\xe1Nm\x9c\xfd\xed\xf9%\x01\x1b\xfc\xf1\xe2\x8a\x80\xad\x01\x08\xc3V\x846\x8f\xae\x99\xda\xb6b!\x11\x1a\x06\x90H\xc5\xectj\xd3l\x01\x1f\x18\xa4\xd0\x7f\x97)=\x9a\x08\xd5;\x00\x00\x00\x00o\xa3;\xd4\xe1\x1d\x01@v\xde\xde?!H;\x1e\x8e\x99\xeb\x14\xce`\xf0\xee1\x83v\x88Hn#\x97\x00\x88\xf0\xef\x12L\x91g\xcd\xa2B5eL\xb5\x88\xb9\x03\xdb\xa2\n)_\xa8\x05DIW\x93\xfa$Q\n0}\xd5\xf2\xa6\xcc\xcc;\x83\xd6\xc6s\x8f\x85j\xea\x87\x11\xfbf\xcf\x91\xe3C\x92\x1bt\xacj\xbfd\x94\xa7\x11=\x00$\xe7\xf8\xba\xe9\x06\xec\xa5\xa0R&gt;\xdc\xd7G\xd5k5WS\xe5{\xee\x7f\xcb\xc7t\x8f\xfd\xce\xe8\xf6\xb5y\x85\x91\x89\xc4\x86\xedw\xa8\\D\xfb\xe2\xf9\xc5],"pP\xf3\xca\x92E\x02\xb3s`\xd9D\xde\x11\xc4\x95\xd8r\xde\xc0W\x19\x1b\xde\t\x84 F\x19\x95[\x87\xd6h\xcbs\xbd\x7fx\x8aiTKq\x11\x00\x00 7\x05\x88\xae\xeeYj\xf0\xee\xa53%\xfc~!"\xed\xbc\xb1\xc0\x1b\x07\xd8\x8f\x17\\\x8a\xaa\x02\xe8\xcd\x98\x11\x112\'\xef\xca\xf0\xa0&lt;+\xc7\xf7\x08\xf6&gt;T\xabPR\xff\xb2V\x8e\xf3b\x9f\x9f\x0ciYU\xb2T\x00\xc9\xb0I\xfc#\x13\x1e\xd2\xb0aJ\xbff\xa5\xf2\xf0N\x01\xa6\xe3\xd6\xc15L\xa3J\x9f\xdcf9\x88\xbc\x0f\xacFq7\x90\x8bd\xff\xc9\x9a\xaa\xb9\x03\xdb\xf2\x8e\x00\xa6cd\xbb\x9a\xf2+Y\x04\x00\x00\xe2+a\xb6gR`\x98w\xf7O\xec\x987"%\x11N\x1c\x00\x00\xcc\x8b\x05\xef\x00\x00\x00\xa0x\xc7\xd7\xcd\xe8\xe5QZ\xfb\xfa\xa7\xff\xd5\xd6\xe5\n\xf2\xcdc&amp;\x16\x8f\xe8"^\xe3CZ`\xac\x08\x80I\xbbup\xb5 \x85s\x99F\xf5\xf1\xf1\x19\xedk\xc9\xd6\xab\x03\x00\x00\x03\xe5%Z=\xa1\xa7 MI\xbeT\x1f\x80\x92\x98\xec|\x16\x00\x00\xad\xdcD]\xdd\x9cy\xa7\x90\xa3M\xd3\x07&amp;\xbb\r\x8b\x08\x0c\xbc\xbe_\xfc, "T\x03\x05\xf3\xf5\x9ah\xd3\xf9\'\xbcS\xc8QDxx\xd2\x1b\xd8\x10\x91\x95U\x01\x07\x87$\xb6\xd98m\xc0\x9d\xc3k\x05L\x05\x00\x00\xd1l9\xf5[4\r\xcd\x1b\xd4\x8eiT\x13\xbaz$\xb1\xd9\xedCk\x9e\x9e\xdf!Y*\x00\x003R\xab\x10\x87\xc9T\xb5\n\xa5\xebR\xdd\xa9e\x99|E\x92\xbc}P4\r\xb1O\x8fw\xfd3Z\xaa\\z\xb0\xc3C\x0e\xbe\x1a\x15UP9}\x00\xd0\xcf\xba\xbf\xfb^\xda\xb9\x88E\x069X%\xf0i\xf3\xd2y\xef\x1d]/y\xa8\xff\x8c\xeb\xec\xce\xb1wYI\xe8\xff\x8f\xf8\x0e?~\xcf\xa5_\x00\x90@\xe6,\x99\xf7\xee\xd8emm\xfd,*\x81O\x8b\x97,i\xef\xe8(y\xa8\xffL\xdfr\x92c\xef&amp;\xcb\xc3Q\xf8\x05\xef\n\t\xde"\x00p\xe5dML\xa3\xea]\xbf,\xef  \xdc( k"\xc6\x98P\xad\xc5x)x\x8b \'\x0fOnn\\&lt;\'a8\x9a9\xf1\x8d$"rp\xe2y\x11\x00JU\x12E\x04M\xc8\xeb\xbb\xc7\xea9\xd8\xa4%\xc2\xf9\xa0Y\t\xb9u\xb8B6\xc3\xd7\xcfHM\x94O\xc88\x00`\x9c\xa6%r\x7f\xf29\xcb;\x05\x98\xbe&lt;DL\xa3\x9a\xd6\xab\x19\xef  \xb4V\xe5\n\xf0\x8e\x00\x06\xca\xc9;\x00\x88$\x8d\xe4=\xba\x15L\xf3\xf4\xfc\x0e\xf6\xc3\xcf\xf7\xdc\xff\x12\xdc\xc0\xc3)\x8b\xc4\x91\x00@Fp\xbc1a\x8d\x8b\xe5\x9c\xd5\xaf\x15\xd3\xa8\x04\xa9\xfc\x08J\xd5\xb5Ft\x9d\x96\xee\xb5\x8a\xe9\xbe\xd7\xb1\xb5\xd3\xc5\x89\x032\x92\x83w\x00\xb3\xe2\xe1\x18\xf7\x8c\xbbC\xe5"\x19\xb9D\x01\xf3\xe1\x9a\xd3\x82\x88\xec-i\xf9\xd8\xbft\xdc\xe5\xda\xdeeS\xbc\x9a\x88\x19\n\xc0\xac\x8d\xe9X\xe7\x9b\xdf%\x9c\x9b\x83\xecd\xe4W\x1d\x05\xc0L\xec[:\x9eiT\xb5\xed0\x1a\x0fd\xa6\x97G\x19\xde\x11\xf4\x93\x87w\x00\x00\x13\x93\x9bw\x000Y-\xca\x08&lt;\xf8\xf8\xce\xe1u\xc26\x08`\xe6\xb6\xcf\x1d\xc6;\x02\x98\xa8\xf2\x06O\\IDYAkg\xd8c6-\x00\x00\x00\xe8nP\xf3\xca\xbc#\x88\xe5\xd6\xc15\xbc#\x00?=\xddK\xf1\x8e\x00 \xb0\x14\xbc\x03\x10Q*"\xf6\xeb\xe5\x8c\xde-x\x07\x01H\xdc\xa5\x9d\x8b\xca\xd8\x10\x11e"zpb\x13\xe74\x00B\xe8P\xb9H:\xae\x01\x9a\x96\xcc=\xb2]M[\xae\x19\x00\xf4P1;\xb1\xf0@#\x1b\x993\xa0\x8d a\x94\xa5\x81K\xb6\xc2\xb1~d\x11A\xdc\xa2\xfcV\xca\x8c\xe7 u\xabU\xac\x9b&gt;\xf3"M\xdb\xb8\xce\xf5xG\x00\xf9\x11c\x99\x9b\x14D;\x17\x8c\x14\xa1a\xb9{s\xefx\xec\x92,?^\\\xe1\x18\x06 \xb6\xaf\xcf/\xf2\x8e\x00`\xd2\\s\x90\xb6d\xbf\xd6\xe4\xee\r9\x86\x01\x88Yxjx\xeb\x1a,*\x98o\x18\x90\x8b\xbc"\xb7\x9f\x0e\xcb\x93\x01\xc8\x80S\xca\xe8\x17\x0fOn\x8e\x0c\xf1\xe6\x9a\x05\xe4a\xfe\xe0\xf6L\xa3\xca\xcf;\x86\x80\xa4\xaf\xc1\x0b\xa0\x14Y\x89\x88\xc8\xdd&gt;\x13\xe7\x1c\x00b\xe8\xdb\xb0\\\xc3\xa2\xd9y\xa7\x00\x00\x00\x90\rG+\x1a\xd2\xa2*\xef\x14z\x90\xc3\x98}\x93\xe1\x9c\x8aw\x02\x93\x83\xea\x01\xa0$\xa1Q\xe4\\\xd4%\xd9\xcdr\x13\xc9dm95\xef\x00\xa6\xa4Y\xab:\xbc#\x808\xeaby\t\x00\x00\x88\xaf\x04\xdf\x89\x8f`\x84\xbf\xffj\xa4\xb82\xdd \x135\xf2\xa7\xe6\x1d\xc1\xc4)\xe3\x16\xd0\x83\x1f\xbc\x13\x80\xa1,S\xa4h\xd1\xb65\xef\x14\xa0&lt;9\x88\xca\xb9V\xe4\x9d\x02\x04\x95\x96w\x00\x03,\x1f\xd3\x9dw\x04\x00\x00\x90\xdc\xcaq^\xec\x87\x1f\xef\x14\x00\x00\x00\xc0\xc3\xb8N\xees\xfa\x9b\xcb\x8d,\xacTj&gt;\x94\xf1\x0c\x00L\x8f\xb2JZ\xbe~\xfd\xea\xca\xc5K\xbcSH\xe4\x95q\xbb\x17\x14&amp;\x05\x00\x80\xc8\xa6\xf5j6\xa6\xa3\xbcF\x97\xaf\x1a\xdfc\xcf\xa2\xb1\xbcS\x80Y\xc0\x15\x80)\x1b\xd3\xa1\xce\x17\xdf\xf3F6R\xcf!s\xabr\xd2M\xab\xca\x99\xfc&amp;B\xca\x91#G5\xb7\x1a\x92u\x97\xec \x88&gt;\r\xca\xf5\xfc{R\xbat\x18\xf8\x0c\x90\xb8]\x0bF\xf1\x8e\xa0\x00\x97v,b\xef\x1f\x1a\xd9H=\x87\xcc\x83\x9bW\x11$\x8f&lt;u\xacbod\x0b\xa3\xda\xd5\xca"H\x14\xa2E\xc3;G\x04\xddlQZ\xec\xe2\xb6\xe6\xa2j^\xeb\xca\xb9R\xd4)\x9c\xa1SU\x07\xdeY@*Y\x88\x1a\x15\xcbAD\xb7\x0e\xae\xd9+\xb3\xabik"\xaf:%\xd6L\xec%`\x9bq\x16\xc0\xb1\xb7\xa4#\xab\xa7T\xcf\x9f*\xe8\xe6A\xa6Q\x19\xdf\xbe\x87\xa3P\xdfo\xa6i\xa2g\x03\xa1\x9aj[\x11E\xc7\x857\xa4e\xd5FE\xb37/\x9d\x97\x880\xb5\xcc\xf4U\xce\x9d\x82\x88\xda\xb9\xda\xb1w\x0f\xd8g\x1f\xd3\xfe\xa5\x1a\xd7\xd9}\xe9\xe8nq\xde\x9c\xdc\xbdQ\x9f\x06e_\xdd&gt;"\xc8\x01\xa0Dz\xe3\xdb\x00\x9d\x8c\xedX\x97\xf9x\xebh\x00\x00 \x00IDATw\x04\xfe.\xed\\T\x1a\x95\x9e\xc1H\xc5\xd3\x91\xfa\xd5\x1d\xa6QM\xe8\xea\xc1;\x0b\x1f\xbb\xfe\x19\xbdi\xfa@\xde)tb\xc1;\x80L(q\xa6\xa4\xe0\xae\xec^\xca;\x02\x98\x04E/\x19aV\xc3\xe9\n\xc4Z\xe9IJ\xc5\x14\xbe\xf2\x0e\xce\x94\x01@\x01dR\x9f\xd9\xc4,\x19\xd9ul\'w\xde)@\xa90\x0c\x14$\x12$N\xb3\xf9\x88l\xc5iY\x11\xbe}\xfd\xf6\xf6\xcd\x1b\xde)tR9w\x8aJ9q\xab\xcf\x0cpY\xb7\xa7Jn+;1\xdb/\x95\x91\xfa4(\'f\x0f\xa0\xb7j\xf9R2u\xc8\xd4\x1eM\x88Hq#\xe7\x05\t\xdc\xa4\xb8\xc4\x13\'\x0cW\xabP\xdc?q}\'\x8c.\x03!\xd4s\xc8\xcc4*\xa6Qm\x9d=D\xa4.\x8a\xa5\x15\xecriR\xb7\x86\x02\xb5d\xee\x9cS\xd1\xac~\xadx\xa7\x00\x03u\xad\xe1\xcc;\x02(\x9f\xf7\x81U\xf3\x06\xb5\xd3\x1e\x00\x98:d\xfe\xe0\xf6\x824\x8b\xc7k\x00\xd2s\xb2\xe6\x9d\x00\x94e\xfb\x9ca\x8d\x8b\xe5T\xbf\xba\xed\x7fe/\xef,\x90(\x1ec|\x00\xc0&lt;L\xe9\xd1d\xcd\xa4\xde\xa2vq`\xf9D\x1dg\x94Y%\xbf\x89\xd9\x99\xd1\xa7\x05\xef\x08"\xea\xe5Qz\xe9(\xcf\xf0\xc0\x1b,\xd4\x97w\x96h\x83\x9aU\xfa\xf6\\\xbf\n\xa66\xe2$\xd1\xcb\x90\x96Uq\x11\x00\x86\xf09\xb3M\xd4\xf6\x83n\x1e\xe8P\xb9\x88\xa8]\x98\xb0\xab{\x96\xb9\x9a\xfa \x90\x80k\xfb\xcel\x99\xcb;E\xb4\x13\xebg2\x8dJ\xd4\x91\x11b0\xe5Y\xfb\xa0h\x0b\x86t\xe0\x1d\x01@\x0f-\xcb\xe6\xd7e\xb3|\x065^&gt;\xabA\xbb\x01$\xa8TF=6vNI\xf6\xe2\xcca@\x19FP\x96\xccF\xb7`\xc0\xbdS\xe7T$\xf6\xcd.\xc3\x0eK\xa0H5m\xd3\xae\x18\xe7\xc5;\x05\x80R\x9d\xdb6\xff\xd2\xceE\xfa\xee\xd5\xd0%\x9b\x18a\x00\x00@:\xb5\n\xa5\xab\x98\x83w\x08\x001\x0cjV\x99w\x04\x00a\xc8\xff9x.q\x9a\xd5\xe7\x16/HD\x01\xb5\x80*\xe7\xb2,S^\xa2\x1a\x0c5\n`\xb9\x08\x10\xd7\xb2\xb1\x7f\xf1\x8e\x90\x94\xd6\xe5\x0b\xfa\xfa\x9e_&gt;\xa6\xbb\xe0-WA\xe1\x07\xd0W\xe7j\x8e\xd5\xf3\x0bY[H1\x95S$\xa4]?\xc7\x0c\xe1\x0b)Ab|\xfb;\xa5D\x95\x7f\xd0\xd3\x91\xd5S\x87\xb5N`\xc1\xeeNU\x1d\xa6\xf4hbX\x9b3\xfb\xb6,\xaa\xf0\x12\xf0`&amp;t\x1a\xc2\xa9\x10%\xd2S\x0f\xf7\x92\xbcS\x80I\x98\xde\xbb\xf9\xd1\xb5\xd3\x0c\xd8\xb1j\x1e\xeb#\xab\xa7\xc6\xfc\xe8V\x10\x87\x02C\xa4\'\xba}h\r\xef\x14&amp;\xaej^\xeb\x06\xce\x18io\xac\xa1-\xab\xd5-\x82\xa7\x0f\xf0[\xec[@u\x8b\xa0\xde\x1b\x802\xb4.g\xc8\x92B\r\x9c\xb3\xce\xee\xdfZ\xf00`\n\xcc\xf4\xce7\x80\x98D\x9aJ\xf9\xcf\xd0\x8e\x06\xeceA\x14t\xe3@n\xc1\xd3\x80\xc9\xe3\xb2\xac\x8ddpZ\x04b\xa8\xe7\x98\x99\xbd\xbe\xcb;\xc5\x1f\x17\xfa?\xfd\xafr\xcb\x01 O\xdf\xfc\xf4\xab\x13\t\xa0\x8b\xacD\x89Ue\x1f\xd6\xba\xba\xc4a\xb4\x96\x8c\xf2\xe4\xd2/\x00\x98\xa0r&amp;7z\xd4\x82(\xe6i\x98H\x8fL3\x13\x9d\xdb:_\x8c\x96\x93\xa5\xb8\xb5B\xa5\xa4\x80\x89`\xba\xdb\xb3p\x0c\x0b\xf3\xcf\xc0;\x06\x98\xb6\xc8H\xaai\x9b\x96w\n!1\xa2\xd0\xdf\xafO\xf9}\x15\xa3\x8b\xccD?~|\x17\xa3\xe5d\xfd\xe0\xd2+p1w`\xdbR\n&lt;\x02`@\xaa\x82\xd4-\x92\x11SI\xf4\xe5U\xb7d\xc7*\xf6\xbcS\x80l\xa0\x98xl\xec\xcd\xddk{\x97\x0fiY\x95w\x90dD\xa9n\xe1\xabO\xec[\n\xad\xcb\x17\x14\xb9\x07\x0e\xf2\xf0\x0e\x00\xcavn\xeb\xbc\xc8`\xef\xf4\xbcc\x88\xc4\xc31\x0b\xd3\xa8\xb6\xce\x1a\xc2;H2\xbc\x0f\xac\xe6\x1d\xc1\xc4\xb52h\xb4\xbb\xfcu\xa9\xee\xc4;\x02(\x9cK\xbc\x81\x99&amp;\xf34n\xd1\xf0./\xaf\xfe\xdb\xafQ\x05\xdeA\x80\xa7\x8eU\xecM\xb2\xf0\xed\xe1UST\xb7\x0e\xf3N\x01&amp;\xc74\x16\xb38\xb1~&amp;\x0b\x0f\xe0\x9d\xc2\x10\x92\xcd\xaf1~\xd1+A\x94\xcbB\x9b\xa6\x0f4\xa6\x85\x8a9\xa8{\xed\xe2B\xe5Q\x8a\xeb\xff\xae\xe8\\\xcd\x91w\n\x00Y\x8aR\xdd2\xac\xb4\x11w&gt;g\xb6\rlZ\xc9\xe0\xdd\xdbT\xb0UV\xbd\xb3\xd0\xa7\x17\x98Fe\xd8Iz\xcb2\xf9Nn\x98\xc5\xd4!L\xa3\xd2q\x97\xbd\x8b\xc7%6\xa6\x1e@\xee\x8a$7\xc4\xb4QQ\xac`DD\xd4\xd3\xbdT\xfc7M\xe6\xee\x96\xc9\x18\xdf\xa5\x1e\xd3\xa8XD`\x19\x1b\xbd\xf7=\xb0|\x12\xfb\xfe\xfc\xf1\xe9\xad\x17\xb6\xff3w`[\x1d\xf7\x9a\xd6\xb3iq\x0cb\x07\x93T\xdf)\x0bS\x87\xd4)\xac\xc01\x9bB\xab\x94\xd3\x82\x88\xd6O\xe9\x97=\xd6\x9b\xe3\xbb\xd4\xe3\x95G\x9e\\sr^J\xab\x9d\xab\x1d\xfb\xf52&lt;\xf0\x86\x01\xfb\xe66\xa8BN\xd2\xc5H\xd8\xbb\x07\x06$\x89!\xe7_\xbc\t]=xG\x00\x91m\x9c\xda\x9fE\x05W\xcdkMf\x7f\xb6\xab\x1d\xda\xc4\xd4\xaa\xc3\xab\xa6p\x8ebf\xac\xf4\xdc\xbeU\xb9\x02\x95s\xc9b\xee\xe4\x83\xe3\x9b\x98Fep\xd9\xb5\xda\x85\xd2?9\xbb]\xc8@\x82\xd2\xf7&amp;[\xc3\xa2\xd9\x93\xdf\x08deD[7\x16\x11\xa8}]5\x8f5\xdf0r\xc0~\xf8\xc5\x1e)\xe1\x9aC\xfek\xc7r\xe6noT5oK\xa2\xdavq\xc7\x15\xef[:\xc1\x986%\xb3w\xf1X\xa6Q5t1p\x18\xc4\xa5\x1d\x8b~\x05\\\x176\x12Gc;\xd5\xe5\x1d\x01\xf4tu\xcfR\x16\x19\xdc\xadfQ\x94\xe4\xd7*\x96\x96\xd6O\xe9\x875@t\xb7aj\x7f\x91\x96/\x97\x83\x99}[&amp;\xf1\xe9\xb2\xd1\xdd\xd8\xd7\xa7\x067~i\xe7\xa2\x88\xe0\x9b\xda\xd7)\x89\xdaW*lpS\x00\x868\xbbe\x1eS\x87\xfco\xeep\x8e\x19\xba\xd6p\x9e\xd5\xaf\x95\xf4\xfd&amp;\xf6`\xaf\xb6]\x86\x17\x97\xf7\xf8]\xda-i\x1a\xc5\x9a\xd4\xad!\xef\x08\xc93x\xe2\xb4\xf6\xeehbR\x10\x19\xf0,:\xc6\x9d\xc3k\xd9\x87GvDD4o`;\x9f3\xdb\x0co\x0b\x94\x8c\xdb\r\xcdZ\x9d\x87\xd3\xb7\xef\xd6\xd6\x1cn\xfe4+\x19=/\xfd\xdb\xb7o\xa5\xcb\x96\x95&gt;@b\xd5\xa9\xce\xf8\x7f[\xb5tY\x91j\xa8\xd4\xaf\x93,Y\x15\xf0\xf0\xa8U5G\xfb\x14\xe4V0\xcd\xaf\x80\xebg\xb6\xcc\xd5}\xc7\xcb\xaa\xc8$&gt;U\x13\xdd\xf9bx\xaaT\xa9S\x93\xb5\x95]\xe1\x0cD\x14\x1c\x1c\xf4\xfe\xdd;\xc3\xdb\x020LD\xd0\xcd\xdd\xff\x8cNv3\xa7\x94b\x15\x12\x99\xdd\xafuI9\x0f\x86\x90\x93n\xb5\x8a\xe9x\xb2P%\x8f\xbe\xcfV\rQ1;\x8d\xed\xe4.AGFrHAD\xd4\xbfq\xc5]\x0bF}\xf1=\xcf9\xcdo\x01\xd7\xf6\xb17\xd1\xcb\xb6d\'\xc2mG\xe0\x80\xa9Us\x06\xb4\xd1e\xcb\xbf\xbd\x1a\xdf=\xba\x9e\xbd\xb9\x17\xfb;\xc8\xc8\xea"\xa9\x89F\xb4u3\xa6\x05\xb3\xd2AN\xa5\x1c\x1d\xad\xe9\x93\xcf\xd9z\x0e6\xbc\x83$ \xcex\x94\xd9\xfd[\x97\xfd=\x8f\xb9\x88l\x9e\xeb\xcf\xec\xdbrj\x8f&amp;\xda\xd7\x18\x8a\r|\xc4\x8c\x02J\xd6\xc1\x15\x93XD`\xec\tS\xad\xcb\x17\xd4}\xf7\x1e\xee%\xe3\xbf\xd9\xd0%\x1b\xea\xd3*T\xef\xfae\x98F%\xc3\xc1\x7f\x15\xb2\xd3\xc9\x8d\xb3\xf2\xc5z\xe7\xfa\xbf\xcb\xfb7\xae\xa8}\xfd\xf8\xf4\xd6k{\x97\t\xd2\x91M\xbcw\x96\x8e\xf2\x94\xcf\x15\x06\x80\xb8\x064q\xd5qJ\xfd\xc6i\x03X\x98\x7f\x82\x1f\xe1\xcaW&amp;r\x11\x85&gt;\xbd\xa0\xfb\xf6)\x89\x98FUZ\x96\x03\xc8\xe2&lt;\xe1o\xe7j\xc7\xbe?go\xef\xb1/O\x98F%T\xcd\x8fjyS\n\xd2\x0e\x80"\xd5\xb6\xcb\xc04\xaa\xf8\xb7\x9bk\xdbe`\x9f\x1e\xc7~\xe7\xed\xfd\xe3\xc1\xde\x87$\x8c\x16\x17&amp;\xf3\'\xad0\xd1\xdd\xa3\xebYx\xa0^c\xdao\xec[!V \xa1E\x86x3\x8dJ\xfb\x9f\x83\x9e\xcfG\x066u\x15\'\x14\x80\xd0\x1c\xad\xc5ZP4A\xad\xca\x15(\x15\xaf\xb7\xd2\x99\x88\x85\xf9\xf7\xacW:\xf6\x9b\xa6Q4\xd4$\xb9;\xd8\x10Q\x16"\x16\x1e \xfd*\x8b\x01\xd7\xf6\t\xd8Z}\xa7\x84G%\xb5s\xb5c\x11AL\xa32`5\x85\x85\xc3:\x19\x9dKo\x16D,\xd47\xb5\xf4\x1d\x83\xa2=8\xbe\xa9E\xe9|\xc9o\'&amp;K"\xf6\xf6\xde\x8a\xb1\x7f\x8dh\xe3\xf6\xf1\xf1\x19\xbea@w\xba\x9c\xd1\xffo\xde\xf0\xbe\r\xcb\xdb\x0b7t\x99iT\x02.\xc0\x925\xf1\xe5\\"\x82n~\xf1=\'TG\x128\xbc\xeao\xde\x11@9\x8aXPM\xdb\xb4,\xcc\x9f\xd7s\xb9\xd8EQR\x12\xa5%\x1a\xde\xa6\xc6\x14\xaf\xc6\\\xc2\xe8nv\xbf\xd6(\xf7\xa8\xbb\x9b\xfbW\n\xbb\\\x96\xee\x95\x99\x01 )\x85\x89\xbc\x0f\xac\xe2\x9dBa\xae\xec^*\xe0\xf9,\xe8kf\x9f\xa4\xca-\x80\xc90\xe1\x92!\x00\x00\x90\x94\xb7\xf7O\xa0\xdeQ\x82p\xfe\xc9\x13N\xff\x01$\x90\xa3x\xb1\xd2e\xcb\xf0N\x01\x00\xa0\x9b\xccDQ\xaa\xdb\xc9.\xab\x07\xf1\xb9\x15\x8c[\x82\xcf\xfb\xc0*\xe9\xc7\x98\x81\xe2\x15"\xfa\xe1\x7f\xa5(\x06\xc4\x11\xd5\xb6\xcbpr\xc3\xcc\xa6%%[\x07\xde\xdc\xdd9\xb2\x8eiT\x1f\x1e\x9d\xe6\x1dD\x00c;\xd5-\'\x9b\xc2}\xe5\xb2P\xe3\xe29y\xa7\x00%\xc8Dt|\xfd\x0c\xde)\xfe\x90\x9f\xa8"\xa7\xa5\x94k\xdb\xa5\x0f\xbaq\xc0\xb4\x8f\x86\x85\x88\x9e\x9e\xdf\xc17\xc3\xc5\x1d\x0b\xc7t\xa8\x13\xfa\xec\x82\xc9\x0cR\xda\xfd\xcf\xe86\x15ly\xa7\x886\x7fp\xfb\xf8\x97\x08fK\x8a\xc2\x8d\xca\xa5!\xca\x9a-\xe1id\xce\xa9\xe8I\xb8\xc4q\x88\x88\x82\x89\x829\xd5\xee=\xe3\xff\xfd\xd6M\xef\x14|:\x97B\x0f\xf7R\xab\xf7\xed\xa54\xdc\x8eq\xe5\xb2R\x81\x02y\x0b\xda\xda\x96\xadP\xfe\xcb\xa7\xcf9-\r^\xf3Q^f\xfe=\xcb\x98\xe2\xd5\x02\x9a\xd2\xa3\x89]\x91"\xbe\x81a\xbc\x83\x80\x12T\xccNa\x01\xd7b~\xfc\xe4s6\xe4wU\x89\x97\xd7\xf6\xd9qJe\xe62\x10y\xd5-\x11\xe7\xcd\x13\xebg\xb2\xa8\xe0\xb5\x93\xfbh\x7f4l\xd8\xdf\xd3\xf3;\x98F\xa5V\xdd6.\xa0\x81Z\x97/\xb8xdW\xaf:%\xdc\n\xa6Y3\xa9wy\xdd*Uap\x8b^l\x89f\xf6mY\xd3\x16O\x04\x14\xa5PBo\x16OGqWt\x15\x8dC\n\xfa\xf8\xf8\x0c\xfb\xf5\xf2\xe7\xcb\xabR\xf5\t\t+\x9e\x96Jg\xfac\x89\x88\xd0\xa7\x17\x98Z\xc54\xaa&amp;%\x8c\x1a\xf0}\xeb\xd0\x9a\xd5\x13{\x19\x19\xcf\x18\xcb\xc7tO\xac\x9e\x04G\xc2N\xbe\xe3\xaeSU\x07\'T\xd2S\x96\x8a\t\xcd/.\x9a\x9a$\xfbu\xcdI4w`\xdb\x1d\xf3F\xc8\xe1\x9a\xbcu\xb9\x02\x17w,\\2\xca\x93w\x10=\xc4\xd4\xc4\x17JL9{"\x8a)\xb5fXS%$;\x8fP\xa0\x82D\xe7\xb7/\xe0\x9d\x02\x14k\xe9(\xcf\xc8\x10\xef\xeds\x87\t\xder\xb3\x92\xb9\x0f\xad\x14\xb</t>
        </is>
      </c>
      <c r="E58" t="inlineStr">
        <is>
          <t>&lt;class 'numpy.ndarray'&gt;</t>
        </is>
      </c>
    </row>
    <row r="59">
      <c r="A59" s="1" t="n">
        <v>57</v>
      </c>
      <c r="B59" t="inlineStr">
        <is>
          <t>steps_per_sec</t>
        </is>
      </c>
      <c r="C59" t="n">
        <v>900</v>
      </c>
      <c r="D59" t="inlineStr">
        <is>
          <t>3.3548105</t>
        </is>
      </c>
      <c r="E59" t="inlineStr">
        <is>
          <t>&lt;class 'numpy.ndarray'&gt;</t>
        </is>
      </c>
    </row>
    <row r="60">
      <c r="A60" s="1" t="n">
        <v>58</v>
      </c>
      <c r="B60" t="inlineStr">
        <is>
          <t>Loss/object_center</t>
        </is>
      </c>
      <c r="C60" t="n">
        <v>900</v>
      </c>
      <c r="D60" t="inlineStr">
        <is>
          <t>0.18857783</t>
        </is>
      </c>
      <c r="E60" t="inlineStr">
        <is>
          <t>&lt;class 'numpy.ndarray'&gt;</t>
        </is>
      </c>
    </row>
    <row r="61">
      <c r="A61" s="1" t="n">
        <v>59</v>
      </c>
      <c r="B61" t="inlineStr">
        <is>
          <t>Loss/box/scale</t>
        </is>
      </c>
      <c r="C61" t="n">
        <v>900</v>
      </c>
      <c r="D61" t="inlineStr">
        <is>
          <t>0.06864645</t>
        </is>
      </c>
      <c r="E61" t="inlineStr">
        <is>
          <t>&lt;class 'numpy.ndarray'&gt;</t>
        </is>
      </c>
    </row>
    <row r="62">
      <c r="A62" s="1" t="n">
        <v>60</v>
      </c>
      <c r="B62" t="inlineStr">
        <is>
          <t>Loss/box/offset</t>
        </is>
      </c>
      <c r="C62" t="n">
        <v>900</v>
      </c>
      <c r="D62" t="inlineStr">
        <is>
          <t>0.12827872</t>
        </is>
      </c>
      <c r="E62" t="inlineStr">
        <is>
          <t>&lt;class 'numpy.ndarray'&gt;</t>
        </is>
      </c>
    </row>
    <row r="63">
      <c r="A63" s="1" t="n">
        <v>61</v>
      </c>
      <c r="B63" t="inlineStr">
        <is>
          <t>Loss/total_loss</t>
        </is>
      </c>
      <c r="C63" t="n">
        <v>900</v>
      </c>
      <c r="D63" t="inlineStr">
        <is>
          <t>0.385503</t>
        </is>
      </c>
      <c r="E63" t="inlineStr">
        <is>
          <t>&lt;class 'numpy.ndarray'&gt;</t>
        </is>
      </c>
    </row>
    <row r="64">
      <c r="A64" s="1" t="n">
        <v>62</v>
      </c>
      <c r="B64" t="inlineStr">
        <is>
          <t>learning_rate</t>
        </is>
      </c>
      <c r="C64" t="n">
        <v>900</v>
      </c>
      <c r="D64" t="inlineStr">
        <is>
          <t>0.001</t>
        </is>
      </c>
      <c r="E64" t="inlineStr">
        <is>
          <t>&lt;class 'numpy.ndarray'&gt;</t>
        </is>
      </c>
    </row>
    <row r="65">
      <c r="A65" s="1" t="n">
        <v>63</v>
      </c>
      <c r="B65" t="inlineStr">
        <is>
          <t>train_input_images</t>
        </is>
      </c>
      <c r="C65" t="n">
        <v>900</v>
      </c>
      <c r="D65" t="inlineStr">
        <is>
          <t>[b'512' b'512'
 b'\x89PNG\r\n\x1a\n\x00\x00\x00\rIHDR\x00\x00\x02\x00\x00\x00\x02\x00\x08\x02\x00\x00\x00{\x1aC\xad\x00\x00 \x00IDATx\x9c\xec\xbdu\x9c\x1cU\xf6&gt;\xfc\x8c\xbb\xbb\xf7\xb8\xbbK\xc63nI&amp;\xc9\xc4\xdd\xddC\\\x89\x11\x02\x84\xe0\x90@Bpwww_\x16\xd7E\x96e\xd9e\x17X\xe0{\xde?\xee\xf4\x9d\xdb\xe5\xdd\xd3\x13\xc2\xef\x9d\xe7\x8f\xf9\xd4TWWUW\xdd{\xee\xd1\xe7\x00\xc3\x18\xc60\x861\x8ca\x0cc\x18\xc3\x18\xc60\x861\x8ca\x0cc\x18\xc3\x18\xc60\x861\x8ca\x0cc\x18\xc3\x18\xc60\x861\x8ca\x0cc\x18\xc3\x18\xc60\x861\x8ca\x0cc\x18\xc3\x18\xc60\x861\x8ca\x0cc\x18\xc3\x18\xc60\x861\x8ca\x0cc\x18\xc3\x18\xc60\x861\x8ca\x0cc\x18\xc3\x18\xc60\x861\x8ca\x0cc\x18\xc3\x18\xc60\x861\x8ca\x0cc\x18\xc3\x18\xc60\x861\x8ca\x0cc\x18\xc3\x18\xc60\x861\x8ca\x0cc\x18\xc3\x18\xc60\x861\x8ca\x0cc\x18\xc3\x18\xc60\x861\x8ca\x0cc\x18\xc3\x18\xc60\x861\x8ca\x0cc\x18\xc3\x18\xc60\x861\x8ca\x0cc\x18\xc3\x18\xc60\x861\x8ca\x0cc\x18\xc3\x18\xc60\x861\x8ca\x0cc\x18\xc3\x18\xc60\x86\xf1\xffCL\xacH""\xa2\x1f\xe2\xd4\x8fIv\xc2\x98\xc2\x18\x1bN\x1e\x04$(\xed\xcfpGy\x98#\xff\xd7\x13hM\x0b\x1c\x11\xedf\xc3%\xfe\x10D\xea\x1d\xe0\xaa\xf9\xe9\xf5g\xafc\x1b5\xb1\x1e\x13+\x92\xe8\xfb\xb7ce\xc7L\x1e\x91:\xae\xc4\x14n\xb9\xb38\x18\x89\x0e\x00\x10\x03\xe4\xf9*\x9cy~k!\xdf\x96\x9f\xd3Z\xb8X\xfeKD\xe2\xbf\xee@\x84\xfaw\xbd\xd5?\xf2\x14\xb6\xfdl\xb8-\x15\\\xbd\x7f\xa5\xb3\xfd\xce\xa6\x8d\x0c7\x14\x05\xa9~\x9a\xed\x89\x02\x7f$\x02\xfb\x16\x8fU|D\xf4\xf3\xc7%!\xe6\xed\x9f&gt;R&lt;Ii\x88\xe2n-(\x8e\xbaP \xd3C\xf9\xf8W\xef9\xaa{N"*\r\xc1\xb4\x9at\xf6oKj\x80\x9a \x90\x0c\x8f\x8a\x08\xa7\x02\x7f,\xee,U;\xb3\xbb\xb0\xdd\x91\x15\xaa{\'6\xc3\x01\x00\xc0n;\xc3]\xebH9\xe2\x80\xc2\x80\xfem\x8d!\r`\xd7\xdc\x1e\xc9\x9e\x00\xd939\x1dADD\xa4-\xb0\x00TF8\r\xe6*~\x80\xaet\xef\xc9\x8b\xb4v\x05x\xe6\xa6#\xbe@\xbe\x9f\xc5r"\xe24_Rr\xbc\x00@\xbe\xf4:\x01\x8f_s\xce\xbc\xe6|\xb6\xeeJ\x97\x81\xa0\xfe1\xad\x8d\xd6\xb4@;\xdc\xa2:\x12\x1d\x10\xa5y@Y\xa8\x91\xdb\xfcSB{\\\x15\x07a\xdd\x84\xfa \x03\x8a\x82\x1a4VVkaD\x06\x8d\xca\x8fZ3\xae\xf6\xc4\xde\x15\x8a\x9f\x96\x86`iw\x19\x80P`\xf7\xbcQ\x7f{\xf9n#\xd752\xf8\x12\xcd\x1bj\xb2\xd5\xe0\x08nJ\xf6\x17\xff\xe5?Y\xfc\xedD42\xc9\xcf\x8e\x12Y\xa2\xbb\\\xb9{\xc9\xd6\x19m\xf6:\xf9\xff\x83H\xd1S\xcf\xbex\xe9\xae\x95cFXu\xce-\xd3[\xa7\x8cH\xcd\xf7\x83\x8a\x8a\x03\x00\xc5\x82\xa6\xb6f\\-\x11e{\xf5\xff\x1bo\xd5\xc5N\t\xf8C:{\xf9\xc4T\x17,h+r\x01\xf2|-\xb4f\r&lt;v\xcd!\xbe\xfd\xce\xc3\'5\x8e\\\xda].Wa\xbbs\xc2\x15\x0eU\x81\x86\xc9\xc80\xa3&gt;\xcb\xf8\xd9$\xe0j\x97\x04\x05\xfe\xd2=%\xc1\n\x87E[\xfe{\xedYkl\xbe\x93D\xe8\xacs\x0c)\x96\n\x12[\xfaT~\xc4\x00&amp;\x94\'\xea\x1db5\xea\xe3\xbd\xc4\x7f\xb7\xcf\xeaH\x17\xd6+E\x15xIWYS\xb2\x1d\x8d1}\xc8\xcdW\xfa\xfb\x1b\x92W\xd9\x91\xa9c\x04M\xaf\xcd`\x1b\xf5\xa6\xfe\x9f\x1cl9\xdf\x01\xe4\x9b\x7f\x16\x9bYF~\xe4\xa4\xcad\x8dO\x17\xb6\x17\xb1\x8d\xfd\x8b\xc7J&gt;"\xa2go\xbe@\xfe\x95\xcaHg"\xd2\x9d/\xffo"\xdbK\xff\x18\x06e\x1d\xdeJ\xe8\xaa\x0c\xe3\x8a\xe32\x86\xd8.P\x13^6 \xdc&lt;\x9f\xd5L4\xc9\xb2J\xf4?\x83g\xee\xc8\x0cY3\xae\xd6\xda\xfb1\x198\x86\xf9.N\xec]Q\x11\xeed\x8b\xdfP\x13aJ;O\x99\xe82\xb2\x120\xc8EWKj\x80\xa8~\x96X\xef\xe1\x01\xe0\x05td\x85\xcaoc]_=\xdf.\x92\xcd\x01O`\xe3\x94&amp;[\xae74\xa0\xaf^I\x15\xc6m[z\x10\xcc\xae\x08kO\x95n\xe5\\NVwd,l/bs-Si\x8d\xac\x8f\xf7Nw34\xb5\x93U\x04Yu\x8c\x1b\xfb\x81m\x19J:\xcb\x9f\x1a\xe9nX\xdbW/Q=r}\x00`tA\xb4\xf2w\xd4\xc1\xc2\x06\xfe2\xad\x8a\xa1&amp;\xd6\xe2\xfd\x88\xc6c0 \x11\xeeM\xc9~&amp;K\x89\x1c\xa54C4\xe0d\xa5\xdf\xb0\xaf,\xa1*\xcaE\xff8\xc3X\xd2]f\xd5\xf1\x8a\x1a1\x077\x95l\xf3\xe8\xcdo-4\x19;2\xdfO\x1aB\x18\x0c*#\x0c\xb9\xf7/\xde&lt;\xd7\x86\x93\xcb\x1fE\xb4\x8a\xe7\xa4l\x10\x9ej\xc9{)\r\xc1\xf7\xef&lt;"?\xac2\xd2Y#\x18\xe6\x05t*\xb9\xcb%\x93B\x0e\x87\xa1\\&amp;\x89\x88\xe8?#\x93\x94\xa2RJHqFwND\x9a+\x16u\x96\x04+-\x96\x061\xbd6\xc3*\'\xdb\x17/\xdd9\xa7)O\xf1\xa3Tg\x9d\x98\xd9\xfc\xd6\xc2\x19u\x99\x86\xb5Y-td\x0ea\xc0\xc3\xfeP[\xd0$(\n\x1ap_TE\xb9\x04\x03D\x14f\xa5#x\xf3\xb4\x16\x00\x93\xaaR2=\xd0\x98\xe8\xb3mV\x07\xdb/jOl\xa4\x8b\xf6\x94\xb6\x1dme\xd4G\x8a\x9e\xbc\xc8Uc\xab\x8d\x1fODl\xe5\x13!YB\x9c\xac\x99\x8d-\xa9\x81V\xad@\xa2\xe4\x92\xdc\x89\xae\x98\x90#\x10H\xb3\xb4&gt;\xb6Lo\xe5\xdb\xcd)Z\x1a\xd1\xd5\xfbV\xaa}\xc4N)\xf7\xe7\x88\xd7\x95#\xdf\x0fj3pju\x1a\xf4\x8cw5\xd4\xc6y\xca\r\x8bW\xee\xba||\xa9\x8e\x8f\xd0\xa0_N\x82%]e\xf1\xe8\x0f\xe6C\x88\xd5+\n \x93\xf5\xe7\xf7\x05f\x8f\xcc\xb5\xd9\xd9\x9d\xa6\x1b\x0f4C\x92\x182\xa3&gt;\x8b\x88\x14\x956E\x94\x86\x0evn\xda\x1d\x9b\xa7\xb5j\x1f\xa0&amp;\x0b\xd9:t\xcb\xf9\x9b\xed{?\xa7\x02\xe9n\x88\x07\xee\xbbbOm\x9c\x85#\xdd\x03\x18S\x18sd\xfd\x0c"\xb2v\xddc^\xb8\xef\xdfy\xc4\x7f\xd0\xf2\x97\xc3\x86\x01-I@\x1a\x8cB\xeaf8\xa9\xc6\xa8\x16d\x18\xfe@\x92\x03\x82\x94\xbc@j\x91\x0f\x83k6\xc3\x88(\xd5\x19?\xb9*E\xfc\xf7\x89\xeb\xce\x95\x1c\xf0\xd6\x83\'\x88\xe8\xd1\x93g+~\x9d\x88\xf6,\x18m\xad\x91\xce!\xff^y\x98c\xb1J\xee\r\xd7\x15l@\x8a3\x1a\xe2\xfb-I_`D\xb4+\x80\xc2\x00\x8c-\xb6\xb3\xdbV\xfbtuq\x9e\x00\xd6\x8c\xaf\x15w\x1e9c\xa6\r\x17jI\r\xa0\xff~\xa8\xf8\x91|\xc5^7\xa1\x81o\xb3\xd4&amp;\xc5\x043\x83\xa83\xd9\xb6,Z\x01\xa6?U\x84\x0f*-\xc5Z,\xeb\xa9\xd80i$\xf77(\xba5\x88hQG\xf1\xa9\xbb\'\xbb\xa0\'7\x82\xcc\xd8\xbfd\x9c\xf8Q\x8a\x13z\xf2"\x89\xa83[\xd1\xf5*\x8d\xb7\xd8\x86q%&amp;\xddc\xae=k\r\xcfi\x19Wbj\x19\x82\xfc\x16qrZ\xe5\xb4jM\xb3\xf1)\xb0\x15\xc5\x88|\x8c\x00f\x8f\xcc\x95\xef\xbfh\xe3l\xc9\x1e\xc9*\xae\x0b\'\x80\x88\xfcT\xd2N\xfe\xf3\xc1S\xf4\xfb\x17\xfc_\x897\xcf\t\xaa\xfa8\xc3\xc9\x03\xab\xc5\x7fG&amp;\xf9\x01p\x00\xd6M\xa8W\xf9\x06|\x00gu\x9f\x9bb\xa0\x92\xc9M;\xa24\x14S\xab\xd3\x88h\xf5\xb8\x1a\xfb\x9e\x99AmynM\x0f\x9a\xd9\x90e\x974\x95$\x07L\x1e\x91j\xed\xb7$.\\\x8e\x05mEF\xbe\x1e$\xf3\xd9VE\xb9t\t\xa2\xa3&gt;\xde\xeb\x82\r\xb3\x02\xad\xb1D\x87\xc8D\x90\xafp\x06\xf3A6L\x1ei\xef{\xf9\xa3\xe1\x08\xbcq\xffUD\xf4\xc1\x937J\x9e\x8b/\xe0\x03\xd0/\x1f\xcbe\x14\x1336;\xef\x00\xe4\xfb!\x00p\x07&amp;U\xe9\x9b\xed%\xc1 "k\x93\x85/\xdb\xb6\xa01Q\xe6\x8eQ\x82\xb3\xa5\x851\xb3&gt;\xab3+T;\xed\xf7\xf4\x84U\xe9\x83gL\x1a\xd9\x9d\x13\xae!q\x0e\xaf\x9d\xb6kn7\xff\x97\x05\xebD\xf8\x02\xa1\xd6\\\xf4\xd0\xca\xc9\xda\xbe\xfc\x7f\xfd\xf5q\xc5\xfd\x1anD\xbbh!""\x81\xb7\x1e&lt;Q\x1b\xeb\x01 \x1aHs\xd1Y\xe7D\x98\x00\x00\t\xc0\xf6Y\x9d6\\ztA4\x11\xd9\xddC\xac\xf6\x84\x14_\xbdq\xbdZ\xae\x85\xc9G\x02/ \x00@?}8\xbe4&gt;\xc3\xfd\x0f\xce\xbe\xebT\x8a\xa2\xaf\xed\xab3\xf2]\x9b\xcd\xd9\xd3\x1aFb\xd2!@\x86;|\xcd\xf5\x14\xfev\xbat(@\xf4/#G\xb2\xb9\xa1\xf6iQ \xe4\t\'\x87VN\xca2\xac\x1d\xb6\xca\xa4\xdb\x1f\x85(MygG,\xee,]1\xba\x8a\x88b\x80 %\xe3\xdd\xd5RW\x92h\xae1\xe6\x85\xf3\x92\xcds\xe5U0r\x18\x91,51\xee\x8a\xae\xb6v\x95\x8c\xc0sWO\x91\xec9\xb1oEC\x82\xcf 5Gy\x14\xc7 \xe66\xe7;\x01\x81\xc0m\x17l\x9d\xd5\x90\xad}p\x04p\xc1\x193%\xc2h(J\x87\x14\x9d\x9f\xab\xc7\xd6\x9c\xe2h$\xd1W\xd5\xd1nS\xac7M4\x90d\xa7\xa9\x12\x06,l/\x86\xb0X\x1a\xf7\x18\x1b\x172\xa7#\xd4\xdc;\x00\xfe\xf2\xc85\xe2\xbf\xe3K\xe3\xf7,\x1c\xc3jM\x07\xe3%\x1c\n\x8c+1}\xf7\xd6\x83\xda\xc7\xa4\xda\x1a\x04\x98\xd5\x98=\xa7)O\xb1\xa4\x19\xc0\x8c\xfaL\x1b\xcfko\xf8[\xff\x95q%\xa6\xd2\x10\x85\xf0\x06\x13C\xde\xc0L\xf5\\\xfe\x91I~\xb5q\x9eD4\xb68\xee\xfe\xa3{\x02\x01\x83%B\x1a\xf0\x03\x88H&gt;\xa9k\xe3&lt;\x0c\xa6\xce-\xed.\x1bd\x15\xd5`\xea\xd7\xb2\xbd\xe0\x03\xb8\x02\x0f^\xb5?\xc7\x1b\x00&lt;\x81\xb6\xf4\xa0\x8e\xcc\x90\x86\x84\x01\x93\x92\x88b\x01"z\xea\x86\xc3\x8d\x89&gt;\xfe\xc2\x19\xf8\x02\xc0t\xcd,\x0f@\xc5\'\xa9f\xa1\xa68Y$\x07\x87\x01]9\xe1\xec\x99\xf8\xc8\xce\xcfV\xba\x10`e\xafu%8V\xc1\xdaL6\x8e\xb3\x96\xf5i\x1f\xa0X\xb7"\xc69\xd4T\x079\xa6\xd7fTE\xb9\x18?~0\xfe\x8f\xd3\x0er\x8d\xa9&amp;\xd6\x83\x88\xbe~\xed&gt;q\xa7\x11%NQP\xe6\xc8F\xab\x902\xe4\xea\xa0W3\x99f)\xbbs\xbc\xe1\x0c\xc4\x08\xa5"\x8b:J\xb4U\xa7H\x03U9j\xb8p\xc3\xac\x1ds\xba\xda3\x94\xdf\xb8\xf8LR\x9c OHR\xf3QX\x15\xaa\x85\x1e\xbd\x84\x91\x038\x8c\x97{M\xacHb\x1b\xa5\xa1R\xbd8\xd5\x19)N\xfd\xe9\xdb\xec\xa5\xfb\x19\xcb\xd7\xe4\xe7T\x04\xd1\x8f\x12W\xb2\x07@D\xeb\'4@\xef7\xdaE-)\x0fS^\x00l\x8b&lt;\xb1\x91\x99\xee\x06\xb6R\x86\x02\x93G\xa4\x8ac5\xd2\xd2\xe0KuQH.\xea-\x8a\x95\xaf\x7f=y\x91P\xac\xa8"\x1a:Wu\xa6\x07l\xb0\x8e\xd4\x94\']\xc8\x9fy\x94J\x06\x9d(@L\xc2\xf6\xa7\xcf\xdd\xd6\x91\x19j\x83\xb0\xd6\xd5qg6d[U\xf1\x93\xe2d\xbb\x08\x1arH\x9e\xe9-\xe7of\x13\xfb\xd2-\xf3\x86\xfa\xd2U\x91\xca\x9a\xb9\x98\x8e\xa6Ff\xc2\xa0f\xc7\xda\xcb\x9anK\x0fNP\xe2\xfa\x10\x11\x0b\xf8\x01\xa5\xa1\n\x01\xae\n\x15\x16\x8di5\xe9\x06m\x12O=\x1e\x12m\xf8[\xfe\xeb\x0e\xa4\x1b_+\x007\xcd\xd8r\x94\xf0\x9c\xbb\xb2\xc3\xda3C\xb4\xd7\xb5MS\x9bu\xd5\xba9#sEgk\x04\xf0\xc2m\x97\x18\xbe_{"\xd5P\xf9\x81N\x14\xc4\xdd\\\xe5\x94\xeb\x8dD\xcd\xb4+5\x10\x11\x0b\xc0\xa4\xbbad\x92/\xd1/\x0f^\xb9\x8f=\xf6\xf3\xd6Le\xc7\xcciRH\x13P\x83(\x10\xd9\xab\xdd\xb7h,\xf3Y)\xe6\xe6\xde|xS\x18\xa4^\xd6\xb6\x8c\xe0\xa3;\x17\xe9^\xab9E\xe9\x8c*0\xf2\xbcw\xcf\xeb1~B\x06kEA\xa9\x01\xdfX_Y\x82\xb5%\x9f6/\x84\xa7\x1aE\x818w\xf5\x14"\xd2\x9d\xab"L\x9a^\x08\xb1&lt;\xca\xd5\x1e\xca\xda\xa2\x8e\x12\xed\x03\x88\xbe\x1d\x99\xe4{\xe1\x86Y\x8a\x9f\x1a\x7fw\xdc\x00_?\xb1\x91m\xc8\xe3\r\xe7\xac\x9abmhK\xce\xd5\xd3\x95\x1d\xcef\xa67p`\xe9x\xbe\xff\x8cI\x16\n\xdd\xec\x919\x1a\xa7\r\x96%\x8f\x9fn5\xe8\x7f"\xdb\x99\x9bJ\xc6\xb3\xe3\x87\x02\xeb\'6\xea:\xbb\x8dW\x96x\x00\xfb\x16\x8d=\x7f\xddt\x00S\xab\xd3\x98\xccmK\x0f\x12\x03\xb6"\xc2\r\xc7H\xed\x05\xb6^\xda\xe6\x893\x1e\xc4&gt;\xb4r\xd2E\x9b\xe6(~4\xb68\xce\xd60\xd0\x9f\x10\x19\xee\x16\xd5\xc9,*U\x19\xe1,Y6u+\x98GD\xbb\xe6\xfb\xeb_.\x18(\x0fWV\x13\xb9&amp;e$\xef\x82\x8d\x8fdGl\x9d\xd1f\xdc\xed\xcb4tnR\x18\x19.\x92\x9f]\x14\x88\xd1\x05\xd16GA\xd4BF]\xd9\xe1\xd9\x9e\x98X\x91\x94\xe1\x86&lt;_\x10}_\x15\xe9\xa2\xe8-\xd1\x96\x05\xe2k\xb2.\'T\x13n\x00\xd1\xbfM\xf6;\xe1\x10\xa1K=\xa6\xa5\x8d\x8dS\x9a\xe5\xe9\xa7\xc6\x89L\xfeD\x98\xd3\x94\xb7zlM\xb2\x13\x82\x81x\xf3\x14P\x9b\x92\xf6\xc2\xd9+&amp;*\xeeW\x1c\xcb\xac\x12\xfb\xc3\xa7n\xc2\xa0\x13o\x1e\xbcj\xbfdO8\xb0S\xc8m\xb3\x19\x12KN\x94$\x1a%\x90\xa7\x1dj\xe3&lt;\x88\xe8\xddG\xaf\x95\x7fT\x13\xe3\x0e\xb3W\xd7`\xb4\x9d\xa7]\xaa97\xa6\xd5f\x1c\\&gt;A7\xf7_"\xd0\xed\x98}5"\xca\xd5\xee\x99\xe3\xf6Ba\x00&amp;U\xa50&gt;\xa9$\x07[\xeaZ3=\xac\xb0v\x99O_b\xcd\xa8\xf9\xb9#\x99^\xf6\xf77l#\xbax\xf8\xf8Y\xc6\xb5H\x9b\xb5\xed\x9ds\xba?x\xf2F\x1b\xbeH\xff\xfb\x84mX\xb5\xae\xf7\x16\xc5\x02\x98T\x99\xdc\x9c\xe2\x7f\xf9\xf6\x85\x00\xaacN\xb7\xe2V\x05l\x98&lt;\xf2?\x1f&gt;\xc5#7\x8a\xf8\xbf\xbf\xbdl\xb2\xe9\xe4\x892A\xe1`\xd6\xe8\x93\x1c\x07\xfcK\xd3k3\x98\xef\xf7\xf9[/\x92\xaf\xd8\xb9&gt;\xfd_\xf1\x03\xe6\xb5\xe4K\xea\x93N\x1f(\xce\xb5c\xbb\x96(V\xed\x9c\xa6\xc8pS\xf6\xbb\x85X&amp;\xc3\xd9Qd6%\xfbi\xc7?Yh\x91\xbbh\xc6\x14\xc4\xac\x9f\xd8 9\x86\x13\x8f\xc8\xdd\xd91\x9a\xff\x9e\x1ah\\T\xbbp,\xd5\x19\xaf\xdcu\xf9\xd0\x05\x8b\x92\xf4\xf4&lt;\x7f\xa0\'7\x02@\xa4\xccw\x94\xe3\x85\x83\xcb\'\xfc\xe5\x91k&amp;VjEq\x151\xaf\xa5@meZ\xdcY\xea\x06\xb0J\x14\x00\xcbGUfiZ.|T\x86Z\xea\x19\xf9\xfe\xa8\xb6\xa9\xa5\x84\x8b\xad\x19bD\xff\xdd=\x7f\xd4\x0f\xef&gt;\x96\xed\x85\x9b\x0fo\x04P\x1e\xe6\xa8\xbb\x02\xf4\xe4E&gt;u\xc3ak\xaf5\xc8tG\xb1\xbb@[z\xf0\xf2\xd1\x95\x83;\x9f\xb2\xeccR{\xdf\xa2\xb1\x92\xbc\xb2\x9ds\xba\xd8\xf1s\x9b\xf2\xd8G\xcc\xd8\xaa7y\xa9q\xc0ey\xf6\xe7J]\xb9{\xa9\x1a\x81\x8fm(\t\xd6\xe2 \xb1\n.J\xba\xe9\x90\x06\xe1O\x05\xc2\x80;/\xde\xbemf\xfb\xd0\xadc-\xa9Z"\xae8\x18\x925\x9f-?&lt;0\xc37\x96v\x97\xbfp\xdb\xc5\xf6\xbe\xbb\xc1"\x06\xb8\xe7\xb2\xdd\xee\xc6"Z6\x90\xe5)B\x92u\xae\xc8\x04Pg\xf2$"]Y7t\xee\xee&lt;\x1f\xec]\xd4\xab\xf8\x11\xfd\xf4\x11\x13\x04\xbf}\xf1\xa2n\xaa\xb8\r\xa4Fj\xa8\x8at!"\x91\x00\xd2\xda\xc6D\xe3K\xe3\xfd\x80\xdb/\xdc\xc6\x93/\x93\x1c\xb4Re\xf6.\xea\xe5$\x13\x1a\xbc\x84\xe5\xe1\x8e\xc7\xf7.\xb7\xeaN\x14A\xf4\x7f\xb3\x1a\xb2o\xbb`\x8b8\xd2l[)5\xd0\x96\x11\xccD\xf9\xa7\xcf\xdf~\xdf\x15{\x02\x80\xd6\xf4\xa0\xd7\xef\xbb\x92}\xfa\xe6\x03\xc7\x89h\xeb\xccv6[\xad\xcahp\x04.\xdb\xb6@\xb2\xd3x\x06]\x9cz\xf3\x86\x04\xc3A~\xe3\xa8\x8b\xf3\xd46\xc1O\xebJ2?sl\xd6\xd7\x1e\xdc\x81V\x91n\x8a(\x0cP\xa8N`\xa9\x14\x92\xb4\xb0i5\xe9D\xc4\x9dq#\xa2\\\xc7\x95\x98\x98a.\x87A/\x96\xb6\xfai\x10N\xc0]\x97\xec\x14\xf7\xa8\xb5T\xbb\xee\xec\xb5v\xb8\x9e\x0cD\xbf\xcawF\x03K\xbal\xcc\xc8\xb6\x174\xa6\x87mY[\x07\x96\x8e\xdf:\xa3\xdd6_}\x00\x90\xed\xd5\x7f]\x1bC\x07\x00\x80\xd1\xf9\xd1g\xaf\x98\xb8OF\x10\xaf\x81\xb6\xf4\xa0\xc6D\x1f\rU\xf1\xefo&gt;\xa8\xf1@t\x03\xfb\xae\xe6\xe7\x99\xe9\x8e\x04{\xa7\xf9K\xa6vQ \xc6\x95\x988\xa3\xcc\x913fJHy\xc3\x80t7\x94\x04\xabf\xc4)BT\x13u\xc7\x86\x98Yp*=\xbc\x12u*\xddUgq=}\x13\x81z\x8bb\x9f\xbb\xe5Bm\xdd\x1c@\xaaK\xff\xe0\xd3\x8d\xbb\xda\xcb\xce\xd2\x86\x84\xb1\xab6\xcec\xcf\x8216\x9c\x87\xe8\xfb\xb9MyDD\xdf\xbe\xae}\xe4\xf2Q\x95P\xc9wR\xec4\x90\xe6j\xc1\xb2"\x99&lt;\xba\xfa\xf8\xd8\xe2\xb8\xb6\xf4\xa0\x97\xee\xb8T\xef@tf\x85Z\xd1\xcf\xc5\x0c\xddF=\x1cb\x13\xc4\xc2\x80~\x02N\t\xee\xbad\xe7\x84\xf2D\xbbw9\xd1X\x94\x89h\xc3\xe4&amp;\xedfL+FW\x85iz-\xda3C\x0c2Nk\x80\x88\xce\x98\xd8\xe8\x054%\xfbo\x9f\xd5)\xa1\xd2\x93\xc3\xc125N\x11j\x94gF8N\x88\x88+\xca=\xb9\x91\x12\xef\x1f\xd1\xbfu\xf3\xe8\xc4\xab\x13\xd1\xc8$_\xe6\xb8\xaf3y\xd2\x0f\x7f\x11\x8f\xec-\x8a%\xa2\xee\xdc\x88\xc5\x9d\xa5\xf2X\xfa\xe0]\x9a\xf7\\\xb6\x1b\xc0\xba\xbe\xfa3\xe7\x8f\xd2=\xd8\xf8\x90V\xc4\xc2\xf6\xa2\xf7\x1e\xbf\xde\xe0\xc1\xf4\xcb\'\x7f\xeeJ`\x8e\x92\x10|\xff\xce#\xba1\xb07\xee\xbf\xca^\xe5\xd7j0\xa2&amp;\xd8EO\x07\x06J\x99$\xf0UW:\xb8\xb3\xc5\x05\x08\x03\xfa\xca\x06\x16u\x93}n\xca\x02n\xc0\xb2\x9e\nE\xa5\xc2\x1b\xb8\xe3\xa2m\xfc\xdf\x1b\x0e\xad7rB6;\x16\xb4\x15\xea\x1c\'C\xb5%O\xc3\xa8\xfc(\x9bS\xa1\x14I\xed\x87\x1a\x8a\xcbRgV(\x11\r\xd2\xcb\xcc$\x0e\xfd\xdf\x17\xf4\x8f\xb7\x18\x7fbc\xa2\x8f]\xcaPX \x14\x83(j)\tFC\x82\xb7\xc9r\xca\xa4\xb9\x80\x88\xb4+\xf2\xca\xc2\x1cV\x8c\xa9\xe2\xffn\x9b\xd9\xc1M\xedQy\x91\xdf\xbf\xf3\xb0\xa8\x02\x06\xb2*\xee\xdf&gt;\x83Y7\xa2_?\x15~\xc57\xef?q\x83m\xf7o\x03ZR\x15\x9c\x0f\xb1\xc0\x87O\xddt\xddA\x1d\x83\x9b\xe8\x17{\xd5\x0f\x89\xb0c&gt;\xdeP\xc1\xcb\x1a\xa7\x8dve\x96\x1c\x8a\x87;\x00\x1f=}3\x0b9\x8a\xd0\xe5a\x87\xb9\x0cR\x91|\xdc*\x0f\xe3\xb6\x99\xed\x8a\x0b\x00\xc3\x03W\xeeS\\\xde\x1d\x81%\xdde\t@kZ\x90\r\xc3E\xd4\xd3\xe5\xae\xb6\xd6\xf4 \xb5\xf2\x8b\x1co\x0b\x1f\xa2$\x80f0\xdc\xcd&lt;\xc1_\xbfvoE\x84\x93\x9a\'\xa1\xce\xa4\xecS\x11+\xba%\x83\xa5!\xc1\xc78\xcd\xcb\x9d\x17o7\xbevL\xadN\x1b\xfc\xfc\xd1(&gt; \xa2xK\xba\x05\x9b[\xfa\\\x7fh\x9d\xc9\x1a~\xba\x85\xed\xc5\x8c\x82IQ\xe5q\x00\x9e\xbd\xf9B\xe3W/\xf0W(\x8a\x9cV\x93&gt;\xbe4^\xb1[\xcb%[\xe6\x19\xd7\xcd\x89\x88\x17C\x14\xf8+\x90\xf8J\x16\xf5\xb20\x07&gt;X\x8c\xa4\xf1\xa4\xa9?\xf2\xa5\xdd\xe5\x92\xa6\xdf\xdaa*?k\xd6Kw\xc3\x01vEi#^\x88\xb1\xdd\x85\xaa\xb3\xef\xfd\xb9\x113\x08\xea\xa5\xf6\x8c`\xf9;[\xd8^LD\xab\xc7*\x90\xee\x1a\x14\xe2\xfb\x16\x8f=\xb4b\x92dgO^\xa4A\x1b\x90\xfe\xfe\xa6(\xee%\x91\xa5\xfdK\xc6\x99?\xf9I\xfe\xdd\xf9-\x05l\xc3\xaa\xaaZ\x11rw|{FpM\xac\xfb\xe7/\xdca\xe3\x19\x05\x18\t\x92\x06)Qt\xd8\x1dV\xf5\x19V\x84v\'\x06\xd1\x02S\x84\xbf\xe6\xa7\x91@u\x8c\xfb\x91\xf53\xc0\xb8\xed~|Or@\x905\xe1\x81\x0bd\xf4\xfdi.\xe8+K\x085@k\xd3+D\x89\xcaB\x1d\xc2U$\x8e\x1c6\xb7\x9e\x1f[\x1c\'\xd6\xb8\x94\x86H\xaf\x18\x0e\x10\xfd\x02\x80\x88~\xfb\xe2E\xbe\xff\xd8\xae%\xf2\xb3\xd1\xcf\x1f_\xb0a\x16\x1f\xd5\xac\x9c\xc58.\xdd:\x9f\x88X\x04&gt;V\xd6\xdbG2\x8aF\xe5E\xd9\xa5\xbc\x91]\xb4\'/\xd2\x06\'U\x1c\x8bVf\r\x8c\x8e\x7f\xfd\xf5q\xb6\x1ehg\x01\xd91\x85\xe1\x94B\x9e@b\xb0\x9d\x9b\x9a\x8b\xcc\x0b\xa0\x1f\xdf\x13\x97PQ\x96*v\xe6\x94\xc3\xe6\x12\x01Q\xf4\x7f\xfb\xfa\xfd\x8a\xb3\x88\x1f0\xd4e2\x00\x9c\x01\x13\xb0cv\x97\xfc\xa3;/\xde\xa1\xf1\xc5\xea\x18\xe9#\x98\xd7\x92o\xc7\x1b\x1b\x0c\x92\x9d\x0c\xa5Bi\xa0(\x08\xbdE\xb1\x8a\xc6MS\xb2\xbf\x8b\xf5\x8dA\x14\xd3\xae"\x81\xb6\xf4\xa0\xed\xb3;E\xaf\xc8\xc9\xfd\xab\xce_7\x9du\xa9\x8b\xb5\xb23(\x07\x11\xb16\xe2\xc6\t\xfa\xd9\x82\xa7-=E\x81U\x16\x8aQ\xf9\n\xed\x8a\xfb\xca\x12\xb49n\xb9Z\xcd\x8a\x07\xabc\xdc\xe5G\xb3\xe9IDjE\xb3j "\xfa\xfd\x0b\xab\xa8\x04D\xac\x1cc\x11\xb5\xfe\xf4\xb9\xdb$\x07TF:\xdb\x1ce\x0c5\xbb\x108\xe4\x93H\xc4\xe3\xd7\x9c#\xd9\xe3\x08\x1c\xdb\xb5\x84-\x9f\xf9\x82\x15\xff\xf2]\x97k_\xfa\xbb\xb7\x1e2~\x9f\xa7\x0e\xac\n|\xc3\xe4\x91\xed\x19\xc1CQ\x03\xad\xe6[b=#kb\xdd\x99&amp;js\x19\xa7\xb5\xf8\xea\x95{\x06\xc4\xff\xef\x9fk\x84q\xf8Q\xc6O\xeeo\xd3-\x85\x02\xe9\xae\xca\xd6(Wq=\x80\x8f\x9f\xb9E\xf7T\x7f(m\x01\x82\xcd\xbdy#\x06\x91\t&amp;\xa2\xaf&lt;\x91\x88\xf2\xfd@D\xcd)\xfe\x97m[\xf0\xd85\x87z\x8bb\xff\xf7\xd9\xf3=y\x91}e\t\xday\x17\xf2\xf6\xebjI\x84E\x81X\xd5;\xd0\xfe3\xc5\t\xcf\xder!\xabNHw\xc3\xac\x86l\xb1\x96\xcd\xc8z\xe0\t\\\xb6u\xfe\x1f\xc5\x9c\xbbmV\x87\x91\x14\xe39\x9a\xd9\xde\xac\x18\x88\x88X\xa1\x83q(.\xcc\x97l\x9eKD\xba\x99&amp;r\xac\x1a[]lY\x91O\xf4]{F0l"\x95Iv\xc4\x8b\x06\xb2*4\x84Qa\xe0\xc0\x12\xe2n\xe93\xac\x89u\xffS\xf5\xfc\x05\x00\x94\x85:D\n\x8d\xb7\xd4z\x03i T\xd3A\x94\xe9a\x85X\xd4\x95_I\x8e\x86\xacr\r\x9f8\xd1\x7fD\x0b\x80i\xa9\xaf\xdf{L~$+H\xb1j\x018\xb1w\x85A\xeeb;\xc2\x88\xaa\xb5sNw\xa2\xb1b\xd7\xc1\xb4\xcf\\\xd0V\xf4\xfc\xad\x17\r\xe2\x04\nX/\xb4-\x9cZ3\x90}4\xb9*ens\x9e\x9au\xe6\r\xb4g\x04K\x02J#\xa2\\\x15#\n5\xb1\xca\x81\x06\x96f\xd6W\x96@\xf43c\x9f\x9d\xd7R\x00 \xd7\x07\xe5a\x8eF\x96\x01\xdbZ\xd5\xdb\x06q\xccG\x017\x9c\xb3~\xcd\xf8ZmM9\xd7\x07w]\xa2`b\x12}ID\x8c\xef\x8cq\x9a\xbez\xcf\xd1\xc1\xdf\xe1\xc4\x8a\xa4\xc1h\x05\x8c\xb5_D\x96\'\xbc\xact\xbb\xb3\xb2v\xe3\xed\x8b\x15\xc1\xdf\xbc\xa4\x8a\x90\x88\xec\xa2\xf7\x9cj\x8cL\xf2\xe3\xce\xd6\xda8\x8f\x10`\xf9\xa8\n\xf1\x00\xedd\xa7\x8dS\x9a4\xea\xe0\x8d&lt;j\x9eCI\xf4C\x89\xa5\x04\xad\x8eq\x13\xd7\xa4p\x15W\x89qH\x82\xbdW\x9d\xb9\xec\xabW\xef\xdd\xb3p\x8cx\x00\xdb`\xe4\n\xf2\x05 \xc3]5\xa57\xca\xf0p4X\x80:2\xc9O\xf7H#\x92Hc\x19\xe3^#"R\xe3\x930\xd8\xeeuqW\xa9\x91\xc3\xb4\xe1o\xfdW\x14[rw\xe7FH\x9e\xdc/\x9f&gt;\xc7Y\xc4{\x8bT\xa4\xbe\n&amp;\x94\'\x02\xd8%\xb0Q\xca\xd3\x15t\xd5\x17Q5Nq2D7\xa4\xdb[\xc6\t\x88\x06Z\xd3\x02%E0\r\t\x83\xb2\xe7\xc5r\x9c \xe0\xd1\xab\x95\x9b?s\xf0D#5\r\xf2\xd8\xce\xc5D\xa4H.\xab\xc6\nl\x04\x99\x1e\xfd\xac\xa8\xcc\x19\xe3o\xf9\xa9\xbc\xfa\xdd\t\xf8\xea\x95{$\x03\xc6\xd9V\x9a\xc2\x96\xd4\x00I\xca\xef\xc8$\xdf\x00 X)\xa11V\x9do\xfc\x0f\xc6?\xff\xf2\x08\x1b\xdf\x12\x98\x80\x15\xa3\xab\xaa\xa2\\\x88H-\xf0\xe2\x03\x94\x84Xp\xa8\x96\xda\xf6,\x01(U\x18\x10Q\xb11\xa5\xda`P\x93\x94\xc0?\xe5T$\xb3\x1as*\xc2\x9d\xd8\xb6&lt;]\'\x18\x88R*\xed\xab\x8ar\xd1\x18\xcb\xda\xda\x81\\|\xc4\x1a&amp;\xd4eq3\x17\x95|G\r&lt;r\xe2 \xdf\x0e\x00n=\xb2Yq\x01\xb0\xa3{N2\x03\xe4o|\xf0i?\\\x10J\xe27\x0b\xdb\x8b\xe66\xe7\xb1\xed@\x80\xc5\x00W\x8c\xaeR\xe3\xc2\x94c\xf3\xb4V\r\xe5\xd1\xaa\x8c\xd2\x8e\xcc\xd0\x9e\xbcH\xe3.;.%%\xa1\xafS\xc9Y\xa7\x10m\x90!\x16\xd8&gt;\xab\xf3\xaa3\x97\x197\x9d\xb5\xbd\xf0\xbap\x01\xa2\x81\x85\xed\xc5\xe3\x95\x92\x02\xacz&gt;\xdae\xc6\xf2\x0c1\xf6\x1b%\xf9\x14\xf3[\x0b\xedS\xe2\x7f*\xa1(=\xe3\x80\x97\xef\xba&lt;\xc5\x19\xb9&gt;F{\x8e/l/\xb6\xb6\xdb\x896\x9e\xb8\xee&lt;.7\xe5\'\xe6t\xf9&gt;2!\xa5X\x99\x05\xc5\x05\xe0\xd7O\xf9\xb1.B\x86ei\xa8\xaa\x0b\x88\xe5%\xd8\xb6\xd2-\x1bU\x01\xa01q\xc0\x1dcPjk\xcc\x13G \xcb\xb3\xbfNM\x11\xcc\xae\x92H\xba\x00+\xa7\x87FKw]\xe8V\x1e\xd9\x0bQ@,p\xee\x9a\xa9D\xff\xab\x8d\xf3\xe4\xe2:\xcf\x17D\xc4\x8d%\xc6Sf\xdf\xb2\xb5\xb2P\x071I\xfa\xabW\xee\xe1\xdb\x19\xeehI\r\x94\xc8\x0f"\x12#\x9c\xcc\x92\xcb\xf1\xb6H/\xe1\x10wIVMk\xb9\xe9m\xc3\xca1#"\x81\xd6\xb4\xc0]s\xbb\xc5\xbc\x1c\xb1\xd0\xbd"\xdc\xb11\xd1\x97\xb1\xf6?v\xf2\xd0\xa9\xb8-\x00vjSHD%\xc1\xca\x99\x0b\xac\xf8\x8e\xe8_\xe2\x0c\x94G\x98\xfe_CoQ\xec9\xab\xa6\x00 \xfa\xdd\xf8\xb7\xecH\xb2!r\xd2)\xe6\\\xda`:\xca\xe5\xbf\xc4y\xca\x85\xfe\xf2Q\x95\x8a\x0b\x80+\x90\xef\x87f\xeb\xc3Y\x0c\xb6YH\xce\xc0\x9a\xf1\xaa\x9c\x9aO\xddp8\x14X\xda]\xae}\x92\xb7\x1f\xba\xda\x01\xa83y*j\xf4\xbaD\xad\x00v\xcd\xed\x89\x04\xa6\xd7f\xe8\x1e\xa9\x8b\xa6\xe4\xc1s\x8e( \xdb\x0b\xb9&gt;\xf03\xbbh\xb8@f\xb6\x9dU\xa7\xca\xf3A\x0c\xd0[\x14\xab\x9d\x8d\xaa\x06\xb1;\xfc\x86\xc9M\x8aI\xab\xa2\x10\x19[\x1c\xc7\xd4\xfcv=\xf6\xf5\xa1\xc6\xb1]\x8b\xd5&gt;b\x13dQG\xb1\xa4M\x02\x99S\x86JC\x90\x08$\x00K\xf4\xfc\x81\x19n\x18\x99\xe4kR\xfaHq\x8at\xe7\x84\x7f\xf9\xd2]\xd1@I0\xbex\xe9N\xbb\x17X%\x02I\x0e\xca\x85\x8a\xfc\xcd\xa9\xb5\xf4y\xf9\xce\xcb$\xad;\xfe_\x00\x9b3\x11\x00\xd1W\xc6\xbfe\xaf\xbc\xc9X\xe0\x9a\x03\xab\xedr*\x11\x1a\xfe\x1f\tFD\xbb\xaa}\xfa\xd85\x87\xc4\xa6.\x06\x7f\xb0Z\xc3\xf1\xca\x08\'m\xa2Pm,\xed.g\xe9h)N\xfd\xfd2u\xa1\xf8\xbb\x8c\xfc\x8aQ\xf9Qn@\x9e/\xbaeE|\x0c\\\xe3\xd6\xed\xae\x9e\xe3\x8d\x00[\xf3\xa6$\x90,\xc6a\x80\x130\xa3.\x13\xc6\xb8\xc3\xca\xc3\x1d\xd52\x8fc\xcd\x03f\xff\x92q\x12\xea\x11\t|Xr\xb3\xca\xa0jL\xf41R\x13\x11o\xb6\xd5\xfe(\x84\x00\x8d\x89&gt;O^\x7f\x9e\x84L\x9f\xfd"n\xdf\xac\x1a[#\xf9\x8dD\x94\xed\xc9\xfa\x97\x05\x03(\x0b\x1d\x88\x97p\xf7\xb2D\xb2\xd2wof\xbacq\xa7t\x9d(\xb4\xf4\x94*J\\\xf1\x10#\xfe#n=O4\x17\x19(\x0e\x0c9\xa3\xf5\xc0\x19\xa2\xdd\xee\xb9l\xf7\xacF\xe5\x8eL9\xde\x7fp\xe3 [\xc0,\xc7\x02\x7fe\xab\x87\x11\x82\x96\x859X\xdb\x19\xc3H\xdf;.\xa4\xb4\xb5hfL\xd8WQ\xfc\xf5\xb3\x17$\x0b\xc0Y\xcb\xfa\xd4\n4\xac\xd5\x195\xc0\x86\x96\x9a8R\x8c\xf4\xda\xc5\xb0\x95\xc3\x04\xc0\x98?w0\x97`4\x90Cy\x91\x01HL\x9f\x02\x7f\x8c\x88v=cR\xa3]NND\xed\x99!D\xf4\x9f\x0f\x9e"sn\x8c"\x1a\x13}/\xda8[q\x01\xf8CZ\xb3\xf1\xc0=\xb7`JC\xfbC\xa6\xc1\xd6\xe4\xfb\xf1\xa1\xb2uF\xdb\xda\xbe:1\x1f@mnr\x95\xd9]\xbdo\xab\x04\xc7\xf7.\xb7\xca#\xa7Q\x06\xc8\r\x88\x05mEl\xc3\xa0\x8aV\x19\xe1\xbcjl\x7f6\xb0dF\x86\x00\xffx\xfba\xf9W\xae;\xb8\x96\xa5Q&lt;z\xf2\xec?e\x19p\xae\x0fjU\x12"\xda\xd2\x83\xb5ud\x9b\xe1\x0f@\x9d\xf9\x87\x87P\xee?\xba\x17\x86\xcb\x1d\xe5\x9d\x03\xd4 J\x7f5M\x96\xe5\x9e\x1b&lt;\xa1\x1cry^g\xf2\xb26\xf9\xac\xc0\xbf\x9f\xb6eF]&amp;\xd3\xa7\xb3\xbd\xd0\x94\xec\x17\xa1\xe7\x7f\xd4\xce\x0bb?\\Ro\xb9ij\x0b\xf3&lt;\xdcw\xc5\x99\xe2~&amp;\xee\x14\'\x9b\xe2\xa3\x0b\x07\xd6\x8e\xafS\x9b\xc9\xf2y8\xb3&gt;K\x91\xff\xc3*=\xd8\xdf\xf2_\xf6\xeb\xedU\xea\xdc\x9d\x1b\xc1\xb5E#\xcaf\x81?\xb6\xcd\xea\x00\xfa\xa7\x95\x1d\xa7\x0f\x9b\xa5\xc6\x15\xb2\xcaHg"\xcat\x87\xbf\x99\x06\x8aO%7c\xd9\xc3\x1cl\xf8\x9d&lt;\xb0\n@\x945\x15\xc83\xea\xb3\x16u\x94\xe8.6\xd6\xfa\x03}TzU\xcem\xca\x83]\xbbH)B\x9c;g.\x18=\xb4\x17;\x05P\x0c\xf0N\xaf\xcd`\x92\xe2\xb3\xe7o\x1f\xa2\xebZ[\xc9\xa9\rf\xc5\xff\xfc\xc9s\xbaG\x9e\xd8\xb7\x82/\x00\x8a\x8e\x8a$\x07\xa3\x15\x00\xf4\xdd[l\xa3*\xd2yBy\xa2HD\xe1oy\xa4\xe4\xa7\x8aV\x92\x87eI\xa1\x88\x87\x8e\x1f\xf8\xf9\xe3g\xb9\x1a\xe5\x0c\x8c-\x8e\xe3)z6\x13\xd7\xec]\xd4\xcb\xef\xb4M\xa9d\xd4\rHq\xc2\xe1u\xd3Y\xe9\xff%v\xcag\x97\xd8\x9a\xac\xc5\xa6m"R$\xc5LqB\x9c\xb1\x18\x86mx\xfc\x9asr\xcc\x12\xcc\xda\xd0\x9f6\xc5\xecg\xcf\xdf^\x1b\xeba-\xbf\x96\x1a\xe4t\xe8\xec\xd9r\x87\x89\xf1\xe1b\x97\xd6\x89Y\x9e`L\x1bj\xa83yJ\x1ck\x06\xf95E\x95\x81\xe9jO\\{ny\xb8\xe3\xacF\x9d\xacY\xbb\xe0\xb1k\x0c\xc5\xb7\xe5\x03{\x90d\xa5v\x86\x0f0\xb3!\x1b\x96d\xbf"\xba\xb2\xc3\x88\xe8\xdf\xef?a\xc7\x8b\x0e\xa9\xe7A\x03\xe2\xb8\n\x066Ok\xa5\x1f\xdf\xbb\xf6\xe0\x1a"\xa2\xff~\xd8\x99\x15:\xb9*%\xdb\x13\xdbguXe\xf4|\xfc\xec\xad\xe7\xae\x9e\xc2\xb6\xaf?{\x9d\xf1\x9b\xd1\xbd\x04\xcf\xac\xed\xb2\x86Q\xa79%\xa0\xc6\xca\xde\x84\x1f?s\xcb\xd8\xe28\xb9\xf3s\xdf\xa2\xb1\xe24KwC\x86\x1b\x0e\xad\x9c\xcc\xfeeF\x86\\\x18\x1a\x11\x8f\x06-!5\x155Lx\x9b\x83w\x0f\xf2\xc7\xabqSD\xdf\x1aO\x15U\x84\x93f+\xa4$G\x1d\xd7?\x9f5r}E{\xed\xb0\xb9\x1a\xe0\xce\x8bw\x04k&gt;^2W\x8dh8|5\xd4\xfe\x83\xcb\'\x1c\xdd\xb9\x18\x06\xb2\xb7Eg=\xf3\x89\xb2\x99\xc1\xfd\x16\xa5!\xfd\xea\xda\x99\xf3G\x9b\xccGN\xaeJaV\x85\x8b:C\x9fULU\xba#\x8d\xe8\xef\x92=\x11@\xb2\x93u\xc9\xc1\xa7\x14\xdd\xb9\x11\xbab\x88\x88N\xee_\xc5\xb7W\x8c\xaer\x03V\x8c\xae:\x7f\xddt\xdb.Z\x1d\xe3\x96\xe1&gt;\xd8&lt;\x07#\x16\xa8F\xb2\r}\xd3\xaf\x94E\xc9b\xc2\xeb\'6BE\r\xd1\x98I\xd6\x1a2\x13\xca\x13u\x9f|\xbd\xc9\x8b\x9dYn\x9f\x95\x859@\x89\xc8\x90\xe8\x1b\xb2lq\xc5P\x13\xeb\xae\x96\x14\xeb&amp;p\xad\xc4\x01\xf4\xfd\xdbj\xf7\x13\x0e\xbc\xfd\xd0\xd5\xec\xb6\xcb\xc3\x1d\x89\xc8\xb6\xdc\x18\x00\x8cc\x87C\xcdG,\xd2X\xda\x91C\xeb\xc2\r\xb3\xac\xfd\xca\x9c\xa6\xbc\xa13/\x18\xe4\xde\xb4\x99\xf5Y|[\xc3\x85\xdd\x94\xec\xc7\x96|5\xe52\xc5\xd9\x96Z\x01V\xca\xa4\xe1gw\x04\xbc-g"\xf7\x9e\x8bP\x9c\x85\x9e\xe61\xac\x01\xee\xe1\xe1\xae\xbc\xb9\xcd\xf9\x00\xe64\xe5\x9d\xb9`\xb48}6Mm\xe1\xf3\x97\xe7\n~\xf8\xd4M,\xbc\'9mQ\x10\xda3\x82\xd9\xc0\n\x04\xbas#\xb4W\xd0\xf6\x8c\x90\x0cw\xfd\x12\xbf\x17\xef\xb8\x94\xdd\x92\x97y\x80\xd5\x99&lt;\x03\x81MS\x9b\x87\x9aB\xdfv8\xa8\xc4`E\x89#&gt;h"b\xce\xb5m\xb3:\xde~\xe8jy\x18}F}\xa6\xeeE\x9b\x92\xfd\xf2|A\xdf\xbd\x15;\x88\x0c1\x9e\xc8\xb2\x00\x00 \x00IDAT\x90)J\rI$ \xa2$Ge\xfe/\x13\x00k\x98{E\xb4\xa5\x07\xf7\x16\xda"\xfa\xc4\x15O\x1e\xdd\x8d\xb1t\xa9WF:/\xea\xe8/|\x97/FDT\x1c$5\xe7\x8f\xed\\L\xf4\xb7L\x0f,l/\xae\x8c\xb4\x90\x06\xc6\x83\xc9\x12\x83}QG\t{\xc9&lt;\x98f\x1c\x93*\x07[\x10b\x95\xb9,\x11\xa0\x1a\xf4\xd4\xf2\x87!\xe1MK\x18\x1c\x1f\x86\r\x08\x03\xc6\x15\x9b\xc4=\xba\r\x9c\x8d#\xc9q@\x19\xca\xb1f)\x08\x87\x02\xd3\xdc\x8d\xe7\x9c\x91\xeb\x03\x07`\xd7\xbc\x1emK\xae(\x10\xf1\xc0\xa5[\xe7\x8b;o=\xb2\x85?\xeb\x14\'\x8c\xca\x8f\xd2(\x8e\x94\xbc\x05&gt;A\xe2\x81\xdb\x8el\x91\x1c\x9c\xe5\x89\xff~\xf8\xb4\xd6\r\x01DT\x1f\xef5"\xdauz\x9dE\x1e\xf3\xd5\xfbVJ\x9ew"P\x1d\xe3\xde\x94\xecW\x15\xe9\xa2\xdd;\x01\xc0\x86\xc9M\xb9&gt;X\xda\xd3\x9f\x89\xc02J2=0*?\x8au\xb3\xf93\xa1+;\xac+\'\\mU\x94\xe8n\xba`o\xd7_\xb6_\xcd\xf8\xf2\xb1T\r\x82U\\%\xf2u\xab&gt;\xde\xeb\xa2\x8d\xb3\xc5=\xe7\xad\x99j\xa4\xbb\x80\x064\x86\xa6\xf6\xf4\x14%W\xae\x0fV\x8c\xae\x82\xac\x08K\x04\x9bG\xf2|8\x9b!1VJC\xfa\xc3b\xd5\xd1n\x8avLy\xb8c\x80J\xbe\xdd\xb2\x9e\n"\x9a\xad\x92\xfd\xa6\x08?\xa0&amp;\xd6=\n\x88\x01N\xec]a\xfc\x8b\x1a(\x0b\xd5\xd2\xa3.\xdc8\xdb\x8e\xc9\x93\x8d\x89\xbe\xb5\xb1\x1eL\x04\xff\xfe\xe5\xcb\xac\x18[\x14\x84\x8aQ\x13X\xa6\xfaHV\xbf\xd2P\x9c\xdc\xbf\x8a\xab#U\x91.\xe2\x18\xce\xf2\x04ow\xc5D\xb4/\x90he$\\\x11\xd6\xf6\x9d\x16--\xf9\xd4+\x0fs8\xb9\x7f\x15\x11-\xed.g\x1a\xb7\x98&gt;\xe7m\xf9\x15]z\xc7Tg+h|\xa2\x00\xed\xd6oF@D\x87\xd7M\x7f\xe6\xa6#\xbb-\x9b\x8b]\xa7\xe2\xbc]\xdbWoUP\xc1\x7f07w\x9a\xa0"\xdc\xb1;\'\x82\x0f\xf7HK\x02\x03\xe3\xce\xf1\x10\xb3w2\\\xf8Vm\x9c\xc7?\xff\xf2h\xb0z\xed\xe2\xa1\x95\x93\xf8\xc1&amp;c\x17b\xee\x9a\x05\xad\x85D\x94\xe1n\xb4\xc3Ca\x00~\xfe\xf8Yc\xc7J\x11\xac\x92\xb5\xc9\\\x19\xbdE\xb1b\xcf&lt;6OZ\xd3\x02/P\xf2&lt;8\x1a\x0b\xe4n\x9d\xd16\x98d\x12"b\xb31L\xa9\xf9\xc6\xee\xf9\xa3\xae?{\xdd\xda\xf1ugLj\xdc:\xa3]\xf2iU\xa4\x8b&lt;@=\xa7)\x97\x88\x86(K\xd56\xa4\xba\xd8Sk\x06\x90m\xb6\xbc*#\x9c\xcfZ\xd67\xb79\x9f\xe7\x96\xb4\xa5\x07ik\xd2\xfdyVU)\x9c\xbf!\xd6\x1a\xd7S\x82fB\xba\xfcZZ\x9f\xfe\xfc\xb1U\xa9\x16\\f_\xb8a\xd6n\x81\xf8\x88\xe3\xa9\x1b\x0e\x13\x11\xf3\x9dJ\xc4\xb7Z\x8e\xbc\x06\xceZj#e\xb4m8\xbas\xb1}y\n\xc2OU\xfb\xdbS\x8a\xb9My|.\xd5\xc4\xb8\xcf\x14\xe8\xa8\x88hlq\x9c.3\x8c\x1b\xb0\xdb@\x03O9n9\x7f3\'\xf4\x10\x87\xad\x91\xd47\xf65#\xbe\xda&lt;_\xe4\xf9\xea\xa7\xf4)\xe6#H\\\r\xa2b\xe8\x0c\x9c\xb5\xb4oz]\xc6`\xd8\x90\xe4\x18\xa4;"\x04\xfd\x14\x08\xec\xf72\xdbKt\xdd\xde{\xf9\x99D\xd4\x91\x15Z\x1c\x84\xa2@\xb8\x18\xb8\xa2F\x08\x87\xe8\x9f\xba}Zt\xd1\x9ei\xe3\x13d\x11\xdd\xd2\x10{\xc6\x0c\xc8J&gt;\xe4d\'\xfc\xf3/\x8f\x12Q&lt;\x10)\x04i\xfd\xf5\xbe\xb8yZ\x8b\xbd\xaa\xc0\xf8\x0b\xb0*\xbdRLF\xb2\xa1p\xe1\xd0\xcaIr\x05B\x82\xcf_\xb8\xc3\xe6\x94\xa7\x07\xae\xdcg\xe37\x87a\x04#\xa2]\x9f\xbe\xe1|\xb6-oY\xc5\xe0\r|\xfc\xcc-\x99\x1e:u\x9e\xd51n?\x7fb\x8b~MD\x97o_h\xed\xb7\x14Mr\r\x0f\xf2\xe6i-;\xe6(S\x8a\xea\xf6\x07\xe7\xee\xff(\x95\x83O\xec]1\x14\x95\x13r\x18\xf1\xcb\xb3t#y\x1e\x82\xa2\xee\xce\xca\x0e\x02\x0cw]VL\xf6\xa7\xef\xdfY3\xbeV\xdcc\x83\xca\xa5mwkh\x03\xf4\xf77\xed\xde\xa6{VC\xb6\xa24,\ra]\x85\xff\xe7([2\xcfZ\xd6GD\xf4\xd5\xab\xa1J\xa4\xa1\x12l\x9d\xd1\xce\x13\x84\xecEo\xf0\xeb\xe7/0S\xaf#S!\xc4\xcew\x895\x9b\x9e@sJ\xffm\xf0\x18\x12\x11\xb5\xa4i\xb8B\x07\x10\x07|\xff\xce#\xa5!\xc8\xf7\xd3*C\x19]\x10-\x9f\xab\xf1\x80\xb7J\xdd\x86mI\x83\xbaT%\xf4\xaf\xbf\x8a\xffJ\x8a\xe7m\xcenP\xbd\x1c\xd1\xbb\x8f^k\xef\xb3\x0e\x01\x14\xf5\x8fT\x17\xab\xf5)\xd6\xf1\xd1\xb6{\xb8\xd7\xb2\x10\xc9.0^\xa4=:\xdf\xa8\xcf\x94\x88L*\xfb%\xbf\xdd`\x833\xe3\x08\x02\n\x03qh\xe5$\xc5nP\xbaHuV\x164A\x8c\xd0\\\xc5/\xebe\x99\x96\xa3\x06\'Y\x04BL\xd8\x1f\n\xf4\x95%\xc8\xd9/l\xf6N)\xf2=(\xda#\xce@\x82Yk\x96\x10\xd6.\xee,5\xce\x9f*\xf7!&lt;t\xfc\x80\xe1oK1\xad6\xdd`\xa5B\x9e\xaf\x85\x1a\xc7\x96\x7fI5e\x7fn\xcd/\x1f\xb3\xec\x1a\x8d\x17\xc9W\x890\x03, \x1a(\xf0\x1f\xd0l\xb2&lt;0\xad6Cq\xb9\x8f\x05~\xfd\xfc\x05\xdd\xb3\xa9\xa5`\xd2/\x1f\xfb\xab\x7f\x8b\xafD\xe2\xefP\x94\x8d\xda\xda\x06\xb3\xb3\xcf]3\xf5\x14t\x15\xb4\x11i.\xe8\xc9\x8b\xd4.\x1cMw\xb3\x9a\rx\\\x89\xc96\x0b\x00@\x08P\x1d\xedf\x9cX\xc3\t\xf0\x05"\r\xf7wfp\x00\xa2\x80\x07\xaf\xdc\xb7ez\xabU\xb7w\xe7\xc5;|\x80\x9aX\xf7\xda8\x0f\xed \xb3\xaf9\x0e\x96\xed\xa5\xdc\xb7o0p\x00\xee\xb9l\x97vh\xd4\x06hO]G\xcb\xacm\xeeC\x13\x0b/\x0b\xec\xc1L\xa9\xed\xb6p\xb54&gt;\xdc\x94\x8c\xa1A6#\xf67|dy\xb8\xa3\xa7\xac\xf4T\x92\xd2c\x15\xc6\x14\xc6\x0c\xc6\x82\x1c\x99\xe4k\x84\x0c\n\x00\x11\xcdj\xc8\xf6\xb0\xdc\xa3x\xa4\x11.\x07\xe6t\xda\xbb\xa8w\xdbL\x1d/\x906R\x9d\x07\xd2i\x0c\xe2\x87w\x1f\x93\xef,\rAi\x08&gt;\x7f\xe1\x0e\x83\x95e\xe5\xe1\x8e\xeb\xfa,\xc8nE\xeb&gt;\x11\x88\x05&gt;|\xea&amp;\xed\x93d\xb8\xd9\x8d\t\xed\x94b\x97\xb9\xea\xef\xa1\xe3\x07\xa2\x81\x17oWh\x99f\xc49\xe9\x02te\x87\x03(\x0fs$\xa2d[\xeb|\xe7\xb5\xe4\x07\xa9\x90\xca\xed]\xd4\x1b\x03L\xb5L\x03\r\x02\xb4[\x03*"AI[\xd7EI0\x1a\x12|\x88h|i\xbc\xb6\xa9\x98\xe6\x8a\xc5\x9d%\x8c\x06\xb9\xce\xe4\xb9nB\xc3T\x03\xd9\xabr(^\xa56\xceC\x92\xeb\xa9\x8di5\xe9O\xdf\xd8\xef\xdf\xe3\xab\x16_\xf8M@\x96\'zTX1\x18\xbc\xcc&amp;\xc2#\'\x0e\xb2\xe6\x94\x83\xf5\xf4\x03\xc1\x96N\xea\xcaH\xe7\xe2 \xb4\xa6\x05Z["n\x17&gt;dg \xc9\x11\x89\x0e\xfdl9\xd6B\x92\x13\xa9A~ IW\xe3`\'\xa0\xaf_\xb3\xd6\x11$_\xb6m\x9byg\xda\x14\xb7;e`V\xc8\xdc\xa6\xbc&lt;Kb\xd7\xb7\x1e8\x0e\xe0\xe0\xf2\t\xe2\xc1\xd6\xf2\x80\x10\x11\x0fb\x97\x86*\x84\xc1\xc6\x16\xc7i\x0c\xf8\xe2\xa0\xfe\xa2"\x83\x8d\x9eN/L27\xb5\xb9\xf9\xbc\x8dW\xef[)\x97\x89\xae\x06*&lt;\xbd\x81\x99\r\xd9,\x893\x11\xd0M\x9e\xe5h\xcf\x0c\xb1!\x7f@\x82\x1co4$XM\xfe\xb2ar\x13\x11\xb5g\x86\xdcph\xbd\xf1o\xf9\x02\xe7\xae\x99\xbazl\x8dU\x91\xca\x08\xa0:\xc6-\\\xc5ld\x06\x8f\xf1\x18\xa0v\xa3\x18gM\x96=\xbe\xa2(:\x885\xc0\xd6\xcb\xe7o\xbdH[\xa92N\x16\xfd\xde\xe3\xd7/\xeb\x19\xe8=\x97\xeb\x83Y\r\xd9\x9f\xbfp\xc7\xdc\xe6|ke\xba\xc6\x93\xd3Z\xd6\x04\x10\xd1\xfc\xd6\xc2}\x8b\xc7\xea\xb2j\x0f\x12\x8a\x05(\x1e\xe6\xb47/\xc3\xf9o\xc6a/n\x1c#&gt;@9\x8c\xe7z\xf2\'\xc3\x8c\x18I\xa705&gt;\x92[\xce\xdf\x1c\xafB\x17\x7f\x8a\xa1\xd6\xf1I\x8d\xe8\xe5t\x81\x98\x1ah\\)\xee\xc8\ne\xae\xa1\xc1\x98\xdb\xc5A\x03\x91(\xa2_\xaf\xd8\xb1h\x10\'\x93\x82kFj\x8e\x8dp`NSn\xae7\xae:s\x19,M]\xa2_\x89\xfef\xc7\x9ba\xa8\x8ar\xe9\x94\xe5G\xa7\xbb\xe2\xc4\xde\x15\xdcV5\xa2\xd8\xab\xf5ht\x06L\xc0\xd4\xea\xb4Y\x8d9\xda\tj6\xc4\x1b\xbfz\xf5^"\x12e@$ \t\xf9\x0e\x12\x87\xd7N\xef\xce\x8d0h\xb6K\xf0\xdf\x8f\x9e\x96s\xb2\x9b\x04nA#\xb0\xa3\t\xcf\xd3du}\xe2\r\t\xde\xf2\x86\xb7\x83\x84&lt;\x94Q\x14h7f:#\x83GQ,\xa8\xa5\xb7\x8a\xc5\xa7\x0e\xc0\xeaq5\xc1\xc2z\xc0\x04\xa8"\xfb\x9b6L@S\xb2\xbf\xf1\xe3\xff\xfa\xd8u\xda\x07\x04\xf4K\xc8\x01z\xfc\x11\xd1\xae\xf7\x1f\xdd3W\x93\xef\xe14\x97\xff\x160\xb8\x00\xd4\xc7{\x9f\xafI\xf3d\x10\x95\x11\xce\xa2+cLaLC\x8277`O\xec]a\xb3\x93[\xb4\x82\x99i\xa0A !*)\xf7\x1f\xdd\xbb\xb0\xbd8\xd5EK\xa7\xb0\x8a\x85M\x94\xf7\x9f&gt;w\x9b\xfc\xf1\xae\x9f\xd8 \xd66\xeb\xf6\x95\xde6\xb3\x9d% \xc9\xab\xcc\xef\xbd\xfc\xcc \xe0\xd2-\xf3\xbe{\xeb\xa1\xb5}u\x83*\x84\x93\x81\x19L\xe2\x1e\x07 PE\xc53\xd8\x1c\xdb\xddzk]\x03+\xc6T\xc9w\xda\xb1^!Q\xe5n\x15k\x948\x0f\xbe\xbf\xe5~5\x12\\\x1b\xc4\x84I\xfd#\x83\x82\xcf\xe6\xa4)w\xcb)FD\x8b;K\x7f\xf9\xf49\x9eh\xcf\xbc\xc1\x00\xb6\xcd\xec\xe0\x87\xb1\xa2HmH,$\x8d\x0c\xf0+v,R$\x9fw\x07\x9a\x92\xfd\xc7\x95\x98V\xf6V\xdb\xb7o\x8c\xb6]\xda\x9a\x16\x98`f$\x15\xf1gr\x0bUG\xbbq\x13\xbe(\x10Sk\xd2\n\x03\x90\xe6"M\xd2:\xbcv\x9a]\xb4\x89\xcaHg\r\x11/\xf9\xc8`zVE\xb8\xd3\x88(W\xfa\xe5c\xb5\x03\xb45\xb2:\x93\x97n\xaa\xb2vYBO\x9e\xc5Z#&gt;\xa8\xf5\x13\x1b\x1a\xf5\xech2\x13l\x89\xd1\xbc\x02\x7f\x8b\x85\xe4\xb2\xad\xf3\x9d\xd4\xfdl\xd9^\xf8\xf5\xf3\x17\n\x03\xd0\x9a\x16hmN\xdb\x82\xb6B\xb5\x8f\xd2\\mQ!m\x0e\x05\xa9!\x1eX\xdc\xd9\xdf`\xd2CoN\x028\xbas\xb1\xbc\xfc\xcd\x06\xf8\x01\'\xf6)\x176k\x88Q\x83!\xd9O\x9f\x1f\xe8\ryt\xe7b"\xe2\x13N&gt;\\\x8c\x88Q#X1\xbaJ\xe2u$"\xa2\x7f\xd8\xe5\xe4\xda\x90Lm"2\x92;4*O5\x99\xa23+t\xdf\xe2\xb1l\xdb\x07X\xd7W?\x98\xd2z\x93\xd2N\xedd\x19\x00\xdbgu\xc4\x01\xe1\xc6\xda\x10\x9d^x\xe5\xee+\xe4vw\x96\'\xde~\xe8j\xfa\xe1/\x12\x1d\xcaU\xc9P\xd81[9\xb3\xfe4\x84FF\x8e]\xba\xab\xae\xed\xab\x7f\xeb\x81\x13\x8a^\x1a\xe3\xa1\x11EH\x8a]\xe5\xca\xcf\x81\xa5\xe3\x89\xa8(\x10\xf3Z\n\xcaB\x1d\x8e\xefYnP\xbfnK\x0f""\xdd \x848Iy\xe8H\x03&amp;\xcbD\xf8i5\xe9D\xff,\xd3\x0b=\x10\x11\xd1\xd7F\x9c\xba\xde@C\x82\xf7\xc7\xcf\xdc\xa2\xddK\xe4\x0f\xec\xd4\xa1\xd6pB\x82`\xc1f\x8a\x94%\xe4\x04Xr\xd0[\x85\xa6d?\xc9\x93\x0c\x05\x1c\x81\x0b\xce\x98)W\x9f\xc5\xeb\x8a\xae3V\xc0\x0f`Zm\xba\xc8R\xa7\x06\x07\xa0&gt;~`\xe8m\x9d\xd9&gt;\xc8\x91\xcfp\xfb\x85[\xc5\x08\r\x11\xf1\xa2\x10\x91\x94Bl\xc6i-\xfa\xca\x12\xd4\xa2\xf4j\xf8\xebc\xd7q\x7f\xd7\xd6\x19\xed\xe3K\xe3W\xf5Vwf\x87\x89\x05+\xa7{\xaf\x98\x14g\x8c\xce\x8f\xf2\x92y\xee\xe6\xb5\x14(\x1e/\x0f\x07\xfd\xb1\x81\x0e\x0f \xc8XTS{\x19\x1f\x99\xe4\x07\x95\x15b~kAoQ\xac\x912W\x1f\xa0*\xcaE\x8d\x80S\x8e\xda8\x8fq%\xa6]s{\xc4\x9dDT\x16\xe6 \xc94\r\x84VJn\x18@\xf4\x0f"\x1a\x95\x1f\xc5$u\xb7\x12\x95\xb4"\x11#3\xd8\xf34\xb501\xba;\xae\xc4\xa4X"$\x9e\xfa\xf5{\x8f\xd9\xdc9Y\x02\xc9{u\x00\xd2]Q\x1a\nW`F}\xa6\x070\xa9J*\x1fm(&amp;\x960\x97i#\x16\xc8\xf6D\xbe\x1f\xf2|Q\x15\xe9\xd2\x92\x1a@D\xf6\xe2{\x97,\x00\x83\xb1\xb6\xd5&lt;N\xa7?\xe43\xa85-H\xad\xcc\xbe\xcdz\x82aE\xa5\xc1\x08c\x87\x84\x07\x85\x88\x88\xbe\x13\x0f\x98\xdfZ\xd8\x91\x15*\x1aj\xf6\xae\x05\xb2\x13\xc4g\xe6\x0b4\xc4{3\x85E\xd7k\xaa=\xbb\xbc\x07AD\xce Q\x9e\x15\xe3x\x92\xb4\x1f\xfeJ\xb6\xcf\xea\xd0 \x83\xd4Fy\x98c[F\xf0\x84\xf2D1\x82\xea\x08TF8O\xab\xcd`\x93\x1c\xc0\xd8\xe285O\xbd\xb6\x8cf\x10=Lq\x0</t>
        </is>
      </c>
      <c r="E65" t="inlineStr">
        <is>
          <t>&lt;class 'numpy.ndarray'&gt;</t>
        </is>
      </c>
    </row>
    <row r="66">
      <c r="A66" s="1" t="n">
        <v>64</v>
      </c>
      <c r="B66" t="inlineStr">
        <is>
          <t>steps_per_sec</t>
        </is>
      </c>
      <c r="C66" t="n">
        <v>1000</v>
      </c>
      <c r="D66" t="inlineStr">
        <is>
          <t>3.3640954</t>
        </is>
      </c>
      <c r="E66" t="inlineStr">
        <is>
          <t>&lt;class 'numpy.ndarray'&gt;</t>
        </is>
      </c>
    </row>
    <row r="67">
      <c r="A67" s="1" t="n">
        <v>65</v>
      </c>
      <c r="B67" t="inlineStr">
        <is>
          <t>Loss/object_center</t>
        </is>
      </c>
      <c r="C67" t="n">
        <v>1000</v>
      </c>
      <c r="D67" t="inlineStr">
        <is>
          <t>0.52567196</t>
        </is>
      </c>
      <c r="E67" t="inlineStr">
        <is>
          <t>&lt;class 'numpy.ndarray'&gt;</t>
        </is>
      </c>
    </row>
    <row r="68">
      <c r="A68" s="1" t="n">
        <v>66</v>
      </c>
      <c r="B68" t="inlineStr">
        <is>
          <t>Loss/box/scale</t>
        </is>
      </c>
      <c r="C68" t="n">
        <v>1000</v>
      </c>
      <c r="D68" t="inlineStr">
        <is>
          <t>0.10465632</t>
        </is>
      </c>
      <c r="E68" t="inlineStr">
        <is>
          <t>&lt;class 'numpy.ndarray'&gt;</t>
        </is>
      </c>
    </row>
    <row r="69">
      <c r="A69" s="1" t="n">
        <v>67</v>
      </c>
      <c r="B69" t="inlineStr">
        <is>
          <t>Loss/box/offset</t>
        </is>
      </c>
      <c r="C69" t="n">
        <v>1000</v>
      </c>
      <c r="D69" t="inlineStr">
        <is>
          <t>0.23554595</t>
        </is>
      </c>
      <c r="E69" t="inlineStr">
        <is>
          <t>&lt;class 'numpy.ndarray'&gt;</t>
        </is>
      </c>
    </row>
    <row r="70">
      <c r="A70" s="1" t="n">
        <v>68</v>
      </c>
      <c r="B70" t="inlineStr">
        <is>
          <t>Loss/total_loss</t>
        </is>
      </c>
      <c r="C70" t="n">
        <v>1000</v>
      </c>
      <c r="D70" t="inlineStr">
        <is>
          <t>0.86587423</t>
        </is>
      </c>
      <c r="E70" t="inlineStr">
        <is>
          <t>&lt;class 'numpy.ndarray'&gt;</t>
        </is>
      </c>
    </row>
    <row r="71">
      <c r="A71" s="1" t="n">
        <v>69</v>
      </c>
      <c r="B71" t="inlineStr">
        <is>
          <t>learning_rate</t>
        </is>
      </c>
      <c r="C71" t="n">
        <v>1000</v>
      </c>
      <c r="D71" t="inlineStr">
        <is>
          <t>0.001</t>
        </is>
      </c>
      <c r="E71" t="inlineStr">
        <is>
          <t>&lt;class 'numpy.ndarray'&gt;</t>
        </is>
      </c>
    </row>
    <row r="72">
      <c r="A72" s="1" t="n">
        <v>70</v>
      </c>
      <c r="B72" t="inlineStr">
        <is>
          <t>train_input_images</t>
        </is>
      </c>
      <c r="C72" t="n">
        <v>1000</v>
      </c>
      <c r="D72" t="inlineStr">
        <is>
          <t>[b'512' b'512'
 b'\x89PNG\r\n\x1a\n\x00\x00\x00\rIHDR\x00\x00\x02\x00\x00\x00\x02\x00\x08\x02\x00\x00\x00{\x1aC\xad\x00\x00 \x00IDATx\x9c\xec\x9dc\x98$\xc9\x16\x86\xcf\xecxgg\xa7wf\xc7\xb6m\xdb\xb6m\xdb\xb6m\xdb\xb6m\xfb\x8em\xed\xd8\xf8\xee\x8f\xe8\xce\xceNF\xaa\xaa\xba\xa7\xde\x1f\xfdTgEFD%\x82\xe7|\x87\xc8\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81\x8f\x10\xee(\x14\x1fo\xf9\x7f\xc6\x93\x1c\xd1\x83\xeb\xa4\xff|[\xed\xab\xb9\x03[\x11\xd1\x9fz%F \xfaW\xe9\xf8\xa4\xae\xf5\xf5NU%2\x11\x11\x01xuy\xd7\x87[\x87\xca\xa6\x8d.|\xf5\xe4\xec\x96\xc6\x85\xd3\xea\xe6\x00\xc0t\xe9\x9e\xcf_\xee\xae\x809\xde]?\x10\xca\xbe\xdcf\xf6m&amp;?\xd8\xa9r^[2g\x0f\xbfCl\x9e1\xd0\xb9\xcc\x7f\x17\x9a\x16\xcb\xa0x&lt;h\xbf\xf9\xbaD\x11}\x1e\xd4\xb4\x9c\xe9|r\xc7\x0c\xf5\xf0\xe4F\xf1\x91\x02\xf1\xc3I\x12\x10\x11\x00\x00\r\x0b\xa51]\x90\x1a?\x1f\x9f\x06\x10Yv\x9c\x95h{q^\xe4\xd8~\x9d\x9b\xa9\xbc\xb3\xdaL\xe9\xd1P\xfc\xef\xc6i\xfdm\xaa\x8e\x1b\xb8\xb4cA\xce\xe8n\x19\x19\x069\xf0\xe2\xa2\xbb\xab\xf0{!i\x0e\xbe?8ID\xed+\xe6r{M\x8c\x12\xcd\xaez\x04\x06\xfe\xb1p\xee\xdd\xa3km\xab\x87}$\xd1\x99\xd3z\xf9\xcd\x00\xb0tT\'\xddd!]P\x15\x83\xc4#\xaa_ \x95\xbbk\xa1\x0c\xf0^\xd2\xc5v\xad^\xc0]\x95\xf1\xa2\x81\x95&amp;\xde\xcb\xf7\x07\'\x01\xb4\xaf`\xe78\xe6\xe0\xf2\xf16\xe6\xe6E\x9f\xa9=\x1a\xd5\xc9\x93\xcc\xdd\xb5\xb0\x99\xa6E\xd3\xbb\xbb\nA\x96\xa0\xb1\x08\xdb\xb7~\t\x13gu\xafQ(\x82\xedU\xf1\x18\xd8\xec\x10\xaf.\xf1\x9f\xa2\xb8\x83e\xbat\x00{\x17\x8d\xb6/K:\xb6f\x8a(\xff\x9f6\xe6\x1c\xa4\xb0e^8w`\xab\xe8\xfa\xa9TI\x1a\x92R\x84\xb1\xa3\x1e~T\xce\x1c\xd7\xce\xec\xec\xa3X\xd2\x88\xee\xae\x82Ij\xe6L\xec\xee*xq\x90\x9a9\x13W\xc8\x10\x0b@\xc7Jy\x88hP\xd3r\x91TR\xfeMDDu\xf3&amp;\xb7q\xabc\xeb\xacAve%\xe0\xdd\xf1r\x1d\x00:T\xccm\xfa\xf4:y\x92\x01\xbf\x0c\x9dR,\x99\xb1\x964.Q,\xa2dz\xb6\x14\x1e\xbb\xb2\xe4\x10\xf2\xe5)\xe0\xe7\xe7\xbbG\xe5)\x03\xd1\xeb\x14\x88\xaa\xea9\xf4\xaaS\xd4\xddUP\xa0_\xc3RD\xd4\xa6lv\xc9\xf1\x9e\xb5\x8b\x10\x11\xde]\x93\x1c\x8f*\xfa\xcc\x1e\x03\xef\xc6\xc7\xef\xc8\xe1\x95\x13\xb7\xcc\xb4sL\xf1\xe8\xd4&amp;\x13gI\x0co\xfa\xd43\xb3\xf2\xe0\x1c=j\x15\x96\xb7\x95\xac\xce\xddj\x14\x94\x1c\xaf\x96-\x81\xab\xeae\x95\xa7\xe7\xb6\xba\xbb\nA\x9c\x02\xf1\x02\x18\xb697\xdd\xce\xe0C\xf7\x8e\xad\x93\x1f\x07&gt;)\xa67\xf7\x9ez\td$\n\xa6\x93\x80\xb5bi\xdcm\xf5-t\x00\x00\xf0\xe3\xc1\x8e\xb9C\r\x9d^&amp;M\xb4:y\x92\xd9;\x9e\x95\xec\xda)\xda\x86\xde=\xbaV\xed\x05\xf34\xbc\xe3;\x0fGn\x8el\x94[\x87Ws\xa6lZ,\x83\xe2\xcb\xe2}H\xbc\xb8\x87ck\xa6\x000\xda\x88\xef[&lt;\x86-\xb833\x15\x1b\x1f\xdf8\xb2\xe5\x11\xd6\x01\xac\x9e\xd0\xc3P&gt;\x1e\xba\xc1\xe2\xc5Mh&lt;\xa2\xcdKd\xe2\xcc\x04x\xc7_"\xbe\xdd\x93| \xa2\x12\xc9\xff\x05\x104\xec\x14~w\x0e.\x1f_/\x7fJw\xd7B\x87#\xab&amp;\xb1\x0f\xe7\xb6\xccQK\xd3\xb2T\x96\xb8\xc6W\xa5{\xd6vdAV&lt;\xde\xaf\x9b7\xb9\xe9|\x064*cS\x8d\xec\xa7p\xa2\xbfm\xcc-.Q\xbd\xfc)\x88(u8\xdd\xb4\xbf\x17\x7f\x88&gt;/\x19\xd1\xd1\xe8\xe9\x16\xe7\xb5\x03\x1b\x97\x01\x90?\xee\x9f\xde\xfd\x1ee\xea\xe6M\xbe|t\x17\xe1\xdf~\rJ\xda\x92m\xb6(z\x8b/DDT(a\xf8Qm\xabY)hj\x8f\x86\xf6\xbe\xc9N\xf0\xf2\xd2NwW\xc1\x9f\x0b\xdb\xe6i\'\xc8\x1f\xef\xcfE\xc3\xda\x7f\xbas\xc4%\xd5\t\n\x00hP0\x15\xdbQhY*\x8bb\x1a\xe6]5\xba]\xf5\xf0\xb2\xafb\x13\x11Q\xce\x18\xae\xf6_u\x8d\xbd\xd6\xe5]\x8b\\P\x8a\x06\x00J\xa5\x8c\xc2\x93\xcc\x05\x95\xf1D\xaaf\x8d\xef\xc6\xd2/\xedX`\xe5\xf4\x01\x8d\xca\x04\xde;\x97\xdensq\x9e[\xa9\xb8\xb6\x93#\x9a\r\x0bHKG\xea{\x0b\xfe\xb6\xbc\xb8\xb8sb\xd7z\xe5\xd3\xc5pwE\xfcQ\xd3z\xf14\x8e\xae\x9el\xe5tNwk\xf6^\xb8\xb71\xf4b\x86\xc0\xb8u\x13\xda\xdd\x15\x10xrf\xcb\xb4\x9e\x8d&gt;\xdc:d\xe2\xdc\xe6\xc53\n\x9f_]\xde5\xb0I\xd9\xa8\x1a\xa9\x03\x12\xd6Dyn\xa5R\xa68\xd63\x99\xd0\xb9\x8e\xf5L&lt;\x19\x8d\xc9\xf8\xa86\xd5\x88\xa8Hb\x1f[\nb\x03\xc7\xd2\xa9\xf4\x87\xf6\xda\x04#\xca\x17WW\x8f\xd1\x0b\x11i\xfa\xc4\x97Ha\xa3\xbb_\x10g\xfe\xe06\x19\x03\xab\x9bW\x00\xbe\xdd?\x01\x80\x7f\xfb\xce\x8b\t\xe4\xb6\xed\xae\x84\x8dT\xf8\xc504\xa6\xe3\x00\x066.\x93?\x9e\xcd\xadm\xa5\x8c\xb1\xed\xcaJ\xd7h0\x08\x92\xd5\xba\xf9\x95\x17\xd7\xf2\x87~\x12\x7f\x064vv\x1b\xd6\xf3w\xe0\xbd\x10Q\xd7j\\2S\xf9\xe2\xda013d\xa5\xe3\x10\x9f\xef\x1cM\x1f\x81\x0e.S\x95\x0c\xc2\x8b\x8b\xf8\xf5\xd8\x95U\n\xca\xd8"\x1f\xb8lTg\x1br\xf9\x9d\xe0QgZ5\xae\xbb\x0bj\xe2\xc5\x95L\xee\xde\xe0O\xa2XFN\x010\xa3w\x13#\xe9\x9f\xedY8\x92}Ndh\xc4ADDm\xcaf\x97\xefu\x1bE"Rm\x88\xf4\x11\x08/\x15\xd4\x8a\xd8\x04%\x98W\xf3\xdc\x1c\x19\x95\xa6\x82\xa3\xdbU\x07pz\xe3L\x97W\xe7w\xe7\xe3\xad\xc3iU\xde\xb3E\xc3\xda\xbb\xb6.\xca\xe0\xc7CwWA\x81\xee5\x0b\xbb\xa5\\\xefJ3\'\xce\xf9e\n\xe1\x9b\xbc\xad\xbf\x19\xbe\xdc=\xa6x\x1c\x9fn{/\xa8\xebi^"\xa3~"#T4\xb8\x9c\n\x00\xf8nc\x05\x82\xf6S4g@KwW\xc1~\x04\x0fv\xb7WcJ\xf7\x06A~\x8f\xddY\x02\x9da\x86\xa71\xa4Y\x05wWAJ2Q\x94\x06\x00\xb6,\xf2:\xc7\xa9\r3\xd4\xe64n\x07\x1fo\x0ein\xe9\xfe\x8a\x9dl\xc6w\xaa\xcd\xbc\x02\x01\xb8\xde\x91E\x12{NN\x18\xa2\xfb\xc7\xd7\xf3d\xc5\x9a~v\xd3\xba\xf0\xed4\x88\xce}j(\xbdv5&lt;\xca\xc46PR+wRwW\xc1sQ\xd3\xbc\x15\xe3\xf6q\x90\x1cq\xd4I\x16Zrt\xbb\xea\xbb\xfd\x96w\r\xf1\xec\xdc6\xfb\xea\xa5Lf\x9e\xab\x1cT`\xe2\x04\x1e\xf5\xcc\xb4.\x93M\xf8\\\xdb\xdb\x1ax\xf1b/\x92\x80\xda.~\xf9\xd9\xc6\xd7\xc2\xa1\xedXH\x86,^\xc3]\xb7\xb2bLW\xe72\xc7\xdb\xab\x16s0\xad\xbc\xef\xdd_\xfd\x1d1dB;7(.\x86\xea\xc2\xa6\xc9=j\x15\x11\x8e\xb8\xe5=\xe9T%/\x11\xe5\x8d\x13\xc6Jd\x1eO\xa6\x7f\xc3RNd[*e\xe4bI\x03MtHo\x13\xec\xc5u\x88g\x8e\xcch,\x99\xe5\x00\xc1V4\xc8&lt;\x13\xbc\xba,v\xba\xb8\xb6o\x99\xb6\xd7L\xa1\x84N-\x87\xfbxj\x03ab\x117\x9d\x03\xeb\xe7\xc0\x0b\xf9\xc1bI\xff\xf1\xcc\x8b\x16xqZw!.\xd1\x8e\xb9C\xbdQ\x1f\x02%\x8fOovw\x15lF&gt;5\xc6\xf3\x0b\x86r\xf8x\xeb\xf0\xf69\x06B\x054(\x98zd\x9b\xaa\xdai\xbc~\xf0\x12\x8a%\x8d\xa8\x17\x0e\x8e\x8br\xe9b8\xdaa\x04\xba\t\x9c\xdc\x9d`@\xe32\xb6O\xa9\xca\xa4\x8eV)S\x9c[\x87V\xb1\xd7\xed\xe6\xc1\x95\x8a\x0e\x01^L\xe2\xf4 (\x1c\xd1\xc7[\x87\x1d-B\x17&amp;Z\xc2\xb0Qh\x08x{m\xdf2\x8b\x99\x18U\x8c\x8cJ4\xbb_s\x8d\x04\xdeQ\xadC&lt;:\xbd\x19o\xa5\x91\x08\xbd8M\xb6(\xc1\x00\xac\x9f\xd2\x07\xc0\xbb\xeb\x07\xdc]\x9d\xc0\xc6\xe6\x19\x034\xbe\xcd\xf2/]\xda\xb9\xd0\xb9\xd2\xbf=8\xc9\xfa\xed\xbe\xf5\xedQ\xa56G\xe0m\x13\xf3{\x87\xf32\xda\x94s\xa7\x96N\xa0\x06\xc0\xf9\xads\x8f\xad\x99\xea\xee\x8a\xe8`\xe3(M\xf0\x14\xfbMa;\x84\xee\xc2C\xec\x07&lt;\xa1\x0e\xe6h^"S\xc9\x94N\xa9;5)\x92N#\xa0\x8d\xc7\x82/w\xc4\xb6\xb0\x02IC\x90-K=b\xbcA\x14\\\xc9E?%yN\xc1g]\x96\x8c\xec\x08\xbc\xb1%\xab\xdf\x05\xe0\x83\x87\xa8\x0e\xb8\x8c\x83\xcbU\x15\xa6\xec\xc2\x8a\xb3\x96\xa7\x07\xc71\xc8\x8d\x03+\x14\xfbc\xeb{\xbf\x00\xfaY\xb6\x17Z7\xa9\xb7\xf8\xdf.\xd5\xf2[\xccP\x833\x9bf+\x1e\x0f\xe1|\xd1D\xb4bl7G\xf3\xd7FQ\xf6\xf9\xd5\xe5\xdd\x92#\t\\R\x19/\xfex\xc8\x98\xdd\x16\x1e\x9f\xd9\xc2\x93l\xf9\xe8.\xb6\x84\xba\x95db\xd9l\xca\x97\xfe\x8dJ\xe3\xf9\x05\x00n\x17\x1e\xe0\x8c\n\xa7M\xf6\xa8\x7fH\x1e0\xd6\xf27+\xae\x1c\xccd\xed\xc4^j\xb2\xfd\x12\x13#q\xb6\x99#\x91!\xad4\x1b\x01\xc0\x19D\x12@\xfb\x8a\xb9t\x07\x07\x11\x94\x8c\xa9\xc2\x10\xb5.\x93\xcd\xf5\x83\x83 \xd38x!R\x8a\x89\xf1\xea\xf2\xee s\x8f\x01\xf0\xe8\x1e\xe6\x8e\x15\xca\x96\x9f\xac+\xbb3\xba]\r\xe1sT\xbew\t\xefo\x000\xba\xd5\\.]\x8cT\xa6\xf6\x0e\x9a\x16K\xaf\xf1-[\x8a\x1a\xd4\xa4\x9c\x99\xacE\x185\x87mW&gt;\xe7\x98\xf65\xf4\xd3\xd9\x8a\xe9\xfe\x9b\xffY\x82\x1f\xec\xdf4\x7f\xa9\x9e\xab(\xda\xe8\xdcXmF\x9f\xa6\x92\xba9\xc7\xd2\x91\x9d\xac\x07]~v~\xbb\rU\xf1"\xc0n\xfc\xe7\xbbG\xd9\xbf\xb6\xc7|\xd0&amp;\n\xd1\xdc\x81\xad\\Y\xa2[8\xb3Ya\x05\xa0rf[f#\xbc\xb3\x1fw\xf1\xd4\xa0\n\xc5\x94\xee\r\x9a\x14M\xe7L]\x14p\x8d\xb5\t\x80Y\xfd\x9a\xf3\xc4\x87\xb1e\xf2\xc7\xffh}\xbd\x7f\x1c\xc0\xcb\x8b.\n|\xedt\x88\x0b/VI\xee\xda\x80\x87w\x8f\xad\r\x8c\xb3\x10\xb5\xe8\xe1\xbf!m\xcae\x1f\xd9Z\xc7_\xc1\x93\x91K\x18\xdd?\xc1\xa5\xa4\xe6\xc5\x04\xb6\x05\x00\xf3\xc207\xfd7M\xd7\xea\x05m\xcf\x93y|\x88\xff}w\xc3\x91A\xd9\xf2\xd1]\x9c\xc8\xd6\xa3H(\xfa\xec\x9a\x9e5s$J\xc11h\x88K\xd4\xb8H\xba\xeb\xfb\x97;_#_\x1e\x9c\xd8\x00\xe07\x0cwZ*e\x94v\xe5s\x9a&gt;\x1d\xf8`\xa5\xf42\xa9\xa3\x12Q\xde\xd8a\xacd\xa2\xc8\xfa)}m\xcf\xd3\x8b1\\\xd3\xa6xB|\xb1t\x9e\xaal\xac\xcd\x95=K&lt;\'f\xbd@\xba\xbf\xa9A\x81T\x7f\x12\x8d\xefT\xdb\xe9\xb2\x84M\xd4\xcb\xbb\x16\xe1\xdd\xb57W\xf7:]\xa2k\x00pd\xd5$\x9e\x94IB\xf8\xdb\xd8\xf4\xae[\x9c3\xff\x08D?\x1f\x9ff\x9b\x01\x93\xba\xd5\xef[\xbf\x84\xc9\x8a\xdaA\x08\xdfm\x8f7&lt;\x89\x7f\'\x15Z/\xee\xe6\xe8\xea\xc9\xee\xae\x82\x14|\xbd+|.\x9a\xc4\xc7m\xf5\xb0FTwW@`l\x87\x9a\xee\xae\x82mT\xcb\x96 [T.\x83\xae\xa4!\xe9\xf1\x99-V6\x84\xe7\x0fj\xcd\x99RWC\xc2\xaf\x16\x1f\x14k\xd2\xbcD&amp;\xa3\x1bK\xbf\x05\xd9\xa2\x90\r\xb6{\x9a\\\xdd\xbb\xb4A\x81T\x8a_\xd9.\x07?\xb8Yy\x9bs4Et\xa2s[\xe7\x1e^9\x91\x88\xfe"\x9a\xde\xab\xb1\xbbk$\xc5\xf6i\xd9%?\'\x1d9\x07\x96\x8e\xb3\xb78\xa6(\x86O\xb7\\i\x94\xac-\xa6\r \xa2k\xeaa\x8d7W\xf7)\x1e7w\x19;V\xca\xc3\xcee=qj\xeb\xf6:\xeap\xd6\xb0i\xb1\x0c\x99\x02\xc5\x9d\xf0\x1c\xee\x1cYccnqe\xb7J\xed\xa9X:\xb2\x13\x80bI\xffy\x7f\xe3\xa0\x8d\x15p\x17R\xdd7\x0f\xd8\xa6\xae\x96M\xc1Q\xa6k\xf5\x02\x05\xe2\x87\x8bg*\xc3#+u\xd6\x13\x86\xb7\xaa\xacx\xdc\x13\xae\x86.\xf5\xf3\xa74}\xae\x9ab\x8a=6[\xcec%VD\x85\x0c\x86\xe2\xd5{\xf1x|,\x9c\xdb\xb8pZ\x00\xc0k\xdd\x941\x88\x8e\xae\x9e"?\xee;\x93{\x178t\xb5\xf2\xc6\xf1\xdd\xb9\n,.r\xc5\x92E&lt;\xbazr*S\xce\xc7\xba?pd\x9b\xaa\xda\x8b\xb0u\xf2$\x03\xde\x88\xe5\xc4=\x07\xbbLl=\x1cN\xa3\x9a\xa1-*\x9a\xc8\x1cx\xaex&lt;\x0eQ\xc3\x82\xa9\x9d\x0e\xe1[Y\xe6\xb7\xe4\xc50\xe9\xfe\xa6\x98f\xcf\xcd\x14\x91\x96\x8d\xeelKS\x18X:\x80\x1ds\x87\xe1\xd5\xe5,\x91Y\x07`\xc9\x16BB\xed&lt;\xc9l\xcc\x8d\x93u\x93\xfb\x988\xcb\x90\xa2\x947\x10i bP\x93\xb2\xa6\xcf-\xe7a1{\x13\x04\x92\x99h \x06//V\xcb\x96 \xb0\x8c\x85ma\xc1\x90\xb6\xc0\x17\xb6\xf0\xa5\xeb\x8fzh\xc5\x04\x9e&lt;\xe5W\xafH\xe2\x08\xaey\x9d\xbe?&lt;e(}\xa7\xcay\xd9\xed.\x928\x82CU"\xa2\x9c1B\x00\xaf\x9c\xcb\xdf\xedTHoz\xd0\xe5,V\xcc(\x014-\xa6,\xe0\xe1%\x10 ,n\xa8\x913\xba\xb2X}\xde8a\x16\x0ci\xeb@\x8d\x02=5r&amp;\xe6\xd9\xa0\x92w\x00\xac\x91\xd50\x88\xcc\xa6\xa0\x9de\x06\xfcz\x94H\xa6\x8f\xa1k\x17oW\x90\x99@\x17\xf3\x84\x9f\xbf\xdc]\x01\xeb\xe0\xfb\xfd-3u\xe2\x06\x9f\xdb2G\x1c\x07\x1b\xc0\x98\xf6A\xc7&gt;\xca\x8b&gt;\xc9B\x05\x88\x82\xeb\xc5\x04\xe2\x1d\x14fhAD\xf8vof\xdff\xea\xa7@\xae\x95(\xb0\x7f\xe9XsK\xbaDTJI\x97\xd1!\\\xafD\x9f\xd4.M&gt;M\xcel\x9e\xbd\x7f\xe9XW\x94d\x84\xc4|J\xf8m\xcaeg#\x92I]\xeb\x01\xf0\xd1L\x0c\xbc\x98\xd8\xa5\xae\xf5\xba\xd9\xc8\xef\xb3\x1a\xe1A\xd82\x03\x00\x90$8\x913.\x82\x81\x05\x1e\xb9\xff\x1a9\x13\x01(\x976\x86\x86E\xff\x87[\x87L\x94&gt;w\xa0\x9b\x15F\x19\t\xf5\x93\xf8\xe2\xa4!\xe2\xef\x0b\x9e\x9fww\x15L\x12\xde\xdb\x01\xb8\x05[\xb6\x01\x96\x8e\xec\x84\xd7\xff\x8bg\xe4\x94\x12\xc9\x03,VL\xe9\xd1\x90\x19\x149\xed\xeb\xe0v\xd8\xd5\x9e\xe7\xe7V\x93\xc2l\x8f)\x19\xef\xf3\xdf\xc4\x97\x97v\x99,R\x0fC\xee\xd5{\x16\x8dr\xa8\x1aF\x99\xd4\xb5\xde\xde\xc5\xa3\r\x9dboS5\xb6c-"\xeaV\xa3\x90\xd1\x13\xf1\xfd\xbe-\x15\xb0\xb2\x81l\x1a\xb9k\x11\x00q\xccW\x86\x07\xba\xbe{"\xab\'\xf4\x10\xff\x1bX\x82\xa7\x89\xd7\xd9\x81\xef\xfd-\x87\x01\xf1|\x98\xaf\x99u\xbf:\xd3m\xd0\xaa\xf1=\x0e.\x1b\xef^\x87\xd8^u\x8a\xd6\xcb\x97\xc2\xc5\x85V\xcd\x1a\xdf\xc5%z\x14E\x12GX;\xa9\x97\xbbk\xc1\x85w*\x10D0$&gt;\x1a\xd5%!\xbd\x82\x0c\xbb\x17\x8c\xecn|\xccHD3\xfa4%\xa2\xc9\xdd\x1aX\xaf\x83\xe9\xc0\x8d\xc0\x17\xeb\xa5\x07v\\\xec\xcb\xe0t\xabz\xfb\xf0j\x8do\xf9\xad\x8c\xe2\x04\xe6\x85,G\xd8&lt;c \xbe\xde\xad\x993\xb1F\x9a~\rl\x8e\xd5\xce\xbf\x98+\x10\x8d;e\xfd\xfc)\xeb*\r\x00g\xf5kn\xbc\xd8\x00\xe4\x8ei)\x9al_\xbb/\xa3\x06\xed+\xe4\xb2\xd8\x04\x1cZ\xcee\xab\xea\x1c\xcf\xcd\x86\xefp\x99)\xa5\xb91\xbf\x0bF\xa0\x1eb\x81]&gt;}L\xfcz\xac\xf6m$\xeex\x1e\x7f\x13iG\xf1,\x93\x9a\xbfy\xf0\x12\x90&lt;\xb1C_\xde\xb5H\xf1+\x00\xeb&amp;\xf7&amp;\xa5Ps\xfc\x08Mf\x96\xc8\xd4\xb3v\x11"\xaa\x97?\x85\xc4\xcc\x1c\x00\xf0D;\x1fC\xfb\xc9N\xec\x01\x96O\x1f\xd3\xe2K\x05\xa0bFe\x07\xcc\xb2i\x95M\x1f\xadD\t\xb6\x88\xfc\xc7\xba\xde:\xd3\xf4\x05\xcf\xaa\xbfen\x18\xc5\xf8\xb4FI@\xd4\xa7\x9e\xe3b\x99\xa6;\x80V\xa5m\x08V\xc1\x02o\xe5\x8c\x11\x82\x88R\xba\xc9n\x03\xc0\x8a\xb1]=\xa1\x17\x0c\x94\xb0\xfe\xd4\xf6q\xc4l\xbf1xG\x91\x8d\xb0\x13\x05y&amp;&amp;~\xa3\x15=\xab4\xd6l\xce\xe3Y:\xdb\x12\xf8xS\xf1x\xf1d\x11\x01\xfc\xf7\xbf=\xfa9\x00\x8a\xfa"N\x80\x17\x17\xb2G\xd5\x0f*\xea\xd0\x13\xbedDG\xe5\xe2~&lt;\x0c\x8c\xef\x94]\x1d7sG\xc4\xb7{6\xe5\xe7\xc5aJ\xfe~\xc17L`\xbb\xda\x16\xa7\r\xb898\x07\xcc\x8a\xfen\x8a)\x9b\x15\xcfxn\xcb\\\x9e\xe1\x02K\xe32\xaf\xab\x82\xf1\xff\xe2W\xcfw\x8e\xea\xd9\x13^\xd86\x8f}\x9e\xd6\xab\xb1\x87\xefK\x03\x1f\xd2\xcb\xdc\xc6O\xae\x9faS\xe6hW&gt;\'&gt;\xdc\xb0%7/\x06(\x9e\xcc\xd8\xb0\x15\xf8\xfa\xf6\xfa~\xe1\xdf\xd2\xa9\xa3\xe6\x8e\x15\xaa|:7\xfb\xc4g\x8bb\xc9d\xb4\\ZO\xd1?\xd1n+__Q\x8eybK\xf8=\xfcz4\x84C\x97[^\xc3&amp;E\xb5\x82\xces\x15\x8d\x9f\x92\xa7P\x1c3`\xf1\x88\x0e\x07\x96\x8d\xb3X\x84\x98f\xc53j|\x9b\xc9\x85aG\x12\x12\x85\xf3\xed\xff\x9e\xde=\xba\xd6u\x05\x1b\xa1a\xa14\x1d+\xe7\x01pe\xcf\x12w\xd7\xc5\x8b\x1d\x88\x9f\xf0*Y\xe2\x19:7[\xd4`v-\x01YY\xf9\x95T w\xacPl\x00\x15\xd8}\xcf\xbe?&lt;\xe9\xfaB\xbf=8AD\xc0k]\xcd\x00R\xe9\xa2\x80\xf7\xf6W\xcb \xbf\x9e\x9c\xe9Q\xab\xb0\xf8H\xdbr9\xdcU\x19"\xfa\x83\xa3/\tO\xd4\xb2T\x16\x00,\xe0+&gt;\xde\xaa\x95+\x89]\x15\xf8\xf1\xc8\x98B\x94\x06\xc0W\x00\xc0[\xbb2\xf4\xe2\x11\x1c]=\x19@\x8b\x92\x99\x8d\x9e\x08`\\\xc7Z\x16K\x07\xd0\xb7\xbeIK\x1b\x00\'\xd6O\xb7X\x01/Dtp\xf9x\x00\x07\x97\x8d\x07\xf0\xf3\xf1i\xdd\xf4\x9d\x02n\x081\xf0\xe3\x81b\xe2|q\xc3\xb2\x91\xa3\xb9\x11\x83Qc\x91\rS\xfbi|kc\xdbj#\x00$\xdd\xa7-\xa3\xab\x0c&gt;\xbe\xf9L\xed\xd9\xc8\xd0\x89rC\x06\x1f\xbfZ}\xb9{\xccz\xc5\xf8I\xf77\xb5*\x9d\xd5\x95%\xfevT\xcf\x9e\xf0\xf4\xa6Y&amp;N\xecY\xbb(\xe7c\xaa1\xa8\x04\xa0\x1b1.\xe8!\xacU\xe5\x8b\xe3F\xa3\xa1\x00\x00\xcf\xe7\x0fn#\x9e\xd8\x9d\xda`\xcf\xda.\xf9\xad\xef\x7f\x7f\xe0\x8a\x99\x8d\xf63Y(\xe1\xdf\xe6N\x07\xe0\x02[ [\x98\xd2\xa3\xa1\xf0\x99\xfd\x9cTF\x14\xff\x1a\x15J\xa3q\x11\xacU\xcdN\n&amp;\x08\x022}\xbf\x07\xee}nJ$\x8fT7_r\xddd\xddj\x14tAe&lt;\x96\xee5\x0b\xb1\xfdj5e\xec\x15c\xba\xe2\xf5\xff\x0c\xe5\x99&lt;\x14E!\xc2\xf7\xfb{\x16\x8d\xca\xf2\xaf\xffc\x00`\xfb\x9c\xa1\x96\xaa\xab\x8e\xf6\xe2\xa4B\xa05&gt;N\xac\x9bf\xf6Tw\x02@,\xc7=\xa6}\xcdR)#\xcb\x83\x88}{p\x02@\x02\xa2.U\xf3\x0b\x170\x85\xccm\xd3\xd1\x17y\xaa\xa8\xdfb\x14K\x16\xf1\xfc\xd6\xb9\x9fn\x1f\x11\x8e\xc4 \xc2\x8b\x8b\xce\xd5\xc1\x8b=\x14J\x10@\x06\x06\x80\xa1\xc0#6\x12\xd6\xafE(\x9f.\xe6\xf21]5R\xfa\xb8\xaaJA\x80\xb9\x03[\xf9\x04&lt;\xb2zBOy\xb2\xacQ\x88\xfcC~\xfb\xb7\xcbE\x93\xf88\xa7S\n`z\xef&amp;\x1a\xdf.\x1c\xda\xce\xb1\xc2\xcd\xe0\xa8\x08\xc7\xcd\x83+\xc5\xff\x02X6\xaa3\x11\xc5\'\x1a\xd3\xbeF\xdd\xbc\xbe\x03\xa3u\x93{\xcb\x1b\xf7!\xcd+H\x8e8\xb75\x0e`\xe9\xa8N\x9e\x19o.\xe8sl\x8d\x83\xf6\xd7#\xdbTU\x8b6GD\x85\x12\x1aR\x0c3\x03\xf0.6\xd1\xc6i\xfd\xec\xca\xb0H\xe2\x08\xc0/\xed4;\xe7\r\xefU\xa7\x98\xe9"f\xf7oa\xfa\\~\xac\x0c\xe8\xc4\x0e\xd6\x92VF\xb1 IY\xcbFu6d\xd5\x03 Gt.\x03\xd8hD\xb5r%Q\xf3!\x07P:u\xd4\xb7\xd7\xf6+~\x1b\xe4\xf9\xdf\xee\xc5\x05\x13\xfc\xb5s\xdep\xe0\x9d\xf8\x8e\x00\xdf\x1b\x17Ik%\xe7N\x95\xf3\xde8\xb0Brp\xe9\xc8N\xbe\xf9\x7f\xf0u\x13Q\x13\x14\x90[\x97z\t\xfa\xb0]G\xa7K\xd9\xbfd,\x11\xb5+\x9f\x93\'qj?\x8f\xe46\xe5\xb2[)t\xcd\x84\x9e\xed*p\x95\xe8F\xac+m\xe8FRc\x84\x14\xc9\x9d2F\xb6\xa9\xca_Jd\xe3}\xd5\xee\x05#\xb6\xcd\x1e"?\xee2_3\xd3\xf4\xa8Y\xd8i_\x00\xbf\xf9\xd8\x13"\x1a\xd0\xb8\x8c\x8d\xd9\x8amI\xbaT\xcb\x0f`d\x9b\xaa\xf8p\xe3\xc4\xba\xe9\t\x88b\x89\xba\x04"\xeaZ\xad\x80]E{\xd1\xc2\xc5\xfb\x8c\xf1\xb8S\x16O\x16\t\x80\x8dcs]x\x9e9[\xfa$E;\x19\x92\x851\x91\x97uj\xc3L\xf9YL\x90\xe3w\xe6\x7f\xbb\x17\xbb\xbb\n.\xc2\xa36Z\r\x01\xc0e\xae4\x0fOm\n\xbc\x17\xca6tM\x1a\xac\xd3\xbc\x84\x96\xbf\x8c"\xb9c\xf9/\x0f\xe4\x8a\xe9\x92\xb8M\x06\xc9\x13;\xf4\x90\xe6\x15\xea\xe4U\xde\x19nQ2\x93C\xe5\x0ejR.}\x04J\x1c\x9c\xba\xf8\xf5C\x00L\xa8\xeci\xa0\xa6\\\xe4\xc5\xa3hP0\xb5\xdaW&lt;\xb2\x19^r\xc7\n\xe5\xed\x00h@\xa3\xd2&amp;\xceJ\x1f\xc1W\x83\xdei2\xfeC\xc0w\xd3\xa7o\x9f\xa30\x85\x0f\xd4\x08{h\x00\x1a\x15NKD\xcd\x8bg$\xbf)\x9a\x8f\xe5\xfc\xf1\xe2b\xf6h\xfa\x127\xb6\x13\xdbW\xc9gr\x10\xee|&lt;\xbf\xb9\xf9}D\x14\xd8\xb2\x81\xe7\xdf\x11\x8f\x03x\x0e\xe0\xf0\x8a\x89\xee\xae\xc8o\xcd\x94\xee\r$\xb2_\x952\xc5\xb1%g+\xaf\x84\xc5\xb9\xa4`\xe7\x93?\x9e=Q\xe6\xc9c\xda\\\xa6)kb*\xac\x88\xb6J\xbe!\xd8&amp;\xc7\xd8\x0e5\x99\x94\xbap\xb9l\xd1@\xf5d\x96\x8f\xeeR(ax\x0fy&lt;\x02\x13IB\x10^]Z3Q\xc1bO\r\xe0\xfb\xf8N\xb5\xc5G&amp;v\xa9\xbbr\\\xb7dzK;\x1a\xf2\xce\xe5\xd2y\x8a\xea\x8e\x8d\xf0\x874\tG\xf4\xeb\xc9Y\x00&lt;\x82\x94\x1e\x82\xd8\x81\x16P\xd0\x8b\x8f#\xea\x03\x0e.\xb3\'\x8c\x8f\xb6E\xbfo\x9a\xe7\xe7\xe5)ml\x1a\xfe&amp;\nCt\xe7\xc8\x1a\xbb2\xac\x9f?\xa5]Y\xb1\x9f\t\xa0U\x99\xacd\xedW\x17J\x18\xfe\xd9\xb9mvU\xcci\xa2\x12\xbdr,\x8ei\xd0gD\xeb*\xfc\x89\x01,\x18*\x95\xf5\xdf\xa6\xb28\xf3\xf1\xf6a\xe1\xb3\x9a\\~`\x04@\x81\xf8v\xba\x1dF$:\xbev\xaa-Y\x99\x98;D4\xdeX|\xbas$\x13\x9f`\xa0\xbd\xe32!7\xedPr?\x1f\x9d\x16\xfa\x00\xe0\xd7\xb2\xd1\x9d\xeb\xe4M\xc6_\xca\xc5\x1d\x0b\xccW\xd1\x08\x05\xe2\x87\xdb&gt;\xd7f\x0f8\xf6\xc3+g\x8eK~auk\xe7NJD\xed\xca\x1b\x10A\x02 \x0e\x83\xecQ\x83k\xc5q\xc0\xe6\x99\x03\xddR\x99\xa0\xc0\xa9\x8d\nv&amp;jh?\nM\x8a\xa4Sl\xc8\x96\x8f\xe9\n&gt;\x15\xf8@\x01\x00CV(+\xc7uc\x1f\xfep&gt;\xaa\xa5b\x101\xed\xbb\xf6\xf9\xeeQ\x8fz\xc3u\x010\x7fp\x1b\xdd4\xecG\xa5\rO}\xea\x15wH%\xa0zv\xf3{\xf6x{M\xb1-\xb3K\nE\x9e9\x7f]\xa1\x1e\xf8H\xa7D\x9b\xc2\xd0\xab\xe6\xcf\x14\xe8~=Z5\xbe\xbb\xf8++7\xc2\x8b\x014Z\x8a\xfe\rK\x01\x00&gt;\xc8\xbfb\xf2\xb6\xf5\xf2\xa7H\x1a\xc2\xff`\xc6\x7f\x08x\x12\x97(\xb5m\xab\xc4\xfe$\xb2$\x05\xad\xcf\x95=K^]\xdem\xf4\xac\xe1\xad*\xeb:I9\x01\xde]\xd7\xf8\xb6Y\xb1\x0c+4\x9d\xa2=\x8d\xa2I|t{\xacz\xf9R\xd8\xd5\xab\xd5\xc8\x91H0\x93\x97P$\xb1y\x87\xa5\x10N\x8e\xac\xff!jZ,\x03\x80\xc5\xc3;X\xc9gj\x8f\x86\xb9b\x84|\x7f\xf3\xa0n\xcaNU\xf2\xf2\xac\xd1\x11\x91\xd1\x00\x16\x00D\xcd\x06\x95N\x1d\xd5\xf6\xa0\x1aA\x16\xd3R\'\xb6\xd3\xbbnq\xf9\x9a\x01\x13f(\x9c\xc8q\xebUm\xdc^\x01m\xf0\xe6\xaa\xbb\xab`\x03\x97w.\x9a?\xb8M\x89\xe4\xca\xf2\x01U\xb2\xc4\x03&gt;\xba\xb8J\x9c@\x04Oz\xc1\xea92\x91\x86\xb4\xad8O\xdd-4s|\xbd\x7f\x1c\xc0\xf1\x80\xb2E\x86\xe4TY\xf5\x86\xb6\xa8hc\xad\xca\xa41\xa6\xe8*\xd8\xc8\t\xdc?\xb1\xc1\xc6\xfax\xf9\xdd\xd9\xb3p\xd4\x8c&gt;M\xad\xe4\x90#Zp\x1b\xcd9\x04\x00\xfcxt\xca\xc48\xd1\xae\xa1\xa5\x15k\xa4&gt;\xf5\xa4\x01\xb6xb\xcb\x04\x01\xd8\xfe\xc4\xf21]\'v\xa9\xab\x91L\xe8\x004\x9c\x00,2\xace%V\xc4\xb5}\xcbZ\x97\xc9*\xec\x12;\xba\xe2\x07@\xb8\xf5k\'\xf5r\xa2\x88}\x8b\xc7&lt;:\xb5Ir\xd0\xc6\x9dy/\xca\x1c\x0f\x9c\n\x88\xe6x\xe0\x19\xa3\x8c\xb4z\xdaH\xa3\xdaV\x93\xbf\xcf\xcf/\xec0Q\x96\xd0@\x988WBp"\xe0\x99\xe4`\xc5\x8c\xb1G\xb5\xa9f=s\x01\x13\xabp\x9eC\x98\x80\x93\x00{a\x12&amp;\xb5s\'\x05~\xb0"^_\xd9\x0b\xa0W\xed\xa2//\xedr\xd40\x14\x800\xcf\xbb\xb6o\x99\xa1s\xf3\xc7\xd3\xb0\x16\xa4\xfe\x8dJ\xf7\xaaS\x94\x88\x9e\x9e\xdb*\xff\xd6J\xf0m/\xbe\xecY4\n\x80\xe2F"\x11\xf1\x04M\x05^\xc9\x1fh\xbc\xd7Z\x83\xf6\x1c\x84\x90\xf7y\xe3\x84\x01\xe0\xcaPb\xb1MMl\xd9\xd5\x06`\xcb\x0b\xcd\xd4\xbb\x00&lt;&lt;\xb5\x918B\xd2kk\x07q.\xab\x9d\\?}\xfd\x94&gt;|i\xa5\x00\x98\xd0\xb9\x8e\xb9s\xc9O\x9d\xd4\x8d8=\x18\x17J\x19\xd8\xa4lp\x8e\xc1\x84\x1a[f\x0e\xe2\xb7\xd4\x06`1\x94q\xaf\xdaE\x15\x8f\x07#:\xb9~:\x11\xb9&amp;\x92D\xd0d\xf3\x8c\x01\x1a\xdf\xb2\'\xb2o\x03\x931\xb9\xc8\xafIb\x1a\xb3\xbeG~&lt;\xd0~\xd0\x8b\'sa\xc4UM\xc4\x954$O\xa6\xcb\xb3\xf3\xdb\x15\x8f\xa7\xfa\x93\xd2\x86\'\xe0-\x00\xdd\x06\xd7e\xb0\xeb`!:\xa7\x9d8\xf4pT\xc9\x12\xef\xe1\xc9\x8d\xce\xe4\xcd\xcb\xfe\xa5c\x85W\xe3\xe9\xb9md\xab_\x98\x80\xc6\xabgZe6s\xc0\xbb\xb2|t\x97\x84D\xed\xca\xe7L\x13\x8eF\xb7\xabn.O/\xee\xc7\xfa\x9c\x14?\x1f\x02\x10;\x07\xe9\xe6)\xd9\xe1\xf9\xdd\xf8\x8b\x08@\xcd\x9c\x89\x15\xbf\xdd9o\xb8\x8b\xeb#\'\xa9\'\n8\xb9\x8ePDNx\xe81!LA\xc4\x86\r\xb1] \x87.\xd0\xa2df\xe1\xad,\x10?\xdc\xc0&amp;e]V\xb4\x17\xf7\x10J/\x013\x1d\x937\xd6\xa5R\xf2\x0e\x07\xd9\xe2I\x8a\x80\xab\'\x00\xb2Eq\xd803\xd0\x02\xe0\xe8\xea\xc9\xea\xdfr\xd9\xc6$ Z\xa3\x14\x83%\x7f\xbc?m\x14\xf8u=&lt;\xab\x8e\xe6\x00\xa0\x1d\xb6&gt;\x18\x1137\x8cm\xb9\x03\x00\x9e\x96T\x7f\x83\xf6/\x1dKD\x0fNl\x88%\x8bQ|m\xdf2\x00\x0e\x05^w\xcd\x02\x94\x9c\xee5\x0b\x05\xa8\xc6\xb3s\xda\xb6\xb4\x7f{\x98\'Z F\xb7\x03`\xcc\x1d\xd0\x12\xf8$&gt;\x92\x8c\xf3L"\x92\xdd-\xb74@;\xe6\rs}\xa1N i6\xbco\x82]\xe4\x8d\x1df\xed\xc4^B#\x08 :Q\xc1\x04\xe1\x9f\x9d\xdf\x0e`\xcb\xccA\xff\x10}\xbas\xa4z\xf6\x84\xf5\xf2\xa5\xb0.U\x9f\x85c\x04\x15\x81h\xf7\x82\x91\x92\x83\xf2f\xbaY\xf1\x8c\xb6&lt;\x06\x00\x16\rko=\x1f\xa7\x01\x90+\xc6\xef=\t\xb5\x91s[\xe7\xba\xbb\n\x8e\xe3\xb4\x95\x9bs\x99[\xc7\x84\x03\'3\x81\xf5\x84\x15\x00\xe7\xacb\xb4J|~\x9e}\xae\x9816\x80\xbc\xb1\xc3\x04\xf8\xf6\xc9\xd9\x05C\xda\x02\xffqf\xd8\xbdF\xa1\x10\xb2\x83xw}\xd9\xe8.V*Y/_\n\xf1\xbf\xf2\xf9t\xd5\xac\xf1[\x96\xcaL\x06\tGd4\xb0\xb3\x1b\xc9\x16%\x98\x87\xbf}nF\x1eFYN:\x0b&gt;O\xe2\xf8&gt;\xba\xc4$\xda8\xb5\x9f\xf9\xc2&lt;\x95.\xd5\xf2\x87&amp;2!t\xbcj|\x0f\xfbk#\xc3\xc4\x1b\xa2{J4%)\xa7\xb6z\xda2L\x92\xcc\x10\x8d\x8b\xa4\r\xa4\x01\x0c\xd8[\xa5}%\x9b\x16KoWq\xc5\x93EdQ\x15\xcfl\x9em1+\x0f\xf4\xbf\x13\xf7v\x0c\x00\xc07\xb7T&amp;p\xf0\xf0\xd4\xa6\xe1-+k\xd9\xd0Z@\x10\'\x01p@I\xd9\xf1o\x15\x8f\xc7 ,\xd0\xa1\xabE#g\xdb\xec\xc1FO\xc9\x1e5\x18\xdb*4$\x96at\xb3\xc5h#\xe2\xb7f\xf2\xfe\xf9\x05e\xd3&amp;2\xdb\xd8-\x18"\xd5\x19\xf4@4Z\xf9\xecQ\x95\xaf\xbd|Z\xb3o\xf1\x18+u\xf8\x97\xa32V\xd8\xa2\xa4\xadV!\x83\x01\t\x86\xfa\x05Ru\xa8\x98\x9b?\xbd\xe0r\x08\xc0\xbb\xdcc\x98R\xa9\xa2h8\x9d;\r\x80u\x93M\x9ar{&amp;\xba\x12\x1a\xc3[U\xd6\xcd\xc4\x8aP\x8c\x00^\\4z\x8a\xbd\x8e\xfb\x87WN\xecV#\xc0\xae]\xc7Jy\x00\x00\xcf5\x14\xf1\xec\th\x10T\x98?\xa8u\xeb2\xd9\xc4G&amp;u\xad\x07&lt;a\xf3\x86a-+\x99V\x02w\xcd\x92H\x8d\x1c\x89\x88\xe8\xfa\xfe\xe5\xce\x15\xf14\xf0\xa8O\x07\x1a|\\U\x10\x00|\xbc%&gt;\xc2i\xcb\xe6)\xf6\xff\x01q\xe8\xa5r\xcb\xf2eT;2\xf1\xb6\xe6&lt;\xb0\xde&gt;\x1a\xd1\xc4\xae\xf5$_\xc9g\x00\xecH\xe3"\xe9\x88(Ip\xca\xe0c\xbe\\\xf9\x96\x83"Vnb\xfd\xfc)Oo\x9c\xa9\xfd\x00\x0fjZN\xe3[I\\\xd5+{\x96X\xa8\x8e\x17\x0e\x80\xaf.+k\xf1\xf0\x0e\xda\xfa\xec\x86p\xbb#I\x12\xa3r\x85\x9a\xf0\xef\x1fr\xe5\xc6\xbde\xd7\xadF!C^E\xb0\xac\x1c\xa9\xc8\xee\x85#=\\k\xcf"}\xeb\x97`K\xaf\x00\xf0\xe2\x82\xe4\xdb\x88D\x13\xbb\xd4\x957\x9dm\xcb\xe7\xe0\x1f\xf36-j\xc3\xe6\x81\xbc\xcd}zn\x9b\xc4\xf9|\xfe\xe06\xf5\xf2\xa5\xd8&lt;Ca\xfd\'\x1e\x11\x80\xdc1\x03\x98\x032\x8fq\xc6\x85\xed\xf3\xadT/W\xcc\x90\xf6\xbew^\\Aj\x87\xb6\x1d\xd4)\xe5||;{\x83\x0f\xdb\xabu\r`R\xb7\xfa\xdai.\xf9\xc53\xa9\x9f?\xa5!\x81\x14\xd6Ne\xd6\x9b\x97\rkY\xc9H\xae4\xb2M\xd5,\xff\x12\x11-\x19\xd1\xd1\xd0\x89\x86\xc8\x11\xcd=\xedG\xad\\I\xd8\xe8Gm\xeb%\xdd\xdf\xb6M\xfe\xb2F\xb6g]Q\xe0\xfc\xb6y\xe2\x7f\xf1\xe9V\xaa?)\xbdJ\t\xf9\xe2\x84\x95\x1f\x14~Z\xa0\xd8\xbf\xf1b3\x9fn\x1f\t,\x86Y\xed\xca\xe7\xe4I6w`+\xe0\xa7\xd3\x95a\x98\x98\xf8?:-\x15A\x94\xd0\xae|\xcew\xd7\x0f\x08\xffJ\x86l\x9ch\xdf\xd3.\xd5\xf2\x1b\xcd\xf0\xc1\xc9\rD4w`+\x89\x13\x90\x8d0!#\xf7bel\xd2\xbfai\xdd4\x82\x99\xec\xc86U{\xd4*b(\xff\x88D\xb7\x0e\xad\xd26\xb4\xcd\xfc/\x91q\xdb\r\xaf}\x8e\x87\xa2\xadF\xfb[1\xb0I\xd9\t\x1ey5\xecU\x1c\nbH4E&lt;\x81\xa2I\x15\x02ve\x8bBDtx\xe5D5\x15E\xbb\x80\x94\xff\xf8\x87_\x923\xed\xad\x98\xbbU\xf5h\xf1\x88\x0e\xddj\x14tw-\x82\x16\x9c\xfdGY\x83\xe1\x1d\xdc\x02\x80\xfb\xc7\xd7\xbb\xbb\x16\xc6PS\x07r\x9a\xdd\x0bF\xb2\xd5\x8c\x1an\xaa\x00#&gt;\x11\xbe\xde\x05\xe0i\x1b\x86ra\x06\x16tw\xe3\xb4\xfeN\xb7A\xac\xed&gt;\xbaz\n\xfb\xb0r\\7\xa6\x8ei4\x07y\x07\x90\xe5_\xc5\xe4\x1eGX\xa2t\x7f\x93\\\x9a4\xb0\xacC\x04\x0e\x0c\x19\x0cX\xb9\xf4w\x8f\xae5}\xae!\\\xec_j\x0bL\x15@Rsa\x15\xb6Z6\xa7\xa2\xbd\tm\x84\xa2\xdd7\x00\xb6\r\x83_\x8f\x14O\x8f\xc7\x92}\xbc\xa9\x96\xbfnT\xe4\x14\xd6d\xb8\xd7O\xee3\xb3o3KYx0\xa9,\xef)e\x8a\xe8\xbf\xcb5g@Kry\xebiz+(I\x88@\xf9"\x07&gt;\x92\xdbh\xd3\xa3I\xb3\xe2\x19\x89\xa8u\x99lx\xebl\xd4Cs\xcf\x8dd\xc3\xd9v\xd5\xd2\x89]\xea\xea\x86\x08\x96\xd4&lt;\x9e\xe8+\xe7\xc2\x15\x00\xc0\xa7\xdbfN\xfc#\xec\x0f\xb9\x00\x00 \x00IDATt\x0bxA\xee\x1b\x91\x8d\xebXk\xce\x80\x96\x8e\x96\xee\xf6\x06h\x83\xc8\xc1&gt;{\xb4?\xf0\xf4\xac\x95\xdcR\x846\xf0\x8b\\\xe96\xdc\xbfQ\xe9\x82\t\xa4\n\xe9n\xbf\xf8^\x1c\xc1\xe9}\xa41\xedk\x98pc\x914\xbeS\xba7P|\xfe8\x1d\x17M\xdbz3g`\t_\xef\x1d7\x99\x9d)\xb4_&lt;\x00\xf7\x8e\xaf\xc3\xfb\xeb=j\x15\xb6R\xc4\xc7[\x87\xcfo\x9b\xf7\xed\xfe\t\xd3\x99\x08YY\xcc\x81!\xf1\xde\x12\x93J\xc1"\xc6E\xb8q\x14\x0c\xa0b\xc6\xd8\x7f\x10%tX\xdbW\xed\x07z;\x00G\xb0\xd3\xb2\xccU8\x14G[\x0c\x1bb\x8b\x9f9\xfcT^\xf7\xe0\xe1\xe3\xed\xc3\xfc\x89O\x88\xa2o\x02\xb02\xef?\xbby\xb6u\x03I\x00F\xad?\x89(\x0cQ\x91\xc4\x11\x00\x08\x1bE\x953\xc7m_!\x97$\xd9\xe6\x19\x03Y\xa3v\xfb\xf0\xea\xe1\xad*\x1b\xda\xa8,\x9f&gt;\xa6\xd1Z\x11\xd1\xab\xcb\xbbL\x9c\xe5!\\\xdb\xbb\x14_\xef:\x94\xf9\x9b\xab{y\x92m\x999\x90\xb3\x07\x94\x8c{*gvz\xa7\xdc\x8bq\xd8\xc2\xa2\t\xf3&gt;w\x01&lt;\xedX9\x8f\xbbka\x80\x99}\x9a\x02\xe8\\5\x1fg\xfa\xb6\xe5\xfc\xa5\xd6\xf6,\x1ae\xae\xd0;G\xd6\xe8\xb6\xa4#ZW\xd1\xcf\xe7\xe8\xda\'g\x03Da\xed^\xb3\xf0\x81e\xe3x\xea\xc0b\xd2\xb6\xaf\x98\x8b\x88\xd2\x84S\x1e\xbdJZ|C\xc6*\xb7\x0f\xaf6\xa1\x1fg)b\xa1Y\xec\x1a\xbd\xf6\xa9W\xa2h\x12\x1f[\xb2r\x02\xb5\xe0w\xda\x8c\xebXkH\xf3\n&lt;)\xbd\x1d\x88\x0eF\xfd9\xa7to@D\xa9\xc3y\xca\xf4\n\xc0\xfe%cI\xd3\x1e9\x1cQ\xaf:\xc5\xec-\xf7\xc8\xaaI\xf6f(fl\x87Z\xfc\x89g\xf6m\xc6s/X\x13\x99?^\xb8K;\x17\xca\xbfm[.\x87`1\xd2\xa6lv\xb5\x0c\xdbU\xe0r\x8fP,\x9a\'\xe5\xa8\xb6\xd5\xc4\x9ek\xb9b*L\xdc\xact\x00\x8a(\x96\xe2(s\xfa\xb7(\xa6d!*\xc6\xde\xf7\xcbQ#1\xd3\xd1\x929\x1bq\xdb\xc9\x13\xcbU\xfb\x96A\x95\xbf\x89&gt;\xdd9b\xee\\\x8d!\xd8\xe7;G\x8d\xe6&amp;\xbc\xf9\xf2- 9\xce\x19\xc3X\x84?\x88\xf6\xfb\x9b\x07\xf1\xf6\x9a\xb9R\xca\xa4\xe6\x15\xfb\x01\xbe\x98+\xc2\x10\xfe\x8d\xf8\x8f\x07\xe3;\xf1\x86k\x17\x9a\xfbp\x01\xffu\xe3b\xb7\x06\x8a\xfb\x1c\x85\x12\xea\xcb]\xcc\x1d\xd8\x8a\xbf\x94\x1a9\x12\xd5\xc9\x9bL\x12\xc6}\x8e\xd9\x10\xbeF)\x10\xdf\xff\xd5S\xb4\xda*\x940\xbc\x9a\x19\x98\xd3t\xb1\x1c\x9c\xc7\x8by\xae\xee]*?\x08\xc0\x84C\xd3\xc0&amp;e\x1f\x9d\xda\xa4\xb8\x94\xbf}\xeeP\x13us;;\xe6\x0e\x15\x1a\xac\xc6\xdc&amp;C-Jf\xae\x9b7\xb9c\x95\xd2"r\xc0\xd5p\xed\xd6\x96G\xaf24\xd1\xab\xcb\xbb\x00\x14Nd`_Ih\xeb\xb3F\x0e\xf0\xafP\x1f[\xc4pl\xe1\xed\xb5\xfd\xae\xec\x93r\xc5\x08)~?4\x8a\xae_ \x95vVU\xb2\xc4\xd3-\xaeg\xed"\xf2NW-\x98\xab&lt;C\x17\x88\x06\x8ejS\rx\xe6|9A\x17v\x8f\xc5G\x84\x7fS\xea\xd9\x15\xf6\xac\xc5\x9e\x0f{d\xe6\x9e_\xd8n1\xb7^u\x8a\x9a\x9e\xb5h\xc0\xa3\xf5/\x7fOrF\x0f\xc1\x0e\xb6,\x95\xa5x\xb2\x88\xda\xcd\x84\t\xb7\x9b\xc2\x89"\xd8\xde\xf4\xe0\xd3mq\x9e\x92\x85\xfe\x00)\xff\xbb\x0c\xe0\xf1\x99\xcd\xc1\x88\xb6\xcd\x1e\xa2\xb6\x01\x13\x92h\xcd\xc4\x9ej\x01\x14\x074*\r\x00?\x1eH3\xf7\x83\x85D\xf7\xe4\xe1?\x11\xe1\xcb\x9d\xc4N\x04\x89W!\x9eH\x9dpT\xdbj\x85\x12\x86\xc7\xcf\x87\x00\x96\x8f\xe9*Nf\xc8F\x99]\xdb\x8d\xd3\xfaK\xe2\x03\xae\x9d\xd4\x0b\xc0\x8fG\xa7M\xd4\xb3jV\xf3\x1b+\xb9b\x86\x04^\xf3\xa4\xf4\xd8\xa7\xc2sy\x10P\xf0O\xce\x8a\x80O\x92\x06\x0fOm\x02\xf0\xfe\xc6A\xb5\x04\x7f\x19\\=\xdc0\xb5/\xd3\x94\x1f\xd3\xbe\x86\x81\xd3\xfc\xc8\x11=\xb8\x8b\x9f\x86\x18~!\xd5\x14\xcb-\x9a\xc4\x07\x01\xa3\xf7\xd9H\x02\xa2\x9f\x8f\xcd\xbc\x99\x1at\xadV@\xfcC4\\\xb4|\xdb\xe3o\xf7\xfa\xd4+\xf1\x0fQ\x1c\xa2\x95\xe3\xba\x19-\xae{\xcdB\x8a\x03\xd5/\xf7\x8e\x01\x00\xfe\x0bC\xb4aj\xdfr\xe9b\x04\x8a\xf7\xdc\x8a\x86\xb39\xca\xa4\x89\x06`\xa7\xb5x\xd7;\xe7\rg\x97Wq\x952\x9bJL\x1bE\xb6\xce\x1ad\xa5&amp;&amp;\xa8_ \xe5\xb2\xd1\x9d]\\h\xe0\x06\x80\xa1\xc5G\xed\xac&lt;\xe4\xb5\xcc\x19#\x04\x11\xadvI\x90E\te\xd2D{\x7f\xe3\xc0\xfd\x13\x1bJs\xaf\xbf{&amp;\x1fo\x1d\x06 \x176 "\xc5\xcd\xf7v\xe5s\nS\x84&gt;\xf5\x8a\xb3\x0fv-\xc8\xb2}o\x81\xbd\x8bF;$!}x\xe5D\xbb\xb2\x92\xbc\x0b)\\\xb2\r\t\xe0\xcb\xbdc\x16s\x00\xbe\x03H\x11\x86&amp;u\xadGD\xa5-(\xec\xba\xa0A\x00\x00\xbca\x9f\xd3\xfdM\xd7\xf6-s\xba\xc4 \x05\x80&amp;6-\xa1zN\x07@D\x00\xcc\xcd\x1b\xd4\x90\xe8\x1ed\xd2TR\xf6\xa8K!\x96\xff\xe4$\xaa\x85\x91A\xfa\x08\x04\xc0\xca\x1e\xa0Fh\xc1\x81M\xca*^XC\xba\xd6\x1a\xd8\xa8\x19\r`\xdd\xe4\xde\xf6\xe5\xc7[\xa8v\x82\xad\xb3\x06\xd7\xc9\x9b\x1cx\xa5\x9a\xc3\xb7{V\x16\xd9R\x86u\xb5\xb9`\xb3b\x19\x14\xed\xdc\xbcp\x01\xa0Hb\x1f\x1bs+\x9e\xcc\xae\x97\xd1C\x19\xd6\xa2\x12\x00\x8d\xa0f\'\xd6M\xf3\x90\x0e\x00\xf8AD\xd7\xf6-3\xd1\x07\x98\xe6_\xbf\xfe\xcf@\x88X#(j\x01\xb9=L\x10\x11\xa5\x08C;&lt;\xde&lt;a\xfe\xe06\x19\xff\xa1\xe6%2\xa9%\x08M\x84o\xf7\x066.c.\xffe\xa3:+&gt;\xf9N\xbc\x0e\x9e\xf0\x8a\x05z\xc4\x171O\xec\xd0\x14\xd0\x0b\x06/\r\x87\x9c\xc5\x07U\x9d/wa\xcb\x83"6e\xcd\x1dKGF\xdfC:\x00\x86\xeb+\x03\x80\xc7\x18cx\xab\xca3\xfb45\x9a\xb9\x19\xd7^\x97P4\xe9?\xae\x91\xa7\x1en\xdc\xe9Z\x91\x86\x85R\xcb\xa3\xfb8qy\xeb\xe4I\xe6H\x07\xf0\xf2\x92\xedy\xfe^\xe4\x8c\x1e\xfc\xee\xb1u\x00\xbe\xde;\x0eu\x8cf\xcbT&lt;\'t\xe65\xf4\x96\xd3\xb9\xaam^\xc7M\x8a\xa6g\x0b\x9a\x16a\xd7a\xf9\xe8.\xec3\x7f&lt;\xc5\x18\xa2 Y\x91\xdc1l\x01\x00&lt;wq\xa1\x86\x10\xbb@\xef^0B;\xf1,\xcf\xd0\xf2T\x1c#\xf38N{&gt;\xe6\xf434H\xfc\x87\r\x8f}23\xb1\x8b\xbc(\x91/N\xd8\xa2I\xffQk\xeec\x13\xe1\xdb\xbd\xdd\x0bG\x9a\xee\x06\x9e_\xd8AD;\xe7\r\xd7H\xc3\xf6m\n\xc4\x0fW#g"\xc5\x04\xd1\r\xfc -\xae\xef_n\xcb\x10\xb8H\x12\x9f\x12\xc9#\x01\xf8t\xfb\xc8\xeb+{\x0c\x9d{v\xcb\x9c\xf1\x9d\xea\xb0\x983Q\x89\x065)\x17\x88"\xe4\x01\xe0\xd4u \xa2J\x99\xe2\xd4\xc9\x93\xcch\xfe\xa6\x87\x1a&amp;\xc8\x13[:\x16(\x9d*J\xcbRY\xe6\x0fj\x1dHD\xef\xa9k\xf5\x82xuY,\x07b;I9b\xc9\xe3\x05\xef\xf2\x00&gt;\xdf6,\xc7\xe1\xc5!\x96\x8d\xee\xa2\xd8\xee+\xc6m\x89D\xf4\xeb\xc9\x19\x98\x92\xfa\xf2\x10\xd8\xe8\xc3\xb7c\xb3\xd6\xc4\xc4$\x02\xben\x9b=\xc4zS\xe5QkD\x86\x10\xdb\xe9\xb3\x9e\x9e\x88\xda\x94\xcdn.\xb7\x89]\xeb\tO \xe7V^\xc9\x14\x91[\x96\xcab\xae8\x00\xf8|G|$\x06\x11\xf0\xabw\xddb\xefo\x1c\xbc\xb2g\x89u#]\xbb\x06.r\xfa\xd6/\t Q0\xbawl\xdd\xf1\xb5S\xf1\xe6\x8acEq\xd1\xafa)\xed\x04{\x16\xfa\xaaT\x8dl]\xe5\xe4\xfa\x19\xce\xd7\xc8\x0b\x07\xf2\xa6_\xd76_1\xaaW\x97j\x05\xca\xa5\xf5\x7f\xda\xcfn\x9e\xed\x90e\x9eu\xf0\xfa\n\x00\xe0%\x00\x8d\xd8F\x1c\x83\x1e\xfb)\xa2\xa9\xdb\xf5\xc5&amp;U\xe74z\xaa\x19\xc7\xd7N\xe5\x91+\x10\xa3/\xc4\xc1\x81\xf0\x10v\xad\xae`0\x1a\xce\x8e"$e\xc9\x83\xe5v\xae\x92O\xa8F)\x0b&amp;\x8fbz\xd66\x16\x92\x97\x937W\xf7\x01\xaf^_\xd9\xeb\xe1\x93\x95HDw\x8e\xae\x11\x1b\xbe\xe2\xe99wU&amp;\x90\x8e\xb4\xac\xd2@\xc9\xa7F\xde\xfa\xf3\x9b\'O\xed\xd1P\xfco\xde8\x01\xa6\xd2.\x1e\xd2\xb20{FI\x16\xd2w\xa3[\x8e[\x86\xe4\xc5\x93E\xd2(t\xf5\x84\x9e\x00\xc4F\xf7&amp;62:T\xccMD5s%\xd1N\xc6~~\xb2P\xd4\xb0Pj\xe3\x85\x98\x87\x95\xab\xe83\xc1\xc2\x01\xb9\x86\xa1-*\xda\x9b!s\x9a\xb57O\x17#\xd9\x1f\xfez\xdf\xd8X\xc4C4\xe4\xd9\xb4i\xdf\xe2\xd1\xee\xae\x88\xcbQ\x9cP\xcb;\x00~\x7f\xa5C\xcb\'\x88\x15\xa1\xc5\x81\x87\x18\xd3{7)\x928B\xc1\xf8\x01\x86\x86N\xc7r\xb1\xc8\xa3\xd3\x9b\xf6/\x1dK~\x91\xbb]\xcc\xe7\xbbG\x01\xa8\xed\x07\x008\xbdi\x96\x95\xfc\x856\x08\xff]\xd6N\xc3\x1e\x86]\xf3\x87\xcf\xec\xd344\xdf\x12\xb0-\x9c\xd94\xeb\xe8\xea\xc9\xa6\x83\xe5\x9a[\x0b\x1a\xd6\xc2\x15\xeb\x99+\xc7\x1a\xf6\x85v=\x1a^c\xe3;\xd5v8\xac\x0b\x17c;\xd4tw\x15\x02\'\xf2\x01\x88\xd2\xc6\xef\x7f\xfc\x19\x86$jU:\xab\xf0\xef\x90\xe6\x15xbC\xd6\xb5[\xf9\xc0\xde\xb0s\x00\x1a\x16J\xc3\x9f\xde\x8a\xcaKrYt\xbd\xe8D\x00&amp;\x8b\xf4\x90\xc5\x94L!\x9d\xe8\xdf9\xb2\x86\x85\x02VC\xb2\xd5V1c\xec{\xc7\xd6\x11\xc7,\xb8S\xe5\xbc\xec\x81(\x98 |\xdbr9\xca\xa4V\xdc\x122\x06\xcf\xc6\x00\xde^\x05`=\x00\x8b\x8f\xc5\xf3\x8dce\x80\x9f\xca%\xdeR7\x0f\xae\xc4\xc7\x9b\xee\xd2\xc7\xffp\xf3\x90dh\xb9s\xdep|\xbf\xcfs\xee\xf4^\x8d\x9d\xa8\xd2\xef\x85\xfc\t;\xb5a\x86\xa4\xf9\xaf\x94IG\xa1\xaf\x84\xa8\r\x1a\xd0\xb8L\xb7\xea\x05m\xd77\xd0\xf0\xa8\x92\xc0\xcc\x1e8c\x06\xf1\x9bi:\x04\x1bPk\xa79\xbev\xaa\xa1p\xc7\x05\x13\xfc\xa5\xed\xaa\xfa\xf0\xd4&amp;\xc9\x91\xb8~\x95\xd1\xce\x99%`KL\xbb\x16\x8c0-\xa9\x18\x99(\x04\x11\xf0\xd3\xdc\xe9\xb6\x83\x17\x17\x0c\xa5?\xbcr\x92\x0f_JI#\x95\xe5_J@T7_\n\xfe\x17\xe4\xfc\xb6y:!\x02&lt;\x03\x13\xfb\r\x7f\x11\x1dZ1Ar\x90\x7f\x95\xd5\xab\xe8i\x03\xf2k\xbdGf\xd9\xa9\xdd\xf8\xb24s\x07\xb4d\xff\x16N\x14aJ\xf7\x06&lt;*\xfc\x9e\xc0\xe5]\x8b\xdc[\x81s[\xe7\xb2[\x90D}9Eq\x9f\xc6:\x86&lt;0\xd8]\x9e\xd9\xb7\x19\x11\x9d\xd94\xcb\xf7\xc8\x87\x1b\xe6\x8a\xf6}\xb0d\x8a\x9e\xfc\xb4)\x9b=\x9d\x1d\xe6\x04\x99#\xd1\xf69C9[\x1c\x86o\xdd\x1f\x9d2Q\\\xda\xf0\x14\x8d\xe8\xe7\xe3\xd3\x1a*\x0b\x81\x14\x1e\xa5h\x1e\xd4:\x00\xdb\xbd\xb8\xe5}\x8f\x17J\xf3\x97\xafZ\xa7\x18\x16\xedK\x8d\x15c\xbb\xb2d;\xe6\r#\xa2\x1a9\x125(\xa8\xe0:\xe8\x81p.\xd4\x88W\xb4\xd4\x98\xd9\xb7\xd9\xcc\xbe\xcd\xcc\xc5\xd83\x11h^L\xf3\x12\x99j\xe7N\xaa\xf8\xce\xb0\x83\xd9\xa3\xfd1\xb0qY\xf9\xb7\x152\x18Pa\x10\x1e\x06I\xe6\xe6`\x9b\xf3\xcc\x13\x90\x07\xb9\xb5L\xf1\xe4\x91\x8cj\x17\xe7\x8fg%(r\x00\x8c\xda\x1d\xc5 \xc2;\xdfp=\xe3:\xd6b\xf5\xe1\xff\xf9&amp;\xb0\xb8v4\xa0Qi\xf6!{\xb4?B\x12\x15M\xe2\x934$\xa5\xfd\x8b\xb6\xcct\x85r\xa7\xbc\xf2eRG\xb5W;\xe0\xe4\xfa\xe9\x89\\(\xc7\x1dh8\xbev\xaal\x03\xc0\x97\x16%3+\x9e\x12\xdb\xafuhT(\r\x11\x8di_\xc3\xc5\xde\x1c\x92\xc7\xc5\xf6eS&amp;v6\xb3o35e\xb7\x95c\xbb\x01\xd8&gt;g\x08\xf0\xb9aA\x97\x9a\xc7&lt;8\xb9\x11\xc0\xa1\xe5\xcac\x19]\xa1\xd3\x0f\xb7\x0e\xb1\x0f\xba\xc1d\xe4\x1d\x80\x9c\x15c\xba\xf2\xcc\xdf\x99v\xb7!\xaaf\x8d\xafa\x98\xabK\x85\x0c\xb1\x00\x00\xef\xccg\xc1\x87\xc6\x96\x88\x0f\x11\xf0\x98\x7f}\xc3:\xb6\x17\xe4\x90\xd1\xaa\x1cy\xcd\'wopt\xf5d\xd7\x94\xfe\xbb\xa3\xd6\x01\x00H\x19V\xf9\x94\xdeu\x8b\tO\xb6!\x0f\x176\xad\xe3\x1f\x98\xb1\xf0/\xdail\x7f\xee\x074*\xbdbL\xd7#\xab&amp;\xdf\xd2\xdb0\x80_P\xb3,\xff\xd2\xa2a\xed\xed\xad\x86\xe2\x82\x07\x00+\xd2\xc4\x0fOn\xd4M\x13\x96(\x9c\xdfS\xa1\xebV*\xb1\xb7\xc1\x97;j)\x15Q|xX\x80\x17\xa6\xddm\x1a\x8d\xa7\x02\xc0\xcbKZ\xdb\xcb\x1d*\xe6\x06`q\t\x82]\xc0/\xf7\x8e\xbb</t>
        </is>
      </c>
      <c r="E72" t="inlineStr">
        <is>
          <t>&lt;class 'numpy.ndarray'&gt;</t>
        </is>
      </c>
    </row>
    <row r="73">
      <c r="A73" s="1" t="n">
        <v>71</v>
      </c>
      <c r="B73" t="inlineStr">
        <is>
          <t>steps_per_sec</t>
        </is>
      </c>
      <c r="C73" t="n">
        <v>1100</v>
      </c>
      <c r="D73" t="inlineStr">
        <is>
          <t>2.902759</t>
        </is>
      </c>
      <c r="E73" t="inlineStr">
        <is>
          <t>&lt;class 'numpy.ndarray'&gt;</t>
        </is>
      </c>
    </row>
    <row r="74">
      <c r="A74" s="1" t="n">
        <v>72</v>
      </c>
      <c r="B74" t="inlineStr">
        <is>
          <t>Loss/object_center</t>
        </is>
      </c>
      <c r="C74" t="n">
        <v>1100</v>
      </c>
      <c r="D74" t="inlineStr">
        <is>
          <t>0.8658485</t>
        </is>
      </c>
      <c r="E74" t="inlineStr">
        <is>
          <t>&lt;class 'numpy.ndarray'&gt;</t>
        </is>
      </c>
    </row>
    <row r="75">
      <c r="A75" s="1" t="n">
        <v>73</v>
      </c>
      <c r="B75" t="inlineStr">
        <is>
          <t>Loss/box/scale</t>
        </is>
      </c>
      <c r="C75" t="n">
        <v>1100</v>
      </c>
      <c r="D75" t="inlineStr">
        <is>
          <t>0.12314945</t>
        </is>
      </c>
      <c r="E75" t="inlineStr">
        <is>
          <t>&lt;class 'numpy.ndarray'&gt;</t>
        </is>
      </c>
    </row>
    <row r="76">
      <c r="A76" s="1" t="n">
        <v>74</v>
      </c>
      <c r="B76" t="inlineStr">
        <is>
          <t>Loss/box/offset</t>
        </is>
      </c>
      <c r="C76" t="n">
        <v>1100</v>
      </c>
      <c r="D76" t="inlineStr">
        <is>
          <t>0.18805131</t>
        </is>
      </c>
      <c r="E76" t="inlineStr">
        <is>
          <t>&lt;class 'numpy.ndarray'&gt;</t>
        </is>
      </c>
    </row>
    <row r="77">
      <c r="A77" s="1" t="n">
        <v>75</v>
      </c>
      <c r="B77" t="inlineStr">
        <is>
          <t>Loss/total_loss</t>
        </is>
      </c>
      <c r="C77" t="n">
        <v>1100</v>
      </c>
      <c r="D77" t="inlineStr">
        <is>
          <t>1.1770493</t>
        </is>
      </c>
      <c r="E77" t="inlineStr">
        <is>
          <t>&lt;class 'numpy.ndarray'&gt;</t>
        </is>
      </c>
    </row>
    <row r="78">
      <c r="A78" s="1" t="n">
        <v>76</v>
      </c>
      <c r="B78" t="inlineStr">
        <is>
          <t>learning_rate</t>
        </is>
      </c>
      <c r="C78" t="n">
        <v>1100</v>
      </c>
      <c r="D78" t="inlineStr">
        <is>
          <t>0.001</t>
        </is>
      </c>
      <c r="E78" t="inlineStr">
        <is>
          <t>&lt;class 'numpy.ndarray'&gt;</t>
        </is>
      </c>
    </row>
    <row r="79">
      <c r="A79" s="1" t="n">
        <v>77</v>
      </c>
      <c r="B79" t="inlineStr">
        <is>
          <t>train_input_images</t>
        </is>
      </c>
      <c r="C79" t="n">
        <v>1100</v>
      </c>
      <c r="D79" t="inlineStr">
        <is>
          <t>[b'512' b'512'
 b'\x89PNG\r\n\x1a\n\x00\x00\x00\rIHDR\x00\x00\x02\x00\x00\x00\x02\x00\x08\x02\x00\x00\x00{\x1aC\xad\x00\x00 \x00IDATx\x9c\xec\x9de`\x14W\x17\x86O\xdc\x89\xbb\xbb\x0bqw\xf7\x10\xf7\x84@H\x08\x84\xe0\x10&lt;8\xc1]\x82\xbb\xbb\xbb\xbbC\x0bm\xa1\x14Z\n\x05Z*@?\xa4\xe7\xfb1\xc9\xb2\xac\xce\xee\xceJ\xc2&gt;\x7f\x08\xbb3w\xee\xee\xce\\9\xf2\x1e\x00)R\xa4H\x91"E\x8a\x14)R\xa4H\x91"E\x8a\x14)R\xa4H\x91"E\x8a\x94\x0e@\xa4\xa5\x8a\x02\xd5m\x1a\x02\x1c_;\x8d\xf6_\x079\x00\x80\xfc\x00\xeb\x10\x13y\xaa/\xf5\xb5`\xdb\xf65~\r\\\xdf\xbb\xac \xd0\xa6 \xd0\xc6]M\xdc]i?D[\xb1\xfd\xb2Ds\xe7\x04\x1a\xca\x8c\xee\x9armO\x0b\xe2\xbbx{-Q\\R\x8a\xe0\x84\x18S?(#\xbeB\xc4\xaff\xbcb\x8d\xac\xb8;@!^\x9d\xc4\xdd\x03~\xd1\x14w\x07\x04\xc7C]\xd0\x16\x94\xa9\xe8\x06W\x1e]\xd8\x814^\xddaw\x98\x96H:\xd3nP\x04\x00\x00%\x00\x076\xe3\xb0\xbd,\x98\x8b\xb0?\x94\xb0\xac\xa9n\xee\xe0\nq\xf7B\ne\x18\x89\xbb\x03| \xf6\xa1_\x97\xa2v\x06\x15D%;\xeb\x1a\x00\x00\x80\x9d,H\xe6\\\xac\t\x80t\x94\x869\xb2&lt;,\xd8X\x8e\xdd@\xf7\x95\x12j\xaa\xd0\xb7K\xe8\xd3\xab{\x9b\xeb\xf3Y\x1e\x10e\xa9*#\xe2&gt;I\x91\xd2\xfe\xb1\x93\x05#\xeaFaqa\x0cP\x10d\xa3\xd2\xf6_Cq\xf6\x85\x13\x06\x007\xf6-\xeb\x95\x160\xbdoqi\xb8\x13\xbb\xc3\xb6\xcen\x8c\xb3\x93\xcc)LL\x0c\xc8\x8b$\xe6\xcc\xbf\x7f8-\xee\xbePFy\x84\xb3\xb8\xbb E\x9c\x98\x02TF\xbb\t\xa9\xf1@C\x99\xdd\x0bFs=L\r\xa0&gt;#(\xd5\xcd@H\xdd\x90B\xcf\xc0\xfc\xa8U\x13\xea-8\x1ec\x01\xb0k\xc1h%\x11\xf5\xa8\x9dp\xff\xc4\x06b\x02x|q\xa7\xb8\xfbB\r\xe9\x1eF\x88\x18l\xfc\x95\xbb\x00\xb8\xd0\xc5\xdbL\x95\xd5\xeb\xed\xd1\xd8"b\x08\x0f\x13\x99q}ZC\x91\x93\xa2\xd0\xfb#%\xc6Z\x9dX\xc4fx\x1as8\xac.\xcd\xdf\xaf\xbd\xef\xc8\xa8E\x86\xcep\x96\xec\xa2\'\xee\xeeP\x03\xf1q\xc4\xdd\x0b\x89&amp;\xdaZ-\xd7\xcf\x92\xe5[o\x1e\x9e\x1d\\\x18#\xe2\xfe\xb4/\x10\xff"y\x83\xc5\xd9\x89\xdd\x11\xf0\x05\x9cF\xc7\xf6L\xef\xf4@D\xdc4c\x88\xaf\x0e\xdbc\xb6\xcenD\xfc\x1f\xed\xfd\xaf\xda\xacM\x8b\x0f\x89\xb3\xd3\xfc\xed\xd6!D|xn\x9b8;D)\'\xd6N\xdf\xbbx\xac\xb8{\xd1^A\xc41U\xa9\xe2\xee\x85DS\x9d\xd0\xb92\xcaU\xdc\xbd\xe0\x87\\?\xcbl\x1fs\x13\x80\xce\x9a0\xa40FC\xdc\xfd\xa1\n+\x80\xd1]S8\x8c\xfe\x00pc\xff\xf2\xeds\x86\x8b\xa8C\xed\x05[\x19\x98\xd83{\xdb\x9ca\xa2\xbf\xf4\xd7\x13a\x1dk\xaba%\xee&gt;\x90g\xe1\xb0n\xe2\xee\xc2W\x811\x80X\x8c\xd19\xbe\x16\x85A\xb6\xaf\xef\x1dGDv\xbb\xc0vGa\x90\xed\xaf\xd7\xf6Q\x12\xde\xe3\xadEA#R\xa4|fj\x9f\x82\xaf\'\x85\xea+\xa1:\xc1\xabg\x8a\x1f\xc7\x15\'\x17\xc2\xcd\xc5\xe3\x8c\x0c6\x96+\x8ft\xf9\xf4\xcb\xd5\xa7W\xf7\x8a\xa5\x03\xc2\xe0\xf6\xc1\x95\xf5\x19\x81\x944\x85\x7f\xde\xa3\xa4\x1d)R\x00\x00",\x94/\xedX\xe4\xd9a6\xdbR\x00\x00\x00\xf1\xcf\xefOm\x1a\\\x18c+\xee\x9eH\xa1\x96\x95\xe3{\x8b\xbb\x0bR:\x10&amp;\x00\xf7\x8e\xaf\x9f\xd2+\xcf\x89r\xbd\x0b)\xc2\x84\xf3\x9em\xef\xe2\xa6\x01\xb9\x11\xfam\xff\x95\x05\x98\xd2;\xafw:\xe3"T\x16\xa0o\x97P\x1ba\xf4O"qU\xe1~\x8c\xe0\xd8\x00\x84\x9aJ\x1f\')b\x85|\x14A\x8e\xafE~\x80\xb5d\x85\x83H\xa1\x14\x1f\xed\xd6\xd83\xcf/U\x13\xf4\x01\x06\x17D\x0b\xe3\x8a*\x00\t\x0eZ\xc2h\x99o\x88o\xa0[\x9c\x87\xc8\xae\xa8\x0e\x10j\xa2\x10f&amp;\x8d\xb4\x95"r\xbe\x1a\x1f\xb6\x14R\x10\xc3_\x94\x15\xcb\xe4\n.T\xc5z\x04\x19\xf2&amp;\xdd\x94\xedc\xde\\_\x10d\xc4\xdbY\xc2s;\xa8\xb6}\x03"\xf3v\xf9\xea\xc0\xee\x85c\xb6\xcen\xec`Y\x9f\xd4Kx\xad\x9a\xd0\xc7\x8d\x9f\xdbR\n\'\xde\x88\xbb\x03R$\x01\x9a%\xe2\xea\x9e\x16x\xf7\xf0\xf8\xa3\xb7\xbc\xb6\xe0\xd5\t\nJ\x8a&gt;|\xf8\x8f\xa7\xb3._}r\xeb\xfa\xf5\x17\xcfy;+\x80\xa3\xe7\xd9\x8c\xe3\xb916\x9c4\xe1\xde\x02\xa8\xca\xc8\xc8\xc8\xc8|\xe2\xa9C\x02\xe0\xe5\xe3\xf9\xd3\xa3G\x17\xcf\x9e\x97W\x90\x8a\xfbp\x04\x11\xfb\xe7\x863\xbc\x98\xe8\xa8\xdd/;L,\xfd\x91"\xa5\x83\x11c\xa3\xfe\xef\xa3\x0b\x99\x1c\xd3P\xd9\xa1\r\xc0\x90T,&lt;\xf3\xb6#\xc7\xa1r\xe9\x98\x9e\xec\xcc)\x11\xe6\xcaKF\xd5\x84\x9bI\x96\x8c\x82\t@A\xa0\x8d\xb3\xd4\x02\xc4\x99\x00}\x16/\x8e\xef\x91\xb5b\x9c\xd4\xdf-E\xb2h\xa72\xeeA\x86\xb2}2\x83#,\x94yr\x82\xca\xb0\x92\x8a3\x00\xa8\xcf\x08\xa2\xff\xef\x9c\xc1\x15\xf8\xbfGS\xfb\x14\x08\xdeO\xce\x14\x05\xdb\xb1{\xcb\x18`\xfe\xd0\xae3\xfa\x15K\xda`+i\xfd\x918\x1c\xe4\x80\xe5MY\x10h\xc3\xe1\xf7\x96"E\xf4\\\xdf\xbb\x14\x11clH\xc5\xcc\x9a\x00\xf8\xeb\x81\xaf$I\xbb\xf4L\xf1\xabN\xf0\xca\xf42!y\xbc\x1a@\x84\x852s2\x815\xdd\xdfn\xaa\xf0\xfa\xfe\tD\x1cW\x9d\xc9\xa1\xa9x{-V\xcb&lt;\xde\xe0\xec\xd6\x9a\xd9\xbft\xc3\xb4A\x11\x16\xca\xedH-\xeak\xb7|\xc7\xdbk\x8e(O\x14w/\xa4H!\x05\xe2kD\x9c\\\x97K\xf2\xf8p3\xa5(K\tz\xc6/\xed\\\x84\x88\xd7\xf7-\xcb\x0f\xb0\xe6~4\x00\x00\xf4L\xf1\xe3&lt;\xe1)\x01\x94G8\xa7\xb8r\x1a\xde\xd3\xdc\r\xff\xfb\xf5Z\x9f\xcc`\x1e\xfa\xca\x04g\x95\xb4\x82@\x9b\xb3\x9b\xe6L\xa8\xe9\x92\xeaf0\xa8 \x9a\x9d\xda&gt;3\x06\x00B\x92\xcd\xf8\xed\xd6\xa1\xf5\xcd\x03\x84\xd1r\xbb\xc7\x18\xc0\xa6\xedv\\&gt;\xb6\x97\xb8\xbb#E\n)z\xa6\xf8\x91\xd1\'\xa0I\xfeZ\t\xb9?\xbcB\x84\xc1\x8c\xacH"_\x00\xab&gt;#(\xc9\x89SB\xb1\x11@*\xc7\xd1\x1f\x00VOl@\xfcX\x9b\xecK\xfa\xb2,\xe0\xac\xa3pq\xfb\x82\xb9\x83+\x1c\x15 ?\xc0\x1a\xdf\xfftv\xd3\x1c\x92[\xaf\x07g\xb7^\xdd\xdd"H\xc7X\xb2\xbfe\x1c\xf1m\x0f+M\x90\xa0%\x80D\x81\xaf\xee"\xa2\xc0\xd5\xdc\xa4H\x11\x1dd\x82\x08%M\xad\xa56\xd9\xa7.\xd5\xbf&lt;\xc29\xd3\xcb\x84\xf2\xd2\x95\'\xd7\xcf@\xc4U\xe3\xeb9\x1cS\x10d\xdb2\xba\xd6\x8e\\\xfc \xbb\xd9\x95s$\xcd\xa8\xca\x14+\x00k\x80\x0b\xdb\x16 "\xbe}\x98\xeeA\xca\x14t\xe7\xf0\xeaeM=I\xf5\x8c\x1b\xf4\xbe\xf16\t\xe3\xf7o\x1e\x9e\x95*&lt;\xb3\xa6wz\xe0\xd7\x96\xa7^\x9b\xec\xeb\xd5I&lt;\x1a[R\xda\x0b\n\xc0\xbd\xa8agMR\xdb\x0b\x1f\x1dX7\xa5?"\xbe\xb8}\xb8k\xb4[U\xac;\xb5\xa2O\x86tj\xed\x9c\x8f\xe4\xbcG\xd0\x06 \xa6\x87h+\xb5\xd7\xf7N\xf0\xadK\xe2(\x0f\xf8\xe26\xd1\x9f\xa1E\xb1dNQ\x00Hu5\xe0\\\xa7\x85$\xab\'6\xa4\xba~\x0e\x98\x8a\xb7\xd7\xd4\x06\x88\xb6\x96&amp;\xe4\x08L\x07\xf3\xa4k\x8b\xbb\x03\xd2=\xa9\xd8)\x0bw\xda4}0}-\xeb\x08\x0b\xe5\x01\xb9\x11~\xba0\xbe&amp;\x0b\xf1E\x8e/\xdbAI\x0b`\xed\xe4~\xa3*\x939_"\xc1A\xeb\x9b\xa3k\x89\xd1\xf0\xc9\xa5]\xf9\x01\xd6\r]B\xf8\xee\xb0\x1a\x00\xf3r-\xc9I\x87h\xff\xf6\xc1\x95|\xb7L\xcf\x91\x95S\x04)\x95aC7!\r+\x89\'\x7f"%\x95Ff\r(\x15Mq\xf9\xaf\x0eI\x0b\xefm\xd7\x18\x01H\xd3\xee\xc4\x8b"\x00\xe2[D,\x0eu\xd0\x07P\x00P\x02@\xfc\x1b\xf1\xd9\xe0\xc2\xe8\xd6\x01\xec\xe3\x13v\xa7\xbb(\xc1\xcc\xfe%\xb5\xc9&gt;\x9c\xaf2\xae:\x936\x1a\xfev\xebP\x84\x85@\xa3S\xa4\xa5\xca\x82\xc6*\xe6\xd7\xaf\xedYzd\xe5\x14\xf2\xed(r\xacB&lt;\xae:\x83\xbc\x83\x9a\x99\x96\xd1\xb5\xb4\x8f\\B\xda\x0fL \xd5\xc3\x95\\\xa4U\x92\x85A\xb2\xb3n\x94\x15\xc5\xfbS\xce\xb9\x9aR\x08BM\x15\x10\xff\xbd\xba\xbbE\x8b\xeeE\xc4\xbf\xae\xeeiIt\xd4&amp;\xc6\xafU\x13\xfbph\xc1Y\x11\xfc\xb9\xadZ\xf3\xfc\xad\x9e\xdf&lt;\xf8\xeb\xf5\xfd\x17\xb6\xcdOvf}4\xe7\x12%\xc2@\x05\xc0\x1a\x80\xf2\x95\xf2\xd6Y\x8d\xf8\xd7}\xc4\x0f\x88\x9f\x10\xff\xf9\xe1\xf4fS~\x9b\xd2\x03\x90\x05\x10\xf9\x17#\x85=\x89\x8e\xda\xfc\xaf\n:\x1cui\xfe\x94\xb4c\xce\xfd\x10\xde\x90\x03Hs3\xd0\xa2\xba\xd9\x0eI\xbc=\xa3\xf8^\x90\xa1\xac!\x00\x00\xe0\x1f\xdfp5\x83\xd8\x00\xf4H\xec\xec\xad\x05\x11\xe6\xcaQV\xaa\xfc\x8dV\x99\x9e&amp;\x87VL\xd2\xe2\xeb\\\x89\xe2\xf4\x86Ym\xeb\xfe?\x10\xdf!b\xcb\xe8Z\x01\xdb\xec\xcc\x978\xe2\xd7\xe0\xee\x15\xc3V\xe9\x87W\xff\xbe\x16\xfdU%\x95\xff^\xfc\xf2\xeb\xbf\x14\xb4\xf3\x17\x05m|\x01\x02|\xf7\xdb\x1b*\xba\xd6\xf1y\xf0\xfb\xff\x18^\xf9\xf9\r\x12\xf2MO\xaf\x9fY=g\xd27O\xff\xe4p\xba\xb12D\xc5\x86efg\x8e\x18\xd7\xf4\xe1\xc3\x87\x8f\x7f?\xbf\xff\xfc\x1f^\xfb\xf0\xe9\xc5\xdfV\xd6\x86;\xcf\xdf\xe6\xf5DI\xc3\xdb\xc6\xd0\xc6H\xed\xd3_O\xe7\x8foR\xfd\xef\xed\xdb\xdf\x1e.\x9c=\x97\xf3\x17\xc8\x95g\x8c\xbf\x0f\'h\xca\xbb\xef\x04\xb9\xa4\x14)RD@\x07\xb0\xf6*\x02T\'t&amp;\x16\xbd\x82h\xdcw\x0c\xdfZ\x80&gt;x\xa8\x83\xbf&gt;8)@i\x98cY\x84\x93\xa1\xb8\xbb$E\x8a@H\xc3\t\x84\xc4\x80\xbc\x88-\xb3\x1a\xf9\xdb\xe0K\x14\x9e\xea\xd02\xba\x96]\x9a\xae*\x80\x93\x02\x0c)\x8a\xe1G\xfe\xad]\xa1\x020\xb8 \xdaA\xeesp\x9d\n\xb0V\x97\x91\xd2\x0e\xf8\xef\xe9\xb5\x7f~8#\xee^\x88\x13\x1d\x80HK\xd5!\x851\xd1Vj\xce\x1dc\x85&amp;*\xc8\xc4\xd7\xba*C\xa8\xc9\xe7\x94\x1d\x1b\x80\x81y\x91B\xeb\x91x\xa0\x05y\r.\x88\xee\xf0\xd5\xbet\x00\xac\x00\xe8\'t\x13\x00\x89R\xe0\x90B\x96\xc2 [\xc1w\xb5\x1d\x007\x15\xe8\xdb%\xb40\xc8\xd6\x8f\x92\xf8\xe4\xaf\x06\xfe6\xfe\\\x84\x1d\xda3Jm\xe6i\x9a\xc3\xdfU\x19\xb2}(w\xffK\x16\xf6l\xf4%\xa5H.\x8bGT\x03\xc0\x85m\xf3\x11\xf1\xee\x915\xe2\xee\x0e\'\x1c\x15x6"{\xf0\x1el\x19c\xa3.-\xd4.9h\n\xdf\xaa\xe0\xa1\x06a\xa6\x8a\x000\xbak\xca\xed\x83\xab\x9e\xdd\xd8OI\xb32\x00z\x00\xdd\xe2&lt;i\xaft\xe0\t\xefk\xa0\xfd\x1b/\x99\xc8\xf42y|qg\x86\xa7\xf1\xfd\x13\x1b.n_ \xee\xee\xb0fxi\x02a\x90i,\x89\xcb\xf3\xb7"\x7f\xe2\x90\xa2\x98\xae1\xee\x00\x10e\xa5JV\x87W\xca\xd7Gu\x82\x97\x83&lt;\xd8\x02\xe0\xcb;\xc4&gt;\xb8(\xc4\x9e\x8fv\x14\x00\x18*\x90\xb8(\x83\x18\xab\x12\xda\xcb\x82=\xab\x15S\xb7X\x8f\xf5\xcd\x03\xec\xc8\x97\xae\x96\x02\x00\x00\x17\xb6\xcd\x17w\x17\xa8\x86X\xe9\x06\xe8C\xcf\x14?1w\x85=\xab\'6\x14\x06\xd9\x9a\x02\x14\x06\xf1\xa6`\xd4X\x12\x1fi\xa9\xea(\x0f\xc7VO\xed\x00\xbeG)B"\xcaJ\xd5E\x19\x00`\xde\xd0\xae\xc4\x04\xc0_\xe1-3\x80\x86\xac\x10\t\xd1XLq\xd5\x1fW\x9d\xc1R\xc7m\\\x8f\xcc\xbd\x8b\x9b\xc2\xcc\x14\xa9uSS\xa2\xea#\xc9\x08\xaf\x1c\x9b\xf8q\x97`\xdd\xa4 #\xd9 C\xd9\x86\xac\x10\xae\x19\x98,\xe9\x93\x15\xfc\xe1\xe7+\xd2\xf4B)\xech,\x8e#T\x10\x96\x8c\xaa\xb9\xb0m\x81 \xe5SJ\xc3\x1cIJo\x12G\x19p9\xaa\xdd00?R\x92\x17\x91R\xda7j$d\x1a\xd9qh\xf9$\xc4\xff\xa4A=R\xd8\xe1\xad\x05\xb62`\x04\x80\xcfn\x106C\xbe\xa1\xddf\t\x8e\xda\x9c\xb7\x026\xecu\xd0\xd6N\xee7\xa2&lt;I\x90n\x88\x9e\xaa\x18w\xaa\xb6&gt;\xf4QD!&amp;\xf2B*\x1a#\x85O\xf4\xb8\xd5\x87\x934FV$\xfd\xf1\xedqq\xf7B\x8ax\xe0)j`b\xcflJ\xdc\xff\xf2\x00\xd5\t^\x9c/\xcdn\x9fP\x9f\x11\xc8G8F\x94\x95juBg\xd1\xeb\x0bQ\x85y[\xd0T\x9a\x9b\x01\xf1)\xeaR\xfd\xf0\xcd\x0f\x88\x88\xbf\xdf\x15k\xd7\xa4|\x89\x87z;\xd3\x1d\x8b\xb6V\xbb\xb0m\xbe\xd8\x85\xa0\xa5\xb4S\x82\x8c\xc8\xd9t8B^\x05\xf6\xe5\x9d#\x888\xbak\nO\xed\xeb\x02Lo(\x1a[\x9d\xc1s\xcf$\x129\x80Y\x03J\t\x7f\xcc\xc2a\xdd\xc4\xdd\x1d)tPn\xe9sS\x85\x15\xe3zS\xdb&amp;A\xba\x87\x91\x9f.\xf4\xcb\t{\xf3\xf0l\xb23\xffjQ\xb5I&gt;\x1d\xd9\xff#\x85=\x86\x00{\x165\t\xd8\x885\x00\xe2\xc703\xee\xc55\xb2}\xcc\x11\x11\xdf\xff\x14k\xcb\xb3\xc9S\x17 \xcd\xdd\xb0#e\x9f\xcd\x1eX6\xa8 \xaa\x83\xa7N\xb4;\xd2\xdc(V\xfb\x98\xda\xa7\x00\x11y\xd2"\xd7"w\xd8\xdc!\x95\xa3\xbb\xa6\x12\xeb\x08\xfaZ\xd5\x9dx\x11O\x96\x03\xd8&gt;g8\xf9\xbeI\xe9H\x84\x99)r-D\xcc\x19]\x80\x00}@|Io8uV\x04\x96\x01\xcd\x96\x00\xcb\xc7\xf6\x8a\xb1\xe1\xc7\x9c.\x0b\xb0|l\xaf+\xbb\x16\xf3\xd9Qa\x92\x1f`\x9d\xe3k\x11j\xaa\xc0\xce\xc2f\x02 M\xbe\xe9\xe0\xd4$\xf9\x14\x05\xdb1\xbf~n\xcb\\D\x9c=\xb0\x8c|S\xa9\xae\xfa\xd9&gt;\xe6Z\x1c\x8f1\x03Hu3h\xe8\x12\xf2\xe9\xe9\xd5;\x87W\xd3^\x97\x07h\xc8\n\xa9\xe2\xc5\xd7\x17k+\xbd7)cPA\x94\xb8\xbb fF\x94\'\x11\xf5\xc2\x82\x0c)0.\xd1Hq\xd1cW!RF\xdc\xc3\xeb\xe0\x82\xe8^\xe9\x01[g\x0f[5\x81u\xad\x85\xf6\xe5V\x94\xc2\x0f\xc4\xddI\x1f\xca)\x0bP\x12\xe6\xf0\xe7\xfd\x93\x88\xffq\xa8\xc3\xc7\x8c)@\xb7X\x8fHKN)\xa2\x81\x862\x96\x00\x1e\xea\x90\xe0\xa0E\xdft\xa0\x81\xcc\xad\x03+\x1aK\xe2x\xed\xbf\x14J\x10\\/\x9e*\xa8\x1c}yA\x1b`r]\xee\xa9\r3\xa9m6\xc1A\x0b\x11\x8f\xaejf~+\xd7\xd7\xf2\xd8\xea\xa9qv\x9d\xd4\xa8\x0bfOv\xd6\xe5I61\xc4X\x0e\x11\xff\xbc\x7frHa\xcc\x80\xdc\x08\x8az!\xa5\xfd@\x98z\xe8_\xb9\xb6w)\xe2\xd3\xc7\x17w\xf6\xed\x12\xcaSS\xbe:00/\xd2S\x03\xbc\xd8[Je\x01\xe4Y\xc5Yg{\x9b\x1d[\xdd\xccSp\x88#\xcbt\x1a\xf6H\xabQs\xa0k\xb4\x9b\x96X;@\xcb\t\xef`\xf5\xae\x01 \xc2\x9c\xf5\x98\x9c\xebg\xf9\xf6\xe1\xb9U\x13\xfat\x8dq\x0f5U\xa0D\xef\x96\xc7g\x02\x00Z\x9f\xd9\x95\xe3\xebS\\\x05\xc9\xb5\x90B5"\x93(\xc9\xf00\xa6=~\x97w."\xf6\x04\xcb\xc7\xf6\xe2\xb5\x1d\x1b\x80\xee\xf1\x9e\xc6\x00]\xa3\xddx=\xb7\xb3&amp;\x8c\xeb\x91I\xfex\x079\xd8\xb5`\x14\xbb\xd5\xa2\x0c@\xea\x97ws\xba\xbb\xe1\xb2\xa6:^{\xd5\xc1\xe0ct\x10\r\x99^&amp;\x88h/\xae\xc5?\t4\x98\xec!\xa9\x02\x0f\x97V\x007\xf7/\x7fpf\x0b\xd1\xb2x?=-\x1e\xaa,\xc2\x89\x92\x08\xab\xaf\x07a}Y=j\xbb\xcc\xe8W\x0c\x00\xc2\x9e\x973s\xb3\xdd\x1d\xb4\x01`@^\x84oz5\xf1b\xbf\x11sym\xe7!\xc0\xdd\xdbw~\x07Xv\xec\x0e\xbbc6\xcf\x1c\xca2\xf2\xc7?\xc8[W\x97\x87\x88\xa0&gt;\x03+\xbd|\xd8F\x01\xc9\x00&lt;\xfe\xe9\x05\xbd\xcf.\xaf\xb8\xc8\xcdC\xa0d\xa2\x0e@\xa2\x9b\x81dJo|\xfc\xf0\x01\x9f]\xff\xfe?q\xf7\x83\r\xc6\x00\xcez`D\xf7\x8a\xbb*\xfc\xfe\xeaw\x01\x9b}\x03\xf0\xe2\xc5\x8b5\xcbW\x10\x85\xcf\xc4\xfb\xe9\xdf\xb6\xfd1l\xcc\xe8\xf0\xa8H\xda\xebT\xed\x9a\xa5\xf5&lt;H\xc1w\xe1fJ\x98\xdc+\x97X\xfe\x17\xb2r\x0b\x93\x81\x83*\x90*\x00\xe2+DD\xfc\x97Y\x03\x0e_\xde\xde&gt;\x97lT\xcf\xba)\xfd\x11\xf1\xfc\xd6y\xe4;V\x93\xe4]\x9f\x11D\xfe\xf8\x0eI{\x91\x85\xc9\xf3\xb7\x92\xf0\xf1\x82\x12Ur\x05\x00\xfe\xa4\xdf&lt;\xd4\xc1C\x1d\x02\rd\xe2\xec\xa8\x9f\xd0\xbd:}\x1e\xf4M\x01\x12\x1c)\xc8\xd5\xe9\x04\x10m-!jLR8\xb2}\xce\xf0\x04\x07-j\xdb\xcc\xf44\xde2s(\xbe\xfb\xb1\xadP52\x04?\x18\x01 \xe2\xce\xf9\xa3H6\x88\xf8\x1c\x11WOl \xdf\x07\x0f\xe9\xed\xd7~8\xb4|\xa2\x04\xd6}\x10c\xe1L\x96u\x90\x16\r\xef\xbe\xa0\xb1\x8a\xe1E[\x19\x88\xb3\xe3!YA4\xaaG2\x009\xbe\x16B\xb2,I\xb2`\xdaW\nC\xec\x90&lt;\xc0\xde\xc5c\x91\x0efG\xdf\xc0\xfcH\xf2w\xc7\x9b\x07g\x11\xb1\xb9&gt;\x9f\xf8/\xe7\'S\x11\xe0\xe8\xea\xe6\x86.!\xa4\x9b\x97"f:@\x8dbj\xe9\x1e\xef\xc9\xac\x9b\xab\xc2j#\xe2\xaf\x07V\xa4\x9bU\x06X0\xac\xdb\xe0\x82h\x81:G\x02+\x80\xf5\xcd\x03\xc6\xf7\xc8\xa2\xbce?]\x98\xd83\x9b\xf2f\xdb%\x12\x9b\x16\x1bg\xd7\t\xff\xfb\x856\xfa\xffz]\xd0\xca\x1e\xb4\xa6\x06\xe6Gq\xadLB$4\xcc\x1f\xdaU\xc0\x8bJ\x91\xc2\x13\xb4\xdb\xd2^\x16\x12\x1d\xb5\x05\x8c\xe9\x10\x92\xf9.\xc1A\x8b\xa7dO\xfe\x88\xb5\xd5\xd82sh\x94\x15\xf5e)U\x00\xdc\xa5\xc5.%\x9c\xaa\x18w\xfa\xe5\xbf\xad\xc0%/\xe8[k\xae\xcf\xf7\xd6\xe2tp\xae\x9f\xe5\x9b\x87g\x05\xbd${\x94\x01|\xa4\x92F\xed\x07\x91\xa5^M\xedS@\xfc\x81\x7f\xdeC\xc4\xc3+&amp;\xe7\xfaY\x8a\xebNQ\x00h\x19U\x13\xc9\xaa2\xb0h4\xc4\xda\x8b\xffI\n#w\x0e\xafF\xc4i\r\x85\\\x8f\xe4\xb0\x90\xc0\xe77\x11\x7fE\xfcgTe\xb2\xe0]\xa2\x9f\x00\x1e\x9c\xdd:\xb5OA\xbc\xbd\xd8\xc2[f\r(%\xf3\xe5H\x11;\x96\x00e\xe1N"\xbbUBL\xe4\x01@\xab\xedvMs7\xdc\xb3\xa8i\xc9\xa8\x1a-\xd1\\\xfeK\xd2\xdc\r\x11qt\xd7TY\x00\x97\xf6/\xc2\xde\xf1\x92E$\x97\x1d\xf3F""\xbbdqz\xd4\xd8\x04G+\x00\x0c-\x8e\xad\xcf\x08"S\xff\xab\x13\x00\xe2\x1f\x9c\xd3\xf1\xe9\'\x00|u\xa7\x98\xafJ\x81dpQ\x02\xae\x83\xfb\xf0\xb2\xc4)\xbd\xf3\x84\xd4\x01\x01!\xafv\xd9\x91X\xdeTw|\xed4\xe6\xd7\xfdt!\xdd\xdd\x90\xbf\xfaE\x04\xfc\xf9\x1b\x89\x99@\xb7\xed\xbe]9\xbe\x9e\xff\x1e\xf0\x8b\xa7\x06 &gt;\xed\x16\xebqj\xfdL|~Cds@A\xa0M\xbc\xbd\x16\xc9\x83e\xc4\x9d\x0c!\x855\xbe\xfcKv\xf2L\xdf\xecPD\xe4\xac\x9e\xd8X\x12O\x1b\xffS\xdd\x84\x15\xc8\xa0\x0f\xd0\'3\x98L:t\x8a\xab\xbe\xf4\xc6\x95\x10\xe2\xec5\x89\x1b\x83\xdd-$.W\x99U\xdb\x04\xf0\xc3\xe9\xcdb\xe9@\x98\x99\xa2\x1e\x00\xbe{\xf8\xfe\xc9ebN\x12\x90`c9\xae\xd6\\\xa9uT\n\xcf\x90\x11ztW\x83\x96\xd1\xb5s\x07W\x08/\x8emxY\xe2\xb0\xd2x\x92\x07\xf3\xa1\xc5\x1aa\xa1L\xc9s(\x85\x9eY\x03\xcb\x10\x11?&gt;a\xce5\x11/*m\x13\xc0\xc8\nq\x96\x15\x1b^\x96P\x93\xe8-x;\xda\x00%\xa1\x0e\x82\xb7#\x85J\xa4\xd3-\x85\x08{\xa9\xd8\xfe-\xb1\x92H\xa8\xa9B\x98\x99b\xb8\xb9\xd0\xbf\xdd\xe2\x10{^\x1f\xb7\xd3\x1bg\xdd=\xb2F\xe0\x18\x88\xaf\x97\x92P\x07f\xbd\xc8\xaf\xd3\xce\xc9\x9a!E1u\xa9\x82\x189\xa5\xb0\x80\xbeh\x01\x7ft\x98"\xe3\xed\x05a\xdb,}u \xd1\x91\xe7J\x8f\x9a\x00\x8e\xe2\xb0@u\x00\xfb\xa4\x93\x02l\x9d\xd5\xc8\x1c\x8db\x03pz\xe3,q\xf5J\xe2\xa8I\xf2n,\x89\x0f1\x16\x91aA\t@\x1e \xab\xb3i\xb6O\x87-\x10\xa4\x01\x10f*\xa1A\x07&gt;\xda\xc02\xb0\xef+G\x11`\xf7\xc21\xb5\xc9\xbe\xc2\xbbD\x8c\x8d:\x7f\xcb,\xf23\x13U\x1b\x85\x83\xcb&amp;\x1eY5\xc5N\x06\xc4\x18)\' \x81\x062\xe7\xb6\xccC|?\x8f)\x9bG_\x9a6HO\x90\xa1lVg\x91\xea\tY\xb5Y6;dq\x96(+5j\xcb\x83P\x88&amp;\xc0\xd1U\xcdC\nc\xc4\xdd\x11&gt;\xd1\x13\xa6\xc5r\xe3\xb4A\xe5\x11\xceBk\x1e\x84\xbd\xde1\x06\xe0\\W\x83\x0c6D9\x9a\xd7\xdf\xde&gt;\xb8rf\xff\x12\xfc\xfb\xbbv\xba\x13U\x05h\xe8\x12\x92H\x85*Q\xc7G\xc4K\xf1\xa6ni\xc4\x04 \xa4\x81R\x8c\x06&gt;\x05\x00D\xfc\xf1\xdc6\xb1\xf5\x80#\x0e\xf2\xb0jB\x1fA\x07\t\xf1!\x0b0\xb6{F\xb2\x8b\x9e5\xb7\\n\xaahG{%5\x80\x82@\x1b\x01W\xecE\xc1v9\xbe\x16%\xa1\x0eaf\x8a\x11\xe6\xcau\xa9\x14\x97\r\x97\xf2\xb5\xc0\xc1\xa1\xf6\xf0\xdcVb\x02p\x11\x82~\xa36@\x8c\x8d8\xb7\x16\x88\x18i!\xa1c\xac\x15@\xbf\xec0q\xf7B ~\xbd\xb6oP~\x94W\'\x9e\xb3s)\\\n\xea\x8aj\xfa\xe1\x89\x14W\xfd\x15\xe3z\x93\xb7\x17\x15\x04\xda0?\x7f\x99\x9e\xc6R\x9d4)\xc2\x85\x08\xdbGD\xd1$\x94\x93\xc4\x99"\xa3=\xcfn&gt;\x11b\xc4{M4\x00\x88\xb0\x10\xb3\xd02\xfdb\xc2\x96\xa3~8\x03\xda\x00\x11\x16\xca\x1e\xea`\x08\x9cJ\xce\xf1J\x98\x99"Q*\xceO\x0f$g\xb2\xafN\xe8&lt;k`\x19y7C\xa6\xa7\xb1\x10{\xc3\x11i\x1d\xb1\x8e\x0c\xd7u\xbd\x1c\xc0\xce\xf9#\x9f\\\xde%\x92\xee\x90\x85\x12\xed\xe7P\x13\xca"6t\x00R\\\xc4\x13\x9c\xe5D\xf7!d\x01\x1aK\xc8f6\x08\t\xd7/\xc7\xd8&lt;\x7f+\x92\x83n\xff\x9c\xf0E#\xaa\xc7tK\xa3\xb6?2m\xb5J,\xa0\xb5\xe4\x8b\x1e\xa5\x13\x0c\xdfHBX\x05\x99\xc5\x02O1r\xb6\xec\x0bdJ\x91D\xc8\x887\xd4g\x06%9\te\xadL~y(\x0c\\)\xbdQS\xdd\x0c\xb4\xa8l\x8fO\x9c$,\xa0\xe9\xed\xc3sF\xdc\x8f\x02\x00pS\x85\xf3[\xe7=&lt;\xbb\x95\xda\x0e\xd8\xcb\x02C\x07\xf4\xa4\xe5\xa3\x01\x00@\r`\xcd\xe4\xbe\x19\x94\xee-t\x00\xd2\xdc\r\x1d\xa4\x81;\x1d\t\xe1\xa5\xdc\x84\x9aJ\x90\xc4\xb5\xe0\xf2)\t\x0e\xdaI\xce\xba\x00\xe0 \xcd\xffmcz\xdfb\xf2\xbe\xd9!E\xb1\xdd\xe3\xbd\x18^\xd4\xa2\xb2;\xa4 9c\xb5wd\x81\xb72\xddR\xa4P\x0cgE \x0eH\x94C\x82\x19?]\x81\xa2\x9b\x04\xb1%Y\x03XI\x86y\x81\x80\xa7\xefa\xee\xe0\n\x86\x82\xd2.\xca\xd0+=\x80\xfe\x15\x0eKw\xda\xbaS\x92];,\x91\x078\xb9~F{\r\xe3\xe7\x1d\t\xdb\xa6\n\x1f\xcfv\x12E?\xad\xa1P4\xce\xa6h+\xb5x{M\xbe\xeb\x91\x8e\xacH\xf2j\'_)\xafX\x03|st-%e\xf0\xac\xdb\xdbbv\xf3\x8c!|\xaf\t\xda5\xf9\x01\xd6\x9f\x9e^\xf3\x15\xce\xc45\xbdoQs}\xbeD\x15V\x94\xa5\xa8\xear\xfb@\x05\xa0\xb1$N\xc2\x93\x1cR\\\xf4\x0f-\x9f\x88\x9f~\x11A:\x861\xc0\xd2\xd1\xb5\xa77\xce\xda0mP\xa4\xa5\n\x1f\x1e\xdd\x0elb\xd9\xb7d,"\xc6\xdaR\xe3\xa6\x94\xea\x11Q\x85\x83&lt;\xb4\x8c\xae\xe5\xfbts\x80\xb9C*\x19\xf67\xf4\xf4\xcf\x8d\xc8\xf61Os3\xac\x8au\xe7\xda\x9a.\x80%\xb9\x8d\xce\xeaI\rD\x14\xdf\xa3\xf3\xdby\xe9\xaf\xd0\xf9z\xb6;\x12\r\xb1,\x18\x94\x1f\xf5\xf0\xec\xd6\xdd\x0bG\x8f\x17\x95M\x10\xf1#""\xbe_\xdeTG\xad3\xb6]\xa3\xdf\x96w\xbdxD\xb5\xb8\xfb"\xe5\x0bN\xae\x9f\xf1\xee\xc7\xf3|\x9f\xee\xac\x08;\xe6\x8e\x18V\x9a\xc0\xe1\x18+\x80\xdad\xdf5\x93\xfarn\xcaQ\x01|u \xc6F\xdd\x83\xc4\xd2\xe9\xe1\xd9\xd6&lt;\x1ei\xcdT),0\x03\x98P\xd3\x05\x9f]\x0f1\xe6\xcds\xef\xad\x05\xbd\xd3\x03\xf9\xbe.qS\xbe\xfb\xf1|\xd7\x18\xee\xeb\x1dQ"\xf4\xf2\xa9\x1c\xe9\x16\xe7I|3\x07\x97M\x14\xf1\xa5Ef,\x92\xa1(\x8aW\x94\x18\x03\x9c\\?cr]\x8e \x8dt\xd6\xa4\xe0KV\xe5\xb1:\x85-\xc0\xd21=\xf3\xfc\xad\x04\xbe\xb2\x94\x8eH]\xaa\xff\xbe%c\xb7\xcf\x1d\xce\xeb\x89\xaa\x00Y^&amp;|W\x92A\xfcw\xd6\x80R\xa9\x81\x82\x81\x0b\xdb\xe6\x13\x13\x00\x99\xf0\\\n\xd1\x05\x10\x99\xde\x9f)@\xbc\xbd\xa6V\xbb\xb2\x02\x1b\x8b\xa9\xf2\x89\xab\n0\x18\x03\x83\x8cd%\xc7\xc3/\xa5}\x13\xa0\x0f\x88xy\xd7b+q\xf7D\x8a\x02@E\x94\x0b\xbe\xff\t\xf1\xc3\x9dC\xabD\xfc\x90;+B\xb78\x0f\xe2o\xd1l\x05:k\x8a-u\x8e\x19\xb1e\xd9rD\x13\xe0\xcc\xc6\xd9\'\xd7\xcf\x10^Q&lt;)d\x90P\xb5H\xc1\xb9\xf8\x02^\xdf;\xd14l\xc4#q\xf7\xe4k\xa6"\xd2%\xce\xae\x93\x1c@`p0(X\x00\xc8\xff\xfc\xe4\xc9\x13\x81\x9b5\xe5\xc5\x9c\xa5\xab\xaf\xe0\xe1\xe5E$\x15\x8b\xc0#\xa3\x00\x10\x16\x19hj.\xa2h^\xae!\x03\xbf\n\xf3\xea\x81\x062\xfcm\xe72"\x9cM\xccLo\xdf\xb8\xa9\xa3\xab+\xe1!$Rx\xa6G\xa2\xf7$\xc1L\x8aR:\x06\xf6r\xad#Te\x94+\xbe\xfe\xf6\x87\xd3\x9bE\xafS\xd0-\xce\xe3\xf9\xcd\x03%mI\xff\xc2^\xf2\x8c\xa9JE\xc4M\xd3\x07s&gt;\xcc]\x15l\x80g!9IC\xeeKE\xfb@\x03\xb2\x85\x00\xd4\x01\x82\x8dd-\x00&lt;5\xa413\xe2\x84\xfa\xc7A\x07 $&lt;LEER\xa4\xa9\xa4\x88\x91\xef?\xc1G\x00\x00\xb8t\xfen\xcf\xa2\x12\xb7\xb0\xdc\xbf\x84p\x95\xd20\xc7q\xd5\x99\xecl\x1d\x8aJJ22\xb2\xbf\xbf|I\xfc\xf7?!t\x80\x1e=}\xfd\xe77\x0e\xec\xd8\xc2E\xf5\xe1\xf6[x\x08\xf0V\xc8\x9d\xa1\x04\x0eA\xf6\x9f\x00&gt;\xb5\xfdm/\x0b\x03\x877\x92\xb4|\xfd\x03p\xee\xd9\x7f\x8f\x01n\xfe\r\xffR\x91\xa9.E\x8a\x94\xaf\x11?]@\xfc\r\x11\xd9m:u\x01r|-D\xdc+\x11\x90\xe0\xa0%\xee.|\x81\x1a\xbf\x12\xdfj\x00]c\xdc\xd3\xdc\rE\x1c\x1d@\x15\x01\xedYQ\xb4\xc3\xfa\x00xb\xf6\xc02D\x1cU\x99,\xee\x8eH\xe1\x99\xaa\xda\xee\x00\xfa\x00\xa0\xa5\xcd\xda\x98\xfc\n`\xcb\x95\xc7\xa2\xed\x14[R]\xbf\xf0y\x12\x8f_\x94\x95*\xaf\x961\x19\x80\x83\xdf\xbd\xa6\xa8S\xd4\xf0\x06`\xfa\xd6\xd3|\x9c\xf8\x16@UUUGWGSS\xa5=\x8e\xa57_\x88\xbb\x07R\x04A\xbb-r_b\xebgIa\x896@\xb7X\x8f\xff\xfdt\x91\xf8\xf9\xc4[~\x87\x0f\x1c\x15Z\x95\xf5\x04\\BJJ\xbc\x11\xbfh\x01\x14\x04\xdat\xf16\xcb\xf00\n2\x92.IE\x8a\xf4\xeb\x86?\xda\xfe\x90\x91\x15\xee\xb7Q\x16\xee\x94\xeen(\xd4K|U\xf8\xdau\xca/)V\xb4\xf0\x07\x80\xd3\x1bg\x1d}\xf8\xb7\xb8{\xc4\x03&amp;\x00\x86FJ\xf2\xf2\xa0\x05\xf0D\xb0%d\xa8\xa7q\xbbS\x88\xa3G\r\xe0\xd3\xc7O\xb2\xb2\xb2\xcf\x9f=ST\xfc\xea\xb4\xd4\xa4PL\x92\x93\x0e\xafj\x95i\xee\x86\x88\xb8i\xc6\x10\xa1t\x08\x00\x00\xa2,U\x11\x11\xff\xfeNx\x97\xf8\xdaP\x01\x18\xd7#\x93X\xfe\xb7\xbbP\xc2`c\xb9\xc1\x85\xd1D\xf57C\x00;\x12\xe13\xec\x86F\xb5\xf6\xa6\x8b\xc7\x8c\x16@\x90\xa1\xac5@\xb6\x8f\xb9D)\xbbI\x91B\x01*\x00a\xa6\x8a\xe5\x11\xce\x91\x96\xd2\xe0(*\x89\xb7\xd7z\xf7\xe8BVgSqwDP\xfct!\xc5E\x8f~\x1a\xc8\xf61\x0f1\xe6Y\x18P\xb1]\x95\x8f\xa7\xc7]\x15t\x016\xcf\x18\xb2y\xa6\x10\xd7aR\xa4H\x91"q\xe8\x00\xf4L\xf1\xa3\x17\x8fj\xae\xcf\x7f\xfb\xe3\xb9\t5Yb\xec\x95(\xb1\x00P\x06\x18\xdb=\xa3"\xca\x95\xcc\xf1\x8am\xce\x0fi\x04\xa9\x14)_\x05\x86\x00\xdeZ\x12m\xee`Y\x1b#\x90\x9c\xd8\x81\x15\xc0\xc6i\x83h\x0e\xe1yC\xbb"\xe2\xbd\xe3\xeb\xa9\xea\x9b\x84\xc0\xceS\x9f\xeaf\xe0\xa9\x01\xa1&amp;\nd,@\xfb[\xc6\x1d[3uR]N\x8e\xaf\xc5\x80\xbc\x08\xd1\x04\xf9\x9a\x00$:jgy\xf1\xb3\xdd\xcc\xf3\xb7*\x0c\x12o\x95X\xd6H\x9d\xc0\xed\x0f\x0fu\x10Ry\r\t\xe79\xc0\xb5\xd7\xf0L\xdc\xdd\xe0\xc0\x13&amp;?\xb4\x1c\xc0\x92\xd5+\xc9\x9c\xfb\x08`\xcb\x86\x8d\x1f&gt;\x00\x00\xc8\x02\x84\x84\x85\x02\x80cd\x1e\xb5=\x14;\xec&lt;\xf57\xef\xfc\xf6\xf2o\xf8\xf8\xf1\xe3\x1bn-4\xd7\xe7\'V\r\xfb\xf3\x8f\xd7z\xfa\xfa\x06\x86\x86{\xb6\x9f\x14M\x90\xef+\x00\x15UU%e~\xb6\x1c\x1b\xf7\xee\x96\x91i5\xf0\x11z\xd7\x94vM\n\xa5Hx\xd9\xe7\xfa\x8c\xa0 C\xe9\xcc\xcd\x0ff\x00\xc1FB\xfcyY\xda\xdfy5\xe4+\x00\xc4\xd8\xa8\x1f^1\x19\x11\x0b\x02I\x95\x11#\x86\x13\xafN0\xb1g\xf6\xfd\x13\x1b\xdac4=\x01\x99\xc1\xd5]\x15\xba\xc6\xb8k\x028\xb7\x1f\xeb\x0fM\x84*\xcaJ\xf5\xfe\x89\r\x0f\xcfn\x1d\x90\x17)\x9d\x04\xa4P\x89TV\x91\x80an\xf4\xd7\x87\xd20\xc7\xf5\xcd\x03.\xedXH\x84\x0c\xf5\xc9\x0c\x16\xd2\xa5\xa3,U{\xa5\x05p?\x8e\x1b\x1ej&lt;D\xf7k\x03\x10\xa1\x05\x8a\x00\xf8\xfc&amp;\xfe\xf7\x8b\x0b7\xd1;i\xac\xa5\x18\x19\xdb=\xfd\xfc\xd6y\xd3\x1a\n\xa3\xacT\xdb\xefT-\x857\xe4\x00\xc6Ug\n\xf5\x12_g\xc9Y\x00P\x00\xb0l\x9b\xff\xa6\xf7-B|\x83/n\xcf\x1bRi\t0\xb6{\x06\xe2\xbf\xc8\x04\x99\x82S|\xe0\xa1\x0e\xfb\x96\x8c\x15\xb1\x023\xbd9\xf0\xd7\xeb\xfb\xf7,jb\x90Je\xd8\xf2\x8c\xa9JC|I\xad&lt;\x86l;\xac\x84#\x0c$S|\xbb\x1d\xd0~6s\xfc#T\xa9\x13]\x89\xb7\\\t\x03\x1b\xba;G\t@\xa7-\xa9\x9b\xe0\xc9\xa5]\xccC?\x8d\x0e#\x10D_\xce\xe5\x97+{\xf0\xaf\xfb\xf4nJ{9\xc8\xf0l\x1d\x97BM\x14\xac\x01\xbe=\xb6\x0e\x11\xff\xf8\xf6\xb8\xb3t#@)\x81\x060\xb80\xc6\xe1+|\x0e\xbfr\x1c\xe4\xc0\xbf\xbd\xe7\xe3\xb7s4\x00\xd2\xdc\x0c[F\xd7r\x18\xf1\x19(\x0bw\x12w\xaf\xa9\x81^G\x88\xf8h\xf4\xef\x9e\xdb2\x97(\x99\x1ba\xae&lt;\xbdo\x91\x8f6TF\xbb!"&gt;\xbb.\x99q)|P\x19\xed*\x96\xa2f\xcc\xc4\xd9\xb5OA;\xb1\x10f\xa6\x18f*\xbaE\x88\x82\xd0Z\x16\xea\xf6%\xd7\xcfR\xba\xaf\xe4@\xb2\xb3\xee\x84\x9a.g6\xcdf1\xc6?\xbf\x81\xf8\x07\xbb\t\xa0\x9djO2 \x03@\x9f]\xc8\x10#k\x06\x80\x88{\x17\x8f5\x02\x98=\xb0\xec\x8fo\x8f\x8d\xacH\xd6\x06\x98\xd1\xaf\xb8&lt;\xd2\x85\xa7\x0b\x05\xe8\xc3\xc8\x8ad\t\xccc\xd4\x03\x98\xd9\xbfD\x04\xa5~\xc8 \xc91\xca\x1d\x81\xf6\x95%\xee\xad\x05\xd9&gt;\xe6\x81\x86d\xabd\xb0dYS\xcf\xba4\x7f\xaa\xba\xd41P\x05\xc8\xf3\xb3\xaa\x8crm\xc8\na\x1e\xd9\xcfn\x9e\xb3fR\xdf&gt;\x99\xc1Y\x9dM[F\xd7\x1e]\xdd\xccr\x02\x987\xa4R2V\x8d\x8ch\x02\xfc\xf5\xfd)\xfc\xfb\xbb\xa2`;\xae\x07\x13B\xb6C\x8bcY\xbe;\xaa2\x99\xf8\xb0}\xbb\x84\xb6}\xee\x17\xb1\xb6&lt;\xab\xe6Y\x00 \xbeC\xc4h+5\x1d\x90\xac\x12.\x19\x1eF\xeb\x9b\x07\x88fdP\x07\xf0\xd7\x83D\'\x1d~\xeb\x85K\xe1\x06\xe7u\xba\x04.@8#\x07`\xfa\xa5\x9b\x8e+\x0cO\xd7\xed\x83\xab\xf6-\x19Ge\x9f\x84\x89\x96\xf0/\xe1\xa8\x00\x9f\x9e^\xe5`\xdb\xa1w\xf0\x1a\x00\x84\x9b)\x1dX:\x9e\xe5\x91\xc3\xcb\x12\xea3\x02\x87\x95\xc6\xdb\xcaHPq\xae\x9d\xf3G\x11\xdd\x0b7\xe7\xb2\xb7\x94\x03\xf8\xee\xe4FDd\xb7\xc8Hs3DD\xc47\x9b\xa6\x0f\xa6}\xea\xfe9\xe1d\xba10?\x920gw\x02\x88w\xd0\xc2\xb6\xac\xb4`#\xb9!\x851\x12\x12r\xe6\xa4\x00\xc3J\xe3\xff\xfd\xe9B\xa2#o\xb39\x1f\xfe\x0f=\x00\x1b\x00e\x00O\r\xd6\xa7\xeb}\x1d\xbeL)B\xc4\x04`Dy"\xfd+\x93\xebrKB\x1d\xc8\x9ck\nP\x12\xea \xde\xaa\x06\xc6\xd7Z`\x88\x00\x00 \x00IDAT\x00VB\xbe\x04\xf38~tu\xf3\xc8\x8a\xa4\x82@\x9b&gt;\x99Aaf\x8c\x8f\xa6\x05@\x8e\xafEA\x90\xed\xc8\x8ad\xfc\xf0\xf8\xde\xf1\xf5qv\x9dFU&amp;\xe3\xff~\xc2O?\xb7\xb5\xf1\xac6\xd9W\xbc\xfbwg\xa5\xd6\xd5\x8fW\'\xb8{dMm\xb2\x0f\x99\xb3\x9c\x14\x80\xf9#\xd33(?\xca\x16\xa02\xda\xed\xf1\xa5\x9d\xc4G5gu\x98\x02\x80k\xdb\xf2\xca_\x0fr\xfd,\x11qz\xdf"\xbb\xb6\xa0Z\xfaE\x8c\x80\x9bZf\x9c\x15\xa1(\xc4\x9e\xbfF7N\x1b\x84\x88Q\x96\xbci E[\xab\x11\xcaKdr\xb2d\x01\\\x94a\xd1\x88\xeaTW}\x000`\xb3Nu\xe0Y\xbaI\n\x8f\xd8\xc9B\x07\xf1[\xb1\xc1\xb0\xfd\xcb\xbb\x0b\x0fu\x80A\x05\xd1\x0c\xa3\x7f\x05\t[6m\xe3\xa8K\x97\xabe\nP\x93\xe4M\xdfT\xcb\xe8\x1a1\xc6e\x0b[\xd0N\x13`\xfb\x9c\xe1\x13j\xbb0\xbf\xd53\xc5\x0f\xf1\x0f\xfc\xfd.\xf1\xdf\xd2p\xa7\xee\xf1^\x88\x88/n\x89fL;\xb7e."Nk(Lp\xd0\xce\x0f\xb0\xe6~\x02\x1d\xa3\xbb\xa6\xf0\xb1E\xe6u\x03\xe0\xaa\x0ck\'\xf7sT\x00`\x1f\xf0*\xf5\xd5\x89\x9f\x18\x1bu\x11\xcf\x10IN:\xb3\x07\x96\x05\x19\xca.\x1dS+M\xeb\x10\x12&gt;\xdaP\x18d;\xa6*\xf5\x97\xab{\x89\xc1\xfa\xf9\x8d\x03\xef\x1e\x9d?\xbcb\xb2 \xf1W&amp;\x00\xa7\xd6\xcf\xa4\x9f\x03\n\x02m,\x85\xbf\x89\x91(\xdc\xd5\x00\x9f\xdf &gt;\xbe\x16\x805\xc0\xa2\x11\xd5C\nc\x88WD\xd3\x07\xe2Z\xd3\x1a\n\x87\x95&amp;x\xf3\xe8\x99Q\x05.{ J\x18R\x14sf\xe3l\xce\x12,\xa1\xa6\xc2\x0b4\x91B\x02o\xad\xd6;I\x94{\xf9c\xab\xa7~stm\xaa\x9b\xc1\x833[\x18\xac7R(\xc1M\x05\xbe=\xba\x96~\x98\xbe\xbckq\x80\x018+Q e\xd5\xd4-\x9d\xbe\xe5U\x13\xfaL\xe9\x9dwy\xe7\xe2\x86.!_\x89\xdeR\xa6\xa71\xfe\xf1\r\xf1\xf1\x03\xf4!\xc1Ak\xd1\x88\xea\x01\xb9\x11\x88\xf8\xfe\xc9e\xd1\xf4a\xdb\x9ca\xcb\xc6\xf4Lt\xd4It\xe4\xe7[\x17\x92.\x8a\x06@\x9c]\'\x00\xe8\xac\t\xcf\xae\xef?\xbfu&gt;\x87\\Kg%X;\xa5\x9fp:"\x85\r\xdeZ_\xfcw\xd7\x82\xd1&lt;-[\xa8\xca\xd8\x90\x05Hv\xd1\xc3\xe77\xf7-\x19KQ\x93\xac\t2\x94\xf5\x92\x1cg\xe5\x97p\x95\x1f\xe0\x1b\xda\xcfJ\x83\x12\xb9\x05\x02\x079\x18U\x99\x82\xcfo2\xbb\x16\xf0\xc5\xad\xc1\x85\xd1i\xee\x86\x1d{&amp;\xa0\xf9\x9c\x11q\xdd\x94\xfe\x89\x8e:\xc1Fr\xe6\x00\xb5\xc9&gt;\x83\x0bcD\xd3\x87(+\xd5\xdad\x9f4wC\x17e\x90\x9c\x9ay\xceJ0\xbeG\xa6.@E\xa4\xcb\xc2a\xdd\xdc8z\x19\xee\x1eY\xf3\xfe\xf1%QuM\n\x13\xca\x00D\xd2\xff\xc0\xbcH\xd1_=\xd1Q\xfb\xe3/W\xaf\xef]*\xa4\xf65h\xce\xcf7?|U\xae&amp;7U\x16^_\x96nL\x01)\x0eux\xcc\x9c9\xfc\xe7\xbd[\x07V\x8e\xed\x9e.\x84\x0bR\x89\n\x80\xd9\x97\xaf\x90\xd7\x9bD|\xf5\xf9\xf3\xfe\xf1mq\x88=\xe5\xdd\xe3LW"1\rqj\x9f\x82\xd20\xc7\x08\x0ba-%\xfc\xf5y\x93\xe1\xcc\xf5\xb3||qg\x94\x15)\xf7\xf2\x89\xb5\xd3S\xdd$$6\xeak\xc5\xab\x13\xcf\xca\x8bT\xa1\x010\xae:\xa3\x92\xa9\x96Ei\x98\xe3\x8c~\xc5\x94\\\x82\x08\xf8CD3\xee\xc7v\x1cR]\r\x18\xc6\xe4_\xae\xee\xe5\xb5\x115\x00Kn\xc7\xb8\xab\x01\xbe\xf9\x81\xc5&gt;\x00Q\xf2kT5\x96\xc4\x0f-\x8e3\x03 \xd4-\xd2\xdc\x0c\xd6N&amp;k\x8e\xa0\xddW\x88\xb8gQ\x13\x07kzuB\xe7q=2\xd9\xd9\xb9\xf5\xf9\x8a_pU\xf9&lt;\xc1\xaf\x1c_?\xa3_1Oi\n\x9e\xea\x00\x00\x06$"\xad\xfb\xe5\x84#\xe2\x81\xa5\x138W\xdf\x94\xa1\xcb\xac\xf6\xd5\x81#\xab\xa6\xd8\x0b\xc7\xc0\xd4\xee"\xda\xa9Gd\xc6\x0c1\xaa\xbe\x94\x869\x8e\xe9\x96FUks\x07W\xfc\xf7\xebuI5\x02Q\x8f-\xc0\x8c~\xc5\x0c\xc3\xf1\xba)\xfdym\xa7$\xccq|\x8f,\x0e\xe9KZm\xd1\x84,yy\xe7\x88x\xbd{\xaa\x00\xa5\x1c\x85+:\x01X\x01\x04\x1a\xc8\xf4\xcf\t\x1f\xdf#kz\xdf"\x13^\xda\x9f\xd2;\xef\xc6\xbeeU\xb1\x1e\x1c\x8e\xf1\xd1\x06\xc4?\x111\xc5\x85\xf58o\'\x03\xbc.\x81-\x00\x96\x8e\xe9I?\xd1\x8e\xa9J\xe5:U\xd3\xe3\xaf\x07Z\x00\x83\x0b\xa39\x1b\x8ez\xa6\xf8\xae\x1c_\xbf\xbey\x00\xe7\xfe%;\xeb\xd2\xaf\xe1\xbc\xb5@B\x14&amp;\xa4\xf0\xcf\xd4&gt;\x05\x88\xafy\r\x13\xa6\x10\x0eS\xbd\x12@\x84\x85\xb2+/\x8b\x81\xfe\xb9\xa4\xb2x\x08&amp;\xf6\xcc\xe6\xa1i\xc9\xc3\x16`\xf5\xc4\x06\xfa\xb1x\xcd\xa4\xbed\xbe.\xf3/\x1d&lt;i\xee\x86IN\x9f\x937\x13\x9dt\xea3\x82\xe8\x8f/\x0c\xb2e7\xfa\x13\xf4\xcd\x0e\xa5\xeaC\x01@\x98\xa9\xa2\xa7:\x0fIC\xbd\xd3\x03\xbf;\xb9\x91\xeb$d\x00pr\xdd\x0cb\x93D\xb96\xa7\x06\xc0\x8b\xdb\x87\x101\xc4\x84\xed6\x9b\xd7\xfc\xd8\x8b\xdb\x17\xe2\x9f\xf7\x89o\xf8\xf5\xfd\x13\xd3\xfb\x16\xd5&amp;\xfb\xf0aFIs3\xe0\x10:\xaa\x0c\x90\xeeaD\xe6!{pv\xeb\x80\xdc\x08\xe2o\xfd\xafX^\xb7C\xe1\xac\x04|\xe4\xbe\xf3\n\x1f\xa6\'\x05\x80\xee\xf1^\xc5\xa1\xf6\xc4*\x83\xa4G\x9aC\xb4\xb85@\xa4\xa5JA\xa0\x8d\x16\xef\x9d\x91@\x94\x89\xf8\xf4\xff=\xa2\x8d\xc2\xeb\x9b\x07\x90\xfc\x96\x88\xb1U\x13 \xc8P\xc6Q\xe1\xb3}\\\x1f\xa0_v\x18""\xfeA\x1b\x11T\x00\x10\xdfp\x9e\x00\x10\xb1\x90\x840\x03\x19\x08w\xce\x95\xddK\x9cH\xc4.*\x01\xac\x9e\xd8p\xef\xf8z\xe4\xe6\xf9\x90\x85\xd6\xec-D\xfc\xeb\xfbS&lt;\xed\x00H\xa2\t@\xa1~\xdc\xd6Y\x8d\xf4_\xef\x96YC+\xa2\\#-\xf81\x8d\x14\x06\xd9\x0e\xc8\x8b\x14&lt;\x81\x86\x88\xf9\x91"\x857T\x00\xb6\xcen\x9c\xde\x97g[\xbf&gt;@\xb8\x99\x12\xf9\x0c \xe1E\xda\x08\x82\x90\xeck!\xc6\xf2\xeb\x9b\x07 \xbe\xa7\x8d\x11|\xf8\'\xb5\x00\xe8\x933\xf0\xbf_\xe8\x07\x9d\t5]\x1c\xe4\xc0\x18\xe0\xe6\x81\x15\\\'\x80+\xbb\x16\x0b\xf8\x89\x88(rc\x00D\xec\xdb%4?\xc0\x9a\xeb\x92\x19\x11\x11\x9f\xf6\xc9\n^=\xb1\x81\xe5\xd0\xab\x03\x90\xe5e\x9a\xe4\xa4S\x9b\xec\xdbX\x12\xff\xdf\xaf\xd7\xf1\xdd\xc3K;\x16Q\x1b\x18\xaf&amp;\x04\xb1q|v\x83\xfe\xeb\x9d\xd2;O\x90\x15\xb7\xaf.\xb8\xd0m\xa9,\x01\x1c\xbf\xaa`\t)\xbc2\xa4(vr\xaf\\\xc1c\xcel\x00\x9c\x14\xe0\xd1\xf9\xed\x07\x97M\xe4\xe9D-\x00K^\x9e\xabH\x0b\x953\x9b\xe6|=\xc9&amp;\xb9~\x96\x84A\xa3\x8d\xdf\xd8\xcd4\xe4\x97~\x13j\xba|1\xa8\xff\xfb\xe3\xc0\xbc\xc8\x14W}\xc4\xe7\\\'\x00\xc4\xbf\xa9r\xdc\xc9\x01$9\xebN\xedS\xc0\xf9\xb0\xfc\x00k\xfai\xcf\x02\xa0\xa9[\x1aC\xdd\xf9\x14\x17\xfd\xa1E\xb1e\xe1N\xdf\x9d\xdc\xf8\xdb\xad\x83\x88\x88\xf8\xe1\xe9\xb5}\xd4\x9a/\x8aC\xec3&lt;\x8c\xa9\xb5\x87\xf7L\xf1\xfd\xef\xe95\xda\x97K\xe1\x8d-\x070oH\xe5\x92Q=$J\xb4N2\xe9h\xa5e\xc9{\x90~\xfd\xe5\x17UUU\xc1M\xa5/\x01^\x7f\x80g\xbf\xfe\xfa\xea\xd5+v\xc7\xb8\xb3\xd2*|\r\xf0\x13/\x83\x97\x7fp`g_o#\xe3\x0e\x98p\x1eo\xaf\xc9l\xa632626\xfdl\xc9\xe8\x1a\x13\xcd\\\xfb[\x11 \xc4X\xde\xc5\x8c\xac9\xbdq\xe1\xb6\xee\xf1^+\xc7\xd7\x7f R\x9c\x94\xac\x02C\x82\x8b\xcb\xcb\xc8\xd5\xd3T\xdf\xbc\xa8\xa9\x8b\xf7\xe7 \xac\xfc\x00kB\x1c\x86W\xf2\x82l\xf7\x9d9u\xf5\x12\x974\xab\xc3\x17\x7f\xcc\xf61_{\xf6{\xe2\xbf\x8f\x01FL\x9a\x10\x16\xf9E\x0eDJf\xba\x8f\xbf_nQ\x81}x\x9e\xbe{&lt;\x00\xc0\xff~VRR\xd2\xa5T\xafR[G\xe7\xfd\xfb\xf7\x7fP\xd9$\xcc\xdf{%\'\xa55&gt;\xe2\xcd\x83\xb3g~\xf9@U\xcb\xe6\x00\x81!!z\xfa\x06\x16j`\x03\xc2u\xe4:+\xc1\xc8\x8a\xe4\x8e\x9d)"Nx\xd2\x87\xaa\x8aq\x1f^\x96@\xfex\nUw\xa6\xf7-\xe2\x10x\x17c\xa3\xcenCJ\xde\x13\xa8\x07\xc09\x15\xa5\xfd\xa2\xc4j\'d\xd0\xa6uL,\xd5\x8b\x82\xedh\x8f\x99%\x80:\x80\xb3\x12\xe0\xebo\xf1\x9f\xef3=y\xb3x\xa7\xb9\x1b\xd2/\xec9k\x8b~a\xa6\xe8\x95G\xbf\xa8\xe4;\xea\xfb\xd9\x8d\x03\x88\xc8\x87\xe9llu\x06\xfd\xd2&gt;\xd6V\xe3\xc1\x99-\x87VLz\xf7\xe8&lt;"\xe2\xff\x1e5\xd7\x17\xb8\xab2&amp;H\n\x8e\xf0\x06\xb8\xdb\x07W"\xe2\xfa\xe6\x01\xbc\x9eh\x0bP\x10h\xe3\xc5\xcaho\x0e\x80\x88\'\xd7\xcd(\x8ft\xde6{\xd8\x8f\xe7\xb6Q\xd0QV\x98\x01&lt;&lt;\xbb\x15\xff\xba\x1f \x15\x81\x11\x06\xea\x00\xdd\xe3\xbd\xc4\xdb\x07\x92C\xcb\xfc\xc6*d\x9f\x81l\x010\xb6:\x83a\xf3.\t6\xcaX[\r\xfe\xb2j3&lt;\x8cD\xb0\xbf\x9e\xdc+\x976\xf8\x8e\xaf\xc9Jt\xd4Nw7\xf4P\x07[\x19\x083U\xdc\xdfB\x88&lt;\xff\x95\xedm\xc6Y\x0e^\x1d\x80\xde{2{P9\xc9\x11\x9f\x81S\xebgR\xf2\xb9\xae\xedi\xe1p\xb7\xb0C\x15`dE\x929@\xb4u\xeb\xc7\x95\x01\x88\xb5\xd5P\x07\xa8\x88rY9\xbe7\xfd\xc1\x14\xcbu\x02\x00@VgS\xcau\xf0\xa7\xf4\xceCD&gt;2(\xbb\xc7y\xde9\xb4j\xd6\x80R\x96\xef\xe2_\xf7\x11\x11?\xfd\x8c\xff|?\xad\xa1H\xc0NZ\xb1zQ\x0f \xab\xb3ie\xb4\x9b\xb0U\xfc\xa4\xf0C\xac-o\x0e\xfd@\x03\x19\x96\x032W\x83\x8b\x0e\x801@s}&gt;K\x9dE\x02\x1b\x80\xc2 [\t\\&amp;\xe4\xfaY\x9e\xde8\xcb\x89w\xeb\xab\x08t\xcf]\x94\xe1\xf8\xdai\xb4\xc1\xf7\xcd\xc3\xb3\x95\xd1n\x85A\xb6\xa9\xae\xfa\xa1\xa6\n\r]Bh\x86\xfb\xdb\x87V1[\x90\xf5\x00\xe4\x00\xc2L\x15\x87\x14\xc5\x06\x1a|\x1e\x0f-\x00\xee\x1f\xdf\xc0\xdf\x04\x80\xf8/%\x1f\xcdI\x11\x12\x1c\xb4\xf8&gt;\x9d\x8c\x11\x90ru4k\x00\xe6&lt;G\xc1\xa9I\xf2A\xc4\x9aDo\xf2\xa7X\x02$9\xe9\xfa\xeb\xc1\x81\xa5\x13\xc2\xd9X\xff\x88_k\xff\xd2\xf1GVM\x11$r\xc9M\x05\x10\xf1\xd3/W=\xd4A\x0e\x80\xde\x98\xb4\xbey\xc0\xb69\xc3X\x9e\xd5\x01\xad\xb4_!\xea\x00E\xc1v\xecj-\xd1\xd0\x03\x084\x90\xe1l\r0\x03P\x03\xf0\xd3\x83\xca(W\xa9\xda3\x19\xecd`ZC!\xc3\xe8\xfb\xf4\xda\xdeA\xf9Q\x03\xf2"*\xa3\xdd\xf6-\x19K\xff\x16MC\xd8\x0c \xd8X.\xc5E\xaf&gt;#hDy\xd2\xa5\x1d\x8b\xfe\xfa\xfe\x14\xbdZ\xa4\xa3&lt;,\x1eQ\xcd\xef\x04\xc0v\xd9\x1e\xa0\x0f\x1c\xe6Q\x923\xec\xd8\xea\x0c\x96\xee\xa2\x0eL\x90\xa1\x0c\xaf\x99}\x1e\xea\x90\xd5\x99\xcb\xb2\xbb\xa9[\xfa\xd0\xe2\xd8\x95\xe3\xeb\xf1\xef\xef\xe8\xdd6\xbc\x92\xe3kA\xfc\xee\xf3\x86T\x1e[=\x15\xff\xfb\xa5:\xa13\xb4\xc9W\x08\xa2\xfde)- ,\xe1\xe4\xfaY\xe2?\xdf#b\xf2\x97\xa9\x8f\x9aL"t$Y7\xa5?"\xf2Z\x8b\xf5+\xa4\x13\xc0\xaa\t}X\x0f\xc0\xbf\xdd\\:\xa6\'\xad\xd2!=\x15\x91.\x8a\x00\xca\x00z\x00\xb2\x00\xb62\x90\xd5\xd9tpate\xf4\x17\xebVwU\xe8\x93\x15\x8c\xaf\xbf\xa5p\x02\xe8\xe2m6\xb2"\x99\x10\xa6\x96\x01@\xc4=\x8b\x9ah\xef\xf6L\xf1\x1b\x90\x17A\xc6&amp;\x93\xed\xcd\x18\xebo\xc8$\xf2#\x85$\xf3\x87v%b\x88\x05,_s\xeb\xc0\x8aO\xbf\\\xa5\tf\\\xdd\xbd\x04\x00\xac\x01z\xa7\x07R\xd4S)\x92\xca\xf6\xb9\xc3\x1f\x9e\xdd\xaa\xf5\xe5\x8b\xb3\x07\x96!\xfe\x1ad\xc4s\x00\xd5\xc5\xed\x0b\x10\xb1\x8b\xb7\x99:\x00\xaf~\xcb\xaf\x8a\xfe9\xe1\x9cG\xe1\x0f?_f~q\xd1\xf0\xee\x9c\x9bMq\xd1\x0b5U(\x0c\xb2]\xd7\xdc\x9f\xbf\xd1\x1f\xf19}\x83Vt\x7f\xbb\xa9\xb6\xba\xe8\t\</t>
        </is>
      </c>
      <c r="E79" t="inlineStr">
        <is>
          <t>&lt;class 'numpy.ndarray'&gt;</t>
        </is>
      </c>
    </row>
    <row r="80">
      <c r="A80" s="1" t="n">
        <v>78</v>
      </c>
      <c r="B80" t="inlineStr">
        <is>
          <t>steps_per_sec</t>
        </is>
      </c>
      <c r="C80" t="n">
        <v>1200</v>
      </c>
      <c r="D80" t="inlineStr">
        <is>
          <t>3.3515153</t>
        </is>
      </c>
      <c r="E80" t="inlineStr">
        <is>
          <t>&lt;class 'numpy.ndarray'&gt;</t>
        </is>
      </c>
    </row>
    <row r="81">
      <c r="A81" s="1" t="n">
        <v>79</v>
      </c>
      <c r="B81" t="inlineStr">
        <is>
          <t>Loss/object_center</t>
        </is>
      </c>
      <c r="C81" t="n">
        <v>1200</v>
      </c>
      <c r="D81" t="inlineStr">
        <is>
          <t>0.38466775</t>
        </is>
      </c>
      <c r="E81" t="inlineStr">
        <is>
          <t>&lt;class 'numpy.ndarray'&gt;</t>
        </is>
      </c>
    </row>
    <row r="82">
      <c r="A82" s="1" t="n">
        <v>80</v>
      </c>
      <c r="B82" t="inlineStr">
        <is>
          <t>Loss/box/scale</t>
        </is>
      </c>
      <c r="C82" t="n">
        <v>1200</v>
      </c>
      <c r="D82" t="inlineStr">
        <is>
          <t>0.05642254</t>
        </is>
      </c>
      <c r="E82" t="inlineStr">
        <is>
          <t>&lt;class 'numpy.ndarray'&gt;</t>
        </is>
      </c>
    </row>
    <row r="83">
      <c r="A83" s="1" t="n">
        <v>81</v>
      </c>
      <c r="B83" t="inlineStr">
        <is>
          <t>Loss/box/offset</t>
        </is>
      </c>
      <c r="C83" t="n">
        <v>1200</v>
      </c>
      <c r="D83" t="inlineStr">
        <is>
          <t>0.1773902</t>
        </is>
      </c>
      <c r="E83" t="inlineStr">
        <is>
          <t>&lt;class 'numpy.ndarray'&gt;</t>
        </is>
      </c>
    </row>
    <row r="84">
      <c r="A84" s="1" t="n">
        <v>82</v>
      </c>
      <c r="B84" t="inlineStr">
        <is>
          <t>Loss/total_loss</t>
        </is>
      </c>
      <c r="C84" t="n">
        <v>1200</v>
      </c>
      <c r="D84" t="inlineStr">
        <is>
          <t>0.6184805</t>
        </is>
      </c>
      <c r="E84" t="inlineStr">
        <is>
          <t>&lt;class 'numpy.ndarray'&gt;</t>
        </is>
      </c>
    </row>
    <row r="85">
      <c r="A85" s="1" t="n">
        <v>83</v>
      </c>
      <c r="B85" t="inlineStr">
        <is>
          <t>learning_rate</t>
        </is>
      </c>
      <c r="C85" t="n">
        <v>1200</v>
      </c>
      <c r="D85" t="inlineStr">
        <is>
          <t>0.001</t>
        </is>
      </c>
      <c r="E85" t="inlineStr">
        <is>
          <t>&lt;class 'numpy.ndarray'&gt;</t>
        </is>
      </c>
    </row>
    <row r="86">
      <c r="A86" s="1" t="n">
        <v>84</v>
      </c>
      <c r="B86" t="inlineStr">
        <is>
          <t>train_input_images</t>
        </is>
      </c>
      <c r="C86" t="n">
        <v>1200</v>
      </c>
      <c r="D86" t="inlineStr">
        <is>
          <t>[b'512' b'512'
 b'\x89PNG\r\n\x1a\n\x00\x00\x00\rIHDR\x00\x00\x02\x00\x00\x00\x02\x00\x08\x02\x00\x00\x00{\x1aC\xad\x00\x00 \x00IDATx\x9c\xec\x9du\\\x14\xdd\xfb\xf7/R\x04\x14\x10P\x14PPZ\xa4\x14\x04\x04\x11\x04\x04ARD\x10T\x10\x05\x0b\x0b\x11\x13\x0b\x15Q\x0c,\xec\xc4\xee\xee\xeen\xec\xee\xee\xf6z\xfe8\xbb\x87\xb33\xb3\xcb\x82\xde\xbf\xe7\xbe\xbf\xaf}\xff\xa3\xec\x9e\x9993;s\xe6\x9c+&gt;\x17\x80\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14(P\xa0@\x81\x02\x05\n\xfe\xd3(Y*CHD\xa3F\xde\xde1\xbd\xc6\xc8\xb3\x81{U8\xfe\x1cPz\x03S\x80\x919\xe9\x9a\x9a\x9a\x83\xfa\x8e\xb9\xf6\xf3\x8f:W\x15\xc0\xd6T\xe3\xf8\x83\xaf]\xa2\xbd=\xbc\x1a\x01\xc0\xcd\xeb7\xae_\xbb6o\xcf%\xc1\xf6\xd5\x00\xa6L\xc8\x92\xf3D\xfe\x8b\xa4\x05\xd7\xdf\xb2\xf5\xf4o\x80W\x00\x0b\'d\xa5\xf5\x1a\xf3J\xeem\x9b\xdb\x1al\xb9\xfa\xb2&amp;@\xee\xb8\xbeq\x19y\x7f\xabK+\'d\x01\xc0\x88\xc1c.|\xfc;;\x1c\xdb\xbd\xd5\xcc)+n\xf2\xee0%\x90u\xd7\x11\x12\xbc\xac\x16\x1f\xbaN\xff\x1c\x9a\x1cZ\xb7\x9e\xfd\xe1\x03\x07\'\xae=,\xd8^\x13\xe0si\xfb\x9c\xd6?\xd9\xb0jU\xfa\xe7\xaf_\xbfzd\xe4=\x93\xde\xdeR\x05n\xfc\x12\xfd\xdfY\x07\xce\xbe\x83\xd0\xbaU\x9b\x87\x85v\x19=\x97\xdf\xb8\x02@\xa0}U55\xb5\xb8\xb6\x89\xa5uD\xc4\xee\x1d;\xf6\xed&gt;S\xfc]\xce\xe6\xd0\xa6\x91ep\x8b\xd0\xeb\xc5\xc5\xf5\x1c\x1d\x17\xcd\x9b\x0f\x00\x89I\xed\x01`\xfe\xac\xd9\x9b\xaf\xbc,us\x15\x00m\x80\xc99\xe9+\x8b\x96\x9d\xba\xfc\xdc\xd6Lk\xef\xddO\xf2\x1e\x9b\xd9Iz\xb4\x97\xa7\x97\x17\x00|\xff\xfe\xbdM\xbf\xfc\xb2\xeeA\x90J\x00s\'d=y\xfc\xf8\xfb\xf7\xef\x1f?~\x9c?g\xd3]\xc9\x06&gt;\xa6\x1a\xfb\x1f|\x15\xdc\n\x00\xde\xbcy\xd3sxa\xa97\x00\xcb\xd4\xfe\xc9U\xabV\xbdt\xe1\xe2\xb0y\x9b\xff\xa8\xeb\xff\x1e\xee\x1f_\xff\xfe\xfa\x01\xc4\xd7A6U\x9aY\xe9\x02\x80*@\xdd\x8a0sp\xa7y\xc3\xbbv\ru#\xcd\x86&amp;\x87T\x03\xf03\xd7\xcaK\x8f5\x92\xdc\x836\x80.@Zp}|s\x05\x11o\x1f^\x8db\xfe\xb0o\xcb\xc6\xf5E!\xfa\xc44\xe6\xb4\x9c3\xac\x0b\x00\x9cXW\x88\x88\xbb\x17\xe65\xa9\xa5\xf9\xe3\xe1\xc9\xd8\x86\xe6\x9cfm\x1b\xdb\xc8\x7f\xf4\x06U\xfe\xb0\xfb\x00\x00Kr{\xef+\xfa;\xb7\xfb\x9a\x82A\x88\xb8{Q\xde\xf1u3&gt;\xdd&gt;\x8c\xef\x8a\xf3{\xc6\xcb\xb3a\x1d%\xd81\x7f\x0c".\xcf\xcf\xc4O7\x11qRF\xdbrt 5\xc8%\xc4\xce\x00\x00Ft\x0c\xc3\x8f7\x02-u^\\\xdcI\x7f\x94\x89}\x12\xd5\x00\x00\xe0\xde\xb1u\x88\xb8z\xd2\x80r\x1c\xa2]\x13\xbb5\x93\x07\x0eIj\xce\xf9&lt;-\xb8&gt;\xbe\xbf\xfe\xe3\xe1\xc9uS\x06\x1f^Y\xd0\xca\xcd,\xc8Z\xcf\xcd@\xa2\x8d\x8f\xa9\x06".\xc9\xedM\xfedo\x18\xdb\n\x12-+\x03\x0cH\x08D|\x8a\x88\x88\xbf\xfc\xcc\xb5\xa4\xf5\xa7{\x98;\xef\xee{\x95\xdc\xb4\x1e\xbfe=-h\xd3\xc8R\x9d\xf9$\xd8V\x1f\x11\xfd\xebT"\x9b56\xa9\xc0\xd9\xa4"\xc0\xc0\xc4\xc0-\xb3Fn\x98&gt;T\xf0&gt;\x97\xc6\xef\'gc\\k\x95r)\xc5\xbd\x92\xdc\xf4\'~\xb9-\xfe\xef\x03]\xe9\x1b^\xd8\xbe\xe0\xe9\xb9\xadw\x8f\xae\xdd2k$\xfe|\xc8\x9c\xfd\xa5\x04/+~{=\x80\x10;\xc3^\xd1^Mkk\xb3\x9f\xaf\x9d2\x88\xdf\xff\xf3[\xe7\xc9\xd3y\xd9\xa8\x03\xdc&lt;\xb8\x92\xb3\xe7\xbdK\xc6\xd3\xdfr\xfb\xdc\xd1\x88\x88O\xcf""~\xbci+\xfem\xf0\xf7#\xda\xfe\xe4\xfa\x99u+\x96\xec\xb3\x9d\x8f\xed\xb8\x1e\xad\xab\x82\x00\xa1\xf6U9\xc7\xba\x7f|}\xf70w\x03\xa1\xc6\xff%Ft\x0co\xe3e\xe9i\xa4\xbc"\xbf\xdf\xd5\xddK\xc8\x87\xce:0\xa4}\xf0\xb69\xa3VO\x1e\xa0\x02\x00\x00\xc3:\x846\xaa\xa1*c?\xfa\x92\x8f\xdc\xc6\xe9C\x1b\x8a/dbc\x1b\xb5\xb2w\xac~\x158\xb9\xbe\x90\x7f\xf7\x14\x0e\xee\xc4o\xdc\xca\xcd\x0c\x00\xdc\xab)E\xd77\x8d\xaeo\xda=\xcc}\xcb\xac\x91l\x83\x08\xa7\x1a\x88/\xf1\xcbm9\x8f\xde\xa0\n\\\xde\xb5\xb8\xec\xbd\x96\xa0\x06\x80\xbb\xe0\xddT.&lt;\x8dT^\\\xdc\x99\x93\x1a\xf9\xee\xda~\xf1\xc5\xf8Z\xea\xfdg\x0cpy\xe7\xa2\xfdK\' "\xe2\x8f\xcd3G \xe2\xa0\xb6A\xd2\x0e1\xacC\x0b\x07\xf1#|~\xdb|D\xec\x19\xd9\x08\x00\x86\xa7\x84!bA\xbf\xf6\x00\xb0u\xf6\xc8\xb7\xc5\xfbl\xd4 \xb6\xa19\xfb\xd3\xf4i\xd9x|\xcf8\xc4o\xc7\xd6L+\xdf96\xa8\x02;\xe6\x8f\xc1\xa7g\xb5%?\x0f\xb0\xd0\xc1\xf7\xd7\xde\\\xdd\xfb\xe9\xf6aD|xr#"\x9e\xda0\xb3\xb9\x9d\xc4\x05\xf0\xafS\xa9&amp;\x00H\x0e|GWKt\xa6\x02\xc0\xf7\x07\'\xd8n?:\xbdI\xf0]\xef\xac\x03\xeb\xa6\x0cf[\x16d\xb6\x0bs0\xb2\xd7\x145p\xaf\xaaD\x1b\xcf\x18\xd4\xb1pPGvse\xd1\x13\xf1sB\x9f\x04\xb2\xb9&gt;\x00\x00\xac-\x18\x94\x15\xefO\x9b\x05\xdbT\x997\xbc+\xff&gt;/\x95a)-J\xbd\x9e:\x92\xe3\xdd\xde%\xe3\xc3\x1d\xab\xa76s\x1e\x90\x10h\xa1$\xd0\xbe\x0e\x806\x80\x1a\xc0\x90\xf6\xc1\xb9]c\x02-uL\x00\x10\x9f\x95\x1c\xf5\xd9\xf9^\xd1^\x82\xc7\xea\xdd\xd2\x1b\x7f=\xccN\na?\x14\xec\xb9\xb4\xdb\xaf\xac4\xb3\xd2\xc5\x8f7\xd8=?;\xbf\x8d&gt;pC\x93C\x1e\x9f\xde\xbcc\xfe\x98\x17\x17w\x8c\xec\x14AOwD\xa7p\xda~Vv\x9a=\xf3\x02P\x07\xe0\xccn\t\xc6\x00\xa76\xcc\xe4\x9f\xc8\x89u3Z\xd4\xab\xf6W\xce\xe5\xff?A\xd6z\xfeu*\x91\xfftk\xd10\xbfW\xfc\xa0\xb6A\xaf.\xef\x8eq\xad\xd5\xa4V\xc59C;\x87;V\x97\xb1\xb9\x19\xc0\x95\xddK"\x9dj\xc4\xb8\xd6\xd2d&gt;7\x05\x98\x9a\x95TY\xeentk\xe1vd\xd5\x94\x15\x13\xb2\x10\xf1\xf5\x95=\x9c_\xd7\x8e;\x8b\x02\x00\xa0\xef%\xfa\x9a\xa9\n\x90\xd1\xca\x87mc\xa5\n\x15\xa1l8\tuzM\xc1@u\x81\x8f\x05\x18\xdf3\x0e\xf1\xb3\x9ba\x19\x8f*\x89m\x05\xe8\xdf\xc6\xdf\x95\x19\xe5,\x94`Vv\x1a\xbd&amp;A\xd6\xa5\xacSl\xd4\xa1x\xef\xd2$\xbf\xba\xa4\xfd\xafG\xa7\x11\x11\xbf\xdc\x16\x9c@\xae\x9e&lt;\x00\xf1\xfd\xce\xf9\xb9\x000\xa1W\x1b\xb2\x89\xaf\x99&amp;\x00\x84\xd65\xfc\xfe\xe0D\xefh\xefp\xc7\xea\xe4\xf30\x07#W}\xce\x13\xfee\xc6\xc0\x94\xe8\xfa\xa6\xe5&gt;\xdf\xba\x15\x01\xf1\xd9\xd1\xd5S\xe9\'+\'\xf6\xf75\xd3\x1c\xd11\x8c\x1c\xa0G\xa4g\xaf(/|~\x1e\x11\xbf\xdd?qq\xc7B\xce\xb0\x0b\x00\xc6\x00S\xb3\x92h\x9f\xf6-\x91X\x81\xad\x9e&lt;\x80\xff$O\xeb\xdf\x81m\xa3\x0bP\x90\xd9\xee\xd9\xf9\xedl\x9b\xc9}\xdbZ(A\xa7f\xce\x99\xad}\x01\xa0\x9e&amp;l\x9f;Z\xda\x89\xe8\x014\xa9UQ\xf2 \xbfR\x02\x1c\xf8-M\x00\xda7\xb1C|\xcd\xef\x95l\x8e\xad\x99^\xea\xf54\x07xqq\x07\x9d1\xec\\\x90[W\xcacP\x1b`@\x9b\x00|yqrf;u\x80~\xad\xfdf\x0fM\xab\x01\x00\x00GVM\x15\x1f\xf3\x1d2k,\x0e\x15\x00\xd2\xc3=8\xaf\xe4\x19\x03S\xf0\xf5eD\xc4\xdf\x8f\x96\x8c\xed}j\xe3\xac\xeb\xfb\x97\x93q\x86E\x19@\xce\xc7\x8aC\x8ck\xad+\xbb\x97\xd0kr|\xdd\x0czc{VWI\x0br\xa9\x03P\x15\x803l\x9c\xd9&lt;\x87\xb4\x1f\xd11\xdc\xa9\x12p{\x03P\x11\xa0k\xa8\xdb\xa0\xb6A\xde&amp;\xea5\x01:4\xad\x87\xf8]\xe07xz\xb6\x9d\x8f\xed\xdf\x9b\xe3\xfdk\xe8\x1a\xea\xb64/c\\\x8f\xd6\xe44\xef\x1d[\x87\xef\xaf-\xc8I/\xeb~\x1c+\x81\x9b\x01\xf0\xc7\x9a\xca\x00\x95\x00\x06\xb7\x0bja\xcf}\x7f\xd2e\xdd\xee\x85y\xb1\r\xcdOo\x9cE\xfe\x9c\xd0\xbb\x8d\xeccM\xe9\xd7\x1e\xc5F\'\x1buxwm\x7f\x93\x9ae\x1d\xf3K\xc1\xb1\x12 \xa2\x9c\xbfw^zl[\x1f\xdb?9\x9c\xb5\x1atj\xe6LN\x9f\xae\xac\xadUaRF"1\xe9 b\xa2\xb7\xb5\x9c{\xfbx\xf3\x10"\xae\x9e$\x1e\xfe&gt;\xde\xe0\x98&gt;\xba\x86\xba\xad\x9e&lt; \xa4\xae!=\xd0\xf8\x9eq\x8e\xbc\x87\xa3nE\xd1\xa0\x7f\xf7\xe8Z\xc4\xdf\x9c\'\x82\xda\x0c\xff\n\x81\x96:o\x8b\xf7u\ntj\xef+z\x81-\x19\xdb;\xcc\xc1h\xd7\xc2\xb1\x88/6\xcf\x1c\x8e\x88\x88_\xd8M\xd4\x01\x10\x9f\xb3]\xba\xb0m&gt;\xdb\xe0\xe4z\x81\xa9\xdc\x8c\x81)l\x9bI\x19\x89\x92\xdf\x7f\x1f\x96\xd2\xa2\xa1!h\x03\xe8\x01X\xa9B\x92\x9f\xbdOM\rm\x10\x18;\x08\xfdZ\xfb\rIj\xfe\xfe\xc6\x01\xb2\xfd\xadC\xabP\x8aE\xd4J\x05\x12\xbc\xac\x16\xe7\xf6\xba\xb0m\x81\xc0\x10#\x83\x17\x17\xe4\xb9\x86\xad=\xeat\x0ctztzs\xe1\xa0\x8e:B\r2b|zF6\x8a\xaeoJ\x9e\xf7\x13\xebfT\x05\xe8\xd3\xb2\xf1\x8cA\x1d\xc9|\xab\x02@\xffx\xff\x1e\x11\x9e\xc4|\x94\xdb-F\xf0@\xc6\x00\xf8\xed\xee\xb7\xfb\'\xcc$?\xaf\x04`\x02P\x0b\xc0\x18\xa0w\xb4\xf7\xb4\xfe\xc9\xb6\xbci\x9c\x8b.\x04Y\xeb\xc9s:|z\xb7\xf4&amp;\xd7c\xfb\xdcQ\xbe\xcc\xe4S\x1d\xa4\xce\xf9L\x00\xe6\x0e\xef:)#1\xd8V\xdf\xbd*\xb8\xe8\x82&gt;\x00\x9d\xaa\xd9V\x00\xd1\xc2\xe2\xfb\xbdy#\xbae\'\x85H\xfb\x05&gt;\xdd:\xcc1y\xfd\xe7\xd1\x05\xf0\xac\xae\x92\x12\xe0pr\xfd\xcc\xfb\xc7\xd7#\xe2\x9e\xc5\xe3"\x9cjx\x19\x0bXq\xa4\x9aN\xe5 \xc8\xba\n~\xbfwj\xc3Lv\x8al\xa5\n\xab&amp;\xf6\'\x17wD\xc7p\xc1\r+\x00,\xc9\xed\x9d\xd9\xda\x8f\xf3y\x15\x00j\xf2\'s\xe4\x99CR\xa5\x1d=\xd0R\xf7\xc1\x89\r\x88\xc8\xdevu+\x02\xf1\x82\xf0\xf1\xac\xae\xd2\xa9\x993\x88\x1fx\xa1\xd5\xb3\xbc\xe8\x00\xf8\xd6\xd2\xcc\xef\xd5\xa6\x7f\xbc\xff\xa1\x15\x93\xa7f%)\x0b5\x0b\xb6\xa9ruO\xd1\xc5\xed\xa2AaT\xe7(\xf2y\xbc\xa7\x05\xbe-nnk\xb0 \'\x1d?\xdc\x98\xdc\xb7\x9d\xfc\x876\x90\xb4\xd4q\x9ede\x80z\xf2\xfd\xa2c\xbb\xb7\xfa\xf1\xf0\xe4\xdb\xe2}\x9c\xe7adjD\x98\x83\xe0\x1a\x1a\x00 \xc4\xce\x80LE?\xde&lt;$g\x87\xcd\x00\x8e\xac\x9c\xe2X\t\xaa3\xdd~}e\xcf\xcf\x87\xa7\xde_?0\xaeG\x1c"~\xb9s\x94\xdd\xc4\xcfL\x8b\xd3\xabS\x1bf\xb2\r\x86&amp;\x0b&lt;\xcf\x8dM5h\x83\x00\x0b\x1d\xce\xb7\x8fNo\xee\xdf&amp;@\x17\x00\x00*\x00$6\xb6\xa1\x03@t}\xd3\x1e\x91\x9e\xe1\x8e\xd5\'\xf6I\xa0wr\x82\xb7u+7\xb3\xca\x00\x96*\xb0xLOD&lt;\xbev\xc6,)wcZp\xfduS\x87\xf4\x88\xf0\\4\xba\'\xe2Kic\x8d \xf2\x8c&gt;\xc6\xcc\xca\x98\xcf\xe33[\x10\xf1\xd8\x9aiA\xd6z1\rj\xe2\xcbK\xb9\xddb\xaa\x01\x84\xd6\xad\x9a\x12\xe0\xc8\xb6\xac\x01\x90\xdf+~\xef\xe2\xf1\x9c\x9bD\x1d\xa0W\x94\x97\x95\n\x04Z\xea""\xe2\xef\xdaB\x07r\xd5\x871][\x1e\\&gt;y\xed\x94\xc1\xfc\xb5\xb5OM\x8d\x81\x89\x81\xde&amp;\xea\xca\x00\xca\x00:\x006\xea\xa0*\xf7\x08\xe3UC-\xb4\xaea\x99Fb-\x00g\x1dp\xd0\x86 \x9b*\x8d\xaa\xabv\x0fs\xdf&lt;s\xf8\xc0\xc4\xc0j\x00\xb5\x01\x9e\x9f\xdf\x8e\xf8\xf2\xf5\x95\xdd\xc3RZ\xe0\xdb\xab\xd2\xae\xff\xd5=E\x82\x96\xb4\xff0\xaa\x00k\n\x06}\xbd{\x8c\x9e\xe4\x9eEy\x81\x96\x82S\x87\xf2\x10*\x9e`\xd2\xf7\xf6\xf2\xf1\x99\xe4\x93\x14\x7f\x87s[\xe6\xd1\xe3F8\xd5\xe0l\xdb\xce\xc7\x16\xdf\x94\xfc\x18GVM\x91v\x94\xfc^\xf1\x88?\x04\xbf\xea\x1e\xe6\xbe \'}y~\xbf=\x8b\xc7\x11\xcf\x01\xa5\xb1i\x85n-\x1a\nn\xb5azv\xbc\xa7\x85\xe0W\xd2,\x1e~\xe6Z\xb3\x87v\x1e\xdf3\xce\x89\x99%\xae\x9a\xd8\x1f\xf1\ry\xb3R\xcen\x16\x88\x0f\xc1\xafw\x10\xf1\x1e\xd3\xd2\xc3\x88\xfb\xa6\xa8\xa7\x05\xcd\xca&gt;o\xa2;\xfc\x93\xd9\xba\xb5*\xf8\x99i\x15\xf4k\xff\x93\xd8\x94\x10On\x98\xd9%\xc4\xb5\x85\xbd\xd4\x05\x12{\xca\xc4\x9c\xa8[\xdaQ\xaa\x00L\xec\x93\x00\x00a\x0eF\x88\x9f\xd9=\x14\xef]\x1a\xe1X}\xf1\x98^.\xe2\xbd\xe8\x00X\xa9\xc2\xf2\xf1\x99\x92\x0f\xe9\xa7Qi\x91\x9c\xdd\x86\xd8\x19\xa6\x05\xbb\x944\xf9\xfd\x88\xfdv\xfd\xb4lv\xfb\x87\'7F:\x1b\xd7\xd3\x84\n\x00k%]\x02\x88\x88/.\xe4\xf7\x8a\xdf0}hZp\xfd*\x00\xf5\xf5`t\x97h\xc4\xf7\xe4K\x10\xbfo:\x06:e\xc6\xfa\n\xfa\xd0v-\x1c\xfb\xfc\xc2\x8e\xfc^\xf1\xcb\xc7g"\xbe\xe2\xee\xbf4J\xbb\x84\xb2\xa8\xafW\xf2\xa3,\x1c\xd5\xc3\xb3\xba\x8a\x9f\xb96}\xeaX\x9b\x8c\xb7\xb1\xba{5\xa5\xac\xb8\xa6K\xf32Ft\x0cg\xed\xe6C;\x84\xae\x9a\xd4\xdf\x0c\xc0\xcd\x00\x10\x9fo\x9b3\xca\x04\xa0\xb2\xe4\xd8\xdd\xd6\xc7\x96\xed3\xf1*Q*\x02\xa4\x06\xb9\xdc8\xb0brf;m\x80\x8a\x00Q.&amp;\xe9\x11\x1e\xd1\xf5MG\xa5Ee\'\x85D\xb9\x98\xfc\xf5a\xb6\x12\x80!\x80\x11@=-\x08\xb2\xd6#\x8f\xe4\x91US\x88\x03\xcc\x04\xa0\xbe\x1eX\xa9\x80\x0e\xc0\x96Y#\xa4]\xfcU\x13\xfb\xffe#\xc3\xbf\x84\x17\x17w\x16\xef]J\xcf\xb3\xdcV]{M\x89?+\x03POrk\xf7\xdad\xe7\xd4!\xb6`dw\xf6\xe2\x1e\\&gt;\x99\xdd\xf6\xc6\x81\x15\xe5\xbe\xfb\x17\x8c\xec&gt;\xa1OB\x9f\x96\x8d+\x00\x90\xf12\xc0\xa2r\x82\xb7@0\x03\x9f\x89\x19\x89\x1d\x03K\xa6B\xb5\x01\x02,t\x0e.\x9f\xb4\xa6`\x10\xf9\x84\xac\x0c\xf8\x9c\xda 2^\xbd\xbfq\xa0\xb1i\x85S\x1bf\xbaWU\xc2\x8f7\xf1\xdd5|v\x9e\x7f\'q6\xdf8c\xd8\xd1\xd5S[\xb9\x99\xcd\x1b\xd1\xed\xf7\x933\x88\xef\xe4q6\xb9\xea\x03;\xbb\x12\xf4\xd7\x85;\x18!\xbe\xed\xd3\x92\x1bI\xc5\'\xc1\xcb*/=\x963\xa2\xd7\x02xtj\xd3\xbbk\xfbzEy-\xcd\xcb@\xfcDN\x81cE\xe1\xb0pT\x0f\xf6|Gw\x89\x1e\x95\x16\xb9}\xee(9\xce\t\x00 \xd0R\xf7\xe5\xa5]\xec\x1e\n\xfa\xb5W\x07\xe0L%g\rI\xe5\xdf$\x1co\x10\xe5\xc8\xaa)\xa4\xc1\x8a\t\xfd\xe8\x87\xc6\x00\xbf\x9f\x9ca7\xef\x15\xe5\xa5\x01`\x02\x10`QY\xfc\xd9{\xfeQ\x06\xb7\x0f\xa6QI\x88?\x11\xf1\xf3\xed#\x00\x10\xe9T\x03_\\\xa8%~\xff\xf1\xbb\xf1\xe8\xf4\xe6\xb5S\x06{VW\xd9&gt;w\x14\x7f\xb7\xa5\xc2\xdfa\xdfVM\xde_?\x90\x1e\xee!\xcf\x85M\xf2\xb3\x7f.ru\xbc\xe8\xe0\xef\xd0\xb2AM\xbe}\xc6\xb1\x12\xcc\x1c\xdc\xc9\xd3He\xeb\xec\x91\xe4\xa0Wv/\xa1\xf33/c5k\xf1\x9b\xadK\x88\xeb\xc0\xc4f\x9d\x02\x9d\xae\xee)\x1a\x98\xd8\xacQ\r\xd5.!\r\xfc\xcc\xb5H\x04\x01\x858Q\x08\xcd\xactWL\xc8\xfa\xf1\xf0\xe4\x8b\x0b;2c}\xeb\x004\xaa\xae: !\xa0s\xf3\xfac\xba\xb6\x14m\xf0\xf1\xc6\xb0\x94\x16\x81\x96:\x9d\x9b7p\xfb\xaba7\xf6\x9a\xd0=\xcc\xfd\xcd\xd5\xbd\xe48\x93\xfb\xb6\xe3\xcf_\x94\x05L\x82"\x86\xb4\xe7\x86\xab\xfd\x8f\x10`Q\xd9\xbfN%\xf1D\xf5\xeb\xba\xa9C~&gt;:\x8do\xaet\x0fw\x97s\x0f\xd5\x01"\x9d\x8d\xa9\xe1\x82\x83\x19@\x97\x90\x06Ww\x17M\xcdJ"\x9fT\x008\xb6f\x1a~\xb8N/\xee\xeeE%\xb1\xeaU\xa5\x84\x13p\xc3&lt;\x85 q/\xf8\xfar\xa8xr\xda;\xda\x1b\xf1\x03"\x9e\\?s\xfa\x80\x0e\xfcMXC\x109\x10}\x93yVW\xf16Q\xc7\x97\x17\xf3{\x89B09+eJ\xa0\xa5\x0e\xbd}\x89\xf7\xec\xf9\x85\x1d\x88\xf8\xec\xfc6\xc4\xb7\xfcsi\xf8g\xeeb=\x80W\x97w\xd3\x05\x16\x00\xa8\x00\xb8\xea\x97\x7f\x87[g\xe7\x90\x8e\xfd~r&amp;\xbfW&lt;\r\x00\xb8\xb0m\xbe\xe0o\xb1\xaf(_\xc6\x19p\x1ao\x16\xcf\xaa8&gt;C\xd9l\x995\xe2\xf3\xed#\xf8\xf1\xc6\xf0\x8ea\x82\xb3\xe9\xbd\x8b\xc7\xf3\xfa\xf5\xcdA\x8ai@\xe4\xa4\x95\xb4\xa4\xfb\x98j|\xbe}\xa4d\xeb\xf7\xd7r\xd2"\xf5\x01t\x01\xa6\x0f\xe8\x80\x889\xa9\x11\xf5\xf5\x00_]b\x8fq\xef\xd8:\x19\xdd&gt;\xbdi6i\xf6\xf5\xde\xb1\xbc\xf4X~\x1c\x83\x0e\x80)@z\x84\x87\xe0\x8dQ*\xef\xaf\x1f@\xfc\xba\xa9p\xb8\xab\x01,\xc8\x11\xcd\xa2N\xae/\x94\xf3\xaa\xce\x18\x98\x82\x88\x88\xdf\x17\xe4\xa4/\x1b\xd77\xb5\x993\x7fVK\x8cH\xbd\xa2\xbc\xe8A\xb7\xcf\x1b\r\x00\x1a\x00}[5\xa1\xbf\xc5\xd1\xd5S\xc9i"\xe2\xc2Q=VL\xe8\x87\xf8\xee\xce\x915\xf1\x8d,\xb6\xcc\x1aI\xb7M\xf2\xadK\xdag\xb6\xf6\xa3\x1f\x1e_;\xbdA\x15p\xaf\xa6t|\xed\x8cI\x19\x89n\x86\x12\xc1\x0e\x88\xb8i\xc6\xb0q\xe9\xad\x1bU\x97\x15\x8bH\xb1Q\x07?s-Ac\x14\xa5\xb5{\xed\x8f\xb7\x0e\xb1\x878\xb4b\xb2\xb1P\xcb\n\x00\x17\xb6\x0bxhH\xa0\xf9\x1f&lt;d\xffn&amp;e$\x9e\xde8\xeb\xfd\xf5\xfd\xec9\xcbcq\x98\x9a\x95\x84\xcf\xce!~\x17\x1c^\xf1\xe7\xc3\xb7\xc5\xfbv/\xcc\xc3\xcf\xb7\xde\x16\xef#\x1fV\x00xrv+\x9dN""\'|\xbe$~\x99\xf2\xeb\xa1\x06\x7f\xef\x924\xa9U\x91\xb8\x04\xcfl\x9aM?d\x17\x13GVM\xe1\xacoZ\xb9\x99\x91\xafv-\x18K\xcd\x7f\xd9\xe2\xc8t\xb26\x9c\xc6\x9cW\xbf8\xae7\x82\x90\x93\x1a\xc9\xbfc\x90\xbc\x06\x9e\x9e\xe3\x7f&gt;\xbaKt\xdd\x8a g|7\x87\x8a\x00\xb3\x87v\xc6_\x0f\x9d\xff\x9a\xad\x0e\x10\x7fpzH^\xe7\xfd\x98\x87V\x82\xcf\xb7\xa5\x05r\xb8\x1a\xf0\xde\xdfO\xcf\xe1\xcb\x8b\x88\x18\xe5bR\xa6^U\x038\xb2j\xaa\xb4\x88\x00\xfc\xf9\x80s\x1ciNr\x13\x80\x99CR\x11\x7fp\xec?\xb5\x01\xd8\xa5\xc6\xeeEy\xad\xdc\xcc\\tEC\x1b"\xde&lt;\xb8\xb2\x05/$|\xb4\x94\x89\x0eaT\xe7\xa8Dok\xc4\xc7\xb4\xfd\xf8\x1eq\xe4+\x03\x80$?{\x1b5\x18\xde1\x0c\xdf]\x13\xbe\xb0\xf2\xf2dT\xe7(\xfa\xc7\xdc\xe1]i\x07*\x02t\ru\x1d\x9e\xd2"%\xc0\xd1\x9e7\xba\x07\xdb\xea/\xc9\xed\xbdaZ\xf6\xf2\xfc\xcc}E\xf9\x03\x12\x02d\x849l*\x1c\x8e\xf8\x0b\xf1\x0b\xdf\t\x07\x92\xaf\xf9\xa5y\x19\xf4\xff\'\xd6\x15\xe6v\x8b\xb9}d\r"\xe2\xc7\x1b4@|&gt;\xb3\xe8\x9f\x94\x91\xa8\x03\xa0\x0b\xd0+\xda\xcb\xcd\x00\x8c\x84\xe6\xdd\xc5{\x97\xf2#\x88\x04\xb1V\x05/c5M\x99mFw\x89\xe6^\xc27W\xf9\x86VBM\x80\xf6\xbev\xec\x12\xf3\xdb\xfd\xe3\xff+\x11\xa0RX\x92\xdb\x9b\x7f\x97\xcd\x1f\xd9]\xf6V\x0e\xda`\xaf\t\x88\xaf\xbe\xde=&amp;\x14\xb4\t\x1fo\x1e\xda\xbbx\xfc\xa3\xd3\x9b\xef\x1cY3&lt;%\x8c~\xbe4/\xa3pp\'\xba\x08\xd8:;\x87\xdd\xca\xbd\xaa\xd2\xac\xec4?3\x91i1\xda\xc5\xa4\xd4D-?s\xedk\xfb\x96\x91\xbdQ\xb3\xa3\xb7\xb1:=\x97\xab{\x8a\x9e\x9c\xdd\xf2\xea\xf2nv\xd9Kb\xcc9\xf4\x8bk\xca\xeeY\xf8\x1e\x91drf;\xfe~\x10\xf1\xc2\xf6\x05\xe3z\xb4\xbeux5\x8a-?\xde&amp;\x15\xae\xee)\x1a\xd11\x9c4\x08\xb2\xae\xa2\x0c\xc0\x99\x187\xa9U\x91\x1a\xbb9L\xcaH$\xe1\xea\xbf\x1e\x9f\xb6R\x91\xa3gR\x18\xd46\xe8\xc2\xf6\x05\x97w-\x9e\xdc\xb7m\x93\x9a\x15\x05;\x9f\xe8m]O\x0b\x04c\x16S\x83\x84Mad\xcf\x9c\xc6\xc3S\xc2\xfa\xb4l\xbce\xd6Hy\xae$\x87#\xab\xa6\\\xde\xb5\xd8\xbfN%o\x13\x897\x8e\x1e;\x00}\xb9\x93\x1e\xe1\xc1\xc6\xe9\xb3pnl\xf6+\x92mGxv~\xfb\xe8\xceQ\xae\xfa\xd0#\xc2\x93m\xdf\xa2^5\xce\xe9\x94\xdagr\x7f\xa91=$\x9f\xbb\xea\x03\xe2\x8b\xe7\xe7\xb7K\xc4\xda\x97\x91\xdb\x87W/\xc8I\xf7\xafS\x19\x00\xfa\xc55%\x9f\xb803\xb5\x83\xcb\'\xd1\xeb\xb2\xbfh\xc2\x84\xdem\xd8G\'\xce\xa3\xce\x92\xdc\xdes\x86v^\x92\xdb{S\xe1\xb08\x8f:\xb2\xcf%=\xdc=\xb9\xa9=\xff\xcajJ\xbe\x00\n\x07u\x14\xecmQ^\x1f\xbaI\xb0M\x95\x87\xa76\xe1\x9b+\xcb\xc7g\xd2\xa3\x92kUI\x1c\xd7\xc72gX\x17\xaec\xf0\x0fp\xd6\x01:&gt;\x88\xf8z\'Lf\\\xbf\x01@\x84c\xf5\x93\xeb\x0b\x97\x8d\xeb[_\x8f\x1b]\xfa\xbfFz\xb8\x07\xff\xf7\xbb"N\x16\x93\xcd\x88N\xc21&lt;\xd2X\x9e\xcf\xf1\xddI5\xdd\xca\xc6F\r\xf0\xeb\x9d\xad\xb3s*\x02t\x0ctZ6\xae\xef\xd9-s\xd9\xe9\x7f5\x80\x87\xa7DC\xfc\x80\x84\x00|u\x19\x11\xf1\xd5e:c\x12\xbai\xbfv\tiP\xd6\x9e\xe0\xb7{\x82\x0f\x00\xe2\x0b\xfe\xc4\xc4\x14\xa0ol\x13\xd1\xf7\xa2W\xe0\xc7\xeea\r9]J\xf6\xb3\xe7l\x98$\x8a\x8f\x14\xad\x9c\xf8\x0e\t\x9f\x9a\xa5.\x93\x00$\x8dl\x97w.:\xbcr\x8ad\x9f\xc9\xf0\xf4\xca\xc3H9\xb9i=\xf2\xd1\xf1\xb5\xd3O\xac/\xdcT8\xec\xc8\xaa)\x82\xc9\xb1\x04s\x80\x9d\x0brK\xf6\xf4\xe1\xfa\xec\xec4y\xba\xe4SSc\xff\xd2\t\xc3S\xb8\xd6\x1eu\x80\xbe\xb1\xbe\xd7\xf7/\xa7q\xc9dNh\xa7\x01\xbf\x1e\x9f\xc1ow\xb7\xcf\x1b-#6\x83\x19\rE\xd0\xaf*I\xfe\xfaS\xb2\x92\x12\xbc\xac\x9a\xdb\xeaw\ti@?&lt;\xb4br\xa0\xa5\x8e9\x80OM\x8d\xbc\xf4\xd8O\xb7\x0e\xe7u\x8f\x95\xe7t&lt;\x8d\x94\x83m\xaa\xd0\xc0\xd9\x11\x1d\xc3\xab\x00\x04\xdbT9\xb7e\xee\xa3S\x9b\xa4\xdc*rQ\xea\xa1;\x06:r6!\xc1oz\x00\x89\xde\xd6\xef\x98%\xfe\xa1\xe5\x93I\xe0\xaf!/\x13\xdeR\x8ew\xf5\xfe\xa2\t?\x1e\x9e\xcc\x8c\xf5M\x0b\xae\xdf\xdc\xd6@\xb0\xb7!\x8c\x95R\x19\xc0\xd3H9\xc2\xb1z\xa0\xa5\x0eY\x99\xe8\x00\xd8\xa8\x81\x11\x80\x11@\x92\x9f=\xbb\xe1\xcbK\xbb|\xfev`\xb7\xbd&amp;\xec^\x98G\x0f\xf1\xec\xfcv\xfe\xa4\xa1\x1a\x80\xaf\x99\x16\xbb*\xb2\xd3\x00\xaf\x1aj\r\xaa\x80\x19\x93\x84\xf4_\xa5\xb5{\xed\xb5\x05\x83\x88\xb1,\xce\xa3\x8e7\x93\xb0.\x180\xc7\xc9\xab\xfc\x8b&lt;9\xbbU|\x90\'\xab\'\x0f,\xdfNh?\xaf\xef_\x9e\xecg\x1f`Qyvv\x1a\'\xf5\xbc\xb9\xad&gt;i\xb3||\xe6\xdb\xe2\xbdt\x93\x8d3\x86\x99K\xcc"o#\xbe-\xd3{\x08\x7f?z|fKSsm\x1a\xbfO\xb9\xb8c\xe1\xba\xa9\x83\xd3\xc3=\x04C-+\x02\xecZ0\x96w\xb1\x7f\x9b\x03\x0cn\x1f\xcc|\xf2\x89\xe3W\xdf8\x83\xa8\x08|K\tp\xfcz\xef\xd8\xd5=E\xe5\x08K\xae\x02PP\xb2^\xf9\x96\xdb5\x06\xdf\x97\x98#\xc6ti\t\xe2E\x8f\x95\x8aD\xdc\xc8\x8eyc\x96\x8d\xeb+\xcd\xd3C\xf04R\xb9\xbcs\x11\xdd\xea4\xf32\x96M~\xaf6\xc4\x0c%\x98y\x14\xe9lL\xce\xf4\xfe\xf1\xf5\x9bg\x8e\x88r6\x8er6\xa9\xab!\x9cO\xd4\xd0\x10\xf6/\x9d\xb0mNN\x94\x8b\xc9yI\x1fF|#K\xda\xcc\xa3\x9a\x12\xfbU\xdf\xd8&amp;\x8dM*\xf8\x9ai66\xad\x90\x15\xdf\x14\x11\x11?\xb4\xf3\xb1\xa5!\xd1;\xe6\x8dyrvk\x92\x9f=ky#\xc2\t\x00\xc0I\x9b\xf42V\x0b\xb2\xd6[9!\xab\xe4\x00\xcf\xcee\xc4\xf8\xb4r3\x13\x89\x16\x94\x8f7W\xe4\xb9\x98C\xda7\xff\xfd\xe4,\xcd\x90hnk\x00\x00N\x95!\xc1\xcbJboO\xcfj\x01X(\xc1\xafG\xa7\x9f_\xd8a\xa7\x01\x00`\x04\x10\xe3Z\xab\xac\xd6E]\x00qPSI\xf8\xd6\xb2q}Y\x0b\x8e\t\x80c%\xe8\x19\xd9h|\xcf8_3\xadZ\x00\xc3;\x86\xb5v\xaf\r\x00J\x00U%nK\xdcT8\xacl\xe6B9P\x01\x18\xde\xb1\xc4A=5+\x89\xbd\x7f\xaa\x00\xb4\xa8W\r\x7f\xdcG|\xc9\x86\xb7\xe9\x02\x04X\xeat\x0bk\x18l\xabo\xa5\n\x7f\xbdW\xff\xa7\xd0\x93?\xbdi\xf6\x83\x93\x1bH\xd4\x1d\xc1EWh:\xcc\xd8L\xe5\xb4\xc7\xc9OM\x009\x9d&lt;\x82\xc4{Zp:{~\xeb\xbcp\x07#\xfe\x9a\xf6\xe9\xd9\xad\xaf\xaf\xec9\xb1n\x06\xdb\x98\xa8G$xYM\xcelW\x0e\xeb\x1e~\xba%\xda\xd1\xdb\xabo\xafI\xc4\xc8\x1fZ1Y\xf6\xb6\x03\x13\x9b\t89\x10\x11\xf1\xe6\xa1U\xec\x9f\xa77\xceb7$V\xd4\xcd3\x87\x03\xc0\xbc\x11\xdd\xee\x1d__\xd6\x80-k5X4\xa6\xe7\x80\x84\xc0k{\x97\xdd=\xbav\xc7\xfc1#S#\xe8\xe1&amp;\xf7\x95P\r\n\xb2\xa9B\xbf"\x9a?\xeb\xa7\r\x91\x9d\x19\xa7\xc9\xc4\xdb \xe2\xc2Q=Z\xbb\xd7\xc6\x1f\xf7\xf1\xd7\xc3\x1f\x0fN\xeeZ\x90K\x1ex\x0e\x0e\xda\xf0\xe5\xeeQ\xd16\x1f\xae#~@|\xcd\x97\xd3Q\x02\xf8t\xfb\xf0\xe2\xdc^GWO{vn\x1b;Hu\ru[[0\xc8\xcf\\\xcb@\x9c\x04\x87\x88\x19\xad|\x82m\xaa\x9c\xd94\x87\xf6g\xd7\x82\xb1\xec\x0e\xbf\xdf\x17\xa9Dl\x9f;*\xd1\xdb:\xde\xd3\xa2\x95\x9bY=-0\x06\xd8&gt;w\xd4\xbc\x11]=\xaa)\x9b\x01\x80\xc8\x1a.b\xde\x88nt\x0f\xe4\x93#\xab\xa6\x08\x8e\x0b\x89\xde\xd6t\xab\xe2\xbdK\'e$6\xad\xadM\xa3k\xca\xc7\x85\xed\x0bd\xfe\x02"\xb4\x01\xba\x87\xb9\xffxp2\xb7kKv\x96\xdb\xc1\xdfAt\x99o\x1c\xf4\xad\xa5\xa9\x03\xf0P\xbc"\xe9\x18\xe8\x94\xdc\xb4\xde\x86\xe9\xd9k\xa7\x0cZ\x90\x93&gt;.\xbd\xb5\x8b\xdcQ\xc7\xf6\xe2\x84A&amp;_\xe4\xd5\x8cA\x1d\xe9\x90\xd1\xda\xa3N\xa8}\xd5\xc4\xc6\xd6}[5\xe9\xd3\xb2qc\xd3\n\x16J\x10\xe6`d\xcd\xa4-\x18\x11;\xc4\xd3s\x88_R\x83\\\xe4=\xb6\xdc\xd4\xad\x08O\xcfm\xa3WrH\xfb`\xf6[;\rb\x86zu\xf3\xe0J\x12\xb8\\\t@\x1f\xc0\x0c\xc0Y\x17&lt;\x8dT\xeai\xfdQ.\xd4\xbf\x02\xce\xcd\xf4\xea\xf2nK\x15\x00\xf1\xed\x82\x88\x88o\xd8\xc0\xb8\xa7\xe7\xb6\xd1m-\xcbbq\xde\xb5 \xb7M#\xcb\x10;\x03\x17]\xe8\x1a\xea\xb6y\xe6\x882m.\x0f[f\x8d\xc0_\x0f9g\xb44/CZ{#\x80\x03\xcb&amp;\xeeY4n\xff\xd2\t\x1fn\x1ed\'\x83\xe5\x80\xd8\x16\xf2{\xb5\x99\xd8\'\x81UI\xfbx\xab\xf4\xbc\xa7\x15\xf9\xfdd&lt;\xe1\xb1\r\xcdYw\x19\xddjH\xfb`\xc4\xdf\x9fn\x1d&amp;#\xa3\xbd&amp;\xb0Q@rNL,\x94D\xfe\x86\x07\xd4\xf9\xf1\xf2"\xf9\xf7\xc5\xc5\x9dlK324|\xbaI\xef\x05\x944\xe9J#\xb9\xa9\xbd8\xf2\xf57\xbe-\xe6\x9f ?\xce\xb860\xf6\xd9_%j6|%\x03\xe7\xca\xe0e\xac\xb6k\xe1\xd8\xc5cz\xd1\x0f\xa3\xeb\x9b"~A\xc4\x15\xf9\xfd&amp;\xf7m\'\xce\xe3\x7f\xef\xacC$:\x10\x7f&gt; 9\x16l\xd4\x87\xa3\xb6\xe8q\xb8sd\xcd\x80\x84\x80Hg\xe3\x9e\x91\x8d\xfc\xebT"\xb6\x10}\x00\x17]0\x06hTC5\xca\xd9\x18_^\xbcsd\r\xcdTg\x03\xaed\xcc\x1e\x1a\x1a\xc2\xb7{\xc7\xc9&amp;\xc9M\xedw\xcc\x1f\xd3\xa7ec\xeaa.\x1f\xdf\x1f\x9c0\x02\xb0Q\x87Am\x83r\xbb\xc5\xf0\x13hd\xa3\x02\x10\xe9l\xccN\x92\x9e_\x10i`L\xcdJ\xe2\xc4\xef\xbe\xbb\xbe\xbffi;\xac\r\xe0f\x00\xbd\xa3\xbd\xcfl\x9e3\xb9o\xdb\x00\x8b\xca\xd1\xf5M7\xcf\x1cq\xf3\xe0\xca.!\xae\xa4\x8d{U\xa5~qM\xcd\x01T\x00\xb4\xc4\xc1\xd9\xd20\x06p3\x90ep\xafQ\xf6\xdcL\x03\x80\xc4\xc66\xfb\x97Nd\xcfnZ\xffd:\xa0k\x03$x[/\x1c\x95~r}\xe1\xae\x05c\x93\x9b\xd6\xb3V\x03\x17]\xe8\x1b\xdb\xa4xO\xd1\x8d\x03+\x12\xbd\xadu\x01\x00\xa0\x14\x9f\xc9\xbf\x9c\xe6\xb6\xfa\x8bF\xf7,\x91=\xf9v\x8f\xa4}\x91\x9f\x9b\x7f\xb7-\x1c\xd5\x83l\xb8S\xacF\x80\x88\xac\xef1\xc1\xdb*\xdc\xc1\xc8A\x0b\xc2\xea\x19\x19\x02\xd8\xa8CZp}\xfc~\x0f\x11\xb3\x93\x9a\xa7\x05\xd7\xa7\xe9\x8eDd\xe6\xef\xd2+\xda\x0b\x11\xf7/\x9d\xe0e\xac&gt;\xbas\xf4\xe6\x99\xc3m\xa5\xc5\xa60h\x03\xdc&lt;\xb8\xb2\xfc\x126\x00\x00`\xa9\x0cDE\x07$\x17O\xb2c\x04\t\x8fNo\xe2\xbf\xba(\xf6\x9a\xa0\x02\x80\x1fo""+}\xe3S\xb3"\xfe\xb8\x7f\xe7\xc8\x1a\x129\xa4\t@=\xb1Jr\x8b\xab\xd4\x16\x9bw&gt;\xdc&lt;\xc8\x1e\xf4\xdb\xfd\xe3\x1cG\xb4H\xd4\x05\x11\xf1+\xbe\xb9\x8a\x1fn \xe2\xb15\xd3K\x1d\x11H\xdf\xc6\xf5h\x8d/.\x08\x9e`\xa7@\'\xfe&amp;\x86\x00$r\x865\x9b&lt;8\xb1A\x9e\xd8\xdf\x1a\x00\x13\xfb$\xac\x9a\xd4?3\xd6W\xb4\xe5\xf3\xf3\xc6\x00y\xddc9\x87f\xb7\x1aRbm{sj\xe3\xac\x8c\x18\x9f\xd1]\xa2\xa7\r\xe8\xd0\xccJ\xd7N\x03*\x02T\x06\x08s0jZ[{i^\xc6\xbbk\xfb/\xefZ\xdc\xa2^\xb5\xde\xd1\xde\xa5:N\t\xbd[z\'\xfb\xd9\x13\xc3\xc8\xa1\xe5\x93\xab\x00\xb8\x19@\xcf\xc8F\'\x85\x84\xc6\xca\xc6\xefG\xd4\x0f\xf4\xfa\xca\x9eR#\x8a\xf5\x01\xb2\xe2\x9b\x92A\xd3\x94\'{\xd5\xad\x85\x9b\xe8g\xbew\xec\xf7\x93\xb3\x9cC\xf5\x88\xf0\x94\xb1g\xe20\xdf1o\xcc\xa1\xe5\x93\xb7\xcd\xc9I\x0bv\xa9\xa7\x05\xf6\x15\xe1\xd0\xf2\xc9\xfb\x8a\xf2\xe9\x81\xb4\x01\xfe\xa2;\x17\xc4\x12)]B\\\xe54Jt\tq\xe5\xa7\xe3\xec+\xca\x0fw\xac\xceN\xea\xfd\xebT\xdaT8\x8cHNM\xe8\x9d@\xc61\xc2\x8e\xf9ct\x01\xeaj\x00&gt;??M(\xdc\xf1\xbfD\x1d\x80\xc7\xa77#bJ\x80\xa3\xbd&amp;\xb4v\xaf\xfd\xf5\xee\xb1\xe3k\xa7\xf3\xef\xb4\xc1\xedD\xab$\xf6C6\x8a\x06\x11\x11\xbf\xad)\x18d\xa9\x02\x15\xc9c/\xa6S3\'b\xe88\xbdq\x96\xbd\xd0\xe0\xcf\x91\xf0\x94\xcd\xfd\x13\x1b\xd6O\xcb\xe6\x7f\xbe \xa7\xbb\xe0\xce\xff^\x84d\tV\x8c\xbdJ\x1b\x80\x15\xa0\xa6a\x7f\xa5\xaa\x18U\x06\x18\xd59*\'-\xf2\xdd\xb5\xfd\x85\x83:rbN\x10eI\xbf\x07Y\xeb-\x1c\xdd\x83\x0c?s\x86vF|\xe7g\xae\xe5f\x00\x8bF\xf7\xd4\x93\xdbC\xa5E\x9e\x071\x9fn\x1f\x1e\xd4\xb6\x19\xbf\x19\xdb\xa7)\xfd\xda\xf7\x8e\x16\xe5r\xcb\x90\x7f\xe0ph\xc5d|}\x85\x93H\xf5\xfb\xc9\x19\xc1\xe0k\x000\x03hZ[\xbb\xb6\xe4\xa1\x7f=&gt;\xa3+\xe7\xf1\x00\x00 \xca\xc5\xa4OLc\xb2rxzn+J\xc2\xb6lQ\xaf\x1a\xe2WDD|\xfe\xe6\xea\xde\xd1]\xa2\xe7\x8f\xec\xf6\xeb\xf1\x99\xc2\xc1\x9d\x92\x9b\xd6\xb3\xab\x00\x8d\xaa\xab\xce\x18\x98rDa\x9fU\x8c\x00\x00 \x00IDAT\xd2C.(\x1a\xc8\'\xb3\xb5\xef\x85\xed\x0b\xe6\x8d\xe8\x86\xdf\xee&gt;:\xb5\xa9]\x13[\x1d\x80\xe6v\x06\xdb\xe6\x8c\xa2K\xae\xbf\x85\xb4XF\x8a\x16@\xb0\x8dp\x14\x9d\n@\xcf\xc8F\xa2\x1d=\xbf\x80\xf8\x8d\xb3\xf3\x15\xf9\xfd\x047\x04\x00\x13\xfaK\xbd\xbe\x8c//\x1eY55\xbfW|z\xb8\x87\x7f\x9dJ\xcb\xc6\xf5\xa5\xd3\xffR\xd1\x02(\xabu =\xc2\x03\x11o\x1dZ\xd5\xc6\xcb\xb2\xd4\xb0\x87:\x00\xf8\xfe:\n\xf0j\xe7\x82\\\xd6\n\xad\x0e\xb04/\xe3\xf9\xf9\xed\x17yy\x00o\xae\xee\xb5R\x81\x9c\xb4HD|}eO\x19\xfb\xfb\xaf\xa7\x95\x9b\x99\xab\xbe\xc0e\xf2\x11\xab\xa60\x9f}\xa13\x8e\x99\xe28\xd96^%\xe6\x94Do\xeb\xc3+\x0b\xf0mq\r\x80o\xf7O\xc8X\xa2\x92(\xf8\xa1\xc9!$g\xea\xf5\x95=\x83\xdb\t+\xc7^\xd9\xb5\x98\x1chR\x86\\\x954\xb4\xe5\x10\x1e(7\xe3z\xb4\x16\xfc&lt;\xa6AMyf\xc7\x00\xd0\xad\x85\xdb\xc4&gt;\t4\x17L\x87\xb9\xbc\xa5\xa6\x99P\x93\xa9\x9f\xb9\xd6\xb9-s\xfd\xcc\xb5\xca\xb4\xb0\x1a\xdd9\xaaQ\rUZza\xe3\x8c\xa1\x82\xf3G\x8fj\xcal\xcc\xdc\xd1\xd5S\xc5\xfeg\xec(4\x7f\x97\xd6\xd56\x8d,\xe9NVM\xea/g\x1e\x00\xe3\xad\xf9\xfc\xe6\xea\x9e\xf2\x19^\xa9\x8c\x1d"\x12\xf7\xf2\x19I\x8ft\x07\x7f\x07\xc4\xdf\xf8\xf9\xd6\x9d#k\n2\xdb;U\x86\xf6\xbeu7L\xcb\xceK\x8f\xf50R\xae\t\xd0\xda\xbd6\xd1\xa3f\xd98c\x98\x9cG\xef\x1b\xdb\xc4N\x03\xb6\xcf\x1b\xfd\xfa\xca\x9ed?{O#\xe5\xe2\xbdK\xc5e\t\xfe&amp;eJ\xaf\xe3\xb0kA.~\xbf\xf7\xe3\xc1\xc95\x05\x83\xd8i\x01E\xc6,\x8d\x16?\xb8{t-\xe2\xeb\x9d\xf3\xc7l*\x1c~m\xdf\xb2\xf6\xbev\xf5yV\x1e%\x80\x1ab\xe3\x8f&amp;@\x9cG\x9d\x00\x8b\xca\x96\xcaP\x8e(\x06u&amp;\xd5\xfc\xfe\x89\r\x9e\xd5Ky}\xd4\x00\xd86Gj\xdeu\x9cG\x1d\xfa\xfe\xac\x02\x90\x93\x16yd\xd5T\xfelx\xeb\xec\x1csq2\xc1\xadC\xab\xca\xde\xeb\xff\x02&lt;e\x95\x92\x19\x13\xf3\xd9\x8bH\xa7\x1a\xc0\x84\x12n\x9d\x9d\xc3O(\'\x94Zd\xa5"\xc7-\xf1\xfd\xbe\xb4\xfd\xac\x98\xd0\xef\xd3\xad\xc3r\xe6M\xe5\xa4F&lt;\xbf\xb0C\xbe\xb6eF\xf7\x9f\xd9\xad\xb4a\xae\x02\xc0\x95\xddK\xa6\x0f\xe8\x90\xd1\xca\x87\x8d\xd5\xbbsd\r"\xca/\xda\xaa\x04\xb0g\xf18D\xc4\x97\x97\xc8\xb6c\xba\xb6\x14lY\x1d\xa0I\xad\x8a&amp;\x00\xac\xf4.E\xb6\xf9u|\x8f\xb8\xad\xb3s\xee\x1d[G\xde+u\x94\xe8\xef\xfbM\xfeY^\x8f\x08O\xfcq\x7f\xd5\xc4\xfe\x7fb\xa6c\x85\xf0\x82m\xf4+\x02\xb0\xdeg\x0be\xd88}("&gt;\xbf\xb0cdjD\x93Z\x15\xebiA\xd7P\xb7\x19\x03;\xa6\xf8;\x18\x03T\x01H\xf2\xb3\xfft\x8b\xfb\x02@D\xfcq\x9f\x9d\xd4D:K,i\x0c$\x13G"\x9d\x8d\x11\xdf "\'\x9d\xf8/\xd2\xd8\xb4\xfc\x11\xeaiA.\xa76\xcc"\xf1\xc4\xbaBQ\xd13x\xfa\xdb,]C\xdd\x92\xfd\xec\x83\xac\xab\\\xddS\xb4\xb6`\x10\x994\xcc\x1f\xd9\x9d\xbd\xd4\xfa\x00\x89\x8dm\x06$\x04\xae\x9b28\xb3\xb5_m\x80\xf6\xbev\xf3Ft\x9b\x95\x9d\xd6=\xcc]p\xf9^W\x03\x1c\xb4A\xdaJ\xb1&amp;\xd3\xcf\r\xd3\xb3\xe5Y\x90\xa6\x06\xb9\xe0\xaf\x87\xf8\xed\xee\xb2q}\x89.$e|\xcf8\xfa\xfe\xd4\x05\x98;\xac\xcb\x91US\x06&amp;6\x93\xbc\x0cO\x06&amp;6\xab[\x11\xbcM\xd4\x8f\xae\x9eV\xef\xef\x1b\xb3\xff\x05\xcc\x1f\xd9\xed\xdd\xb5}\x87WN\xd99?w\xdd\xd4!\xe7\xb7\xcegm\x9d\xacX\xff\xb9-s#\x9djT\x00h\xef[7V(\xa8C~\xbcj\xa8I^\xe8\x0f2\x1a\xebJ)\xe0 \xc8\xd0\xe4\x90\xd2\x1b\xfd\x19\x1fo\x1ez|f\xcb\x88\x8ea\x9c\xf7\xdf\x85m\xf3\x8b\xf7.-G\xd2\x93 %\xd7\xe6\xc7}\xfc\xfd\x88\xce\x98\xa8\xad\\\xce3]4\xba\'M\xe9z}e\xf7\x8eyr\x95\xd2\xe4\x0c\x07\xfc\xb2k\x14\x15\xc6\xaa~Q\x1c\xa9\xd2\xa8\xba*\xf9\xe4\xda\xbee\xf2\x1c\x0e\x00\x8c\x01\xea(A\xdb\xc66\xb2K\x12\xc9ClC\xf3\xbc\xf4X~$\xae\xa52D\xb9\x98l*\x1cN.\xc8\xe9\x8d\xb3\xba\x87\xbbg\'\x87\x8c\xea\x1c5+;\xads\xf3\x06d\x9e\xe1\xac\x03+\'f\xa1\x10\xac\x1b\x8c\x9f{A\xfam\x00P\x19\xc0\x1c\x80\xcdx\xff\'\x10\x0c\xac*\x07\x06B/\x80\xe8\xd2\x16mdB\x90\x1a\xe4\xf2\xfb\xc9\x99\x0f7\x0f"\xfe\x98\x94\x91\xc8.I\x1a\x1a\x96\xc4w.\xc8IO\rr\x99?\xb2\xfb\xc1e\x93v.\xc8-\xc8l\xe7[\x8b;\x9a:\xeb\xc0\xde\xc5\xe3Om\x985\x7fD\xb74\xa1X zS!b\xb7\x16\rK\xbdKj\x02\x1c_;\x03\x11Oo\x9c\x95\x12\xe0\xc8I \x9f&gt;\xa0\x03;\xcfhh\x08\xae\x06`\x08\x10lS\xe5\xf0\x8a\x82[\x87V-\xc8IOll\x13h\xa9[\x1b\xa0\xfa\x7f\xdd\t,\x83\xc2\xc1\x9d\xcem\x99[\x94\xd7GZ\xce\xad\x1e\xc0\x8f\x87\xa7\x90\tD+u8\xb6\xad\x00.\xba`\x08pe\xd7\xe2\xa9YI\xfc\xcc\xd5\xc2\xc1\x9dn1\x81\x8fg\xb7\x08(e\xd2c!&gt;\xff\xf5\xf8\xb4\x8c1\x88\x10d\xad\x17j/%+\xf4\xef\x11\xe6`D\xfa\xfc\xeb\xd1i\xf6\x82\xa5\x048\x92\xcf9Af\xe5C\xb5\xe4\x99\xfc@n\\vX&lt;\xb0l\xe2\xddckK\xbd \x84p\xc7\xea\x83\xdb\x05\xaf\xc8\xef7sHjZp}7\x03hngP\xaa\xcd\x8a-\xf9\xf9\xfe\xfa\x01\xd9\xb5\xdev-\x1c\x8b\xf8\xf4\xcb\x9d\xa3\x9b\n\x87\x93wb3+=\xe2\x05m\xd7\xc4\x8e\xb4\xb1V\x83\xe6v\x06\x0bG\xf5\xf03\xff\xbf\x90V\x0f\xb6\xd5\x17\xbcKk\x135*\x96o\xf7\x10\xf1\xde\xb1u="&lt;L\x01\x94\x00\\t\x81S\xa4\x88"\x8f\xcd\xa5\xb6Xp;\xc8ZO\xd6\xf8\xfd\xc7\x90B\xcd\xf2S\x11`@B \xbf\xe2\x13/\x10\xfc\xf3\x9e\xc5\xe3te\xeej@B`z\x84\x87\xb5*\x1c^Y\x80\x88\xf8\xf1F\xf1\x9e"\x1fS\x897\xa2\x1a\xc0\xe8\xce"\x19\x86\x82~\xed\x87w\x0c\xdb&lt;s\xf8\xb69\xa3\xc6tm\x99\x12\xe0\xc8\x89\xda\xa8\x04\xc0\x94\xc0\xc3+\xbb\x97\xf0\x07\r\xb6\x9f$\xc5\x81\xa2\nP\x03\xc0\xd7L3\xc8Z\x8f\xedD\xe7\xe6\xf5\x0b2\xdbE8V\xaf\xa7\t\x9c\xd8\x84\x81\x89\x81\x82w\xb51@\xf7p\xf7\x89}\x12\xfa\xb4l\x9c\x15\xd7t\xfa\x80\x0e\xe9\x11\x1e\xae\xfa\xdc\xa4\xfd\xff\x11VM\xec\xbfs\xbe(\x81\xf3\xd1\xa9M\x7f(\xc2\x97\x93\x16\x99\x16\xecrq\xc7B\xce\x9d*\xcd\xa1d\xaf)\xd2C\xc67W\xc9\'$~cy~&amp;m3\xb8]I\x86\x94`\xb9\x02\n~\xbd\x83\xf8Z\x86|\xf4\x1f\x92\xdf+\xfe\xe9\xd9\xad\xabH\xad\x95_\x0f9\x85\xa2\xd8\xc2\x96\x1c\x83\x95\xb98\xef\xa1\n\xc0\xe8\xceQ\xab&amp;\xf6\xd7\x95\xe3p\xe2\x9d\xbd\xba\xbcs\x11\xe2\xa7\xa1\x1dB\xff\xb0\xffZ\x00\r\xaa\xc0\xfaiC\x10q\xcb\xac\x91\xed|lo\x1dZ%-\xb2\xa5\xae\x06 ~y[\xbcw\xc3\xf4\xa1\xd2\x0c}\x94\xca\x00\x16J\x90\x9d\x1c2;;\x8d6\xb6R\x05\x8fj\xca\x15\x19E\xd8\x92\xfb\xa1\x8c#\x17\x00\x8c\xec\x14\xfe\xfe\xfa\x01\x0b\xc9\xe5\x95\x8c2\xbf\xae\xfa\xa0+\xe4\x1e\xf74R\xfe\xfd\xf8\x0c\n\xb1k\xc1X-\x00S\x80(gc\xc1\x06\xfc;\xb9\x95k\xad\xccX\xdf\xc2\xc1\x9d\xfa\xb7\xf1g?\'\x0ec\x13\xa1\x99\xf5_\xe5\x8b4\t&lt;\x16\x12\x7fI\x93\x16\xf9\t}\x1a\x00D\xd9\r\x11/l_\x90\x11\xe3\x13`Q\x8a\xcb\xfb\xd8\x9ai7\x0e\xac(\x1a\xdbG\xd4\x91g\xe7\xd8\xd0d\x8a\xb5*\x9c\\_\xf8\xe4\xec\xd6\xf5\xd3\xb2\xb7\xcc\x1a9\xb2SDNZ\xe4\xb7\xfb\'\xde\x16\xef\x8b\xf7\xb4`#y:\x883\xcf\t\xc7\xd7N\xe7\xbf\xbf\xe9\xf5|\x7f}?g\xed\x93\xe0e%\xce\xfc\x7f\xda\xde\xb7.}w\xe8\x01\xa8\x01T\x02\xb0Q\xe7\xfe\x16\x1d\x03\x1c\xf9\xb7\x87\n\x80\x8b.L\xcel\xf7\xe1\xc6A\xb6B@\x9bF\x96\xffk\xe6\x9fjT\xf1\xf1\xe7\x03NU&lt;\x19\x1e\xd7\xd9C;\xd318\xd0R\xa7{\x98\xfb\xb2\xf1\x99\xdb\xe7\x8e6\x16\xdfa\xac$,\r9\x17,2i\x0e0+;\xed\xd0\x8a\xc9\xa2\x83\xf6mk\xab\x0e\xb4$\xdb\x9e\xc5\xe3H3v\x1a\xc5I\xe7\xe10\xb1O"\xe23\xc4\x9f\x1c#L\x05\x80\x10;\x03\xd9/\x8fR\t\xb2\xa9\x82\xf8\x06_^\\?-\x1b\xf1\xe5\x98\xae-\'e$\x1e[3\xdd\x8ciC\xfbY\x90YR\xbfEp\x1a(O}\t\xce&amp;\xe7\xb6\xce\xfb+\xa2T\xa4V*\x8dRGD"/\xc3\xc7\x0c\xc0\x94\xa9\xa0T*\x07\x97O\xbe\xbe\x7f9;\x85\xa8D\x1c\x86\xe4\x1d\xcfpW\x8e\x90Y\x16:w+\xde\xb3\xd4\x81\x19\xf3e{\x89\xe7\x8d\xe8v\xf7\xe8Z\x8ew=\xd1\xdb\x9a\xaf%\xc7\xd23\xb2Q\xb8\x83\x11\r\xfc\xe7pe\xf7\x12v`\xca\x88\xf1\x99\xd6?9\xd8\xa6\n\xe9U\x15\x9e\x94\x82\x8c\x03\x95\x99\x1f\xf7\'\xf6I\x98\xd8\'aS\xe10\xb1\x8e\xc8\x17\xbe\xd3\x95\x83\x8f\xa9F\xa3\xea\xaaf\x00\xf8\xe5\x0e\xd9\r\xbf\xda\xbb:\xa3\xfdW\xbcwiH]C\xd9o\xfc\xc4\xc64\xcd\xed\t\xf9\xe7\xd8\x9ai\xech^Y,\xf5\xa3\x01025\xe2\xe4\xfaB|W\x8c\xf8\x95\x890\xc6\x059\xdd\xe9\xad\xa5\x02\xc0V\xfd}~a\x07\xab\x96H\x87i?sQ\x15\xa0\'g\xb6\xb0\xc1~V\xaa\xc0J\xec\xf5i\xd9\x98]&lt;T\x06\xe8\xd0\xb4\xde\xbc\x11\xdd\xd8k\xb9j\xd2\x80&amp;\xb5\x84\x05\'\xaa\x00\xf4\x8cl\xf4\xe3\xe1I\xb6\xbd\x0c\x11\x94\xff\x0c\x81\x96:\x97v.\n\xb6\xd1\x0fs0\xdaW\x94\xff\xea\xb2H\rqr\xdf\xb6\xe2\\\xb0\x12\xa4E\x98\x05\xdb\x94&lt;P\x83\xdb\x05]\xddSD\xda\xd3\xe5[\xef\x96\xdeD\x12\x96\x08\xda\xc8\x08nyqq\xe7\xef\'gS\xfc\x1d\x88\x1e\xec\xbe%\xf9C\xda\x07\xb3fS\xdar\xc6\xa0\x8e[f\x8d\xb8}du\xa4\xcc\xe4\x97.!\xae\x17w,|yi\x17\xd1u\xd0\x03\xe8\x1d\xedm\xa9\x0c\xfd\xdb\x04 \xe2\xa2\xd1=\xa5mH\xe3\xe18\x9f\xd7\x04`\x97\x93u\x00zEy\xb5lP\xd3\xb3\xbaJM\x80s[\xe7!"G\r)\'5b\xff\xd2\x89\xecY\x8f\xe8(!\x92N(\xd5\x9e\x18\xcc\xe4\xe2\x12\xbe\xdc9*\xdb\xe8)\xcdu\xc6\xa1$d^\x8c4\xb9\xf3\xb2\xd6\xda${c\xa7f\x81\x96:\xac:&amp;E\xce\xaer\xf6L\xf8p\xe3`\x8ck-i\xc6o%\x00\xf2`\x1b\x02 &gt;\xbfwl\x1d;B\xaa\x12\x15\xd8\xa7g%z\xf3\xe2"\xe2\x0b\xfaW\xcb\x065c\x1b\x9a/\xe3\x85E\x10\xcel\x9a=)#\x91\x0ev\xd5\x00t\x01\\t\x81\x0c\x10\xfc^I\x86$\xfd\x11+\xf2\xfbe\xb4\xf2\xd9\xb3(\xaf\x9d\x8fm\x9cG\x9d9\xc3\xba\xf0S\xa6\xf9\xd0{\xa6\x95\x9b\xd9\x99M\xb3\xfb\xb4l\xcc\x7f\xdb+\x93\xc2\xebb\xa6f%\xcb\x8e\xa5^;e\x10\xa7ol\xd595\x80\x96\rj&amp;6\xb6\xf16Q\x0f\xb6\xa92\xaeGk\xc1\xec\xf7\xf1=\xe3\xd8}\x8au\x98_g\xc55mlZ\x81v\xbbS3\xe7\x9c\xb4H\x92\x85\xeeY]\x85l\xbb~\xda\x10v[V\xe8\x82\x9f\x124\x83\'Ww\xff\xc4\xfa\xe6\xb6\xfa2\x9e\xa6fVz\xbb\x17\xe5\xb1\x9bH\x8b\xa6\xfd/\xc1\x9e\xcf\xcd\x83+O\xac\x9b\x81o\xaf\x12\xbd\xfb\xbctn\xe2\xcc\x9ca]J\xdd!I\xe6v\xaa\x0c\x1e\xd5\x94\xed5\x81\xd4\x17+u\xd4 \x95\xb3h\xae|\x92\x9f\xfd\x81\xa5\x13\x11q\xf7\xa2&lt;vZJ\xee\xaa\x81\x89\x81\r\xaa\x94\xf4\x9c\xcaJK\xc3E\x17H^[\xb0\x8d\xfe\xbe\xa2|D\x8c\xf3\xa8C\xaa}\xb2\xe5)X\xaa\x00\x8cL\x8d\xc0\xdf\x8f\xf0\xf3-\x19{\x0e\xb0\xd09\xb5a&amp;"vn\</t>
        </is>
      </c>
      <c r="E86" t="inlineStr">
        <is>
          <t>&lt;class 'numpy.ndarray'&gt;</t>
        </is>
      </c>
    </row>
    <row r="87">
      <c r="A87" s="1" t="n">
        <v>85</v>
      </c>
      <c r="B87" t="inlineStr">
        <is>
          <t>steps_per_sec</t>
        </is>
      </c>
      <c r="C87" t="n">
        <v>1300</v>
      </c>
      <c r="D87" t="inlineStr">
        <is>
          <t>3.353881</t>
        </is>
      </c>
      <c r="E87" t="inlineStr">
        <is>
          <t>&lt;class 'numpy.ndarray'&gt;</t>
        </is>
      </c>
    </row>
    <row r="88">
      <c r="A88" s="1" t="n">
        <v>86</v>
      </c>
      <c r="B88" t="inlineStr">
        <is>
          <t>Loss/object_center</t>
        </is>
      </c>
      <c r="C88" t="n">
        <v>1300</v>
      </c>
      <c r="D88" t="inlineStr">
        <is>
          <t>0.23529783</t>
        </is>
      </c>
      <c r="E88" t="inlineStr">
        <is>
          <t>&lt;class 'numpy.ndarray'&gt;</t>
        </is>
      </c>
    </row>
    <row r="89">
      <c r="A89" s="1" t="n">
        <v>87</v>
      </c>
      <c r="B89" t="inlineStr">
        <is>
          <t>Loss/box/scale</t>
        </is>
      </c>
      <c r="C89" t="n">
        <v>1300</v>
      </c>
      <c r="D89" t="inlineStr">
        <is>
          <t>0.09212252</t>
        </is>
      </c>
      <c r="E89" t="inlineStr">
        <is>
          <t>&lt;class 'numpy.ndarray'&gt;</t>
        </is>
      </c>
    </row>
    <row r="90">
      <c r="A90" s="1" t="n">
        <v>88</v>
      </c>
      <c r="B90" t="inlineStr">
        <is>
          <t>Loss/box/offset</t>
        </is>
      </c>
      <c r="C90" t="n">
        <v>1300</v>
      </c>
      <c r="D90" t="inlineStr">
        <is>
          <t>0.15985917</t>
        </is>
      </c>
      <c r="E90" t="inlineStr">
        <is>
          <t>&lt;class 'numpy.ndarray'&gt;</t>
        </is>
      </c>
    </row>
    <row r="91">
      <c r="A91" s="1" t="n">
        <v>89</v>
      </c>
      <c r="B91" t="inlineStr">
        <is>
          <t>Loss/total_loss</t>
        </is>
      </c>
      <c r="C91" t="n">
        <v>1300</v>
      </c>
      <c r="D91" t="inlineStr">
        <is>
          <t>0.48727953</t>
        </is>
      </c>
      <c r="E91" t="inlineStr">
        <is>
          <t>&lt;class 'numpy.ndarray'&gt;</t>
        </is>
      </c>
    </row>
    <row r="92">
      <c r="A92" s="1" t="n">
        <v>90</v>
      </c>
      <c r="B92" t="inlineStr">
        <is>
          <t>learning_rate</t>
        </is>
      </c>
      <c r="C92" t="n">
        <v>1300</v>
      </c>
      <c r="D92" t="inlineStr">
        <is>
          <t>0.001</t>
        </is>
      </c>
      <c r="E92" t="inlineStr">
        <is>
          <t>&lt;class 'numpy.ndarray'&gt;</t>
        </is>
      </c>
    </row>
    <row r="93">
      <c r="A93" s="1" t="n">
        <v>91</v>
      </c>
      <c r="B93" t="inlineStr">
        <is>
          <t>train_input_images</t>
        </is>
      </c>
      <c r="C93" t="n">
        <v>1300</v>
      </c>
      <c r="D93" t="inlineStr">
        <is>
          <t>[b'512' b'512'
 b'\x89PNG\r\n\x1a\n\x00\x00\x00\rIHDR\x00\x00\x02\x00\x00\x00\x02\x00\x08\x02\x00\x00\x00{\x1aC\xad\x00\x00 \x00IDATx\x9c\xec]u`\x14\xd7\xf6&gt;qwwwwww\x03\xe2\t!\x84\x04\x0fNpww\x97R(\xa5h)\xd0R\xa7^\xea\xee\xae\xaf\xed\xfbU_\xdbW9\xbf?n\xf6rwlg7K_\xa1\xfb\xfd\x01\x9b\xd9\xd9\xd9\xd9\x99;\xf7\x1e\xf9\xcew\x00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xe1FG\xa81d{\x99"\xfe\xa6\xf5#\x9b\x0f\xed\xe3\xd9^&amp;=\xc5\xb1\x82o\xa5\xba\xe8q\xb6t\xe6\x84\t\xbe\x06\x80x[\xf8\xe5\xc3\'\xaf\x9e\xdb\x8d\xf8\xdd\xd0\xceH\x14Y\x9e\xc6\xd2;\xb8\x02\x8c\xcc\rw\x06\xc8\xf7\xb3\x98\xdd\\\x90\xe6\xa2_\x15\xe9r\x9dNFc\xf4\x95%\xb8*o\xf9\xe3\xb3ge~\xf6\xe3\xab\xe7M\x00b\xad\xe1\xfd\'\xce \xa2\xbb\xec/]7\xb9\x89\xb3%r\x88\xe3F6B\x8c\xae\xbdNr\x80\xc7Nl\r5\x82\xc5\xa3\xab\xa4?\xf5\xd1\xd3\xe7\x10\xf1\xc4\xc6Y9\xdefj}\x9d\x07\xc0\x98\x92XD\xe4lOw5\xe8-\x8d\xa3\x7f\xfa\x01\x98\xaau\\q \xe2\xaf\x1f&gt;\x05\x00\x1b\xa6\xb4D[\xaa\xf7\xd9h\x0b\xd8\xbb\xa07\xc7\xdb\xf4\xddGOj\xe5d\xfcd\xec\xb3\xac\xb7\x96\xbf\x913&amp;\x11\x7f /\xb8S\x80\x02*\x1fF\x16\r\t^\xa5!v\xf2\xf7\xbf!Q\x11\xeeX\x1cd#\xb1\xc3\xfa\xfe\x16\xed~c\xba\x9b\x81\xe0\xf6a\x89\xde\xf2\x0f\x12o\x0b\x0f\xde\xba~(\xa7\x11e!\xf5.\xfe\xfa\xc1\xc1%\xe3\x87r|\xee\x01\x11\xbfx\xe1n\xf2\xba(\xd0\x9a\xbd\x04\xd1\x960\xa68v\xdb\xac\x91)N\x80\x88\x0bF\x96_\xd8\xbdD\x83\xaf\xf0\x92|\xd7\x0f@_\x83\x83\x8a\x83?[\xa9DW~\xe4@k\xa1\x89\xa6\xdf\xd8\x95\x17a\xa6\xf8\xea\x18+M\x8f"\xfb\xbb4\xf8\x86\xb6\xac\x10D\xfc\xf4\xd9\x0b\x1a|\xa3\x0b@oI\x9c\x91\xf2\xc6\xa9\xc3\xb2\xc2\xd5\x99\xf2+#\x9d\xcb\xc3\x1c\xe4\xec\xd9\x99\x1b\xfe\x7f\xaf?H\x86\xdc\xeey=\tjNtk\'5n\x1f\x18\x85\x88&gt;\x00\xd5Q\xd7\xd7^!G\xf7\x07H\x92\xfce\x95\x11\xce\xf1\xb6\xda\xfc\xde\xbe\xb2\x84\x0cwCm\x1e\xf1o\x8b\xe9#r\xff\xd7\xa7\x00\xfe\x00\x95\x91\xce\x13\xabS\xc9\x9fb\xf3\xb33@\x82\x1d8\x0b\xbdU\x17+\xdf\xb8\x84\x1ds\xba\xd5:\xbd\x86\x04\xe9\tV\n\x88\xb8{\xfe\x98O\xae\x9e\x07\x80\xe9#r8Sg\xac5$9\x0c\xda\xb6m\x99\xc151n\x88\x18(f\xc3\x00\xf8\xf0\xb6\x18\x03\xe8\x03$;j|\x82\xc2\xe7\xcc\xd9b\n\x90\xe7;x[\xa2-!B\x9d\x89\x89\x7f\xce7\x01\xf2\xfd\x04\x06\xa9%\xc0\x91\x95\xfd\x1a\x1c\xed\xe8\xea\xa9\x88\xbfs6\xd6\xc7{J\x9b\xe7\xc1\x06\xc0y\x7f\xd5\xf8a\xe4\x85\xcc)\xfd\xc4\xc6\xd9\x8d)~\xec\xdd\xac\x8b\xf3\x98\xd5\x94\xcf.\xb1\xe6\x00\xd3\x87\xe7\x04(\x7f0\xc7\xdb\xf4\xc0\x92qS\x1a2\xab\xc4\x17\x00\xf2@\x8e.\x8a\x01\x00\'y\xe7\xc3\xc1\xd8\xf2\xc4\x89\xd5)\x00\xc0Y\xa2\xf8\x8f\xfa\x9e\x05\xbd7\xbf\xc1~3\xc1\x15\xc0\x0c\xa0D\xde=\xab\x89q\xd3\xec[\xd4X\x13\x00\x00@\xd0E,\x0bu\x906x\x13\xec\xa0\xbb0:\xdb\xcb\xe4\xe9\xb3\xbbOm\x99K\xb7\xc7Zs\xf7DD\xf6Pn\x00\x8bFU\xb0;\x04\x19\xc0s\x17\xf6\xdf\x7f\xcbZ\x00\xa0\xcb!\xff \xfc\x8d\xb6\x12\xe7\x07\x00\x00\x11f\x10a\x06#\x92}U\xed\x08\xb9&gt;\xe6\xfc\xaf\x08S\xc3{\xd6&amp;\x0c\x00\xa4\\T\x06C9\xc1\x08\xf5b6\xd0\x96\x15R\xe0/7t\xc2\xb9\xe9\x00P\x1f\xef\xc9\xd9\xc7\x1b`ly\x02\xbb%\xcdU\x1f\x00\xe2m\xa1L\xdc\xa8\x8f\xb5\x16\x18c\xf4-\xcdpb\xc3\xac&lt;_\x8b\xa6T\xff\x86x/\x17\x00\xf2\xdd51nn\x00Y\x9e\xc64\n\x87\x88\x16\x00\xf5q\x1e\xb7\xac\x98\xbceF\x87\xe0\xa1Z\xd2\x03\xe9u\x9d\\\x9b\xce\xfd\xcd\x00\xa1\x92\xf7l\xd1\xa8\nD$WY\xf0\xd7\xe4\xfb]\xbb\x05\xfa\x00\xfc\xe3g{i\xecp\xfe\xe3\xb1vR#\xfbg\x9e\xaf\xb9\xb4\x0b\xc6\x87t\xcc\x01\x11\xa74d\xe2\xb7\xaf\xab}f\x0c\xd8\xb0\xd1\xb4a\xd9\x95\x91\\\xdf\xc0_\xf2\xe3\xa5!v\xfcG\x91\x8f\x02\x7f\xcb[WM\x91\xd8\xc1]\xf1/\'\x9ayx\xf9$\xce\x9e\xb1\xd6\xdc\xe9{\xfd\xe4\xe6\xfe\xba\x0c\xf2\xba(\xd0\x1a\x00\xe6\xb6\x97H\x9f\x0f"^\xda\xb7\x9c\xb3\xf1\xfaM\xd0\x1e\x00\x97\xf6-\x17\xf4\xba(\xd2\x14\xa9\x97\tU)2\x0f\x1b"\xee^{\x03\xe4\xf9\x0c\xce4\xb5\xb2\x1d\xbb\xfaxO_\x99\xbb^Ox\x02D\x98\x82&gt;pms\x8ahKhJU\x1a\x98a\xbci*\xc6\n~|\xe7Q\xe9k\x0e\x00O\x9f\xdd\xd5[\x1a/\xf8\xd6\x88d\xdf\xf20\x07\x1b\x80a\x89\xdej\x8d\r\x0b\x80q\x15IGWO\xb5\x05\x98X\x9dJ\x86\xf4\xe6\xe9\xedE\x816\xbb\xe6\xf5\xd0\xc5\x98\x0e\xe3\x13\x1bg\xc9&lt;r\xb8\xb6g\xe3\xc2\x80\xc1u!\xde\x16JB\xec\xe6u\x94\x14\x06(\x85\xee\x12\xed\xb5\xfc\x8d7?\xc4nR\x92\x03\x98\x01\xf4\x95\t\x8f61\x8c\xafL\x16\xdc\xce\xc9\xde\xd4\xc5yp\xbe\xcbVy\x87a\x89\xde\xc1\x86\xe0\xa1\xbc\xb15#H\xe5\t\x10\xe3\x8b\xf5g}\x01:\xb2C\x01\xe0\xab\x97\xefE\xc4u\x93\xb8\x99F\xce\x99|\xff\xd6\x15D\xbc\xb8w\xa9\xf4\x17\xa5\xa8rq9\xe1]\x89\x08\x8a\x9cu\xf6\xc1[\xd7\xb3.yM\xb4\xdb\xe4\xbat\r\xe2\xf2*\xa7\x18\x8a\xe2 \x1bv\xa9dW\xc4\xaaH\xe7\xc9u\xe9\xe4\xf5@k\xa1\x9c\xa3y\x03\xac\x9e0\\\xf0-N\xa6\x97c\x88\x80\xd0t\t\x00f\x00\x9b\xa7\xb7\xb3[l\x00J\x82m\xb52\x05x\x00w\xec\xa9Dy\x98\xc3\xf9]\x8bc\xadavs\x81\xc4\r\x95p&lt;\x04CL\x1c,\xed\xa9\x16;x}\x9c\xe7\xd4\x86\xacXk\xe8.\x88\xda8\xb5\xb5\xaf,\x9e\x1fb\x92\x00~\xf1\xc2cwlC\xc4\x9a\x18\xb7\xf6\xac\x908\x1b\x98\xdd\\0\xae"\x89\xbf\'\x89m\xfe\xcfQ\x12l\xcb\xbf\x14e\xa1\xf6 \xc39\xfe\x87\x82\x8d\xcc\xd2\xe7\x84\xe39FYh3\x80\x1bf\x02\x12\x89\x9a\x96\xf4@b\xa9d\xba+\xcd\x96\x15\xe1NUQ.9\xde\xdc9sjC\x96\xe0q\xd8&lt;X\x88!l\x1f\x18%\xf6\x8d\xdf\xbd\xf9\xf0\xcc\xc6\xbcT\xe7k\x11\xf7\xc6\x14.%\x01\x11\xd7N\x1c!z\xd2\x00\x00\xb0{\xfe\x18\xe9$\x01"\xa6\xb9\\\xf3\x88\x16wW\xc9a&gt;H`\xa0\xb5Pp\x1eT\x17\xec\xd2\x18m\t\xc3\x93\xe4\xde\xed\xe7/\xec\xa7\xaf\xa76du\x17F\x93\xd7Q\xb2\x89:k\'\x0e\xce\xec\xd2\xd1\x97\x07o]\xc7\xdf\xc8\x1a\xd7b\xd7}\xe7\x9cnv\xc5\x92\x1f\xb1\xd1\x0c\x9c\xdf=\xaa *\xc7\xdb\xac"\xc2\xe9\x95\xcb\xb7\\\x8f\xaf\x0b7\x05_\x80\x7f\xbf\xf6\x80\xd8\x0e\x15\xe1\x8e\xcb{\xeb\x00 \xd3\xc3\x08\x11\xd7L\x18\x81\x88\xc9\x8e\x02\xd1\'1\xccm/A\xc4\xd7\x1f8F\x06\xda\xa8\xfcH\x89\x9d\x9bR\xfd\t\xc7\x86\x9f\x10\xd0\x07x\xf6\xfc^\xc1O\x8d\xcc\x8b\x08V8\x82#s\xc3U\x9e\x92\xea%Q\x19d\xb6\xd1\xc00\xfa\xa7\xa09\x8d\x93\xda\x01NJ\x87$p8\xa8\x8eV\xb2\xe0\xc5\x9cP\xe9\xf0\x0bA\xa0\x1ex\x03\xd4\xc6\xbaO\xacN\xed\xca\x8f$\xab\x0f\xc7\x8f\x03!\xa2\x98+\xc0\x8e9\xdd\xfcUA\x03\x18\xf0\xfe\xb4Q\x04\x97d\xcef!F\xd7|\x9a\xa3\xab\xa7VF:\xdf\xb2b2\xf9\x93\xb0\x9b2=\x8c8Qf9\xc3]\x1a\xf8\xdf\x0f\x1bD\x1ef\xf9\xf38\x07\x9d\x9a\x9eU\xa2\x03\x80r\xa2\xaf9-\x80\xe3\xd8Qp\x88g\xc4M\x0c\x10\xcf{K\x03\xff\xf8\x04\xc4}M\x025#\xfc\x02P9\xf5\xd4j\x9a\xa6\xe2@-\x97E,\x81F"\x8d4\x1d\xed\x01P\x1cd\x8b\x88\xbb\xe6\xf5\x0c\xe5\xdcb\xad\xe1\xf3\xe7.\xbe\xfb\xe8\xc9\xdeR%C.\xcf\xd7\x1c\x00\x9c\x01\xc2MaVs\xfe\xe4\xda\xf4\xf2pG9\xac\xbe\x8e\xec\xd0\xfe\xfa\x0c\x00\xb0\x07\xa0\x8f\x8c\x1c\x08S\tu\x18:R\x94\x83\x02\x19nJ\x91Z\xc2I(\n\x1c|\x80\xa5\xc9\x94r\x90\xe4\x08\x88Hg\nWUy!\x8a\xbbv/\x16{\xab\xbb0\xfa\xbb7\x1ff\xb7\xe8\x03\xf4\x95%p\xd7:\x80\xcb\x07W\xf1\xad\x83\x8a\x08\xcd\x08\x0b\xff\x03\xb0\xcf\x18{\x9f4\xfe\x01d=\xd1xQ\xed\xca\x8f\xd4SDKZ\xd2\x035=\x8cz@\xfc\xec\xaf\xf9\xa2\xff-\xd8\x88P\xb6\xa7j\xef\x8f?\xb0\xdd\x01\xea\xe3\xe4\x9a\xffb\x88\xb6\x84\xd5\x13\x86\x07\x00\xfc\xf0\xf6#d\x8b\x1f\xf3]\xf6\x00\xa3\x8b\xa2%&gt;\xce\x19Zl\x9a\x90\x13#U\x17\xd2\x836\xd7\xe7\xaf*!\xb9\xd11*?\x9202\xc9\x9fZ\xe1U\x899\x80\x1c\xc4\xd9\x00"\xca$\xf3\xcej.\xe0\xd7|Q\xf0#\xd1\xa9\xcezc\xcb\x12\x04w\xfe\x0b \x18&lt;\x95\x03\rx\xc8\xbf|\xf0\xe4\xe5\x83\xab4\xfb:D|\xed\xfe\xa3\x812J\x06\xf8^\xda\r\r}^^\xea\xaf\x01\x87\x03&amp;\x06\x8e\xa55\xb6&lt;\xf1\xba\x9c\xcd\x90Q\x14h\xfd\x17\xc4[\xfc\x84J\xbdT\x96\xe9\x11\x18\x03\x84\x0eq\xa9\xf9\'@\xbe\x87ut\xf5T\xf6\xcf\xb9\xed\xc5\x82\xbbE\x98Ac\x8a\x1f\xcb\xe7X\xd8UN^P\x8b?\xc8\x00No\x9d\x0b\xda\x00\xbf|\xa64\xc4~T\x81T\x10\x93\xa2!\xc1\xcb\x05\xe0\x8d\x07o#\x7fJ\xa7I\xc5fv\r&amp;nw\x00\x07\x00\x03\x80t7\x039\xf1\xfd\xc6\x14?\xc18\x12\x9ft(\x1f\xc1\x06\x80\x88nB\x11\xf3@}\xb8\xb0g\xe9\xb0\x04/D$\xf1\x04\xcd\xbeb\xe8P\xb7\xa2MN\xae\x84L(\xab\xc7\x0b\xe7\xa5\xb5\x0e\xbax\xcaL\x05\xadQd\xa1\xb4\x13f\xd2\x06\xb4X"e)\xef\x1e\x11,\x18Y.\x18[\x96C\x9d\xa8\x08w\x94\x19`\xa0P\xabx\xf8&amp;\xc7\xa1e\x13\xc9\x8b\xee\xc2(\xce[\xech\x10\\&lt;H\xa6n\xd5\xf8atj^\xdc]EX\\\x17\xf7.\xd3\xec|\x10qvK\x81\xf4&gt;\xc3\x14\xb9Y\'\x80\xf5\xfd\xcd\xf2\x8f\x8c\xf8%\xf3\xfa\x0f\xce\x0e\x0e\x00\'6\xcc\n\xd2\x87$\x07\x18\x96\xe8-\x16\xb6\xd5\xc0\x7f\xaa\x8f\xf3\xdc=\x7f\x0c\t\xaa\x02@\x1f\x93_!\x151\x9c\xb4M\x81\xbf\xd5\xe7\xcf_R\xff{\x84\xd1\x90\xe0\x15j\x0c\xa1F\xc0\x0f\x97\x15\x07\xd9\x900\xb7-\x00\x00\x8c\xcc\rOw\xfd\xa7Db\x1b\x12\xbc\xe2l\xfe7qg:\xaf\x95\x04\xdb\x06\x00\x10\xe7\xcc_Q\xab\x11\xa4|N\xb6BG\xf8\xfb\xfbj\xf3;\xcb\xc42\xf9\x93k\xd39)\xc6X\x91_#\xe7g~\xf5\xf2\xbd3\x1as\xe5\x9fX\xba\x9b\xc1?4\x81\x9c\xe3m\xaaV\xb5=qQ\xe5\x8b9\x90zWu\xcf\x8a\xa3K\x81\x88\x88_K\xec\x8f?\xbc\x85\x88_\xbfr_]\x9cGu\xb4\xeb\xb4a\xd9\xec\xbb\x93j\xd3\x1e&gt;\xb6Q\xec4h.n\xd5\xf8a\x82\xa5\xb9s\xdb\x8b\xb7\xcf\xeeB\xc4}\x8b\xc6\x8a\xf1K\x10\xff\xe4\xcc\x92\xb6\x02\xfb\x88\x1a\xec\xab\xc65\xbcz\xdf\xad\xec\x16se\x8a\x94\x17@\x81\xbf%\xe2\xe7"\xdf\xaf\x02\x93k\xd3\xe9k\x1f\xa6:I,\xab\xcf\x86Q\xb5\xebF\xff\xcdK\x85\xed\x81\xcb^\x9b&gt;"g\x88\xc7$\x99\x12Z[\x13\xa7\xaa\xda\x8d\xe5g[\x01|\xf3\xea\xfd\x88\xc8\x1a^\xcf_\xd8\x7fx\xf9\xc4!\x9e\x15A\x9a\xab\xbe\x9c\xd5\xae\xbf.\x83x\xc0\xe7w-\x92\xff8\xdf\xb1q6gK\x90\xb8O7\xae"\x91\xb5\xc0\xcf\xedX V\xc3\xcfj\xc9\xa8[\xd6\xa7\x83\x00\xf0\xe7\xf7\x10qRM\x9a\x9c\x9dI\x05\x13\x1f\xc1\x06j\xb8\x8a4\xd8b\x03\xc0j\xbd\tJ\x80\x1dZ6q\xdb\xec\xaeO\x9e\xb9K\xe2\x80\tv027&lt;\xc6J\xc0\xc1\x8c\xb1\x82\x11\xc9\xbe\x1d9a\xec\xc0\xe5Oj\x89\x0e\x10a6\x98\xe3\xe2\xac\x01#\xf3"\xc8\xdc-\xc6|oL\xf1C\xc4\x0cw\xc31%q\xeb\xfb\x9b\xc9A\xf8\x95\xfd\x88\xb8`d\x19y\xcd)\xc2\xc0\x1f\xdffO\x8f&lt;\x93\x9c\xb9\xd2I\x88\xa2\xbek\xeeh\xc1S"\x04\xd9Hs E\xf3\xec\x0f\xca\xf2\xb8\xc1\\\xdd\xeb\x11\xc8\x95\x08Dp\xae\x8e\xd8\x1a\xa9\x19\xecy\xa3K%85\xaeo_9\x81\x88\xd4\xe3\xc4\xdf?\x0e\xd6\xd4a\xf9\xf8\xe9;\xa76d\x8dH\xf6\xb5\x01\x98\xd5,\xeaa\xdb\x02\x00\xc0\xbe\x85}\x88x\xdb\xda\xe9t\xa0\xb2E\xfb\x81\xfa\x9a\xd7\xf0\x13p\x04\x01oY1YN\xa5\xe1\xdfNL\xf1\x06\xc5\xfe\xc5c_V\xc5b\x1e\xe2s8\xaf\xe3Z\xd5\xab=@\xa8\xf1`\x94sd^\x04\xdd.\x91\xbf\x97\x0e\xfc\xc5\xdb\xc2\xa1e\x13\x11\x11\xff\xfc\x94\xff\xee\x94\x86\xcc\xfe\xba\x0cD|\xff\xf1\xd3\xa0&gt;s&amp;\xc3\xcd0\xc3\xddP\x1f \xc6J\xd8\xf5!\xcb\xc3\x83\xb7\xae\xef\xc8\t\xc3\xef\xde\xf8\xf5\xc3\xa7~\xfd\xe8);\x80tW\x03+\x9e\x18\x00\xbf\xb2\x97\x83\x05#\xcb\xae\xdc\xb6\xe9\xae\xddK\xd4\x92`\xf4\x06\xf8\xe8\xa9s*w\x0b3\x86\'Nm\x97\x7f\xd8\xbf\x00\xea\xca\x93\x11\x88\xd1\xd2*#\x9d\xed\x01F\xe6\x86;\x00\xb4e\x85hpd9U\x87Z\x01\xa7\xfe\xab&amp;\xdaU\x8e:\xec\xf2\xde\xba\x86\x04\xaf\x00E$\xe4\xf7O\x9f\x95\xbe\xa1\x9c\xeaj\xbe\xf9\x96\xe4\x08\x8bFU\xa8dr{\x02 \xe2\xe6\xe9\xed|F\xc6\xa2\xee\xca\xf2p\xc7\xde\xd2xNBN\xe6Rg /\xac\xaf\x12KFWk\xe30\xff`h\x8b?\xf5\xe7\xe7\xcf\xf17""\x9bfy\xe0\xd6u\x9b\xa7\xb7\xd7\xc6\xb8!"~\xfb\x06\xdd\xce)OSK\xa5\xafS\xd9\xcc\xa7\x880\x83\x05#\xcb\x9e&lt;\xbd\x13\x11\xf9\x1a\x12\x9c\x93\x0c\xe1-t\x17\xf7.\x95\xce*\x17\x07\xd9 b\x81\xbf\x95#\xc0\xd3gw\x8dH\xf6%K\xc2\x03G\xd6=tt\x03\xe7\xa9\x880\x1b4*%\\\xe9\x10C@D\xb5\xc4{+\xc2\x1di\x89\xb2\x84E\xc8.`\x8b\xbb+\xd5\xf8\x02UH\xb4\x07N\xe4m\xe8 \xc1\xc9E\xa3*\x81g\xeb\xad\x1c\xdb\xb0S(D0\xa7\xad(\xc4\x10\x1e\xbem\xe3=\x07W\xd2\x8dj\xb9&lt;\x9ai\x01\xba\xf2\x9cc\xadk\x13\xb0\x05\x86\x14+\xfa\xea6Nm\xa5a%\x07\xc6P\xab\x89q[=a8kGkQ\xa0\x81]\x80\xc9\x00w\x02(\x0e\xb2\xd5\xde7\xa8\x07o\x80[VL\x92\xbe\xd1\xb6\xca\x7fv\xe5E\x1c]=U\x17D\xba\x06m\x15PV\x84s\xf5*\xef\xdc\xb9\x90#\x8a\x92\xea\xa27*?\x12\x11\xcfm_ v\x9cD{\x98T\x93\xda7\x04N\']N\xb2&lt;\x8dS\x9d\x07\xe7\\\xe9B$\xce*8\xb1:UN\xd0\x93\xe8\x1d\x01\xc0\xba\xc9\xcdl\x81\x8f \x8d/\xcf\xd7|Bu\xca\xe5\x83+c\xac\x80U\x81\xa70\x04\x08\x12\x9f\xc5\x0b\xfc-\xf9\x99[[\x95\xa7\x08\x10f\xac\xf6\x14\xa0\x86r\xf7\xf5/\xc1e1\xa7\xb5h\xeb\xac\x91\xea~\xea\xe0\xd2\t\xe4\x85\x84\xa0j\x95\xa4\x89\xa01X\xa5#\xa2\xfe&amp;\x8d\x8b{\x97\xd1\x88\xa8\xaf\xecoy\xf2\xf4\x0eD\x1c\x914\xf8\tisG]\xc9/\x8atW\x83\xbe\xb2\x04o\x80\xae\xbc\x88\xbf\xac\nD\x1a\xc1\x06\xb2\xcaD\xd8\xb0j\x98\xb1\x96\x85\xd3\xffq\xc8\xf7\xb3\x18_%U\x96\t\x00\xd5Q\xae\xd2I\xafdG\xe8.\xe0r\x8d\xb4\x85I5i\x99\x1e\x83&amp;\xd1\xfb\x8f\x9f\xd6\xa0\xee\xa9+?B\xf5N\x00\xe5a\x0e\x88\xc8\xe7\x1d\xf3m"b\xd5\xcej\xce\x07\x800\x13\xd8\xbb\xa0W-!xP\xb8\x0e9^*&gt;&amp;\xa8\x06j\xa3H*\x92?\xd9U\x06\x11%\xe2\x00\x01\x00U\x91\xce^\xca\x13\x99\xcc\x99RN5\x13\xc5\x95\xe3\x9bT\xee\x13i\x06\xa9\xb2gi6D\xbeIYD\xe8o\x8b|?\xcb1%\xb1K{\xaa\r\x01\x10\x7f\xf8\xefGO\xcb\xfc\xa0\xca\xa0\x0b5,\x86\x1eu\x99R\x9f9\xa5!sN[\xd1\x90\x8f\xf4\x17\xc1MH\x9c\xf5\x1f\x8d\xa1wx\x087\x81\x18+\xf8\xe9\xbd\xc7H\x18D\xb3\x83\x94\x85\xda?zb+\x7f{\xba\x9b\xc1\x96\x99\x9d?\xbd\xf7\xb8\xcc\xe3pd\xdaR]\xf4\x92\x9d`BU2G\xb5\xc6\x00 \xce\x06\x88|\x8a\x16!-Q\xc0\x075\x03\x9d\x01\xf0\x9bWH\xe8\x99\xc3\x16\x7f\xf4\xc4\x96\xc3\xcb\'\xa9%\x83!\x87\xd2\xd5\x9e\x1dJ^\x84\x1aA\xa8\x11x\x00\xac\x1a\xd7\xa0\x92\x9d\x12l\x00\xe5\n\xdf\x8e\x9c\xe7\x92\x1e\xd1\xa8k[f\xf0\xd0\xf93Z\xc1\xdf\xa10T\xa6\xcc\xb5 \x10\xff\xab\xad\xd3\x18W\x91H#\xaa\x1c7\x9dfbT\x0e\x83\xa1\xe3\xaf!\xab\xf2sK\x8d)~\xba\xa41\x17\xe9n\x06r\xdc|2\xb9\x1f\xe05\xcf\x8a0\x1b\xa4\xa6\xd8\x8b\xbb\xd5\x12b\x87cJb\xc9\x0b\xceSJ\xfe\xf4V\xbf\xd6\x89Nm\x00pf\xdb\xbc\xbe\xb2\x84\xbbv/\x01e[\xd5\x07`JC\xa6Vh\xbfz\xe2\xa1\xfc7\x15\xf5er\x80\xf8%9\x0e\xffh\x82\x16\x96\xc4\xa4\x16\xa4\xafZ\xaf\x94\x83dy\xfb\x97\x87;\x12\xf2\x12"\xd2\x1b\'\x86\x19\x8dy\x88(mf\x16\xf8[]\xdc\xbbL\xe3\xf66\x821qO\x00g\xe5_\xa4A\xdfM\xb5\x02_\x1c\xf0E\xb7@\x1bJ*ZAE\x84S\x86\xbb\xa1\xa0L\xd0m\xeb\xa6\xcb?\x8e\x9c\x1a~\xadv-\xd2\x10\x9c\x92o\xcaw\xdf\xbb\xa0w\xd9\x98\xda\xbf\xfal\xfe\xe6\x98\xd3&amp;\\\xd9K \x18,\x13|NH\xf9\x06\xc7\xd1"\x11\x0f1\xbcx\xf7!\xce\x16\x0e\xa1\x0c\x11\xe5pW\x10\x11\xbfx\xe1\xa7w\x1f#\x942\x8f!D9Y\x88e\x89\x0c\x00\xfa\xca\x12JC\x04\xb2}\xb6\x005\xd1ZV\x1c\xa8\x8b\xf5\x10\x14\xec\xe3\xa3^D\x9aM\x0e\xf6-\xec\x0b\xd4\xe3v,\xe1@\xacK\xb3|h\xd0v\x8d\x9f\xdf[0\xb2\\\xce\x07\xd5\xb57\xbd\x00\x8c5\xe2\xbcId\x13\xf9\x96\x13\x1fbc\xd5@\x9e\xc8e]\xac\xbb\xca\x85\x9f\xd8\xc4\xab\xc6\r\xe3\xbfuv\xfb|\x92/c\x15s%@$w$\x88\x9f\xff\x93b\xba\xbf\x83\xb7w\xa3\x02\x11%\x94a~z\xf71\x99\xa5\xd2\x03\xadE\xa4\x1b"~\xfb\xba\xca\x81{b\xe3\xac\x9ah\xd7\x00=\xae\xa0\x18+\x9c"_u\xc4\x11\xe0\xa1c\x1b&gt;{\xee\x02\x7f\x7f\xc1\xe8v\xae\x8f\x99V\xf8g\xd2\xf0\x06\xb8\xb8w\x99\x84\x9c\xafL\xf4\x95\xc5KW\xc3I@\xe6\x82\x90\xe7c\xbez\xc2p;U3\xcewo&gt;\x1c-b\xd2\xb2\rI$\x94J5H\xc6 "ilK\'t~\x86S\xfa\xb0g\xb6\xcd?\xb3m^\x8aVS\xbci.z\x96\xc0\xed\xfa\xc2A\xb2\x13&lt;pd\x9d\xa6\x12\xa8\xdc\xe6\x07\xf2\x91\xe4\x08i.\xfa\xdd\x85\xd1\xcf\xdd\xb5\x8fl\xa9\x8ev\x15;\x8d4W}_\xf5E\x98%\n\xbbr}\xcc\xe2m\xa14\xf4\x9ay\xc4\x1aD\x02^\x926@\xeb\xeauP\x0fc\xcb\x13\x11Q\xb0\x8d\xbb&gt;\xc0\xbc\x8e\x12\xfc\xe1-\xc4/\xe8F\xe9\'-\xd2\x1cH\xf78\x12\xc0\xf9\xe8\xa9s\xe5&lt;^\x10\x81\x18\x05\x9c\xca\x07\x01\x00\xe2\xb7jY\xd3W\x8eob\xe7/7\x80$\x07.\xbb\x942,\xc5H`l\xd6Rp\x90\x8b\xd5\xa3#"\xdbA%@\x0f\xf4\x01F\x17E\xe37\xaf\xa8&gt;\xf5\xff5d\x92"&gt;U\x14\xe5\xf1\xbd\xc6`\x11\xd6\xee\xd0\xf3\xfc\xaf\xdf\x7f4\x00\x80ju\xf0o\x9c\xb9r\xcf\x83\xce\x9c\xb0!~\xa3 8\xe9lW\xe6_A\x90\xa5We\xc4L&gt;\xe47\xc4\x1e\x99\x17\xf1\xd2\xdd\x876Mk\xc7\x1f\xdf![\x96\xf5\xd6\x8auq\xd0`Y\x0c3\x1e\xfc\xe1bkj\x81\x9f\xe5\xc3\xc76\x8a}\\z\xd5\x04]w\x17-B\x8e*\x1e\x87u~\xe7\xceE\xb4\xdd\x8aJ\xc2\t\x85/\x000\x04\x03\x95\xf7\xd8\r\xc0\r\xe0\xf6\xf53\xd9\x8d\xd9\x9e&amp;\xec\xb9 \xe2W/\xdf+\xf3\x04\xf8\xb0\x12\xcfk\x19\x02\xd4\xc6\xba\x17\x07\xdb\n\xbe\x8b\x88\xb4\x11\x1d\x07\xa4\xfd\x13m\x96\xc0\xca\\\x0b\x82\x10r\xd8)K\xa6\x12*\x00d{\x99\xc8\xdf\x99"@O\xe9\xa6K\xf3p\xd2\\\xf4\xd5\xca\x88\xc8\x8cD\xb1\xd0\x96\xd0\xca\xbc\x8eR\x8d?[\x12b\'\x986P\x0bs\x95\xd7&lt;B1\xa2\xcd\x85\xc4\xec\t\xad\x84"\xd5\xc2\xf8\xca\xe4t7\x83s;\x16n\x9c\xda\xca\xd9\xae\x95\xe3\xe3\xd7/\xf7\x95\xc6\xe7\xfbZ\x00\xc0\x8a\xbe\xba\xeb\xc7\xff\xfdk\xd2\'r\x88\xb970\xc8\xd3_\x13\xed&amp;G\x89ed^8\x00L\xac\x11nS\xce\x07"\xe6\xfbYJ3\x8e\xc5\x10\xa8\x07m\x99\xc1\x12\x9f\xec\xaf\xcf@\xc4\rSZ\xf8\r\xbcTbX\x82Wkf\xf0\x95\xdb6=\xc7\xf4\xb4\x12D\x8e\xb7\xe9\xc2.\x01\xb5^C\x91\xda\x19D\x9c\xd1\x98K-\xb1o\xdfxH\xec\xc8\xa4#\n\xd1\xf2\x8c\xb2\x80\xd1\x85\xd12;\xdf6\xa6\xf8MR\xdc\x02\xe2=I|L\xb0\x986Y\xd9\xe9\x1abc\xb2!b\xcb\x8c\x0e~u\x88V\x14\xc8\xe5\xe3\xd3g\xee\xe2T\xf9\xee\x9e\xd7\xc3\x99^\xa4\xcb\x929+\xb1+@I\x88\xac\x1fAe\x9d\xfe\xb2\xaa\xa3\xd1\x85\xd1o=|{\xa5r\xc7\x0b9\xa2\x11\xac\xb7M\xe2E\xa7\xb7\xce\xe5S\x8a\x8f\xaf\x9b\x81\x88\xc4\xb0\x08\xd4\x83\x87\x8en`K\xfd\xb5\x02K\xadR\x92\xa4\xa7\xf8pS\xcd{c\xdc\xf0\xa0s\xdc\xf1\xf53\xdb2\x83\xc9\xeb\xf3;\x17\xc9?\xc2P\xd6\xff\x96\xf4@Z\x0cEBx\xac\xd8\xd3\xe6\xe9\xed2\xdb\x1b\x99\x02\x1cZ6\x81\xdd\xd2\x91\x1d\xdaW\x96\xf0\xf1\xd5\xf3\x1c\x0f\x83\x8f\xe1I&gt;D\x8d\xe7:)\x02\x8e\xabL2\x07\x083\x01_\x808\x1bY\xdd\xb8~~\xff\t\xfc\xd7K\x88\xf8\xc1\x13gf4\xe6\x0eQ\x91\xa6\xb74\x9e]e5[\xad\xc5\xe2x\x1a#\xd3\xc3H[T\xd1\xc7\xee\x10\xa0\x11s\xc0\xf7\xd1\x92\x1cA-\xcdH\x8d\x91\xe1n(S\xb1\'V\xd8\xe7T\x03\xd9^\xa6\x000\xb6&lt;\x91C~*\n\xb4^3qD\x89\x88\xbfKq\xf9\xe0\xaas;Dk3):\xb2C\xa9\xd7[\x1f\xef\x89\x88%\xc1\xb6\x7fg+z\\ERu\x94+\xc8k_x\xb3Al^\xe3\xe8\x82\xbdt\xf7a\xaa\xcc\xc3\xff\xc8\xf5\x98\x1c\xfd\x01l\x00\xd2]\r\xcel\x9bO\xb6\xf0\xd7\xe1\xdf?}F\xdd\xc36\xc4{\xba\xc2`\x93wDdK\x7f\x05\xd9\'.0\xa8\x04\'\xe77N\xa9\xcf\x94s\x0e\xe5a\x8e+\xc76\x00\xc0\x92\x9e\xea\xbb\xf7\xaf\x00ER\xb49-\xe0\xe0\xd2\xf1bg\xc2y\x84\x10\x91d\xd4\xe9\x16\xb5\xeaXT\x8a\xb1\xd09\x91\xc3\x1f\x11K\xa5M\xaeM\x7f\xfc\xe46uN\xe1/\x02\xb9D\xf4W\xa8K\x84\xbd\x99\xd0_\x97!\xc8\xd6X9\xb6\x81\xd3\xf5O\x10r\x8cn~\nw\xeb\xccNuE\xee\x08\xa8g_\x16j/\xd3\x9d2\x06\xd0\xacKvOq,"\xd6\xc6\xc8M\xa2\xdc&lt;\x10\xb4&gt;\x88\xb1/\xf8\xa4L\xa8J\xb9\xff\x96\xb5\xf4Orgm\x006Ni\x15\xda]s\xe4z\x9b\xdd\xb2b\xd2\x13\xa7\xb6\x93(\x7f\xa4\x19$\xdakm\xa5!\x13\xfa\x89\r\xb3\xe4\xec\xdc\x99\x13v\xfb\x86\x99bZ\xa7,8\xba@\x9c\xb6\xc9/\\&lt;@&amp;\xfa\x04;a\xcd\x89\xf7\x1f?\x8d\x88\x7f|\xf6\xac\x9c\xb3\xe2c\xdb\xac\x91\xa0\x8d\x9c\xaa\x06hJ\x0b\xb0\x008\xb9y\xe0\xaf\xffj\xf9 \x95\xaer8\x03b\x89\xb1\rSZ8[\xe4\x0fHN\x0fd\xcd\xc0\xf9:\xce\xb3;\xd0Z8\xb1:u\xe8\xb5T\xed\xd9\xa1C\x91\xe6\xd6\xfa$\xbagA\xef\xfa\xfe\xe6\xebZ=\xe0\xae\x98\x13t\xe5`\x83\x18_\x99\xdc]\x18\xfd\xca\xbdG8\xdb\x89\xa2\x08\xfd\xf3\xfa\x91\xab\x88\xbd\x8f\x88\x05\xfe\x96\x13\xaa\x92\x01\xa0(\xd0fLq\xacX(\xb6:\xdauJCfQ\xa0\xb5\x81\x0c\xc2\xf2\xdaI\x8d\x88\xd8.O\x12\xf2\xf7O\x9f\x15#H\x10$;\x82\x15\x00\xfe\xf4nY\xa8\xc3\xcc\xa6&lt;ZH\xbc\xb0\xab\x1c\x11\xa9\xe0\xc4\xf2\xde:\xb5\xfa+\xc8\x04\x95\x8f&amp;\xe7H\\\n\xf9\x10\xd4\x95\xb3U\xe7\x08[gv\xd2\xd7C\x89RX\x01t\xe6\x86\xf1u\xe8\x82\xf4\x05\x9a\xbbi\x80T\x17=\xcaW\xde0\xa5EfIW\xae\x8f\x19\x19q9\xde\xa6\x88?s\xde}\xf1\xd2A\xe9\x8f\xbb(W\x1b\xd8\xab\xef.\x972\xc6/\xe7q\x0b1R\xea\xd7\xdd\x95\'K\x9bD\x1a\x19n\x86rl\x1d\x02K\x11\xce\x82\xc6\xc3`\xef\x82^M?\xaa\x02\x9ay!\xffh\xccm/A\xc4S\x9b\xe7h\xfd\xc8\x1c\xfa\x81\x04\xfa\xeb2B\x8d`\xf3\x8c\x0e\x89}h\xe8\x03\x11\xdd\x94\xf3\x04bX2\xba\n\x11\xe5\x9c\xc6\xac\xe6\xfce\xbd\xb5\x00\xb0wa\xdf\xc6\xa9m\x82O\xaf?\x80+\x00"\xae\x9e\xa0\xd4M0@\xf9i\x0f7\xd1r\tLY\xa8=\x88\x90\xff4X\x98\xd9\x10@y\x98#\xe7\x97\x8e\xabH\x9aT\x9b\xc6N7dN\xce\xf16U+\xcdS\x13\xe3\xb6{^\xcf\x84\xaa\x146\x9e@D=)\xf4\x00h\xd3\xbe\x03\x8b\xc7\x89\xb1\x90)\xbey\xf5\xfejyl\xe08\x1b\xa9\xe2sAt\x17D\x8d)\x19LD=\xc6\xa8\x92\x14\xf8[q\x14\xee\xea\xe3&lt;\xf8\xf3W\x86\xbba\x96\xa71]e\x97\xf6T\xab\xbb\x00\x10\x01A\xc1\xaao\xb6/\x904T\xde#{\x00\'\x80\xd7\xee\xbb\xf5\xab\x97\xef]0\xb2\x9c\x8c\x9f\x08\xa1uwJ}&amp;\xbdu\xaf\xdd\x7f\x94n/\t\xb6\xa3\xf7t\xd5\xf8\xc1\x822#\xd9\xb5\xd3-\xe9\x81g\xb7/\x90\x10\r\xd5\x07\xa0\xa4U\xcd\xe0\xaa\xa6\xf8\xab\x0eR\x10\x1b\xc7\xe4A\xf4Qf^\x93\xa4P\xa0&gt;\xb7}.[\x0c\xa2-\xf0\xd3M\xfc\xd90\xcf\xd7b\xf3\xf4v\x99\xb3\x06\x0bDD\xfc\x8d\xbf=\xd5y\x90\xcf\x17g\x03\xa6\x00\x19n\x86\xe4\xd9\x913\xe0\x82\r\x00\xf1?\x0b\xbad\x15\xaf\xf2!V\x85\xa7\xdd`\xf7\xb4a\xd9\xc4G&amp;\xac\xc5\x18+P\x993\x14\x03\xa7\xbf\x07\xf0*\'\x88|\x1ey\xfd\xe9\xb3w!\xa2ty\xf0Iul\x14\xbf\xeb\x93\x06\xc8\xf56\x93&amp;t\x92\x81\xaeA\x0c\xd3\x1d \xdf\xcf\x82\x8ca\xbe\x03I\xfb\x08\xa9\x04\xff\xab\xcb\xc2\xae\x9d1\xad\xdbr\x02\xa8\x8ctNr\x04\x00\x88\xb3\x01\x7f\x80F\x86\xb1\xed\x07\xc0\xd6-\xb2\xab)\xfb\xdaO\xa3\x9a\xf0\xe3\xebf$\x8a_\xc3\xea(\xd7\xe7Uq\xf6\x04\xc1\xe7\x98\xe9 \n\xf9+$\x9f\xe0Hc\x1d\x00P\x13\xed\xc6/\xf4hJ\xf5\xa7\x9dL\xea\xe2&lt;\xaeG6\xceQa\x17\x03@\xa2\x03T1\x92v\x93\xeb\xd2\xf9\xfb\'\xdaC\xb4\xa5\x12\xa1xVs\xfe\xc9M\x03\xe4\x0c+#\x86T\x1b\x1ak\xad\xf4\xd4\xd9\xf1\x98\xcb{\x17\xf6\x91\x0b~t\xcdT6t\xe3\xa3(\x9b\xd2\x98Ce0\xb4h\x8c \xe4\x88\x16p@&lt;\x86H3%mA~\xbeqAW\xb9XA\x83V\x82fT\xea\x99\xe05\xe5\x16\x9b|\x88\xad\x10\xfdu\x19\xf1\xb6\xc2\xcf\xc8\xa4Z\x15]\xf3\xec\x00B\x8c\x04\\@r\x9b\x10\xff-\xfd\xf1\xbf\t$\xe6\x07\xb6\xd0\xa1!\xc1K\xbe\xa0\x87L\n\x99\x061\x1c\x0b\x80\xf2p\xae/K H\xfd\xfc\x87\xfa\x07&amp;\x001V\x90\xe1nxf\xeb\xbc\xeahWD\x9cX-\x97\xe9O0\xae"i\\\xa5\x92io/\x92C\xfe\xf2\x85\xbb\xc9\x1a\x8f\x88\xc7\xd6L\x93&gt;\xec\x87O\x9ee\xa34\xd7\x83\xaeN}sD\x14+\xfb\x02\x00\xad\xb4&gt;\'v\x94\xd8\xb2\xc7\x16\t\x83"gH\t\xfbi.z\xdbgw\xb1;\xa8{5\xc8L:J\x9d\x14q\x86\xbbau\xb4\xeb\xac&amp;)\xb1&amp;\x0e\x96\xf7I\t\xa9\x96\x04\xdb\xa5:\xebIW\xc6\xfd5\x10[\x1d\x11\xf1\xc8\xca\xfe\xa1\x1f\x9fUi\xf5\x04\xd8:\xb3sBUry\x98\xe8LG\xcb\x98\xb5\x05\xc4_\x00\xa06\xd6\xfdz\xe8k&amp;\n\xf9\xed\t\xf6\xd7\x1a\xdd\xc8\x9f\xfd\xe9sU\x12l\x07\x00\xdd\x05QC\'\xf8\xe3\xcf\xef\x11\x06\x91\x01\xc0[\x0f\xdf\xfe\xe5\x0bw\x0f\xe5h\xe3+\x93\xa3-5$\x17\xdd\x18\xf0\xbd\x0e\xc7Lu\xd1\x13\x0c\xb5F[\x02\xe2g\x88\xb8c`TI\xb0-"\x1a\x0e\xc6@\x90\xaf\x0fS\x19\xe1\xb4{\xfe\x18\xf2z\\E""rZ!J8\xd4\xfc1:\x14\x1dG\x0e|\x01\x16vU\x88I1\xb3Yj\x92\x90\xa0!l_\xd9_1\xaeb\xb0]\xcc\x8e\x81Q\xd3\x86e\xb3A\x92\x91\xb9\xe1\x88\xf8\xe0\xd1\xf5\xfcOI\x98R\xf4v\xc8\x0f\x1cw\x17D\xe17\xaf\x90\xc8\x8f\xf4\x9c\xbdc`\x14yAZ\xccK\x08\x81\r\xb4\x16\xf1\xb94\x00p\xef\xa1\xd52\xcfJ\x1a\xd4e#k\xb6\xccF4t\xce\xa9\x8ar!\x1d\xb0\x97\xf6T\xcb\\\xf3\t\x8f\x8e\x0e\x05r\xf79Q\xc7\\o\xb3\xd2P\xfb\xb2\xeb\x10\xf0\x94\xc6\xf8\xca$Zr/\xbd6\xff5 t\xfb\xeb\r\x89\x8eI\x00\x90\xe6\xaa\xbfoQ\x1fg\xa3\x84\xbb\xbcpT\x85\xaeQ\x80&amp;@\xfc\x9d\xbcpP\xe5\xc8\xb7d\x04"\xe2\x1d\x1bg\xabu\xfc\xe5\xbdu\x1d\x8c\xc23\x1f)N\x10\xa2F\xd7Ha\xf0y\xcd\xd3\x86e\xfb\x00d{\x99\x98*\x9a\x11\xb6\xa4\x07\xcel\xca{\xef\xb1S\r\xf1^\xa0\xec\xab\x92\xe9\xa7"\xc2iaW\x85\x84\x02Z\x95x\xf7\x05~d\x19\xf1\xf3\xd3[\xe6&amp;\x8bO\xf6Z!\xcb\x86\x1aCc\x8a\x1f\xe9\xf4]\x17\xeb\xce/7+bx\x8d4\r\x1d\x00\x90\xebc\xc61\x97nY1y\xe8\xe7\xa3.F\xe5\x0fRr\xb7\xcc\xe8x\xe2\xa4\xb0^,\x99\xeb9 S\x14\xc7\xe0\xb3T\xa5\x86\x96\xe7k\x9e\xe9a\xf4\xdec\xa7\x101\xdb\xcbD]\x1f\x9a\x05~\xf1By\x98@,|yo\xad\xc6\xc7\xf4\x02`\xab4\x86\xa8?!S6c^GikFP[VHi\x88\xbdVx\\\x7f1\x9c\x01r\xbcM\xe7u\x94\xfa\xfe\xaf\xcf\xe4\xef\x05\x1a\xeb+\xf4\x97\x9a\xd7\x89\xfa\xe3\xbc\xf6\x92g\xef\xda\xb7\xbe\xbfY\xeb\xa7Q\x1b\xe3\xa6R\x0c\x84?\xd0\x87\xae\x1f\xa2AM\xa3\x1d\xc0\x82\x91e\x12\xb9\xc7\xdd2\xea\x99\xe5\x83S\x9d\xaf\xb2\xd0T\xd0\xe7vWdSTVK\xb0\x15\xaa\x93j\xd3\x88\xf9\x9f\xe8pm\xc6\x94Sd\xa4E\xf0c\xca\x1b\xa6\xb4\nz0\xaceG\'\xb5\xde\xd2x\xf9N\x12\x1f\x9a\xad\xbe,\xd7\xf3\xc7w\x1e\xe5\xbb-bz\'\x12mSY\x98\x01\xcch\xcc]7\x89\x9b~\x97\xdf=M\x03\x18\x03,\x1aUQ\xe0o\xc9^\x93\xebTQ\xaf\x19\xe85\xd5#\x05\xf6\x88\xb7\xac\x98D\xdf\xf5\x01\xa8\x8cp\xea.\x8c.\x95W\x86v\xd3"P\x0f\xd8.\xdb\xf4\x16~\xf3\xea}\xb7\xad\x1dl\x16!\xd8.U&gt;Q\x84\xc4\xfa\xc9AH\xfe\x933P\xf8q\x83\xb2P{9\x8cO\x0e\xbey\xf5&gt;9\xd1so\x00~\x0bxiH\xe8\xdf\xdaj\xdaO\\b\xe4\xc9/\xb7\x91\xce\x9e\x19\x01 b(\x93\xff\n3\x86(\x0bX2\xbaJ\xe5\x91C\x8d\xc1\x17`\xdap\xd1\x86\xef\tvZ\xe8\xb4\xa7\xd9\xe3\xa7\x96T2\xc7\xde?\xbfkQ\xa4\x0c\x1am\xa4\xf6\xe4{\xb2&lt;\x8d\x11\xff\xdd_\x97\xc1\x7f+\xcdE\x9f\xcc\xfe\x95\x91\xce\x9c\xa5\xdc\x01\x80&gt;\x80\xd2\x08\x00\x98\xda\x90\xa5R\xf8D\x0e\xe4\xfcjA\x0f\x06\x00\x10\xbf\x1a_\x99,}\xda\x1e"6\x96`\xc1\x8af0\x05\xb8|p\x15~\xf3\ng\xe8&amp;9\x00\xa7\x06\x82\xf8-\tv\xe0\x06\xb0r\\#S\x84=\x00\x00 \x00IDAT\x83\xd6\xce\xe0\xef\x8f\x14\'Q\xf5+Zo\xe2\xc0\x93`\xa4\x8fMgNX\x8e\x97i\xb6\x97\xac\xd4\t\xe7\xa2\x13\x85Q~+\x18\x0e\x043Q,\xe6u\x94 \xe2=\x07V\xd2-\xb9\xdef*\r\x10~\xccgaW9MLM\xacN\x01\xe5\xde\xf1\xfa\x00{\x16\xf4\x8a\xc5cB\x8d\xc0\x1e`LI\x1c"\xee\x9e\xd7#\xa6\x14\rB\x0c\x04\x99\xed&gt;8\xd0l\xa5!0\x01\xf8\xe0\x893\xf2\xf7/\r\xb1\x0b6\x04\xdag\xfc\xbaB\x03\xddS\x02m\t\xbc4$x\tF\x8a\xa5{_\xb7g\x87N\x1f.*jT\x19\xe1$\xbf\xe6\xb69-\xe0\xddGO\xcedr\xf2\xfc\xcf\xd2\x15B\xac\x10d\xc6\x88\\\xd9_x\r\xf1\xb6\xd7\xa2\xa9\x95\x91\xce\x0b\xbb\xca%N\xdbH\x9c4\xf1\xf8\xc9m\x88xi\xdf\xb2\xc3\xcb\'\t\xee\xf0\xd7\xa01\xc5O\x03\xbb\xe4\xe8\xea\xa9\xd7\xe3d\xfe\x8eX7\xb9Ip\xea\x19[\x9e(\xed\x1d\xe3o\x1f\r\xbeP\xd6\xbeg!mX\x93w\xb5E]\x90V\xabfM\x99\x0e\x85F&lt;\xdf\x91Iw3\xa8\x8b\xf3\xf0\x00\xf0WH$e\xb8\x19"\xe2|\x11\n\xb6\x99"7\x00\x00\x88?u\xe4\x84!~FX\x19\xd2hNWZ}$.\xd4u\xcaJ!\xfe\xb8w\xe1`~L\xac\xa3\xb7?\xc0\xaf\x1f&gt;\x05\x00\x11f \xb1\x04\x93\x15Qe\xe4w\xa0\xb5\xc8W\xed\xd3\x84K\xfb\x96\tn\x0f\xd76U\x83\xb5c\x7f|\xf7Q\x00h\xcd\x08R\x97\x8e\x98\xe2\xcc\x157e\x97L\x03\xd9u\tv\x00l\xe3\r\x16\x1c\xe6\xcc\xe9\xads5\x0b\xbb\t\xe6\xcckc\xdd\x89\xea"\xa9\x0b\x0b\xd4\x87;w.\x12Kh\x87\x18A\x7f}\x86X\xb5\x1d9~\x8a\x13t\xe5E\x0cEm\xe2\x7f\x02\x8e^\xecM\x0e\xba\x00LP\x188\x9b\xa6\xb7#\xfe)\xe7\xb3*\x8dwA\xdc\xb1q6\xe2W\xa0\xb8\xd0\xb51\xee+\xc6\xd6S\xbb\x98\x93F\x8e\xb1R\xddQ\x80@z\xbd\xa1#^\xa2\xb1\xcc\xce9\xdd\x96&lt;\xa7U\xc2\x1f|\xf7\xd1\x93g\xb7\xcf\x07\x00?\x80?&gt;{\xb637\x9c^L\x8e{a\xc2T-\x00\x00\x95&gt;\xe5\xa02\xc2\x19\x11\xf9\xe3O"\xe8\xa4\x19R]\xaeMnb\xceG\x7f]\x06*z\x14K\x04\x7f\xf2|\xcd\xa9|\xec_\x069M\xd2\xd5J\x7f\xcay\xe6\x13\xedU\x14x\xa78q\xd9_\xd7\x83\xf5\xdf_\x7f-|$\xa6;d\x0fP\x12b\x17m\t\xd3\x86gs\x1a\xedY\x02\x8cH\xf6\xfd\xea\xe5{\xf9A\xd5\xc6\x14\xbf+\xc77\xa58\xc3\xd4aYd\xcb\xc4\xeaT\xfe\xf4-F\x8a\xfb\xdf\x82}D\x8a\x83l\xe9\xdd\x17k\xcf \x01\xb1\x8eF7\x15\xc4.\xcb\xc6\xa9\xad\x88\xc8y\x97\x1a\xcb\x99\x1eZ(\xa1\xb8\xef\x965\xcf\xdc\xb9\x97\xd0=\xc9\x96\xa6\xb4\x00\x1abb\xd3\xc8z\x00\xdf\xbe\xf1\x10\x89\t\xcel\xcc\x93&gt;,?t\xa0\x0f\x90\xebc\x06\n\x15\xfe&lt;_\x8b\x00I\xe6\xa2\xba\xd89w4\x8d\x9eE\x99\x8b&gt;\x18\x13kR\xf7.\xe8\xdd3\x7f\xcc\xbe\x85\\R\x1a(W\xd5\x01\x00"j7]\xa7\xd9\xef\xa5e\x04F\x00\xcbzk\xd9\xcc\x81\xcc|\x8f\x0f@Kz g\xe9&gt;\xb8t\x02*\xc0)\xda\xe2 \xc1N\x96wX\x1d\xed*x6b\xd4)9\x11\x7fAx\x00\xb7e)\x07v\x00k\'6\xa6k\xa3\xa9\x88\xb4\x9c\\\xa0\x1e\xe0\xef\x1f\x93\xd7\xd2\x991\x8e\x9b\x14n\x02\xc9\x8eP\x18`\xdd\x96\x15\xf2\xfc\xc5\x03T\xd9\xc9\x9c\xd7\x02!\xc7[t\xd6\xfc\x8bK\xa8\x88\x07\x9c\xebc6uX\xd6@K!\xe7]1\x87*\xce\x06:s\xc2\xc2L\xe0\xce\x1d\x0b%\x82\xb1\x82\xa8\x8bu\x7fUU\xfd\xe0\r\t*\xf71\xba(z\xd7\xbc\x9e\x8f\x9f\xbe\x93\xbf\x8f\x01\xc0\xb15\xd3\xf8&amp;!\xd5\xed\xea)\x8emN\x0b\x90\x18v\xfa\x00\xfa\x00\xc1\x06RDx\x07\xe5\xe5\xba#\'\x8c3\xa7\x18\x00PU\x16\n9\xa9\xa1\xdf&gt;QR\x8d\x9e\xd1\x98K~K\xa0\x1ex\x02\xa48\r\x06L\xd7L\x1c\x11\xfa\x97\xd7\x02\xfa*^\x88\x85SVO\x18n\x030\xb7\x9d\xdba\x91\x8e\xdf\xf20\x07-\xe6\xc7l\x01\x80\xd1|\xb6\x04\x08\xd4\x83d\xe6\x912\x1aZ/\x0e\x8e`*\x0c\xaak\x0c\x8a\xac\x11/\x0c\x7fxKL\x7f\x9b\x9f\xf8\x19]\x18\xcd\xdfM\xd0$\x17SMX\xc4\x93\x9f\x93\x0f{\x80)\r\x99\xb4\x93\x8fVx\xfe|\x92B\x00\xc0\xdaI\x8d*+\xd4\xa8f\xf2\xcaq\r\xa43;\x85\x18\xcf=\xd9\x11\xb2\xbdL\xe3max\x92Oi\x88\xdd\xe6\xe9R\xa2[\x14\xberv\x1a2T\xda\xe8\xee\x00{\xe6\x8f\xa1\xe3\xa4\xaf,\x9e\xdf\x9d\x86\x83\x14g\xc8p7\xec.\x14\xa0]K\x1b\x01^\x00\xf7\x1c\\)\xb5\xc7\r\x8a\xf3\xbb\x16\x01\x00\xfe\xf7#1\x97\xff\xc2\x9e\xa5\xec\x9f\xb1"\x0b\xe7\xe8\xa2\x98\xca\x08\'\xc4_i\xe9\x16E\xa0\x1e\x10\x16\xf9\xc2\xae\xf2e\xe2\\f\x07\x00/\xd9\x92\xfa\x83G\xd6\xc8\xae\x9a\xdfYJ~l\xba\xab\xc1-+&amp;\xfb\x01L\x1b\x9e\x93\xedi\xb2hT\x05+l\xf97\xc1\x9d;\x16\xaa$;M\x1b\xc6\r\xc58\x01,\x1bS+-v\x14a*L\x00\x05\xe5\x87\xc1T(\x1c\xc42\xc1\xe5pt\x9a\xd3\x04z}#\xfe!6\xea\xa8C\xc0\xca\x8dI\x83\x1a\xc8b\x91\xc1\xeb\xe1\xc1\xfb\x01\x94\x86\xd8=\x7f\xe1\x00\xc8\xae\xcd\xe6wKV\x894\x17\xfd\xe1I&gt;\xdbg\x8f\x92\xb9\xff#\xb7o\xe6,\x81\x1c\x87\x92\x85\x01@i\x88\xbdv\x1b\x1fZ(\x87\x13\x87\x0e\xb1\xd9\xf9\xc0\xe2ql\x9e)\xd2\x1c\xac\x98\x0c\x1c\x01\x91I\x97H\x0f\xc9\\\xb6\x05%\xdcox\xc8\x97~U\x89\xdd\xf3z^\xbb\xffhE\x84hJ\xcb\x01\xc0\x98\xa9\xd0\xe1c\xf5\x84\xe1\x82e\xa2\x12\xd0\x03\xc0\x1f\xdeR\xeb#,\xb2\xbdLs}\xcc\x1f?\xb9=\xdcD\x988!8\xf5\x92E\x10\x11\xf1\xd7\x0f(\xebF,\x82\xaf1\xd2\\\xf4\x05\xdb\x977\xa6\xf8Q\x96E\xb6\x97I\x88\xa10\x077\xd8P\xc0\xdcf\xd1\x90\xe0%X\x15A\xb5@$4\x1b$\xc2\xbd|w$\xdaR\x93nVt\rx\xe0\xd6u2\xf7\x97x\xd7\x9e\x89\xfe\x0b\xb2-5\x86\xb1:D\xd5\xe7.\xec\xe7T\xc3j\xb0,\xf1\xa3m\xbe\xca\x7f\xaa\x1b\xac(\t\xb6\xe5\xa84\xaa\x0bN\x07\x05\x0b\x80\xf6\xec\xd0\x03\x8b\xc7\xa9u\x90\xc3\xcb\'\xd9\xaa\xf9\xbd\x1ci\x93\xf6\xec\xd0\x81\x96B\xce\x83L\xa7~\x92\x94\xe2k\x00\xb7g\x0f\xca\xc2\xb3eCS\x1a2I~\xae=+\xe4zI\xde\xdf@\xc8p7$\x0f\x18\x87\xd9\xc9\x92\x0eI\xaf`\t/LP]V+\x18\xa2\xbe\xa3D!.\xf0\x02\xc7\xf8\x7f\xaf\xe3\xaf\x1f\xae\x1a?L\x03S\x0e\x00\xda2\x83G$\xfb\xca$\xc8\xf2\xb1u\xd6\xc8\xdd\xf3zhY\xbfDb\xcaS\xd1\xaeG\x1a\xc6\x00T\xa3\x86]\xed\x02\xf5\xe0\xd2\xbe\xe5\x9a\x9ddc\x8a\x9fJ\x8e\x07"\x92\xf1\xc0\x96\xde\xb0\xc8\xf62\xa5k\x80\x9c/mJ\xf5\xf7\x018\xb1a\x96XJvT~\xa4\xa0/%G\xf2O\xcc~&amp;T]\xba\xba\xf1S\x8b\xf8\xdbGl\x11uM\xb4\x1b\x00\x18*n\\}\xbcg\x9e\xaf\x8a\xd2D\xc1\x87\x86\xf3\x99\xb2P\xa5\xdc6\xe7\x8aI?vMi\x01cJb\xe5?@\x99\x1eFE\x81\xd6\x9c\xb2v\xbeP`wA\x94\xe0\x8d\x93H&gt;=xt\xbd\xc6F\xb6\xfc (\x1bEd\xd3*\xa1\xc6\x80\x88\xb4\x13\xe2}\xb7\xac\x19_\x99T\x14h}\xcf\x81\x95\xd1\x96\xf0\xcc\xf9\xbd\x9a\x9e\xdaM\x81o^\xbd_\xfa9L\xb0\x87U\xe3\x87\xd5D\xbb\xd2\xce\x91bT\xc5\x0cw-\xfb\xe2\xe9\xae\x06K{j\xb4u4\xfe\xa3\x9e\xe7k\xce\xce\xb3d\xcd\xd3\xd8a\xee\xc8\x19\x94\xaf\x18\xcf\xc8\xe7\xb5\xf34-$\xe8\xfc\x97\x0f\xae\x12\x14\x02R\t\x8e\x19\x9e\xe5i\xbc\xa4\xa7:\xd7\xdbLZ!N\xb3\x95JZ\xe0\xf1\xd1\x13[\xe9pj\xe4\xb1\xb9H\xb0\x1b\x19H\xe8^p@\xb28\x82\xeb\xf9\x1d\x9b\x06(\x8f\x85\xc2W\xb1\xfeI\xa8\x95\x180\xff\xb2p\x07X5~\x98\xc4sAN~j\x03\xf7K\xbf\x7f\xfb\x8a\x91\xf2nbG\x08\xd4\xe3jeK\x832\x89\xf9\xe3S0\nW\x18`]\x1b\xe3\xa6r\x01\x0c3\x1e\xa4\xab]\x8f\xc2\xe1hK(\x0c\xb0\xca\xf3\xd1\xa6\x9d](;\xb0\xc1\xbac_\xbep\xf7_\xa1UtS\x82c\x83H \xc7\xcb\x94\x8cN\xea6o\x9b\xd5E\x8c\x94\xeb\x11dSK5\xf3\x87\xb7\x1f\xa9\x8b\xf38\xb1q\x16;\x1cw\xcf\x1f3\x86\'n\xfe\xdec\xa7d\x1eS,w7\xbb\xb9\x80\x9d[\xe5\xcb\x8d\xaa\xecw&amp;\x13\xffz\xe9\xf2\xc7O\xdfyi\xff\xf2f\x11\x1e\x8bX%\xe0\xd0\x81\x88\xbf|\xf8$\xf9\n\xce\xf4wx\xf9$D|\xe6\xce=\xa8\x0c\xb5\x8e\xbf`\xa4ps\x05\xb1\xe2\xc1h\x0b\x88\xb3\x19\x0c\x16\x0b\xef`\t\xef=v\x8a\xdc\xa3\'O\xef`\xdf:\xb5e.\x88+\x05\x99\x08\xc5\xc4\xd8\xd3[6\xa6F\xe2\xd7m\x99\xd9yde\xbf\xfczw\xc2y\xf3\x13b\xc2\x08\xfas\xd9\x9e&amp;o_9!\xe7\xc8\xa4\xc6\x82j\xebk0[\x8fT\xb3a\xd9\x04\xa6\xc2Nl\x88\x0e\x11\xfe\x00\xbd\xa5\xf1\xb4A\xc5k\xf7\xdd\xca\x91\x9b\xd4a\xa8\xe0\xbb\x9f3\x1as9[L\x94Y\xcc\xf2a\xa1m\x8d\xe8\xb9\xed%\xb3\x9b\x0bV\x8ek\xf8\xfa\x95\xfb\xc8\x16;\x00\xbe\x82J\xba\x9b\x01\x9f\xe4.]t\xc6\x82\x84\x8c93\xfe\x86)-\xfc\x89\x80L+\xb3\x9a\xd5\x10d\x96\x0f\xc4?\x11\xbf\x1a[\x9e\xc8n\x949\xe7gy\x18#\xa2&gt;\x80\xb5lRPc\x8a\x1f\xf1\xae\xa3-\xafY\xf7\xff~\xed\x01D\xfc\xf5\xa3\xa7\xe9n=E1(\x04\x99?\x8a\xa0&gt;\xdesaW\x85\xd8\xbbl\x9c\x86\x1d?\xd2\xdf\xe2\x03\xe0\xcc\x9b\xfd%@\xba\x9e\x15\x06Zs\xe6\xe2,Oc6\t\x91\xe2$\xfc\xbd\xc4Hz\xfa\xec\xees;\x16\xbcv\xffQ\xb5\x94\xe0\xd4b8^W9 \r\xe0\nP\x17\xe7\xb1f\xe2\x88-L\x1f@D\x94V~d1\xb7\xbd\xe4\xa3\xa7\xce\xc9\xff\xc6\\o3P\xb8ke""\x16:\x0c\xc2@MMyrq\xbd\x01b\xad\xc1\x00`\xcb\x8c\x0e\xc1\x8c\xa5f\x90(D\x12\x83\xca\x8c\xff\xe2\xee\xca\xe1I&gt;\xfc\xee\xaf\x14\xd7\x8f\x0b\xb0c`\xd4]\xbb\x97\xd0?i\xb44\xd9Q\xfb_j\xabP\xe1f7fy\x18\xbf\xf1\xe0m\xd2\xfd\x17\x01\xc0\x13\xa01\xc5\x0f\x11\r\x00"\xcc\x94t\xa2\xe4\x80\xf4\xc9\x91\x98\xdc\x17uW&gt;tt\x03g\x1f\xb1|t\xa0\x1eL\xaaM\xfb\xe6\xd5\xfb9\xb3\xde\xbc\x8eR\xb1\x1a\x91lO\x81\xb0\x96\t\xc0[\x0f\xdf.\xe7\xfc\xe5\xd8\x1c^\x00w\xee\\\x84\x88_\xbcp)\xce\x86\xcb\xc2\xf4e^G\x9a\x0b\xd7\xa6\x914\xcf\xf7o]\xf9\xe6\xd5\xfb\x1e:\xb6a\xfa\x08Q=\x89!\x82\xf3D\xb4d\x04\x19\x03\xf4\x95%\\\xa7\xaf\xd3\x0c{x\xdcB\t\x88\xa9\x1e\xcdn)\x10\xdc?\xde\x16R]\xf4\x10\x91\xcf\xa6\xfb\xa7\xc0\x194\xe9x\xd0\xa5\xcc\xe7\x91&amp;e.\xef\xad\xed-\x8dW\xd9\x04\x86"@\xefZu\x89\x95\x88\xa8\x80\x84\xc02\xc5\xc5\xbdKU\xee\xc3\x87&gt;@\x86\xbb\xe1\x92\xd1\xd5\x1a|V-\xd0\xe9\x8f\xd4\xa6\xd1\xf2fD$\xa1\x9e\x00\x80\x99My\x9c\xe8\x84\x98\xba\xaa\xb1\x08m\xc9\x16\x00\x00\xe6\xb6\x97\x90e\x98\xe9\xa2\xfc%\xdd\'\xcdU\x7fly"~\xfb:"\xe6\xfbY\xe0O\xefP\xd7\xb8:\xca\xa5&lt;\xdcq\xc1\xc8\xb2\xd7\x1f8F\xb6\xdc\xbe~\xe6\x93\xa7w\xba\x01\x84\x99@\x9a\x9a\x84\xbf\xab\xe7\x94\xc2;\xef&lt;r\x07g\x07\x0b\x80\x10#\x15\x8b\x04\x8b4\x17\xfdweG\xe4r\xbcLkc\x042\x91\x88\xa8\x15\xcd\xda\xff~\xfc\xf4\xb2\xdeZ\xe2\xe5t\xe6\x84!bwa\x94D0\xad6\xc6\x8d$\x1eOl\x9c\xcd\x97\xa7^4\xaa2\xca\x1c\xee9\xb0B\xe8\xa3*\xf0?W`\xe6|?\xbf\x15(A\x96\x87\xf1\xc4\xea\xd4\x85]\xe5C\xd1\rdWe;\x10\xd0\x81\xef\xca\x8b@\xfcN\xfa \xffh\xe3_-\xf5D\x00\xa8\x8at\xc1\xff\xbc\xc7n\x11t&lt;\xe5\xf7,\xe5\xe0\xe3\xab\xe7\x9fcZ\x80\xf6\x95q\xf5\xe8\xf9\x10d\xa0\xee\xe1\xf5\xe9\x96\x0f\x95zs,\xf0\x87\xb7\xc8\xec\xa9r\xc2\x92/\xe4)\x88\xa3\xab\xa7n\x9e\xde\xce</t>
        </is>
      </c>
      <c r="E93" t="inlineStr">
        <is>
          <t>&lt;class 'numpy.ndarray'&gt;</t>
        </is>
      </c>
    </row>
    <row r="94">
      <c r="A94" s="1" t="n">
        <v>92</v>
      </c>
      <c r="B94" t="inlineStr">
        <is>
          <t>steps_per_sec</t>
        </is>
      </c>
      <c r="C94" t="n">
        <v>1400</v>
      </c>
      <c r="D94" t="inlineStr">
        <is>
          <t>3.3425086</t>
        </is>
      </c>
      <c r="E94" t="inlineStr">
        <is>
          <t>&lt;class 'numpy.ndarray'&gt;</t>
        </is>
      </c>
    </row>
    <row r="95">
      <c r="A95" s="1" t="n">
        <v>93</v>
      </c>
      <c r="B95" t="inlineStr">
        <is>
          <t>Loss/object_center</t>
        </is>
      </c>
      <c r="C95" t="n">
        <v>1400</v>
      </c>
      <c r="D95" t="inlineStr">
        <is>
          <t>0.5040046</t>
        </is>
      </c>
      <c r="E95" t="inlineStr">
        <is>
          <t>&lt;class 'numpy.ndarray'&gt;</t>
        </is>
      </c>
    </row>
    <row r="96">
      <c r="A96" s="1" t="n">
        <v>94</v>
      </c>
      <c r="B96" t="inlineStr">
        <is>
          <t>Loss/box/scale</t>
        </is>
      </c>
      <c r="C96" t="n">
        <v>1400</v>
      </c>
      <c r="D96" t="inlineStr">
        <is>
          <t>0.10105053</t>
        </is>
      </c>
      <c r="E96" t="inlineStr">
        <is>
          <t>&lt;class 'numpy.ndarray'&gt;</t>
        </is>
      </c>
    </row>
    <row r="97">
      <c r="A97" s="1" t="n">
        <v>95</v>
      </c>
      <c r="B97" t="inlineStr">
        <is>
          <t>Loss/box/offset</t>
        </is>
      </c>
      <c r="C97" t="n">
        <v>1400</v>
      </c>
      <c r="D97" t="inlineStr">
        <is>
          <t>0.13327375</t>
        </is>
      </c>
      <c r="E97" t="inlineStr">
        <is>
          <t>&lt;class 'numpy.ndarray'&gt;</t>
        </is>
      </c>
    </row>
    <row r="98">
      <c r="A98" s="1" t="n">
        <v>96</v>
      </c>
      <c r="B98" t="inlineStr">
        <is>
          <t>Loss/total_loss</t>
        </is>
      </c>
      <c r="C98" t="n">
        <v>1400</v>
      </c>
      <c r="D98" t="inlineStr">
        <is>
          <t>0.73832893</t>
        </is>
      </c>
      <c r="E98" t="inlineStr">
        <is>
          <t>&lt;class 'numpy.ndarray'&gt;</t>
        </is>
      </c>
    </row>
    <row r="99">
      <c r="A99" s="1" t="n">
        <v>97</v>
      </c>
      <c r="B99" t="inlineStr">
        <is>
          <t>learning_rate</t>
        </is>
      </c>
      <c r="C99" t="n">
        <v>1400</v>
      </c>
      <c r="D99" t="inlineStr">
        <is>
          <t>0.001</t>
        </is>
      </c>
      <c r="E99" t="inlineStr">
        <is>
          <t>&lt;class 'numpy.ndarray'&gt;</t>
        </is>
      </c>
    </row>
    <row r="100">
      <c r="A100" s="1" t="n">
        <v>98</v>
      </c>
      <c r="B100" t="inlineStr">
        <is>
          <t>train_input_images</t>
        </is>
      </c>
      <c r="C100" t="n">
        <v>1400</v>
      </c>
      <c r="D100" t="inlineStr">
        <is>
          <t>[b'512' b'512'
 b'\x89PNG\r\n\x1a\n\x00\x00\x00\rIHDR\x00\x00\x02\x00\x00\x00\x02\x00\x08\x02\x00\x00\x00{\x1aC\xad\x00\x00 \x00IDATx\x9c\xec\x9de@\x14[\x14\xc7\x8f\xdd&gt;L\x14\x04QZJ\x11P:\x04\xa5\x04\x14\x10\xa5A\x14\x05\x05\x01\x11\x1b\xc4DD\xc1Vl\xb1\xbb;\xb1\xbb\xbb\xbb;1\xce\xfb00.\x9b\xb3\xb33\xbb\x8b\xce\xef\xc3{8{\xe7\xde\xbb\xbb\xb37\xce=\xe7\x7f\x00888888888888\x14@s\x00-\xe9\xef\xba\xb0c!~\xbfg\xdf\xa4\xf2\xae\x85Y\x88\x88\x88\xc3#=\x18\xef\x9b\x18\x96M\xe8\xff\xf4\xec\xd6k\xfb\x96\xa5\x069\x95\x93g\xc3\xff\x12\xa9AN\xc8\xc3\xaaI\x03\xa9\xdc\xd5\xc5JkX\x84\\\x1f\x06&gt;\xf0\xe5\x05\xcbz\xd2\xdd\xf2\xf0\xc4F\xc4\x9f\xad\xfec\xa7CJIs\x80\xc6\x00-\xaa\xc2\xfdc\xeb\x13|\xad\x15\xdd\x1d\x8e2\xc5\xd9-s\x11q\xee\x88\xb8\xe7\xe7\xb7\x13\xa3C\x8c\x9b\x99\xa2;\xa5\x14LN\rG|\x87\xf8\xfc\xf3\xed\xc3\xbc\xd7\xb3\xfa\x04\x1eZ9YQ\xbd\xa2\r\xe23r\x02X1q\x00q\xb1\xafO[Q\xe53\xa2\xbd\xa6\x0f\x8a\x96W\xef\x84S\x91\xd6]5\x18\xee\x05\xeb\x8c\xef\xdb\xe5\xde\xb1\xf5R\xcet\x7f8\xben&amp;~\xb8\x81\xdf\xee"~\xcbN\x08\x92\xbd?\x15\x014d\xaf\x85\x83U&lt;\x0c\xea2R\x8f\x9fYc\xde\xb5\xe1\xb7\xfb\xc7\x19\xa9\xb6\xacS\x0b \xba\x9d\x89ny\t\xc5\x16\x8f\xed\xd7\xdd\xd5D.=\x92\x95g\xe7\xb6\x93\xdf\xf2\xf9\xed\x0b$\x96G\xfc\xd2\xb3C+\xf6\xfb\xc5\x01\x00\x10\xedbL\xefFk\xd5\xf2\xef\xae\xed\xc7\x17\xe7\x89ov\xca\x80\x08\xa6\xba\xa4\xc9TE\x1c\x8c3!\xa1+\xbe\xb8 x}@Wg\xf2o\xa96\xc1u\x00,\x98\x99P\x00\x00B\xed\xf4\xf8\xaetog\x02\x00\x0bF\xf5e\xac\r\x160W\x81\xdd\x0b\xb3\x10\x9f#\xbe\xb9\xb8s\x11\x95[~&lt;:\x85\x88czub\xbbo\xb2\xe3o\xde\x04\xf1\x139\x07\x88_\xe2==\xbb\x15\xf1\xb3\x9czF\x19\x9b\xc6\x15\x14\xdd\x05\xa5\xe3\xc8\xea\xa9\x991\x1d\x83\xda4#\xbe\xd6&amp;\xcc\xd5&lt;sH\xcc\xba\xa9\xc3\x0c*3W#\x07S\xac\x9c\x98\x86\x88\x82\xd7\xbdZ4\x90\x7fg$2.&gt;\x00\xf1G\x98\x83\x01&gt;??!\xb1\xab\xa2\xbb#\x12\xc4\x97%\xc3\xe3\x07\x8a\xb3\xa1a\x15\x986(Z\x81\x16\xe7\xea\xd2\x14\x1e\x1e\xe9\x81\xf8\x99\x9c\x03\xf2\xd3{\t\x96qiV\x13\xf1\xa7\xd0\xa7K\xb1\xb4k^\xb3\x0e\xb5\x92\xa65\xa19\x00\x00&lt;?\xb7}\xcd\xe4\xc1\xdb\xe7\x8eF|e\xabF\xcf\x9e$\'\xe2\xbd\xad\x10_\xdc9\xb2V\xda\x1bw\xcc\x1b\x13h\xd9\x14\x00~=9\xfd\xfb\xe9\x19\x8awun\xa5.\xfe+\x9e\x94\x1cB&lt;$\xdb\xe6\x8c\x1e\x12\xd6^\xda^q\xb0\xcb\x9eE\xe3\x11q\xf3\xac\xcc\xf4(/E\xf5!\xc2\xc9\x90X\xd1\x07\xb5i\xd6\xa9\xa5\xba\x98\x92\xbd&lt;Z_\xd9]0(\xd8u\xc1\xa8\xbe\xd1\xed\x94\xd4`\x12j\xafG\x8e\x8c/.\xec\x94\xea\xde\xc6\xa5\xffY\x9f\xc1nQ@\xaa9`X\x84;\xef&gt;\x00\xdf^}{m_\xff@\xc7E\xa3\x13\xd4\x01\xdct\xfeK\xf2\xb7cj\xef\x9f\xe0g\x9d\xd7?\x8cb\xe1@\xcb\xa6i\xdd\\\x18i7\xc6\xcd\xec\xee\x91\xb5+\'\xa6!\xbe#\xdf\xe8\xc9\r\xb3\x18\xa9\x9cq\x06\x87\x16\x0f\xaf1\xae\xa6b\x8ed\x84\xb2|B*\xe2G\xe2C\xc6ow\x9f\x9d\xdbN\xbeT\x17\xe0\xd7\x93\xd3\xa2nL\xf0\xb5FDQ;\xf2\xd4 \xe7\xef\x0f\x8e#"\xe2\xab\x0ez*Ru\x89C\x1eD9\x1b!\xe2\x97\xbbGV\xe5\x96r\xe7\xa0}\x8e$-\xb5\x01b\xdd[\xa5uu\x01\x80\xc6\x00\xf6\xea\x126\x8a\x8d\x00\xac\x1b\x95\xc7\xa2\x07\x88\xbf\xe4\xd2A\xa9\x99&lt; \x82\x1c\x14\xa7I\x7f\xf8Y\x1d`X\x84\xc7\x9c\x8c\xdel\xf4\x8dY\\\xb5k\xcd\xc9\xe8}e\xcf\x92\xe7\xe7\xb6\xdf&gt;\xb4\xfa\xe5\xc5]\xd7\xf6.]&gt;!\xd5I\xb3\x1a\xb3\r\xed\x9c?\xf6\xc4\xfaY\x00\xe0\xd2\xacFG\xe3\x86\xe2\x0bg\'\x04!\xe2\xe4\xd4pF\x9a\x9e?\xb2\xcf\x80\xae\xceW\xf7.-\xfeJ\xbf\xdc\x8e\xf3\xb2`\xa4f\xc61\xe19\xb3\xb6iT\xde\xaf\xa5\x1a\x00d\xf5\t\x94x\xa3QU\xc8\xe9\xd7m\xc6\xe0\xee\xc4\x84\xad\x05\xa0\xfa\xa7\x9e\n/.\xecD\xc4~\x9dmEM\xe7\xf9\xc3c\x11_\x10\x07\x7f\xbc\xd7\xf5*\xc0\xe9M\xf9\xc4\xc7&amp;\xf5\x9b\xe1\x90\x1b\xbe\xa6\x8d\xdb\xaa\xca\xe46\xd9^O\xa5\x97\x87\xb9T\xb7\xc4yY\xaa\t\xbbNq\x99\xe0\xdfZc\xdb\x9c\xd1R\xb5(\x1f\xca\x01\xe0\xcb\x0b\x88\x9f\xf3\xfa\x87\x859\x18\x8c\xe8\xee\xcdgKu\xd4\xac\xca\xfb\xcf\xce\xe6\xfc\xb6\xd6\x87\'6""~\xba%\xf1\xdc\x98\rz{29\xba\xa9J.B\x89\xfdK&amp;b\xd1}\x93\x1a\xe0\xd2\xac\xe6\x86i\xc3\x13;\xd9\x88/\xff\xfc\xfc\x8e3\x9b\xe70\xd48\x00\x80*\x00\xbe\xbcx\xabp\x15\x83u2NfLG\xf2o\xc4\xe7\xc4\xb0\x8b\x1fo\xec^8\x9ev\x9d?\x1f\x9f&amp;F\xf0W\x97v\xb7\xa8"\xb2\x18\xd1\x1c"\xce\x1f\xd9\x87\xbc\x98\x1e\xe5\xf5\xe3\xd1\xc9\xbd\x8b\'(\xf9\x89\x1d\x87\xac|\xbcY\x88\xf8\xc6\xc3P\x8am\x83u\xa3\xf2\xe6*\xfc\x17\x83mt\x10\xbf\xcd\x1d\x11\xc7`\xdf\xe4\xcc\x8fG\'\x11\x91\xa2\xbd\xa2\xadj\xb9\xf9\x99\xf1|\x17IS\xc3\xf2\t\xa9,tP\x02\x88X\xb8&lt;\x8f\x91\xaa\x1c4\xaa\x98\xd5b\xa4&amp;\x98\x9b\xd1\x1b\x11\t\xd3;E\xb3Rk\x8af~\xf6i*\xaf\x86\xe6\x8e\x88\x1b\xdf\xa7\x0b\x00$\xf9\xdb\x11\x8f\x90\xbdz\xe5v\xcdj\xfa\x984\x12,\xacCyy1\xa6wgb\x06\x10SF\xb7|\xf1s\xbbv\xf2\x10\xf2\xa2QU@|\x17\xe7e\x99\xe8\'a\xc2\xe6\xe0\x00\x87&amp;U\xc6\xf7\t\xc4\xa2\xfbe7\x02e\xdb\x9cQ%\xe7]\xa3x\xaf\x8bZ9\t\x9d\'\xfeX\xd5\xf1e\xb2\xbf=\x0b\xdd\x14\xc7\x82Q}\x8f\xad\x9d\xce\x88\x1bWCZ\xe1\x84B\xb1\xaa\x0f\xb9)\xa1\x0cU\xf673cH\x0c\xf1\x07~\xbc\x89\x88\xf8\xe2\xbc\xdc\x9a&amp;\x1eY\xbe\r\xee\xd7{\xc7\xec\xd4*\x15\xae\xc8\xe3\xfc\x80\xff]\xea\x03\xe8I\xef7Q\xe6\x1c\xf5\x9c\xb5\xaa\xf3\x8c\xdd\xf8\xf0\xe4\xc6\x9b\x07W\xaa\x02\xa4\x069]\xdb\xb7\x8c\xba9\x07K\xf1N\xf4\xb6\x9b\x83\x83\x9fi\x03\xa3\x08o\xcb\xb5\x93\x87\xc8\xd3\xf8\xfe\xe5\xce\x11D,\x18\x97\xc4w\x1d?\xde8\xb4r\n"\xeeZ0N&gt;=\xe1P&lt;d(\xca\xba\xa9\xc3\xbc\x8d\x1ad\xc6\xf8\xb8\xe9\xd4\xa6Q\x8fE]P\x9a}\xbcd\xae\xecY\x82\x02\x9c\xdb:o`p;\xc4\xaf)\x01\x0eb\xee\x1d\xd3\xbb\xf3\xc1\xe5\xb9\x00\xf0\xfd\xfeq\xbe\x1af\r\xed!\xa77\xa0\xdc\x84\xd8\xea*\xba\x0bR\xe0\xa0Qe\xf1\xd8\xc4\x89I!\xf2l\xb4&gt;@\xa8\xbd\x1eyt\xf4\xf9\xcea\xf9\x84\xe2\xb7\xa8\x02\x88E\x88(h\xd4}tr\x13\xe2\x07D\xbc\xb2\xbb@\x0e=\xe1P&lt;\x93S\xc3\xf1\xe9Y\xe2o\xc4g\xd9\tAa\xf6\xfa\xb4k\xcbM\t\xdb6gT\xb8\x83\x81\xec\x1dK\xecd\xc3^Tz%\xfe\x95{\t_\xef\x0c\x8f\xf4t\xd5\x169\xff\xa5G{\x91e\x8b\x1e\x9e\x10V\xc5\xf72\xb6\x15b\x87\xe9\x83\xa2\x93\x03\x1c\xb6\xcc\x1e\xa9\xe8\x8e\xf0\xa3"\xf6\xd5\xd3\x9b\xf2\xdf\\\xd9\xb3n\xea\xb0\x8e&amp;L\x9d\x88\x8bdHX\xfb\xa9i\x91l\xb7"\x94\n\x00\x01\x16BNg\x10\x9f\x92{Y\xb9w\x8aCA\x90\x8f\xc2\xec\xe1\xb1\xd1.\xc6\xb28\x83[\xd5\x87\x11&lt;\xbe\r\xb2P\x07 \xc9\xdf\x8e\x91\xaa\x04!\\\x0f\x05y{u\x9f_K\xb56"\x82\xea\xcem\x9d\xff\xee\xda~|vV\xf8\xe4Q\xc2\x9a\xbc\xc1,u[I\xc8\xe9\xd7M|\x01\xbd\x8a@H\xb9m\x9a9B\x1e\x1d\x92D\x03\x80\xdb\x87VG\xb73\xde\xbft\xe2\xe4\xd4p1G\xdd\xbc\xdf\xa3\x7f\xeb\xe2\x15\x08\x9d\xed\xb0$*\x03,\x1a\x93\xd8C9\xd4\xb7\xbaXi\x01\xc0\xbc\xccx\xf2\xbd_\xdf\xbf\xbc\x83\x9e\x8a6\x00S~\x01\x1c\x1cR\xd3\x9d\xb5\xd8\xb1\r\xd3\x87\x8b\x1a\xbe\xdf\\\xd9\xfb\xf8\xf4\x16rR$\x82-\t\xfau\xb2\x9d\x94\x1c\xb2hL"&gt;?\x87\x88\xdf\xee\x1d\x13Z\xc3\xd88\xff\x94@\x07o\xa3\x06^F\xca\x18\x9eM\x0f\x97f\x7f\xbc\xd6\xb5\x15\xd8\x0fZ\xe4\xf5\x0fC\xc4\xaf\xf7\x8e\xde&lt;\xb82\xd4\x9e_\xad\x84\xc4\xc3\xa0^\xc9w\xf8~\xdd\xd4\xa1\x8fNn\x8apj\x01\xa5\xdf;\x83H\x88\x8f\x90#-k\x03\x00\xe4\xa5\x86\x93\xcf\xf0\xaaI\x03Mj@{=\x952d\xd4\xe5Pj\x94\xea\x94x\xdf\x92\x1c\xf1\xab\xf8\x13"\xc2G\xd7\xe4\rF\xfc\x88\x1fn\xe0\xbbk=\xdb\xb7D\xfc\xcew\xe3\xcb\x8b\xbb\x06vk\xf7\xe4\xccV|}yP\xb0\xab,\x9d\x1c\x14\xecZ\r\xc0\xbeI\xd9\xd0d\xa9\x00\x80XD\xe3F|\x7f\xfd\xf5\xe5=-\xd9Xf\x97\xa0V\xbc\xb4\xff@z\xdd\x90\xf0\x05\xc1\xf1|\x8f;\xf1\xf3-\xc4\xf7,vK\xc9\xf8\x0f\x00\xf1\t\xf1\xf6\xe7\x8f\xecS\x11\x00\xdf^\x91\x18\xe9\xc9\xc1A\x89\xa6\x02\xd2\x05\x0e\x1aU\x85\x17e\x9f\xa3k\xa6\x89\x9f\x00\x8e\xaf\x9b!\xea\xde\xda\x00\xf8\xf6\xea\xe9M\xf9-k\x01\xbe\xbb\xca{\xd7\x81\xa5\x93\x882\xa65AZ9{A\xf2\xfa\x87\xa9\x030\xa7\xd4\xc7.NM\xab#\xa2\xb4\xc1pK\xb3S\x88\x8f\xee\xdd\xb5\xfd-\xd9\xb46\xfc||\n\x11\x0f,+\xfe\x82\xccU\xc0\xb8:4\x03\xc0\xd2\x8e7|\x8fA\xe1\nfb,\xca\n\xa4\xb4\xdc\x82Q}\xb5\x00\xf0\xd7c\x87&amp;\x9c_\x9bBa\xfd(\x8aeFt\xf7&amp;b\xdc;\xe8\xa9\xcc\x1c\x123kXO\xbd\x92\x9d@\x82\xaf\xb5\xa2\xc4\xc7\xa7\x0f\x8a\x16&gt;\xf0\xffz\xb4&amp;o\xb0D\x17\x08rP\xf64\xac\xcf{\xf7\xd0\xf0\x0ed\x99\x7fPS\xf7\xcb\x9d#4\xeezvn\x1b\xe2\xd3Ec\x12\x19\xef\x0f/\xc4\x89\xfd\x91\xd5S\x89\x7f\xaa\x01$\xfa\xd94\x06@|I\x96!\xa2\x02\xff\xf0\xecls\x00\x86U2\x98\xa36\x14+\xdf1\x0b\xe2oD\x9c\x94\x1c\x02\x00\xabs\x07\x89\x1a\xfe\xf5+\xc1?\x95{\xe7\x1f\xa2M\x03\xd82{$#\xea\xb2\xb5\x00\n\xc6%\xa5\x069A\x89*\xfd\xb8\xf8\x00\xea1\x8d\x00\xe0k\xd6Xr!\xe9\xa9#\xc2\x0bh\xdd\xd4a\xd2V\xd5\xdb\xd3\xa2\xe4\xee7]\xdb6\xf70\xa8\x1bl\xa3cR\x03\x86\x86\xbb\xb3\xd1\xf3\xbf\x15\xfdJ`Z\x136\xceHg\xc9\xe4E\xec\x00\x10_\xf3]\xe7\x8dx\xd9\xbft"\xef\xc3@\xc4\xfd\xd1s\x89.\xbbD8\x1a^\xd8\xb1\xb0\xa6\xa4b\x15\x00F\xf6\xf0\x91G\x878\xe4\xcc\xe6Y\x99HY\x1dA"q\xde\x96Y}\x02\r*C\xfe\xf0\xd8e\xd9\xfd\xa5\xba\xb7\x01\x80\x9dZ%F\xba!\x08\xa9\x9a\xc2\x0b\xaf\xe5\xe7\xc8\xea\xa9\x07\xa9\xa9,\xdc*\\\x85\x88g\xb6\xcc\xb5\xa8\x0b\xbb\x16\x8cC\xfcdR\x03\x92\xfc\xed\xe8\x89\n\x90[\x07F,"\xdd]M\x99\xa8\x86u\x92\xfc\xed\xf0\xc3\rD\xdc&lt;+\x93\x8d\xfa\xef\x1eY\x8b\x88\xdb\xe7\x8d\x11_\x0c\xf1m\xc9\xb3\xf0\xbemC.Q)\xc7\xbfGJ\xa0#"F9\x1b)\xba#\x00lZ\xc0\xbb\xb6m.8\x01\xf0njm\xd5*^\xe6\xb1\x059h\x884\x86n\xcd\x1fy}\xffr\xe2\xef\x1b\xfb\x97/\x1e\xdb\x0f\x00*\x00\x10[\x1fiQj\xf5\xfa\x12$\xae\x10\xa5\x05\xf1="\xbe\xb9\xb2\xd7\x885\x9b\x8b\x9fYc^\xed3\x11\xddx\xb9bb\x1a"\xde\x95^\xa0\x9fm\x06\x049K.\xc4\xc1\xc1A\x91II!\xaf/\xef!G\xff\x11\xddiF0L\x1f\x14-\xd4\xac\xb5\xaf \xe7/3 \x98\xab\xc0\xfb\xeb\x07\x10\xbf "\xbe\xb9\xccT\xb5D`*"\x9a(:\xab\xef\xabK\xbbC\xed\xf4f\r\xed\xd1Fy\x9c4988\xd8\xa3`\\\x121\xfa&lt;9\xbd\x85\xc6\xed\xf8\xf3!K\x07\x15J\xc8\xcb\x8b\xbbx7L\xae\xda\xcc8\xee\xe0\xbbk\x88x\xef\xe8:Fj\xe3\xe0\xe0(\xab\xec]\x9c\xdd\xd7W\xba\xecH\xb2\xd3\xcb\xa35\x91\r1\xa93\xd5\xd8c\xbd\nP\x9cu\xe4\xfb=6\xbb\xa6\\\xcc\x18\xdc\x9dw\x02x~~\x07S5+\xa1h\x8423\xa0\xab\x8ba\x15\x00\x80(\x17#\xdeXE\xea\x0c\xec\xd6\x0e\x11}L\x85HOspHA\x1d\xe6r\xbeG8\xb5@\xfc\x89\x9fn\xee-\x98\xc0H\x85\xd4\xe9f\xad}r\xe3lD\xc4\xcf\xb7\xcfm\x9d/&amp;B\xc1\xa9i5B0\x0b\x11Om\x9c-\xbf.*\x01\xb9)\xa1\xbc\x13@\x0b\x85\x05r\xfc\xebD9\x1bE8\x19\x1aU\x83\xcc\x18\x9fT\xe9\xcf\x06j\x96x\xc11"\xdb\xc5\xf1\xaf3,\xc2C\x96\xdb\xcdU \xca\xc5X\x05`u\xde rpI\xed\xe2D\xbc\xaa#/_\x8c\xffx|C\xdf]\xdbO^?\xb7u\x1e\xe2\xcbW\x17w\xf5h\xdf\x12x\x04\xb3\xf6/\x9d(\xa7\x9e)\r]\xac\xb4\x10\xf1\xcd\xd5\xbd\xdd]M\xd9pB\xe7\x90\x8a\xa6\x00\xb9)a;\xe7\x8f\xa3\xe1\xb4\xdd\x14\xe0\xef\x11*\xe1(\xd3d\xc5\x07\xbe\xbd\xba\xafM\x83?\x1a\xfdO\xcfnc\xdc\xcf\x84\n\xf8\xea"\xd1\x81\xc7\xa77W\x07\xc8\x88\xf6~tj\x13\xaf\x93\xe8\xf5\xfd\xcb\xc7\xc5\xf9\xe7\x0f\x8f\x9d\'\x90\x1aLF\xf4\xa5\xf7\xfe\x99=\xac\'\xb3}\xa0\x82M#%\x92\xf4`\x84\xb2\x1b\xecjV\x0b\xf0\xfb=D\xdc6g\xb4\x87AY\x89\x19\xe7\xe0\xe0\xa1\x12@\xeb:\xe0Y\x92\x9f2\xc1\xcf\xfa\xd2\xceE\n\xecOZW\x17w\xfd?\x12X\x1a@\xf8\xbd\x14\xc3l\x0e^\x12\xc3\xca\x80\xf8]Z9x\xdas$\'\xf1Hb\xae\x02\x0fNl\x1c\x14\xe2\xa6\xe8\x8e\xd0\x84\xc8\xee{}\xdfrE\xfbOq\xb0\x80v\x19\xf1\n\x1f\xd3\xab3\xed{k\x01\x0c\x8bp\xef\xa0/Rv\x90\xadH0i\x98\x9b\xd1[\x8c:\x103M\xc81\xb52"\x1e\\\x9e\xcb9:B\xb1\xba\x1f"~d\xbcf\xc3\xca \x87Uy\x13\x80\x10;=9d/\xe0P\x0c\xec\xc5\xc50H\x9c\x97\xa5;\xb7\x03\x95\x1eE\xe9*\x13\xbb\x99#\xab\xa7\x95\x03\xe8f\xfd\xa7\x17\xff\x8a7+\x0f[\xf3G!\x16!\xbed\\\xd8\xe0\xf8\xba\x99\xabr\x07\x1aW\x93\x9c&gt;\x81\x83\x83]\xa8;k\xa8\x00h\x01\xe8W\x82\x9a\xa5\x85\x88m\xd5*\x8a\xd9\x8b\xa8\x02t\xd0\xe3\x94\xc3\xa5f\xc6\xe0\xee\ni7+&gt;\xf0\xfc\xb6\xf9\xceZ\xb2\x9a\r\xca\xae\x1aL-\x80\x8e\xc6\r\'\x0f\x88\xb0i\\\xc1ZUZ\rSJd\'\x04\x99\xd7\x01\xc3\xca\xd0\xbf\x8b#\x00x\x18\xd4\xcd\x88\xf6b\xa3!\x8e\x7f\x85K;\x17\x9b\xd2\xb2\xfb\x06\xdb\xe8H,3{x,\xe2\x1b|\x7f}\xd7\x82\xac\xa3\xab\xa7u\xb3\xd6\x1e\xd5\xd3\xd7\x82\xda\xb2^\xa7&lt;\xec\x9c?\x8e%q\xc0\xbfIs\xb0\x83\x9eJ@kEI\xa0\x020mO+\xbbz\x90\xd3\x07EOL\nF|91)\x98\xf1\xca\x13\xfd\xac\x07\x87\xba\xe1\xdb\xab\xe9\xd1^\xd9\tA\xf8\xfe\x9a\xabv\xad\x17\xe7w ~\xa8.\xf9nqV\xdf\xd9\xc3z\xce\x18\xdc\xbd\xad*\'R\xf4\xef\xe1\xa0Q\x05\x11\xfb\xfa\x94\n\x92\xa2h\x1f\xa2\xe2\xb711)\x98\xb0\x0c\xcc\xcb\x8c\x97\xea\x87="\xa6\xa3_K5\xc4\xef\x1bg\xa4Kq\x1be\xa6\r\x8cRB\x03ge\x80\xe1\x91\x1e\xefo\x1c\x90j\xfd\xe8\xa8)a3\xa6"S\xa7$\xc0\xa5\xf6 \x986(\xfa\xeb\xbd\xa3\x83B\xdc\x10\xf1\xe6\xc1\x95\x14\xef\xc2wW\xf1\xd9\xd9]\x0b\xb2\x92\x03\x1c\xc4\x14K\xf4\xb3\xc1gg\xbb\xb6m~f\xcb\xdc\xbd\x05\x13\xbaYk_\xdc\xb1\xe8\xd9\xd9m\x88?\xf6-\xc9\x91\xd8\x8a\x16\x80\x98bk\'\x0f\x99\x9a\x16\xc9T\x006GY\xe5\xe0\xf2\\6|\xf1\xf0\xf99\x8a\x1aX\xe7\xb6\xce#E+\x07\x06\xb7\x8bu7\xdf\xb7$gNFo6|7\xe9\x05:\xb2\xca\xa1\x95\x93]\xb5k\x13i\xc5\xf6/\x9d\xc4\x94?u\r\x00Dd*\xaa\x8e\x8f\xd4 \xe7K\xbbh\xee \xff2\x8a\x0f~\xdf_\xfb\xf1\xe8$\xf5\xbbx#\xe0\xf0\xc5\x05\xc1\x02\xb5\x00\xb4\x00\x0c\xab\xc0\xbc\xccxo\xa3\x06\x0bF\xf5=\xb4r\xb2\xb5j\xf9\xf4(O\xc47\xb3\x87\xc7Ri\xc5\xa02\xe0\xb3\xb3\xa2^\xad\x06\xd0\x8cz\x8f\xe9R&amp;\x1cO8\xe4\xc4\x9c\xf4^\x15\x00\xb2\x13\x82\xf4x\xe6\x9cN\xad\xd4\xb5K\xb6\xa1\x9e\x86\xf5v/\x1c?\xa2{\xc7\xe59\xa9V\xf5\x15\xd2GyC\xac\x1c\x11\x9f\x9e\xda8\x9b\xca\xa6\x9e:\x07\x96N\x9269\xa2m\xe3\x8a\xf8\xfb\xb1\x98\xa0\xdc\xe6&lt;\x83\xd7\xc8\x1e\xbe2\xf6\x90q.\xee\\\xd4\xcb\xa35\xf1\xf7\x92\xac\xe4\x95\x13\xd3\xa8\xdfK\xcf\x06\xb5v\xca\x10D\xc4\x97\x17\xa4r\x87\xbd\xb4s\x11\xcf\x0c\xf0\x9b\xf7%G\xcd\xaa\xf5\x01&amp;&amp;\x05wj\xa5N\\1\xa9\x01\xb3\x87\xf5\xfcv\xef\xd8\xb0\x08\x8f\x85\xa3\x13n\x15\xae\xa2\xde\x90D\xc9R\x0e\x0e\xf91\x7fd\x9f\x89I\xc1\xf8\xe6\xf2\x86\xe9\xc3\x17\x8eN \x06\x9a\xa6\x00\xb6\x8d+\x12\xa3\xbd\x16\xc0\xadC\xab.\xefZ|q\xe7"W\xedZR9\xb3;5-\x0bNN\x02\xf4\xec\xd0\xea\xf4\xa6|\xc4\xdf=;\xb4Rt_\x8a3\x9e\x13\x81i\xa2&gt;\xcf\xe6\x00=\xda\xb7T\xba\x9d\x14@Rg;rL\xbd\xbc\xab\x00\xf15\xe2\x1b\xf1\xb7|\xbcY\x18\xedbL\xfc\xfd\xf3\xd1)\x1a\xd6\x10\x07\x8d*\xef\xaf\xef\x97\xf6\xae\xc5c\xfb\x91]\xbd\xb8c\xa1\xf8\xc2V\r`\xc7\xbc\xb1\xd7\xf6-;\xb51\x7f\xc5\xc44=i6\xecR-\xa2\xaa\x02LJ\x0e\xb1n\xc4\xca9\xb6x\xfe\x13H\xa8\xc9\xf17P\x1e\xa0\xa3q\xb1\x8fx\xd3?\x8b\xc7_W\xf6,\xb9U\xb8*;!\x08\x00\x1a\x01tj\xa9F\xf8\xfd\xe8\x94\x83}\x059\xf8\xe5\xce\xaaI\x03\xa5m\x0b\x11\xbf\xdc9\xb2,\xbb?"\xb2\xed\xefoX\x05\x982\x80\x98\xd7)\x1e\x0e\x92\x03\xecE\x95\xe9\xdaVNZ\tK\xc7\xa7 ~\\7u(\x00\xe0\x8b\x0b\x8aUh\xd0\x94&gt;\x0b\xc2\x90\xb0\xf6[\xf3G\xae\x9f:,\xd0\xb2iz\x94g\x07=\x15\xf1\xe5m\xd5*\xca\xffL\xa8ri\x9d\x12\x89\xe5\xdd\xf5\xeb\x0c\r\xef0$\xac\xfd\x8a\x9c\x01\x01\xad\xa9\xa6\x07\xf5jQ\xff\xf6\xa1\xd54\x1eR\xb6U\xc7\x85N`\x95\x00\xb0\xe8&gt;\xab\xedr(\x86\x10[\xdd\xba\x00\xe1\x8e\x86\xbd=-\x0e\xad\x9c\xfc\xf0\xc4\xc6C+\xa7\xf4r7We:\r)"\xe2\xebKC\xc3;\xe0\xcfG\xef\xaf\x1f`\xb4n\x16\x89t6\xb2S\xaf\xb4\xaf`\x02{\xe7\x13\x9d\xcd\xa9\xea\xbb\x98T\x87\x8f\xb7\n\x89\xf0i\xcf\x16\n\xb3\xc1u\xd0S\xf14\xacO\xe4uY\x937\xb8\xba\x1c\xa7@&gt;\x18?!\xad\x02\x10j\xa7wl\xedt\xea\x13\x00\xe9\xf1)\xad\xd8\xe6\xe4\xd4p\xe9;\xc8:\xb7\x0f\xadN\xecd\x03\x00\xf5J\xbb\x12$\xf9\x8b\\\x00q\xc8\x8fJ\x00\xa3b\xfd\x98\xad\xd3\xa6q\x05\xb6\xbd\xcd\xcel\x9e\x83\x88\xbf\x9f\x9e\xb5S\xaf\xf4\xe2\xc2\x0eD\x8c\xf7\xb6d\xb5\xc5\xb2\x8b\xf8\x1d\xfe\xbe\x82\x9c\xd5y\x83\xe5\xd4\x15\x11 \xbeD|E\x8c\x8f\xcf\xcf\xef\xf06j@\x1ajHT\x01\x06te7\xad\x95\x9f\x99ZvB\x90\xba4\xb7\x18T\x06?351\x05Z\xd7\x818/\x0b\xe2\x11ED\xc4w\x12\xeb\xc4\x1f\x0f\xa5\xe9\x82\xc2\xd0\xa0\x16j\xfa\xf6\xea^\xc4\x8f\x9d\xcd\x9b$\xf9\xdbq\x01\x9f\xca\x88"}\xcb\xe9R\xfck\xfax\xa3EU8\xbbe."\xee\x9c?VQ\xcbFe&amp;%\xc0\xe1V\xe1\xaa\x18\xe6\xb2\xfb\xa6uu!sX2\xc8\x82Q}\x89\xaf\xb4py\xde\xfc\x91}x\x15U\x01\xa0"@fLGD\xec\xd7\xc9\x96\xa9A\xa4k\xdb\xe6\xbe\xa6\x8d\xc8uJ\x03\x80\x97\x17wI%\xaa\x11\xd4\xa6\xd9\xbbk\xfb\xf1\xddU\xc1\xe9\x8a\x04\x9f\x9f\xc3\x9f\x0fI\x15\xd8]\x0b\xb2\x84\x16\xf32j\xb0v\xca\x90\xe2[\x14m\x1c7\x92\x14\xfc\x99\x11\xed\x8d\xf8\x1d\xa9I\x9a\xcf\x1e\xd6\xf3\xe1\x89\x8d\x0e\x1aUb\xdc\xcc\xb8\x04\x02\x1c\x8c\x81\x88\xf8\xe9\x16\x14\x1f(\xbd\xba\x7fl\xfd\x85\xed\x0b\x14\xdd)\xaa\xa8\xc9E\xaa\xba!\xc0\xd7\xbbG\tA:\xa6\xea\x9c1\xb8;\xe2\x137\x9d\xda\x06\x95 \xa8\r\x93\x8e\x85\xaf.\xed\xc6gg\xe7d\xf4\xde\xbbx\x02\xd9\xe1\x8a\x00S\x07F}\xbcYx\xfb\xf0\x1a\xc4/\xf9\xc3c\x0f\xaf\x9a20\xb8\x9d,\r!"\xe2\xcb!a\x1d\xfau\xb6%]\x81\\\xb5k=&gt;\xbdelo\x7f\x8a\x954\xf8s\xc4\xf5j\xe6\xd0\x1e"\xdb\xfa|\x0b?\xdf&amp;\x16+B\xd3\xca[\xd6\x07\x00H\rr\xc2\x17\xe7\xa5|\x1f\xcc \xb4\xf3\xc4\xae\xd1Z\xc4&gt;\xfe\xe3\xcdBDD\xfc\x9a\x19C)\x13*aX\xab\x02\xe0e\xd4\x80\xcbN\\\x86\xa9\xccr\xb4\x91,T\x03\x98\x90\xd8U\t\x1d\xff\x05i\xaf\xfb\xdf\xa6\x99#\x8a\x1e\x9e\x90[\x8b\x85+\xf2\x98\xaa\xca\xabE\xfd\xe7\xe7\xb6\x13\x7f3\x1e\x18 tuoZ\x13N\xac\x9f\x19\xe9\xd4bNz\xafxo\xab\x0b\xdb\x17LI\x8b\xa4\xddD\x05b\xe0\xfep]\r@\xa7&lt;\x00\x80Q58\xb6v\xfa\x95=K\x9e\x9e\xdd\xa6E\xa1\x06b\x9b\x19\xebnN\x0c\xff\x97v.\xaa\'\xb6|M\x80\xb7\xd7\xf6m\x9e\x95)\xf48th\xb8;\x94\xeco\xe4)\xea\'\x9e\xb1q\xfe\xb3\x86\xf5\xc4\xa2\xfbB\xc3\x0f\r*\x01\xfeztpy\xae\x83F)5lC\x9e\x7f\xbd\xbc\xb0\x93/KsE\x80G\xa76\xcf\x1c\x12\xc3J\x8f9\xe4\xc0\xb0\x08\x0fB\x9cDii[\x16d*\x07tuyui7"R\xf5\xf0`\x08\x1a\xa9?\x84\xd2\x9d9\x83\x92\x18*\x02h\x95\xfc\xbdxl\xa2U}\xf0*9\xa6\xb6\xaa\x0f\xb2l\x9fr\xfa\x05\xa7Gy\xd94\xaa0,\xc2\xdd\xa4:$\xf8Z\x17/\xe5EGQ\xf1AH!\xed+\xc8AD\xfcr[_f/\xb4\xde\x9e\x16\x888\x82\xda\x82Z\x0e\xcc\xcb\x8cG|\x89\x88\xc4\xf9\xad \xabs\t\xbf\xa6\xcf\xe4\x06\xc2\xa5YM\xc4\xf7\xa77\xe5[7*_\x8d\x98e\xdf^\x91c\x979XF\xbb\x1c\xdc;\xbaN\xf9sGdD{\xd9\xaa)o@b^\xff0|uq\xc3\xf4\xe1\x88\x9fV\xe4\x0c\x90g\xd3\x9e\x86\xf5r\xfb\x87Y5\x00\x97fe,\xa8\x97\xb0H\x90\'&lt;\x1a\x00m\x1a\x80\xa8\xb1\x89"}}\xda~\xba}h\xcb\xec\x91\xb3\x87\xf5$\xc6\xff\x1d\xc2L4Bq\xd6*\x8e\xe1{tr\x13"R\xd1\xcb\xd2)\x07\xb1\xee\xad\x02,\x84O\xfa\x83B\\\x11QZ/X\xf6\x88\xf3\xb2\x1c\xdd\xabS\x9f\x8em\xc4\x94A\xc4\xb3[\xe6\xf2^\t\xb1\xd3=\xbcj\xca\xbc\xccx\x93\x1a\x80E\xf7\xa9O\xa8\x1c\n\xe0\xe9\xd9\xad\xaf.\xedVt/\x98\'7%\x94&lt;\xa5T\x86|\x00$\xef\xae\xed?E\xa4\x0eF\\4&amp;qk\xfe\xc8I\xc9!\xf2\xec\xc0\x92\xac\xe4S\x9b\xf2Clu\x8f\xad\x9d.\xcfv\x99b|\x9f.\x0c\xca\xe1MN\r\xc7\xcf\xb7\x9e\x9e\xdd\xba5\x7f\xd4\xd15\xd3\xfdZ\x8as\xe6\xe1\x83tg\xf40\xa8\x8b\x88\x8b\xc7&amp;\xca(\x8e\xda\x0c`\xc7\xbc\xb1\xb2\xd5\xc1\x00\xb2;QT\x02\x18\x1a\xde\x01\xfe.\x1dF\xc6Q\nA\xbeG\'7\xa9\xb7jY\xb9\xa2\xc6\x0fE\xf7\x84q&lt;[\xd4\xdfz\xe5U-\x00\'\x13UgW\xd7\xe4IK\x18\xa9\xb6\x06@p\xfb\x96\xf9;\xcf\xd1\xbb\x9d\xf7$v\xf9\x84\xd4\tc&amp;\x9c~\xcbH\xbf\xf8i\x04\xf0L\xd8\xf5\x1e\xed[z\xfb\xf9L\xcf\x9b\xb2\xfd\xc0\xber\x8dZ\xb2\xd26\x9b "\xc0\xfb\xe1\x91]?~\xf8\xb8a\xdd\xe1o\x00O\xe9V\x15l\xa3\xb3h\xd5\xf2\n\xb5kk\xd4\xd2{$[\xafn\x1fZ}\xfe\xec\xd9m\x1b77VW\x9b\xb1`\xdbK\xd9jS\x08\x83C\xdb\xdf\xbf{WS\xabi\xe5\xcaU\xd6\xae\xdcr\xeb3|e\xb4\xfe\xa9\x03\xa3TTT~\xfd\xfaU\xb1b\xc5\xcaU*\x97/W\xbe\xa8\xa8\xe8\xeb\xd7/\xd1\xc3\xcb\xe4B\xe4\xef!\xcc^_\xd1]\x90@-\x00\x03\xe9\x85(\xed\xd5+\xf7\xf6\xb4\x986(\xba\x1a\x80\x14\xeb:IdD{\xe1\xef\xc7\xb4o\'\x8c\xaa\x04\xe27\xd74\xb0S\xfb\xb3\xdb\t\xb4l\xaa[\x1e\x00\xa06\xc0\xee\x85\xe3\xd7N\x19\xb2i\xe6\x08\xf2\xd5\xd4 g\x85;\x1a\xd2\x83\x88*\x8f\xf3\xb2\xdc1o\xec\xa3\x93\x9bF\x97\xc4\xaf\xec^8\xdeK\x9a(\xb6\x9a%q$\x07\x97\xe72\xd8\xbd\xfdK\'"\xe2\xf2\t\xa9\x0c\xd6)\x1f\xf0\xc3\xf5\xb3[\xe7y\x18\xd4\xb5V-\xd7\xb26\x04Z6\xed\xd1\xbe\xa5,\x15\x92Y\xafk\x01L\x19\x10\x81BxWF\x1fB\x0e\xb92(\xc4\xb5\xb5\xf4\xd9b\x92\xfc\xed\x10\xbfL\x1b\x14\xcdlg\xec\x9bTf;\xb9#m\xae\xed[\x86\xf8j\xfd\xb4aW\xf6,\xf9\xfd\xf4,\xa9\nwv\xcb&lt;D\x8ct6"Kn\x986\x1c\x11Ol\x98E\xb1f\x93\xeap\x91Z\xa6\xe5\x13\xebgJ\xd9k\xe9\xd8\xb5`\x1c~\xbdC\xfc\x1d\xe9\xd4\x828\xc7\xe8b\xa5\x95"VcY\x10\xa7\xa6\xd5\xccU``\xb7v\xc6L\xabI!\x16\xbd\xb8\xb0\xd3\\\x05t\x15\xa0\xafC\x9f\xa1\xe1\x1d\x08)\xc6J\x00\xa1\xf6z\xd6\xaa\xe5i\x9f\xf3\xebU,\xce\x83\xfd\xf3\xf1\xa9;\x87\xd7\x9c\xd9&lt;\xe7\xcd\x95\xbd\x88\xdf\xf1\xfd\xf5ckg\xcc\xcd\xe8\x9d\xd1\xdd\x9bh\xabL\xf8k\xfc\x9dx\x195\xd8\xbdp\xfc\xd6\xfc\x91\xeduU\x14\xdd\x17V\xa8\x0b\x80\xf8-\xc1\xd7Z\xe8\xab-\xaa\x00\x00\x98\xd5\x82w\xd7\xf6S_\x86\xd4\x07\xf8\x0f@\xa8\x93\xa9\x92\x9c4\x9c\xdd2\x0f\xf1\xf9\xc7\x9b\x85?\x1f\x9f"\x0f\x1b#\x1c\r\xaf\xed[F\xe6k\xac\x0c\xb0b\xe2\x00\xc2w\x85\xa2\x0fRRg\xbb\xa4\xcevTJ\xf6\xf5i\xc3R\x9a\x17B\xc5~u\xee D~\x13\x0b\xe2{|q\x9e\xf1\xc9\x9e\x1ey\xfd\xc3Nl\x98\x15l\xa3\xd3\xd7\xb7\xad\xe4\xd2\x14(\x18\x97tx\xd5\x14|~nRr\x08\xe3\xbbF\xa1\x18V\x81n\xd6\xda\xb4\x1dm\x0f\xaf\x9a\xc2\xbf\xd6\xfft\xb3`\\\x92K3.\xf3\xbc\xd20(\xc4\r\xbf\xdeE\xc4\x9d\xf3\xc7\xd1\xae\x84\r\x17F\xf1\xeet\xabr\x07\x89\xd7O\xb6S\xffs\xff\xb7{\xc7\x86Gz\x88)\xac[\x1e\xae\xec.@\xc4n6:\xc6\x92t\x99\x8f\xae\x996sh\x0f\xfd\x12\xdf"\xad\xd2\xaf\x0e\tk/\xe1~\xc5\xa1\x01095\x9c\xcf&gt;2\xb2\x87o\xff.\x8e\x14\x8fS\x15\xfe\xd3u\xd3\xa9\x8d\xf8blo\x7f\xc4_\x88\xc8\x97\x8d\x12\xdf\\A\xfc\x84\xbf\x1fG8\x1a\n\xde+\xfeT\x93\xf1,7\r\x01\xb6\xe6\x8f\x1a\xd9\xc3wIVr\xd7\xb6\xcdeI\xbcQ\x0b \xc0B\x13\xdf^!F\xd1\x82\xac$\x9b\xc64\xeb\xb3V-\'U\xf2\xb2\xa5\xe3S\xf0\xfb=i\xe3\xbd;\xe8\xa9\xecZ0\x0e\xf1+\xef\xe0\xff\xf0\xe4&amp;\x89\n}\x1c\xf2fhx\x07\xe2\xeb\xb9q`\x85\xa2\xfbR\n\x89A\x06\xd4\xadA\x85\xcb\xf3$\n\xa9W\x01\xc0\xafw]\xb5kI\xb4\x1fk\x00\x88Q\x91\x1c\xd3\xab3\xe5~\xc9\x1b_\xd3F/.\xec$6\xdd\xca\xeb\x1b+\x96\x04?kD&lt;\xbaf\x1a\xe2\x17DlS:\x87\xce\x88\xee\xde\xf8\xea\xd2\xdb\xab{\xf3\x05\xb2\xa6\xec\\0\x0e\xf1\x9bB&lt;^\x9b\xca|\xf840\xd8U\x1b\xa0\xbd\x9e\xca\xd6\xfc\x91\'6\xcc"\x94t\xe914\xbc\xc3\x9eE\xd9&gt;&amp;\xaaT\xf2\x059hT\xd9\xbbx\xc2\x8b\x0b;\x11q\xfe\xc8x\xde\x97\xda6\x04\xa1+%\x83J0)9\x04\xbf\xdc\xe1[\xfa\x1f\\\x9e\xcb-\xfb\x95\x0e",\xdb\xaa&gt;\xe4\xa6\x84\xf6\xf1\x91\xc7\xa6\x92"\r\x01\xda\xeb2fA\xc0/\xb7\xdf\xdf\x90,\x11\xfaOe\xa3/Sv\xe9?4\x04\xc8\xe9\xd7M\x1d@\x0b`lo)\xe6Zg\xad\xea\xfdd\x8b\x15P \xcb\'\xa4\xee-\x98\xe0\xaa]\xeb\xf4\xe69Y}\x02\xf1\xf3-I\n=\x0c\xb0}\xee\x985y\x83\xd7N\x19\x92\xd6\xad\xdd\xd15\xd3\x13\xfd$\x7fzK\xb2\x92\xf1\xf3-\xc1C\xde\xee\xedL\xd8\xef/\x07\xa3\xc8\x1e?\xd5\xa9\x95\xba?\x0b\x89\xcb\x05\xad\x10g\xb7\xcc\x13\x9fF\x18\xf1\xd5\x8b\x0b;\x18i\xbd\x8a\xe4"\x94\xd0\xad\x00\xf8\xfa\x12C\x95\xfd\x8b\xe8\x96/\x03~k\x04S\x06D\xdc*\\%K\xe8\xb5\xadZE|u1\xce\xcbR&gt;\xa6\x7f\x92\x00\x0b\xcdz\x00m\x1a\xc2\xe8X?\x89S\xce\xca\x89iB\x1c|\xde_\xdf\xbfd\xa2&lt;\xfa\xca!;\xbc2&amp;\xfa2\xdb\x086\xcd\x1c\x81\x88\x97w\x17\xd0\xbb]\x94)\xe6\xf6\xa1\xd5\xbc\xff\x0c\xb1\xd5%\x9e4\x15\xd1\xf5\\\xdf\xbf\x9c\x91\xa7\xd0\xaa&gt;|\xbes\x18__\xc2\x17\x17\xc8\xee\xd1\x93\xd6\x99?2\xfe\xcb\xdd#\xb2w\x89\x83D\xbc\x1c\xf1\xa7\xdb\x87d\xa9|@W\xe7M32h\xdc\xa8\x01pr\xc3\xac\xd7\x97\xf7\xd0\xf3\xa5\xe1\xcd\x8dj\xa7^\x89\x8d\x15\x95\x18\x88\xa4\x02\xb5\x01$f\n\x9b=&lt;\x16\xf1\x89\xe0\xf0\xbf,\xbb\xbf\x8a&lt;z\xca!33\x06wG\xc4\xa2\x07\',\xc5\xcbYQ\xc6\\\x05\x0e\xaf\x9aB\xc3s_&lt;O\xcfn\xe3\xfd\'9\x01\x18\nk\xc8N\xbd\xd2\x8a\x89i\xfd\xbb82\x12n7!\xb1+\xf9h/\xcb\xeeO\\D|\xd5\xa7\xa3\x15\x13\xd5s\xc8\xc4\xba\xa9\xc3\xec\x9b\x14?\x04v\xea\x95\xda5/\x95\xd0\xa5\xb1\xb0[\x08\xa8\xd8\xa6\xab\xd1\x95&gt;\x8ct6\x8a\xed\xd0J\xaa\xbc\x02l\xb0*w\x10\xdf\x19\xf8\xaaI\x03\x07v\xa3$\xa4Z\x1f\xc0\xcfL\xcc\xe7\x07\xcb\xb2\xfb\xe3\xcf\x87B\x96\xff\x88\x9bff\xd0\xef4\x87| \x02g\xc6\xf7\xe9B|gY}\x02\x99\xaa\xb9\x13\x0bO&gt;"\xae\xca\x1dD\xfe\xd3\xcb\xa8\x01\xd1m\xe7\xa6B\x0e\xa5B\xed\xf4\xcen\x9d\xc7l\xeb\x04SK|\xe3\x0c(;~\xbe\xbe\xbc\'\xbd$\xc1\x13\xc7\xb8\xf8\x00\x06k\xebb\xa5\x85\x88\xdf\xef\x1f\'\xfe\xf9\xfb\xe9\x19\x89\x8e+\xe5\x01n\x1fZ\x9d\xd7?L\xce\xcbj\x85\xa3_\x11v/\x1a\x8f\xf8\x89\x91\x9f\xc6\xe4\xd4p\xc2#K(\xdb\xe7\x8e\x96\xbd\t\x0ev1+Y*\xe1\xfbkk\x18M\x08\x85\xf8^\x94\x08\xd4\x90\xb0\xf6\xf4r\xb6 "\xe2\x9f\xb0\x7f\xb5\x92A9\xd2\xd9\xa8\x8b\x95\x96xwO\x12\xab\xfap`\xe9$*\xbb\x930\x07\x03s\x95?\xff\xb4\xa8\x0b\x88\xf8\xfd\x01\x1d\xf5fD|}y\x0f\x8d\x1b\xff&gt;.\xecX\x88\x88\x0c\xaa\xa0\x04\xdb\xe8`\xd1\xfd\xa2\x07\'\x00@\x1b\x00\xbf\xdd\xed\xe5\xd1Z\xfc-\xdb\xe7\x8eAD\xc4\x1f\xccNE\x82\xf4\xf20\xdf0]\xdc\x19\x95\x9c!R,\xe4\xa6\x84\x02\xad\xd0z^\x96f\xf7G\xfc!j\xf4\xbf{d-3=\xe6(\xa3\xa4\x048 \xa2Po\x1e|u\x11\x11id\xa0DD\xc4o\x02W\xf0\xc8\xea\xa9\xc3"\xdc\xa9l9u+\x00\xe1D\x88E\xf7\xc5/\xdf}LT\xf7.\x9eP0.I\xdaN\xca\r\xfc%\xa3z\x8d\x02\xb0\xac_\xfc\x95\xb1\xd7\x84\xa8\xb8?^\x88\xb8hD\x9c=\xac\'{=\x01\x80\xd3\x9b\xf2Y}\xb3\xd2\x92\xdd7\xe8\xc1\xf1\rc\xa4\xf1\xa1\x12\xca\xec\xe1\xb1\xa2\x86~\x82}Kr\x18\xe90\xc7_H\x88\x9d\x1e"\x1d\x99)\xe2\xd9\xca\xe8\xeeM\xfc\x93X\x92#"\xe2\x9b\xe9\x83\xa2)\xee)\x9e\x9f/\xce\xcbzv\x8b\xf0]\xf0\xd4\x81Q\x88\xef\xf0\xddU\x1a=d\x04AA\x1b\xf2\x8cs\xd7\xc2\xaca\x11\xeeB\xef\xb2\xa8\x0b\x00\xd0\xb26\x0c\x0euc\xafo2\xb2~\xdapb\xe9\xcd^\x13\x14]nNm\x9c=\xbeO\x17\xf6\xba\x01\x00\xf3G\xc6\xb3=\xdb\xf1\xb1b\xe2\x00wI:\xed\xc16:\x14#\xba\xc5\xb0|B\xaa\xf8\t\xe0\xd9\xb9\xed\x92\xa2*9\x94\x00\xa5\xf5\x7f?\xb3y\xce\x97\xbbG\x03yd\xd3\t\xc5]D\xe4\xf5\xbd)\\\x91W\xfc\xc4}\xba\xd5I@\xc8\xb7\t@\x82\x9f\x90\xf5\xa0\x97Q\x83\x03K\'\x89:\xa30\xad\t\x07\x97\xe5\xb6`\xca\xebSz\xfcZ\xaa!\xe2\xbbk\xfb\xfd[k\xcc\x1d\x11\'qDs4\x92u\x00\x00 \x00IDAT\xebb\xa5\x15h\xd94\xabO\xa0\xb3Vu\xc3\xca\xe0c\xa2*\x18\x9e]Y\xb4o\x95\x9c\xf9\xfd\xf4\x8c,\x99\xbc\x04\xd9W\xa0\xa4\x8bMB\x0eA\x9e\x19\xdf2\xa2\xbd{y\x98\x8b/\xb3~\xdap\xa1\xc1\xd2R\xf1\xf8\xf4\x16\xf1\x13\x00\xe2\x9b\x1873\x19[\xe1`\x97\xf1}\xba&lt;9\xbdE\xd1\xbd\x10\x0e\xe2\x07\xbe\xa5S\xeb:\xf0\xf0\xc4F\xc4\x1f9\xfd\xba\xf1^\xf77o\x12l\xa337\xa3\xb7P\xe5\xc2\x9e\x1dZ\xb1\xdaO\x968\xbcr\n".\x9f\x90\xbakA\x16)\xe1\xd9@\xfc=\x00\x00P\x13\xe0\xf8\xba\x19;\x17\x8c#\xf3n\x0f\x8bp\x8fng\x1c\xd0ZC\x96 R\xb9\xa1"\xfd-\x16\xca\x9a\x9ah\xd1\x98D\xfc\xf5\x88\xb6r\x03EH\xbd?\x8a\x0c\x8f\xf2\xa4\xddV\xbb\xe6\xc5\xf1\xd4_\xef\x1d\x954\x01\xe0\x99\xcds\xc5\xd7\xc6\xa1`\xec\x9bT&amp;\xd4\xb5\xe4F5\x00\x8aq\x8c\xed\x9a\xd7\x8c\xfe\xc7b\x08\x1b\x95\xfe\xe7\xe8\xd8NQ\xceFAm\x9a\xad\xc8\x19@]\xad/\xd8F\x87\xf8\xf9\xa5vq\x02\x80h\x17\xe3\xe7\xe7\xb6w)\x0b\x19\x92\xdd\r\xea\xee+\x98\x80\xf8\xc5\xc7\xb4\x91\xe4\xd2\x00\x00\xd0\xb6\xa1Rd\xd4\x10EC\x00\x89\x01\x04q^\x962\xb6"\xad\xc4E\xac\xbb\x84-\x82PVNLkU2\xd3\x98\xd5\x02\xfcvW\xe2\x04\xf0\xe9\x96L\xe1\x17\x1cr\xa5_\'[|~\x9e\xedV\x1e\x9c\xd8\xf8\xe1\xc6A\xb6[)[LJ\x0e\x11/\x88{pY.\xbe\xba\x14\xe9\xd4B|=Z\x00\xc3#=\x9e\x9e\xd9J\xfc\xfc\xc6\xf6\xf6\x07\x80\xb4n\xed\x1e\x1c\xdf\xa0(kVS\x80\xe6\x00-\xaa\x02\x00\xb84\xab\xa1[\x01\x00@\x94(X{=\x957W\xf6"\xe2\x94\x01\x11\x12k\xde2{\xa4\xabv\xad\xcc\x1e&gt;\x00`\xa2\xacB3C\xc3;\x88q\x01\xf2lQ\xdf\xa0\x12\xf3\xdb\x176\x84\x9e\x1c5\xaa""\xbe)N\xedk\xdf\xa42\xe2k\x89\x13\x00\xe2g\xbe\xcd:\x87\xf2\xd2\xb5msd\xff\xb4\n\xf1\x15"\x0e\xa3\xe6\xaf\xf9\x8f\x80\xf8\x1e\x11\xc5\xe8s-\x9f\x90\xbaqF:\x95A\xdc\xaf\xa5\xda\xf2\x9cT|}\xf9\xc2\x8e\x85Dpl5\xb1aP\x8c\xe3\xdfZ\x83W\xae#\xde\xdbR\x0b\xa0M\x03p\xd7\xffs\xd8\xd4\xaf\xb3\xad\xa8\xdb\xddtj#\xe2\xc2\xd1\t\xaa\x00\xf1\xde"#\xec\x1a\x16\xbb\x03\xbc\xb9D-?\x81\xa2H\xed\xe2$\xc6\x17\xbeli\xb0\x7f\xbdw\x14\xb1\x88\xf8\xbb\x16\x00\xe2s\n\x13\x00"&gt;\x91\xb8p\xe1P\x16\xe4 f9m`\x14"\xe2\xb3\xb3\x82\n\x9d\x89~6\xfff\xa8\x14\xe2\x0b\xe2\xb7r}\xdf2Y\xab\xfat\x93\xa8\x8ap\xf4\x96?T"\xc9\xf3\xd3{\x89y\xd5\xc7\xa4\x91S\xd3j5\x01\x0e\xaf\x9a"j\xaf`\xadZ\x9e\x1c`\xc4\xc8\x14\x10\xb7\x0f\r\x17\xee4%\x07\xd6N\x19\x82(4)\xa7\xb2#1\xc0\x11\x7f&lt;\xa06\x01\xe0\x9d#k=[\xd4\xd7\x92C\xa79d\xa4\x87\x9b\x99\x1c&lt;\xb7ZT\x01G\xcd\xaa\x82\xe2-\xc4\xe3\xc2~\xfb\xc5t\xd0c\xd7\x01\x8a\x08O\x95\xa8kMP&lt;p\xbf\xbf&amp;cr$\x93\x1apj\xe3\xec\xcf\xb7\x0f\x0f\x8f\xa4\x7f\xd0\'\x0b\x01\x16\xc2\xd3C\xf0\x1ai\xc8\xd0\xdbQ=}\xc5T\xe5\xa8Q5\xdc\xc1@\xe8K\x11\x8e\x86{\x0b&amp;\x10\x0f\xcc\xd6\xfc\x91\xa2N\x95j\x0084\xa9\xf2\xf2\xe2\xae\xa9\x03\xa3$\xf4\x9b\x1d\xfc\xcc\x1a\x93o\x81\xd5\x80\xe3j\x00\x03\xba:o\x9c\x9e\xceH\xde\xd3\xb7W\xf7J\xfc1\xe2\xebK\x14\'\x00D&lt;\xb8&lt;7#\xda+\xa8M3&amp;z\xc7\xc1\x0e\xd1.\xc6\x88x~\xdb|9\xbbT\x90.\x0c\xf8\xee\xaa\x1c&amp;\x80*\x00\xcf\xcfmG\xfc\x86\x88\x88\xbf\xd9\xcb\xd8\xb7}\xde\x18\xa9\xa6\xb4\x159\x03D9\xf8\x97!\x84\xc6\x96\xee[\x92s\xfb\xd0j&gt;cw\xab\xff@\xe2\x87\xa3#\xe2\x88w\xfd\xb4a\xd9\tA\xbcv\x06Q5\x84;\x18 \xfe\xda\xbbx\x82\x84~\xb3\x80*\x8f\xecvy6\r&gt;\x88\x88\xf8\x9ax\xa4%\x86@Saph{\xe2c5\x13\xed \xf2\xec\xdcv\xea\x13\x00\xe2\xa7;\x87\xd7LL\nV\x12Gd\x0e~\xea\x97X\xa2\x11?\xcaY\xdd,\xa7_q\x8a\xa2\x1a\x00\x82\x8e\xfc2"(8qt\xcd4DD|\xb1qF\xfa\xc8\x1e\xe2V\xa0\xf4 s\x8a\x8d\x8b\x0f\x90j\x02\xf8\x8b!\x04\x03&gt;\x08de\xe0\x95\xd9\x90\x8an\xd6\xda\xa3z\xfa\x16\x8f-//\xee\x987V\\\xeb/\xce\xef^8\x9efKe\x01-\x80\x91=}\x17\x8f\xed7}pw*\xe5\x13\xfdl\xb6\xcd\x19%\xbe\xcc\x95=K\x10q\xc5\xc44Q\x05N\xac\x9f)\xcd\x04\x80\xf8\xe3\x01\xf9K\xe7P:V\xe7\x0e"\xbe\xa6s[\xe7u\xb3\xd6\x96[\xbb\xf5\x00\xc4\xffz\xe9\xb15\xff\xcf\xf3MjQ\xd4\x05X6\xa1?"^\xdb\xb7l\xc9\xf8d\xc6\x1bu\xd4\xac\x96\xd5\'\x90\xcc\x85\x9b\x1c`\xcfM\x00\x047\x0e\xac &amp;]f\xab\xed\xeej\xf2\xfb\xc9\x99\x01]\x9d\xc5\x17C\xc4#\xab\xa72\xdb\xb4\x12\xd2\xd1D\xb5\r\x858\x91\x10[\xdd\x8f7\x0b\x11qyN\xaa\x98b*\x00\x88\xf8\xf5\xdeQQ6\xc9\x82\xac$\xa9v\x00GWO3UHJ6\x0e*\\\xde]@|Q\xfb\nr\xa4\x8d+\xa1N7km\xc2\x0eH\xda\x89;\xe8\xa9\xecZ\x90\xc5\xb8\xbf?"\xce.\xc9\x0b\x98\x9d\x10\xf4\xe6\xea\xdeQ\xb1~?\x1f\x9f&amp;\x94\x0bYz\x0e\xef\x1f[\x7ft\xcd4\xf2\x9f\x0bF\xf5\x15:\x01\xf4\xf6\xb4\xb0m\\Fs2\x8aD\xbc\x87Ro\xcf\xd6\xe1\x0e\x8cK\x83S\xe5\xe9\x99\xadQ.\xc6\x8cW\xcbN\xd2{v\xb1S\xaf45-23\xc6\x07\xf1\xcd\xc0`W\xf1\x85\xd7\xe4\rFDQ\xba\xaaS\xd3\xa2\xa8\x0f\xff{\x0b&amp;\x94\x818\x94\x7f\x96_ON\x93_\x95\x8b\x96p\x9fj=&amp;\x82\x19\x89&amp;2\xa2\xbd\xab\x03\xf4\xebl\xebc\xa2\x9a\x1e\xe5\x15\xeeh\xc8H\xe5\xa2\xa8\x00pq\xe7\xa2\xf3\xdb\x17 \xfed\xd5+9\xdc\xd10\xa8\xed\x9fc\xae\xf3\xdb\xe6#b\x94\xb3\x11{-\x96\x15rSB\xd9[UP\xa7)\xa3\xa9F\xe5\x9cV\xb3S+u1\xc9\xa8\xa9\x13h\xd9\xf4\xf5\xe5=C\xc2\xdaS\x112\x9f;"\x0e\xdf_\x13*.\x94\x19\xd3\x91\xfa\x04 \xfe\xf8W\xc9\xa3\xf9\xfer2\xa2\xbdx\xbf*Q\xc5\x92\xfd\xed\xa5\xad9R`\xec;\xb7u\x1e\xbe\xbe\xbc"g\x00\x00T\x01\x90\xd1\xe3E*:\xb5T;\xb1a\x96\x1c\x1b\x84uS\x87]\x93\xd9\xadS*x}\xedI\x94\xe4\xd8\xcd\xac\x16\xd8\xa9QN\x9e \x0c\xd9\x07\\\x19S\xe9\xaa\x94\xfe\xa7\x9c\x13\t\x8c\x8e\xf5\x9b5\xb4\x07\xef\x95xoK1\xb3\x99\xb7\x91H{\x10#\xea/v\xea\x95\x10_R\x1a\xfe__\x16_\x95\xa2\\\x969\x00\x00\xca\xf3\xe49\x113\x01HE\xbc\xb7\xe5\xcf\xc7\xa7\x11?\xcc\xa0v*%\x14\xab\xfa\x10\xefm\xa5\xc2H\x87\x14A\x05\x009\xfb\xbd\xb5\x12\x18\x0fJ\x04[^\x10\xebo+\x05\xcd\x06\xb5\x01\x8a\x1e\x9e\xccK\r\x97\xa5\x92\xbe&gt;m\xf7/\x9dH/\x8d\x84\x18:\xb5R?\xb9a\xf6\xcc!1\xe2\x8b5\x04X3y\xf0\xa4\xe4\x10\xd2Sk\xcf\xe2l9o\x02\xf8@|:\'\xa37\x00\xd0\xb6\xado\x9f;\x9a\xd4\xdchFYE\x95d\xdf\x92\x1c*\xe3\xff\xc8\x1e&gt;\xe2\xeb!\xde\x05\x87\xc2H\rr\xa21\x01\x88\x91\xb8"\xaa\x8atj!\xdc\'\x9c\x02\x13\x93\x82\x8b;\xf4\x82uu\n\xda\xf0\r\xa7dJB%a\xea\xc0?V\xda\x03\xcbr;\x9b7\xd94##\xc4V\x97\xa9\xfaClu\xf9f\xb8^\x1e\xad\xd3\xba\xb9\x08-\x8c_\xef\xd0h\x82\x1c\x9e\x1a\x02\xe4\xa6\x84\x1eZ9\x99\xd0\xb7`\x8a\xde\x9e\x16\xc4\xe7\xf3\xf5\xeeQ\xa1\xad\x1fY=u\xee\x88\xb8\xde\x9e\x16\x84\x8f2\x01a\x10\xa1\x98}\x88=4\x00d\xf4\xd8\xceM\t]\x95;\x88\xd8)\xa4uu\xc9/96\xa3\xc8\xc8\x1e\xbe\x14\x96\xff\x97$\x9ew)\xc9&amp;\xf5_g\xee\x888\xa6v\x00\xd1.\xc6\x9e\x862%\x17\xb6W\xaf\xfc\xe6\xca\x1e|\x7f\x8d\x0b\x1d\x11\xca\x9eE\xd9}:\xb6\x11\xfa\x12\xa1\xa0\xd0\xaf\x93-\xef\xcf\xf0\xf3\x9d\xc3s\xd2{\xc9&gt;\xfa\xe3\xd7;\xdb\xe7\x8e\x01\x80\x1a\x00\x88\x9f\'\x0b,\xeaE\x19%d\xd9|T\x030\xad\t!\xb6\xbalD)"\xfeF|\x13.L\x1eyP\x88+"\xe2\xc7\x9b*\x00_\xee\x1e!?L\xc2\xf4\xa3%M+E\x0fOz\x88\xf8E(v\xf8\x93\xc5\x1b\xa1\xbb\xab)~\xbe-~\xfc\x9fY\xdal\xc5\xf1O`Y\x1f&gt;\xde,|xr\x13\xc5\xf2J+\xe7\xabp\xe6e\xc6\xe7\xa6\x84\r\x8b\xf0\xe0\x1b&lt;\x8e\xae\x996\xbe\xaf\xf0d&amp;\x93\x92C\\\xb5k\x9d\xde4\x07\x11\x0f.\xcf\x1d\x15\xeb\xc7`R3_\xb3\xc6c\xe3\x8a\xd7\xe0\xa2\xc2t\x19g\xca\x80\x08R\x85XQ\xd4\xe3\xb1\x94\x12W\xa4\xea\x10K.P*&lt;\x7f\xcb_\x10ot\xafN\x84\xb4\x97(\xceo_\xa0\\\x9bb\x0eFX3y\xf0\x9e\xc5\xd9d\x0en\xa1\xfcxx\x12\x11\xf1\xcbmA\x03\xe5\xba\xa9\xc3\x10\x91\xb4 \xa9\x02\x98\xab\x80S\xd3j\xd6\xaa\xe5\xd9p\xcf/\xbb\xd4\x01x|j3\xf1["\xb4\x9dI\xf8\xe6\x03\x8b\xba\xe0\xd0\xa4\xd8\x15\xb3]\xf3\x9a\x1d\xf4\xeb\x1cX6\xa9 +\x89\xe2\x92Y\x8c\x0e\x1d#\x14.\xcf\xfb;\xbc\x00\x17\x8eN\x10\x95EN\x10\xb6\xa3i:\x1a7\x1c\xd1\xdd\x1b\x00*\x01\xd4\x03p\xd6\x92k\x02\xae\xa06\xcdNn\x98-v\xf5\xff\xb4\x9b\x8d\x8e&lt;\xbb\xc4\xa1\\\xd4\x04\x10j\xa6\xf8~\xff8"\x9e\xde\x94O\xba\x7fU\x00\x18\x1b\xe7\xff\xfe\xfa\x81s\xdb\xe63\xd5:\x1b\xbf\x86@a\xaa\xfa\xfa\xac\xf9\xf4\xcf\xcb\x8c\x7fyq\x17\xf1c\xea\xedi\xc1\xfbRw\xd7R\x91\x13vj\x95\x86\x84\xb5\xa7\xe7L\xeb\xa6S\x1b\x7f&lt;`\xcf\xd4V\t@\xce9\'\xe4\x8c\x81L\xceM\xc5\x08(cQ\x82\x102I\xealgXE\xde\xdbh\x07\x8d*Y}\x02?\xdf9,f\x06(\x18\xd7O\xae}\xe2(\x13|\xbau\x08\x11\x11\x9f\x1cZ9\xd9\xb4d\xe3\xaa\x0e\x10f\xaf\x7fl\xedt\xb6\x1fc*\xc3\xb5P\xe7}W\xedZ\xcb\'\x08\t\x9ed/\xa6+\xa0\xb5fN\xbfn\x84\xe8\x8a\x18\x7f\xaa\x0ez*n:\xb5{{Zt\xb1\xd2\xa2\xd7Pp\xe9\x95\x1a#z2r\xa6\xacG\xd6\xbd\xba\xb4+%\xc0A\xda\xbb,\xea\xc1\x88\x98\x8e\xdf\x1f\x9c8\xbafZ^\xff0\xea\x89tD\x91\xeco\xdf\x92\xf2d\xddAOe|\xdf.\x0f\x8eo\x105\x01\xc8\xd9\r\x9a\xa3l\x90\x9b\x12\x8a\x9fn.\x1a\x93\x18j\xaf\xcf{\xbd\n\xc0\x89\xf5\xb3\x84:\xb3\xd3Cp\x0fnZ\x93f:$\x00\x08\xb6\xd5\xdd1_\xb8j\x05\xc3\x02F\xa5\xa9\x07\x90\xeco\x7fpy.\xc3\xfe\x8f\xa2A\xc4P;=\x06+,\xc7\xd02Y\x0c\x0cFx\xc9\x1f?35b\xc4\xdcW\x90C\xdd\xb5t|\x9f.\'7\xce\x1e\x16\xe1\x81\x88\x88/VN\x1a\x18&amp;\xf3\xa9L\xb8\x83AwWS\xea\xe5\x9d\xb5\xaa\x0f\x8bp\x7fzv\x9b\x88)\xe0ef\x8c\x04\x1fP\x8e\x7f\x0e\'\xcdj\xa2\x94\x11\x99\r\rk&amp;pR\x17\xe1d\x98\x12(\xdd:\xcb\xb9iu\x1f\x93F*\x00\x93\x92CQ\x98\x97T\xff@\xc7\xef\xf7\x8f\xcb3(\x88\xc6f\x7f\xd5\xa4\x81{\x0b\x8a\x151\xa7\r\x8a\x0e\xb3\xd7\xe7\x95\xda\xaf\x0c\xf0\xfc\xfc\x0ek\xd5\xe2\xc1\x07\x11\x89`=\xa60W\x81\x15\x13\xd3\xfcZ\xaa\r\x0eu\x13\x13\xa0\xf4\xcf\x12\xe5b\xc4k:\xc7ow\x97dI&gt;\x0c\x9b6(\x9a\x08\xa1\n\xb5\xd7\x97=\xc9;m\xac\xea\xc3\xd4\xb4\xa8k\xfb\x96\xe1\xf7{\xf8\xe1\xc6\xe7;\x87?\xdf9\x8c\xbf\x1e\x91\xefG\xd0U\x8c\xe3\xafeTO\xbf\xc3\xab\xa6\x8a\xdfD\xca-\x1cI\x15\xe0\xdc\xd6R\x87\n\x17v,\x8cv1V\xe7\xb9bZ\x03\xccj\x01o\x12+\x12\xebF\xe5\xaf\xed[F\xdaU|M\x1b\t\xb5\xb1t4n(\x9f\x94[\xdd\xac\xb5\xc3\xec\xf5\x01\x80\xd4\xfc\x92\xa8\xdbZ\xa1\xe4\xbf\x</t>
        </is>
      </c>
      <c r="E100" t="inlineStr">
        <is>
          <t>&lt;class 'numpy.ndarray'&gt;</t>
        </is>
      </c>
    </row>
    <row r="101">
      <c r="A101" s="1" t="n">
        <v>99</v>
      </c>
      <c r="B101" t="inlineStr">
        <is>
          <t>steps_per_sec</t>
        </is>
      </c>
      <c r="C101" t="n">
        <v>1500</v>
      </c>
      <c r="D101" t="inlineStr">
        <is>
          <t>3.344532</t>
        </is>
      </c>
      <c r="E101" t="inlineStr">
        <is>
          <t>&lt;class 'numpy.ndarray'&gt;</t>
        </is>
      </c>
    </row>
    <row r="102">
      <c r="A102" s="1" t="n">
        <v>100</v>
      </c>
      <c r="B102" t="inlineStr">
        <is>
          <t>Loss/object_center</t>
        </is>
      </c>
      <c r="C102" t="n">
        <v>1500</v>
      </c>
      <c r="D102" t="inlineStr">
        <is>
          <t>0.30547234</t>
        </is>
      </c>
      <c r="E102" t="inlineStr">
        <is>
          <t>&lt;class 'numpy.ndarray'&gt;</t>
        </is>
      </c>
    </row>
    <row r="103">
      <c r="A103" s="1" t="n">
        <v>101</v>
      </c>
      <c r="B103" t="inlineStr">
        <is>
          <t>Loss/box/scale</t>
        </is>
      </c>
      <c r="C103" t="n">
        <v>1500</v>
      </c>
      <c r="D103" t="inlineStr">
        <is>
          <t>0.12638845</t>
        </is>
      </c>
      <c r="E103" t="inlineStr">
        <is>
          <t>&lt;class 'numpy.ndarray'&gt;</t>
        </is>
      </c>
    </row>
    <row r="104">
      <c r="A104" s="1" t="n">
        <v>102</v>
      </c>
      <c r="B104" t="inlineStr">
        <is>
          <t>Loss/box/offset</t>
        </is>
      </c>
      <c r="C104" t="n">
        <v>1500</v>
      </c>
      <c r="D104" t="inlineStr">
        <is>
          <t>0.27830467</t>
        </is>
      </c>
      <c r="E104" t="inlineStr">
        <is>
          <t>&lt;class 'numpy.ndarray'&gt;</t>
        </is>
      </c>
    </row>
    <row r="105">
      <c r="A105" s="1" t="n">
        <v>103</v>
      </c>
      <c r="B105" t="inlineStr">
        <is>
          <t>Loss/total_loss</t>
        </is>
      </c>
      <c r="C105" t="n">
        <v>1500</v>
      </c>
      <c r="D105" t="inlineStr">
        <is>
          <t>0.7101655</t>
        </is>
      </c>
      <c r="E105" t="inlineStr">
        <is>
          <t>&lt;class 'numpy.ndarray'&gt;</t>
        </is>
      </c>
    </row>
    <row r="106">
      <c r="A106" s="1" t="n">
        <v>104</v>
      </c>
      <c r="B106" t="inlineStr">
        <is>
          <t>learning_rate</t>
        </is>
      </c>
      <c r="C106" t="n">
        <v>1500</v>
      </c>
      <c r="D106" t="inlineStr">
        <is>
          <t>0.001</t>
        </is>
      </c>
      <c r="E106" t="inlineStr">
        <is>
          <t>&lt;class 'numpy.ndarray'&gt;</t>
        </is>
      </c>
    </row>
    <row r="107">
      <c r="A107" s="1" t="n">
        <v>105</v>
      </c>
      <c r="B107" t="inlineStr">
        <is>
          <t>train_input_images</t>
        </is>
      </c>
      <c r="C107" t="n">
        <v>1500</v>
      </c>
      <c r="D107" t="inlineStr">
        <is>
          <t>[b'512' b'512'
 b'\x89PNG\r\n\x1a\n\x00\x00\x00\rIHDR\x00\x00\x02\x00\x00\x00\x02\x00\x08\x02\x00\x00\x00{\x1aC\xad\x00\x00 \x00IDATx\x9c\xec}e`\x14K\xd3u\xe1\x1a\x08\x1a HpK\x82;$\x04\x12\\\x124h X\xd0\x10$@p\x97\xe0\xc1\xdd\xdd\xdd\xdd\xdd\xdd\xdd\xdd\xe1r\xbe\x1f\xb5\xdb\xe9\x9d\x99\x9d\x9d\r\xdc\xf7\xbb\xf7&gt;\x9c?\xc9\xce\x8e\xf4\xcc\xf6tWW\x9d:E\xf4\x07\x7f\xf0\x07\x7f\xf0\x07\x7f\xf0\x07\x7f\xf0\x07\x7f\xf0\x07\x7f\xf0\x07\x7f\xf0\x07\x7f\xf0\x07\x7f\xf0\x07\x7f\xf0\x07\x7f\xf0\x07\x7f\xf0\x07\x7f\xf0\x07\x7f\xf0\x07\x7f\xf0\x07\x7f\xf0\x07\x7f\xf0\x07\x7f\xf0\x07\x7f\xf0\x07\x7f\xf0\x07\x7f\xf0\x07\x7f\xf0\x07\x7f\xf0\x07\x7f\xf0\xfb\xd1\xbd~Y#\xbb\xdd;\xbaV\xfe8\xbdO+\xf9#\x80\x1f\x0fOh\x1eX"u\xcc\x15\xe3z\x10Q\x1a\xa2\xa5\xa3B\xab\xb9\xa7\x8aB#\xd3\x12u\xa9\xedi\xed\xdb\x91\xc1\xfe\x00\xf8\xffU\x11\xbd\x00\x1c]=\x19\xc0\x9eE\xa3\x93\x18\xbe\x848\xc3\xefB\xcf\x86\xe5\xba\xd5+\x0b\xbchP"\xeb\x90\xd65\xd2Y\xdf3\x15Q\x8d\xfci\x87\xb7\xad\xad\xd8\xde\xc4+W\xd4.\x1d[\xb5%:\x11\x11\xf5iZI\xb1\x1d\xaf.\xc9\x1f\xdf^\xdb\x9b/\xb1\xe9\xff\xfa\xc5\xb3\x98\xf6\xc1{\xfe\'_b\x02\xd0\xa3\x81\xf7o|V\xd7\xf6.\xd5\xdc^*m\x9c.u&lt;#\xba5\x89n\xde\x12\xdb\xd4\x18\x10Q\x91\x94v\xfc^%\xd2\xc4\x1c\xdc\xca\xb7k\xdd\xd2\xb1\x88\x12\xdb\xde\xfdW\x91\xc8\xd8n)\x8d\xedvx\xe5D\x00\x00\xbc2\xc4?\xbcrb\x06\xf3\xf6\xef\x0fN\x00\xc0\xf3s\xeaC\x92\x11\x1dZ1\xb1V\x01\x8d\x1e\xd7\xbezQ\xf9\xe3\x88\xf6u\x92Y\xb9n\xef\x80\x8a\xfc\x0f\xf0\xbcv\xa1\x0c\xf2W\x1b\xa6\x0e\x18\x19\xec\x7f`\xd9x\xb1e\xdb\x9ca\xdcHc\xf7d\xc2\xf4&gt;\xad&gt;\xdc8 \x1f\xe5D\xf4\xe5\xee\x11\xc5n\x1d\xfd\x8a\x13\xd1\xe8\x90\xfa:\xa7\x02\xb0\x7f\xe98H\x18\xd5\xb1\xde\x88\xf6u\x92Z?$\x96\xe5/\xd5\xaeZ\x11\x00\x1d\xfdJ\xfc\xf6q\xe0\x9f\x8bQ\x1d\xeb\x11\x91\xb3\xb1\x9d\x9dt\xbf\xd5\x19\xdd\x1ay\xe4\x00\xfe\x1a\x1dR\x7f@\x8bj\xa3:\xd6\x03\xb0e\xe6\x10\xe3\x8d\xb4\x89\xb4\xaa\xb1\x1b\xc0\xbb\xeb\xfb\x80W\x8b\xc3\xbb\xe0\xcbm\xe3\xa7*\x9a2\xdaolXI\xe7X%\x9dc-\x1a\xd1\xd9\xda\x0e\x17\xb6\xcd\xe7\x7f\xf28\x10\x11\x05x\xe6\x9c\xd0\xbd\xa9\xbc\xc3\xe1\x95\x13\x0bZ{Au1\xb9gs\xf9c\xb6\x184\xa0E\xb5\xbeM+M\nkf\xfc$M\xbdr+\xb6\xd4-\x92\x11@\x89\xd41\xa3\xd2&amp;-$"\x02`\xad\x07\xea\x8f\xa4\xc0+{/\xc7CC\xad\x82\xe9u\xf6q!\xca\x93\xd0b\xcb\xd2Q\xa1\xf6^H`\xdb\xeca\xfc\xe3\xcaPO\xcf22I\xff\x17O\x1d\x83\x88.\xedX\x10\xde\xc1_\xde\xc7\'K\xa2\x1f\x0fO\x96\xc9\x98\x80?&gt;=\xbb\xb5P\xb2\xc8\xb7\xe0\xfd\x8d\xfd\x00\x80\x97:W\x993\xa8\xbd\xceH\x07\x00\xf8nm\xcc\xcd\x12\x8d&amp;vo:k@[y\xe3\xd5=Kt.\xa7\xc0\xf8\xae\x8d\x89\xe8\xda\xde\xa5\xfc\x8b\xc8o\x1d~&gt;\xecV\xcf\xc2$\x05P\xa7P\x86\xb7W\xf7\xea\x9c\xd0\'K""*\x90\x84\x00\xcc\x1f\x1a\x9c\x84\xa8\xa8S\xb4\x01\xcd\xab\xf2\xb7%\x9dc\xa9\x0f\xc9\x1dO\xe3&lt;\t\x88\xc4s[8\xbc\xd3\x87\x9b\x07\x8c\xdf\xd4\xbf\x0cq\x89Fu\xacW8\x055*\x95\xfdo\xbaD\xb7zex\x86\xdf\xbft\xdc\xcd\x03+\x86\xb5\xa9\xf5\xfc\xdc6\x00\xfc\xf3+p\xff\xd8\xba\xb9\x83;\xa4"\x92\xdf\x17\x83VR\x13\xaf\\1,\xb7T\xc8\x9e\xf4\xdb\xbdc\x00\xf0\xfc|\x94\xdbo\x04\x95r&amp;\xd3\xeaH\x84\xef\xf7\x88(\x13\x91\x91\x15\x8f3Q\x1c&gt;\n\x90\xcf\x86\xa7guL\x18\x81\xaa\xae)\x15c\xca\xe5]\x8b\x1e\x9d\xda(&gt;VwO\xf5\xe5\xee\x11\x003\xfb\xb71p&gt;r1\xb2\x93ud\x8dn{\x1f\xc6\xe6\x19\x83\xfeQ\x06\x17\xf0\xb9W\xe3\n\x81e\xdd\xc4\x96\xc3+\'zg\xd6\x98\x89\x86\xb5\xad\xa5s\x1e\x17"\xef\xcc\x0eM\xbdr7\xf3v\xe7-m*\x17\xf2L\x1f\xb7t\x06\xcd\xce\xa2\x81\xb1\x9d\x1b\xfe\xf5\xf0\xe4\xa4\x1e\x81\x9e\xe9\xe3^\xd8&gt;\xbfg\xa3\xf2\x0eD9,\x7ff\xc5\xdb!\x9e\xe4\x8d\xfd\xcbg\xf6k\r`\xe7\xbcp\xcd\x93\xdf;\xb6Vs{""\xef\xcc\x0ek\'\xf5\t\xefPW\xbfy&lt;p\xcf\x1f\xd61\xac\xa1OB\xfd]-\xd1\xbeZ\xe4\x12D\xb2\xd7_\x8b\x8d)\x88\x88\xa8pr\xaaW,3o\x19\xd1\xae\xce\xf4&gt;\xad~\xb1\x9f4\xf3v/\x98\xd4\xbeU\xbeo\x9e4\x00\xfa7\xab2$\xa8\xc6\xaf\\\xfa\x1f\x8dvU\x8b\xac\x9f\xd2\xefo:\xf9\xd4\xde-o\x1fZ\x05\xe0\xcd\x95\xddi\x88\x88\xa8o\xd3\xca\x00\x8e\xac\x9a\xa4\xd8\xb3D\x9a\x98\x00\xf6-\x19\'o&lt;\xb1n:\xbe\xdd\xdd6{\xa8\xcd\x0b\xbd\xba\xb4\x0b\x80\xc2a\xd2\xd83\x07\x80\xb9\x83\xdb\xff\xe2](\x90\xc1\xf2c\x1a]\xafB\xa8\x7f\x19|\xb8a\xf0\xcc1\x89\xbe\xdcQ\xae\x7f\x13\x11%\xb7\xa7yd~\xc8\xae\xaa\xa1\x06\x80\xcer\xc4b\xcf\x1f\xf7\xcbf\xb2\xeb\xbd\xd6\xc3\xa0V\xbe\xd6\xfc\x03U]S\x16\xb6\xf7\xf6\xb40\xb4u\xcd\xac1l\xef&amp;\xa3G\x03o\xfe\'\xd8\xaf\xb8\xd8\x987\x11\x01x|z\xb3\xfe\xb1\x8eD\xfaCy\x9d\xc2.Sz6\xdf4}\xd0\x8f\x07\'&gt;\xdc&lt; \xc6\xb9`\xdf\xe2n\tLc\x9c\xce\xc9\xc7vn8\xb1G\xe0\xa7[\x87\xf0\xe9&amp;\x115-\xe3:\xbek\xe3\xde\x01\x15\x8c\xdc\x17\xa3P2\xe5l\xa1\x8f\xa4b8\xfe|\xabV\xc1\xf4:\x0b\xe1\xb6U\n\xf3\xdb*\xf0\xe3\xe1Iy\x07\x85s\xd8\x1aZ\x96\xcb+;m\xc4\xf6dD\xc1\xbe\xc5\x13\x11\xe5\x8cCD\x14\x8dhh\x9b\x9a\x00\x96\x8f\xedn\xc7\xfd\x10)l~\xe0i\x14\x9cT\xc2=^S\xcb\x9f\xf6\x9fE\xcfF\xe5\xe7\r\t\xe6\xff\x87\xb4\x8e\xfa\xec\xd7\xd1\xaf\xc4\x92Q]\x15\xcf}Qx\xe7rY\x1d\x8d\xf8\x9d\xa6\xf7\r\x02P"\x8dm\x87\xc3\xbe\xc5c\xf9*j\xd3sT\xc7z]\xeax\xfe\xba\x99\xc9\x0b\xf3\x18Da\r|\xc4\xc6\x1c\x1a+K\x0b\xd8\xdc\xe1\xef\xc0\x9e\x85\xa3\xf5\x1d\xa6\xfa\xe0\x85y57}\x9f\x9f}\xf0/\x96)\xb5\x9d\x87\x14O\x15\x83\x88\x8a\xa52\xb4\x9a\xf8\x95\xc9\n@\xfd\xe2Y\x84\xbd\xe9\x9d9\xd1\xe9\x8d3\xa3p\x9eTD3\xfb\xb7\x91\xbdK\xb0\xc4\x9eE\xa3m\x9e\xa4{\xbd\xb2\x1d\xaa\x17\x030\xb1G`R\xa2\x07\'6,\x19\xd9\xf5\xeb\xbdc\xefo\xec/\x97\xd5\x91\xcc+K\xe38\xb8|\x82\x91\xdd\xe4v\xb6(\x97Ws\x9f\x82\xe6\xd5\xa8g\xfa\xb8\xbb\x17\x8c\x12\xfb\xef\x9c\x17\xde\xa5\xb6\xa708\xfc\xf2\x9a^\xee\xa2\xb6\xd6\xef\t\xcd\xd7}ui\x97\xbc\xfd\xfa\xbeexq\x9e\xc7\xdc\xf3[\xe7\xde9\xbc\x1a_\xeeL\xee\xd9\xdc\x9aKp\xeb\xec\xa1\x97v.Tl\x94\x97\x1aFpl\xcd\x14\xf5F\x00l\t\xf1$d\xd7\t\xff\xad\xc8\x1a\x9d\x9e\x9d\xdb\x06\x80_\xaa\xab{\x96\xb4\xafV\xd45&gt;E\xcdq_4e\xb4\x16\xe5\xf2(ld\xf7\x84\xa4\xef\xa0\x14\xc8i\xdd\x8a\x99\xd9\xbf\x8dxi\x19\'\xd6M\xcf\xa7e\x8d\xa7%zzf\x8b\xfe\x85R\x10\xc9\xce\x96C+&amp;*v`\x17\xcd\xe1\x95\x91\xdbeWx*\xa2lvZ\xa0Dtx\xa5r%\xa4\x83\xd1!\xf5\xf3\xaa\xde\x00g\xa2\x02\xc6\xc3\xdcV\xb0vR\xdf\xea\xee\xa9\x02&lt;s\x12\xd1\x82a!\xf47\xc4\xc3\xff&amp;\x881\xc8\xda\xc3\xaf\x90\xc3\xc2\x85\xd6\xd8#\x87\x91\xd3\x8a^\x945\x06\x01X3\xb1\xb7\xcdC\xba\xd7+\x9b\x98\xc8\x99hl\xe7\x86\xf2\xf6\xf3[\xe7\xae\x9b\xdc\xafn\x91\x8c\x8a\xfd;T/\xa6y\x1e\xf6\xf6(l\xa6\x1a\xf9\x9c\x01&lt;&lt;\xb9\x91\xf8\x96__"\xa2\xac\xd1\xe9\xca\xee\xc5\xfa\xad\xeaR\xdb\x13\x80\x91\x95\xc0\xfa)\xfd\x014,\x99\x8d\x88z6*\xaf\xb9\x8f\xbcV+\x96*\xbax\xf8\x1b\xa7\r\x9c\xda\xab\xc5\xb4\xde-\r\\G\x03\xc5\x9c\x94s\xfc\xdeEcR\x11\xb5\xadZ\x98\xcc?\xf1\xbe%\xe3\x00\x8c\xeaXoPK\xdf\xa8]E\x1f5\x0b\xa4\x03P]\xe5\xad\x85\x141j\xee\x93\xe7\xef\xb8\xf4?\x0bU]\x9d\xfc\xf29\xf3Cw\xd1\xdaa\\\x97F\xfag0\x12E\x95W\x15\xbcr\x8fBT\x11\xc0\x83\x13\x1b&lt;\xd3\xc5\xb5\xffP%\x06\xb6\xa8~y\xd7"\xbe\xebb\xa9\xa2\xbb\xc679\xc1\xc3\x1a\x96S_T\xfc\xdf\xac\xac[\x14B\xc6\xc3\xdb\x99\xa8&gt;\x05\x93\xd1\xb21\xdd8xe\x04\x81e\xdd\xd4\xe3rP\xc5\x02bcz\xd5\xe8c\xcd\tP(\x19\x11Q\xbffU\xd6M\xeeKDI\x89\xf28\xfck\x06}\x81\xa2N\xd1\xd2\x10m\x999$\x15Q\xaf\xc6\x15\xa20\x01\x1b\x84\x82\x03\xa3\x89N5K\xe1\xc7\x03"z{uO\x94\x87B"zqa\x87y\\}\xae\xb9C\xe1\x14\xc4v\x00\x0f\xee-\xcb\xe7#3\x05\xe3\xfb\x83\xe3?\x1e\x9e\xe0\xc7\x907\x11\xb9%\xa0\xcb;\x17\xe1\xf5e#\xd7e\xf6\x0b\x00\xe3\x86s\xe4\x92\xe1\xeb\x1dk\xfb\x8805#9\x11\x00\xf5t(cb\x8f@\x00\x07\x96\x8d/\xe9\x1ckh\x9b\x9a\xf8q\xdf|\x99/\xfaq\x97_\x01\xf0\x82\xff\x993\xa8\xbd\xe5v\xfc\xeb\xde\x8b_\x82M\x87,\x80\x06%\xb2F\xf9\xfc1\x88\xcaf\xb2`E82\xb9\xf0\xaf\x87M\xbdr\x1b\tx\n\xb0gy\xc5\xb8\x1ez\x94\x0ec\xe01\xb8U\x85|o\xae\xec\x11\x1b\xa7\xf6j\xd1\xbfY\xd5\xc9\x96\xb4\x19\xa6\xa2\xb2\x9dP\xbbP\x86v\xd5\x8a\xd8{-\xeeRy\x12\x9a\x98?&gt;Y\x12\xf7\x0e\xa8\x88\xef\xf7\xd5{\x16II\xfeEeJ\x08\xf1\xdb.\xe3\xeb\xdd\xa3\x00\xd8b\r(\x9d\xf3\xfc\xd6\xb9\xd6\x96\xdd\xeaH\xe6\xfd\xe3\xeb\x01\xf8\xe6MCD\xcc\x9a5~\x17\xd3\xfb\xb4*\xa4KOJE\x04@A\x80\xa9\x943\xd9\xedC\xab\xe6\x0f\xed\x08\x80\x1dL\xbf\xf2\xdb)\x9c\xc2\x00&lt;\xd3\xdba\r4\xf2\xc8\xbeaj\x7fy\x8bX`M\xb1\xe4PiBA\rJG\xf4\xee\xda&gt;"\xcaH\xd4\xc8#\x07\x11\xe1\xcbm1\xd9\xffM\x10\xc3\x933\xd1\xce\xf9\xe1\xfc1=Qu\xf7\xd4\x07\x97E\x00X=\xa1\xf7\xb15S\x00\x8c\x0f\r8\xbfu^6];+kt\x02\xd0\xdf\xcc\x9c\xb1\x89\xb9\x83;\xf0\x15\xdf_\xdfos\xe7\xa1mj\xb6\xa9\\hf\xff\xd6\xf8r[\xdd\xd3d\x0f\x1e\x9e\x9c~ui\x17w\xcbs[\xe6\xac\x18\xdb\x03\x00\xb3q\x9a\xa8hi\x9a\xd8\xb7x\xac\xc1[P\xa0k]\xafO\xb7\x0f\xc9[\xfe\xe3\x13@f\xcb\x00\xe3\xf21\xdd\x01\xb8%\xb0\xba?\x99\xfb\xd9\x9eEct\x9c3\n\x0clY\xbdk\x9d\xd2D\xe4@\xb4e\xe6\xe0\x07\xc7\xd7\xf3\xf6}K\xc6^\xdd\xb3\xa4\x8ak\xcahD\x19\x89\xd6N\xec\xf3\xf8\xd4&amp;\xfe*\xd8\xb7\x18\xf0Aq\x9e")\xa8\xaa\x9b\xd3\xe8\x90\xfa3\xfb\xb7\xe9R\xdb\x13\x9fn\n\x13${L\xeaR\xa7\xb4~3\x9c\x88\xbc\\\xe2\x1b\xe6\xa7P,\xa2\xcf\xaa\x90,\x03\xf8\x96\xdf\x91\xee\x1c^m\xf8d\x91\x98\xda\xab\x05\x80\xa6eL]\xb9\x7f\xb3\xaao\xae\xec\xb9sd\x8d\x9a,\xb8e\xe6\x10\xe0\xc7\xaa\x88^\xf2\xc6k{\x97\xe2\xedU\xa9%\x91!8\xfc\xb8\x0f|U3\x16\xd87\xab9^\x07\x96q%\xa2\xd1!\xf5\xedrF\xed\x9a?\x12@\xcb\xf2y\xf5w3\xfd6\x1fo\xf2\xc7\x8e5J\x9c\xdd&lt;;-Q|\xa2\x18D\xd5\xdcS\xd5)\xec\x02\xa0\x7f3\xd3\x88sx\xe5D\xbc\xbb\xb6m\xf6P\xe0\xe9\xea\t\xbd\xac\x9f\xd8\x04\x11\x84\xe5\xa8\xe3\xa2\xf0\xce\xbb\xe6\x8f\xf4\xc9\x92\xa8U\x85\xfc\xae\xf1#w{qa\xfb\xedC\xab\xf0\xecl\xa8\xbf\x97\xd8X\xcd=\x15\x80\xd7\x97w\xcb\',\x94\x9c\x88\xc8Q\xf7\xa2\xead\x94\x91\xc1\xfe\x9a\x01\xe1\xab{\x96,\x1e\xd9\xc5#]\x9c\x8d\xd3\x06h\x9e\xaa]\xd5\xc2\xba\x97\xb2\r\xe0\xed\xc2\xe1\x9d\xf8\x7f^\xc2.\x1e\xd9\x85\x88\xb2D\xa3\x01\xcd\xab\x99\xf7\x01\x80\x1e\xf5\xbdETOFS\xaf\xdc\xe2%\nk\xe8\xb3y\xe6`\xe0\xfd\x99M\xb3\x8d\\]\x908E\x1b\xf4\xf1\xf1\xe6\xc1\x83\xcb#\xf0\xee\xea\xe6\x19\x83y\xcb\xc9\xf5\xd3m\xdd\xe0\x8f\x9b\x07V\x00\x18\x19\xec\xaf\xbf\xa7\xe5QQ\x1c\xb2+\xe7\x8e\x0c\xcfs\xc8*\xbe\xb5]\xff\x1bHA\x14Z7\xf2\xad\xf0rI\x00`\xe3\xf4\x81:\x87L\xe8\xd6Dm\xd9\x19\xc4\x91U\x93\x81\x1fb\x82q"\xda\xbbx\x8c\x98\x81b\x12\xed7\xb3\x80\xdaU-\x02`\xdb\xec\xa1\xa77\xce\x12\x87\xff||\xaak\x9d\xd2\xa3:\xd6+\x9b\xc9\xa1e\xf9|\xf8t\x13xqz\xd3\xac\x94Dq\x89\x16\x8e\xe8T#\x7fZ\xb1\xb3z%\x0b \xd8\xb7x\x16\xc3^\x1b\xe0\xeb\x8f\x07\xca\xd4\xb66\x95\x0b\x95t\x8e\xb5}\xce\xf0\xd6\x95\nD\xb9\x9f\xdd?\xbe\xee\xce\x915ER\x92wf\x1b\xcf\xf1\xd0\x8a\t\x00\x143r)\xe7\xc8\xb9\xd7\xae5\x93&amp;\xdaU+\xf2\xc8&lt;\xef\x1aD\xf5&lt;\xa9\x01\x84\xfa\x97\xd1\xdfM\x8c,\xe2\xe3\xfb\xeb\xfb\xe5D\xa4\xdcq\xe9\xd1\xa9M\xc2\xee\xe6(\x0bs\xf5xf\xb2\tM\x8b\xb6O\x93\x8a/.\xec\xe0\xffw\xce\x0b\x17\xcd\xe0\x98\xcd\xef\xe0\x1cEb\xcf\xa2\xd1GWO\xd1\xecS\xbd\x1aW\xb8\xb6wi*\xa2\xeay\xb4\xe3\xdf\xc0c\xfd\x93\x03O\x00\x18\xb73D\xff_:\xba\xdb\x91U\x93b\x13\x15JN\xde\x99\x13\x9d\xd94kQ\xb86\xfb\x8b\x9f\x8c\xfc\x96\xd5*\x98\xbe\xb9\x8f{Z\xf3\x08h\r9b\xd3\x8a\xb1=\xf0\xf3!\xb4\xf8\x02\xd3\xfb\x06\xf9dQ\x86\xe3\xa2F\xa3IO\xe4@\xb4b\\\x98\xcd=o\x1d\\\xa9\xd8"f\x8e\x8e~%,\xb6\x7f\xb8\xce\xffX\xeb\x0c\xc7\xd7N\xfd/\x1b\xfe:(\x931\xc1\x82\xe1!\xfa\xfb\xb8H\xff\xe3\xe9Y\xe3\'\xcf\x93\x90\x80\xf7}\x9a\x982\x0c3\x11\xcd\x19\xd4^3\x1d\x83\x88\x9a\xfb\xb8\x0fn\xe5w}\xdf2\xb1eL\xa7\x06\xd1\x0c8\xa9L\r\x93\x98\xc5\xa6\xabGi\xd2\x92\xd1\xa0d6\xf9\xe2\xdc\x12k\xab\xea\x92ibq\x1fj\xec\x99S\xfd\xed\xb15S\xceo\x9b\xb7\x7f\xe98\xf5W\n\x00\x00\x1e\xa9\xb7\xcf\x1b\xd2\xe1\xe9\xd9\xad\xcc\xee\xd7&lt;\xb0b\x8e\xa4F\x12\x89\xd9\xdf*&gt;\xce\xe8\x1btt\xf5d\xfdCb\x111#E\x1f]\xeax\x02\x1fw-\x18)\xb6(\xd8\xe5\xdd\xeb\x95\x05\x10\x11\x1a\x90\xd9r\x04-\x92\x92\x88(Gl\x8aO\xb4px\'\x00#\xda\xd7\xf1L\x1fW}\xa7F\x16\n&lt;\xc6\xc9\xa3\xcf\xef\x9d\x03~\xd7H\xb1\x7f\xc98\'\xa2J\xb9"[g2\xde\x1bx\xf3\xff7\x0f\xacP\x1c2wp\x07EK~&lt;8\x11\x87h\xdd\xe4~-\xca\xe5u!\xcaH\x14G\xcbs(\xc0\xa9\xddj3\x02\xcf\xceu\xae\xe5AD]\xeb\x94\x060\xa6S\x03\xf1\xd5\xa4\x1e\x81\xed\xab\x17\xc5\x93\xd3\xb3\x07\xb6kZ\xc6up+?E\x1b\x88\xa8~\xf1,\xfcv\x00\x10Q\xc32\x19\x13\xcc\x1e\xd8N\xff!8\x98\xd9_QC&amp;"\x11`\x08kX\x0e\xc0\xa5\x9d\x0bs\xc7\xb3\xe8x\xb2QR\xdd=U\xae8\x84wW\x15\xe7\x01\xde\xfe\x8fN\x00\xfahS\xb9`\xab\xf2\xf9\x88\xa8n\x91\x8clbW\xc9\x9drHP\r\xe3v\xa8p:\x13Q\xb6\x98\xa4i\x98\xe4MDb\xb5n/\x97\xcb VE\xf4\n(\x9d\x8b\xdb\xa3H&gt;\xd0AUW;\x98\x91\xc1~\xc5\xf5\xfb\xd0\x86\xa9\xfd\x97\x8c\xeczj\xc3\x8c\xeb\xfb\x96\xc9\xae\xf0\x88nM\x8c_E\x07s\x07w\xe8T\xb3\x94\xbe\x13\xb3G\x03\x9f\x82II\x9e\x82\xc7vn\x08\xc0/\x9f\xc1\xf4\xf0_B@\xe9\\\x9a\xd1\xc0\x93\xeb\xa7\x97H\x13sL\xa7\x86Z_Fb\xc7\xbc\x11\xed\xaa\x16\xb1\x8b\x04\x95\x94\x08xyp\xf9\x04{\x99S\xc7\xd6L\xa9\x92;\x85f\x1e\xb5\xfep\xe5\x9e\x90H\x95l\x1f\x83\xe8\xf6\xa1U\xe2#\x80\xec\xb1h|\xd7\xc6\xc9\x89\xea\x14v\x91\xb6\xff\x14\xbf\xdd\x8e\xb9#\x04\xa3\xd8;s\xa2\x85\xc3;5(\x91U\xf1\xcb\xb6\x95|J6\'\xb94\xb6vp6\xb7m\xe9\xa8\xd0bN\xd1\xbf?8\xb1`X\xc8\x91U\x93:\xd6(\xe1_4\x13\xe7r\xea{HR\x115\x95Vr\xad+\x15\xd4\xcf\xc1\xb6\x86\\qh\xe3\xb4\x81F\xd2\x1a\xb8\xb7s\x94\xd1\x1aq3\xa4f\xc9\x87\'7\xca\xf4\xc1\x95\xe3\xc3\xb6\xce\x1a"\xef\\1g\x94\xf2\xef\xff\xe1\xc8\xabe\x02\x07U,`\xfc\x0c\x8fNmZ?\xa5\x7fS\xaf\xdc\x01ZV\xad@\xb7ze\x8d\xf8\xec\xd2\x12Y\x8b\xd955\xe6\x01\xb0\x0b\xf2\x8b\n\xe0\xdc\xd6\xb9D\xe4\x9e\xd0\xc6\x0bl\x17\x14\x9c\x87]\xf3\xb5\xf30\x89\xc8Q\xf2\x90\\\xd9\xbdX\xccsA\x15\xf3/\x1c\xde)\xb9\xa4\xc3\xc3\x08,\xe3j\xbcK\x16HJGVM\xca\x19\x87\x1a{\xe4\xe0Khr\x9c\xedB~\xc7_&lt;\x81\x06\xf0C#\xf4M\xe6\'\xb3f\x82U\xf2er\xa2\xcc\xd1\x08\x00\x07i\xcem\x9dk3\x02\xe4\x96@&amp;\xd8@\x1da\xd2A4"\x00.D\x8b\xc2;\xdf?\xb6\xce\xf8\x81\x8c\xd8Ll\xc7\xf7*\xb9M\x11\xfa\x0e\xbe\xc5\x1e\x9f\xde\xfc\xf1\xe6\xc1\x9e\x8d\xca\x0b{\xe8\xe0\xf2\x888\xd2Q\x85\x92\xdb^[\xb4\xadb5\x8aP!\xbb\x9eU6\xacm\xad\x03\xcb\xc6+\x92\x9b\xea\x14vy\xa2\xcb\x96\xbewt\xad\xcd&amp;\xe1\x85F\xe2=/&amp;\xacA\x9du\xac\x08-\xf0G\xb5-\xd8\xa8T\xf6q]\x1a\x89\x0023\xd9\x00\xb0\xeb\xec\xdc\xd6\xb9k\'\xf5\xd5\xbc\xe2\xa2\x11\x9d\x15\xb1@\xe0\xcd\x7f\xdf\xe4\x07\xbe\xfe\xba\xcb\xd8\xf0\xb5&gt;\xc9\x1f+\xe6H\xda\xb5nik\xcc65\xac\xa5\xa2\xfc\n\x8e\xaf\x9d\xfa\xe1\xc6~&amp;\xf0\x00\xf8;\xe6\x185m\x94\x88\xf2;\xd2\xdaI}\xd4\xdb\xd9\xf7\x15\x87h\xe3\xb4\x01\x82~&lt;\xb1G\xe0\xf5}\xcbf\x0flwx\xe5\xc4\xeds\x87\x17NA\x0fOnlS\xb9\xd0\xb1\xb5S\x8d7\xa3m\x95\xc2\xee\t\xe8\xe0\xf2\tUr\xa7\xe8V\xaf\xac\xe8\xeb\x19\x88b\x99\x03\xbf\xd6\xe8\xb3c;7\\3\xb1O\xab\n\xf9O\xac\x9f\xde\xb5N\xe9k{\x972\xc5\xa8I\xe9(\xca\xd2\xe9\xe0\xaa\x16\x8d}\xd6\x80\xb6\x9dj\x96\xea\xd58\x92\x8a\x9e^\xc5g\xed\xdf\xacJ\xd1\x94\xd1\xf0\xf2\xc2\xd065\x89\x08\xef\xaf\xdb|{\x87\xb7\xab-\x8d\xfe\xb0F\xc3\xd7\x04\x00\x85d\x9e\x02\x0efz4\xd3j\x158\xb0,B\\W\xee!\xc3\xda\xd6\xe2\x8d\xe3C\x03\xc8\xd2E\xce\xeb\x06YDD\xa1\xe2\xd7\xbezQ\xe6Dv\xaaUj\xf5\x84\xde\x17w, \xa2\xef\x0f\x8e\xcb\xfb\xb0\xafu\xce\xa0\xf6\xf7\x8f\xaf\xfft\xfb\x10\x9e\x9cf&amp;{B\xa2\xad\xb3\x86\x1c]=eD\xfb:j\x93\xdc#]\x1c\xfa\x05\xe4\xd2:zj\xaf\x16:\x87\x00X0\xac\xa3b\x8b\xbcr\x1d\x19\xec\xdf\xb3Qy\xf5,\xd2\xdc\'\x0f,AD~y\xd3\xf0\xff\xd3\xac$$w\xa9\xed\xb9\xd3\xbae&amp;cL\xa7\x06\xfaT\xb7\x7f\x1f\x14\t\x93v\xd1\xe6\x0c\xa2\xb6\xd4\xa5^_\xd9m\xfae&gt;\xdfZ6\xa6\xbb\xf19vF\xdf\xa0_o\xc9\xe6\x19\x83&amp;\x98\xdd)\t-}\x7f6\x91/\xb1\xc5\x82Z\x06\x00\xcd\xe1\xd8\xae\xf3[C1\xa7\xe8\xc0\x93o\xf7\x8f\xf1\xd9\xde]\xdf\xa7\x90o\xd4\xc4\xec\x81mCj\x96\x14\x1fy(\xc9@\xd4\xd1\xaf\x84\xfc\x13\xbb\xc6\xa7\x8a9\x92\x12Q\n\xa2\xbf\x1e\x9d\xd2&lt;\x95\xe9\xf7zf\n\xedx\xb9$\xb0\xcd\x81\xff\x9b1\xa4u\r\xb1V\xd8:{h\xebJ\x05\x9b{\xbb\x07\xfbZ\xf5\xb0\xb1\xc3Z\x11\x99&lt;\xb3i\x16\xbe\xde\x01\x80\x0f\xd7\xe7\x0e\xee\x80\x97\x17\x15\xcb5\x83\xe0\xbcP\x05}e\xdd\xe4~\x00\x8aXWx\xc8\x11\x8b\x80\x8f\x9a\r.\x99F/Y\x1c\xf8\xac/\x81\x00\xa0\xb1g\xce\xfdK\xc7\x13Q\xdf\xc0\xca\xf2W\xec^c\xd1PN\xed\xe4\x00\xc3\xfa)\xfd\xc3\x1a\x96\xabU \xfd\xac\x01m\x7f\xa3\xd9\xab\x8e\xc7l\x98:\x00\xc0\x12[Rz\xdc\xe3\xb2\xdb\x9f\n\xc4\xab\xc0\xf0\x0eum\xafK\x00\xe0\xc3\xca\xf1a\xd1\x88B\xfd\xcb\x18\xa49\xfd\x0fA\xf4\xdd8V2K\xf527,\x81\xef\xf7\xc4\xef\x91\xca\x1c\x05z\x7fc\x7fj\xa2\xb0\x86&gt;\xfa\xc7\xfe.\xa8;\x04\x00\xe0\xc7}3\x03\xd5\xe0I\xac\xd9\x89\xa3C\x1a\x00o\x15\x8c\xc0\xcc\xd2u]\xe3\xd3\xfc\xa1\x1do\xec_nO\xab-pr\xc3\x8c(\x1f;\xa6S\x83\xa4D\x95r&amp;\x03 \xa6\xc0\xdb\x87V\x15H\x12\x99\xe3j\x8d\xe3\x01\xfcd\x83\x94\x91=\xa6Ilu\xea/$7\xfd:\x80\'\xf9\x1d\xa9n\x91\x8c+\xc7\xf7\xe4\xc8g\xe9\x0c\xf1\x15\xbf2\xcc\xb9\x05:\xe0&lt;g\x07\xa2\xf5S\xfao\x9f3\\S\xd6\x14x\xa2s\x06\x166\xefT\xab\x94\xbc\xb1b\x8e\xa4}\x9bV\x16\xbao\xea\x08\x8ak\xfc(\xe6\x91\x1a\x19\xda\xbc3;D\xcdA\xa7\x1f\x08\xc9\x15\x97J\xa77*]\x17\xec[\\h+\t\x94\xcd\x94\xb0M\xe5B6\x8f\xf5\xcb\xeb\x8c\xc7\xa7uv\x10\x89xBm"-\xd1\xf3\xf3\xdb\r\xb6\x8d\xccA]\x00|\xcb\xd9u\x05Z\xf0\xf2\x02\xcb\x91\xb6\xadR\xc8\x9a\x97\xf2?\x0b\xbf|\xce[gi\x88\xaf\xf9\xe5u\x0e\xa9QR\xdf\x0f\x00\xe0\xc6\xfe\xe5C[\xd7`\xd3Us\x1f\x07\xc3\xe2\xba\x1b\xa6\x0e\xc8d{/m\xa8\xc9\xfeb\x91h\xb4G\x13\xe1\xc5\xf9\xb3[\xe6(HGa\r\xcb}\xbbw\x8c\x88\xb6\xce\x1a\n\xa0x\xaa\x18j\x85\xfd4\xa6\xcb}kW\xd5\xee41\x9b0H\x88\xf6\xcd\x9b\xe6\xe0\xf2\t\xc0[ycJ"\x9b\x0c\x1f\x19I\x88\x1e\x9d\xda\xe4\x9e\x90F\xb4\xafc_+\xcd\xf8]\xba\xdf\x9fo\x1f\xce\x15\x97\x16\x8d\xe8\xac\x13C\x04&gt;\ri]\xc3\x88\xdeN\x1c\xa2\xf0\x0euo\x1eX1\xb2\x83\xff\x86\xa9\x03\x980\xc3HG\x04\x89\xf4"\x1c\xf4\x02&lt;\x81*\xb2\xa5V\x8c\xed\xc1\xab\x89Ri\xb5#\x95}\x9bV\xaa\x98C\xdb\xff\x1a\x8f\x08xc\xb3\xcdD\xa4\xd9\x9d\x96\x8e\n\xfdv\xef\x98\xa6\xdc\xb1\x80MiOM\x8c\x0e\xa9\xdfS\xcb\xa5\xa9F\xa1d\x04|\xd6\x9c\xabDQ\x01\x1d\xbc\xb9\xb2\x07x\xa6\xd88\xa8\xa5\xafz\x82\xe7-,C\xcd\xd6\xd5\xa4\x1e\x81\xc65\xa6\xb2\xc7\xa4z\xc52/\x1b\xd3]\xa6_{\xa6\x8f\xeb\x99&gt;\xee&amp;3\xf7\xfd\xe3\xcd\x83\x00\xf6.\x1a#.j\xf8\xf4\xff\x12\xc8\xd3\xbeBK\x87\x88b\x12E\xd9\xeb%;\xe3\xe4\xa4\x1b\x05\xd4\x05\x1f\x14\x987$\x18x\xf2\xd3l\x14\xa4&amp;\x9a=\xa0m\xd7\xbaVOh\xbba/\xce;\x11\xc5\'\x1a\xaa\x12\xb6\x9b\xd6\xbb%\xab\x8dv\xaf\xaf\xb4_\x88\xa8^\xb1\xcc"\x99\xd3\xcb%&gt;\x9e\x9c\x06\xf0\xf6\x9a\x9e.9CND\x1a\xd1\xbe\x8e\xdaZ\x11\x96g*"\xfc\xf5\xc0f?kP"\xab\xc8\xa8\x12HHT%w\xcaq]\x1a\xed_:N\xccy\xfa\xb3\xe6\x99M\xb3t\xbf7Ah\xe6D\xa5v\x0fQ\xd1\x94\xd1\xe4e\xc4\xff\r\xf0\xf2\xe2\xc4\x1e\x81\xc2~\x9f\xd4#\xd0\xc8Q\\\x90\xe0\xe2\xf6\xf9\x9a\xdf\x1a\x8f|\xb8%\xa0\t\xdd\x9aF\x81\xc2\xc8\xca+\x9a\x92\x8b\xfa\n\x94\xab#z\xdd9\xbc\xda\xec\xb2;\xe7\x93%Q\x07\xeb\xde\xc2\xaeu\xbd\x00t\xaf_\x96s\x05\xb8\x10\xc8\x99M\xb3\\\xe3\x91L2\x06\xe0\xe5\xa2\xa4\xf6d0+\xe0\xeat\x06\xe0+\x00YG\xc1\xc1&lt; \xc8\xe1\x1cMd\x8ba;#\x8c\x88\xf0\xe9\xe6\xd4^-\x12\x10\xcd\x1a\xd0VN1\x08\xf6-.+t\xe9\xa3T\xda\xd8\xdc\xaa\xac1L\x81\x96;G,\xd2,\x14\xc2\x9165\xc4\xfe\xdd0"\xb4i\x10\x93z\x04\xf2\x93mY&gt;\x9f\xcep\x16\x9d\xbb\xc5\x9b+:\xf9\xc6_\xee\x1c\x01\xc0\x05\xc8\x8a\xa6\x8cvv\xcb\x1c&gt;s\x85\xec\x1akV\x9f,\x89l&amp;\x88kNi\x1c\x83\xe5\xbc6y\xfb\xfa)\xfdFX\xc9\xe0g\x8a\xa4z\x02Sp\xa2d5\xfc%#\xbbN\xe9\xd5\xa2AI\x93xFF\xa2J9-\xd6\x14e39,\x1b\xdd\r\xf8\xa1\xd3~\xcdH\xd4\xee\x05\xa3\xee\x1f[wh\xc5\x84U\x11=\xff&amp;;E\xa4+\x0bh*\xe3\x93\x99\x80aW\xb5\x19\x81V\x15\xf2\xe3\xdb]\x9f\xac\xb6Ku\xf5o^\xb5D\x9a\x98\xd6\xf292\x12\xe5MD\xa77\xceb\x8f\x01\xf0\xe9\xd3\xadC\xda\xbb\x12\x11\xd1\x92\x91]\xf9\x1f\xee]\x7f_U\x0cF\xcfFV\xad\xe9\x98Dm*\x17L@\xe4\x95!r\xf0\x1d\x1d\xd2`rX3\xb5\xfc\x9f\x0cf\x82\x9a`\x19\tWTka\x88\xe5,\x00&lt;?\x07\xfcED\xc0\xf7w\xd7\xf6\x15II\xa53\xc4\x03&gt;\xa8\x97\xc8i\xcdB\x87\xeb\xa7\xf4\x7fzv\xab\xfc\x95\xbc\xa0T\xeb\x87s\xbbt\n\xf9\xd9\x8b:\x85]b\x11\xd5)\xecrt\xf5\x14\x17""*\x98\x8c4\x87\x05"\xda0\xd5"\x01[HEq\xabv\xcd\x1f)&gt;\xea\\1g\x1c\x9e\x12\xfe\xd2gU\xfd\xfb`&lt;!\xd6\x1a\xd4n\x169[D\x07U]S\n\x03YS\xbc\xf3\xd9\xb9\xad\xe2W\x01\xbe\xce\xe8\x1b\xc4\xbf\x99f\xdd\x02\xfe\xea\xc4\xfa\xe9\x8a\x98^F\xd3W\x8f\x074\xafzl\xcdT\x99v-#\xb5e\x0f8\xbdi\x96\xc1\xbcv\x9b`\x7f\xa5B\xe9\xf0\xf5\xe5\xdd\n*T\xc5\x1cI\'\xf5\x08\xd4\x97\xc7Jk+\x05A.`rc\xff\xf2*\xae\x06\xeb\xe8\x98\xa0\xd6\xacN\xab\xb5\xdb\xe4\xb0f\x7f\xd3Lcp\x9d\x817\x97\x1f\x9e\xd8\xb0|\x8c^P\xf4\xdc\x96\xb9\x00\x84\xa0\xe1\xa5\x9d\x0b5\xa7\x7f\x96\xbf\xafj\x0e\x14\x03\xd0\xb1"\xf1L\xa3\xec\xa2A\xac\x9e\xd0K3\xa8ve\xf7bE\xba\xa9\x1c\xb5\xe6\x8a\x0e\x06/\xc1w\xfa\xf3\xd1)\x00\xdcO\x8e\xad\x99\n@~\xc7\x15\xacb\x00r\x82\x1e\x11\xdd:\xb4\n\xc0\x83\x13\xeb;\xd7\xb6J\xd9\x9c\xd5\xbf\xcd\xe7\xdb\x87\xf9\xffyC\x82\xfb4\xa9\xa4O\x1b5\x8ejnN\x8a\xa46\x05\xee\x1d]\x1bZ\xd7\x8b_\x93\x87\'7:\x12=;\xbb\x15@\x14H,\rKe\xeb^\xbf\xacXv\x1by\xdf\xef\x1f[\x87\xf7\xd7\xed\xbf\xd4?\x15\t\x88J\xa4\x89Y\xab`\xfa\x86f\xabG\x8c\xdd\xc6\x13\xafz4\xf8\r\x11]\x96m\x12\xd4\xb1\x18D5\x0b\xa4K\'\xd9\xd4\xfc#\x05U\xcc\x8fgg\x99\x15\xe7\'\xb9e\x99}\x01\xe0\xcd\x95=\xf3\x86\x04\x8f\xeaXo\xb6d\xf8d0\xe7\x82\x0fmSS\xa7[\x0b\'O2"Xg\x8f\xfd:\xd8\xb6\x9abI\x89+\x9f=\t\xbe\xdf\x0f\xb3\xf50\xb7\xcf\x1d\xfe\xeb9q:uH\x14\x9c\x19ko\x85~zX\x02\xa28\x96\x05\xdd~/\x12\x11\xbd\xba\xb4S-\xbccQP\xf0\xcbm|\xbf\xf7\xf6\xda\xdeW\x97v\xed[&lt;\xb6\x89W\xeef\xd2\xech/\xd2\x13\x9d\xd9\xfc\x1b\x18#j+Xx\xb4eh\xda\x01+\xc7\xf7\x94\x9d\xabb\xbb\xd0\xf6\x89f\x9e\x9b\x014,\x99m\xba\xd9`\x02`&lt;\x8a6\xaac\xbd\xd6\x95\n\xea\xef\xd3\xb4\x8c\xeb\x88vuz6*\xf7\xf4\xec\xd6\rS\x07\xd4+\x9e\x85uO\xb3\xc7\xd2\xa8\x17\x1b\xde\xdev\xe0\xa1@\x12S\x94eh\xeb\x9a\xc0\xfb\x89\x96\xf5P\x01\xbc\xb8\xb0#\x96\xf9YI\x15\xaa\xf1\xe2\xc2v\xdeh{\xd9h\x1d\xfd\x9bU\x11\xff\xcb\xe1\xee\x81-\xab+\xf6\xe4\xf2\x99\n\xa1\xd0\x7f\x1f\xaa\x9a\r\xc3\x1ds\x87\xf3\xe3\xbb{dM\xa1\xe4T1G2V\x18W \x83\xd9U]\xc1J\xfcJF\x8d|\x9aVc$\xd8\x8f\xa1\xe9\xf9Q\xfbpt\xc8\xc8\xa9\x89d}\x08\x00\xc0w\xe0\xf5\xc9\xf5\xd3\xc7um\x8cO7e\x19\x19\x9b\xb4\x90\x8e~\xc5\x85\xfb\xa5F\xfe\xb46\xcd\xaerY\x13\x03\x18\xd0\xbc\x9a\xd0]\xc9\x97\xd8\xc4\xa8\xd99?\xbcMe\x1b\xaf\x90\x1a\xee\t\t\x80M\x16\xc7\x9d#k~&gt;&gt;\xfd\x8b\xab\xe9:\x85]\xe6\x0f\xed\xa8I\x82\x0e\xa9Q\xb2U\x85|\x9a\xa5:\x01\x14s\xd2X0\xaa9]-|\xf2\xd8\xbbD\xf0H\x1bGv97\xf3v\x13\xaa\x96\xc6O\xa2\xd896\xd1\x9e\x85\xa3\x89hP+\xdf%#\xbb\n6}\x99\x8c\xdaec\x00t\xa9\xa3\xfd`c\xd8J\xf4\xd5\x01\xe7.p\xa6\xc2\xf0\xb6\xb5\x14\x8d\xc4\xbbk|]\xe1\x10|vv\xeb\xe2\xf0.\xea\xf3\xb0\xa4\x01\x00\x1b\xdc\x15@\x14l)\x98\x94\xc6vnh\xe3\x85\xb4\x13\x89\x89:\xd7\xf6\x8cA\xd4\xbeZ\xd1Z\x05\xd3\x038\xbbe\x0e\x11\x1dX6\xfe\xd6\xc1\x95+-\xb5z\xcem\x9d\xab\x19TS\xb7YZ\xebG\x96\nW\xff\xfa\x81e\\\x07\xb40\xc9\xdb-\x0e\xef\xf2\xe4\xcc\x96\x1ds\x87\x1bq\xfd\xb3\x8fA?HND.D\x00\xb6\xce\x1eJDw\x8f\xacQ\xd7\x06_::\xf4oZ\xfe\xfe\xdfaB\xb7&amp;\xec\x1c(\xe9\x1c\x8b\x1f=\xf7N\xd2\xf2\xe7\x08$\xd2\xa2\xb5\xc9(\x9f\xcd\xd1`\x03\x1c\xcc\xb1{5\x14\xc6iP\xc5\xfc\xd6NR,U\xf4"\x92\x87c\xe7\xfc\xf0m\xb3\x87\xad\x9b\xdc\xf7\xdc\x96\xb9\x8fOm\x1a\xdf5\xe0\xda\xde\xa5\xd6\x8e\x9d?\xb4\xa3"\xa5htH\x03\x00\xc6\xc5a&lt;\xd3\xc55[W\x91\x04\x1bqJ\x9b\xf5F\x92\x12\xa57\x9ck\xb3ddW\xae\xf8q|\xed4\x00\x0b\x87w\xba\xb6w\xa9&lt;\x1e\xe9\xeb\xb6j"\xd4\xbfLw\xcb\x8a\xdb$\x8dq\x8fNn$-\x8c\n\xae\xa7^\x13T\xce\x9d"j!b\x81\xc4\xe6\x8c\'5\x84$\xce\xd2Q\xa1\x1dk\x94P\x07W]t\xcf|m\xef\xd2Z\x05\xd3+\xf8!\xf8t\x0b\xc0\xdb\xab{y{\xe5\xdc)dKB\xe153R\xa5!6\xd1\xce\xf9\xe1-\xcb\xe5UR)\x88v/\x1c\xb5fb\xef\\q\x89\x88R\x11\x8d\xed\xdcPmE\xed]4\x86#g\xf2F9]\xdf\xae\xf9\xfeouQ\xc7#\x02\xc0e\xdf\x7f&lt;&lt;\xd1\xbd~\xd9\xea\xee\xa9\xb8\xd6\x18\xbf\x0c\x9a\x8a@F\x90Q\xab\x9a\x9b\xa6[_q\xce\xe2\xa9b\xac\x18\xdbC\xe7\xcc\xf8z\xe7\xc0\xb2\x88\x96\xe5\xf3\xba\x10u\xabW\xb6Jn\x8d\x05\xf0\xe5]\x8b\xc6vnxa\xfb\xfco\xf7\x8f\xcf\xe8\xd7Z\xe7l\xa9\r\xbb\xb8\xff\xb9\xf8x\xeb\xa0\xf8\xff\xd6\xa1\x95\x00d\xbf\xb9\xec*\xc5\xc7\x1brV\x8b\xe2\xe53\x9e\x13 \xa3M\xe5\x82\xac\xf1)o\xecT\xb3\x94\xb5\xfd\xed\x82#\xd1\xee\x85\xa3\xb6\xce\x1e\xda\xbd~Y\xcd\\D\x86Z\x8b\x8a{\xb6N\x80N\r\x00}\x9bV\x8a\xb2O\x90\x05&gt;\r\xee\xbc~J\x7f"\x02\x9e\x03\xe8\x17X\xe5\xf7\xa7\xedI"\xf8D\xa4\xb3\x82\x11\x83\xe9\xaf\xdbA\x05\xb5\xc6*\xd6iPo\xefP\xbd\xd8\xbe%c3\x11\xd9\x9c\xecD\xe6Dl\xa2\x88\xd0\x00\xb5\\9\xcc\x15\xaf\x04\x9az\xe5\x16\xeb}\x11\x97\xca@\x94\x96hf\xff6\xc0\'\x85\xe2\xa9"\x9c\xc0\x81\x84\x08-\xbe\x93\x0b\x11\xf0\x8e\xff\xd7qS\x00_\xf0\xf3\xd1\xdf\xf1\xb3Z\xbf"\xfc\x8bf2X\x19Mq \x80\xaeuK\x9f\xd9&lt;\xfb\xe1\xc9\x8d\xc07\xae\x03\xc3\x1e\'\xb1[\xd7\xba\xa5\xed:m\x06\xa2ms\x86E\xa11\xeb&amp;\xf7;\xb7e\x8e\xce&gt;\xcd\xbc\xdd\x81\xa7\xccwzxb\x83\xa6\x0c\x11\xdf\xd4\xd9-sV\x8e\x0b\x13"\x95\xea}\xecm\xde?\x14\xbey,H\xcdQsn\xb6\xabZ\x18\x92\xc2\x9fA8\x9a\x9f\xb5\xc2\xc6t Rk\x1cR\x94\x84\x07~&gt;&gt;u\xeb\xd0\xaa:\x85]\xac\x11\'\xacU\xf1\x06pVz\x14u\n\xbb\xec\x9cg\xe1$\xa9\xe2\x9a\xb2{\xfd\xb2\nbk\x1a\xa2\xa4Dq\x88\xdaT.\xa8\xcf\x10\xe8Z\xa7t)\xe7\xd8u\n\xbb\x88v\xf1\xa30Z\t\x8c\xa8r\xae\xe4\xc0\x13\x9bBZ\xee\t)\xad\x81\x81Ra^}\xbdw\x94\xff\xf1\xca\x10\xbfU\xf9|\xfaE\x8c\xa3\xe0\xe4Q`T\xc7z\xea\x18\xf5\xb06\xb5\xac\xb9}\xf28\xd0\xa6\xe9\x83&amp;\xab*\xb4\x14HJ\x9a\t+D\x94-\x06\x05\xfb\x16\xd7\xfc\x8a\x91\x82\x08@\xebJ\x05\x81\xc7\x00r\xc7#\x17\x95\x1d:\xa5W\x8b\xbeM+k\x1e.\x82\xab-|\xf2|\xb9{\xc4\xbfh&amp;MO\xe3\x89\xf5\xd3\xb3F\x8f\xcc\x188\xb2j\xd2\xb7\xfb\xc7\xf1\x15.L\x1c\x00\x00 \x00IDAT\xe5\xb6\xbc\x8f\x0b\x11\x11]\xda\xb10\xa4FI5\x8b\xe6wA~\xb0"&lt;\xf0\xe0\xf8zkU\xe6\x15\xd3$c\xfe\xd0\x8e\x07\x97G,\x18\x1e\x02`H\x90\xdf\xa0\x96\xd5\xa3\x92H-\xc1#]\x1c\x00Q\x93\x18\xc1\x87\xeb\x00\xb6\xcf\x1dnm\x87\xbd\x8b\xc6,\x1a\xd1yqx\x17\x9dUr\x0c\xa2\xedsL\xce\xf0_/*\xf5\xef@\x1c[Yp6Q\xd5\xcd\t\x80\xacY\xa8\xc0c+\xe2\xf2\xefo\xec\x07\x10XV\xa9\xc0\x03&lt;V\xd4&lt;\xc1\xd7;\xc7\xd7N\xbb\xbck\x91]\r\x1b\xda\xa6&amp;\xf0\xf1\xcb\x9d#\xfa\x8c\x9a\xdd\x0bG\xa9t\xa0,\x86\x9e\xce\xb5=\xcem\x99#\x8bT[\xcb\xee!\xa2\x95\xe3{\xea\xb7\xca=!\x1d]=\xf9\xc1\x89\r\xa53\xc4\x1f\xd3\xa9\x01\xde\x98\xea\xf3\xc9\xb99\xfd\x02+\x03X\x1d\xa1\xcc\xa4\x97=\xc2\xdc\xc8\x8a9\x92j&amp;\xafv\xabW\xa6^\xb1\xccE\x9d\xa2\xc5%Zm]CM\x9cJ\xbd\xf1\xf3\xed\xc30+\xe6[;jrX\xb3S\x1bf\xfcJz3\x11\xedY8jL\xa7\x06\xea\x9a\xf5\xf7\x8f\xad\x03`D-jD\xfb:\\\xbe&amp;\xca5 \xaf\xee^\xf2\xf5\xee\xd1\xf1]\x1b\x0b/\xb9g\xfa\xb8\xec,\xae\x99?\xed\x95\xdd\x8b\x15\x95\xb3\x1c\x89\x88\x88\x03$\xb1,\xb7\x87\xfa{\xf9\xab\x92i\xe4v\x89\x8ar\xc0\x17\xe67\x93\x9d\xef\xa0\xc2\xf9\xb6`x\xc8\x9b\xab{\xcen\x9ec\xdc\xc5\xaf\xce&amp;\x80\x04\xc5Wc;7\xcc\x9b\x88\xbaZ\x11\xd7\xab\xea\xe6\xb4q\x9a^\xbd\x10\x83p"\xea^\xaf\xec\xdfJ\xbd]?\xa5\x9f\xa6\xd3F\xb8=|\xb2$Z9\xbeg\x1c"\xe0S\xc5\x1c\xa6\xd5]\xae\xb8J\xef\xe2\xc3\x13\x1b\x88hUD/\xfc|\xf8\xf7\xb5\xf6\xff\x0e\xd6H\xee\xc6\xe1\x99&gt;n\x97:\xa5#B\x03N\xac\xd3H\xdf`\x1f\xe6\xfc\xa1\x1d\xd5_M\xd1\xd5\x84\x12\xe0\xa0B5\xf7T\x9c\xd5\xd9\xdc\xc7}\xcb\xcc!\xfa\xcb\xe4dDER\xd0\xd4\xde-/\xed\\\xb8r\\\xd8\xc9\xf5J\x1d\x85\x04D\x87WN\xacS\xd8%\xd8\xaf\xb8\x9c\xdc+f\xb2\x07\xc7\xd7\x0b\xefk\xd6\xe8\xda\xaf\xa8\xc2\xb7\x94\x86\x08_\xef\xe8\xc8\xea\xe6MD\x00\xdc\x13\x9a\xce\x96\xda\x8a\xbbI\x94#\xd61\xae\xc5\x0e+\xb5*c\xb0;^?$\xd0\xa5\x8egc\x8f\x1c\xc5S\xc58\xb0l\xbc,NW\xafx\x16"\xfa\xf9\xf8\x14\xf0T\x94j\x92\x11\xdb\x94\xbd\xf1\xc8x\xb0G\x07\xcb\xc6t\x9f\xd0\xbd\xe9\x88v\xa6\xd4\xe2\x19\xfdZ\x03\xc8D4:\xa4&gt;\x00\x96j\xd0\x87\xc1\x0c/M\x1c\\\x1e\xa1\xbf\x83k|\xfa\xf1\xf0dG\xbf\x12xui\xe7\xbcp9\x03\xe3\xc5\x85\x1dQNM\'"\x00\x8fOm\xd2\xf9\x89g\xf6o\xa3\xde\xd8\xb9\x96\x878\xa4\x9a\x9b\x13\xbe\xdf\x0b\xf6-\x9e\x82\x08\xcf\xa3\xceL%\xf3rg\xe1\xf0N\x8a\x1a\xebC\x82\xfc\xfc\x8bf\xaa\x99\xdfbriT*{\x11\xfbx\xc56\xd0\xbd\xbe\xb7I\x08\xef\x17\xf8\xb5:d\xb3.u&lt;]\xac\xbbn\xc4\xf6\x14f\xfa/\x00A\xa9\xba\xa2%PHDxv\xf6?\xe2\x0b\xb2\x19,\xf2H\x17g\xef\xe21\xe2\xe3\x89\xf5\xd3\xf3;R\xb0\x9f\xc5\x9a\xbaD\x9a\x98\x05\x93\x91\x8eS\xe2\xc7\xc3\x93\xc6e\x00\x14\x16\x8aH\x1d\x9c\xd17\xa8B\xf6\xa4\x17\xb6\xcd\xc3\xf7{\x06O\xc5\xc9\xba\xd3\xb5\xa8\x9c\xec7Tl\xac_&lt;\x0b\x93\x19\n%\xa3\xc2R\xd8C\xa7\xc3\xf3\xd4\x10R\xa3\xe4\xc6i\x03\x01\x0cn\xe5;\xb4MM\xcd(zsow\xdeAly\x7f}\xbf\xc2\x80j\xe6\xed\xfe\xee\xda\xbe\xf0\xf6u}\xf3\xa6\xd1\xcc\x8a \xa2\xb6U\x0b\x8f\xeb\xd2\x08\x80&lt;\x1e\xe1\xeb\x1d\x1e\x91\xb9\xc6\xa4\xcciS\xe3\xe0\xf2\x88\xb0\x86&gt;\x97w-\xaa\x99?\xed\xd4^-\xd4l\x93\xf8\xd6_\x98\x9f\x8fOg\xd1-\xa4\xa9.\x08\xa5F\xa1\xe4T\xab`zu\x05\xb4\xbaE2\x02\xb8\xbeo\x99i~\xfbr\xdb\x9a\xa7N\xc0\x9a\xf5l\xbc\xd8\xe7\xc8`\x7fa\xf1\xa9\xc1*\xfc\x0c\'\xa2^\x8d\xb5\xfd$\xf6\xa2F\xfe\xb4x\x7fM\x14\x1f7\x82D\x96\xa5\xac\x00\x1cZa\xe2\xbd(\xf8Z\xb9\xe2\xda\xe7\xaa\xaeU0\xbd"K.\xa8b\x81N\xb5J\x01X4\xa2\xb3\xe0R\x17NN\x7f=:\t\xe0\xe5\xc5\x9d}\x9a(%OH\xd7\xe6xxrC\x14\x14\x8a\\\x95i\xc8V!L\xb7\x0f7\x0f\x88xO\x1c\xa2\x14D\x9dj\x95\x9a;\xb8C\xab\nV\x89$\x02l\xbdy\xb9(u\xa5\xfe\xa7\xc1]_\xcc\x13\xdf\xee\x1f\x07\xbe}\xbauhx\xdb\xda\xb9\xff\x9epU?K\x15\xc3n\xe6\xc8[""\x83j$\x02w\x8f\xaeU\xeb\x8a\xe8\xc0\x99\x88\xa5t\x15H\xa0[\xec\xa2g\xa3\xf2\x00\xf0\xf2\x02\x00\x9f,\x89H"\x02\xc9\x08\xaaX\x00\x12\x7f\x99\x88\x8a\xa4\xd0xQ[W*\xd8\xb9\xb6Gc\xcf\x9c\xd6(1\x9aX6\xa6\xdb\xfc\xa1\x1dWE\xf4\xbc\xb8c\xc1\x933[t\xea:L\xeb\xd3\n\x80l\xd4\x19\xef\xee\x8bFt\x16\x83N\x94\x01@D\x1a\x14\xa8\x98#\x19^]d!\x81\xf0\x0eu97\xea\xfc\xb6y\xfc\xadf:\x825\xea\xd1\xa1\x15\x13\xfc\x8be\xce\x11\x8b\x00\xe83:\x88\xa8u\xa5\x02BL_\xe11\x9c\xdc\xb3\xb9\xcd\x05\x99&gt;~]C8\xa9V\xa2\xc0\xcey\xe1\x07\x97E\xb4\xa9\\\xa8w\x93\x8a\x8e\x96\xfb\xbf\xbd\xbaW\xc7"V\xd3\xac\xa7\xf6n\t \x97\xeau\x06\xd0\xbd\xbe\xb70\xecdO\xd1Q\xad\x92\x12:b\x15\xbcZR_B\r\xa1\xf5\x16\x05\\\xd86\xef\xed\xd5\xbdl9u\xf0-\x86\x9f\x0fS\x9aU(\xd4;[+&gt;H\x06\x96\x86\xff\x05\x18)\xa9CDo\xae\xec\x96\x8d\xcd,\xd1i\xf6\xc0v;\xe7\x87\xff^Z\xf1/"\x05Q\xd32\xb9\x15\x06H\x0c\x95*\x83\x11\x18\xa9n(#\x8e\xe5\x8b1gP\xfb\xb4D\x0b\xb5\xeah\x96\xc9\x98\x10\x1fo\xc8/I1\xa7\xe8\xea\xae\xd9\xa7I%&lt;?g\xef\xa0\x93%:\xe1\xd3M#n\x99\x04f\xcdH\xb1E\x96\x15\x1b\xd1\xbe\xce\xd8\xce\xda\xb5\xb7Z\x96\xcf{\xef\xe8Z\xb5L\xcd\xe5]\x8b\x80\x97)\x89j\x15L\xaf\xa9f\\&amp;c\x02\xe3!nR\rv\x00j\xe4O+\xc45\x15\xd0L\xfcwOH\xc0\xa7%#\xbb\xb6(\x97\x17\x00\x07\xf7l^7=Q\xe5\xdc)\xf0\xed\xae\x9c\xd3\x10\xd1\xadI\xfffU\xb8IQ\xb0a\xb9yF\xc2\x13\x9cw\x92\x9c\xc8\x99H\x11p\x06&gt;AJTVC\xad\xd8\x13\x054,\x95\xfd\xe5\xc5\x9d\xf2\x16\xce\x9fg\xe5\xfd\x94D\x00&gt;\xdc8\x00\x00\xf8\xa9\x7f\xaa(\xb7&amp;#\xd1\xea\t\xbdlf\x11i\xa2b\x8ed\xe1\x1d\xeaj\x1eY\xafX\xe6\x9a\x05\xd21q\xe3\xc6\xfe\xe5-\xca\xe5\t\xaaX\x00\xf8n\xef%\x92\xfd\x97X@\x8c\x9d\xf3F\xd8\xdcG_\'\xc2\'K\xa2\x0c\xb6D\xc7\xfen,\x18\x16\xe2\x9e\x80V\x8e\x0b\xdb&gt;\xc7\x82\t\xa0\x93\xec\xfa\x1b\xc1\xca\xcfxy\x11\xc0\xbd\xa3k\xeb\x15\xcb\x8c\x97\x17\xe5\x08A\xf1\xd41\x88h|\xd7\xc6s\x06\xb5\x97\xe3\xbd\x0e*3\xa4a\xc9l\xf8\xf9\xf0\xea\x9e%b\x02\xc8\x1d\x97:\xd7\xf6\xf8\xbd\xdd\x8e\xcf\xac\x19\xba\x0f\xefPw\xfd\xe4~\x9ao\x11;I\x15\xb1V\xbc8\xcfw\x1d\x97,jI\x96\xcf\xe6\x185\x13a|\xd7\xc6:\xa6\x99\xc0\x81e6l4\x00\xe5\xb39f\x8f)\xa6\xe7\x97\xbc]\xb4J^\xca\xe0\xc7\xfd\x19}\x83\x84\xeb\xe9\xec\x969GVE\xca\xda\xf0B\xadg\xa3\xf2\x9c\xfc\xc9\xab\xe1\xb8\xbfVL8"4@\x0e}\xe3\xd9\xb9/w\x8f\xe0\xc5\xf9\xeb\xfb\x96\xf5\x0b\xac2\xbc]m\xbc\xbe\xfc\xec\xdc6":\xbfu\x1e\x80\x07\xc7\xd7\x875\xf4\x19\xda\xba&amp;\x11EA\xb8\xbf@R*\x96\xca\xb8WL\t\x8ftq6M\x1f\x88\xef\xf72\x139\xa8(R\x05\xb5\x968\x8a\x08\x99&amp;\xd9W\x13\xd6n\xad@\x12\xfaz\xef\x98\xf8h\xd7\xc3\x17\xb5\xf0\xf6.\x1a\xf3\xe2\xc2\x0e\xd6\x052"M\xca\xe0\xa2\x92\xdc\xb6(\xb0T\xff\xa1h_\xadh\x80g\xce\xa7g\x7fU\xbec\xee\xe0\x0e\xe6w\xec\xed\x90 \r\x15C"*\x9b\xc9\x01\x9fo\x89\x8f\x01\xa5s]\xdd\xbd\xb8\x87\x81\xe4\xc0\xdf\x05#\x12\xb8\xd3\xfb\x06Ey\xf1ypyD\xb3\xb2n\x9b\xa6\x0fTW\xdcNN\x04\xc0\x85\x88\x88\xd8\x7f*\xbezseO\xad\x02\xe9d\xebx\xd6\x80\xb6\xef\xae\xed\x93\x97\x14B\xfc\xae\xa9-\x91;\x01\x9b\x8a\xb8\xc0\x17\x00\x8a\xdc\x85\x98D\xde\x99\x13\x01\x8f/n\x9f\xef\x9e\x80\x88\xa8r.\xdbo\x99[\x02j]\xa9`\xd4t\xdf\xac\xb4\xed\x11&gt;\xde\xb0\xf6\xad\x91U+\xbb\xe9;\xd7\xf2\xb8\xb8c\x01\xc7\xf4\x00\xe4OBD\x14\xd1\xad\x89\xe9\xb1\xbe\xbfve\xd7"\xb1\xae\xe5m\x81e\\\xf9\x9f\x87\'6\x00\xef\xfd\x8b\x9a\xac\x9a\x1c\xb1\t\xc0\xedC\xabR\x13%\'\xe2Z\x08O\xcel\xb9\x7fl]\xa8\xbf\x97\xe6\x82)\xa8b\xfe\x9b\x07Vp\x19K\xb5g\xbcO\x93\x8a\x00\x14e\x8e\xc2;\xd4\x15\xae\xfc|\x89\tx*\xbe\x8aI\x14\x8b\xa8}\xb5\xa2\xd9cq\xf2\xf9\x07\xe0\xb3\xf8v`\x0b\xa5V\x81\x1a\x93z\x04\x865\xf41\xf8\xc6\xa9\x9d0\x00\xf4u\xe8l\x02\xc0\xa9\r3m\xee\xb6k\xfeH\x11\x80U\xe0\xe1\xc9\x8dr\xf6\x16\x00\x9b5\xe5et\xadSz\xf7\xc2Q\xc0\xf3\xe3\xb6\xaa\xe9\xa9\x0b\xa6\xc2\xd2s\xfb\x1fA\xf7\xfae\xa7\xf6j1\xfd\x97\x8bm\xd5\xc8\x97V\x8cV\n\xc9=\x81\xb8Dx{eP\xcb\xea\xdc\x8b\x0e\xad\x98pr\xc3\x8c@\x95*\xcb\xdd#k\x96\x8d\xeef\xedB\x7f=:\x85wW\x15\x1bm\x0e\xd9U\\S\xee_:\xae\xb2V\xe2\x9f\x1a\xc7\xd7N3\xb2\x1b\x03\x1fo&lt;\xb0\xa7\xa4\x0c\x11=&gt;\xb5\x89eM\x89\xa8\xb9\x8f;\x00\x85\xaf69\xd1\xc9\xf53L\xc5\xaa\x00\xbc\xbfFD\xc9\x88\xf6/\x1d\xa7/\x11*\xc0\x04J\x91(\xaf\x89Q\x1d\xeb\x01\xc0\x93\xd3\xf2\x82\xc97o\x9ai\xbd[\xca\xae\xa7\xeds\x87\xa7"\xd2\t\x90\x12\xd1\xc6i\xda\xbfx\x94\xb1i\xfa\xc0\xb3\xe6\x8c\x1e\x17K5\xaa+\xbb\x17\x9f\xda8\xb3F~\xabK\x0bu\x86z\xe5\\\xc9\xb9f\x0b\xe3\xee\x915\x00\xee\x1f[wz\xd3,ve&lt;&gt;\xb5\xe9\xd4\xc6\x99\x00\x84\x90\x993Q\x80g\xce\xdd\x0bF\xc9\xe79\xb8|B\xc5\x1cI\x15\xfaK\rJf\x05\xde\x9c\xdf6\xef\xc7\x83\x13\xbc\xa5prS\xcd\x83n\xf5\xca\x02\xf0\xce\xe4P\xab`\xfa\x07\'L\x9dDt\xf8\xef\xf7\x8f\x03?\x8c[\xf15\x0b\xa4+\xe3b1\x8d\xc8\x95\xdd4\xe3\xb12\xb6\xcc\x1a\x02\x80c\x1b\xc9\xec\xf7\x17\rh^\x8d\xd7"\x9a\xb0YM^\x00x\xad\xb5\xf1\x91\xe6+\x9f5:\xdd9\xbc\x9a\xa4\x08\x8a&lt;1\xb4\xa9\\\x08\x00\x9e\x9c\xd90u\x80~\xaa\x8a^{&gt;)\x05\xd5\x19\n\x8d[\xaf\x0c\xf1\x01\xe8\xa7\x92\xfc\x8b\xf1\xeb5\xd0\xd9\xc2\xdd1w\x04\x00g)\xd1qx[\x13\xc1\xb4smO"JC\xb48\xbc\xcb\xcc\xfem\x86\xb6\xae\x89\xf7\xd7\xf0\xf3\xa1"\t\xa0prS\xbd\xba\xc1A\xa6&lt;\xf2[\x92fg\x06+\x82Y\xe9t\x13V\xe7\r\t\x9e\xda\xbb\xe5\t\x03\xf2\xe26\xa1Nv\x03\xfe\xd2/\x17\xa5F\xf1\xd41F\x05\xd7\xbb\xb4c!\xf0.\xa6\xa5\xfe\x94\x8c\xd8\x967\x9b\x89\xdd\xaf7\x0f\x88z^\xd6\xb0`X\x88\xe6SR#\xb0\xac\x9bz\xcf{\xc7\xd6\x01\x98\xd8\xbdi\x94K\xbe\xfc^\xb4\xabZx\xd3\xf4\x81\xa3:\xd6\x13&gt;\x07M)M\x81\x0c\xb6\xf4\x12\n%\xa7\xd6\x95\n\x8aI\xee\xd3\xadC\xa76\xce\xbc\x7f|\xbdN\x0e\x91&gt;\x1e\x9e\xd8 \x1e\xe3\x14\x11.~s\x99\xff\x16HB\x00.\x98\xab\x0b\x18\x1f\xf1\x05\x12\x</t>
        </is>
      </c>
      <c r="E107" t="inlineStr">
        <is>
          <t>&lt;class 'numpy.ndarray'&gt;</t>
        </is>
      </c>
    </row>
    <row r="108">
      <c r="A108" s="1" t="n">
        <v>106</v>
      </c>
      <c r="B108" t="inlineStr">
        <is>
          <t>steps_per_sec</t>
        </is>
      </c>
      <c r="C108" t="n">
        <v>1600</v>
      </c>
      <c r="D108" t="inlineStr">
        <is>
          <t>3.3267205</t>
        </is>
      </c>
      <c r="E108" t="inlineStr">
        <is>
          <t>&lt;class 'numpy.ndarray'&gt;</t>
        </is>
      </c>
    </row>
    <row r="109">
      <c r="A109" s="1" t="n">
        <v>107</v>
      </c>
      <c r="B109" t="inlineStr">
        <is>
          <t>Loss/object_center</t>
        </is>
      </c>
      <c r="C109" t="n">
        <v>1600</v>
      </c>
      <c r="D109" t="inlineStr">
        <is>
          <t>0.23098296</t>
        </is>
      </c>
      <c r="E109" t="inlineStr">
        <is>
          <t>&lt;class 'numpy.ndarray'&gt;</t>
        </is>
      </c>
    </row>
    <row r="110">
      <c r="A110" s="1" t="n">
        <v>108</v>
      </c>
      <c r="B110" t="inlineStr">
        <is>
          <t>Loss/box/scale</t>
        </is>
      </c>
      <c r="C110" t="n">
        <v>1600</v>
      </c>
      <c r="D110" t="inlineStr">
        <is>
          <t>0.062939346</t>
        </is>
      </c>
      <c r="E110" t="inlineStr">
        <is>
          <t>&lt;class 'numpy.ndarray'&gt;</t>
        </is>
      </c>
    </row>
    <row r="111">
      <c r="A111" s="1" t="n">
        <v>109</v>
      </c>
      <c r="B111" t="inlineStr">
        <is>
          <t>Loss/box/offset</t>
        </is>
      </c>
      <c r="C111" t="n">
        <v>1600</v>
      </c>
      <c r="D111" t="inlineStr">
        <is>
          <t>0.20911035</t>
        </is>
      </c>
      <c r="E111" t="inlineStr">
        <is>
          <t>&lt;class 'numpy.ndarray'&gt;</t>
        </is>
      </c>
    </row>
    <row r="112">
      <c r="A112" s="1" t="n">
        <v>110</v>
      </c>
      <c r="B112" t="inlineStr">
        <is>
          <t>Loss/total_loss</t>
        </is>
      </c>
      <c r="C112" t="n">
        <v>1600</v>
      </c>
      <c r="D112" t="inlineStr">
        <is>
          <t>0.5030327</t>
        </is>
      </c>
      <c r="E112" t="inlineStr">
        <is>
          <t>&lt;class 'numpy.ndarray'&gt;</t>
        </is>
      </c>
    </row>
    <row r="113">
      <c r="A113" s="1" t="n">
        <v>111</v>
      </c>
      <c r="B113" t="inlineStr">
        <is>
          <t>learning_rate</t>
        </is>
      </c>
      <c r="C113" t="n">
        <v>1600</v>
      </c>
      <c r="D113" t="inlineStr">
        <is>
          <t>0.001</t>
        </is>
      </c>
      <c r="E113" t="inlineStr">
        <is>
          <t>&lt;class 'numpy.ndarray'&gt;</t>
        </is>
      </c>
    </row>
    <row r="114">
      <c r="A114" s="1" t="n">
        <v>112</v>
      </c>
      <c r="B114" t="inlineStr">
        <is>
          <t>train_input_images</t>
        </is>
      </c>
      <c r="C114" t="n">
        <v>1600</v>
      </c>
      <c r="D114" t="inlineStr">
        <is>
          <t>[b'512' b'512'
 b'\x89PNG\r\n\x1a\n\x00\x00\x00\rIHDR\x00\x00\x02\x00\x00\x00\x02\x00\x08\x02\x00\x00\x00{\x1aC\xad\x00\x00 \x00IDATx\x9c\xed\xddy`\x0c\xe7\x1b\x07\xf0\'H\xdc\xc4\x11B\x88\x90D\x0eB$\xaeH\x10\xb7D\x08\xe2&gt;\xe3\xbe\xaf:\x8b\xbao\xad\xba\xebh\x95:\xdbREi)\xadVi\x8b\x96\xd2\xea\xad-=\x94\xa2\xa5UG\x7f}~\x7f\x8cl\xd7fw\xb3;;3\xef\xcc\xec\xf7\xf3\x8f\xb5\x99y\xdfg\xafwf\xdey\xdf\xe7%\x02\x00\x00\x00\x00\x00\x00\x00\x00\xf0b\xb9D\x07\x00\x00&amp;\xc6\xcc\xcc&lt;\xa9[S\xd1\x81\x00\x00\x80&amp;\x96\x8e\xedqt\xdb\x92\xdf\xbf8*\x1d\x00D\x87\x03\x00\x00D\x054\xa9\x85\xadhR!\x00\x008U^\xab\x8a\xfe\xf7\xf3\xc7h\xfd\x01\x00\x00\x00\x00\x00\x00\x00\xc0&lt;:\xd5\x0eI(\xed#:\n\xd0\xa3N\xb5*L\xe9\xd9Bt\x14\x00\xa0\x1af\xbe\xfe\xd9a\xd1Q\x00\x00\x80\xe6\xba&amp;\x84\x8a\x0e\x01\x00\x9c\x89/.:\x02\x07\xea\x07\xf9\xc5\x17\x13\x1d\x04\xc8\x96[t\x00\x00\x00`\x97\xea\xc9\x0ej\xe8\xf5\xcc\x02\x00\x00\xc0m-*\xe3\xa2\x14@G\xf2\x89\x0e\xc0u\xcd\xc2\x8a0s\xcf\xfa\x11\xa2\x03\x01\x00\x00\rE\xfa=\xcc\x03\x11\xe7/:\x14\x83\n zrd\x17\xd1Q\x00\x00\xb8\'\xc0*\x0b\xd0\xd1mKD\x87Cd\xc4\x84\xc7\x91\xe5\xfc\xaaT\x8b\x11\x1d\x05\x00\x80{\xa2\x83\xf3\xd1\xff~\x94\x1e\x87\x85\x87\x8b\r\xc6\xa82\xe25K\xd9\x04\x00\xa0\xa4\xa2Y\x17\x01\xa2\x03y\xc8`W\x00\xfeD\x7f\xdf\xb9#:\n\x00\x009\xfe \xf2\xf7\xf1\xf1\xf1Af\x04\x00\x00\x00\x00\x00\x00o\x11":\x000\xabR\xa2\x030\x93o\x8e\xbd,:\x040\xa3\xe7g\x0f\x17\x1d\x02\x98S!\x17\xb6)\xa1t\xa51\x05\x95.\xd15j\xcf\xffb\xe6]\xcb&amp;\xab\\\x89H\x06\xbb\tl\x1a}\x9eX):\x040\xa7?]\xd8&amp;\xb5\x81\xc2\xd3P\xf3\t\x9a\x89{W\xfd*\xf43b\x07\x00@\xa6\xe4\n\xf9\x17\x0c\xeb\xf0\xe0\xc7SO\x8d\xee\xfa\xce\xf6\xa7\xdb\xc4\x94\x16\x1d\x91\x014\xa9TXt\x08\x00.\x18\xdb\xb1\x81\xe8\x10@\xd7b\n\x12\xf3=f\x9e\xd4\xb5\x89\xe2]@\x00\xa0\xa2\x1c\'\xbf\xcd\xea\xdf\xc6\x95\xce_0\x84\xa4 \xdf\x16\x11\xca\'\x1c\xe4\xdb_\xa1C\x03\x00@\xd7\x98yr\x8ff\x8a\x17\x9b\x9b(\xd2\x8f\xf6\xac\x9a\xa6x\xc9\x00\xa0\x9d\xe0\xac\x07\xb5\xe4^\xccw\xacUA\xa1X@y\xd7\xce\xbf\xa9R\xc9\x8e\xf2\x10\x8chSw\xdf\x9a\x99*U\n\x00\x0f1\xff|b\xa7KC\x80\xaa;\xbe\xff\xc4Y)\xa5\xde\xdf\xb5z\xc7S\x13d\x84\xf1\xd1\xbege\xec\x05\x86vp\xc3&lt;G\x07\x80uO\x0c\xd4&gt;\x1e\x00\xaf\xa3\xf8\xc0\xdb\xf1\x9d\x92]\xd9\xacI%\xfd\xde#@b\x14m\xe8*\r\x19\x802\xf8\x7f?\xf2\xdf\x17EG\xa1w\xed\xe3\xca\xe5W\xbf\x96"\xeaW\x01`b\t\x81\xb9\xda\xd5\x08\x12\x1d\x05\x18\\!\xa2\xb7\xb6&lt;i\xfd\xcc\x81\xf5\xb3\'tn\xa4j\xa5\xd1\xf9\xa8["\xb2\x9c\x03\x00\x08\x95\x9b\xa8S\xed\x10\xd1Q\x00\x80|\xe3;\'\x8b\x0e\x01\x8c)\xa6\x00\xed_7\xbbmlY\xd1\x81\x80\xab&amp;ukr\xf7\xfb\x0fDG\x01zaY&lt;rR\xd7&amp;\xa2c\x01C\x89)\xf0\xf0\xdb\xf3\xdc\xcc\xa1Z\xd6{\xe7\xe2\tt^\xca\x86;\xb4`\x8d\xad\xd4.):\x1a0\x96\x81\xcdc\xa7e\xa6hYc\xcb\xc8\xe2\xcc\xdc\x0e\xd7\x1c\xb2$W\xc8\xcf\xcc\xa7\xf7\xae\x17\x1d\x88wI\x89,\xbe{\xe5T\xd1Q\xd8Q\xfe\xd1\x03\x80\xe8p\xc0\x8cZ*\x9al\xe0\xc0\xfa9\xf8\xa6\x9a\xde\xb4\xcc\x94\xd7\xd6\x9ag\xbe\xd8\xba\'\x06N\xd4e\x07\x0b\xf3\xbfh\xfd\x8d\xaa\x92\ne\x86\xe7V\xa1P\x85l\x9e?\xba{b83\xff\xfe\xc5\xdb\xa2c1\xb3&gt;\x8d\xab\x8a\r )\xc8\x97\x99\xd7\x9ah\xcaX\xb30\x9d\x8e[\xcej\xfc\x7f\x11\x1d\x08\xb8oz\x9fV\xaelf\x9a\x95\x9b\x98y\xfe\x90\x0c\x9c\xad\xa8\r\x1d\xc1\xde\x83\x99-\xb3\xfd\xc1\x9c\xb6/\x1e\xe7\xfa\xc69f\x03\x15+5\xaa\x04\x0e\x00\x9e@\xe3\x0e\x00\xb6\x9a\x86\x16~~\xd6\xb0j\x85(*\xaf\xe8P\x9c\xf2\xc5\xc2I\x9e)\xee\xf4\xaf\xfaM\xe2a\n\xfe\xa2\x03\x00S)D\xb4`X\x07E\x8ab\xbe3\xb0E\rE\x8aR[\xfb\xb8r\xa2C\x00\x10\x8f\xef~\xb7~\xfa`\xd1Q\x00hK\xd9N\x8c~Mb\x02\x95,\x0f\xbc\x85\xc6\x8b\x9dmY0\xc6\xfa\xea-\xbe\x181\xf3\xd2\xb1=\xb4\x8d\x02@\xb4\x02\x8a\x96\xd6\xbc\xb2\xbf\xe7\x85\xd8\x9dI\xef\xe7y\xb9`"\x9e\x1c0\xa4\xfb^\x8bGt\xb6~\xb2U\x95\x00\x0fC\x02\x00\x05$\x95\xf5\x95\x1e\xa4D\xfd\xf73\x0f\xf3\x9a\xdc\xd3\xcfL\xee\x87\x1b39\n\xf5`\xdf\xf0\\\x94\x11\xaf\xf3\xf1\x19@\xb4a\xd60e\x0b\xc4\xefJ\x1b5\x95\xb8\x9e\x0f\x11\xfay\xc9&gt;\xdc$W\xf04{\xb7t~\x8a\xf5\xdf\rj\xe3\x9c\x11\x96\xb9`5\x9d\x0f\x12\x00\'\xf2\x135\rUx\xba\xc7\x96\x85c\x94-\x10\xecRj\x01\x03\xd9\x0bg\n\xf4\xd3G\xfb=,\x01\x03s\r\xcd:\x15D\xbc\x92s\xf6\xc1\x14f\xf4M\x13\x1d\x02\x00\xa8\xa8A\xb9\xbc3\xfb\xa55\x0f/*:\x10\xd0\x19\x9c\xdc\x01\x00x\xa9?\xbf}\xcf\xacsG+\x88\x0e\xc0\x04\xf6\xac\x9e\x8e\xf3\x03\x00c[7m\x90\x81\x1a\xf9\x98\x82r\xf6\xca\xfe\x02\x1b\x06\xe7\xf38\x16\x9d\xaaV\x88\x98\xff\xe9R\xb7\xd2O\x1f\xedW\xaf\x81nP&gt;\xaft\x81\xa8\xcdx\xa7RD\xd5\x0bkQ\x11\x80\x17\t$j\x16V\xc4@9\x00\xd6M\x1b$:\x04\x15\xf9+Q\x08\xdf\xfb\xfe\x8f\xaf\xde\xd94wd\xd6\xbd\xbd\xebJ\x94j\xeb\xfe\xa5\x93\x9a\xf5\x10V jP./\x16\x1f\x05P\x98\xe1N\xaa4^\x7fFc)\x91\n\x0c\xc4\xcbOT\xb38\rh\x1e\x9bu\x00\xb8\xe6y\x99\xd9I\x89\xf9&gt;xe\xb5\x1a\x85\x83w\xd1i\xb6l\xb3\xbbr\xf6\r!\xef\xbc\xec\xd1fQy17\xc2U\x97O\xee}\xd8\xfe\xff\x83|\xbf\xae\xea\xd5 \x12\x13\xae\x04@~/!\x0c7\xc8\xe7\xc9Q]\x92\x83\x95\x1a\xb5orX\xe9\xc9]a&gt;\xc4\xcc\xe7\xde\xd8$:\x10\x00\xf5\xbd\xbd\xf5)4\x10&amp;\xe6\xc9\x87[%?uM\xf0$y\x81Q1s,\xba#\x88\x88\xa8\xbc\xd2y\xb7@_,g\x88\xbe\xa2#\x01/\xa4\xcf\xe1\xc5C[\xd5\x12\x1d\x02(\xe1\xe5\xa7\'\x89\x0eA\x01]\xea\xaa\xb1\xee\xefC\x96\x03\xc0\x13\xbd\xcds[\xb5r\xd6\x9a\xc6\xbf\x9c9\xc0\xcc\xe5\xb3z\x17\x1b\x85\xc8\x1a=\xea1K+W\x8ah\xd3\xdc\x91Bb\xd0-!+\xe5V/L\xd3\xfb\xa4j_/h*)\xc8\xf0\xe7\xb5?|\xf0\xaa\xaa\xfd3\xfc\xe0\xb2N\xba\x89\x9f\x9b1D\xa9\xa2z$U\x96\x1e\x1cya13O\xed\xd5R\xa9\x92\xc1\x1c\xca\x88\x0e\x00\xc0%1\x9a\xf4\xc0)~\x00`\xe6\x8b\xc7w\xb9\xb5\x8b\x81f!\x00\xc8\x80)l\xe0\xb6\x11m\xeajPK\x9b\x98\xd2\xd5\x94k\x80-\x97\x14^\xbbV\x05\xf2\xe9BvMEtv\x81\xb1\x19q\xde\xa3N\xfa\x94\x04\nR\xae(\\\x18\x01\x80Z\x98\xf9\xc3\xdd\xcf\xa8Q,\xdf\xfc\\\xf1b\xf5@\xcb\xbb\xe5\xc5\x89F\xb5\xad\xa7Yu\x00\xe0E\xfc\x89\x98\xb9o\x93\x18\xc5K\x0e\xb6z\x9cW\xf1\xd2\xbdC\x00\x1137\xa9\x84\x9ec\x000,\xfdw|\xea\xb3\x89\xcdC\xf4\xee\x8ee\xa2\xa3\x00 "\n!jU% ,\x97\xe88\xc0\x88&lt;?\x06\x0cI\x8dg\xe6\x8a\n\xc4b\x877\xdf\xaepWD\x1e\xd1\x11\x00\x80Q\xf4j\x18\xe9\xe1\xf9ub\x99&lt;AD\xe7\xde\xd8\xc8\xcc\x98\x95.\xdc\xcd\xcf\xdf\x16\x1d\x02\x00\x18\x01\xdf\xfd\x8e\x99\xef\xfe\xf0\x81\'\x85\x8c\xef\xdc(\xce\x9f&gt;xe\xf5\xf0\xd6u\x94\n\xcc\xb9\x1c\xc7\xf0`\x85d\x90\'w\xce\x9b\x80.\xc9M]\xacSiU\x02\x98\xb9I%\x15\x07\x19\xb2\x15\x0f\x8b\xaaH\xd4\xb8\xa2\xee\xc6C\xfa\x8b\x0e\x00\x8c%5\xba$3\xa3\x0f\xcdx^\x987\xcad\xdd\xc4\x83S\xe2T\x1d\xaa\x7f\xf6\xc0\x06K\xeb\xff\xf2R\xf9\x19\x99\x12\xcb\xe0\xe7\x02&amp;\xc1w\xbf\xe7\x1b\x9f\x89\x8e\x02\xdcg\xca\x0b\xb7\x95\x133\x15?\x00Xn\xd2&gt;l\xfb\xef\xff\xd0-1\xdc\x93\x02M\x90\xcd\t\xc042\xe2\xb0R\x0e8\xd65!\xd4Ot\x0c\x00\xa0\x06\xe6\x1b\xcc\x8cs2\xf8O\xd3P\xfd\x8f\xf27\xa1\x96\x11&amp;\xbb\'\x05\xda\x91\x97\t\xb5iha\xe9\xaa\xfe\xd377+\x1c\x10\x18W\xf6toq\xfe\xdaG\x01\x00.\x19\x96V\xbbuLi\x19;\xee]=\x9d\x99\xcf\x1c\xd8\xa0xH`x\xd6\x8b9\xaf\x9f&gt;XX\x1c\x00.\x93\xd3\n\xaa\x8f\x1f\\V\xaf\xf0\xa2D\r\x83\xf3\xc9\xd8\xb1v\x00&amp;K\x1aM\xfff\xd5\x85\xd4\x1b\xe6#\xa4Z\x9a30\x1d\xeb\xb8\x82\xebt8\xb2#\xc2W\xa7\xed,\xff}\xf1\xe4\xabkEG\x01\xeehP\xde\xbb\x92\xb0yy\x02j\x00\xd0\xda\x9b\x1b\x17XF\xbb\x0bY\xda\xd4|l\x16\t\x0fuy\xc7A-\xe3\x98y\xdf\x9a\x99\n\x07\x04\x00`\x97\xf5dW\xaf]\xfdJ\x11\x9b\xe7\x8f\x0e&amp;\xda\xb9l\xb2\xf5Y|%wJ\x90\xd2N\xfc\xf2\xf1\x01\xc5c\x03S\xcaL\x8e\x16Ro\xa9G\x93\xa5\x83\xe1y[g\x8bJB\xb3u\xe3\xf8\xbb\xb3\xbb\xb4\xef\x86Y\xc3\x94\x8e\x0b@IMC\xf5\x99}\x1c@\xb4MsG\\8\xbcU\xfbz\xfd\x89J\x12]=wH\xde\x10ioS\xa3\xa8\xe8\x08\x00@\x9f\x98\xd9\x93\x15q\xe5\x0cRS\xc8\xf1\x97W\xb4\x89\t\x14W?\x18\x98\xe9\xa7\xe6\x15%Z5\xa9\x8f\xe8(@\xf7\x86\xb7\xae-c\xaf\x0e5\x83w\xaf|\xc2\x97H\xd5\x04\xa5\xae\xb0\xe4:\xc1y.\xb8\xe8\xfd]\xab\xe6\x0f\xc9\x10\x1d\x05\x80\nZW-\xa5\xc1\xf0\xca\x0bG\xb6~\xf4\xda\xb3\xf3\x87d0s\xeb\xaa\xa5\xe4\x152\xb4U-\xe9N\xc0\xff~\xfeX\xd9\xf0\x00\x1c\xa9\x9c\x87\xde\xdc\xb80Z\xe0\xa5+\xb8\xa5\xb8\xe8\x00\x8c\x85\x99\x97\x8f\xef\xa5v-\x01D\xf5\xca\xe4\x96\xa6\x9b\xa7F\x95\xccy\x07{\xea\x95\xc9m\x19\x94%*\x8b\xf4\xae\xe5\x93\x99\xf9\xf0\x0b\x8b\x04\xd5\xaf\x96\x8b\xc7w\x89\x0eA\xbf\xfcE\x07\x00n\x887yg\x9d\xb15\xaeX\xd0\x93\xdd\x95Z\x82F~\x00\x7f}\xc3\xcc\xa6\xef\x11\xf6\x1e\x98^n0B2\x110\xf3\xe3\xdd\x9b\x8a\xa8\x19\x00\xd4\x82\xc4\xc7\xca\xca\xa5A\x1d\x17\x8el\x9d\xdc\xa3\xb9\x06\x15\xd9\xc8\x9d\x1bkW\x01\x98\xca\x03\xd1\x01\x00\x00\x00\x00\x00\x00\x00\x80)\xe5%J\x89\xc485\x00\xf0V^\x9e*\x05\x03\xca\xb5\xa7\xf8\xc8\x11|\x88 \x133O\xec\xd2Xt\x14\xe0\x91.u\xdd\xcad\n\x00@DDG\xb7-\x11\x9c\x0c\x01&lt;\xf6\xc1+\xcf\x8cH\xaf+:\n\x00\x00#( :\x00eU/\xac\xc9\x90gP\xda\x98\x8c$\xd1!\x00\x00\x00\x00\x98\x1eVG\x02\xc39\xb1s\xa5\xe8\x10\x00\x00@\x04\xe6?=JY\xe5\xad\xbc\xa2_\xb4_\xd3j\x02\x93\x91\x01\x80\xda&gt;\xde\xbf\xe3\x1f\xd11\x80C~Bkgf\xe6\xdfe\xec\x18m\x8a\xa5\x85\xd3\xab\x05\xf6i\\Ut\x14\x00\xe0M\xaa[M\x1f\xfa\xe9\xf4k\xf9\xc5E\xe2\xe5\xf3\x98\xd4\x13 :\x00\xc51s\x08\xd1\xb3\xd3\x07+RZ\xab*\xe6{\x87\x00\\3\xbes\xb2\xf4\xa0\x18\x113\x0fo]Gh82\xfdr\xe6\xc0\xc4\xae\xf2g\x811_\xf9\xe7\xa7\xd3\n\xc6\x03\x1a\xf8\xdf\xcf\x1f\x89\x0e\x01\xc0\xe0\xe2\xfc\x1f&gt;(D\xc4\xccu\x8cy2\xe4\xe1b&amp;\xcc\x7f0_W0\x1e\xf0DF|y\xe7\x1b\x14$\n$zn\xe6Pm\xe2\x01\xf0\nonZ(:\x04\x99b\n\xd2\x93\xa3\xba\x88\x8e\x02\x94\xe4d\xb8H\xbb\x1aA\xda\xc5\xa12\xbe\xf3\xad\xe8\x10 g\xed\xe3\xca\x89\x0eAQ!Dm\xab\x97\xc5\xaamn\xa9\x1d@D\x14D\x14i\xf6\x15\x8f\x1a\x94\xcf\x87\x11Y\xda\x88\x14;\xf4\x02\xb2I\n\xb2\xfdyW+D\xb9\x85\x84\xa2\x1e_"\x81\xf7{\x8d(\xa1t.\xefi\x13\xc7ul\xe8=/\x16\xc09\x7f\xd1\x01\x80\xad\xb5O\x0c\x14\x1d\x82\x815\xa9T\xc8\xf9\xd4\x92n\x89\xe1\xb8)\x02\xde\xcc+\xe6^\x81\xd1UPn\xf6\x86\xa5[\xbd\x04Q\xed\x92\n\x15*W\xe5&lt;T\xc2\xe9m\x00\xd0\x83|D\xd1H\xe1\xaf&gt;\xb3u@\x81R\xfe \xfa\x9fBE\xdd\xcez\xf07Q\xee;\xf4\x87B\xc5\xcas\xe7_\xbaE4cp\xbb\xb7N\x7f!4\x10\x8fT\xcdOWM=\xf35)8\x7f\xed\x84\xb8r\x05\xf8\xea\x95\xdb%\x89~\xf8\xfcm\xdf\xdbW\xde\xfd\x04\xb7\xb5\x81\x88\x88\xccu\xe3\\\x8f\xee]:\xd9\xbaji\xc5\x8b\xf5\xe4\xacN\xc1\x0c\xd5c;4P\xae\xb0\x9c\x05\x12)\xbb\x1e\x8d7\xdcG\xe9\x96\x18\xbe{\xc5\xd4W\x96O\xe1,\xa2#\x02\x00\xe3\xf3\xd1\xfc\x04\xa2\x82\xb6\xd5\x99C\x95\xfc4\xb0E\xec\xb0\xb4\xdaR\xeb/\xbc\xf3\x10\x00\\\xb5fJ\xff\x0e5u\x9aX\xba{b\xf8\xf6\xc5\xe3DG\xe1P\x1e\xd1\x01\x80\x9e5\xaeXp\xe1\xf0\x8eJ\x95\xa6\xca\x1d\xe9\xef?\xd8\xcd\xcc\xcd\xc3\xfd\xd5(\xdc\xb8\x16\x0eS\xecc\xd3\xbf\x80\xd2\xa5\xa2\xabV\x11\x1d\x85}\x85\x8b\x14\xde\xbfg\xaf\xe8(\x1c\n&amp;jQ\xd9_t\x14\xa0SG.\xfe9a\xc5K\xa2\xa3p\x8ao}y\xed\xfc\x9b\xa2\xa3\xf0\xd4\x8bOMP\xb0\xb4\xc3/,b\xe6n\xf5\xc2\xe4\xedn\x9e\xf9\xa9\xe0\x98N\xaf\x98@O\x98\xf9\xfd]\xabDG\xe1T\x8d\xa2\xa2#\xf0\xd8\x98\x8c$eo:\xbd\xb1a\xde\xb5\xf3\x87\x14,\xd0;\rhV]t\x08:\x85\x8e#\x00\xc5\xc4\x17#-\xd3\x97\xce\x1e\x98\x1e\xa8Ye\x1e0[\xde\x12\x80,\xfa&lt;\x82b\x9c\xbe\xc1\xc8\xbbn(\xe6\xf4\xaf\xc6\xcc\xa3\n\x00\x1e\x19\xd5\xb6\xde\xa9=kEG\x91e\xdb\xa2\xb1\xa2C0\x80\x11\xe9uE\x87\x00\x00\x86T\xbb$\xf1\x8d\x0b\x85\x88\x88()\xc8\xf7\xee\x0f\x1fL\xe9\xd9\\pL\xa0\x8d\xd4h\x8cs6\xbf\x02DH\x94\x0b\x8e\x04\x11\x8d\xed\xd8\x80\x88\xea\x04P\xdb\xd8\xb2\xc5E\xc7\xa3/\xf5\xca\xe4f\xe6\xb6\xd5\xcb\x88\x0eD\x15N\x12\xef\x84h\x16\x04\xa8,\xb1L\x9eZ%D\x07ajc;6\x98;\xa8\xad\xf63\x87C}\xb4\xac\xcd+U|t}.\x0c\x08Q\x1c\x9a&amp;\r\xe0\n@U\x9f\xbc\xb1q\xf5\xe3}\x99\xf9\xd7O\x0ejV)2Uh\x84\x99\xbfx{\xbb\xf4\xb8\xac\xd8PT\xa0l\xc2\x80\xc2\x8a\x96\x06`\x14\x954O:\x9b\xe1\xe6\xe8\xb8\x18\x83f\xa3\xcdMTHt\x0cD\xd4\xa1f0\xa6\xcc8\x17W\x8c\x98\xf9\xdd\xedKE\x07\x02\x00\x8f\x98\xd17\x8d\xef~\':\n\xb9\xf2\x8a\x0e\x80\x88\x989]\x85;\x01om^\xacx\x99\x9e\xeb\x9e\x18\x1e!k\x88\xf2S\xa3\xbb\xba\xb8\xa5\x1e&gt;S\x00\x81\xf4p^\x0bb\xd4\xd4\xc7\xbd\xf6\xceu*f\x7f\xf2\xfc\xa1\x17N\xedY[\xb7\xb4\xba7\x98\\\xef\xbe\x1c\xd7\xb1\xa1\xaa\x91\x80~\xf4H\xaa,:\x04\x8d\x8cjWo\xf9\xf8^2v\xac\x17\x88yZF\xa0Tf\nU\x7f\x12\xd9\xef\r&amp;\x96\xcd3wP\xbb0\xf5G\x17`\xf5\xf0\xec\x8a\x12\xe9\xe3\xc4@\x98\xc4\xb2\xfa\x9c\x1b\xab0)\xdd4\xa6\xb8+\xa6\xbc\x07\xfbz\xf9\x9d\xf4\xcf\x0eo\xd1\xa0\xb9\x07\x00"\x9a\xd9/M\x1a\xbd\x93\x12\xa9\xdd\xb1\xde\x931`\xd5\xd0Qeh\xf8\xfc\x00\xf4\x83\xf9_c\x9dq\x8e\xef\x9cl\xfc4\x9b^\xacI%\x1c\x01\x00@&amp;\xbb]\xb5y\xbd\xb9\xe3\xe4\xcfo\xdf\xe3?\xbf\xd6\xa6\xae\x97\x96LL\xae\x90_\x9b\xba\x84\xab[\n]QF\xf2\xc9\x1b\x1b\xff\xfe\xfe\x03\xcb\x7f\xabx\xcb\xf7\xd4\x8e\xcay\x88\x99\xe7\x0cL\x17\x1d\x88{d7\xe2[\x17\x8e\x19\xd4\xb2\x86\xb2\xc1\x18\x86\x96\x13\xf0\xbex{\xfb\xc2a\x1d\xc2s\x11\x11\xe5!j\x1a\xaa\xc0D+\x1f\xa2\x8cxOn\x9a\xa8\xa2\x10\xd1/g^\xef\xd5 Rt \xe0\x92O\x0f\xbd\xc0\xcc?\x9e~\xcd\xf2Le/\x1e\x9c2\xb0E\rG\xcd\xc2\xc1\r\xf3,3\xb6\x16\x0e\xef\xb8`hF\xc3\xe0|\xdaFg\xdf\xf4\xbe\xad\xbc\xe2,^\xc1\x17\xe9K\xd4\xa1f\xb0\xf5\'\xad\xe5\xe4:\xa9\xde\xf3\x077yXN\xa9\x9c\x12A\x0b\xb1v\xea\x00f\xfe\xe7\xa7\xd3\xa2\x0313\xa5F^\xad\x9d: \xc2W\x99\xa2T\xa2\xf1\xb5$g\xe9X\xeb\xe1\xccz_\xa2\x07?\x9e\xb6&lt;\x7f\xe7\xe2\x89\xab\xe7\x0eY\xfe;\xb9G\xb3\x96\x11:\xfc\x15\x82S\xd2\xcd\x90\xab\xe7\x0eZ\x0e\x00Z\xa6X1w\xea\x0f\xcbo\xc3\xf2\xcc\xdeg\xa6k\x19\xc0\x9a)\xfd\xa5\x07\xc3\xdb\xd4\x19\xdf9Y\xcb\xaa\r\xe7\xea9\xed2\xde\xc8P\x91h\xd5\xa4&gt;Z\xd6h\xf9\xf6N\xed\xd9Bz\xa6c\xad\n\xd237?\x7f\xfb\xb5\xb5\xb3\xca\x10\xcd\xea\xdf\x9a\x1fu\xf2\xd55Z\x06\xe9\xa2\xd1\xed\x13E\x87\xa0{\xcc\xcc7.\x88\x8e\xc2T\xd2\xaa\x04\xd8\x1c\x00\x98YZ\x94F\x9b\xb39\xe6\xfb_\xbf\xfb\x12\x11\xf1o\xe7\x87\xa4\xc6kR\'\xa8"\xa6 \xf5N\x8e\xd6\xb2FK\x9b\xfe\xf7w\xef3\xf3\xdcAm}\x88\x12\xcb\xe4\xb1\xb9/2\xb1kc\xe6\xdf\xea\x04P\xfb\xb8rw\xbe;\xf1\xeb\'\x07\x99\xaf\x8e\xef\x94&lt;\xa3oZ\xb7zazH\xd5S\x89\x88\x99\xb1\x18x\x0e\xb2\x9f\xaej\xa0w\xc3\xa8\xe3/\xaf\xd0\xb2F\'4\x18]:\xaam=\xe9\x81\xc6I\xacVL\xe8\xadi}F\xf3XF}\xd1!\xe8NV{p\xfd\xd9\x19C\x98y\xcd\xd4\x016\x1bd?\x89\x89\xc8C=\x92*?zIp;\xb1\x8c\xf8yp\x98i\x9c\xb3|D\x17\x8el\xfd\xf6\xbd\x9dZ\xae\xa9+}GB4\xacQ,Q\xbd\xcc\xba\xb8C\xa7W\x05\x89\xf4\xdd\xf9/Fl\x11:\xb1s\xd5\x81\xf5s\xa2\x1d|{\x82\x88\xb2\xaf)R\x96h\xfb\x93\xe3l\xfa\x85~\xb2\xba\xaf\x0e\xf0\x1f\xbd\xdd\x03P;mK!"W\xc6K\xa8\x97\x80\xda\xe8-]\x95\xfc\xb4i\xeeH\xd1Qx\x85\xa2D|\xfd\xd33\x076\xb8\xbbc\x10\x11\xf3\x1d\x9bc\xc0\xcc~i\x9e\x87\x84[\xcc\xba }\xa2mc\x15XG\x80\xf9w]\x1d\x00\x0c\xa7TN\x1b\xf8\x10\x1dz~~\xf6\xe7\r\x9aH]\xfa\xeea\x1e\xa0\x06\xce\x1ex\x9e\x99/\x1c\xd9\x1a@\x14S\xc0\xbd}\x99\xff\xb49\x00\xfc\xf6\xe9au\xc2\x04\xcd\x8djWO\xe0\x99{\xfff\xd5\x84\xd4\xabO\xbd\x1bF9\xdf\x80\xef\xfd\x90\xfd\x93jX&gt;\xdf\xc6\xd9\xc3U\x0bJ-!D\xdf\xbf\xbf[t\x14\xde\xe2\xebw_b\xe6\xb7\xb6&lt;9\xb6C\x03\xcb\xdc{G\xd9~\xdexn\xee\xe0\x948\xcbq\x82\xed\xf1\xe2Iu\xe0\x01\xe1K\xbf\xeay\x91RK\xe3\xee(\x07\xa3\xde:\xd9\xc4\xd2vy+\x03\xfbh\xdfzf^6\xae\xe7o\x9f\x1e\x9e\xd5\xbf\x8d\xf4\xe4\xb2q\xbd\x1c\xad\x8d!\xdd%\xfe\xe6\xd8\xcb{\x9f\x99\xd1\xa6Z\xa0\xdd\x03\x00\xbe\x87 \x87"\xdf\x9b\x1b\x17\xde\x92\xbd\xef\xb4\xcc\x14\xcbc-[\x90\x0f^Y\xcd|\xd5\xf96\xd6o\x8e\xdd\x8e\x91\x13;W\xf2\xfd\x1f\xac\x9f)\x84A\x11\xe0Tfr43\xff\xfd\xdd\xfb%\x88\x92\x82|\x8b\x12\x05d\xeb\x7f/Ft\xfb\xebc\xf1\xc5\x88\x88\x9a\x87\x17ef\xfe\xed|V;\xff\x0b\x0e\x00\xa0\x98\xe4\nnv@*\x8d\xf9\x96\x90z\xb7,\x1cs\xf9\xe4\xde\xdd+\xa6\x12Q^\xa2\x9b\x9f\xbf\xbdhxG\x9bmn~\xfe\xb6\xe5\xb1\x8b\xbd\xfa\x11y\xe8\xbd\x97\x96+\x16%\xe8\xcf\xd3\x8fu\xf7\xa4\xbf\xc5\xd2^W/LDT\x9c\x88\x7f=+M(\xb1f\x19\xaa0\x7fh\x063\xbf\xb9q!?\xb8\xec\xa8\xe9\x97l[4\xd6\x83\xb8@s\xcc\xbcs\xe9\xe3\xa2\xa3\x10\xccn\x8a(\xcb\xe9\xb6\xf4\xcd\xee\x9e\x14\xaeF\xd5U\xf2\xd1\x87\xbb\xd7\xf4j\x10i}\x0eux\xd3\xa2\x89]\x1a\xcb.\xb3fq\x0c{7\xb9\x10\x0f\xf6}\xef\xc5\xe5\xd6M\xf6\xb0\xb4Za&gt;\xc4w\xbfs~\xfe\xde\xad^X\x8d\xa2T\x91h\xcb\x821N\x0e\x00\x0f.\x9f\xf2 4\xd0\xd6\xa6\xb9#m&gt;\xf5s\x1e\'\xed1"\xbb\xb91\x8e\xbc\xb0\xb8K\xddJ\xf4\xdf\xe9\xd2\x15\xf5\x02\x88\xc8\xf3\xdfI\xd9{/-g\xe6\xbeMb\xd4\xab\xceE[\x16\x8e\x11\x1d\x82H\xfc\xe0\x92\xe8\x10\xd4b\xd3j\x0fj\x19\xd7\xad^\x18\xf3_\xcc&lt;\xb6C\x03G{\xf9\x12\x15#\xb2&gt;Y\xc9\xee\xf7/\x8ej\xf8:\x00\xb2\xdc\xb8p\xc4\xf9)\x8c\x13\x01\xf6\x9e|e\xc5\xd4\xc7\xbb7#\xcb\xaf\xe5\xd1~v5\xec^1\x95\xf9O\x9d\xac;\xdf\xb9NEy\xef\xa7\xf8Y\xa1\nya\xde(\xd1!\xa8\xc5I\x0b\xce\xccNr\x85U j\x95\x95\xfe\xc4.\xccH\x071*8\x1e\'\xe3\\f\xa3*\xef\xeeXj\xf7O\xc1D\x94\xf5ki\x13SZnhJ*JT9\xf7\xc3\xc0dh\x1aVD\xf6a\xd2E\xd9{\x14k\x16\xa7\xfe\xcd\xaa\xabZ)\xb8\xc5\xf9\x01\xc0I\xffa0Q\x9f\xc6U\x9d\xec\x9b\xa9m:#\x00\x8fL\xed\xd5B\xfa\xe2:\xd9\xa6Z\xc1\x87?\x18=,\x86\x1d[\x84\x98\xaf]=wP\xf6/\xadM5-S\x81\x80\xee\xdc\xb8\xf0\x96\xf3\x03@\xf6]*[]\xd6\x05;=~\xbc\xfc\xf4$\xed^\t\x80\xe7\x98\xb9C\xcd\x9cO\xa9\x9f\x1c\xd5E\x83`\\\x91\x14\xe4\xdb#\xa9\xf2\x886u\xa5\xff:\x9a\xae\xcd\xcc\xb2/\x14\xc0\xc4v&lt;5\xde^\xd3}\x9f\x99]\x1c\x0e\xf7\xfe\xae\xd5\x0e\x8f\x00\xbf\x7f.;\xb0\x9e\xf5#d\xef\x0b GA"\xbe\xf5\xa5\xe8(&lt;\xc2|\xc3\xc1\xf3\xf6/k\xd2\xaa\xe4\x98]\x02L\xce\xc9)\xbc\x8b\x932\xdd\xba\x80\x00\x00\xad\xcd\x1f\x92a\xf7yf\xb6,#\xe3%r\x89\x0e@oJ;n\xc1sL="\xf9\xf2\xe8\x0e\xbb\xbb\xbb\xbb\xe8n\xfff\xd5\x16\x8f\xec,c*~."\xd1\t\x04\x00\x0ch\xf3\xfc\xd1\x8a\xa4\xf9\x03C\xcb\xdev\x7f\xf2\xc6Ff\xbew\xe9C\x9b\x05a\x8a\x10m[4\xd6\xfa\xd4&gt;\x88\xa8S\xed\x10EN\xff\xaf\x9cy}j\xaf\x162\xe2o\x1aZ\xd8y\xeaP)]\x9d^\xaev\xff\xf8\xf2\xa8\xe8\x10\x00\x00\x1e\xb2i\xb8O\xbe\xbav`\x8b\xd8i\x99\xa9\x9f\xbe\xb9\xb9~\xb9\xffVa\x0e \xfa\xe1\x83W\xa5m\x9aT*\xe4ODD=\xebG\xb4\x8f+\x97\xbd\xf5\x7fg\xdb\xd3\x82^\x8d\x1d\x077\xccG\x97\x14\x00\x80\x1d\x99\x8d\xaa\xfc\xd7r\xff}\xb1}\\\xb9@\xa2\xe2D\x19\xf1\xe5\xa5\r\x02\x89\xe2\xfc)\xcc\x87\x9e\x99\xdc\xef\xe2\xf1]\xcd\xc2\x8a\xa4U\t\x90V\x9b(\x915\x87\xd4\xc3\xd3\x7fU\xcd\x1e\x90\xae\xc3\xa8\x00\xc0\xc0\x98Y\xed\x85\x16\xa6\xf6jy\xef\xd2Iu\xeb "\xab\x8b\x80\x97sJ\x06\x13\xe9G\xb5\x03\xfe\xbb\x95\x92\xd9(:{\xeb\xdfHtF/\x1b\xefn_j\xec\x03\xc0\xc69#D\x87\xa0\x0b\x99\xc9\xd1\x1b\xe7\xe4\x90\xda\x9e\x99\x9d\xa7\xd5l\xe9 \xcb9\x80[4H\xb3\xfa\xed{;\xb5i\xb6:\xd4\x0c\xb64\xdf\x13:7r}\xa2\xa3\xdd\xde\x7f\r\x16\xdcvK\xbb\xd8 f\xbepx\x8b\xe8@\xe4\xaa\x82\xe5\x15\x88\x88h\xde\xe0\xf6\xce\xcf\xb9\xa4\x9bWN~3\xd9S\x1ey\x89*\xf9i\xe5\xa4&gt;\xc6\\\x19\x0c4\xc2\x0f.Y\x1a\xf1\xfaA~\xce7^?}\xf0\x1b\xcf\xcd\xb5m\xfb\xff\xf7cj\xb4\xde\x17bH\x89,\xb1o\xcd\x0c\xd1Q\x98\x1d\xdf\xfdN\xcb\xea\xfa7\xab&gt;k@\x1b\xe9K\x98\x14\xe4p5\\\xe6\x9b\xdep\x00X9\xa9\xcf\xa2\x11\x9d\xac\x9f\xc9\xfa\x81\xfe.("\xe5\xcd\x19\xd4\x96\x99\xc7wN\x16\x1d\x88y\x84\xfaH\xdf\x93{\xcc\xbcjR\x9f\x8c\xf8\xf2\xcf\xcd\x182\xa1K#\xe9\xaf\x8bFt\x1a\x99\x9e\x10B\xb4a\xd6\xb0i\x99)\xd2\xf7\xe9\xe3\xd7\x9e\xb34\xfe\r\xca\xe5\xd5W\xd7\x8f=U\xf2c\xdd$MDi\x9b\xc9ll\x87\x06\x83S\xe2\xfa4\xae\xeah\x83\x02D3\xfa\xa6\xe9\xf0\xb3W#\x9e\xd8"4\xa3o\xab\xba\xa5}\xc6\xb4O\xb2\xd4\xc2\xcc\xfc\xefO\x8a\xd7\xa5\x1e)\x03\xab#k\xa6\x0e\xd0\xe1\xa7i&amp;/==Qz\x87?\xdc\xfd\xcc\xcee\x93\xb3\xda\xf9\x7f\xa4\x7f,\xdd\x12Ie}\xb7-\x1e\xdb\xa2\xb2\xbf\xc8X]v\xe0\xd99\xcc\xech\xb5K0-f\x96\x96\xb0\x18\xdf\xb9\x91\x9d\xbf\xde\xfe\x9ao^\xd0&gt;\xaa\xbcD\xe3;%g\x7f^\x91ls/?=\x89\x99\x99\x7f\xa3\xac\x03\xc0\xfc\xa1\xf6g\x84\x19\x14\x16\rVU\x8d\xa2\xf4\xfd\xfb\xbb\x99y\xd1\xf0N\x95\xb2\xbeB\xdb\x17\x8fc\xe6\x17\xe6\x8d\x14\x1d\x9dL\xcc&lt;g`[\xd1Q\x80\x0b\x8a*Z\x1a3\xd7-\xe5\xb3o\xcdL\xfb\x7f\xbd\xf3\xad~\xce%\xf3*t\x83\xb1\x1c\x113\x1f\xdb\xb1\x8c\x88\xfe\xf8\xf2\xa8~^ \x18\x85\xf5\x0c\xdb2D\x15\x89\x88\xc8_H(\nQ\xb6U\x01\x93xg\xfb\xd3\xceo\x1eh\xa9\xaar=\xa9\xcc\xfcD\xef\x96n\xed\xe2\xfeT|3\x0b\x11\x1d\x809\xd4\xceZg\xa3i\xa8\x93%\x06\x00\x04Y\xfdx_f\xaecw9\x18#\xf3\xfcR\xbdY\x98W\xffb\xe3\x8bQ&gt;\xd11\x18\xdd\xc7\xaf=k\xb9\xfa\x8cG\xdf;\xe8S\xc7Z\x15\x88H\xc6\xd4\x1e\xa9{\x14\'\xce\xa6\xd4\xb5^\x98\xdaU\xf8\x11\x9d\xd8\xb92\xcc\xe0_\xa0\xe6\xe1E\x1d\xbd\x84`\xa2\xae\t\xa1\x9eW\xc1\xcc[\x17&gt;\xe6y9\x00n\xe3_\xcf2\xf3W\xef\xbch\xe7O\x18\x8bbR\x17\x8el\xd5\xe0\x93\xad\x13@/-\x99\xa8v-j\xf3!Ru\xdc\xdf\xc0\x16\xb1\xcc\xbc~\xfa`5+Q\xc1\xaaI}D\x87`NZ&amp;\xb1\xb4\xcew\xa8a\xb5 X\xdf\xc6U\x1d-\xb1\x00\n\xea\xe5B\xde\xe9\xd9\x03\xd3\x15\xb9\x8c\xd0\xda\x9d\x8b\'D\x87`ZC[\xd5\xb2y&amp;9X\xf99\xd3\x96.\xf0\xc42y0%\x1b@q[\x16\x8cq\xbe\x81\xf3l\xcf6r\xe3\xd6\xbd\x17\xea\x96\x18.\x9d\xa1\xd7\xc08/\x00C\xa9\x90\xf5 #N\x81\xc5\xb6\x99y\xd7\xf2)\x9e\x97\x03F\x92\xd5Cs]t \x00 Sfr\xb4\xe7\x85\xf4l\x10\xe9JW\x91\xb3Y\xe6`D\xfa\xccA\xd50\x18\xc3\x08\xc1\x8b\x04y\xb0o\x94\x1f\x05*\x16\x883\xcc\x7f\xe1~\x1e\xa8\x8e\x99\xdf\xdd\xb1Tt\x14\x00\xc6\x90G\xab\x8aZF\x14\xd38[%\x00M\xb0\x97\x86\xc8\xae\x105\xc3\x00\xaf\x82\xd47\xa6RXt\x00\x9a)D48%Nt\x14Jr\xfd\xaasr\xf7f\xaaF\x02^B\xca\x015\xb0y\xac\xe8@\xc0;\x04\x10\t\xcc\xa7\xf0D\xef\x96\xcc\xac\xc8\xad$\xb1rX\x8c\x03\xc0\x05+&amp;\xf4\x96\x86F\xe8"\xc5\x95Pq\xfe\xa2#\xf0\x06%\x88\xd6M\x1b\x14-\xe8\xae\xe7\xd2\xb1=~\xf9\xf8@\xcb\x08\xb7\x06\r\x03\x98VA\x97\x1b&gt;\xd3%\xc1\x12\x8d\x1f\\\x12\x1d\x82\x00+\'f\xbe\xf7\xe2r\xd1Q\x083\xba]\xe2\xa1\xe7\x17\x88\x8e\x02\xc0\xe4\xa4\xb4]\xba\x86A\xa6^\xe8\x87\x0f^\xf5\xce\xcc\x01\xac\xbfu\xc0\xc1\xac\x1aW\xc4\xca\xd6\xa0\x1b\x05\x88\xc6uj(=f\xe6\xdf&gt;=,6\x1e!~&lt;\xbdOt\x08\x00\x00"H\xb3\xd7?\xda\xf7,3/\x19\xd3]p4.k\x1a\xea=\x03\xcaL\xab$Q\xdb\xd8\xb2s\x07\xb5\xdb\xb6x\xec\xa2\xe1\x9dN\xec\\\xf9pF\xfc\x95\xb3\xb8\xed\t\xa0\x05\x83v\xf71s\x9dR\xa2\x83\x00\xb9*\x10\xfd\xf6\xe9avj\xf6\x806\x8a,.mPZ&amp;\x0c6*dN\xf3Z\xeb\xa7\x0f\xee\xd3\xb8\xaa\xe8(@\x8eC\x1b\x178o\xfa-\xae\x7fv$%\xaaD\xce%jBvk\x93T\xd6\xd7\xad\x1b\xbf|\xe7\xa2\xf4\xf2\xa7\xf4l\xberR\x9fn\xea\xaf\xeac\xab(\xd1\x85#[\xff\xfe\xfe}\xe7\x9bU\xd4&amp;\x1a\xc7f\xf5o#:\x04\x03\xdb4\xd7\xd3\x05\x17\x15\xd7\xb3~\x84\x8b[&gt;\xfdXwf\xfe\xf4\xcd\xcd\xd9\xfftj\xcfZ\xe9A\x88Ra\x81Br\x13\xf1\xbf?=l\xdd\xef\xff\xf0\xee\x8e\xa5\x9d\xebTl\x1b[\xb6ML\xe9\xe1m\xea8:\x0c\xac\x9c\x98):p\x8f\xf4oV]z!.\xf6kY^\xf8\xfc\xa1\x19\x19\xf1\xe5\xaf\x7fv\xc4\xfa\xdd\xc8lTE\xddp%\xae\x0c\xad\x8d\xf4\xa3\xd4(}&amp;1\x93/&lt;\x97\xe8\x08\xb4RK\xc3S+\x17\x87&gt;T/L\x89e]J\xa9R\xab\x84\xc3\x99\xc9\xcc&lt;$\xb5\xa6\xcb\xa1\x81F\x1a\x06\xe7\xe7\xbb\xdfI\xadX\xeb\xaa\xa5\xb2\xcf\x16l\\\xb1 \xf3u\xbb\xc7\x80\xa7Fw\x15\x10\xb1\x12\x8a\x12\x8dj[\xcf\xf2B\xce\x1fz\xa1~\x90\xb3\x89\x92\xe9\xd5\x02-\x1b\xa7D\x96`\xfe\xc3\xe6\xad8wp\x93f\xc1\x03()\xad\xaab\xdd\xf6\xf9\x88\xecv\x10\x8f\xef\x94,\xfdN\x94\xaa\xc8\x9b)8\xc1j\xf1\x88\xce\xd2\xe7\xb2g\xf5\xf4\x10\xa7[\xd6\x0b\xcc\xfd\xe5\xd1\x1d\xd9\x8f\x01\xe5\x95\x0bFc&gt;V\'\xf5\xcc\xfc\xce\xf6\xa7\x9dl\xdc&lt;\xbc\xa8\xd5\x01\xa0x\xf6\xf7\xe1\xe8\xb6%\x9aE\x0e\xe6\xd16\xb6\xec\x87\xbb\x9f\x11\x1d\x85\xea\xa2\xf3a\x95c\xdd\xc9\x9d\xd5\x02\xb6\xaa\xe2\xd21%:\x1f\x9d\xda\xb3\xd6\xa6\xe1k\x1bk\x80\xdb\xa2\xb9\x1d\xffiF\xdfV\xcc\xbc~\xda\xa0\x1c\x0b\xb1\x9c\xe9\x87\xf9P\xfd \xbfQ\xed\xeaY\xbf\x0f\nF\x0b\xde%\xb6H\xce\xdb\x98@\x8f\xa4\xca\xa2Cx\xc8\x1cc\x19\xc3s\x113\x1f~a\x91\xec\x12\xf8\xef\x8b\xcc\xfc\xdc\xcc\xa16\xcf\x17"\xf2\xb7\xb7\xbd\x0fQ\xdd\xd2&gt;w\xbe;a\xdd\xf0\xbd\xbajZH\xb6-\xf3\x12\xfd\xfe\xc5Q\xd9\x81)\xae,\xa9\xb2$@\x84/\x89JQ\x03\x8aY\xf5x_\xd1!\x80\xa6\x06\xb6\x88\x15\x1d\x82\x02v\xaf\x9cji\x85\xff\xfd\xe5\x8c\x8c\x12\xa4}\x93\x82l\xb3\xba\x8d\xef\xdc\xc8\xfa\xa8`=\xb3#\x84hV\xff66\x17\x01\x9b\xe6\x8c\xc8^x\x9f\xc6\xee\xdd\x14U$\xb5\\)d&lt;T\x9c\xe9\xafnL\xf6\x021\x11+G|\xe5\xac\xe8\x10\x94\xd1\xb0|&gt;\xd9]\x10\x83Z\xd6\x90\xce\xdf-\x9d\xf8E\x88\xc6uj\x98X&amp;\xcfc\x19\xf5\x97\x8e\xeda\xd9\xd2\xdfj\xaf\x8aD\xcfL\xee\x97\xbd\x07\xbcC\xbc\xa7\xf7\x02\x82=\xdc?\x8b\xbfB\xe5\xc0C&amp;k\x1f\xb3\x93\xfd\xcdE\xa2\x1a\x83J\x89,.:\x04\xc5\xc4\x14\x94yse\xd9\xb8\x9e\xfc\xeb\xd9\x91m\x13\x12\x02s\x05\x10\x05\x12-\x1c\xd6\x91\x99\'\xf7h\x9e}\xe3\xbcD\xc5\x89\x02\x1e\x1d\x0cc\xed\xe0\x86\xf9J\xbc\x1ac+a\xac\xd6r\xd5\xa4&gt;\x9f\xbf\xb5-\xc7\xcd\xc6ul\xa8v$\x19\xf1\xe5\x99yPKS\xad\xd3\x02\xa0[\xa9Q%\x99\x99\xaf\x9c\x9d\xd4\xadI\x87\x9a\xc1\xad\xab\x96\xde8g\x04\xdf\xbf\xc4\xcc|\xe33\xffG7\x8e\xceG\t\xa5s%\x94\xf6iW#\x88o\x7fe\xf7\x00p\xef\x87\x0f\x85\xbc\x10]\xc9\x88/?g`\xba\xe8(\\&amp;\r\xea\xd2f\xbe\x80\xf3\x8e9\xe9;\xd4-1\\\x93XL+\xcck\xa6J\xd8\xf0d\xc5p\xeft\xf9\xe4^\xe9G\xb7a\xd6\xd0\xda\x01\xd4\xa2\xb2\xbfuk\xde08\xbf\xf5\xc6\xbd\x1aD\x0emU\xb3c\xad\n\x1f\xed[o\xb7\xf5gf\xe6[\xa2^\x8bih\xfd\xf3\x8dH\xee2\xb1KcOVL~m\xed\xac6\xd5\\\xba\xbb~\xdf\x85m\xb6\x1d\xff\xda\x83X\xbcW\xcf\x06\x91]\xeb\x85\xcd\x1d\xd4\xae\xcf\xc0vj\x94\x1f\xa9\xef\xdbj\x91~4uJ\x7fOJ8\xb1s\xa5R\xc1\x18E\xb9J\x15\x89\x88\xae\x9d\xcf\x9f\xbf\xc0\xcd\xeb\xf4\xed7\xbf[\xff5"*\xd2\xfa\xbf\xb7n\xdd*T\xb8\x88\x7f\xb1bqiN\xdeg\xdc{\xf2&gt;g\xf6oP\xa4\x1c\xe6?\x15)\xc7\x9b\x1d{qY\x9bj\x81\xf3\x87\xb4/-w\x98\xe3\x99\xfd\xcf\xd9\xcd\xe3\xc6\xcc\xb2\xca\xd3\x083_:\xb9W\xfe\xee\xd7\xce\x1b\xa9\xdfV!R\xc6\xb7\xdb\xdf\x1c{n\xc6\x90\xf8b\xe4G\xc4\xb7\xbe\xb4\x9c\xcc\x8fj[\xcfz\xe3\x86\xc1\xf9\xda\xc4\x94\x1e\xdd.\xd1\xf1\xe9\xbf\x9c\x9b\x10`\xc3\x93sq\xad\xe5!\xfa\x87\xa8F+\x05\x06P\xf2\xdd\xef\xe6\x0f\xe9\xe9y9\xae\x08&amp;\xd2\xcf\x9aj\xd2\xd7\xf2\x87$\x00\x00\x1e&lt;IDATo\xc6\xc7\xc7G\x91\xd2\xeaw\x1eED{\xcf\xbdBD\xbf\xfe.\xa7\x84\xb7\x0f\x1f)]\xba4]\xfd\xd5\xe6y\xa5"TIl\x11\x9fOn\xcb\xdf}\xc6\x84\x89\xa5\xcb\x94Q.\x1cc\xb8\xf5\xc7\x1f%\x88\n\x85&amp;\xdd\xbf\xbf\xb1@A\xbf\xfb7\xef\x1fyuO\x93\x9e\xe3\xa5\xbf\xfev\xed\x9a\xf5\xc67\xae\xdf\xcd\x95+W\xb9`\xe3\xce\xf9u\xa6,\xd1\xcf.o\xecO\xf4\xbbj\x91\x18\x86\xbf\xa2\xa5]8\xb2U\xd1\xf2\x0c\xe3\xebw_\x12\x1d\x02hM\'\x89\x94\x1f\xfcxJ:m_4\xa2\x934\x0fq\xfd\xb4A\x96s\xf9V\xd1\x8f\xdc\x19\xf4#\x8a\xceKs\x06\xb55\xdf\x15\xc0\'\xafo\xbcs\xf1\x04\x86\xf3\x19\xc9\xec\x81\xe9\xf5\xcb\xe9\xbb[\x1a\xc0\x9e\xe2D\xcc\xfc\xe9\xa1\x17D\x07B\xb7\xbf&gt;&amp;\xb5\xda\xfb\xd6\xccL*\xeb[\x9c(5\xaa\xe4\xb1\x17\x97IOfOlY\x82\xa8C\xcd`\xf3\x1d\x00\x98\x99\xff\xf8bLF\x92\xe8@\xc0e\xcc\xec\xb5\x17\r`\x08\x03\x9a\xc7\xda}^j(k\xea`\x12\xc2\xa0\x96q\x0f\x9b\xed\xbb\xdf-\x18\x9aQ\xbf\x9c_\xb3\xb0"\'\xb3\xf2\xfcL\xe8\xdc\xc8f\xfb\xc0\xac&lt;\xaf\x8e\\&gt;%\xff6\x8c@\x13:7\xca\x88+\x97P\xda\xb0\xe3\xe7\x16\x0e\xef(\x1d{\x8dr\x0f\xde\xf3\xee\xe4\x83\x1b\xe6\x8fhSW\x81PTs\xf9\xe4\xde\x99\xfdZ[?c\xce\xdeSp\x80\xed\xe5\xca/G\xfaJ\x87gi\xbbO\xef]?oH\xfb\xf6q\xe5\x9e\x9f=\x9c\x99\xaf\x9d?\xd4\xa5n%\xeb\xd1\x00\xd1\xf9hT\xdbz\xa3\xdb%2\xdfp\xd0\xfe\xdf\xd8\xbc`\xb4\xe2\x11\x1a"\xcb\xce\xcc~i\xc2\xae\x81\x02\xac\xbeR1\x06Y\xd4\xbe\x98\xe8\x00\x84\xe8PS\xa9\x89\xee\xa0wuK\xfb\xfc\xfa\xc9\x1b\x8e\xfe\x1a\xa2a$v\x8dLO\x90:\xf8\x1f6Z\xd7\xce\xad\x99:`x\xeb:\x1dkUH\x8d*\x91\x14\xe4[\xb7\x94OJd\x89\xe8\xbc\x0f\xf3\xea\x14\'\x1a\xdd\xae\xdeg\x87\xb7\\\xff\xf40\xffv\xden\xf3\xbfq\xce\x88:\n\xa6\xa8\x16d\xde\x90\xf6\xbb\x96Ovk\x97N\xb5C\x8c\xde\t\x06ZH\xaf\xeeu\xe3L@\x9f,\xfdOe\x88N\xbe\xba\xb6Q\x85\x02\xcd\xc2\x8a\xf4j\x189\xbeSr\xa7\xda!\xa5\x88"\xfd\xa8_\xd3\x98\xe4\xe0\xfc!D\x91\xbe\xd4&lt;\xdc\xff\xca\x99\xd7\x9dt\xfel\x985T\xcb%\x8c\xd43$\xb5\xa6\xf3\xc4\xd66\'\xd9\xbeDg\x0fl\xf8\xf7\x973\xd2\xfb\xa0\x83\x8e=0\x8e\xa4\xb2\xbe\xc2W\xee\xd4@\xbcw^\xf1\x19Jq\xa2V\xd1%o~\xfe6\xf3\xbf\x0b\x87wl\x1dS\xbac\xad\n\xedj\x04\xa5D\x95\x18\xdd&gt;\xf1\xe2\xf1]NZ\x7f\xe6{\t\x81\x86\xed@wS\x97\xba\x95,\x8fK\x1113N\xec\xa8kB\xe8\x9a)\xfd\x99\xaf\xbe\xba\xea\t\xd1\xb1\x10\xff\xf1E\xa3\n\x05DG\xe1\x92`"=\xdc\x0cT\x1b\xae\x8b\r!\xd4j"\xd8\xbf\xbf|\xbc\x7f\xdd\xacu\xd3\x06\xfd\xfc\xd1~\xa7M?3\xf3\xb0\xb4\xda\xa2c\xd7N\xd3\xd0\xff\xee\xb4\xa2\xcf\xe7\xa1\xa4\xb2\xbeK\xc6t\xd3\xc3\xdb\xf1\xc6ss\xdd\n\xa3R\xce\x9b\xa8(\xbe\x18u\xf7\xbe\xdcG\xe9\xd5\x02\xbb\xd5\x0b\x1b\xdb\xa1\x81\xe8@\x94\xf7\xca\x8a)U\xc5\x9d{\xb8^\xb5\xdd\xb5\xb1\x82\x88F\xb5M\xc8\xb1\xb9\xb7\xb6\xfd\xc9\xf1\xb5\xcd\xb6\xee\xb8\xab\xf2\xe2\x00`C\'\xef\x053/\x1a\xd1It\x14\xe0\x0c\xdf\xfc\xdc\xee\xb7e\xdb\xa2\xb1|\xed\xbc\xf6\xf1\x18\x1a\xf3_+\'f&amp;W\xc8\xefa{4\xb5W\xcb\xcd\xf3G\xbbu\x00P\xb6\xe7\xa7za\x83-\xe4\xc2\xcc#\xd3u=\x16\x11\x1c\x9a7\xb8\xbd[\xdb\x0fI\x8d\xe7\x9b\x9f\xab\x14\x8c\xb7-)\xe7\xe8\xac\x91\x99\xdb\xd7@ZO;^\x7fn.\xf3-\x7f\xc7\x1b\xa4U)\xe5\xe1\x01\x80\xaf\x7f\xc6\xcc\xd7\xce\xbf\xb9\xfa\xf1\xbe\xa7\xf6\xac\xbb\x7f\xe9$\xf3=\'\xad\xff\x9c\x81\xe9\xbaN\x0f\xe2\xb5\xf2\xe7\xbc\x89ID\xf9\x113o\x9akg-:G\xde\xdf\xb5jHj\xbc\x8c\xbaz5\x88Ti\x98\x83\x0fQt^u\x8a6\x94\xaf\xdeyqf\xff\xfffN\xa0q\x91,\x1e\xd9yZf\x8a\x06\xbd\rR\x15\x9f\xbe\xb9\xb9,Qt^\xaaS\x8a\x9aT*\xb4e\xc1\x18G\x07\x80\xcc\xe4hU\xe3\x01\xc8\x193\xcf\x1a\xd0Ft\x142]&lt;\xf1\x8a\xe8\x10\xf4\xa2\x12\x113o\x9e?\xda\xf2\xcc\xedo\x8e\x89\x0bGG.\x1c\xd9\xea\xaf~-e\xb3\x0e\x006I@\x89\xa8\x14\xd1\x88\xf4\xba|\xe7\xdb\x9f?\xda\xbfu\xe1c\xcc\xbf0\xf3\'\xaf?\xaf~P\x00\x9a\xc8C\xa4\xf8p\xccpo\x19\x17\xa7\x98\xad\x0b\x1fc\xe6\xab\xe7\x0e\x11Q\xd3\xd0"\xd6+\x92\x83\xda\x1a\x06?\\X\xd8\xc0\x19\x11@\xe7\xb6/\x1e\':\x04;Jf\x9d\xfb(\xdb\xc3\xd3\xbba\x94\xa2\xe5i\xca\x8f\xe8\xf8\xcb+&lt;)\xa1\x9c\xfb\xbbH\x9fB\xbf\xa6\xd5\x88\xa8r\x1e\x1a\xd8\xa2\x86\'\x01\x80[\xd2\xaa&gt;r\x0b\xc1k\xc7\xf6d7&amp;#I\x83\xfe71\x9e\x1c\xd5Et\x08\xba\xc07/&lt;\xf8\xf1\x94\x82\x05\xa6U\t\xd0\xf37\xc6\x87\xe8\xca\x99\xd7\xf9\xc1\xa5\xea\x8e\xb3Gm\xf3\xe0h-\xef\x1c\xd2X#@\xccgt\xbb\xc4\xe4\n\xdes\x03\xd1U\xff\xfctZ:\x00\xfcx\xfa5\xcb\x93\xf6\xd6L\x02\x85\xe8\xb9\xe9tQ\x83ry7\xceq\xe3\xd6\xb4\xc6\x86\xb7\xae\xcd\xcc\xa7\xf6\xacu2Gw\xdf\x9a\x99\x1aF\x04\xa0S\xbf}\xfa\xa6t\x00\xb8w\xe9\xa4\xe5\xc9\xaa8P\xaa\xc7\x04\x07\x00E\x14uy\xcb\x97\x97N:\xb8a~\xeb\x18W\x17\x1a\x91\x16\xf6s\xbe\xcd\xa4\xaeM\\\xae\x1f\xcc\xc3\x18s\xe85\xf4\xd5;/\xda\x0c\x7f\n\x15\x1d\x12\x98\xdc\xc5\xe3\xbb\xdc\xda&gt;\x0fQ\xbb\x1aA\xae/.\x16HT\xc4\xfd\xa8\x00\xbcS&gt;zd\x15\x84\'z\xb7\x14\x1d\x11\xe8\xc6\xd7\xef\xbe\xa4\xf8,\xae\xfd\xebf\xbb\xbbK\t"f\xf6\x86\xd4r\xde\xe3\x89\xcc\x14\xcd&amp;\x08\xb6\x8c\xf4\x82\xa4T\x1ex{\xebS_\xbd\xf3\xe2\x87\xbb\x9fy\xef\xc5\xe5\xdd\xea\x85\x89\x0e\x07\x14\xd25\xc1\xd3\xeb9\xb1#\x04\xc2\xb2\xa6K\xe5F\xd7\x99\xfa"}\x1f\xde&gt;\xd1\xe0\xadn\x17\x1b\xa4\xd9*\xb5\xcc\xffcf\xa3\xa4PTU^"\xccDw\xa6\x86\xe9\xfa\x0e\xday\x96{\xe0\xf4\xdeu\xd9\x9f\x0c\x12\xd1\x1ccQS\r\xdc\xfc\xfcmf\x9e;\xb8\x9d\xdd\xbfv\xacUA\xc1\xba|\x15,\xcb\xa9\xc9=\x9a]\xfd\xe4\xa0V\xb5\x81\x91\xf5oV]t\x08\xca\xb0L\xd4R#\xf9L\x98\x0f\xce\xc7\xcd\xa9\x92\xb7\xaeg\x07@D\xd42\xa2\xd8\xe4\x1e\xcdM\xb0\xf8O\x98\x9a\xb9f\x06\xa7\xc4\xe1\x00\x00\x00\xee\xd2\xfb&lt;\xec"E\x8b.\xddr\xe8\xba:\x85k\xb9l\xfa7j\xb6\xcf\xf9\xf3\x17\xa8U\x02\xd9\xcc\xcc\xa6\xa4r\xcb\xf9\xa2\xa3\xd99\xbc?^\xc7L\x1fy\xabh\xd5\xa7\xd2\xfb\xab]\x01\xc8\x854\n\x1e\n\xc1\x88\x06oc\xa6l\x1bfz-\x8axu\xd5\xb4\xa6\xa1\xea\x0e\x1e`\xe6\xe1\xad\xeb\xa8Z\x85f&gt;xe\xb5\x8c\xbd"|iR\xb7\xa6\x8a\x07\xa3\xac\xf7w\xad\xe2\x07\x97r\xdc,\xb1L\x1e\xa3\xfc\x82\x02\x89\x9e\x1c\xd5Ut\x14Z\x99\xdc\xa3Y\xf6l\xb1\xaek\x14\xe2p\x9c\x99\x99N\xff\xbd\xe4\x00\xe0\xef\xdaf\x01D\xcc\x9cTV\xdd!-_\x1e\xdd!p-Fe\xc9\x1b\x90/}\xeb\xb6?i\'\x83\xd3\xb0\xb4Z\xb5\xac\xee\xdaE\xe5}d\xad\x05\xcd\xf2\xff\x143\xddO\xe3\xf9\xd9\xc3M\xf6\x8a\x9cY\xfdx?\xd9\xaf\xb6~\xb9\xbcn\xedk\xe8\xf7\xd4\x04w\xc8\x95e\xe8O\xd3\x10\xea\x97\xf3\x93~_\x9e\xcfkQ\xcf\xd1mKD5\x97\xe5\x88\x98\xb9\xa6\xa2s\xdd\xd2\xaa\x04\xdc\xb9x\xe2\xb7\xf3o\x8e\xedh\xc2\xd5\xad\xed\xb0\xcc\x84vk\xaf\x02\x8f\xce\xa2v\xbd.\xf7\x03\x04\xf0^\xcc&lt;\xa5Gs\xd1Q\xe4\x80\x99\'u\x13\x90c\xea\xc4\xceUR\xfb\xe3n\x07F\xd7\x84PG\x0b\x8co\x985\xacU\x95\x00%\xa23\x08\xe9\x1d\xec\\\xc7\xedt\x03\xcc\xec\xeeE\xa6\xa3l\xf2\xb9=\xebO\xc8-o75\xad\x98\x90)\xb0vd`\x06op\xff\xd2I\xa9\xf9*\xeb\xf2.3\xfb\xa5YN[\xff\xfc\xf6\xbd\xd4l\xc3:R\xa3\x1e&gt;c\xe0^ \xb7\xd6"\x7f,\xa3\xfe\xb7\xef\xedT-\x16\x97H\xefu\xfb8\x19\xcb\x8d\xd0s3\x86\xe8\xf0s:\xb6c\x99\xeb\x1bG\xfaQ\xdf&amp;1\xea\x05\x03F\x97X&amp;\x8fi\xee\x85(%\xc4\xfd\xde\x8bY\xfd\xdbp66\xdb\xf0\xbd\xef\xf7\xaf\x9be9N(\x1c\xb4\xeb\xa6e\xa6\xca\xdewD\x9b\xba6\xcf\xe8\xa1\x89,\xe8\xf8O\xfc\xcb\x19f\x9e3\xb0\xad\x8cb\r|\xa0\xce22=\xe1)\xef\x19r\xa0\x1co\x18\x97)}\xbd\x95\xcdE\xa1C2\xfa\\\x0eoZ\xe4\xee\x01\xe0\xc3\xddkr&gt;\x0003\xdf\xad(\xb6a\x89\xf4\xd3E\x93\xad \xfe\xf5\x93\xc42y\x1c\xfd\xf5\xd8\x8b\xcb\x99\xd9\xad\x0b\x97\xffJ\xb6\xfa\x9cF\xa6\'\xc8\xbb\x8c\x003\xf9\xe6\xd8\xcb\xaa\xfe|\x82\xd5+\xfaQ\xcc\xff0\xf3\x9a\xa9\x03\xb4\xaa\xd0`\xa4\xdf\xbe[K\\\xb8v\x00\xe0ai\xb5\x99\xf9\x9f\x9fN+\x1a\xaf\xcb\xe2\xfci\xcb\x821b\xeavA\xf3\xf0\x87\x8b\x9a\xbc\xb6v\x96\x8b\xbb\xac\x99\xd2\xdf\xc9_\x8b\x10=\x96Q_^0\xd2\x07&amp;\xad\x81\xc5\xcc\xcc7\xe4\x95\x03\xe60\xba}\xa2\xaa\xe7n)\x91\xc5\x99o\xaaT\xb8\r5^H\x9f\xc6Uw.{\xbc\x8e7\xdd\xe6\xb4\xeb\xd4\x9e\xb5W\xcf\x1d\xca~\xef\xd3rP\xb9r\xf6\r-S\x18\xd8\x06\x11\xa1Y\xce@7U+D\x1dj\x067\xaeXHz\xa7z\xd4\xaf,6\x1e)\x8c\xa6\xa1E*\x12}\xfc\xda\xb3\xd7?;"6\x1e\x10+\xa9\xac\xaf\xaa\rt\x8d\xa2\xb4\x7f\x9d\xab\xe7=\x9e\x98;\xa8-3\xab\xd1\xf3o\x82^S\x95\xec\\\xfa\xb8\xf87\xa7\xbc&gt;\xba\xec\x9d\xe8\x91T\xb9rnzu\xd54f\xb6\x9b6YK\xd6\x1fX\xbd2:\x1c\x10\x04\xa6\xb2\xf7\x99\x19\x13\xbb6vqcO:\x8b\x98y\xfd\xf4\xc1\x1e\x14\xe0P^5\n5\xbeRY\x8d\x89\'\xb3b=UH\x7f\xc7\xe7\xc1)\xf1\xd6\xdf\xf8\x9e\xf5#\xac\xc3\xe3\x9b\x17\xd4\xa8t\xfe\x90\x8c\x11\xe9\xb6\xb7\xb2\xedZ&gt;\xa1\xf7\x80\xe6\xb1\xd2\xe3\xde\xc9\xd1j\x04\x03`\xe1\xfa\x10[\xa9A\xc1)\x89\'\xaa\x16\xa0I\xdd\x9a\xec\\\xfa\xb8\xf4\xdf\xee\x89\xe1*Ud\x99\xcf\xdc\xa5n%\x95\xaapI\xa3\x90\x82z;\x00H#\xa2,\xffm\x16V\x84\x99\x1bW,X\xa3\xe8\xc3\xb7l\xc9\x98n\x1eV\x91\x11o\xdb\xdb\xc6\xcc\xf7.}\xe8a\xb1 \x96\xec\xb6ol\x87\x06\xdb\x17\x8fs\xfdD[\x9f\xf4\xf6C6\xa8\x94\xc8\xe2\xbbWN\xcdq\xb3\xb9\x83\xdb1s\xc3`\x99\xabm\x8ei\x9f\xc4\xcc|C\x95\xd3Y\xf7\xe8\xff{\xe3\xfc6\xba\x13E\x1d&lt;\xafY\xde\x12\xd03\xe9, \x1f\xd1\xfd\xcb\xa7\xf4\xff+\xc8\x91\t^\x82N\xe4\xb8\x88\xa6_\xd6\xbb}\xe1\xc8V\xd9\xb5\xac}b\xa0\x93\xbf\xde\xfe\xe6\x98F\x9ff\xfb\x1aA#\xd3\x13&lt;)\x81\xef\xff\xa0j\xe2\x1ai\x8c\x94\x8c\x03@\t\xa2\xba\xa55\xcd\xa7\x7f\xeb\xabw\xe5M/\x00Q\xa4\xc1\xc2K\xc7\xf6\xf0\xf0W \xdc\xd6\x85\x8f1\xb3\xbf\xe80\xbc\x81\xa5-\xba\xf9\xc5\xdb\xaaV\xa1R\xe1\x0f+\x08%\xaa[J\x99\xa2\xf8\xcfo\x14(\x88\x88\x99\xfb7\xabf\xbf\nY\xef\x88\xc6\x13\x1a\x99\x99\xff\xfcZ\xd3*u\xa6,\xd1\xfc\xa1\x19n\xed\xb2jR\x9f)=\xc5\xe4\x9f\xa9\x9d5\xb9\xabK\xddJ\xba=}\x1e\xdc2\xce\xd0W\xac5M\x97\xd7\x90o~n\xd3-\xa1\xf8\xd9</t>
        </is>
      </c>
      <c r="E114" t="inlineStr">
        <is>
          <t>&lt;class 'numpy.ndarray'&gt;</t>
        </is>
      </c>
    </row>
    <row r="115">
      <c r="A115" s="1" t="n">
        <v>113</v>
      </c>
      <c r="B115" t="inlineStr">
        <is>
          <t>steps_per_sec</t>
        </is>
      </c>
      <c r="C115" t="n">
        <v>1700</v>
      </c>
      <c r="D115" t="inlineStr">
        <is>
          <t>3.3508148</t>
        </is>
      </c>
      <c r="E115" t="inlineStr">
        <is>
          <t>&lt;class 'numpy.ndarray'&gt;</t>
        </is>
      </c>
    </row>
    <row r="116">
      <c r="A116" s="1" t="n">
        <v>114</v>
      </c>
      <c r="B116" t="inlineStr">
        <is>
          <t>Loss/object_center</t>
        </is>
      </c>
      <c r="C116" t="n">
        <v>1700</v>
      </c>
      <c r="D116" t="inlineStr">
        <is>
          <t>0.554852</t>
        </is>
      </c>
      <c r="E116" t="inlineStr">
        <is>
          <t>&lt;class 'numpy.ndarray'&gt;</t>
        </is>
      </c>
    </row>
    <row r="117">
      <c r="A117" s="1" t="n">
        <v>115</v>
      </c>
      <c r="B117" t="inlineStr">
        <is>
          <t>Loss/box/scale</t>
        </is>
      </c>
      <c r="C117" t="n">
        <v>1700</v>
      </c>
      <c r="D117" t="inlineStr">
        <is>
          <t>0.10630262</t>
        </is>
      </c>
      <c r="E117" t="inlineStr">
        <is>
          <t>&lt;class 'numpy.ndarray'&gt;</t>
        </is>
      </c>
    </row>
    <row r="118">
      <c r="A118" s="1" t="n">
        <v>116</v>
      </c>
      <c r="B118" t="inlineStr">
        <is>
          <t>Loss/box/offset</t>
        </is>
      </c>
      <c r="C118" t="n">
        <v>1700</v>
      </c>
      <c r="D118" t="inlineStr">
        <is>
          <t>0.19267958</t>
        </is>
      </c>
      <c r="E118" t="inlineStr">
        <is>
          <t>&lt;class 'numpy.ndarray'&gt;</t>
        </is>
      </c>
    </row>
    <row r="119">
      <c r="A119" s="1" t="n">
        <v>117</v>
      </c>
      <c r="B119" t="inlineStr">
        <is>
          <t>Loss/total_loss</t>
        </is>
      </c>
      <c r="C119" t="n">
        <v>1700</v>
      </c>
      <c r="D119" t="inlineStr">
        <is>
          <t>0.8538342</t>
        </is>
      </c>
      <c r="E119" t="inlineStr">
        <is>
          <t>&lt;class 'numpy.ndarray'&gt;</t>
        </is>
      </c>
    </row>
    <row r="120">
      <c r="A120" s="1" t="n">
        <v>118</v>
      </c>
      <c r="B120" t="inlineStr">
        <is>
          <t>learning_rate</t>
        </is>
      </c>
      <c r="C120" t="n">
        <v>1700</v>
      </c>
      <c r="D120" t="inlineStr">
        <is>
          <t>0.001</t>
        </is>
      </c>
      <c r="E120" t="inlineStr">
        <is>
          <t>&lt;class 'numpy.ndarray'&gt;</t>
        </is>
      </c>
    </row>
    <row r="121">
      <c r="A121" s="1" t="n">
        <v>119</v>
      </c>
      <c r="B121" t="inlineStr">
        <is>
          <t>train_input_images</t>
        </is>
      </c>
      <c r="C121" t="n">
        <v>1700</v>
      </c>
      <c r="D121" t="inlineStr">
        <is>
          <t>[b'512' b'512'
 b'\x89PNG\r\n\x1a\n\x00\x00\x00\rIHDR\x00\x00\x02\x00\x00\x00\x02\x00\x08\x02\x00\x00\x00{\x1aC\xad\x00\x00 \x00IDATx\x9c\xec}e@\x15\xdb\xf7\xf6Cw\xa7tw\xa7\x84Hw\x87(\xa0\xd2\xa0\xa0b\xa0\x88(\x0666\x16vcwwww\xb7^\xdb\xeb\xf5\xda\xde\xfd~\x98s\x869s\x82c\xfc\xfe\xef\x17\x9f\x0f\xf7\xe2\x9c\x99={j\xef\xb5\xd7z\xd6\xb3\x80?\xf8\x83?\xf8\x83?\xf8\x83?\xf8\x83?\xf8\x83?\xf8\x83?\xf8\x83?\xf8\x83?\xf8\x83?\xf8\x83?\xf8\x83?\xf8\x83?\xf8\x83?\xf8\x83?\xf8\x83?\xf8\x83?\xf8\x83?\xf8\x83?\xf8\x83?\xf8\x83?\xf8\x83?\xf8\x83?\xf8\x83?\xf8\x83?\xf8\x83?\xf8\x83?\xf8\x83?\xf8\x83?\xf8\x83?\xf8\x83?\xf8\x83?\xf8\x83?\xf8\x83?\xf8\x83?\xf8\x83?\xf8\xff\nsA\x1bu\x80xG\xdd\x11\xa5)\xeb\xa6\x0e\x94\x13\xb4C\xaa\xbb!\x11\x84O\xf7\x8e=\xbf\xb0\xc3]\x8d\xbd\xbf\x0c\xe0(\x0f\t\xe1\xdd(O\xf0!\xe4\xdf\xa3\xab\xa7\x927W\xc8\xcbKM\xf5\x95\x84\x10\xf2\xed\xa1\xb3\x92\xa8\xce\xdbH\x81&lt;;\'\xb0\'4Jc&lt;U\x00e\xa0\x15\xb0zR5\xf9\xef\xf1\xe6\xc6\xa1\x89\xce\xfa\xa2o\xcb\x8f\xc2^\x16:@\xcf\xd4\xc0\xcd\x8d\xc3\xda\x1a\xcb\xd3\xdb\xe3\x1cu\x0e\xaf\x9c"\xa0[_\x1ft\x0ev\x084\x94I\xf34\xde9\x7f\xf4\xaaI\xd5\xbb\x16\x8c\xd9\xb5`\xf4\xc1\xe5\x93\xcfn\x99k#-\xd6Iu\x809C\xba\xd6\xf7h\xbfo\xe9\xf8\x92h\x8f\xe2(\xb7g\xe7\xb7\xf1\x9fj\xd1\xc8\nuA\x87{iB\x87\xfb\xf7\x80\x8eQ\x84&lt;\xb9\xb6w\xd9\xf2\xf1}k\xf3\xe2\\U0c@!\xb3\x91u\r\x03\xf3C\x9dt\x01\x00r@\xe3\xc0\xe2\xea\x9c\x08\x11}3\x00\xbe&lt;&lt;A\x08yyq\xa7X\x17#\x04\n@\xb8\xa5\xea\xfee\x13\x98\x9d9\xbev\xfa\xcb\x8b;\x8f\xaf\x9d&gt;oX\xf9\xed\xc3\xab\xe8\xedw\x8f\xac\xd9\xb5pL\x80A\xf3\xed\xb3\x92\x00!\x9f\xc8\x87\xdb\xd9\x81\xd6\xbd\xd2\xda\xdc&lt;\xb0\x82zaNo\x9a\xed\xa3#\xe2\xb4\xe2\xc2M\x15\xeejP\x04X\xef\xa9\x93"\x08!\xe4\x9f\x1b9\x816o\xaf\xed\xa3\xba\xb7w\xf1\xb8\xc9\x95\x9d\xbe=&gt;\xc5z:\xd9\x01\xd6\xed|\xcc\xe8c5\x00\xfa\x90\x96\xf0\xcf\xd8\xee\x99\xad\xf8z%\x07\xb8\xa9"7\xd8\x81\x90\x17\x84\x90-\xb3\x86\xed\x987\xea\xc6\xfe\xe5k\x1bj\xe8#\xdb\xb7\xb6\xf8\r\xd7\xcf@\xa0\xa1L\x94\x8d\xba\x11@^_&amp;\x84\xbc\xbbq\xa0\x8d\x91\xac&lt;\x90\xe1eZ\x10\xee\x0c@\x0b`\xf4\xfc\xe9\xc7{G\x8f\xae\x9eJ\xfe:G\xc8\xf7k{\x97\x05\x9b*P\xed\x08\xfb\xe4\x15\x18\x7f\xf7\xc9hK\xde\xdf\xcc\x0bub\xed\xe3\xac\x84\xbf\xaf\xef\xa7&gt;\xb0\xaa\xac\xf0\xbe\xedCM~\xefE\n\x87%\xe3o\x03\xa0\x8d\x91,\xe3b?\xd1\x7f\xed]2\xee\'\x1a\x1f\xd9%\xb523\x98\x7f{\x1b#Y\xf2\xfd\x11\xdd\xf8\xcf\xf4\x9b\xfcu\x8eo\xb8\x06\x00\t\xc0I\x11\x1d\xdb\xd8\n&lt;\xcaO_R\xe0\xfb\xf8\xf6\xda\xbe\xf9u\xe5\xc6?\xd2\x01I\xa0$\xca\x9d\xbc\xbcD\xb5p`\xd9Df\x83\x13{\xe7\xc8\x032\xc2\x0f\x9f\xd4\xa7\xa3\xe8O\xa4\x83\xbf\x15\xb5\xa7\x14\xd0=\xd9\xafqPI\xb0\x89\x82\xf0\xf6~\x06\xd2\x80\x02 \th\x01\x1e\xea\xecy\xce]\r\xdb\xe7\x8e\x10\xd0\xb3\x0fw^_\xd9C\xc8\x7f\xac\xcd\xefn\x1c\x10\xff\xd3\x94\x02\x02\rev\xcc\x1b\xd53-\xb0G\x8a\xff\x80\x8eQo\xae\xee\xe1\xb6\xf4\x86\xfa_\x82\xb3^\x8b\xed\xf4k\x1f\xfa\xef\x9d\xc3\x17\xb6/h\x1cXL\xbf\xca\x1d\xdb\xd8\x8e)\xcf(\x89v_4\xb2\x82\x90\xaf\xe4\xc3\xed.\xb1^\xc6\x80\x8f\x0e\xca\xe2}f\xd5\x96\x16E\xba\xf9h\x0bn0\'\xd0\x86:{\xd78o\xd1\xa7\xb6\x12a\x17pa\x0c|}x\x92\xf9\xa2\x11\xf2|m\xc3\xc0I\x95\x9d\x8e\xacj`\xde\xbdk{\x96\x1a\xf0\x1e{p\xf9$B\xc8\xf9m\xf3Y3\xf1\x8b\x8b;Z&gt;\xb1p$8\xeb\xed\x987\x8a\xfa\xb6/\xeeX\xe8\xaa\xc2\xf3\xeb\xc8.i\xdc\xf3|\xa3\xcf8\xb9\xb2\xd3\xb2\xb1}X\x8f{\xef\xe2q\xfd:\x84Z\xf2\xde\x84\x04\']Q\xef4\x07\x7f\xb51\x94\x15\xd6\xbdv&gt;f\xc7\xd7N\'/.P\xbb\x0e\xce\x8f\xf3\xd6\x86*P\x1a\xe3Q\x91\x12\x90\xecf\x10a\xa5\x96\x1f\xe6\xfc+w\x80\x85`S\x85\xac\x00k\x17e\x90\xe7\xe7\xc9\xdbk\x05\xe1\xce\xfc\x9d\x13l\x0cq\x9e\xc7\x856FB/G\x04\xd2\xbd\x9a\x07\xf90\x0be\xf2\xf6\x1a!\x84\x90\xd7\xbe\xdc\t\xdeR\x02\x9b\x1b\x87\xd6\xf7h/%\xbc\x11w5(\x01\xbe\xba\xb0\xe7\xed\xc2\xa8\xb2\xf4\xcem\xed\xa3m5Z\xec\xc6\xb0\xa2\xc4\xe1\xa5)\x00T\x00\xffVR\xd1\xb6\x1a_x\xdeX\x0e\xd66\xd4\xfc\xc45z\xa8\x0b\xb6\xd47L\x1f\xccl\xfc\'Z\x06\xf9\xfa \xd4\\\xa4\x99-\x082\x00k\xa4&amp;\xe4\xc3\x99\xcds\x12\x9d\xf5\xc53^\x9b\xa1\x07\xbc\xbe\xb2\x9bne\xc3\xf4Zf\xa3\x03;G\xcb\x00"\xcc\xf5\x0c/\x13\xf2\xcf\r\xc1\xaf\xd4\xd7\x87\xe4\xe5%\xe6\xc3\xf3\xd5A\xff\xec\xf0t/\x93\x1f\x9a\xa2ZD\x8c\xbd\x96\x01\xdfFY\xc0\x08\xd0\x06T\x806F\xb2\xff\xdc&lt;(\xf4\xd5\xe7CQ\xa4\xdb\x0fu@\x01\xe8\x91\xec?\xa4 \x01\x80\x12P\x9d\x131\xb1w\xc7\xa5czS\xadi\xb6t\xb8\x1apxe\x03!\xef\xdf\\\xdd[\x9b\x17\xc7\xbf\xc3\x9c!]\xe9\xbeuO\xf6S\x07\xa6\xf4\xed\xcc\xdd\xf0&lt;\xc6^\x8b\xff\x90\x91]\xd3\x08!\xe4\xdb#\xd1\xa7\x96\x04\x1c\x04\xad1-x-&gt;\x00\xeej \xe4)u\xca\x9b\x07V&lt;&lt;\xb1\xe1\xca\xee%\x87WN!\xe43!\x84\x90wt\x0fS\xdc\r\x99\x07\xce\x1dZ&amp;\xec&gt;\xab\x8b\xee\x1c\x17r\x80\x19\xa0\x04\xd8\xc9\xc2\x0cHv3(\x8atc5\xc5\xfa\x84\x06\xe7\xc7\xf1\x9f\xae8\xca\xbd{\xb2\x1fk\xe3\xdf\xd7\xf7o\x99UG\xdb\xbf\x14\xdcT\xc1\x7f8\x03\xaf\xc9\xf3\xf3\xa1\xe6J\x92\x00\x80\x18;\xcd\x92(w3\xde\x0e\xe4\x868\x10B\x98\xe6E]q2\xd3\x902\x07\x06\xe7\xc7\x8bw\x03Z\x80*\xe3o\x0fu\x10\xf2\x9d\x9076Rh\xdf\xdab\\E\x87@\x03\x19s \xcaF\xa3\xbeG\xfb\xa2H7\xf2\xf6*\xd5\x9f\x11]R\ty\xcf\xbc\xaa\xd2\x18\xcf\x9f8\xfb\xd6\xd9u\xadu9\xf3g\xa4\xb5:y}\x85jM\x97\xbbC\xe7`\x07B\xde\xbe\xbf}H\x99\xf7\xc0`S\x05u\x00@\xb7\xc4\xd6\xe4\xcb}\xba\x1b\xd4\n\x98:&lt;\xc8X.\xd6^+\xa0U\xcb\xa3\x9a\xbf\xbeT\x82\x93\x9e\xb3\x12\x1a\x07\x16\x1f]=U\xe0c{v~\xfb\xcfy\x1e\xa4\x01uA\xdb\xe3\x1du\xa7U\x17\xd0\xb7\xf1g\x9a\xd6\x13i_\x03P\x03\x04\x1ay\x9a\x80\x97&amp;"\xad\xd5\xd2\xbdL\x12\x9c\xf5~e=\xb9hd\x05!\xcf\x08\xf9o\xeb\xec\xe1\xc3KS\x98\xb7\xacs\xb0\x83\xe8c\xeddp\xb0i\x92\x90\xef\xe4\xe3\xac\xdaR\x1b\xee\xbc/\x05\xb4\xd6\x95X8\xa2\xfb\xc9\xf53\xb7\xcd\x19.p\xdd\xf3s\xb0\x93A\xa2\x0b\xfb\xc9\x06\x19\xcb\xf5i\xd7v\xe5\xc4\xfe\x1bg\x0c\xe9\x1a\xe7\xf5\xe1\xeeQ\x91\x9f4\x0f\xf6/\x9d\x00@\x0fX2\xa6\xd7\x8d\xfd\xcb\xc5\xf1UH\x03\x1e\xea\x9c\xbf5\x01I\xc0Z\x12a\x16\xca\xed\xbcM\x05:\xf1\x98\xd0\x02\xe8\x91\xa2,\xde\x87\xf5\xab\x1e\xf0\xf8\xf4&amp;\xbao\xe3{fi\x01\xdb\xe6p\xd74\x9f\xeem\x995\xccA^@\x9b\xd59\x11\xaa\xec\xcdB\xd13\xad\xcd\xa2\x91\x15\xdd\x93\xfc&amp;Wv\xd2\x01\x8c\x00{\xbe~{ir|#\x9b\x1b\x87\x12\xf2\x85\x90\xaft\xaf\xae\xed]F\xff\xdd\xbe\xb5\x05\xd3`3\x04\x08y)\xe86\x7f\xa6\x8d\x03\x1d\xa0\xc5URn\x88\xc3\x85m\xf3WN\xa8\xba\xbag\xe9\xf5}M\xcc\x862\xf9\xdc)\xe5\t\xbe\xac\x93\xed[:^\x15h\xad\'\xf1\xea\xf2n\xd6O\xe4\xd3\xdd\x81\x9dcX-\x8c\xed\x9eI\xff~r\xfdL\xee\x9f\xdfFvI;\xb1n\x06!\xafs\x02m\xd48\xf3"\x07\x13ze\xd3c\x9c\x87:\x1e\x9c\xd8\xc0{\x9a\xbf~\xc6\xc0\x16\t#A\x1b\x1d\xe5\x11i\xad\xa6\x01\x1cZ1\x99\x10\xf2\xf5\xd1\xa9\x11\xa5)\x949\xd2\xce\xc7L\x0epR\x84\x87:\xf4\x81\xaa\x0ea\x84\x90\xd7W\xf6$:\xeb\xe53\xfc9f@\x96\xbf\x95,\xf0\xa3\xa3\x8a\x1e\xb0jR\x7f\xeaj\xbb%\xb66\x00\x14\x01E \xceA\x87\xf5|\xad%\xf1\xe5\xe1\xc9\t\xbd\xb2s\x02m\x9e_\xd8\xc1z \xbd\xd2\xdb\xe4\x04\xda\xf8\xea\n&gt;\x8b@xj`\xc1\xf0n\xc5Q\xee\xe4\xf3}B\xde\xf2\xbdl\xef\xf9\xbf,\n\xca\x80\x93b\xf3?\x83\x8c\xe4\x86\x16%\xb2\x16\xd6\xcb\xc7\xf5\xed\xe0g\t!\xe8\xe0gy\xff\xd8:\xf2\xe6\xea\x0ft\x97\x86\x00\xe3\x8d\x17=\xd3\x02\xfbg\x87\x0b\x1b.\xd5\x81\t\xbd\xb2\x97\x8e\xedm+z\x1a\x11\tY\xa0K\xac\xd7\xab\xcb\xbbOo\x9a\xdd\xb9\xad\xfd\xbe\xa5\xe3\xe9\xdb\xb6q\xc6\x10e\x91\xc7zka\xc3\xb4Z\xf2\xfe\x96\x80\x0f\x9c\x90\x89\xbds\xa8\xd1\xd3J\x02A\xc6r\x01\x06\xd2\xb5\xf9q\x9bf\x0e]3y\x80\xc0%\xd5\xefE\x86\xb7)\xfd\xf8\ty%\xb0\x87\x02\xd1;#\x08@@+i\xf2\xf1\x0e!$\xcdC\xc0\x8a\xc5Q\x01\x89.\xfa.B\xee\x8e"\xe0\xa7/\xd9T_I\xc8\xab\x91]\xd3\x86\x14\xc4\x07\x1a\xca\xb6\x02\xd2&lt;\x8d\xa7\xf6\xcf\xdf\xb9`4s\xe1\x0c`Ly;B\xde\xec^4\x96\xfe\xe4\xe4\x00% 7\xc4\xb18\xca\xfd#c\xf6\xea\x91\xec\xa7\x014\xf4\xcb\xa5\xfe\xb9hd\xc5\x83\x13\x1b&amp;\xf4\xca\xfe\x95\x1b%\xc3\xf5\x0e7\xf4\xcb-\x89r/K\xf0\x19\xd95-\xd2Z\x8d\x7f\xea\xd2\x02*R\x03\xfe:\xc7\nu4\x8f\xef\x1f\xef\x1eM\xf72\t5\xe7\xb9/\xd3\xfa\xe7s\x9f\x02\x0f\x16\x8f\xeai\x04\xe4\x87:\xdd&lt;\xb0\xe2\xe6\x81\x15=S\x03\x98\xbex\x00\xf2\x0c\xf3v\xf1\xa8\x9e\x84\x90\xbbG\xd6\xac\x9cX5\xa1W\xf6\x8a\xf1\xfd(\'[\x90\xb1\x80\x19\xd6W\x97\xc7\x84?\xb3iN\x88\x99"u\xa5\xcc\xd7\x9b\x8b\xa7%\xd1\x1e\xfc\x8d\x8c\xe8\x92\xca\xdd\xe1\x15\xf9\xf6\x90\x10r}_S\xbc\x93.u\xbd\xf3\x86\x95+\x02y!\x8e\x8cv\x9e\xf5\xc9hK\xcf\xc5\x1e\xea`^\xf2\xaaI\xfd\x99\x03\ruu~z\x92\xe2=\xa2\x1fC\x90\xb1\\\x96\xbf\xd5\x82\xe1\xdd)\xc3b\xef\x92q\t\xcez\xf3\xeb\xba\xad\x9a\xd4?\'\xd0F\xd8Q&amp;\x80\x1a`\xc4]q\xc69\x08q/\x8a\x04\xfd\xd1}\xb8s\x84\x10\xb2zR\xb5\xa2\xa0\xdd\x9c\x14A\xc8\x9b\xa7g\xb6\xcc\xa8)"\x84\xf0\x0e\xd9\x9f\x93\\\xf4\xf7,\xaa\'_\x1f\xf0[!\xc2`\x01\x8c\xed\x9e\x19` \x9d\xe0\xac\x97\xeee\xf2\xef\xed\xc3\xcc\x07&lt;\xa24U\xc4"B\x0b\x90\x05$\x80\xb6&amp;\xf2\x9cw\xfb\xdb\xc30\xee;l\x00\xecY4V\xc4\xf2(\xdaVcJ\xdf\xceC\n~j=7s`\xb1\x08[\xd8\x1ch\x1cT\x12a%\xd4\x92S\x00\xc6Wd]\xdb\xb34\xde\xe9G\xa6K^(\x03\x89\xcez\xb3\x06\x95\x9c\\\xdf\xb8`x7B\x9eq\xef\xdb\xbb\xedsG\x04\x1aHS\xb3\xb7@\x17^\xa2\x8b\xfe\xcbK\xbb\xee\x1f[\xc7\xf7QQ_\xc4\xf9t/\x13\x13 \xd2Z\xadK\xacW\xa4\xb5zn\x88\xc3\x95\xddK\x08y\xda35\xf0\xa7;,&amp;Z\x01\xf7\xe8\x8e\t\xf3S\xd1xs\xe5\xc4\xba\x19\xe7\xb6\xcc\x1d]\x9eA9m\xf4\x81q\x15\x1d6L\x1f\x9c\x1d`m\x01P_\xaa\x06 \x07\x04\x1a\xc8\xf4\xce\x08*\x8er\xb7\x00\x04\xbeX\xa6\xc0\xb9-s\x99\xcd_\xd86\x7f\xc6\x80B\xf2\xdfc\xfa|\xcc\x91\xcbF\x1a\xed|\xcc\xe8\x01\xa2\xa6S\xd4\xd8\xee\x99\x13ze\x937W\x0e\xaf\xe4q\xb2\x0f\xca\x8d1\x05B\xcc\x14\xff:\xb7\x8d\xfcs3\xa0\x95ti\x8cG\x94M\xcbNR\xd1\xf8\xf6\xf84!\xe4\xde\xd1\xb5\xa3\xba\xa6S\'\xca\n\xb0\x16\xb8\xa7\x9e\x80\x18i\xb3\xa3\xe3\xc8\xaa\x067U\x98\xf1\x1d\xd5\xc1\xcf\xb2:\'b\xc6\x80B\xf2\xfef\xf3q_\x1e,\x1e\xd5\x93\xe3(\xff\xe7\xc6\xa3\x93\x1b\t\xf9\x96\x1d`-\x07h\x00\xd9\x01\xd6\xd3\x07\x14F\xd9jH\x01F\xc0\xedC\xab\x08!\x8fOof\xfa\xebYC\x14}\xde\xde\x19A\xcc\xfe\xadk\x18H\xad\x11%\x01\x869O\x08!\x7f\x9d\xddz~\xeb&lt;GAa\xa9\x08+Uz\xb7\xd2\x18\xcf\x9ei\x81\xd1\xb6\x1a\xed|\xcc\x08yM\x08\xe9\x96\xd8Z\x1a\x88\xb1\xd3"\xe4\x03w\xafW[f\r\xa3?gcF\xd0\xf5`\xd3$j,sU\x06\xed\x1c7\x06\xa6\x0f(\xfc!\x9f\xad\t\x90\xe0\xa4+\xc2\x83\xea\xad\x85\xb2x\x1fj&lt;\xbd\xb1\x7f9!\xdf&gt;\xdd?\xbec\xde\xc8,\x7f+B&gt;R\x9d\xe1\x1f\xd9%\x81\xcav\xc1\x9bg\rk\xaa\xaf\xdc\xb7d\xfc\x93\xd3\x9b\ty\'b\xd8\x11\x8d\xbbG\xd72\xefp\xb6\x90\x17\xc9M\x15\x89.\xfa\x11\xd6j_\x1e\x9cX9\xb1?\xbd\x0eX&gt;\xbe\x1f\x80dW\x83\xff\x9e\x9e\x158\xbb\x03P\x07\xf2C\x9d\xd2&lt;\x8d\x17\x8d\xac\xa8H\t\xa0\xb7K\x00\xaa\x80\x1a\xd0ZW\xe2\xd1\xc9\x8d\x84\x10B&gt;m\x9a9t\xf1\xa8\x9e\x02\xdb\xb1\x04\xc7\xd7\xa4\x0c\x18\x01a\x16\xca\'\xd77R\xdd\x88\xb6\xe3\xf1\xdd\n{Lz\x00\xe5\xff&lt;\xb9\xbeQ\xf4m\x11\x0cBHa\x84\x8b\xb0_\xdd\xd5pjCcA8g\x07\xa6/B\x05\xf0\xd4\x80\xaf\x0e|u\x11` -"\xc0\xd2"FvI\xbb}h\xd5\xa1\x15\x93\x99\x96\xdd\xe1\x15S\xd2&lt;\x8d\x13\x9d\xf5\xf6,\xaa\x1fS\xdeN\x981\x10b\xaaH^^\xbc\xc7\xfb\xc89xCy\x03\xff\x8d\xb4V\x1b\x9c\x1f\xbfb|\xbf\xbfo\xec\'\xe4o\xceH\xb1\xb2AD\x97\xac\xa5P\x18\xee\x92\xf0\x0b\xb3\x1a\x85\xdc`\x87E#+\xfe\xb9y\xf0\xf8\xba\x19I.\xfa\xeb\xa6\x0e\x14\xd0OB\xc8\x9b+\xc3KS\x82\x8c\xe5\x98\x0b2o-\xbc\xbbq\x80\x10r\xef\xd8\xba{\xc7\xd6\xcd\xaf\xebV\x95\x15\x16b\xa6\x14\xd0J:\xd4L\xa9&lt;\xc17\xd9\xb5\x95\x1a\x04s\xab\xbc4\xc1\xf4\x90\x10B\xc8\xd7\x07\xe4\xdf[\x84\x10\xf2\xdf\xe3S\x1b\x1a\xdf\xdd8pp\xf9$O\r\x000\x06Jc&lt;\x93\xdd\x0c\x0c\x01[i$\xbb\x1ap\x0ea8Fil\x9f7\xb2$\xca\xbd\x15\x10n\xa5\xfa\xd3\x9f(?\xa2m5\xa8\xf6\xd7L\x19@\xfd!\xd0\xbd@\xc1A\x1eg6\xcf\xf9\xfb\xc6~N\x9f8q?B\x08ik"/\xcc\xa0\xa1&gt;\xa1\x92h\x0f\xc6\x88I^]\xde}\xfb\xd0\xaa\xd1e\x19\x8d\x83J\xb6\xcc\x1a\xb6ll\x1f;Y\x80\xe2\x99\x10B\xc8W/M\x00P\x06\x92\xdd\x0cf\xd4\x14\xf1\x07\xcc$\x81\x00\x03\xe9\xb2x\x9f\xbbG\xd7\x9e\xdb2\xb7_\x87\xd0\xe9\xd5\x05\xcc;v~\xdb\xfc\xbcP\xc7(\x1bu\x00\x1a\xc0_g\xb72\x7f\xbdsxuS}\xa5\xc0\x85\x1c3\x12p`\xd9\xc4\xd2\x18\xcf\xee\xc9~\xd4R`\xf6\xe0.\xd4\x17\xa7\r,\x18\xde\x9d\x10B\x19\xfb\xb7\x0f\xad\xa2\x0f\x97\x00\xd6N\xe1\xd0~\xe8\xe7T\xd3)z\xe5\xc4\xfe\xf4&gt;\xfc\x11x\x19@\xd8\r4g\xcc(\xe5\t\xbe\xac\x07T\x14\xe9v\xff\xd8:\xf2\xe6\xca\xf1\xb53&amp;\xf6\xce\xb9\xbck\xf1\xc0\xdc\x98\xda\xbc\xb8\xa9Uy\xfb\x97M(\x8b\xf7\xa1\x8f\xbd\xbck1\xab\xe5\x85#z\x10B\x08y\xb9~\xda \xcar\xff\xf6\xf8\x94\xdd\xcfz\xac\xba\'\xf1\x04Z\xde^\xdb\xc7\xbcJ\x7f})/\xbe\xb0\x986\xd0\xb7}\x08\xb5\xbf\xe8PD\xa8\x99\xd2\xa4&gt;\x9d\xc8\x87\xdb\x84\x10j\xd8\xf9\xfe\xf84s\x07\xd6\xa2A\x15\x10\xff:\xb4\x81\xc2\x08\x17\xaa\x1b\xed|\xccZ\xf4\xaa\xb4\xd6\xc5\xce\xf9\xa3\xb9\x17\xfa\xb7\xd8\xe7a\x80\x10\xd273D\xc4\x0e\xba\xdc\x0b\xb0\x95A\x82\xb3\x9e\x87:\'&amp;\xd68\xb0\x98\x90\x7fo\x1d\\Y\x9b\x17\x97\xe9\xfb\xf3\x0e\x15\x1b)|}\xd4\x1c._=\xa9\xbaS\x90\x9d\x19\x97Wg%\x81msG\\\xdd\xb3T\x18\xdb\xc4Z\n\x9f\xef\x1f\xe7\xf3\t\xf0`j\xff|\xf2\xd7Y\xe6\x96g\xe7\xb7GZ\xb3\xdfs\x1d`vm\xe9\xc4\xde9%\xd1\xee\x1bg\x0c\xf9\xf2\xe0\x04\xbfg\xf6\'\xe0\xa1\x8eDg\xbd\xd6z\x12\x1a@}\x8f\xf6\xcd\x9d\xf8x\xe7\xea\x9e\xa5\'74nn\x1c:\xa5og\xffV&lt;s(\xd3\xcd\xc2\xc6\xabK#\xba\xa4\xfa\xebKQ_u^\xa8\x93\xc0O\xa5wF\xd0C\x8e\rB\x08y{\x80\x13)\xf9zv\xcb\xdc\xba\xe2$\xca\x1c;\xb5\xa1\x11\x80\xaf\x0e\xca\xe2\xbd\x1d\xe4`#\x85\x81\x9dc\xc8\xabK"n\xe6\xa8\xb2\xf4n\x89\xad\x01\x98\x08Y\x93\xb5\x88\xa2H\xd7\xd5\x93\xab\x07v\x8ea\xf1\x17G\x97g\xbc\xb8\xb8#\xc5\xcd\xb0}k\x8bpK\x15\xc1\x073&gt;\'E\x80"\xd5\xf4\xc9h;\xa9O\xc7\xd1\xe5\x19\xf1N\xba\xa2=\x1a\x1a\\O\x0e\x8d\xbdK\xc6=8\xbe&gt;7\xd8\xc1^\x16\xf1\x8e:\xae\xcap\x90G\xdf\xcc\x10z\x07\x96S\x88\x85\x0co\xd3Y\x83J\x18\xed\xbd?\xb3i\x0e\xb3\xfd\xcb\xbb\x16\xb3\x82\xd2Ww/e\xee\xb0\x7f\xd9\x84y\xc3\xca\x85\xb5\xcf\xba\xf9t$\xa9=\xd7#\xac\xcf\xb8\xa2\x8fw\x8f\xf6N\x0fb=\x14o-\x1e\x0e\x85\x8b2D\x7f\xadv\xb2p\xe4\x8b\xe8P\xc8\x0fubv\xe6\xde\xd1\xb5E\x91\xae\xd4Oi\x9e\xc6\xf4\xf6\x8b;\x162\xe7\x06O\r\\\xda\xb9hpA&lt;!\xcf\xe9}XOw\xfb\xdc\x91\xd4\xf6n\x89\xad\xa9\x19\x8e\x10\xb2rb\xff\xe5\xe3\xfaz\xf2\xae-\xc5t\xc94\xc7\xa8\x08\xd9\xb7t&lt;\xf3\xa7\xf3[\xe7\x93\xbf\xce\xb2\xf6\x0f\xb7P\xc9\x0fs&gt;\xd04\xb1:\x9b\x87\xdc\x1cm\xab\xa1\xce\xf8\xe7L\x8e\xbf\x88\xc6\x13\xea\x7f\xcb\xc7\xf5\xa5\x9e\xb2\t\x90\x1b\xec`\xcd\xf7adx\x9b\x8a?H\x96\xc6x\xae\x9fV\x1ba\xa5*\x8c\x1f\xa7\x08\xc4\xd8i\xad\x9e\\\xcdX\xd0\x93\xeb{\x97\x89\xd9&gt;\x0f\xee\x1d[W\x14\xe9*\x8e#P\x03pR\x801`\x02\xc4\xd8i\x92\xe7\x1c\x86\xd9\xd9\xcds6\xcd\x1c\x1an\xa9\xfas\x93@\xa0\xa1\x0c\xc5\x90yqq\xc7\xd6\xd9\xc3\xed\xf9\xc62G\x05\x8c\xe9\xd6N\x981\xee\xac(,\xc4\xd7\x8cs[\xe7\xd1\x7f\xbf\xb9\xba\x97\xbc\xb9Z\xd3)\x8au\nG\x05$\xb9\xe8s\xf7\xe2\xac\x12&amp;\xf5\xe9\xa8\xc1\xf5\xbd\xfc4B\xcd\x95\x16\x8d\xec\xe1\xad\x05\x00\x99\xbe\xe6\xcd\xdf\xc9\xf6\x85C\x0b\x13\xdb\xf9\x98\xf1\x1b\\\xd2@EJ\x00!\xff\x08\xbb\xa2=\x8b\xeb\xbb\xc4z\xc5;\xea\xe8\x02a\x16\xca\xb6\xc2\x97\xf1\xb62\xa0}\xa0]b=\xa7\xf4\xcbM\xf50\xa2\xd38VN\xa8\x02 \x07x\xa8\xa38\xca=\xd5\xc3hPn\xcc\xeb+{\xf8N\xf8\xf2\xfd\xadCg7\xcf\xe9\x12\xebI?\x06=!\x8b\x8f\x16\xb1gq=\xb5:y}eO\xa0\x01\x8f\x95\x13c\xa7I\r\r"Z\xd6dp\xae%\x816F\xb2\xd4\xd5\x8b\x8e\x15Q0\xe13\xc0G\x97g4\xd5W&amp;\xb9\xb6\n1S\xda0}\xf0\xa1\x15\x93\xe7\x0c\xee\xb2k\xe1\x18z\x87{G\xd7\xf6H\xf1\x17\xd8Z\xc7 ;fS\'\xd6\xcd\xa0\xfdW\x1c|\xba\x1bm\xaba\xc8{\x14=\xaf?;\xbfmxiJv\x80\xf5\xf2\xf1\xfd\xd4\x85tx\xc7\xbcQ\x82\x9e\xff3z\xee\\8\xa2;!\xdf\x19?\xbd\x1b\xd1%U\x8c;!\n\xc2X\xd2j\x00!\xff\xb2\xfb\xf2\xfa\xb2\xb3\x12\x8b\xb6\xf4\x0f\xd3\xa3\xe5\xaa\x82/\x0fNL\xeb\x9f\x7ft\xf54\xce\xef\xdf\x1f\xb1\xfc\xf2v\xb2\xf8\xfa\xe8d\xd3\xb8J/M\xbe9\xef\xce\x91\xeeI~\xb4Ym\x06\x84\x98)\xe6\xf3e\x00\x80\xd7?\x01\xa0\xae8\xe9\xf3\x83\x13\x0b\x86wg\xed\xd6\n\xe8\x12\xeb%\xe6\xad\xc8\xf45\xcf\x0bq\xa4\xfeV\x07v/\x1a+\xe8qPx\xde=\xc9oTY\xfa\xac\xda\xd2\x86~\xb9,\xdfQ\xd78\xef\xb9C\xcb\xc4\'\x1f\xea\x02a\x16*\x86\x82~\x1aZ\x98@\xa5w\xf0\xe2\xdf\xb1\xdd2\xc5n\x9e\x01B\xc8\xb15\xd3\x92\\[\x99\x0bw3i\x03Z\x80\x19\x90\xe8\xa2\x9f\xeei\xdc\xce\xc7l\x1b\x83\xd8~i\xe7\xa2\xd1\xe5\x19\xe5\t\xbe#\xbb\xa4\xfe\x1c\xbd2\xceA\xbb\x7fV\xb8\x19\xa0\x02\xf0Gl\x14\x81\xa2H\xd7ec\xfb\xd0O\x82\t9\xe0\xd3\xbdcB\x1f\xca\xa7\xbb\xcc\x7f\xbd\xba\xbc+\xc4LI\x8bwL/\x8d\xf1$\xe4\x15\xf9\xfb\xda\xe5]\x8b\x9bo\xe7\xed\xc3\x1f\xef\x1d\xfd\xf7\xf6\xe1Y\xb5\xa5\x0f\x8e\xaf\x1f\xd89&amp;\xdd\xcb\x84Z8\xba(\xa3*+,\xd6^KL\xe7\xa9\x1c\x90\x1f\xe6D\xa7\x1d\xf9\xebK\x9dX7\x83\xbc\xbc\xd85\xce[\xd8\xed\xb2\x92`\x7f\x06w\x0e\xaf\xbesx5=%\\\xdc\xbepTYz;\x1f\xb3\x0e~\x96\xe1\x96*mM\xe4\x7f\xc8\x93\xab\x00\xcc\x1bV&gt;\xb9\xb2S\x98\x85Jk]\tS`ty\xc6\xd9\xcds\x08!3j\x8ab\xec4\xb7\xcc\x1aF\xbe?\xa6|\x8b\xa51\x9e6R\x10\xe6k\x12\r~\xfe\x92!pi\xe7\xa2\xfb\xc7\xd6]\xda\xb1\x90\xba\x96\xa1E\x89\xac}h\xfbI\x11`~\x03\x1e\xea\xd82\xab\xee\xca\xee%S\xab\xf2X3\x07\x0b\xc2\xe6ls\x80A\xe0y\xbb\xb6a`^\xa8Sk=\x89\t\xbd\xb2\x9f\x9c\xd9\xf2\xf8\xf4\xa6\xc6A%\x89.\xfa\x99\xbe\xe6\x94\xf3\x8dz\xbd\x93\\\xf9s\xad\xe0\xa7/\xc9Z\xa2\xc5\xdak\xb1\\\xff\xd7\xf6.\x13x\xd3FtI]2\xba\x17\xf5\xb7\x19\xb0~Z\xad\x99\x90\x0eS\x1e\x9e\xbf\xaf\xef\xbf\xbag\xe9\xb4\xfe\xf9\xd4X?{p\x17\xea\xd7\x147\xc1\xf9\x98UYa\xbf\x1a\x93\x11\xde\x1f\xf2\xe2"\xebt\x94\x93\xbdc\x1b[\xce\xbf\xbf&gt;`\xf9X^\\\xdcyz\xe3,:\xa6\xddT_)\xcc\x90\xd7\x11L\xd9z\xb9w\xf1\xb8\x04\'\xddHk\xf5\x0co\xd3\xfe\xd9\xe1[\xe7\x0c\xf7\xe6\xa3\xaf0\x130\x7f\x17\xda\xb7\xb6 \xe4\xefI\x95\x9d\xa88m\x1b#\xb9=\x8b\xc6\xd2\x9c\xe31\xe5\xedVN\xac\xa2{y~\xeb|\xf2\xf9\xde\xe5]\x8bs\x02m\xc2,\xc41HD!7\xd8\x81\x9f\xf7\x13d,\xcf\xba5W\xf7,\xadH\r\xc8\rq\xb8\x7fl\xdd\xcf\x9c\x86\x10B\xc8\xb7\xa3\xab\xa7\xf6\xce\x08\xda9\x7fti\x8c\'5\x04+\x01\xc6\x80\xb3\x12\xba\xc4z\xdd;\xba\xf6\xee\x915tj\xe8\xb7\xc7\xa7\x18qZ\xf2\xe6\xea\x9e\xda\xbc\xd8a\xc5I]b\xbdB\xcd~8\xa5\x80\x02\xfd5\xf3\x1f\x9f\xeanH\xdfq\x81\xa9"6R\xd82\xab\x8e\xb2M\x9e_\xd81\xbf\xae\x9b\xc0\xaf\x82\x10\xb2hd\x05k\xed\xa9\x0c\x01\xb9\xc4\xff\xdc:xi\xc7"\xdem\x9f\xfe\xbe\xbe\x7f\xe9\x98\xdeY\xfeV\x13{\xe7P\x9b\xfau\x08uS\x85\x1c\xa0)h\xde\xfa\x15\xb4\xf31cui\xe5\x84*\xf2\xea2=E\xcd\x1aT\xa2\xcc\xbd]*\x8cP\xa4\xa6\x10\xce\xae@H\x00\xd1\xb6\x9a\x83rcL\x805\x93\x07P,\xfbw7\x0e\xe8Q\xe4\xc2Ow\t!{\x97\x8c\xf3\xd3\x97\xfc\x89\xd1$\xd4\\ire\'\xf2\xe16\xcb\xa3\x9a\xecf\xc0\xba\xb4\xdd\x0b\xc7\nk\x84\x1a\xc7\xe9+\xe2&amp;y\x12B\xc8?7\x0f\xce\xaa-m\x91\xc3\xc6\x82\x0e\xd0&lt;\xcd\xbf\xbe\xf2\xcf\xad\x83\x0b\x86w\xe7:\xa0\t!d\xcd\x94\x9aL_\xf3q=:\xd0[\x06t\x8cd5b\t8\xc8\xa3c\x1b\xdb\x85#z\\\xd8\xbe\x80\xbb\xe3WM \xcaF\x9dyi,\xe7\x830\xecY\\\xdf\xa9\xad}\x8b\xbb\xa9\x03\x97w-\xa6\xb2=(\x14\x849\x0b|\xcf\xcfm\x99\xc7\xf2(\n\x84\xb2p\x9bO\x18\xe4\x01\x8a\xdfRW\x9cL\xb1\xdd_^\xdaE\x7f\xb3S\xab\xf2\xa8\x0e\xd4\xf7h\xcf&lt;\x8ar\xeb\x8f\xec\x9aF\x9e\x9e\xa5v\x18\xd95\x8d&gt;\xb5\x8d4\xfc\xf5\x9b{{p\xf9d\xf6\xf5|\xb9\xff\xec\xfc\xb6\xf6\xad-\xfagG$\xba\xe8\x8f(M=\xbcr\xca\xba\xa9\x03c\x05%\xa0\x08\x83\x16\xe0(\x8f\x92(w\xf1\x87fU\x86\x0b\xae\xbeG{}@\x16\xf0\xd7\x97\x1aV\x9cD\xc8\xbf\xdf\x1e\x9d\n4\x94\x19V\x94H\xedp\xe7\xf0\xea\x01\x1d\xa3\x9e\x9d\xdf\xde=\xd9O\x04\xa58\xd3\xd7\\]\xd0v*=b\xe5\xc4*\xca\x1f \r\x01D\x86\xc2p\x97uS\x07\xb1\xee\r%j0\xac(\x89\xfcd"\x18\x07\x1f\xe94\xf1\xc3+\xa7t\n\xb2\x1bW\xd1\xe1\xe4\xfaF\xf2\xf7u\xfaL"\x98\xec\x97w-\x1eU\x96\xde\'\xa3m\x86\xb7\xa9\xf8\xa7V\x01\xf4\x81V\x80&gt;`\xcc}\x17\xf9\xb3\x96j:E\xd1\'\x1a^\x92"\xac5\x0b\xa0_\x87\xd0v&gt;f\xf6r`F\x9c\x98xuy7\xcb\xdfb-% \xe3\xe6\xc9\xe9\xcd\x9b\x1b\x87\x9d\\?\x93\xcf\x1b\xfe\xed\xd4\x86\xc6\x1d\xf3FR\x83\xe3\xc5\x1d\x0b\x17\x0c\xef\xde-\xb1\xf5\xa6\x99C\x9f\x9c\xd9\x12k\xaf\xa5\xc2\x9b\x14\xf3\xd3\xc8\xe7\xfb\xb0\xcb\xe2\xbd\xd7L\xa9\x19\xd95mDi\xca\x8c\x9a"\x81w\xd9\x04\xb8}h\xd5\x89u3\xc4\x8f\x9e\x99p\x87\xd7`S\x85u\r\x03G\x97e\xd095\xdd\x93\xfc\x16\x8f\xea\x99\xe8\xac\xf7\xa3c\x04\x803\x9bf\xd3=o\x1cX\xcc\xfc)\xb1\xd9\xcf\xc6\x81h\';\x8dU\x13\xfb\xb3\x9f\xd3\xbb\x1b\x02\xa3\xd0"\x96\xa1\xea\xc0\xcbK\xbb\xa8\xa3w\xcc\x1b\xf5\xd7\xb9mt\xae,\x85\xb1\xdd2\x07\xe5\xc62\xd7\x82\xb4\x07_\x9d\xebe\x1a^\x92rx\xe5\x94L_\xf3\x8a\xd4\x00:!\xee\xe6\x81\x15\xaa\\b;\x8d\xdb\x87W\x8b3\x1f?;\xbf\xbdqPI\x8b\xbb\xe9\x03\xac\x94\xd4\xcem\xed\xf9\xdf^\xeaE]=\xa9ZX;f\xc0\xdc!]\x0f4M\xa4\xe2\xc6?\xaa\t\xb1vJ\xcd\xa2\x91\x15\xb4\t\xcf\xfc\xa0\xac%\xc1q\x8b\xbf\xbb\xceTtXV\xdf\x87\x10R\x1c\xe5~~\xdb|\xba\x8bU\x1d\xc2\xa8_\xb5y\xd7yRT\x9a!7\x12@^\\\\&gt;\xae\xef\xda\x86\x9a\xc2\x08\xd7 #9\x17eD\xda\xa8o\x9a9\x94\x90w\xd7\xf75\xb55\xf9\x01\xab_\x1fX1\xbe_\x8fd\xc1\x0e=~\x84\x98)6\xdf\xd1\x7fn\xd80\xa6T=\xee\x87Ce\\\x1f[3\xcdZ\nr\x80\x9f\x9e\xa8ur[\x13yB\x08y{\x8d\x95\xf7\x97\xcb\xe0\xf2\nc\'\xea\xd0c\xf5\x87\xdb\x8c\x07\xfd7\xf5 \xba\xc4z\x92_\x9b\x00\xd8)\xb8\x82\xf0Y\xd8\x0fo\xae\xee\x1d\x9c\x1f\xbfi\xe6P\xf1s\x0b\x15\x81X{\xed\xc6\x81\xc5\x7f\xdf\xd8O\x9e\x9f\x7f}eOn\x88#\x00\xfe\xe7\xe9\xaa\x82\x8b\\w\xc1\xcbK\xbb\xda\x18\x89\x8a\x03\xa9p\'\x12\x1b)dx\x99\xae\x99&lt;\x80\xd9\xcf\x97\x97v\xb1&amp;\x18]\xe0\xf3\xfd\xe3\xac\xcb\xd9\xbfl\xc2\x84^\xd9\xfb\x96\xf0\xf3\xb5\t!\xe4\xf2\xae\xc5g6\xcf!\xe4\xcd\xd3\xb3[\xa8\xf8\x07\'C\xf5\xc5\x85!\x05\t\xdd\x12[\x8b\xe3\x07S\x02D\xa4\x17\xd2\x8b\x0c\x0e&gt;\xde\r\xb7T\xb1\x91\x82@\x9f \xb8\xce\x19W\x15\x90\x8fw\x08\xf97\xc1Y\x8f\x99^+fl\xa6,\xde\xc7Uh\xe4\xf5\xc7@\xd1`67\x0e\x9d\\\xd9\x99\xb9=\xc6^\xcb__\xaa&lt;\xc1\xf7\xec\xe6\xb9//\xedZ:\xa6\xb70\x8a\x1e\x0bv\xb2\xecy\xfa\xfa\xbe\xa6\xa2\x08W\x1bi\x01\x81h\xd1B\x1f\xfb\x96\x8c?\xb7u\xde\x92\xd1\xbd\x92\xdd\x0c\xf6.\x1e\xc7lsjU\x9e6\x10b\xa6\xd88\xb0\x98"2\x1e[3\x8d\xba\x91\xf2@uN\xe4\x90\xc2\x04*\xa0\xea\xa7/i%\x01g%\xf4L\r\xe4\x1c\xfc\xe9\xae\x110\xa1W\x0e\xab\x9f\xeb\x1a\x06\xb6\xb8~\x1a\xd89:\xcc\xa2\x85[o+\x8d\xf3\xdb\xe6\x1fl\x9a\xc4\xbc\xdeX\x07mvZ\xd9\xf3\xf3/.\xee$\x84\x90\x7fo{\n:\xb1"_`\x99\x90\'%\xd1\x1e"8W?\x84\x08+UJ\x0b\xa8{\x92\x1f\xbd1\xc6N\xeb\xfb\x933\xe1\x96*\xfd:\x84\xd2g\xbd\xb4c!\x00i\xc0^\x0ez\x803c\x11\xdd\xc1\xcf\x92\xd9\xbf\xb5\r\x03?\xdc9\xb2az\xed\x9c\xc1]\xbe&gt;:Y\x18\xe1R\x16\xefC\xc8\xc7]\x0bF\x8b#\xd2\xc0\x84\x9f\xbe\xa4\xf8\x9c\x9c@\x03\x19f7\xba\xc4\xfeL\xa22\x0b=\xd3\x02\xa9\xf4\x91\x995E4\x05\xcbQ\x1e\xefo\x1d"\x84\x10\xf2_\xaa\x90G\xe1\xcf\xaf\xbe\xf3\xea2=\x91\x04\x1a\xca\x90\xd7\x97\x7f\xa6CtkM\xe3*O\xac\x9b\xc1\xf7r\x88\x85w7\x0ed\xf9[\xe5\x858\xb2\xd2\x8b\x84A\x0f\xc8\x0bu*\x8at\xbdy`\x05\xa3\x99\x7f\x04\x0eU!f\x8a\x9f\xee7{\xf9\xc7\xf7\xcc\x12\xf3\xd2\xa2m5\xb6\xce\xaec\xf6sJ\xbf\\\xfe\xdd\xba%\xb5\xa6es(|}tr\xdf\x92\xf1t\x88\x9f\x85\x86\xaa\xbc\x89\xbds\xc8\xdf\xd7\x8e\xacj\xe8\x9f\x1d1\xb40\x81\xc7k\xf9\xe2BUV\x988\xddS\xe7\xfe\xc1?\xa1qt\x14\x08\xa1;6\xad\x7f\x810/\x93\xbd\x1c(\xdb\xc4F\x1a\x0bG\xf4\xf8p\xe7\x08\xcd7P\x10\x9b\x82\xa6\n\x94%\xf8d\xf9[E\xd9\xa8\xf3\xa7\xf5\xfe\x04b\xec4\xf9\x9ff\xac\x83\xb68,\x0e}\x80J\x9b\xa2\xb1x4\x83\xba\xf3\xed\xe1\x99M\xb3\x97\x8d\xed\xb3}\xee\x88\xe7\xe7\xb7\x93\xe7\xe7\xf9\t]"\x90\xe8\xa2?\xb1w\x8e\x1c\xa0\r$8\xe9\x9eX7\x83\x0e\xa2\xd2\x8b\x15S \xa0\x95t\xa4\xb5:\xd3Y`/\xc7\x13\x05\xc9\xf45_6\xb6\x0f\xcd\x94=\xb5\xa1\xd1Z\x12E\x11\xae\xac\xb7e\xd5\xa4\xfe\xfc\xa4C&amp;\xe4\x01qV\xcd\xd2\x804\x973\xce\x84\x97\x16\x02\x0c\xa4\xb3\xfc\xad\x8a"]#\xad\xd5j\xf3b\xaf\xefk"\xefo]\xdb\xbbL\xe0\x04\xc0+R\xd6\x8c!\x85\tq\x0e\xbf$\x8f\xb7~\xda\xa0\x14wC\x19`\xc5\xf8~\x84\xbc\xc8\rv\xe0\x8f\xd2\xb0\xee\x8f\x93"\xde\\\xddK\xff\x93\xe62\x8c\xed\x96\xc9\xdcm\xc5\x84\xaaDg\xbd\xcem\xed)\xe5\xa5#+\x1bB\xcd\x95\xff:\xb7u\xd9\xd8&gt;\xb3\x07w\x19]\x9e\xf1+\xdd\x16\x01\x0fu\x9e\xc9\xb2o{QlI\xf1\xe1\xa2\x8c\xcb;\x17\x11B\xc8\x97\xfbk\xa7\xd4\xd0\xd1A+\t\x88p\xdci\x00\x8fOof\xbdZ\xf4\xaf6\xd2\xb8\xbe\xaf\xe9gzC7wdU\x83\x97&amp;R=\x8c\xc8\xf3\xf3\xcc\xd3\xec[2~\xdb\x9c\xe1\xcb\xc7\xf7\xfdp\xf7\x08\xab\x074\x96\x8f\xef\x1bf\xa1\x1ci\xad&amp;0\x9f\x85\x85Dg\xfd\x07\xc7\xd7\xffuv\xeb\x81e\x13y\x08\x0co\xaf\xb2f\x0fI\xc0\x0cX2\xba\x17\xf3\\s\x86te5\xa8$\xc8\xe8\xd3\x07\xa8\xd9\xe5\xc8\xaa\x86\xa9T"\xe8\xcb\x8bvB\x02\x879\x816\xff\xdcj\xd6\xea\xb9\xbe\xafi~]7\xe6\xab\xc9\xc4\xce\x05\xa3i\x0b\xfd\xd1\xa9M\xb4\xe4\x0e\x03\x7f\xe7\x879\x8b\x18EY\x03\x82\xab\n\xdbqd\tT\xb6\x0b\x1e\xdb=\xf3\xf8Z\xce\x94|u\xcfRaC\xa7$\xe0\xad\x05\'E\xb45\x91\xaf+N\xde&gt;w\xc4\xa0\xdc\xd8`S\x05\xa6#\x92y\xac\x06o\xea9}F1]1\x06|\xec\xcf #9\xe6\xb1)\xee\x86\xc2\x92\xd6\x1d\x15\xd81\x1e\x1d \xd3\xd7&lt;\xd9\x8d\xa3\xa5d+\x8d!\x05\tTZ\xdf\x8c\x01\x85\x8a\xdc\xf8\n\xbd\x04\x14\x88\xd3\x1bgS\x87\xab\x02\xb1\xf6Z\xfa-\xf1S\x0b\xc2]\xa8U\x9a)0\x83\x97\xd8\xc7\xca\xbe\x11\x06O\r\xb6\x1d\xfd\xcf\xcd\x83.J\x94\xd7\x98\xcd\xd0\xb8wt\xad\x88\x84\x92\xea\x9c\x88\x1fr\x9c\x8a\x86\x95$r\x02m\xba\xc4z\tK\x11\xcf\rq|\xc8\x96\x88 \x84\xbc}rf\x0b!d\xc3\xb4Zav\x06S\xed\xaa5\x9f\xa3C\x0e\xf8\xeb\xec\xd6\xba\x92dE`\xeb\x9c\xe1\x84\x90\x9aNQ\xfc\xaeH=\x80\xbc\xe3x\x95\xe7\r+ok\xa2\xc0\xccU\xce\xe1JO\xca\x014\xc9\x90\x10BY\x12j\x8c\xc1\x8a\xfa4\xee\x1eY\xb3\xb9q\xe8\x88\xd2\x14\xd6\xb8\xa1%D\xa3\x82\x06\xcb\xbc\x10\xba\x9b)\xc3\x05D\xc8\xc7{G\xf7,\xae\x1fU\x96\xde"=\xbfE\xba\x84\x06`\x0e\x04\x1a\xca\xc4\xdak\x89\xf5\xc2\x01\xe0pm\xdf\xd0\xfdar\x99B\xcc\x94\xc8\xeb+b\xb7\xc4\x00!\xff\xbc\xba\xbc\xbb_\xfbP\xda\xd7\x19d,\xb7m\xcep\xea\x1c\xcb\xc6\xf6\xa1r\xd5$\x00K \xc0@\xb7\x9d\xc3e\x00\x00 \x00IDATz\xcf\xa2z\xf6\xcb\xf3\xdf\xe3v&gt;f~\xfa\x92A\xc6r\x99\xbe\xe6a\x16\xca\xa2?\xbfM3\x87\x10B\x08\xf9D&gt;\xdfc6s|\xdd\x0c\xd62\xd8\x02H\xf50\xaa\xcd\x8b%\x84\x10\xf2\xec\xe3=*\x08\xf1\x819~9*`\xf9\xf8\xbe\x1b\xa6\xd7\x86[\xf2\x8c\xa2\xda\x00\xc5\xe6\xdc\xb3\xb8\x9e\xcao\x12\xad5\xe8\xa6\nN\x80\xe5\xc5\x85\x82p\xe7X{-:\xa2\xc5\xff\xb50\x92l\xff:\xb6f\x1a\x95\xc5\xca\xc4\xb5\xbd\xcb\xc4\xf9\xa6\x9d\x14\x11\xe7\xa8#p\x11+\x05\xb8\xaaP\xc6\x14!\x84&lt;=\xb3E\x98\x95\x9b\xe1m\xfa\xe4\xf4\xe6G\'7.\xab\xef\xf3\xfa\xca\x9e#\xab\x1a\xca\xe2\xbdi\x16\x9a\x0e\x90\xeee\xb2xt\xcf\xbbG\xd7Pt\xba]\x0b\xc6|\xbcw\x8c\x9fn+&amp;&lt;50\xb2Kj\xdf\xcc\x10\x13\xa0k\x9c\xf7\xb0\xe2\xa4\xb9C\xcb\x96\x8e\xe9M\xbd=\xd9\x01\xd6M\xf5\x95\xd3\x07\x14v\x89\xf5rW\x03+\xe0\x96\xeeeB\xb3w\xac%1\xb8 \xfe\x087\xcd8\xc6N\xd3N\x16g\x19\xd9\xcb\xaf\xaf\xeeic$[\x9b\x17\xab\x05\x14\x84\xbb\x9c\\\xdf(,\xdf;/\xc4\xb1\xad\xb1|\xb4\xad\x86%\x90\xe0\xa4g#\xdd\x82\xc2\xa8*\xd0%\xd6+\xc9\xb5\x952`\tln\x1cJ75\xb5*O\xc4\x81\xd4{\'\xc1\x16`\xe0\x80\x1a\x16y\x1c\xc7\x0cl\x9f;R\xe0w\x91\xe1m*L%\xe6\xb7C\x1d`\x8a&amp;q\xf1\xfc\xfa\xbe&amp;j\x91}xe\x03?\xbb\x86B\xdf\xf6!\x85\x11\xaeY\x01\xd6u\xc5I[f\r\x0b6\x15:\x86*\x02I\xae\xad:\xf8Y&amp;q\x05\xb2\xa2m5\xe2\x1c\x9b\x97\x17\xb6\xd2\xcd\x03tA\xb8\x0b\xdd\x8f\xec\x00k\xe6\xc9-%\x10k\xaf\xcd\x1c\x13\x9a\xe9\xb9\xaf/S\xff\xdf6g\xf8\xe8\xf2\x8c\xc1\x05\xf1!\x0c\xfa\xc9\xe2Q=+\xdb\x05\x0b\xeb^\xa0\x81\x0c!o\xc5Y\xa6\xbb\xaa@\x90\xaa\x0faM\xae\xd6\x92\xcda\'-\xa0gZ\xe0\x98n\xed\x84yk\x7f\x05\x92\x80\x9b*\xaa:\x84\xbd\xb8\xb0c\xd9\xd8&gt;\xcc\x9f\xe4\x00\x11\xd9$-\x80\xff\xbd\x94\x01\x1c\xe4\x11h(\xc3O\xa7k\x05\xd4\xf7h\x7frC\xe3\xb69#\xee\x1eY\xb3\xb9qXv\x80\xb5\xaf\x0eZ\xebIxj\x80\x9a\x1e\xcem\x9d\'\xcc\xef\xac\x03,\x19\xd3\x8b\x10\xc2\xeb\xfc!\x84&lt;a\xd1-\xd4\x81\xbcP\xa7\x8a\x94\x00\xa6\xdf\x90\x02\xbd\xb6\xb5\x97\x05-\xbc\xb7ll\x1f\xe6\x0c`B\xa9\xff\x13\xb2vJ\x8d\x982Eq\x0e:\x15)\x01\x89\xcez&amp;\x80&amp;`#\xcd\xa1\x9d\x0c)\x88g\xcaE]\xd9\xbd\xe4"\x97\xfbqc\xff\xf2msF\xacm\x188\xb3\xa6\xa8\xa9\xbe\x92\xbc\xa4\x19r\xff\xb4\x18Y\x0b\xb3P\xbe\xb1\x7f\xf9\x97\x87\'\xf8G+E\xc0^\x0e\xc6@\x9c\xa3\x0e5\xed\x1d\\&gt;\x89\xfa\xc9\x12Hq7d~\xa54\x0f\xe1\xe8\xea\xa9\xd7\xf6,\xdd2\xab\x8e\x12xQ\x06z\xa4\xf8\xaf\x9b:\xb0Y\x9b\xf0\xd3\xdd\x0coS\xca\xb6\x1a\x94\xcb\xceq\x13\xc7\xf1\xa3\x05\x9c\xd9\xccIt\xaa\xea\x10V\x14\xe1:c@\xe1\xa3\x93\x1b\xd76\xd4\xb4omQ\x91\x12\xf0\xf7\xf5}\xe4\xed5\xf2\xe6\xea\xaa\x89\xfd\'\xf5\xe9\xf8\xe6\xea^\x11\xb9\xd4\x85\x0c\x87@\xb7\xa4\xd6\xac\xb5\xd4\xc3\x93\x1b\xfc\xf5\xa5(=\xafV@\xb0\xa9b{^\xd7\xf0\xe9\x8d\xb3\xd66\xd4P\xdf^\xcf\xb4\xc0\xf5\xd3j\x05\xb05\x85`HA\xc2\xa7{\xc7R\xb9FOq\xa4\xdb\xb9\xad\xf36L\x1f,f&lt;\xd4G[\x00w\x80&gt;{\xa8\xb9\x12-\\\xca\x84\xf8\xb6\x1e?\xfa\xb4\x0b\xbe\xba{i\xa2\x8b\xbe\x8d4\xf4\x81L_\xf3\xf9u\xddVN\xa8Jq7\xe4\x8f\x1e\x88`\xa1&lt;&gt;\xb5\x89\xbfc\xe4\xf3\xbd\x87\'7^\xd9\xb5$\xdeQ\xb0\x17\xc8\x14h\xe8\x97{\xa0i\xe2\xfb[\x87\xbe&lt;8\xc1\x14?\x10\x07TN\xbe\xb0x\xf8\xd4\xaa&lt;\xf2\xd7Y\xf2\xf5\xa1\x1a\xe0\xa4(\x80\x06B\x83\x9f\x1dwn\xcb\xdc9C\xba\x10\xf2\xf9\xda\xdeeT\xd8Y\x0e8\xbdq\xd6\xdd\xa3k\xb3\x03\xac\x05\xda\x01t\xf6\x06\x95\x9b-\x02a\x16\xca\x94\xfe\x07/\x9e\xf0\xbffJ\x80*08?\xfe\xf8\xda\xe9T\xactHa\x82\x80\x16\x19\xd0\x07\xda\xb7\xb6X8\xa2\xc7\xef\xd2d\xad+I\xfe-\xed\xb4\x0c5@\x0e\x90\x07\xb4\x00\x1d\xc0Z\x12\x0e\xf2P\xa1d\x17\xb9\xeb\xbb\x83\xcb\'\t|\x954\x80\xf2\x04\xdfG\'7.\x1d\xd3\x9busk:E\xb1FjG\x05$\xbb\x19\xecZ0\x86\xb9\xdb\xca\x89\xfd\xe9\t\x98\x99X\xfb\xe4\xcc\x968\x07\xed\xb6&amp;\xf2\x91\xd6j\x1d\xdb\xd8\x8e\xec\x92\xb6q\xc6\xe0\xad\xb3\x87S\xc2jb\x82e\x8cK\x00!f\x8a&amp;\xc0\xe8\xf2\x8c\xe6\x1e\xf0\n$\xecY\\?oX\xf9\x84^\xd9\xd7\xf75\xd1\x8ao\xc7\xd6L\x13\xed\x0c\xb3\x04\xb8i\xba\xff9\xf3\xd9R\x1d\x83\xec\xae\xec^R\x1a\xe3\xe9 \x077U\xb8\xa96\x8f\xce\xceJ\xd8\xbdplm^\x9c.\xa0\x0ex\xa8c\xd3L\xae\x01\xfb\xe2"y{\x95\xbc\xbcX\x9d\x131\xa2K\xea\xb0\xe2$n\x1f\xb9\xab\xec\xf77\x8b\xa3\xdc\xe7\x0c\xe9z\xef\xd8\xba\x15\x13\xfa\x89\x7f[\x14\x80Hk\xb5L_\xf3\xa2HW\xfa\xc2\'\xf6\xce\xa1~M\xf50\x1a\x9c\x1fG\xd59\xf9x\xef\xe8\xbc\xa1e\xb5y\xb1\xd9\x01\xd6\xed[[\x9cX7S\xd8\x98\x02\x8a\x83K\xfeb\xdc\xcb\xe6\xba\x19\xab\'\x0f\xa8\xca\n\x9b\xd0+{B\xafl7\xc6\xc4\xbet,g\x92\x18\xca\xf7\x81\x89\xaf\xdb\x05 \xcaF\xfd\xd2\x8e\x85\xc2\xcc@qVG\x99\xbe\xe6o\xaf\xed\xa5;\x9c\x17\xca\x93\xa4R\x12\xed\xc1\x14\xa88\xb1~\xa6\x08\x114q@\xeb\xdb\xdc9\xbcz\xcb\xac:n\xcc\x90P\xf7\x9c|{xb\xdd\x8c\xed\xf3F\xf6\xce\x08\x12\xcdC+\x8er\'|\xb8\xbagi\xe3\xc0\xe28\xe1O\xaa\xae8\xe9\xce\xe1\xd5\xf4\xfeC\n\x13~\x88\x1b\xd6T_I\xc8?\x02\'\x00c`tY:\xed\xc3\xa1t\xf9E\xc0K\x93)~@\x08\xf9\xb6s\x01\xe7\x9f\xb7\x0e\xae\xec\xdb&gt;\xc4\x88\x9b=\xb7b|\xbf\xf3[\xe71\xa9;\xd4\xec\xce\x11\x1d\xf9\xfa`fM\xd1\xf6\xb9#\x97\x8e\xe9-,n\xd9\xa9\xad=\xf9\xeb\xecG^\xf6\xa3\xc0\xc9O\x06h\xe7cvi\xe7"B\xfe%\xe43y{\xad4\xc6C\xf4\x08 \r\xc4\xdakulc+Z\x86\xd6\x040\x06d\x81L_\xf3\x05\xc3\xbb\x0b\xec\xaa\x87:\x1c\xe4\xb1m\xce\x08\x91-\xfd&gt;\xb8\xab\xc1F\n\x12\x801`\x06\x98p}^\xf2\xc0\x1a\xae\xf6\xc8\xba\x86\x81\xfc\x07\x9a\x00\xb5y\xb1\r\xfdr\x17\x0c\xef&gt;whYC\xbf\\\xe6{&lt;\xba,\x83\x1e\t\x93\\Zyj\xc0M\x15AFr,&amp;\xcf\xb6\xb9#\xe8W$\xdeQ\x87\x99_\xfe\xf1\xdeQ\xf2\xe9\xee\x7f\\\xae1!\xe4\xc8\xaa\xa9\xbe\xbf\x14\xd9\xe2\xc0^\x0e\x13ze\xf3\x7f9\x84\x90\xdb\x87W\x1f]=m\xd7\xc21\x9c|\x82Ow\xff\xbe\xbe/\xcd\xb3\x05*\x10\xbd\xf2}{m\x1f\x8b\x0e\xa4\n\x8e\x14\xc1\xdd#k:\x07\xb3]5!\xa6\x8a\xcf\xcfo\x9f_\xd7\xcd\x12hc$\x9b\x1b\xe2H\xafN\x1e\x1c__\xdf\xbd}}\x8f\xf6k&amp;\x0f8\xb7e\xae@\x87\xc9\xa4\xcaN\x94\xf8\xc1\xec\xdaR\xf1\xaf}L\xb7v\x14\x95{jU\xde\x80\x8eQ\xeb\xa6\x0e\xfc\xeb\xdc6ZH\xd2\x94\xa3[\xf9\x85\x10B\xc8\xcb~\x1dB\x1d\x15\xe0\xae\x86\x147\x03B\x9e\x92\xbf\xaf\x0b#\xdei\xf03R&gt;\xdf\xdb9\x7ftv\xa0\x8d\n\x10l\xaa0\xbb\xb6\xb44\xc6\x93\x19\xcctW\xc3\x933[&amp;\xf4\xca.\x8cp\x15XH@|\x04\xb4\x92\x16\xe6\xee0\x07B\x84\xbb8\x98(\x0cw\xa9\xcc\x0c\xe6\x97\xc2\xd5\x04\x1e\x1c_O]\xd3\x9eEc\xbb\'\xfb\xd9\xc9bl\xf7\xcc\xdb\x87V\xd5\xe6\xc5\xb1\x8c\\\x11\xee\x02J\xc3&lt;\xc4L\xf1\xddMNb\x1a\xf9t\xb7{\x92\xdf\xa0\xbcXJ)\x96\x1f\xe7\xb6\xce\xf3\xd3\x17\x9a\xbd.\x03\x1c_;\x9d\xff\xa8\x195E".S\x0b\xf0\xd2\xc4\xacA%\xe4\xd5\xe5\xcf\x0f\x8e\xb3&lt;3\xe2@\xc40\xf7C\t\x86\xda@\xd78/f\xcf\xbf&lt;8\xc1\xfcg\x82\xb3^\xb2\x9b\xc1\xf1\xb53\x8e\xac\x9aJ\x08\x19Z\x98`\x08\xcc\xa8)\xba\xb1\x7f\xf9\xbd\xa3k\xd3&lt;\x8dM\x81\xbcP\xa7(\x1b\x8df\xb1\xd5\xb7B\x85\x94U\x81`S\xc5Q]\xd3v-\x18s}_\x93\xb0B\x1dv\xb2\xf0\xd6B\xef\x8c\xa0\t\xbd\xb2\xe9\x9bo\x01\x8c\xef\x995(7V\x9cr\x02\x02\xa1\xcf\x8d\x85L\xea\xd3q\xf1\xa8\x9e\x9f\xee\x1fc\x15[T\x06\x0e\xad\x98|\xfb\xf0\xea\xb1\xdd2_^\xda\xf5sg\xf9a8+\xa1\xad\x89\xbc\xbb\x1a\xc2-U|t\x9a\x1f\xad\x14`\x06\x8c.\xcb\x98=\xb8\x8b\xc0\x99\xaa \xdc\x85\x92\xa0y~a\xc7\xc6\x19C\x8e\xae\x9ezd\xd5T\x9a\xd6:\xae\xa2\x83\x83&lt;\xf4\x00#`A]\xb7a\xc5I+\'\xf6_1\xa1\x8aUD\xe9\xd9\xb9m\xb4\x7fI\x8b!\xff-\x18\xefo\xfe.\xd9g- \xd1E\xbf23x|\xcf,\xb6H\xc3\x7f\x8f\x0f,\x9b8\xae\xa2\xc3\x8a\xf1\xfdNnh\\;\xa5\xa6\xc5$\x9c\x1e\xc9\xfe\xf4\xd1\x8bG\xf5\xa4\x83\xe7F@M\xa7\xa8\xbc\x10\xc7\xefO\xce\x90\xbf\xafm\x98&gt;\x98\x15\x96T\x07F\x97e\x8c*KwU\x81\x95\x04\x02\rd\xc6tk\xb7\xb9q\xd8\xe0\xfc\xb84Oc;\x19h\x02mM\xe4+3\x83\xa9\xb0\x1e\x0b\x1b\xa6\x0f\xbeup%y~\xa1@d5\xa8\x0e~\x96\xaf.\xefN\xf34V\x04\x86\x97$\x1fY5\xf5\xd3\xfd\xe3\xc2\x86\t]\xe0\x11-:\xf4\xf9\xfe\xb0\xe2$\x00\xa6&lt;\xc6\xe6S\x81q\x0e\x05F\x1a\n\xf9\xefIUVX\x96\xbf\xd5\x8a\t\xfd\xc4\xd1\xe0S\x11C\xc1\xbfEH\xf2\xa5\xdb\x98\x00r\x80.\x90\x1dh\x9d\xc5\xad%\xf7s\xe8\x9f\x1d~\xa0iRQ\xa4[~\xa8\xd3\xc5\xed\x0b\xa6W\x17P*\x14\xdb\xe6\x0c\xef\x14d\xe7\xab\x035@\x17\x90\x06\xda\x9a\xc8\xf3\xbb\x9e\xfc\xf4%\xc7Ut\x98\xd2\xb7\xf3\x96Y\xc3z\xa7\x07\xad\x9dRC\xde\\%\xe4\xe5\xc2\x11=\xa2l5\xd2&lt;\x8c\xb8\x1ap\x84V\xd9d\xc2_\xf8\x1c\x10i\xad~v\xf3\x9c\xbf\xaf\xef{uy\xf7\x91U\r\xe4\xefk\xcf\xceo\x0f\x12\xc9\xae\xa6@\x97\xc1ysu\xef\xfee\x13~A\x00\xfe\x97`\x00\x84\x9a+1s5\x98\x983\xa4k~\x98\xf3\xe7\xfb\xc7/\xefZ|u\xcf\xd24Oc\xaa\xdb\xff\xde9\xbczru\x8c]\xf3\x9c\xdf\xac\xd6\xfe\xe1\xb68,X\x81\xf3\xb4\x0e\x90\xeaaT\xdf\xa3\xfd\xc8.\xa9u%\xc9\xdb\xe6\x8c\xa0B\xdfa\x16\xcaWv-\xa1\x9a\xbfup%3\xd3M|\xf8\xe9K6\xb3\xfe_^\x9c&gt;\xa0\x90\xc5\xb2\x89\xb5\xd7\xa6~\\9\xb1?\xf9\xb9&lt;\x00\x16\xb4\x00\xfe\x8a\xbeL\x84Y\xa8T\xa4\x04\xb8\xa9\xa2\xb5\x9e\x84\xb3R\x0b\x9ck&amp;\xe2\x1duxI\x99\x1co\xc9\xf2q}\xb9[\xbe_\xd9\xb5\xa4$\xdacTY\xfa\xbe%\xe3;\xb7\xb5_1\xa1\xdf\xf3\x0b\xdbY\x0fx\xee\xd02\xdad\x90\xe6\xe3\x08\xb1\xf0\xdf\xd3\xb3\xe2\xf7\xd0U\x05\xad\xf5$Z|Pv\xb2X&gt;\xbe/\xcfi&gt;\xdc\x9eQS\x94\xe2f\xd0\xce\xdbtvm\xa9\x08\xa7\x07\x8d`\x9a`@\xe5\x9a}\xbeG\xc5\xcbL\x80a\xc5I\xdd\x12[\xd3\xd5&lt;zg\x041mQE\xa0WZ\x9b\x89\xbds\x0e,\x9bX\x1c\xe5\xde%\xd63;\xd0f\xce\x90\xae)\xee\x86\xd6\x92\x082\x92\x0b6Q\xa8\xe9\x18\xb5`x\xf7\xe6A\x99\x89\xd7\x97\xbf&lt;&lt;\xb1`x7u\xe1}[8\xa2\x077;\xfa[\x90\x91\x9c9P\x1</t>
        </is>
      </c>
      <c r="E121" t="inlineStr">
        <is>
          <t>&lt;class 'numpy.ndarray'&gt;</t>
        </is>
      </c>
    </row>
    <row r="122">
      <c r="A122" s="1" t="n">
        <v>120</v>
      </c>
      <c r="B122" t="inlineStr">
        <is>
          <t>steps_per_sec</t>
        </is>
      </c>
      <c r="C122" t="n">
        <v>1800</v>
      </c>
      <c r="D122" t="inlineStr">
        <is>
          <t>3.3613524</t>
        </is>
      </c>
      <c r="E122" t="inlineStr">
        <is>
          <t>&lt;class 'numpy.ndarray'&gt;</t>
        </is>
      </c>
    </row>
    <row r="123">
      <c r="A123" s="1" t="n">
        <v>121</v>
      </c>
      <c r="B123" t="inlineStr">
        <is>
          <t>Loss/object_center</t>
        </is>
      </c>
      <c r="C123" t="n">
        <v>1800</v>
      </c>
      <c r="D123" t="inlineStr">
        <is>
          <t>0.107257225</t>
        </is>
      </c>
      <c r="E123" t="inlineStr">
        <is>
          <t>&lt;class 'numpy.ndarray'&gt;</t>
        </is>
      </c>
    </row>
    <row r="124">
      <c r="A124" s="1" t="n">
        <v>122</v>
      </c>
      <c r="B124" t="inlineStr">
        <is>
          <t>Loss/box/scale</t>
        </is>
      </c>
      <c r="C124" t="n">
        <v>1800</v>
      </c>
      <c r="D124" t="inlineStr">
        <is>
          <t>0.07559556</t>
        </is>
      </c>
      <c r="E124" t="inlineStr">
        <is>
          <t>&lt;class 'numpy.ndarray'&gt;</t>
        </is>
      </c>
    </row>
    <row r="125">
      <c r="A125" s="1" t="n">
        <v>123</v>
      </c>
      <c r="B125" t="inlineStr">
        <is>
          <t>Loss/box/offset</t>
        </is>
      </c>
      <c r="C125" t="n">
        <v>1800</v>
      </c>
      <c r="D125" t="inlineStr">
        <is>
          <t>0.12486406</t>
        </is>
      </c>
      <c r="E125" t="inlineStr">
        <is>
          <t>&lt;class 'numpy.ndarray'&gt;</t>
        </is>
      </c>
    </row>
    <row r="126">
      <c r="A126" s="1" t="n">
        <v>124</v>
      </c>
      <c r="B126" t="inlineStr">
        <is>
          <t>Loss/total_loss</t>
        </is>
      </c>
      <c r="C126" t="n">
        <v>1800</v>
      </c>
      <c r="D126" t="inlineStr">
        <is>
          <t>0.30771685</t>
        </is>
      </c>
      <c r="E126" t="inlineStr">
        <is>
          <t>&lt;class 'numpy.ndarray'&gt;</t>
        </is>
      </c>
    </row>
    <row r="127">
      <c r="A127" s="1" t="n">
        <v>125</v>
      </c>
      <c r="B127" t="inlineStr">
        <is>
          <t>learning_rate</t>
        </is>
      </c>
      <c r="C127" t="n">
        <v>1800</v>
      </c>
      <c r="D127" t="inlineStr">
        <is>
          <t>0.001</t>
        </is>
      </c>
      <c r="E127" t="inlineStr">
        <is>
          <t>&lt;class 'numpy.ndarray'&gt;</t>
        </is>
      </c>
    </row>
    <row r="128">
      <c r="A128" s="1" t="n">
        <v>126</v>
      </c>
      <c r="B128" t="inlineStr">
        <is>
          <t>train_input_images</t>
        </is>
      </c>
      <c r="C128" t="n">
        <v>1800</v>
      </c>
      <c r="D128" t="inlineStr">
        <is>
          <t>[b'512' b'512'
 b'\x89PNG\r\n\x1a\n\x00\x00\x00\rIHDR\x00\x00\x02\x00\x00\x00\x02\x00\x08\x02\x00\x00\x00{\x1aC\xad\x00\x00 \x00IDATx\x9c\xec]e@\x15Y\x1b~\xb1\x03\x15\x13\x03\x15\x11\x01)\x13\xc5\x00ED\x11\x15\xb1\x13\xbb\xb0\xbb;\xb0\xbb\xbb\xbb\xbb\xbb;\xd7\xb5\xdbUWW\xd7vuw\x9f\xef\xc7\x81q\x98\x9e\xb9s\x89\xfd|\xfep\x99{\xe6\xcc\xb9\xf7\xce\x9c\xf3\x9e7\x9e\x87\xe8\'~\xe2\'~\xe2\'~\xe2\'~\xe2\'~\xe2\'~\xe2\'~\xe2\'~\xe2\'~\xe2\'~\xe2\'~\xe2\'~\xe2\'~\xe2\'~\xe2\'~\xe2\'~\xe2\'~\xe2\'~B\x0fj\x15\xcdU\xcf\xd7)\xaeGA\xb9L\xeagF\x9ff;\xe7\r\xf7\xb65\xa9;\x11\xd2\x12\xb9&amp;\xa5\xbb\xc7\xd6\x19\xee\xe1\xee\xb1uE\xd2\x9b8"\xab K\\\x0f\x80\x88\xc2\nf\x8f\x93\xeb\xee\x9a?\x12\xf8$8\xd8"\xd0Kp$)Qb\xa2\xacD\x00\x02\x1cSq\xc7\x81\x97\x90\x01\x11\x05:\xd9\xce\x1f\xdc\xb6_\xa3\xa0`\xd7\xf4\xd1\xed\x01\x00\xbf_\x15\x8f\xc4\xc6\xcc\x8fe\x0e\n\xa4\x91}+\t\x11\xfb\x8cV\xc5\xe8v\xb5\xc4\x07\xdb\x06\x17\x8e\x85K\xffD\xc2@\xa8wV\xab\xf6oK\x14\xe4\x9c\xd6\xf0\xe9\xe9\x886L\xedg\xe2x\xac\x81\xd29\x92\xc6\xf5\x10\xac\x82\xd9\xfd[\x9a\xd8[r\xa2\x94D\xdf\x9f\x9e\xe3f\x1f\x8f\x14$7\xfb\xffy\xf3\xd0\xd3\xf3\xdb+\xba\xd8u\x0c\xf5\x1d\xdf\xb9\x1e\xb7\xbc\xb1w\x0b\xdbI\xf4\xaf0\xdb\xfe\x04\x1f\xdc\xfa\xfa\x13?\xf1\x13\xba\xe1\x95\x9a\xb2\x12%\xe1\x1d\x99\xd9\xb7y\x9c\x8d\xc6\xca\x18\xdb\xb1\x8e\xe5\x9d|{r\xf6\xe4\xfa\xe9\xecu\xef\xfa\x81\x006O\x1fHD\xfe\x0e\xc9\xe5\x16\x80 \xe7\xb4xw\x93\x9b\xa7V\x8c\xe9\x16\xe4\x9c\xb6`Z\x1a\xd6*4\x0e\xe7/\x8f\x14\x9a\x9a\x19\xb6w\xcc\xdd\xc4\x84\xe4\xcf$&gt;X&amp;W\n\x00\xd65\xfa~"\xd6pv\xf3l\xeeu|\xdb\x02\xa7 Z3\xa1\xd7\x85m\xf3\x94\x9be\xd0\xd9mb\xc3\x032\x15\xfci\xa8\xa2\xab\x84\x97\xaaS\xb5\x12\xb1;"\xf3ag\x92\x9b\xa2U\x85\x82\xfc\x7f?\xdf?\t\xa0U\x85\x02D\xd2;\x80,Dyx\xed\xf3J5\xb3|T\xffy\x00\x10,E\x95\xdc2\x00X&gt;\xbak\xdc\x0c\xe8\',\x84\xaf\xbd\xd2$\x9f\x9a\xe8\xe9\xf9\xed\xfe9\x93\xc7\xdaxT\xf1\xed\xc9\xb9oO\xce\xe6KdNoI\xd4\x9b\xc4\rrK\x1d\xb4\xde$\xe5\x1c\xdf\x96zm\xe0\xac\xce\xc1\xcdB\xbe=9{l\xcd\x14\x92\x9a\xd9\xb3\x12E\x84\x14uIBQ\xef\xbe\xbd!\xb9H\xc4\xd9\xc7H8\xa8\xed#\xbc1\xdd\x93G\xdd\x96\xfd\xc3+\xc4\xc5\x88\xfeCH\x1dG\xd7\xedU7 \x8e\xae\xac\x04\x00&gt;\x19%\x8e\xe7I\xb0\x0e\xc7\xeds\x86q\xaf\xfd\x1d\x92\xcb\x85y\x1b\xf9\xb9\x16IO\x00:\x85\t\xed}\xdf,\xba\xe7i\x13\x9d\xd8\xf1\xf0&gt;\x11\xdc\x06x}-\x93h\x01\xc8\xc6[\'Hf\x7f\x10;w\x14\x97g\xd1)\xacD&lt;\xd9t\x9a\x02\x00\xa5s$\xc5\xb7G\xa5\xb2\xc5[\x83*! N\x8c\xb0B\xe9\xa8N1\xc7ry\x94V\x1f\xcf\x94tu\xcf\x92X\x1b\x12\x03\x80\xefO\xcfI\xbeuy\xe7\xc2\xd1\xedj\xc6\xf2xL\x81c\xf4\x0b\x85y9\rQ\xe6X\x18\x8aN\xcc\x1f\x12\x11\xd7C\x90\x00^]\x938\xc8\xc3\xb15SC\xbd\xb2\xe2\xaf\x87\nm\xf4.\x00\xfd\x1a\x194uU\x17c\x1b\xa2\xcd3\x06\x19\xeb\xfc\xcc\xa6Y\xc6N\xd4\x0e\xfe,\xc1O[&lt;\xbbyN:""\xbaux\xb5\xb5\xc7\xf0\x13Jp\xd7\x16P\x12`\xdb\xec\xa1K#;)4\xc8*2\xb5\x9a\x94u7r%\xcd\xc8L4\xa1K\x03\xc1\xc1\x9cV\xbdd\xac\xc0#%\xf9\xe5H\xa6\x90"\xfb\xfd\xc99\xed3\x91\x01H\xed\xa9T\x90\x93\xa8n\xf1&lt;\x92.\xa9\xf8\x00\x00\xed\xab\xf8\xf0\x8f\xfc\xf5\xf8\x0c7\xa7O\xee\xdeH\xfe\xc4/\xfc\xd9\x7f\xf7\x82H\xee\xad_\xf6-\x1b\xd3\xbe\xb6\xc2\x15\xadd\xe8\x06\xbb\xa6\xcfa\xf4\xdc\x97Wv\x9b9\x14)\xb0\xed\x14\x11\x15\xb6\xa3\xf31\xe3p=\xea\x94\xb1\xf6\xd5\xcd\xc2\xc2a\xed\xe3z\x08\xf1\x0f+\xc7vWn\x90,v\xc6\xa1\x88g\x17v\x186\xbe\x14\xb0vRo\xd3\xfb\x14\xc0-:\xa5\xd3+5)W|\xcc\x1d\xd8\xfa\xe1\xa9M\x82\x83\x83\x9aV2k$\xe2\xceIm\xeb\xf9\xe5\xe1\xa9}K\xc6\x985\x00\xd3\x01`\xedD\xe1/X\xa3\xb0\x03\x9b\xd6\x076\t\xe6\x1f\x9f\xd2#\x9c}\xff\xa5s$\xfd\xeb\xd1\x19\xfe\x02@Di\x88Xf\xa8\x9fC2~\x05\x84\xc0\xf2\xa8_"\xaf\xc9\x9f\x81\x88\x88\n\xa6\xa5\xbd\x8bF\xab6kW\xd9G\xf2x\xb0[\x06\x07\xf3\x06#Y\x15\x14\x98\'\xcat\x11[\xfa5\x8b\xfc\x07\xcc\xb3\x9f\x88\xdf\xf0\xb5\xb7\x01\x10\xea\x9d\xd5\x80\x19\xcb\xc15)\x99\x15@\xd6\x82R\xd9\x938\x11\x8d\xe9P[2\x9e!F*\xd1\x11\xcf\x94\xf4\xed\xf1Y\xb3\xc7\xa5\x03w\x8f\xadk_\xa5\x18\xffHl\xfa*\r{\xc3\xb8}\xc0\xb4^M\xb8\x01\xb7\xaeX\x88\x88R\x10\xcd\xec\xd7"6\xbd\xff\x0c\x99\x89\xbcR\x11\x11\xe5!\xaa\x90/\x9d\xb1\xebFF\xd4\x90&lt;\xde\xb4\xac{\xf9\xbc\xfa"&gt;\x13\xbb\n7\xd9\x86\xd1\xab^9\xb3\xba\x8a\x13\xf4mX&gt;\xae\x87\xa0\x19\x93\xbb7Z9\xb6{\x85|\xe9\xe2z \xb1\x8d\xfe\xe1\x15\xb8\'6X*KR\x0b\x82\x9c\r&gt;x\xc6`K\x04\xfc.\xf9V\x9db\x8e\x006M\x1b\xe0m4\xfaog(\x1e&gt;\xb6\x83\xee4|\x13\x1f\x8fL&amp;\xd5\x01\x10Q\x06\xb5\xb4\xa8P/\xfb#+\'\xb1\xafhz\xef\xa6\xec`e\xf7Les\xa7\xe4\xcf\xfe\x1b\xa6X\xb1*\xd0-)\x95\xcc\xaa)\xe2\xab\xba\x0b\xe7\x10\xea\x9d\xd5@\xdd\xbeK\x12*\x91U\xdd\xf6)\x93\xcb\x90\x1f9\x81\xe3\xff4x\xdd\xb2\xbc\xb7\x81\xfc?K\x0cpK\xc0fL\x00\x1f\xee\x1e\x0b\xc9\x1fW\xa30\x02\xb9y\x8a\x9b\x83\x0c\xd8\xb99\x88j\x15\xcd\x05@\x10\xc0OI\xb4hX{c\x05\xb7r\xae\x8d\xee\xb5\xfc\r\xf4&amp;\x89\x12\xf6\x89\xe6\x0cl\xfd\xfd\xe9y-\x8d\xf3\xa85\x983\xb0\xb5\x96~$C\xbeZ\xd6NAP-\xd0I\x07\xc3I\x99\\)\xb57\xd6\x05-A\x08\x01\xd9I\xb5\x02\xd9\x0c_\xce\x8ehD\x9b0\xc3\xa7\xffD\xc2F")^\x1a\x00&amp;\xd2\xc4hw\xc9t\xa9^\n\xc0\xf3\x8b;\xcd\xbb\xb8\xd5q\xf3\xd0*\x85-K\xfe\xe4\x04\x00\xaf\xaf+w\xe2\x12\xf3\x89w\xe7\x11\x1e\\\xda\xb9\x90\xfff\xf5\x82\xd9\xf5z6\x18\xafF\xc3R\xf9\xe4(\x92\xf2\xda\x90\x9d\xc6\xbe\xd40\xaeS\xdd.\xd5Kj\x19\xdb\xd0\x16Uj\x16\x96uk\xdf&gt;\xb2F\xef\xa5\xfdr$+\x98\x96\x00\x0ckY5\x93LQ\xab\x00\xf8\xe7\xa9\xde\xab0l\x9b=\xc4\xd8\x89\xaa\xc8H\x14\xcbU9\xc9\x88\x04de\xb5\x8a\nw \x17w,\x88\xc5\x11Y\x05\xc9\x88\x1a\xfb\xbb\xc5\xf5(\xe2\x19\x02\x1cS\xd7\x90y\x08\x9b\x8b\xc8\xb9\x0cC\x17\xebM\xb9&lt;\xa9\xc5\xf7\x9fa\xd8\x9b\xd5\x91&lt;\x80O\x00\x8a\xcaW\'\x1bp\xe3\x94\xcf\x9bF\xd2\x8c}yy\xb7\x82y+7\x84\xfc\xc9\xa9@\x1azpr#\xfe}&amp;=\xc2\x8fw\x80?\x95\x87\xa4\xf1\x9b,lG\xaeI\x08\xefo\t\x8e\xe7 :\xb6z\n\xffH\xb3r\x9e\xdckq\xe6F\x15\x8f\xcc\x96X\xb5Z\xd0\xb6R\x11c\'\x02\xff\xea=ep\xf3\xca\xda\x1b\xb7,\xef\xad\xb7\x7f\xd3a\xf8\xcb\x89\xb7\xd84}`\\\x0f\xc1THr\t\xe8\xc5\xd9\xcd\xb3[\xc7\xac\xb97\x0b\xf1\x9f\x8f36\xa1\xd7\xf1*\xf0cp\x06\x9a\x82\x7f\xa3\xb2{\xe6q\x1d\xeb*w\xbbxDG\xc9\xe3\x91\x115\x00\xe4K\xa4D\xe5\x06\xbcs\xb3 W\xacS\xb5\x12\xed*\x17\xe5\x1f\xa9\xe8b\x17\xe8\x14\x15\xd5\x14;*\x83]3\xa8.\x9c\x82\xf4P\x0bagF\'\xf9e\xacw]\xd1\xdbX\xb0ZTa\t\x1bc\x9c#\x81\xd6\xbd\xc7\x12\xb2\x12\xcd\x1e\xd0\x8a\xbdn\xec\xef&amp;\xf8\xa5\x1d\x88\x80\xdf\x05\xd9u\xb1\x80\xaa\x9eY\x1e\x9d\xde\x1c\xcb\x175\x0b\xaa\xbe\x86N\xd5J\x00\xe8Z\xb3\xb4\xc6\x0e\x05\x13\xbdc\xf4\xf1\x93\xeb\xa7\x8b\x17\x80\x82i\x89\x88ZU(\xb8\x7f\xc9X\x85&gt;-\xc9\xf4\rt\xb2U\x0ec(w&gt;\xa4E\x15n\xb4\\\xca\xec\xeb\xeb\xfb\xbb\xd4(\xd5,\xc0\x83\x88&amp;uk(&gt;\x8b}F9\xdfZf"\xc1\x8ab!\xcc\x8a]\'\xe8\xa9\x93\x8f\x83\xcb\xc6\xb3\x17\x8eD\x9f\xef\x9f\x8c\xd3\xb1\xfc\x84\xd5 NLtK\xa65\xb1A\x17\x14\x1c;\xe3:\xd5=\xb7e\x8e\x81&gt;\xe3UJC\xc7\xd0\xe2\x8bGt\x90|\xabW\xbd\x00\x00\x8f\xcel\xd1\xd8\x95\x82\xa5\x9f/\x11\xcd\x1b\xdc\xf6\x9f\xdf.\x8a\xb3]G\xb5\xabi\r\xd3\xc7\x86\xe8\xd4\x86\x19\xca\xc68\x001\x8d\x0c\xff\xdd\x15c\xba\x89\x0f\xe2\xf7+\xca\xb9\xed\x89\x88\x00\xbc\xfd\xf5\x90\xea \xe3\xeaN\x18\xd0\xb8"\xde\xde\xe0,\xaa\xff\x12\xb8\xa2\xe5 \xe7\xb4\x97v.$\rA\xfbx\x82)=\xc2+\xb9\xe9e\x8c\xb4&gt;\x0c0\xbd\xc8!~\xfaW\x14j\xa0\x92\x12\x01\x10&lt;\xed\xa6\x04\xbb&lt;\xad\x95\x8ba\x04\x1e\xd1\x83\xe9V\xd3O\xf0\xd6\xf3\x8b;\xb5G\x02b\xce\xff\x9f\x05\xef\x9a\xcb\x93\xb1|LW\xe5\x9c+6\x88\xe3k\xa7\xca5`?\xee\xb0\x96\xa1\n=\xdc;\xbe^pp\xc3\xd4\xfe\xec\xc5\xde\xc5J\xe5Q\x00T\x19\x08z\xd7/7\x7fp\xdb\x03\xcb\xc6)7\xb3\x12\xfa6,/.U\x8bWpI\x9c`\xe6nS` \xea\x96\xc0\x10\'\x85\xfba\x05\xb3\x8be\x9b8\xa4R\xf3\x03\x00X0\xb4\x9dOF\x93sr\xc5;\x98\xf8\x00\xc9\xfb\xaf\\\x9e\xd4\x1a\x8b9\x05;\x80\xe5\xa3\xbb2\xc7IX\x81l\x00\xf8\xd1\xd1\xdd\x0bFr\xaf}\xb3\xd8\x84\xfb\xb9\xfe\xf5\xe8\x8c\xae\xa1v\xab\xe9\xa7\x10\xa5\xaf\xe2\x91\x99\x8dAA;%_b\xda9ox\xa1tJ%xc;\xd4\x01\xdeK\xbeU2kb~\xca\x99-\x11\x7fMwN\xa4\xbe\xc6\x03hX:\x9fJ#S!\xd8 w\xa8Z|x\xabj\xdaO\x1f\xdeJv\xb1\xe4c\xc3\x94~\xa6\x90\xfdI\x8a\xe1\xe8B,\xd6V\x9a\x00\x00\x8d\xfc\\\x05\x07\xff\x9buU\xa6L\x7f\xda\xdd=r\xebje\x8f\xcc\x00\x18\xad\xb4[2j^\xce\xf3\xcd\x8d\x03\xc6\xca\x8b\xc2\nd\xdf8m@\xe32\xf9\x0b\xa5\xa3&amp;e\xddG\xb4\t\x1b\xdc\xac2\x11\xad\x9e\xd0S5M;\xfe,\x06\xd5\x0b\tI_z\xd6-{q\xc7\x82r\x8e:\xaa\xc2:\x86\xfa^\xdf\xb7,\x0fQ\xc3R\xf9*\xe5\xcfH1\xfd!\x92.\x8fW\xd7\xf6Yb\xfb\xb8&amp;%\xfc\xf9+\xff\xc8\x87;\xc7\x00\xb4P\xccK\xc9J\xe4H\x94\x89\xc8K\xfe\xc3\x9dZ?C\xf9\xd2\xf8t\x8f{\xdd\xb7a\x90\xe4f\x99\x0b\x1a\x0b\x90\x97\xe8\xc1\xc9\x8d\xca\xfd\x9b\x0e\xc3\xdc\x08\x1e)Ha\xb7\x94 \xa0%\xc5\xf6\'\xfe\xcb(\x9e\x85\x88\xe7\x13L\xc7{\x1e\xb2\x10\xed[&lt;\xc6\xd8.,\xbb\\Q\xcf\xdb\x1b}\x1b\x96\xb7S;=&gt;\xd7\xfb\xe5 \x02pz\xe3L\xed\xa7dU\x93s\x10 \xb9!\xdf\xa0 wH\xf0\xab\xb1\xaf\x7f\xde\xa06D\xd46\xb8p\xb7ZB\xd7\x16i\xd3\xe7\xe9\x1cV\x92\x88RE\x1bbr6\xc7o\xd1% \x8eD\xbb\x17F\xca\xb4\x92@\xeck;\xf2\xd3X\x05\x10\xec\xf3\x80\xdf\xf6\xc4\xfc,\x92_\xa310\x8d\x04s!\xae\xc1\xb6%\xba\x7fb\x03w\xd0DV\xa2\x9f0\x19f\xa9\x0e,\x1f\xddUA4\x9c\xbf+\x17\x90g\xa5\x8b\x9e5\xc6uR\xc9Jd\xb0\'JN\x14\xea\x9du\xf1\x88\x8e\xc07\xe9\x05\x00\xc0\xbf\xcf\x16\x0emW!_:\x05\x7f\xc5\xc3\xf8\x9dG\x04\xc0X\x81\x83\xc6\x9d\xcd\xea\xf1=\x014\x97\x9f\x98\x04(\x95=\x89\x96L{N\xd4\x10\x00\xab\x1a\xe9ZCk:\x13\x1f\x13\xba\xd4oPJ\xb7\xa3\xa6Mpa\x03\xd7\x8a\x05\x94\xca\x9eD\xce\x13;\xab_\x0b\xfe\xbf\x00T\x9f\xca\xde\xf5\x03Y\xc9w\xb8\xc8w\xa1\x8c\x83\xcb\xc7\xebj\xaf\x11Y\x89\xaax\xc6\xa8\x10\xad^(\x87\xb9\x8e\xf5\xff\xb8\x9b&gt;\x9eC\x92X\xaa\xb0\x8c\x01\xa9l\x85\xf2c\xbf\x9e\xa9(Etm\x94\xc2)v\xbc\xd7\x87WL\x9c3\xb0\xb5\xec\xbc/\xc6\xeb\xeb\xce\t\xcb%\xc9\x83\x81\x0c\xc11\x1dj\xff~u\x8f\xc6\xc6\x8f\xcel\xf9\xe3\x97\x03\xcam\xf0\xfd\xf1\xac\xe8|\x7f]\x12\x1f-\xca{e#*\x95-\x89\xe1G\xd7J\xf9\xd9\xfc\xdb6\xd6\xa6\x95\\\xf2A\xaf\xc6\xfen\x00Z\xe9\xa9\xb0i\\&amp;\x7ff\x19\xb7\x1e\x83B\xa5\xa1\x01({}\x19\x17tA\x99\x9b5~f\xa0\xfc_ \xae4\xc58\xd8\x11\xb9\xca[\xe0\xe3;\xd7\x8b\x8c\xa8\xb1g\xd1(I\xff\xcf\xc4\xae\rj\x14v\xf0\x8d\xb6*\xd2\x10\x9d\xd94;zR\xff\xccM\xef\x07\x97\x8d\x9f\xd5\xbf\xe5\xb0\x96U\x9b\x94\xcd?\xb1k\xc3\x1f\xf3\xfe\xb7G\xfcU\xc0\xc4ja\xd3\xd11\xd4Wr\x8f&lt;\xbcU(K{\x8f[\xb8$\x8e\x9a%\x8d\xe5\xab\xa7&amp;\xda,_T\xe9\x93\x91\\\x93\xd2\xd3\xf3\xdb\xe3\xca\xbe\x8b\x0fv%c\xf2(\xc6\xf3\x93\x97\xcan\xa9{\xd2\x98\x16\x88$\xee\x1e_\xffS\xe1=\x9e"\xfe\xd4\xb0\xed_\x1aUU$\x98&amp;\xe4\xe2\xb0\xcco\xb8o\xf1\x98\x06%\x9d\x01\x08\xe2\x81\xce6\xd4\xa0T\xbe`\xb7\x0c\xdc\x9d\xd7\xbd\x96\xff\xb5\xbdKE\xe6\xfd\x17q\xcf\x85\xd2\xd1\xd3s\xdb\xb2\x11\xad\x9d\xd8\x9bk\xf7\xf8\xcc\x96.\xd5KY\xf2\x01\xad\x07\xf6\x19\x93\x13-\x18\xda\xce\x00\xa7\r\xf0\xa1\xa2\x8b\x9d\xfc\xbb\x12\x8b\xab\x1cb?\x17\xda3\x15\x11\x11\xf0"\x16&amp;b.\xd2\x8e\x7f\x9f1N\xd6X#\xadW\x8d\x81j1\x933\x88\xfaY2\xb2\xd3\xb6YC\xb4\x0c\x00x\x9e\x8ch\x8eZ\xfdA&lt;\xd4\x9e\x13\xc3J\xa6\\\xc9l\tP\x97s\xce\xc0\xd6\x1b\xa7\r\x88\xebQ\x10\xf1\xe6\x0e~:\x8b\xdc\xae\x90\xa1AIgVA\xa6J\x80\x9cT\x10\xec\xfd\xfd\xea\xae\xf9#U\xef\x83&lt;\xa2\x10\xf1\xe1\x95\x13\xe3s:BX\x81l\xfc\x04{\x8d\xc5)\xf8r\xff\xc3\x9dc\xa5sHo\xb5\xd8\x07\xd7B\xfc\xab\x17\xa6\x14\xb0\xb6\x08\xf4J\xa7s\x952\x80i\xbd\x9b\x12\x11W\\vc\xff\xf2]\xf3G*\x9d\x10/q\xf3\xe0J\xe0\x13\xff\xc8\x8d\x03+\x00\xc4I\tS\xfc\xab\x9b\xfa\xbfA\xfc\'&gt;\xe6\x93\xc0h\xdc\xca\xca\t\x1b1\xb4\x0c\xf2\xe6&amp;\xf1\xf7\xb7\x8fj\'\xfd\xb2#j\x16\xe0qp\xf9\xf8\x1f\x9e\xa1\'g\xe3\xad\x9c!\xc5t\xb6j\x8c\x9dz\xa5\xa6\xa9=\x1b\x97\x94\x9f\xe2\xe3?\xd5\x80\xb5\x17\x001\xb4\xd3l\x98\x82\xab\xbb\x17\xf3\xffU\xd6\xdc\xd6\x85\x9c\xd1\x13\x82\xb9\xc6\xbb\x98\xf1W\x80\x86\xd1\xf1y\x8da\xa18/\xc2\xcf\xa3\xd9\xa2\x8a\xef(\xa6f\xc4\xc6\xdaNF|!\xb7d\x14\xe8d\x8b\x97W\xb4\xc8l1\x9f\x0c\xde\xdcP\x9e\xfd\xbdR\xc50\xe4ue:2\xb4\xafRL\xe4;\xfaA\x98\x13\x0b0\x91*\xd5\x1ap\xd1p\xc70UE\xc1A\xb3\xeaE\x0f-\x9f0\xa4y\x15\x93:\x93\x80\xf8n\x8c?% f\xc1\xdc\x80\xdf\xefW\xf7\x12\xd1\x84.\xf5\xe5\x1aD\x84h%V\x1a\xd8$\xb8\xbcLA\x86Y\xd0\xf2k\xc6\xbe\x91\x117(\x95=I\xb8y4\xd6\x92\xf3\xb8s4\x1d&lt;\x7fE\x8d\x08)2\xaec\xdd-3\x06\xad\x99\xd0\xeb\xc0\xd2q/\xaf\xa8$\xa2l\x9c\xda\x1f\xc0\xf1\xb5S\xb9\x1f\xa6\xb8\x94\r\x13\xec\x9a\x9e?k+\xdc\x91r\x16P2\xa2\x96A\x05.\xefZ$X\x00*\xba\xfcLO\x88\x82\xc6,)qi.\xf0\x86{\xad\x8b\xfb\xb3O\x83@\x1d\xadE\xf8oVi&amp;(4\xf6w\xcb\xabh\x895+\xe7\x99\x94hH\xf3*\x00&amp;wod\xbd\x91\xe4\x90\xcam\x9d?$\x82\xbf\x89yum\xdf\xddc\xeb\xfe/\x16\x00s\xb9a\xe5\x02#\x8c\xa7\x88/\xfd|h\xc5\x84\x0b\xdb\xe6M\xed\xd9Xu\xf3\xc8\x90\x8d(\xc89\xed\x84\xce\xf5\x01\xac\x1e\xdf\xd3\x8e(\xd4[\x98kP2k"\xc1\xec\xcf\xb9q\xb5\x94\x96pvAV\xa2\xd6\x15\n\n\x16\x00\x13\x8bk\x12:\x02rk5\x88\x15\x96\x8a\xfcz\x16\x80\x10w\xd9m\xec\xe8\xf6\xb5tt\xf4\x7f\x80\xfe\xe1\x15\xf8\xff\xa6\x8e7\xdb\x17-;\xf1i\xbd\x9a@\x83`\x99%\xf0\xb6\xa5\x06%\x9d\x95\xdb\x00\xbf\xc7\'\x0e0kB\xe3\xfck%\x98\x98\x94\x94\x89h\xc7\xdca\xbc\x19\xfb\xb9o\x16\x1b\x85\x89C\x8c\x1a&lt;~\x85\xca\xee\x99\x96Fv\x8e\xb1\x02\xbc\xfd\xd51f{\xd7\xf8\\\x19\xac\x86,D\xc0\xef\xfc\x9c\xab\xe4D&amp;\xca\xb4\xc59\xe2\x15\x8b_\xec\xe3\xca\xee\xc5\x1d\xaa\x167\xbd[\xc3D\xee\'\xd6MW&amp;\xfc\x10`\xd1\xb0\xf6DTL\xb4OW\xa8\xd3\xdc8\xb5\xbf\xa3\xfe\x81I\x02x\x1b\x19Q\xc3\xa4\xce\xe2\x02%\xec\xad^\xcb$\xe9\xed\x11h\xbf\xc5&amp;\xba\xd4(\xc5\x9f\xae\xdb\x04\x17v\xe0\x91Ly\xaaYA,\xb7\xa4eP\x81dDY\x88\xea\x97\xc8\xdb\xbb~\xe0\x1f\xbf\x1c\x10\xec\x03^_\xdf/y\xba.{\xd6,\x18P\xc5)\x9d=\xea\t\x1a\xd44D\\\xd8\xbc4\xb2\xb3\xc5\x83\x8a\r(\xe8I\xd5*bN\xaef\xecs?\xc42\xae\xecZ4\xa8i\xc8\xae\xf9#\xf8\x07]\xacc\xd3\x94\xc9\x99\x82#\x8c\xabV \x1bw\x9b\xbd\xba\xb6WoWv\xf2o=\xbb\xb0CK\x0fZ\x1c\x98\xaa[\x84\xff\x0e\n\xa6\x95M\xbdW@\x12\xabU]\xf2\xb1w\xf1\xe8\x9eu\xcb\x96\xca\x96D5s\xc0Q\x94\xc1y\xe3\xc0\x8a \xe7\xb4\xec\xb4t\xdaB^\xec\xc4\xdf.\xee\\&lt;\xa2\xc3\xf0V\xa1\xc0\x1bH\xc1\xe2\x8f\x15\x03\xc9\xa3\x15\xb7\x1d\xcd\xedW\n\xa9\xac6\xc5+\xd0\xb4%,x\xcb?\x0c\x86Sq\xe2\xa7+9\xabba\xb0\xf5\xa0@\x00c!\xb4\xb0z\x00\xc0\xab\xab\x82\x83\xac\xe0C\x1c\x14\xb43eX\xf1\x1cV\x92l\xe4P\xc53\x0b\xbe?\xd6R\x80\x96\x96h\xfe\xe0\xb6\xfc#5\xf5Xs\x1f\xef\x1e\x17\xcc\xd4\x1f\xee\x1c\xed]\xbf\\\xf3r\x9e\x8d\xcb\xb8\xa9\xb2\xa4\xe5\xe4-!\xc7\xd6L\xf9\xf6\xe4\x9c\xe4\xec\x0f\xc0\\+ij\xcf\xc6\x8dJ\xbb\x10\xd1\xcb+\xbb\xcd\xecW\x1b\xb8\xe8\xa8\x81b\x19~v\xec\x88\xd6a\x06\xae\x1e\xcb\xea\xe4\x16B\xd9\xa5T(\x9dz\xba\x9d\x90\xc1\xd5T\xf0\x0b;\x044;D\xd4\xb7a\xf9\xe9}\x9aY\xd2\xbf\xb95\xa4qE\xb6\xf2\xf8\xcc\x16q\xd0\xc8-Y\xd4\xb3\xef\xce\xbb#\x01\xdc;\xbe\xfeg\xfa\x80\t\x90\xcb\x9f\x11\x0b\x9c\xfa\xc4|\x84\xb4\xc7\'\xd2\x89v\x00\x0cK#;\xefY\x18E\x1d\xa1\xec\x9crM*C\x14*\x82\xa43\xe9\xe3\xdd\xe3\x9a\x07+\x01\xfb8\xb2\x13[U(\xc89\x85\xf4\xe2\xca\xaeEZfp\x85y\x93\xb1\xfen\x999H\xcb\xe5\xe4\xbc\xcfq\x18\xb7\xd0\xc5\xd1oUl\x9e1Hu\xf9\x99\xda\xb3q\xac\x8cE\x1f\xf0\xe5~\xa0S\x9a8g(\xe0\x98%\xf3\'\x8fz\x12\x874\xaf\\\xa3\xd0\x7f\x94\x964n\x03\xbf\x1a\xd1\xb7A\xf9\xfe\xe1\x15\xe4(\xda\x05(\x99-\xb1\xdc|\xbdaj\x7f\xf6B9&gt;Q \x8d\xd6\x05@|\xae\xe19\x94\x83\x1dQ\xcb \x1d!2S\xc0\xbe\xd9P/\xfbP/\xe3\xdc-\x1a\xb5G\x14\xa0\xba\xf2\xb1D5\xfeWl\xe9\xd7m\x12\xe2\x8fR#\x00\x05\xfah\x86\xf1\x9d\xeaYr\x89j\xde\xd9\x88(\xb5edm\x82\x02\x97\xe4D\x00TS\xc0\x15pm\xefR\xed\x8d3\xca\xdfl\\\xf1\xe3\xcb+\xbb\xe3\xc4\x14\xfb\x8f\xa3o\xc3 \xbd\xa7\xf4\xae_\xee\xcc\xa6Y\x1c\xaf\xa42*\xb9e\x90\x9b\xaf\xb7\xcd\x1e\xfa\xef\xf3\x8b\x00\xa6\xf4\x08W\xb8w\x03r\xa72\xbc\x00X\x08\x00\x83\x9bU\x8e\xab\xa8\xa3\x85\xac\x0fZR\x0c\xe3&lt;\x1f\xc7%I\xdc\x13\x1dZ\x15\x97v,\xb0j\xff\xa77\xce\x04\xdey\xdb\xd2\xc6\xa9\xfd\xe5~\xcdryR\'!\xc2\xbf\xcf\xf8\x07\xf9\xdb\x929\x03[\xf3\xdfrOA\xd5\nd\xb3\xfc\x99\xf2w\x90\xde\x88\x8a\xa39\xd7\xf6,yp*\xb6\x85}\xe2\x1d\xe2\xa4\xcaT\x9c\xb3o.F\xb7\xab\xa5&gt;s\xbf\xba\xaa\xb0\t\x18\xdd\xbe\x16&gt;\xde\x89\x93\x05@{\x91\xa4F\xe8\xb2\xd1\xaa\x8a\xfc\xc5\xa6\xe3\xe4\xfa\xe9\xba\xda\xf7\xac[\xd6:\x03\x89\x8fH&amp;\x8a\xff\xfbd4\xb9:\xc7r\x9c\\?\xddQ\xfe\xdd=\x0b#\xb9\xe7j\xf1\x88\x8e\xaa\x19w\x0c\x1a)j\xfcs&amp;7\xe5\xa1+\x933\x858\xa9\xf4\xff\x11\xca9?\x92\xe5\xb5q\x08|\xb9\xaf\xa5\xd9\xf7\xa7\xe7\x95g\xedck\xa6\x00h\x1c\xb3\xe6\xd9\x8e\xf7\xban\xf1&lt;\x9b\xa6\rP\x9d\xfd\xb50\x10\x00\x88\xcf\x14r\x02\xfc\xfb\xfc\x92\xb5\xdd\xe8\xdbf\x0f\x19\xd4\xb4\x92B\x03V\'\xa8\x80x2!Z)KR\x12s\x07\xb6\x96$\xe3d\xe2\x9d\x06\xa0:\xfdm\x9b=T\xee\xad\xbe\r\xcb\x97\xb0\xb7\x91\xf3\xd4\xe3\xdbc\xee\xb511\x9fX\x00\x80\xc6e\xf2\xeb=\xeb\xff.\x08l\xd5D\x05\x8d\xe0s\xb7\x05:\xd9z\xa4\xa4\x01\x8d+\xf2\x1b\x88\xfdB\xca\xb3\xf6\xfe\xa5c\xc7u\xac\xfb\xe0\xe4F\xff\x9c\xc9\xe5\x98\xce\n\xa5\xa3=\x0bG\xbd\xfd\xf5\xd0\x86)\xfd\xe4\xfa\xf9\xf3\xe6a-\xe9\xfe\xba\x0c\x96\xcazJ\xd5,\xc4\xd1\xd5\x93-\xeca\xcf\xc2Q\xc6N\x0c\xc9\x9fQ\x81X\x8b\xa5]\xf3)\x9e\xf8\xf7\x80Bj\xa6\xb5\xd1\xadf\xec\x95\x7f\x97\xc9\x95\xa2\x00\xcf\x0fX\xbfD\xde\xab{\x96T\xf1\xc8\xec\x14\xf3\x8e\xda0\xb5\x9f\\\x0frwR\x83\x92\xce\x05\xd2P\x91\xf4\xf4\xef\xf3K\x92\r\x00\x94\xcd\x9d\x92\xdd\xe3F\x86\xae\x01\xf9\xf40\x8e\xb1\xc7-Y\xcc\xdb\x80\x88\xba\xd7\xf67v\xf5\x12\xf66\x90I\xdf\xe0\xf0\xf8\xcc\x96\xba\xc5\x85lU\x02&gt;\xb8\xb8\x8eU\xff\xff\xc1C\xca\xe3xa\xfb|\xc1\x11\x15\xbb\xfd\xfd\xadN\xd5J\xf4m\x18\x14\xea\x955\xab\xd4"\x97\x85\xa8\\\x9e\xd49\x89B\xbd\xeck\x15\xcd\xd5\xb2\xbc\xb7\\OL{\xd6D\xe0\x9f\xa7\xb1\xe0\x841\x0bk&amp;\xf6Z?\xb9o\\\x8fB\x07\x1c\xe3z\x00\xda\xd1\xa2\xbc77\xbf\xa4 \n\xf5\xb2o\x19T\x80%JE\xb6\xad.h\xcc\x96\x84LR\x07\x15 \xd7`\xe1\xb0\xf6dM\xfa3-T\x8f\x1c2\x9a:\x12\xe6zv$\x82\x19\x0c\x13\x85\xfe\xefv\x041Q\xb3p,Ib\xf4\xac[V\x9c$\xcaP\xabh\xae\x8e\xa1\xbe\xe2\xe3\xcaK\x80OF\xaaY$\xa7ra\x013\x10\xd2\x13\x85\xfb\xbb\xc9t\xf3F\xbc\x81H\x80\xaa\x101\x00`\xf5\xf8\x9e\xda\xdb\xfb\xe7TJ\xfeT\xa6\xce\xf6L\x950$D\xe2\x1co\x7f=\x04\x80eX\x95\xcd-4\x822E\xdf\xedC[\xc4pH\xaa\xea\xc1\xfdvq\'\xff\xdf\xf4"\x13\xdb\x14\xe4\x10\x95P\xe9\x15\xaa;\xb2j\x92Y\x83\xd1x\xbfYi\xe5\xfb\xaf\x81}M\xc9\xd5\x02\t\x16\xa2Hz:\xbdq\xd6\x85\xed\xf3\xc5\xa6\xf1\xc0&amp;\x95.\xef\\\x08`\xf1\x88\x0e\x82\xb7\xb6\xcf\x19&amp;3k\x03@N\xa2Tz\xd2Q\x18+!\x1f\x87\x96O\x88\xe7\x93W\xb3\x00\x0f\xf7\xe4tj\xc3\x0c-\x8d\x8d\x11\x19\xf9\x8a\xf6*\xfc\xe0\xbe\xeaZX\xa7\x98\xa3\xf6k\xc5\x9d\xe3\'6pu\xcf\x12\x85w\xb9\xbbNR\xaa\xf7\xfc\xd6\xb9\xa6\xd8\xc8a\x05\xb2\x99\x1b\xf3\x0b\xc9\x9fq\xdd\xe4&gt;\xc53\xd3\xad\xc3\xab\xf9\xc7\x05\xff\xc6\x07\x008\xbaj\xb2\xaeS\x94\xe3X\t\x0f\x86uN\xea\xf9:\x15\xb4r\xd2\xe2\xf69\xc38v\x1d\xbb\xe8\x83\x91\x115\xfcr$\xe3\x9e\r\xc1)\xb5}r+,\x00\\3o[M\x1bR\xa7\x98[\x8aQ\xedjZ\xfe\xa1\xac\x8d\x1a\x85\x1d\xc8\xca\x1es\xc1\x16\xb8\x84}".&lt;\xdb2\xa8@\x9c\xa7{\xfeg\x80\xaf\x0f\x00\xc8\x95\xc8\xe1\xd55c\xb3\xbf\x01\x95\x95Q\x11:\xee\xfc\xbe\r\xcb3\xb9f.V\x84\xb7\xbf\x1a\xcb\x00\x1c\xd8\xa4\x92\xf5\xac\xf2\x82i\t@`\x9e\xff\xb6\x8da5x\xa4$I\'\x8c\xb5aO\x94\x9b\x88\xa3\xe8\x11\xbc\x9b\x9e\x08\x9f\xefI\xce\xfe[y:\xa8\xd5\xbc\xb3\x8a=\xee\xe2H\xc3\xe33[\xf8=\xfcL S\x05\xdbR\xa8\xba\x144\xd6\xfd\xfe\xe7\xd1\xb5F\xe9v\x95}\x067\x0b1pn\xad\xa2\xb9\x0661b\x8d\xc6\x8e\xc0\x15\x00\x8e\x86\x1d\xc0\xf8\xceF\n\xd04jN\xfcD\xdc \x99\xd5\xa4\x96\x81w\nu\x9eGWM\xfe\xeb\xf1\x196)7\x0f\xf4\xb4\x8b9\xe3\x14\xcb$\x1d\t\xe0\'\xffK\xe6\xc8\x0b\xd2\x03\x04\xde\xa4\xd6\x15\x0b\x19\xfe8V\xc2\x83\x93\x1b\xcd\x15n\x14;\x9a\xad\x01g\x1b\tg\xabX&amp;,\xe7\x7f\x8b\x98Z\x12\xc52\xd1\x99M\xb3.\xed\\\xa8\xdcl\xf7\x82\x91\xd63\x84\xad\x04\xbe\xe7v\xdd\xe4\xbe\xad\xccf\x1b\xabU\xd4Js\xcf\xff\x01\x04&lt;\xba\x93\xbb7\x8ao\x82\xb7nje\xfe\xf5|\x9d^]\xdb\xc7\xa6fqV~#?W\xf1\x02\xa0\xcb|o,\x8a\x00k\x9c\x1c\xa7\xf4\x08O\xe8[\xca\xbb\xc7\xd6q\xdf\xbf\xbb~\xae\xc8P\xef\xac\xaal\xe0~\x0e\xc2LZ\xc9\xb2/]q\xe9\x04\x07\xe6\xa6\xb3S\xdb05,\xedrr\xfd\x8c\x04\xb7\x00\x08\x10g\x04\xf1\x8a\xb06\tf&lt;E%7\x95*\x92\xd4D\x0eDE\xd2\xcb\xe6\x14\x8bab\x91NDH\x11\x8d\xeaE\n!\xcc\xdd\x0b"\xc5k\x00\x7f\nW\xb0 V\x8c\xe9*&gt;\x97\xa327\x17\xe5\xf3\xc6k\xcey\x03\xf3\x8eg*\n\xf7s5\xe5\xea\xb1\xb3#\x89+\x9c\xd94\xdb\xde\xa8*\xafUK5\xaf\xecZ\xd4\xb3n\x80\x15/\x10\xa7(\x95=\xc6\xb4\xc1h\xd8U\xc1\xa7Y\xfd/\x83Q\xbaw\xa9Q*\x05\xd1\xb8Nu\xb5{\xee\xea\x97\xc8k\xd6\x18\xf2\xdaP\x99\\)-\xd4V\xc9 \x95\x12\xfa\xfd\xe9\xf9e\xa3\xbad$*\x9a\x91\xaazf\xe1\xfbO\xd2\x10\x058\xa6\n\xf5\xce*\xe5=z^\xc9-cB\xb7\xeb\x15\xa0\xa0\xd2\x1e\xcb\xb5\t\xc0\xbf\xfc\xe7lf\xdf\xe6+\xc7u\x1f\xd3\xa1v\xec\x8e"\x01\xa0w\xfdrV\xed?\xc01\x9e(H\xc6\xc0\xaf\x07W\x8a\x0f"&amp;\x81\xb3\x1c\xbc\xa3W\xda\x88\x90"\xc0[v\xe2\xffQF\xbf\xc6\xca\xf1\xb2\x9a\x85^\xad\x04\x1b\xa2n\xb5\xfc$\x0b\x1dS\xeb4HsDg|f&amp;Z0\xb4\x1d\x00\xcek\x04`D\xeb\xb0&gt;\r\xca\xe3\xcb\x03|y\xb0k\xfe\xc8\xa5\x91\x9d\x7f=\xb8R\x10@\xfe\xed\xc2\x8en5\xfdL\xcc\x92\x16\xc4\x1e\xe2\xff\xa2R\xa3\xb0\x83r\xca\xbfU\x01\xfc\t a\x15\x9d\xc5\x0e\xf0\xf1\x8e\xf2\xac\x97^\xb4\x7f\xaa\xea\xa5\xb2K\xe7\xe78\x18\xbb\xe7\xd3\x12\txV8\xe8\xaa\x02\xa3\xe8\xe0\xe2X\xd1\xdao\x8a|M\xfca\xf0N\xd8(\x92\xde*j\x1e\xe9\x89\x8e\xac\x94\xae\x011\xec\tMD\x94\x8ah\xf1\x88\x8e\xdc\xe4&gt;\xaa]M\xbc\xbd!e\xefsx\xe9d1\xe7\xf0\xbf\xcf/\xf2\x1f\xbb\x96A\x05&amp;wodY\x97V\x81\x1c\xf9G\xb9&lt;\xa9\xcd\xf2&gt;\xb3dv]\x1b\xbb29S\xb0_\x82\x12Z\xd0\xcf\xda\x85\x81\x00F\xb6\x11\x16\x06\xeb\x82@5\x9e,\x9e[Y\x12\xdd\xa8\x88\x1a\xa1R+\r\x80C+&amp;Xv\x85\x9f\x887\x00\xd0\xbb^\xb9\xad3\x07\x9b\xd2\x9bF&amp;\x9cDD\xed\xab\x14\xb3\xe4B\xc52\x11&gt;\xdd\x030g@\xab\xbc6*e\xc3\x92\xd57z\xb1xDG\x811e%WbF"\xc9\x07\xcfrt\xa9^\xca\xc0Y^\xa9))Q\xb1LT\xd5\xd3\xa2Q\x01\xf8t\xef\x04%4\xe1\xb0\xd8\x01Kx\xd3\xde\xde\x8e\xf7\xda\xc0\xba\xae\xfc@p\x1d\x02\xdf\xc5\xef\x0eo\x1d\xf7F\xb78\x91\xcf,\xe3\xe6\xff\x0e\x8f\xceln\x15T\xa0L.sbtb\x99:q\xd1H\xb0k\xfack\xa6\xe8\xcdV\x12;\xbe\x8e\xae\x9a\xdc"\xd0\x8b\xd1\xad\x08=\xfd\x17wr\xaf9m\xa0\x84\x02\'\xa2\x7f\x7f\xbb\x18\xd7\xa3\xf8\x89X\x85\xb8$\x9b\x83\xc0\xec\x00&gt;X~9G\xc5w\xb9M\xa4\x8fA\xa2RkAa7f]z\xfa\x04\x81\xc4\xd6\xcc(\xc8\xafy\xc3\xcf\xd7\xda\xde\xb30\x92\xcb\x8cIE\xb4|tW"*\x995\xd1\x91\x95\x93\x04\xa98.\x89U&lt;\x03\xe2[\x91\xef\xeb\xe0\x87\x04*\xe5\xcf\x98\x8c\xa8`\x1a\xab\xf8\xe5c\xa1\xf4fV\xbf\x16\xa6\x983\x16\x86\xf2\x13:\'R\xc2\x02\xfe~\xf2\xe6\xc6A\xf1\xf1\xc1\xcdBz\xd5\x8b\x91\xc6c`\xff\xa4\xac\x9d\'\x07\x85\xbd|\xfd\x92\xa6\xe5\x89\xfc\x84\x99\x00`\r\xc2[\x07\xa2\x07\'\x95\x94w\x9c\x88\xf2J1\xab\xf2}/\xc0\x0b\x85yM\x17\xbb\xec\x7f\x1b\xa9\x14\xe3l\xe2\xbc{9\x049\x9b[[\x16\xdf\x11\xb7\xc5\xdd\x92\xd3\xb7v\xe4\xd0\xec\xc4pI\xac;\xf2in\xf0?\r\xd1\x99M\xb3\xe3[\xbd\xd1O\xc8b\xd1\xf0\x0e\x02\xce\xcc\xb1\x1d\xeb\x08\xda$\x96\x9a/8\x1fw.\xa2\xa9\xbd\x9aHv\xcef*o[\x02&gt;)\x0f\xa3n\xf1&lt;\xec\x16oQ&gt;\xb6\xc5r\x7f"\xfe\xa0z\xc1\x1fE\xc1\x01\x8e\xa9\x80/Z\xce\x8a\xffD\x02\xba6my\x88\xc2\xfd]\xffzt\xc6\x8d\xb7\x9ak\xe9\xc1\x9e\xa8S\xb5\x12\x06\x86\xa7\x17\xd9\x88\x9e]\xd8!\xf9\x96\x85Y\xddZ\x90N\xa78\xf0O\xc8\xc25\t\xe1\xdb#A\x8d\xd2\xd2\xc8\xce\xe2\x96\xec\x11\x93K\xa7M\xcck\x06|\xa8\xed\x13e\x01\xf0\xd5\x01\x03\x9d\xd2(\xf8\x0cKdM\xf4\xf4\xdc6-c\x0eq\xcf$\xd8\x0f(\x9b\xb2\x0e\xf2oq\xe3\x8ce\xc4\xc2CbmX\x83(\xdc\x86\xe8\xfa\xde\xa5=\xeb\x94\xe5\x8e\xac\x18\xdb\xcd\n\xd7I\x18@L\xe2\xee\xf8#\x9c\xd9\xa2\xbc7\x80a\xadB\xe3z \x16AP\x00\x11;\xbcI\xb1\r;E\xc1\xd8v\x95}&amp;uk\x08@&lt;/\xcb1\xe9\xdb\xc5\xfc\xf7\xe5\x95=\xc5E\xe1)\x00\x83\x9a\x86$&amp;*\x9d=)\xc74\x90\x9dh\xfe\xe0\xb6r#\xd9\xb3h\xd4_\x8f\xcf\xca\xfd\x06\xca\xe94\n\xc5MD\xb4j\\\x0f9\x06.\x9f\x8cq\x93\x1b\x10\xffk\x02\xe2\x10n\xc9bx\x0b\x03\x9dl\xff\xf34Ar\xa8\xe7\xeb\xf4\xee\xd6a\xee_\xbc\xb9!h0\xa5G8i.p5\x11\tH\x00\xd5D$\xc8\xfa`G\xf9\x9dc\x1e"\x00\xeb\xa7\xf4\x1b\xd1&amp;\x0c_\x1e\x08\xde\xd5\xb8\x91\x04&gt;\xfey\xf3\xb0\xe0`^\xa2\x8dS\xfb\x0b\x0e\x96sL\xad\xa0/xp\xd9x\x00Et\xa9\x9bk\x83\x8d|^y\x97\xea\xa5~&amp;\x87\xc5\x7f\x008\xb2rR\xb7Z\x06\xd5\x01\x13"*\xe4\x13n\xb4%yD\xd2\x105\rp\x8f\x95\x11\x19A\xbc\r1\xa5 \xf2\xb6\x95\xe0\xca\xf6\xc9D\xed\xab\xf8H\x9e\x12\x8f\x90\x94h\xdf\xe21\x1a\x1b\xd7.\x9aK\xae\xba\xb2c\xa8/Wz3\xb4EU\xe5~\x80wD4oP\x1b\x81\xb9\x1d\xea\x9d\xd5\xd7^\x18\xde\xe5\xba\xe5C5\x8dt\xfd\x94~g7\xcf\x01\xd0\xa9\x9a\xaf\xa4zI\x88\x8c:\xf6\xffQ\x91\xb7\x95\x91\x85HR\x97&lt;naOt\xef\xf8\xfa\xb8\x1d\x8319\x1d+\x81\x1f&amp;\x89\xcf\xd89oD&lt;\xe7\xbf\xd2\x8b\xd5\x13z\xf1\xff}pjS\xdc\x8cc\xcd\xc4^\xea\x8d\x88H\xb1\xf0\xaaU\x85\x82\x923\xb5$\x00$\x89I\x18\xe9\x10mY\x8b\t%\x065\r\x01\xe0\x99\x8a\x88(3\x91[R\xeaUO\x13\x9f\xc9\x8a1\xdd\xd8\x90$Ys\x81?\xc2\n\x08o}\x00\x93\xbb7\xc2\xb7G~9\x92\xe5KD\x91m\xab\xff_\x19\xf5\xbd\xb5}\xb1\x1aQ.N\x153\xe2\xad\xc1\x18\xafP\xa3P\x0e\xed\x8f\xad1\xf0\r:\xc35\x92v&amp;\x0cD\x13\x00\xf8f\x89\r\xf1\xf6&lt;Q\xa6\xed_\x9b\xa7\x0f\xe4.\x1d\x0b\xd7\x15B\xd5\x01W\xd8\x8e\xca\xe4J\x99EM\x02\x8c\xcf\xa1v}\xdf2\xd5\xeb\xf2\xd3\xea\xdd\x92\t\x89\xa6\x95\xa1\x90q(P]g\xe2\xa8\x07\x96\x8d\x13\xb7\\6\xaas1\xd1\x87\x07\xb0hx\x07\x00~\x0e\xc9\xab\x17\xcaQ\xa7\x98#\x80\x04\xe7\xa3,\x92^_q\xaf\x03Q\xcf:e\x03\xf3\xd8\xdaYmH\xb1\x8f\xf8\xc9\x9c\xc1`\n/\x8d1\x88+\xc0\x00X\x9b5\x8fe\x1f\x95\xc9\x95\x82op)\x97\xf8\xfe~eOY\x93\xcaEuA9\x04h"\x80{izr\x00\x00 \x00IDAT\x0fY\x85G\xe2b\x01\xc8KT\xb7x\x1e;3\xba\xfax\xf78\xb7\x068\xc7\xc6"*\x01\x00\xcaO\x97Wj\xba{l\xdd\xe5]\x8b\xf0\xfb\x15\xf1\xbb\xdf\x1e\x9f\x8d\xb5; \x01Ap\xa7\xc6\x87\xea|U\x88\xc5\x1e\xac\r9Z$\x05\xa4#21R\xa5\xe0\x1fQ\x9e\\z\xd5+\x17\xcb\xb3\x8f\x9c\x03\x96\x83\x9c\xb0\xfb\x7fF[O\xfc\x85\'xgC=_\xa7\t]\xea\xf7\xa8]\xa6}\x15\x1fV[\xe4\x16+\xf9\x89\xae\xbc\x80z\x01\xd1C\x90ET\xa4Z!_:\x00\x8b\x87\x0bu\xe1c\x07\x1d\xab\xc5\x81\x1c\xa6a\xc4\xbe\x13\xe7gR\x931\x18x\xd6\xb8\xb5\'$\x7fF\x00\xc07I\xebG{\xc7Z\xca+\x9b\x94\xcd\xaf\xb9\xbf\xff/\x18S?\x8eG\xd8:+\x8a\xe2-"\xa4H\xbb\xca\xb1\x1d\xfe\x96\xab\xdd\x19\xdb\xa1N\xf1\xccq\x90\xdc&amp;\xc0\xb15SX\x81\xfc\x8c&gt;\xcd$\xc3\xccA\xce\t2\xfa\x9c\x83\xa8W\xbd\x80[\x87W7,\x95\xcfp\'\xa6\xd0\xe7)\x00\x1ad\x99c\xad6|\xfe\x90\x08\xf6\xa0\x9b\xebZ\xd4\xbb\x00d"\x02\xc0U\x03\xac\x1a\xdf3\xc1[\xa0\xda\x10k\x01x\xef\xff7[&amp;\x7f2#\xbb`k`\xd9\xa8\xce\x0eD9\x88\xea\x14s\x0ct\x8a\xda\x14h\xa9O\x9f\xd4\xad\xa1{\n\x8b\xf2"\xac\xc2\xab\x19\x13\xc6\xa4\xa0\xb4C\xafObR\xb7\x86\xe2&lt;]&gt;\x94\xbf\x93X`\xeb4=\xce\t|3|n\x8f\xdae\xb8\xd7\x1e\xe6y\xb9\r(\xf0\x00\xfft\xadY\xda\xb4\x11\xfc\x1f\xa3\x8a\xa7\xf4\xd7?{@\xab\xc1\xcd+\x0fi^9\xed\xffIV\x82^#67\x11\xde\xfc\x12\xec\x9a\x9e\x9bq\xbb\xd5\xf4\xab^\xc8\xb4udV\xbf\x16,?\xb7E\xa0\x97\xb8\xc4L\x80_\x0f\xac\x00\xf0\xee\xd6\x91n5\xfd\x8c\xf9\xae\xb43\xe7\xfc\x9f \x11\xd1\xaa\xf1=\x8a\xa4\xa7-3\x07\xc9\xb5\x99\xd9\xb7\xb9g*\xda9o\x84UG\x02\xa0W\xbd\x00\x85\xe2A](\x99M\xf7\x86aB\x97\xfa\xe2\x83\xcd\xcby*\x9f5\xb1k\x83\xd8\xbf\xa5\xb8\n\x1b|\xba\x1b\xeb\x17\xff\x0fbZLb\x9bX\xb0\x11\xe3\x0c\x07\x97\x8d\xd7\xe5\xc7j\xec\xefV0\xad\xd0\xa4\xad*\xb3\x9c*#\x19Q^\x1b*\x9d#i\x06\xd1q[\xa2\xf9C"\xb4\xc8\x82\x00hW\xd9g\xef\xa2\xd1\xe6:\x04\xd8w\x12\xecj\x85\xca4k\xc2\x14F\x1c\x00\xd9\xd4t\xe5\x1e\x9f\xdd:\xacU\xa8U%\xe5F\xb7\xaf\x95:N\xd3o$1M\x86\xf3\x8a\x0f\x13w\tb\x9c\xda0C|\x90\x8b\x9f\x030\xf0 t\xadY:\xbeq-\xaa\x86\x8ec\x93\x88\x1a\x1f\xef\xc4\xe2\xd5\x8cb\xf7\x82H\xfcq\xbd\x8ag\x96TD\xb5}rg#\xf2\xcf\x99\\K\x08&gt;HTvh\x18U&lt;\xb3(\xab{\x0br4\x9d\x88\xdaV*,h3\xadW\x93\xb2\xb9Sj\xdc\x7fUt\xb1{qy\x97\x9cK\xba\xa0\xd1]\xdc\xff\xb3&amp;\t\x00/\rN+S6}q\xa5J\xda\xbaB\xc1\'\xe7\xb6u\x0e+\xc9\xaf\x12_;\xb1ww\xb5z\xe38\xcf0\xb6\x93\x7fk`\x93`\x03\x1d\x16HC\x9f\xef\x9f4\xc0s0g`k\x03\x97\x8b\x9fP\xbd\x0f\xabxf\x89\xef\x11\x97j\x05\xb2\x01\xf8\xe3\x97\x03\xdc\x11s\xb7\xa2\xe2\x1c|\x012\x13\x01/\x94\x89\xc0\x01\xfc##f\xc2m\xae\xd3\xa8M.\xa1^q\x16|\x17\xa8\x14$,\x84i\x8b\x94\x00_\xe4\n_\xaby\xabD\xe6\xc5+\x87\xb2iY\xdb\'\xb7\x02U\x9f*R\x11}\xbe\x7f\xd2\x82\x0e~ \x0f\x11\xde\xdd2\xa5\xab\xc8\x88\x1a\xa6\xf4\xa3\x17\x86w\x1e\xad\x82\nH\x1e\xffp\xe7\xd8\xe6\x19\x03\xe5\xce\x02P\xad@\xb6X\x8e\x9br\x16\xed\x99M\xb3L\xef&lt;\xc1\x8b\x18T\xf1\xf8a\xf1\x8b\xa3\x1cm\x82\x0b\x8f\xebT\xd7D\xdb\xd6\xdb6\xc6\xe3\xfd\xe0\xe4\xc6\xb0\xe8\xd4\x1dF\xe9,.-X3\xa1\x97`!\xadS\xcc\x91\xbdxzn\xdb\x98\x0e\xb5\xc5\x04\x1db\xd8\x12\xcd\x8e\x0b\xc6\x828\xb7\xfe,\x04\xf0\xbb\xdc[v&lt;\xb6\x03\x00{\x17\x8d\xfe\xfc@zb\xcd/\x7f\x03M\xe9\x11\x0e\xbc\xd75$\xe7D\xb4w\xf1h]\xa7\xc8\xc1A\xcd-\x10kt\x8f\xfc;&lt;\xd6.:\xa2u\x98\xe1s\xe5\x98\x1f\xe3\n^\xf2\x069S-\r\xf7w\xe5\xbe\xe48\xa8=KpH\x16]A\xbedd\'9r\x88L\xfa\t~\xe7\x0ej\xc3O\xe2\x17dnh\xf1+%\'\x02pa\xdb&lt;\x9dW\x96\x9e\x8b\xad\xe1\xc7\xac_\xd2\xd9#\xbe\xf9\xa1\x8d"\xd4;\xab\xdcW4\xba]\xcd\xa7\xe7\xb7\xb3\xd7\xfb\x96\x8c\xb9w|}\xdf\x06\xe5\xc5\xcd6L\xe9\xa7P\x01\xfe\xfa\xfa&gt;\x00\xdc\x02\xd1\xd8\xdf-vv\xcd\x1a\xb7e\xe2\xaa\xab\x84\x9b\xe6Q*\xbbp\x8fvi\xe7\xc2K;\x16\x18\xe8\xaaL\xae\x14\xccT\xfc\xed\xe2N\xb96\xfb\x96h%\x1f3\x05M\x03&lt;b\xf3rbH\xde\xb7\xbb\xe6\x8f\xe8^;\x012\x12\xe6"\xcaN\x04\xbc&lt;\xbaj\xb2)\x1df%\nt\xb2\xdd4} \x00\xbb\x98oE\x84H\xcf\x0e\xb1\x19b\xeaP\xb5\xb8\xe4qc\x05\xc3]k\x96\xd6\xe89\x89\x0fpO\xfe\xa3\x06X\xecF\x1b\xd3\xa1\xb6\x82\xab\x17\xf8\x83{\x1d\x94/\x9d\xb8@\xaf_\xa3\n{\x17\x8d\xf6Q\xdc\x07\x01\x9f\x000\xe5\xd1\xb6\x95\x8a\xfc\xc9c3\xb6\x1e\xac\x9de\xab\x0b\xbd\xea\x06\xa87\xb2\x02\xf6/\x19k\xf8\xdchF\xc8\xd8\xae\xc4f\xf8\xfb\xd9\xf98\xb9\xae\x02n\x1fY#8\xf2\xee\xd6\x91\xad\xb3\x86XORW\x072k\x8b\x80s;#cV\x98\xc6\x0c\x1c\x8d\xbd-\x1b\xd5\x85\xc9/L\xec\xd2`\xc9\xc8N\x06\xc6\xa3\x1d\x00L\x94\x87J!\xfawz\xef\xa6\xe6u\xaf\x84@\xfd\xd4l\xc52\x11\xdeF\xb1\xc6\xef\x9c?B\xe0^\x07\xd0\xb8\x8c\x9b\xdc\xb9Ob\xaa\xf1\xb4\x08\xf4\x124\x18\xd0\xb8\xa2*\x05\x8dK\x92\x1f\x1b\xc1\x0fw\x8e\x19~^\x1c\x88&amp;w\x0f\x97\xccx\x89\xe7\xb8\xbeoYN"\x00%D,\xb9V\xc5_\x8f\xcf\x18&gt;7\xbe\x877\xe3\x01\xacM\xc0g&gt;\x02\x9dl\xd9\x1a \x170\x15\xb8hr\xc7|=\xb3osN\xe5\xd13\x15\xb9Ky~\xd3\xe8!\xfah_\xa5\x18\x11\x15\xcbd\xad\xc4\x8fDD\x8bGt\xb4N\xdf1\x10\xcfsC\xd7O\x91f\xff&amp;\xa2\xad\xb3\x06+\xdc\xc4\xc0\xf3\x05C\xdb\xf1\xfe\x05\x80\xda&gt;\xb9\xf9?q\x98\x86\xf2\xec\xeds\x86\x99\xfb\xa8\xa8\xa6\xde\x1b\x80\x9fC\xb2\xab\xbb\x17w\xada\x95\xa2*\x97\xd8\xda\xf06.\xf3\x83\xa4\xc1\xc7h^\xa4\x9d\xcc\xf1G\xa77\x1b\xec\xf1?\x84\x90\xfc\x99&amp;vm\x10\xd7\xa30\t\xcd\x03\xbd8?\xaf\x18\x8d\xfc\\\xf9\xe1\x94J\xd1\xdcO9\x88$\xb99\r\xc05\xa9\x99DZb\xc4\xb7XV\x9c`\xed\xa4&gt;sE\xf9yl\xd1\x1d\xd9F\x89+\xbb\xb2{&amp;\xbe\x07\x8fc\t\xe4,\x83\xcd3\x06\x99\xfe\xeb\x19\xa9\x1f!Z8\xac=\xff_\x85\xb8\xf4\x7f\x18\xc52\x11\x80\xe7\x97v\xc5\xf5@\xac\x8e*\x1e1n\x13Ic\x94\xc1,v\x16{\xa2\\D\x95\xdd3M\xef\xddT\\\xe5\x9a\xc0\xb6\x02\x1c\xdc\x92\xc6\xd8\r\xcc\x1d\xd4\xc6\xc4\xce\x076\xad\x04\xa0}\x95b\x1e)cH\xfa\x19@\xbc6\xb0c\x0bZ\xb2\xa1$\xc1d\x1e\x04\x07\xf3\xda\xd0\xaaq=tmc\x81\x17\xac}\xff\xf0\x8a\xc6F\x12k\xe0n\x18\x81\xf6\xd1\xb0\x96U5\x16+\xec\x9a?\x92}3q%\xfcRI\x8dk\xf3\xff\x19-e\xb2T\x15`\xbdb\xec\xfc\xc9\xa8_\xa3\xa0\xb8\\\x03,\xe7\xe1\xaa\xe7\xeb\xd4\xa4\xac;\xdf\xb8\xb3\x10w\x8f\xad\xc3\xcb\xcb\x00V\x8c\xe9F\xf2N\'\x92\xca\x13\x17c\xe7\xbc\x11\xfd\xc3+\xe8\x1dC\xec\x972\x9a%\xcc$9\xf2\xeds\x86\xd5/aZ^\xf2\x85m\xf38\x8b^\xfc\xae\x9c\xf7\x80\xb5\xe7\x07T&lt;R\x92$i\xe0\xfc!\x11\t\xd5,"""\x00\xad+\x16Rhpb\xdd4\xab\x0e@!6c\x0c\x9d\xaa\xf9\x92\x86\xda\x1de\x04\xe4\x8e\xabB=\xfa|\xffd\xeb\x8a\x05\x89\x08\xbf_\x1d\xd9\xb6:\x11\xa56\xa9\xd0\xddB\x14\xcd@\xc7\xd6L\x89\xcb\xbb\xbd[M?17\x85\xb3\x8d\x0ee\xc4}\x8bG3\x1d\x15S\xc6\x93?\xb9\x8e\x08\x89\x16\xed\x9e^u\x03\xf8\xae\x9c\x9b\x07W\x01P\xadT\xb4\xd3ry\r\x10+\\Z\x03\xaa4G\xcbGw\x15\x1f\x8c\x08)r|\xcdTc\xa57+\xc7u\x97\xfb\x99\x008\xc8\xa7\xed\xf2=\xda\x95\xdc$\xac\x0ff4\xcf\xec\xdb\xdc\xd0\xb8d\xa1\xf7g\xf0\xcb\x11e\xf6\x01\xc8%/\x04-\t\x00\xecS\xec\x98;\\\xae\x81\xce\xe1\xe8\x83\xf2\xce#\xd0\xc9\xd6\x00Q\xa5\x1d\x91rY~\\! w*;\xb56\\\xe4\x89c?5\x17-\xca{I\xa6\x05\xb2gd\xff\x92\xb1\xf8\xf6H\xfcnF\xa2\x14\xd1m\xe2\x1d\x89X\xbb\xcaE\xb57nT\xda\xc5\xc4K\xab.\x00\x96(\xcd.\x18\x12\x01\xa0\x9e\xaf\x93\xe1\x1e,\x84\xe9\x9b\xf3\x14DKGu\x96{W9\x9a7\xaeS]\xf1A-\x91\x95\xc2v\xb2\x95\xa2u\x8b\'lM\x9d \xe7t\x9e&lt;S\xf5\xf4F\xdd5\xa2b\x11v\x01\xf2I\x19\x9f\xe2d|IHZ\xd1\xfe9\x93\xf7iP\x1e\xc0\x90\xe6\x95\xf9l\xa3\xaaP&amp;&amp;\xe3\xe7\xf2\x1a\x83\x03\x11\xfe~ba\'\xd6@C\xa9)kF\x9ff&amp;_\xa5T\xbe\xb5\x13{\xcf\x1b\xdc\xb6\xb2\xbbt\x82\xcb\xc2a\xed\xef\x1e[\xc7f\xbc\xff\x82\xdb\xae\xa2\x8b\t.\xf7\x8a.vv\x8a\r\xc2\nfWP\x85T\xc6\x84.\xf5\r\x14\xa9\xfd\'\xf1\xeb\xc1\x95V\xed?\xa7\x9e\xa8\xac\xb1\xf8-\x87\xb2\xb9R\xde=\xb6\xce\x146\xd629\xe3\xb2To\xdb\xac!\xba\xdaC\x11\x16\x0e&amp;\x19Q\x9b`!\xb9\x16\x1f\x9b\xa6\x0f\xb0\xf0\x12\xf1\n\xdf\x1e\x9f\x1d\xdc,D\xee\xdd@\'[\xb2B\x01?[\x83\x13\xfc\x8c\x04`\xc1\xd0v\x004\x1a Y\x88\x065\xad$\xf9V\xd1\x0c\xea\xc9\x9d\xc1R\xde\x03-`;z]`\xb1\x8d\xce\xd5K\xaa\xb43\x1bGVNb$\xc9\xd6\xdbxW\xf6\xc8l\xca\x9dg\x89\xf4\x1b\x00K\xb6t\x0cI\x89\xe6\x0f\x89\xb0\xb0\x13k\x03//\xab\x12\xec\x08f\xed)=\xc2\x89H2[v\xef\xa2Q\xca\xb3?\x83*!\x1d\x07\xb1\x87\xa7DVi?y\\\x153*\x8b\x0e\xf9\xe5Hv~\xabn\x16\x001\xca\xe7\x15V-\xb2\xe0\xc7\xbe\xc5Q\x05\xcc\x7f?\xbb\xa0\xdc\x03\x00\xc3\xc4\x91\t\x1b\xb5\x8a\xe6\xba\xbewi6"v\x83(\xd0\x1e\x94\xc9\x95B\x92!\xdd\x1ahS\xb1P\x1e\x0b\x96\xee&gt;\xf5\x03w\xcd\x1f\xd9,.\n\xca\xdf\xdd:b\xd5\xfe\xb5\x18\x89\x8c/\x85\x14s!\x98\xd7\xe8\xec\xe6\xd9Z.*\xd8$\x1a\xb6U\x05K\x97\x85{\x08n0ft#\xdb\xf9\xd7G\xa7\xc7v\xa8#~+\xd0\xc96\r\x93\xc7x\x7f\x9b\x7f&lt;#Q\x8d\xc2\x12\x04w\xf8\xe3\xba\x96\xd9\x9f\xe1\xeb\xc3\xd3\xda\x07\xe9\xe7\x10O\xd3`\x13\xa9\x89Q\x03X6\xaaK,\x8c\xe4\xf0\xca\x89\xca\rX@T\xaf\xa1\x19_P\xad@6o\x8b\xcb\xe1K\xd8\xab\xc4\xd8\xcb\xe6N\t\xbc\xb6\xf421\xe1\x9c\x88\xea\x14s\x1c\xd8$\xb8fa\x87rz\n_;T-\x1e\xe2\x9eilG\x89\'\x93\x88&lt;R\xfe\xa8\x1ejU\xa1\xa0\xe5\xe3\xe4\xd0\xc8/\xca\x11)\x97_\xb1}\xce0\xbd}\x16\xd5\xe3J\xd4"C\xcaR\xad&lt;R\xaa\x87\x85&lt;5dy8\x8b\xa2\xb1\x00\xf0\xf1\xffBxdH\xf3*\xf8\xfeX\xf2-\xee\xf7\x17\xc4O\x00\x1c[=\x85\x88\x9a\xc7,\xa5\x96\x9a\xe7\xdf3E#\x00\xeb&amp;\xf7\xe9Y\xa7\xec\xc0&amp;\x95\xb8\xf7j\xfbh\xca\xd1+\x9e\x99V\x8e\xed.&gt;\x1e\'s\x99`\x81?\xa8V?\x94-\xa6\x91gz*\x94F\xd8G\xfd:\x9f\xe3\xe4\xea\x96Bn\xe6o\x19T\xe0\xca\xae\xc5\xe6^\x8b\x9b\n\xcc\xca\xc7\xeaU/\x8a8%\x07\x91\x02-\xb0d\xa5\xcf\xb15S\xbe&gt;&lt;-\x97\x8b\xc9\x19\x86\xe6z\x00\xfds&amp;g\xf3\xb5*1\xb2F8\'\xa2\xf3:\</t>
        </is>
      </c>
      <c r="E128" t="inlineStr">
        <is>
          <t>&lt;class 'numpy.ndarray'&gt;</t>
        </is>
      </c>
    </row>
    <row r="129">
      <c r="A129" s="1" t="n">
        <v>127</v>
      </c>
      <c r="B129" t="inlineStr">
        <is>
          <t>steps_per_sec</t>
        </is>
      </c>
      <c r="C129" t="n">
        <v>1900</v>
      </c>
      <c r="D129" t="inlineStr">
        <is>
          <t>3.343843</t>
        </is>
      </c>
      <c r="E129" t="inlineStr">
        <is>
          <t>&lt;class 'numpy.ndarray'&gt;</t>
        </is>
      </c>
    </row>
    <row r="130">
      <c r="A130" s="1" t="n">
        <v>128</v>
      </c>
      <c r="B130" t="inlineStr">
        <is>
          <t>Loss/object_center</t>
        </is>
      </c>
      <c r="C130" t="n">
        <v>1900</v>
      </c>
      <c r="D130" t="inlineStr">
        <is>
          <t>0.3543424</t>
        </is>
      </c>
      <c r="E130" t="inlineStr">
        <is>
          <t>&lt;class 'numpy.ndarray'&gt;</t>
        </is>
      </c>
    </row>
    <row r="131">
      <c r="A131" s="1" t="n">
        <v>129</v>
      </c>
      <c r="B131" t="inlineStr">
        <is>
          <t>Loss/box/scale</t>
        </is>
      </c>
      <c r="C131" t="n">
        <v>1900</v>
      </c>
      <c r="D131" t="inlineStr">
        <is>
          <t>0.066374786</t>
        </is>
      </c>
      <c r="E131" t="inlineStr">
        <is>
          <t>&lt;class 'numpy.ndarray'&gt;</t>
        </is>
      </c>
    </row>
    <row r="132">
      <c r="A132" s="1" t="n">
        <v>130</v>
      </c>
      <c r="B132" t="inlineStr">
        <is>
          <t>Loss/box/offset</t>
        </is>
      </c>
      <c r="C132" t="n">
        <v>1900</v>
      </c>
      <c r="D132" t="inlineStr">
        <is>
          <t>0.10118346</t>
        </is>
      </c>
      <c r="E132" t="inlineStr">
        <is>
          <t>&lt;class 'numpy.ndarray'&gt;</t>
        </is>
      </c>
    </row>
    <row r="133">
      <c r="A133" s="1" t="n">
        <v>131</v>
      </c>
      <c r="B133" t="inlineStr">
        <is>
          <t>Loss/total_loss</t>
        </is>
      </c>
      <c r="C133" t="n">
        <v>1900</v>
      </c>
      <c r="D133" t="inlineStr">
        <is>
          <t>0.52190065</t>
        </is>
      </c>
      <c r="E133" t="inlineStr">
        <is>
          <t>&lt;class 'numpy.ndarray'&gt;</t>
        </is>
      </c>
    </row>
    <row r="134">
      <c r="A134" s="1" t="n">
        <v>132</v>
      </c>
      <c r="B134" t="inlineStr">
        <is>
          <t>learning_rate</t>
        </is>
      </c>
      <c r="C134" t="n">
        <v>1900</v>
      </c>
      <c r="D134" t="inlineStr">
        <is>
          <t>0.001</t>
        </is>
      </c>
      <c r="E134" t="inlineStr">
        <is>
          <t>&lt;class 'numpy.ndarray'&gt;</t>
        </is>
      </c>
    </row>
    <row r="135">
      <c r="A135" s="1" t="n">
        <v>133</v>
      </c>
      <c r="B135" t="inlineStr">
        <is>
          <t>train_input_images</t>
        </is>
      </c>
      <c r="C135" t="n">
        <v>1900</v>
      </c>
      <c r="D135" t="inlineStr">
        <is>
          <t>[b'512' b'512'
 b'\x89PNG\r\n\x1a\n\x00\x00\x00\rIHDR\x00\x00\x02\x00\x00\x00\x02\x00\x08\x02\x00\x00\x00{\x1aC\xad\x00\x00 \x00IDATx\x9c\xec\xbde\\U\xe9\xf7&gt;\xbc@\xb0Q\x10\x10DJB\x90\xee\xee\xeen\x90\xee\xee\x14\xa4K\x10PA\x0cTT\xec\xee\xee\xce\x19\x1du\xd2I\xa7\xbb{=/n\xd8n\xce\xde\xe7p@\xe7\xf7\x7f\xbe3\xe7z\xc1\xe7\xb0\xcf\xae\xb3\xe3\xbeW\\\xebZ\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 \x80\x00\x02\x08\xf0\xff\x7f\x08\xfd\xbf&gt;\x81\x7f\x1b",T\xde|\xfd\xe9\xbdo\xff_\x9f\xc7\x7f\x0c\x11\x16*\xdc\xbe\xda\x7f\xe3\xe9o\x8c\x85\xe1\xe6\x0b\x9e\xbe\xf3\xae\xaa\x9a\n\x00\\\xba\xf1\xf4\xe3\x91\xe5\x9a\x93\xc1\xc0H\xe5\x93\x8f?\xbe\xf8\xc1\xaf\x138\ra\x80\xbf\'\xb0\x99\x00\xe3\x81\xd3\x82\x19\xe7\xde\xfd\xe9\xff\xf5Y\x08\xf0\x0f@r\xe4\x83&lt;@n\x80%\xff\x1bZ\xcb\x89lj\xcc!\x9f\xbb\nc8\xbem\xc9\x08\xce\xf21\x05\x00%\x808\xfbE\xad\x99!\x83M\xb9\xe3:1\x07\xc5i\xac\xcb-d8gP\xfc\xe2au\x9c\xc7\xb8vN\xa0\xccX\xe2\xb9Hr\xe1$\xbe\xb65\x9c=\x81\x03\xbe\x04\xd4&amp;\xfa\xf8\xeb\xcd\xfb\xbf&lt;\xa2\xb1\x04\xa8\n\x81\xc9\x1c\x00\x80,\x1f\xb3\x08KU\x00\xf8\xeb\xe3\xbb\xc8\x13\x1f\xdd9R\x9b\xe8\x93\xedk^\x9b\xe8\x1dm\xad.\x07\x80\xf8%}\x85K\xdb\xbb_?\xbf\xfd\xcc`;\xb5\xa4$\xcc\x01\x00\xb6\xb6\x16\xf4/I\xf1\xd6\x92\xe6\xf3\xf4\x10qWWY]\xb2o\xff\x92\x948\xfbESG\x96w\xe4E\xc4\xd8j\x90\xcf\xb3\x01$\xd8\xb6\xd5\x99\x0e\x00\x10j\xaa\x14k\xa7)\n\xe0\xa99\x87\xdbQ\x0cf\xb1/\xdf\xb7\xb2\n?}\xe5\xee\xe1u\xd7\xf6\xf4\xd2\x97\x17\x04\xd9hO\x05\x008\xb9\xb1\x05\x11\xcf\x0c\xb6Q_u\xe6G\xe6\x05X\x91\xcf\xbe\xba2!&amp;\x8a|\xfcJ\x90\x05\xb0\x94\x11\xde\xdc\x9cG=\xfd\xfa3\xf9\xd9n\xdcHu3\xe8)^\xbc\xba2\xa9,\xd2\x89ZH\xde\x89\xd6\xac\x90\xd3\x9b\xda\x06\x9br\x1aR\xfcn\x1f\\\xc3\xb1\xa1\xbd\xe2\xb4\xd2\x08\'\x18\x0f\xcc\xa5\x01\x11\x7f\xff\xe0\xd6\xf1\xf5\x8d\xdc\xd6A\xfc\xae3?r\\\xbb\x15`\x18\xd3\x01\x00\xa0\xb7"\x91\x9f\x95\x8d\xc4aGG\t\xff;_8\t\x96\xc4z\x00\xc0,\x80w\xae\xec\x89\xb2V\xa7\x7f\x9b\xe1e2\x0f\xc0H\x1c\xf2\x02,\xfb*\x12[\xb3B\xbe}\xe3\x02\xff;\xe7\x01\xa9\x97\xb2\x17\x00`\x1b\x14\xc2\xcd\x17\xe4\x07Ys,\x9c\n\x10\xe7\xa0\xb5\xa6:\xf5\xa5\x1c\xb44\xdcQ]x\xe2\x9b\x1b\xce\x82\xbe\xca$Q\xda\x92\\\x7f\xcbHK\xd5\xfc@\xce\xd3\xa6P\x1e\xe5&lt;y\xe2\x07\x1c\x06\xe2g\x8bm5\xf0\xf3W\x97\xc4z\xac(\x89\xe3=\xfa\x13&lt;\xbbs\xc4CC\xc2SSR\x11`\x12\x80\x83\xd24\xfa\xb7Ww\xaf&lt;\xd0[}\xb8\xbf\x96\xfc\xfb\xc3[\x97\x07\xea2\x01\xa05+dKK^\x9a\xbb!u\xe81g\xe4\x81\xba\xcc\x13\x03M&lt;\xae\x00\x0f\x18K@e\x8c[E\xb4\x8b\x04@Wa4\xeb:S\x01\xfa*\x93X\xbf\x8a\xb6V\xbf\xb1o\xf5\xad\x03\xfd\xd3G/\'\xbfi\xda\xf0\x07\x9c\xc0\x89\x01\x00\xe2\xc7\xd6\xf3D\xc8g\xcfE\x92\x01\x06raf\xca\xe4\xdf03eDtU{\xf9f\x089\xe1\xd7Nm\xde\xdaZ@_\xee\xb4`\xa6\x86(hO\x05D&lt;\xb0\xaa\xfa\xd9\xdd#)n\xfa\xe4\xab\xc9\x00\x1b\x1b\xb25D\xd9v\xc7\x13K\x13\xbcF\x1e\x87\x9f\xc9\x92E\x8c\'\xb5\xbb(&amp;\xc0@\x0e\x00l\xe5\'\xaf[\x9a\xceco\xd2\x00Y&gt;f\xe3&gt;\x89\x7f\x19\xa4\x018\x1e\x8a\xe6\xf4 \x1e\xeb\xdb+N%\xc3Qy\xa4sa\xb0-\x9fGQ\x00\xa8M\xf4\x06\x00\x83Y\x10d8\x1f\xf1\xf7\xfad\xdf\xb9\x8c\xd5\xcc\xa4\x00\x11\xf5f\x82\x8b\x8a\x18?\xbb\x9d\x05`2\x07\xa2G\xcf%&lt;\x90\xe6a\xf4\xd1\x9d#&lt;V0\x12\x07\xc4\x8fy\xac@\x87\x85\x8c\xd0\xfa\xda\x0cOMI\xd6o\x89\r\xa8/\x06\xd20l\x0eO\x00\xbe:s\xdf\xb8\xb0\xa3$\xdc!\xd6~\xd1\x04w\x01P\x9b\xe8C\xffW\x15\xa0\xa7xqi\x84S\xb8\xf9\x02\xd6\xf5\xaf\xee^\xc5\xb4_\x03\r\xe4\xf8\xf4u\xe8\xf0\xd5\x99k&amp;\r\xa7\x07\xdb\xfa*\x12\xc7\x9c\x00\xbe~|.\xd7\xdfrEI\xdc\x02\x80\xe9\x00\xa6\x92@}\xb5,7|ww\xc5\x95]+\xa8%-\x99\xc1\xa5\x11\x8e\xfc\x9c\xc3\\\x003)pT\x9e&gt;\xf6\xaa|`:\xc0\xa6\xc6\x9c1]*U\xdag\x07\xa5iuI&gt;\xe2&lt;\xd7w_(\xde\x94\x1e\x08\x00\x88?\xd4&amp;\xf9\xf0\\\x97+\xe8\x93\x87\xf4\xe8s\x88\xb6Y\x88\xdf&lt;F\xfc\xb45+\x84\xc7\x1e\xe2\x1d\xb5;\xf2\xc6g&gt;\x9f\xdb\xd2A\x8d\xec\xac\xd8\xd4\x98ss\x7f\xff\x8a\x92\xd8\x04\'\x1d\x83Yp~k\xc7\xed\x83k?\xb9\x7fl\xbc\xf3\x1c"Z\xcc\x15\x02\x00\xc4\xaf\xcb\xa3\x9cGNX\x8b\xb9fsF\x10\x00H\x00\xb4e\x85r\xdb\xdb\xc2I\xf0\xd9\xab\'\x8aB\xec\xc6u\x0e\xfff\xa4y\x18y-\x92rS\x17\xe7\x1d{\x99\n\xd0\x9e\x1d\n\x006\xf3E\xd9G&gt;.Hp\xd2Yl\xab\xb1\xad\xbd(\xd4T\xe9\x93\xfb\xc7]T\xc5\x06G"B\x1c\xa7\xe1\xac"f-\'B-\t4\x9c_\x19\xe3\xb6,7\xdcAi:\xc7k\xbc\xa91{\xb0)\xf7\xcc`\xbb6{\xf8\x87\x13\x162B\xe4%\xe1a\n)\xf3\xf7s\x8a\xc3\xec\xd3&lt;\x0c\x11?}rn\x9b\xa6(p\x1b\xe1\xe7\x03\x00\xc0t\x80hku\x0f\r\x89T\x9a\xa1J`%\xfb\x02\xe6=\x03\xea\xc2\x90\xe1eB\xdc\xa91\x91\xe1e\xd2\xc7\xe6\xed\xf5U&amp;ez\x9b\x06\xe8\xcfsZ0\xa35+d\xdf\xca\xaa)\x00%\xe1\x0e/rb\xbd|L\x00\x88?\xaf(\x89m\xcd\x0c1\x96\x00\xedi\xc3\xe6\xde;W\xf7~\xf7\xc6\xc5\xfe\xaa\xe4\xcb;z\x10?\xa1V\xdd\xd2\x92\xdf]\xc4\x19H$Ht\xd6\x9d1\xf29/\xd0\n\xf1\xf3\x0b\xdb\x96#\xa2\xf28\xcf\x99[\x18\x07\x00\\\xd5g\xcf\x06\xae7\x9d\x8e\xd9\x00\x88\xf8\xee\xb5}\x1f\xdc&lt;8\xce\xe3\x8f\x01\xf7\x85\xe2m\xd9\xa1\xf4\'y2@\x8a+\xaf\xb1\x18\x00\xa6\xbc\xd4s\xb0W\x98:\xf6J4\xdc\xd8\xd7\x87??E\xc4\xaf\x1e\x9d\x1d\xd7\x04\xe0\xa2*F\xee;\xdd\xa1_\x00P\x16\xe9\xa45\xfa\x14\xb6\xb5\x17]\xde\xd9c8\x1b\x8e\xac\xa9W\x1cy\x01\x99\xc8\xf46\xa5\x0f%[[\x0b&gt;\xbas\xe4\xd4\xc6\xd6\xf6\x9c0\xfe\xcf\xea_\x85\xa7W\xf7\x1e\xec\xad\xe9\xc8\x8b\xe0v\xc9(ln\xce3\x12\xe7k\x9f:\x0c\xab\xab\xab0:\xdaZ}I\xac;\xb7M\xc4\x00BM\x95vv\x96Rc:"&gt;9\xb7\xad&amp;\xde\xf3\xf8\xfa&amp;j\xe6\xa7\x83\xc7\xe0\xef\xab+\xc3\\\xe8\xa2:\x8b\xcf\t\x83\x07\x92\x9cum\xe5\'_\x18Z\x8e\xf8c\xb6\xaf\xf9\x98\xeb_\x18Z\xee\xa7+\xf3\xe8\xf4\x16\x8e\xe5$\x90\xfd\x12\x91\xe6a\xf4\xed\xeb\x17\x96\x17D]\xdf\xdb\xcb\xf1\xd54\x00\xbd\xd1\x81\xe0\xa2P\x16\x0b\xc8_\x7f\xde\x96\x96|\x00\x98\x04\x90\xe8\xa4\x83\x88~z\xb2\x88\x88\xf8\xc9\x8b\x9c\x18\x1f\x13\x00~t\xfbp\x84\x85J\x84\x85\xca\xc2I\xe0\xa8&lt;\xfd\xca\xae\x15\xf5\xc9~\x8f\xcf\x0e\xe1\xb7O\xde\xb9\xba\x87Z\xed\x8d\x0b;\x8e\xac\xa9\xe3g\x04\t5U\xfa\xe3\xa3;fR\xb0sy\xd9\xbe\x95Ukk\xd2\x00\x80k2z4&gt;\xb9\x7f\xfcE~/\x05\xfc\xe1\xcdM\x8d9/\xfc\xc4\x8dB\x90\x91&lt;"\xe2\xf7o\x1eZ]Ke\x08(\xa8\t\xc1\xe2\x91|\xc6\xb8\xb0\x89\xcd&amp;\xe3\x86\x19\x00{{*\xc9gSI\x982\x9a\xafR\x9f\xec\x07\x00\x962\xa3\xec\x1br\xfb\xde\xbe\xbc{{Gq\xa0\xe1\x98#\xcd(\x90m\xe9\xde\x86&lt;\xc0\xfd\xa3\x03v\n\xa3&amp;5\xafE\x92\x1dy\x11)n\x06\xc7\xd77\x92|\t7\xc7U\x16 \xce~\x91\xaf\x8e\xcc\xf0S\xf5\xe9}D&lt;\xbd\xa9\x8d\xcb\xea\xffv|\xf7\xc6\xc5\x95e\xf1\xdc\xcc\xd1tO\xe35KR\xa6\x00(\x03TD\xbbTD\xbb\xfa\xea0C8\xfc\xc2[\x8bkd~\x16@u\xbcg_E\xa2\x9b\xba8YB\xee\xce\xd9-\xcb\xbe\x7f\xf3R{N\xd8\xb8\x9e\x1bW\xb5Y\'7\xb6L\xf8&lt;y\xa0!\xd5?\xd0`\xfe\xfeUKJ\xc2\x1c\xec\x15\xa7\xc6\xd8.tP\xe2|\xc7\xd5hW\x93\x98fd\x00\xa2\xc3j\xde$3~\xf3\x97,\x086V`]\xae!\x02\x91\x96\xaa\x1c\x0b\xdd\x17\x8asd,\xf6\xafZB\xcd\x91\x81\x06r\xd4\xf2\xee\xa2\xc5d\xee\xd6\x99\x0e\x88\xb8$\xd6\xfd\xde\x91\x01?\xb6\xd9\x94\x7f ~\xce\xcf\x1c\x10b\xac\xa0/\x06\x0b\x00\x14\x00|ue\xb2}\xcd\xbf}\xe3\x02\xfe\xf0&amp;\xe2\xdf\xb4\xb5\xbe\xf9\xf5\xbd\x1b\xcc\t\x80w\xbeG\x1a /\xd0\xcaL\n\x12\x9c\xb4M\xc7\xe5\xbd\xfe_\xc1\x98\xcd\xa7\xe0\xe6\xcc!\xe2`cN\xaa\xbba\x94\x95ZG^\x04Y(\x06\xf0\xf9\x83\x93\x7f\x7fr\xff\xd9\xdd\xa3\xac\xc6y\x92\x8bnWate\x8c+\xeb&gt;EG\x7f6\x9c\r\x8di\x01\xack\xca\x00\xd4&amp;z\'\xbb\xea\x01\x80\xb7\x96\x143\x1fn\xaf8\xf5\xf8\xfa\xa6\xfd\xab\xaa\xe9O\xf7\xf0\xdd\xfb\xe9m.\xbf\x89\x17Nnh&gt;\xb6\xae\xf1\xbb7.RK\xa6\x02|\xff\xe6%_\x9d\xb9\x1c/^\xb8\xf9\x02\xf5IP\xb5x\xd8\xca\xb4\x95gOi\xe1g\xafln\xce\xa3\x1e\xa9\xbd=\x95\x17\xb7u\xd1S\xd9\x02\x00\x00\xcc\x03\x10\x03Hp\xd4&gt;3\xd8\xb6\xbc \xcaSsNsz\xe0\xa5\x1d\xdd\x88(2\xf6\xd6\xe3\x86\x14\xc0\xfeU\xd5\xf4;V\x14j\x87\xf8\xfd\x87\xb7\x0f\xafY\x92\xd2\x98\xea\x7f\xb8\xbfn\\;tV\xf9G\xd8\x0f*\x00\x06\xb3`yA\x14\x8fu\xeah\xc1\xdc\x86\x14?\x00(\x0c\xb6-\x8fr\xa1\xaf\x13g\xbf\xe8\xf2\xce\x15#&amp;6\x1d\xdf\xdd?:\x90\xe9m\xca\xfb4\xe2\x1c8c\xa09~\x16\x19^&amp;uI&gt;cn\xcb\x01\xd6i\xc8M}\xf6\xa33[\x17\xbe\x8c;]\x10d\xc3\xcf\x04\x90\x17`\xe5\xa8&lt;\xddH\x1c\xea\x93}\x11que\xd2o\xef\xdfd\x92\x88.\x0c-\x7f\xfd\xfc\xf6\t\x9cFa\xb0-"v\x15F\x8f\xf9\x9b\xdas\xc2\xe4h\xff\xca\x8f\xdc\xc4\x89\x81\x1c\xae3?r\x02A\x06\x05\x00\xfaC\\\x18b\x0b\x00\x8d\xa9\xfe\xbd\xe5\t\x1c\xe47I\x805KR\x1c\x95\x87c`\xb3\x00\x1e\x9c\xd8\x94\xe4\xa2K&amp;Kq\x80\r\xf5Y\xd7\xf6\xf4^\xde\xd9\xc3\xdb\r"\x17\x9f\x95\nE0\xd8\x94{\xef\xc8\xfa\x93\x1bZx\xc4\x80Z2\x82W\x94\xc4r\x04\xd2\xc6\xfbX&amp;:\xe9\x90\x0f\x88xyg\x0f\xc7\xac?P\x97\xd9\x96\xcd\x19\xe8\xc7\xbf\x9f\xf9\xea\xcc\x1dj/\xe4\xbdg\xa5\x91\x0f\xeb\x96\xa6\x9f\xdb\xdaA&gt;\xf3\xceg\xfc\x171\xd8\x94\xdb_\x95\xfc\xde\x8d\x03=\xc5\x8b\xb7\xb6\xe6{iI\x1d\xee\xaf\xc3\xef\xdf\xf8\xe3\xc3\xdb\xac\xeb\xaf(\x89[[\x9d*\x07`&amp;\x05\x1a\xb4\x97\xcc\x98\xc7\xd34\x1a&amp;s\xc0\x82\xe1]\xd4&amp;\xfall\xc8\xfe\xea\xd1\xd9\xa3k\xeb\'\xf0+&amp;\x00SI0\xe3bR\x92I\xc8EU\x8c\x7fwdi\x827\x00\xa8\x00 ~F_~dM=\xef\x01\xf1\xe9\xb5}k\xaaSE\x00t\xa6C\x82\xa36\xc7n[\xb3B\xae\xec\\A_\x12m\xa3~}o\xef\x8fo_)\ts\xe0\x93g1\x89\x8b\x95$\xc7\\\xc4\x13\xac\xf9p\xea\xfd\x17\x02\xd8\xddU\xce\xfb\xc7\xfe\xf1\xd1\x1d\xc4o\xbb\x8b\x16\x87\x9a*5\xa6\xfa#\xe2wo^d\xae6\xdeAd\xbcpZ0\xb38\xcc\xa1$\xdc\xc1\x9c6+v\xe6Gr+e\xa8\x89\xf7\xe4\xbdC\x83Y\xe0\xa8&lt;#\xc2B%\xd2R\x95\x8c;\xaej\xb32\xbdMm\xe6\x8b:-\x18\xdb@\xa1\x06\xd9\xbc@\xab\xed\x1d\xc5+J\xe3f\x02\xf4\x14/\xde\xb9\xbcT\x11XH\x10V\xf3&amp;\xd1\xc3"$\x80N&gt;\xaf\xabI\xab\x8cq%\x97\x91\xdb\xe1z\x8a\x17s\x9b\x1d\rg\x83\x9b\xfa\xec\x8e\xbc\x08g\x95\x99n\xeacp\x8a\x88\x99xi{wC\x8a_\x8c\xcdB\xde+3\x91\xeboI\xb9\xd0\xe9\x9e\xc6\x88\xf8\xfb\x87\xb7\x11\xb1st\x9aZ\x1e\x00\x00\xee\x1d\x19\xa0\x96\x14\x04\xdb\xd4\xc4{\xbdvj3\xa1-\xbc\x9c\xec\xff\x7f\x13\x16s\x85\x86\xda\x0b\xfb*\x93\x10qmu*q\x9c\xe3\x1d\xb4\x10\xf1\xf3\x07\xa7\xe8\xa34\xb9U\xaej\xb3\x10\x7f&lt;\xbf\xb5\x93c?\x03\xb5\x19\xe7\x87:Y#\xf8L\xb4g\x87\xde\xd8\xb7\x9a\xb9rI\xb8#"\x8e\xf9\xb2M\x0c\xcc\'^\t@\x93\xcb\x08J\x86\x01\x17\xd5Y_=:3.\x8efM\xbc\xd7\xd5\xdd+i\xffz\xf2\x1e\x10G\xe3\x13\x8e\x93\xf4\xd3\x95\xc1??dz!\x1e\x1as~z\xe7jE\xb4\x0b\xf0\x87\xca\x18W\xde\xe4\x90\x89amM\xda\xe5\x9d+n\x1f\\#K[\xb8,7\x9c\x9f\x9f\xba\xba2\xe9\x97w\xafs\xfb\x96y\xac8\xfbE\x13\x8bz\x13\xa6\xe04\x00\x0eNT\x92\xb3.\xe2O\x01\xfacd\xd3\xa7\x01\xcc\x07\x1838\x96\xe0\xa8]\xb5\xd8\xbd4\xc2q\xe7\xf2\xb2\x81\xba\xcc\xf5K\xd3\xc9\x0fyv\xf7\xa8\xd3\x82\x19\xdc\x88dt,\x9c\x04\xd9\xbe\xe6\xe5Q\xce\x83M\xb9_=:\x0b\x00F\xe2\xd0\x99\x1fY\xb5\xd8\xad8\xcc~\xcc\xcd\xe9\xb0W\x98\x1aa\xa1\xc2\x11:\x1f\x13\r)~?\xbe}\x05\x11\x0f\xf7\xd7RV97DZ\xaazkK\x9f\xde\xd4\x86\x88\xf8\xcb\xd3C\xab\x97\x1eYSW6\x9a\xf5\xcf\xa30\x90\x89\xce\xfc\xa8==\x15\x7f&gt;\xbb\x83\x88\xf7\x8f\x0e\xd0\xbf"\xe4rR\xc3Ana}\xb2\xef\xe3\xb3C-\x19\xc1\xfc\xef\x9f\x02{D\xf5?\x8b\x85"P\x9f\xec\xd7]\x14C\x06 jy\xae\xbf\xc5\xf2\x82h\x1f\xbe\xd3\x00\x0fOm~v\xf7\xa8\x1e\x7f\xc1\x98\xe6\x8c\xa0\xdb\x07\xd7\\\xda\xd1M\xb1\x98)h\x88\xc0\x86\xfa,+\xd9I\x88\xdfsc1\x8e\x0b*\x00QVj\x00`1W\xc8]\xe3\xb9\x93b#\':\xe6\xc8^\x10d\xe3\xa3=\xf1\xf8}KF\xf0xF\x7fDD\x8eZ\x9e\xf5\xb5\xe9\xab\xb8\xa4m\xd4\x84\xf8u\xb9\xa2\xad\xd5\x11\xf1\xd2\x8e\xee\t\xff\x10\x1e\xa8\x8cq\x0b5U\xa2/\x91\x07@\xfcb\xbc?\x9c\x8e\x9d\x9d\xa5\xcc\x03\xf1?\x9a\xb0\xde01\x80\x9f\x9f^\x0b5U\xa2\x9b\x1d\x9d\xf9\x91$\xd82\x01L\x03\xb0S\x98R\x15\xe3F-\x91\x02\xb8}p\r=\x96\xf5\xe0\xe4 \x9f\xa7\xed\xac"\xd6\x90\xea\x7f\xeb@\x7fY\xa4\x93\xf5&lt;\x91\x1c?\x8b\xde\xf2\x84\xee\xa2\x98\x07\'\x07)\xcbz[{\xd1xO\xd2Fn\x1cT\xfc\xe1\x93\xfe\xe9\x9d\x07\'\x06S\xdd\x0c\xb8\xad&amp;;R+\xea\xa99\xa7j\xb1;\xd9h}m\xc6\xcf\xef^\xab\x8cq\xa5\xd7$\x16\x04\xd9\xe4\xf8Y\xa8\xf3\xcd-\xce\x0f\xb4&amp;{\xbby\xa0\x9f\xbe|KK~I\x98\xc3\xa3\xd3[\xa6\x00\xc8\x01\x14\x04\xd9l_V\x8c\x885\xf1\x9e&lt;hZ\x1e\x1a\x12\xac\x1cPf\xe6\xec\xbf\x0e\x05\x80\xd2\x08\xc7\xf3C\x9dI\xce\xba\x1c_\xa5{\x1a\xf3(\x86\xa4C\x15 \xcd\xc3\x88\xc7\n\xce*3\xb5G\x1c\xddY\x00N\x0bf\x1c]\xdb\xc0\xad\x8ec\x06\xc0\xc7w\x8f*\x01\x98\x8fg\xf8\x15\x03`\xad\xa1\x9c\n\x10h8\x9fn\xa5\x8a\x02\xe8\x8f\xaeC\x98\x18\x91\xdfk\x91\x946\x97\x10i\x96\x8f\x19\x8f1\xee\xc0\xaajRp\xa4=\r\xca"\x9c\xae\xec|\xce\x7f\xf7\xd0\x90x\xa1T,@G^\x840\x00\xf9}$\x89\x87\xf8\xcd\xb8\xae\xe4\x0b\xc2T\x12\xf0\xfb7\xc63\xe6\xffB}\xa2\xf3\x83\x01\x00\x11\x0f\xad\xae\xc5O_\xe1q8\x0f\r\xce\x9bG\xa5\x85\xc6\xb4!&lt;\x17\r\xdb\xe6\xb6\xf2\x93\xaf\xedY\xa5\xc5\x1f\xe9Q\x18\xa02\xc6\r\x00R\xdc\xf4\xe9\x14\x9dX;MD\xdc\xd1Q\xf2\xcd\x93\xf3\xde\xa3M\x07\x05\xee\xacSG\xa5\xe9E\xa1v9~\x16\x1f\xdf=zdM\xbd*\x80\x8d\x9c\xe8|\x00aR,\xfd\xeb{\xc4\nA\xfc\x8a"\xd7)\x8fl\xcb\xfb\xb1=\xb5\xb1\xe5\xd8\xba\xe7%\xb5J&lt;V\x1d\x99\x002\xbcL\xf4\xc5x\xc5\xf1\xe97Hu4\xf5+\xdaZ\xbd9=\x88\x19\xc6\xe4\x1f\xfbVT\xadfT\xd8\x89\x02DY\xa9\xe9L\x03U\x00q\x80?\x9f\xdd9\xb3\xb9=\xdeAkOOE^\xa0\x95\xf5&lt;\x11A\x08h|`r7Y\xe1\xa6&gt;\xdbp\xf6se\x88\x17\x91:\xc8\xf1\xb38\xb5\xa95\xc3\xcbd\xe2\xbb`@g\x1a$:\xeb\xee[Qub\xa0\x89\xd8Y\xb6\xf3\'\x07\x19\xce\x07\xb6\x11\xe1\xe4\x86\x96\x1c?\x0b\xea\xdfdW}V\xeb\x99\x9f\xa2b\xf1\x91\x0f\x8a\x00\xeb\x97\xa6s\x0b\x0e\xd0)\xed\x1c\xb8u\xa0\xdfLz\x14_[C\x144D\xe1\x83\x9b\x07\xa9u&gt;}\xe5\x04}o\x19\x9e\xc6\xdc\xce\x87\xb20)j|y\x94\x8b\xdeL\xd8\xd5U\xc6\xc7\xaf\xf9\xa7 \x05ptm\xc3\xd8#\xffW\x8f\xe8\xffq\xecd&gt;\xc0\xf9\xad\x9d\x88\x7f\xd5\'\xfb\xae\xaeJ\x9e@e\xe9xQ\x9f\xec\xcb\xcfjS\x01\xd6T\xa7J\x01\xcc\x01x\xef\xfa\xfe\x17,\xf4\x10\x1f\x9d(\xa2\x7fe\xa70\x85\x8a\x88\x1e_\xdfD&amp;\x80\x10c\x85/_;\xbdmY1\x00P\xfe\x81\x994l_VL\xdf\xd6WWfOw\x05]s\x827\xba\x8bb\xf0\xd3\xfb\x87\xfbk5\xc6\xc3\x08x\xf3\xe2N\xea\xcc#,Tx\x0c\x12\xca\x8c%\x97\xb6w\xf3s\x08D\xdc\xd1Y\xd2\x91\x17\xb1\xd8VC{\xda\xf0\x94\xf3\xfe\xcd\x03\x8fNo-\x08\xb2\x19\xc7\xb9\n\xc0?\x14\x19\x1au\x0b\'\x81\xc1,hJ\x0f\x9c\x00\xbfN\x04\xa0#7\xe2\xb5S\x9bS\xb8\xbb\x96\xe3\x85\xc9\x1c\xc8\r\xb0\xac\x88vy\xf5\xc4\xa6\xdd\xdd\x15\x00\xa0\x02`*\x05\x85\xc1\xb6\x8d\xa9\x01\x1c\xd9\xdd4wCz\xb8)@\x7f^\x90\x91\xfc\xc4\x8e\xfb\xcd\xeb\xe7ww\x97\x8b\x03\x18\x89\xc3B\x11\xa8\x8cq\x93f\x18w\xadY!\xec\xe3\xdd\xe7\x0fn\xee_\xadHKH\x10\x87Y\x14\xc0T\x12TF*\xa5\t\\\xd5\xb8\xd7)1\xe0\xaa6kcC6\xa9\x90\x14\x05Hp\xd2a\x8e\xa7/\x05)n\x06&amp;lO\x80\x9f\xaeL\xb6\xafYO\xf1b\xba\xf1xq[\x17\xd7\xa1\xff\xe7\xa7\xc5\xa1\xf6\xab\xca\xe2\xa9\x05\x1c&gt;\x99\xf4h\xfb]\x14`GG\xc9\xc4\x02\xb8\xac\xc5"\xfcC\x96\xb1d\xa1\x08 \xa2\xd5\xbcI\x00\xb0\xa5%\x9f\xac\xc0\'\xbf\xd0\x8b\xc1\x90^(\x02\xb1v\x9aK\x13\xbc\x1aS\x03\xf8\xd9\xc3$\x80w\xaf\xef#\x14\xa9\x95e\xf1\x8a\x00I.z\x88x|}\x93\xa7\xe6\x9c\x00\x03\xb9\xca\x18\xd7\x0b\xdb\x96\xe37\x8fWW&amp;\x15\x87\xda\x1b\xcc\x02\x9d\xe9`8\x9b%\rF\x87\xfbB\xf1\xb2H\'\xc4?\x1aS\xfd\xf99\r\x82xGm\xa2\xe9\xf4\xe0\xe4 \x89\xb5\x8e\x89\xa6\xf4@1\x80\xe2P{D\xdcP\x97\x19m\xad\xce#]\xb1\x7fU\xf5\x1b\x17v\xbcyq\'\x99e\x7fx\xfb\xf2k\xa7\xb7 \xe2\xbb\xd7\xf6ez\x9b6\x8c\xe7T\x05\xe0\x05\xba\xef;\t\x80^A\xda\x98\x16\x90\xe8\xac\xeb\xa04\xcdT\x12:\xf3#3\xbdM\x89H\x0b\x81\xdeLN\xa9\t\x02ua\x98\t\x90\xe8\xac\x0b\x00:\xd3\xa1\xb7&lt;\xf1\xb7\x0fn\x9e\xde\xd4\xba\x7f\xd5\x12\xd6\x13`\r\x15N\x1d\te\xf0\x0f\x939\x90\x1fh\xcd\xadt\x8bP\xcar\xfd-\'\xec\x8e\x90\xc7\xddWG\x86\x9c\x98\xa5\x8cp_E\xe2\xf9\xa1\xce\'g\x87\xa8uH.\x8b\x89\xd6\xac\x90\xe75\xac\x00\xc0\x96\x9a^_\x9b\xc1\xcd"&amp;\x98\x03\xd0\x9c\x1e\xa89\x9a\xd4#\x0c\xf0\xf7\'\xf7IV\xa0&lt;\xca\xf9\xec\xe6e\xbcG=\xf7\x85\xe2\xf4\x7f\x95\x00\xf0\x97w\xdf\xbbq\x80\xc7&amp;\x04\x84d\xc9\x11*YY\x16\xef\xa9)\xf9\xf6\xe5\xddq\xf6\x8b\xd2&lt;\x8c\xe4\x01\x1aR\xfc\x1b\xd3\x02\xa8{wyg\x0f~\xfd\xe8\xe1\xa9\xcd\xf8\xdd\xeb\x0fOm\x0e\xd0\x9f\xa73}\x8c\x92l9\x80\x95\xa5q\xe4\xb3\xb1\x04\x08\x03\xdc?:\x90\xeea\xa47\x83ee\xeat\xfc\xf4F\r\xd7mY\xa1+K\xe3\x1e\x9f\x19\xa2?E\x07VU\x07\x1a\xce_\x12\xeb\xc1\xb127\xf0v&lt;\x8c\xc4A\x1e@o&amp;lj\xc8&gt;\xd0[-\t0\x01E\x8d\xf1\x02\xbfz\xf4\xf5\x93s\xc4\xf9\xa3\xac\x8d\xad\xad\xf9\xb2\x00\xba3 \xc2B\xa58\xd4\xdeYE\xec\xc2\xd0r\xe2\x89\xd6\'\xfbr\xe3V\xa8\x8cL\xb4\x85!\xb6\x81\x06r\x88\x980V\x06\x98\x0e\x05\x80\xb7.\xedB\xc4\x1b\xfb\xfa\xf8\x9fh\x0f\xf7\xd75\xa6\x05\x0c\xb5\x15\xe27\x8f\x89e\xa6&amp;\x0cL.\xf2\x0c\x00+Y\xe1\xd2\xf0\xe7\x8a \x07VU\'9\xeb\xfe\xfa\xfeM\x12\xb3\xe5\xdfW\xf9\x87\xc8\xe2\xff\x1et\xe4E$9\xeb\xce\x06\x88\xb3_\xd4]\x14sc_\x1fe}=9;\xb4\xb24\x8e\xaa\xac!\x94v\xf2y:\xc0\x86\xfa,\xc4/\x94\x01\xa8\xc2.\x00\xb0S\x98\xd2[\x9e\xe0\xb9HrEI\xac\xf5&lt;\x91{G\xd6\x7fr\xff8yL\xf7\xad\xac\n5UJu7\xa0\x17\xfa\xb3\xbd\xd4P\x14j\x17e\xa56^]\xcf\x1c?\x8b\xc3\xfdu\xcc\'Q\x04\xc0OO\xf6\xe2\xf6.o-\xe9\xe3\xeb\x1b\xb9\x11@\xc7D\x84\x85\n"\xfa\xeb\xc9\x12b\xe5,\x80\x8d\r\xd9\x06\xb3F=\x8b\xdc\xac\xdegw\x8f\x9aJ\x8e\xfa\xb1\x1cg!\x01`)+\xfc\xe0\xc4 \xb7\t`\xcc0H\x80\x81\xdc\x8e\xce\x92t\xee!#\xf6\xad\xf4\xe7}\xfb\xfa\x85==\x15c\xae\xb9o\xe5\x12D\xfc\xfe\xcdK\x8f\xcel%K\xde\xb8\xb0\xa3#/\x82*\xbd\x9e\x07\x90\xe4\xac[\x13\xefy~\xa8\x93\x1a_7\xd4e\xae(\x89=\xbc\xba\x16\x11\xf1\xcb\xd78\xa6\x9f1\x91\xe9m\xa25\x05\x00\xc0k\x91T{v\x98\x87\xe6\x9c\xce\xfcH*\xa6\x17b\xac\xf0\xd3;W\x11\x11\x7f{\x7f\xdf\x8a*\xfa\x86\x03u\x99-\x99\xc1&lt;$\x1fx@\t\x80\xa3\x1e\xbe"\xdauScN\xae?\xbbDn\xb6\xafy\xd5b\xf7`c\x85\x0bC\xcbu\xb8\x94\x05#~7f\xe6~\x16\x80\xba\xf0\x18\x82w\x83M9t\x8e\xe6\xe1\xd5\xb5;;K\xc91U\x01\x8aC\x87YC\x9b\x9b\xf3~y\xf7\xfaO\xef\\Ms7dMV\xcd\x1byV?{\xf5\xe4\xca\xd2x\x00(\n\xb1\xfb\xf2\xb53\xef\\\xd9S\x1cf\xcfO\xfe\xdak\x91\x14\xd9\xc3\x83\x93\x83\xfc\x0f\xc7V\xf3&amp;\xb9\xa8\x8a\xc9\x03\xd0\xf3\xb4\xe4\x95T\xe5\xa9\x8e\x8f\x88m\xd9\xa1\xfbW.\xe1&amp;\xc6\xc7\x01\xcaY]\x12\xeb\xce\xe7|\xff_G\xaa\xbb\xe1\xf6\x8ebz\xfd\x91\xab\xda\xac\x8e\xbc\x08z\xee&lt;\xd8\xe8\xb9/\xde\x99\x1f\x89\xf8i\x8e\x9f9\x9d_\xb1\xb1&gt;\xab=\',\xc7\xcf\x82\x8c\xf2\x1e\x1as\xfc\xf5\xe7\x15\x04\xd9X\xc8\x08\xcd\x060\x97\x06o-)z\xb1b\xb6\xaf9\x93\xd3\x82\x88\x7f&gt;\xbb\xa3?\x1e\x17`\x1e\xc0\xa9\x8d-\xac\x028\xeb\x96\xa6\x8b\x03dx\x1a\xbb\xaa\xcd:?\xd49\xe6\xc3\xca#\x7f\xb8\xbb\xbb\x02\x7f{\xcf\\\x1aX\'\xa7\xfe\xaad\xaeq\x0f\xfc\x99\x83\xf8\x94\x17`\xe5\xa2:\xea\x17N\x038\xb4zX\x113?\x90S\x03\x807\x16M\x81s[;\xe8\xb4\x1cY\x00g&gt;t\xf7\x84\x00n\xee_\xbd\x7f%\xbbsFGe\x8c\x1b"\xe2\xdf\xcf(mHD\xdc\xbb\xa2\x8a\xc3\xc2rU\x9b\xbd\x7f\xd5\x12\xe60\xb8\xb9%\x8f\x83\x18C\xbd\xef\xb6\xf39+\x15",TX\xe3`\x93\x00\xea\x93}\x17\xdbi\x92\x7fW\x95\'\x90\xcbudM=\xb5s\xfe\tl\xfc\xc3}\xa1\xf8\xf2\xfc(\xa6&gt;%A\x96\x8f)\x11\xde\xe0\xf1h\xd9\xcc\x1f;\x8f\xb1\xbb\xab\xfc\xadK\xbbN\x0c4\xe9\x8b\x81\x18-M\xcd\x01\xfax&gt;\x0f\xa09=Pw:\xb8\xa8\x8a\x9d\xdc\xd8\xb2$\xd6Cg\x1a\xd4&amp;\xfa\x14\x04\xd9\xb8\xa8\x8a\xf5U$Zr\x11\xa4j\xce\x08\xe2fj\xf0\x13\xe9\x8d\xb3_\x14c\xb3\xf0`_\xcd\xad\x03\xfd=\xc5\x8b\xe9_\xc5;ji\x88@M\x82\x17\tKr\x80\x1b/\x96\x9a\xba\xb8\x81\xfa\x19$\xfe6&amp;8\xaa2\x01`uU2?\x1b\xfe{P\x97\xe4\xcbg\xd6\x97\xc2\xe6\xe6\xbc\xee\xa2\x18\x8a/\xb5\xd8N\xb3"\xda\x95\xc7\xfb\xa47\x13\xc2L\x95;r#\xe8\x0b\x89H\x08\x9fv\xb6\xc4\xe8\xa0\xd3\xcb\x85\x14\x80\x8f\xf6\xa8\xd3\'\x83\x0e\x8f\x17\xd5}\xa1\x04\xe2\x97\xc0\xfd\xf5K\xf74jJ\x0bH\xf30\xa2\xc68j\x82\xe4&gt;\xfa#"r\x10\x9f\xfcte\xb5\xa6\xc2\xc2I\xcf/\x94,@\x88\x89\xe2\xce\xe5\xa5{\xba+\xc8B\xdb\xf9\x93+c\\\xf9\xf1\xaf\x87\xda\n9$\xc9\xaa\xe3&lt;\xae\xecZ\xc1\x9b\xfe1^8\xab\x88}\xf5\xe8\x0c}\x00\xe2\x98\xa4\x95\x00\x96\xc4z\xfc\xf4\xf4\x9a\x86(pdZ\xa8)\x93\xfc\x9c\x95\xa5q{z*\x08\xd3\xec\xcc\xe6v\x8e\x039*O\xe7\xb3\x08\xa3&gt;\xc5\xef\x8f\x8f\xee\xc4\xdakRK\xe4\xf9V\x04\x1a\x17N\x0c4\x8d+G\xca\x03AF\xf2\x9e\x9as\xd2=\x8d\x82\x8c\xe4\xe9\xd3\xe7\xd3\xab{\x11\x91\x14y\xc4;h\xfd\xf9\xd1\x1d\x8ep\x9f\x86(\x1cYS\xc7qa\x10\x91L?f\xd2@\x9cur\xd3E\xc6\x8a\x93\x98I\x0f\xeb\xf8r`\xa8\xad\x90\x84\xe0,\xe6\n=8\xb1\xe9\xcc`\xbb\xb1\x04\x88\x02\xcc\x03\x98\x05\xb04\xc1k\xb1\xad\xc6\xf1\xf5M16\x0b#,T\\Tgq\xc8/R,\x06B\n\xaa\x88r\xb9\xb8\xbd\x9b\n\xcc\x16\x87\xd9\xb3\xaa\x121O\xf5\xc5;]\xd8+N;\xb5\xa9\x95\xfa\xf7\x8f\x8f\xd8\xeb[\xff\xb5\x88\xb0P\t4`\x18W&lt;Q\x11\xe5BW\x08\xf1\xd6\x96^\x96\x1b\xce\xbafO\xf1bj \xb0\x99/\xcaw-\xf0Dpm\xcf*\x92e\xfa\xf4\x95\x13&lt;\xfaE\xbc\x14\x04\x19\xce\xe7\x16\x82\xa7P\x9f\xec\xbb\xa2$v\xff\xca%\xa77\xb5y-\x92\xa2\xf8\xce\xbc\'\x80\xeb{{+c\\)u sipT\x9e1\x13@\x08@S\x14\xa6\x02\xe8\xce\x00O\xcd9+K\xe3\x1f\x9c\x1c$\t\x83`#yG\xe5\xe9\xaf\x9d\xda\xf2\xee\xb5}TE;\x13*\x00\xe6\xd2\x9c/\x8c\xd3\x82\x19\xb7\x0e\xf4\x87\x9b/\x18\xaf\x11\xf0\x82\x98&gt;\x9a/HaI\xacG\x8a\x9bA\xa4\x95\xda\x98U]QVj\xeb\x96\xa6\xab\t\x03\x87\x874&amp;&amp;\x03\x9c\xdc\xd0\xd2\x91\x1711\xd5\x97,\x1f\xb3\xfa\x14?\x00\xd8\xd4\x90=\x81\xcd\x89T\xbd\x10#\xa7\x15i\xa9\xba\xa5%\x9f\x1a\xe6\xed\x14\xa6lk/\x12\x03\xe8\xcc\x8b\xe4(F;1\xd0\xf4\xd3\xd3\xab\xe4\xf3\x9c\x11\x95u\x12\xbc\x88\xb4Rk\xcf\t3\x12\x87\x13\x03M\x1cbG\xf4)\x84O2+\x13\xac\xcfHa\x88\xed\xb6eE5\t^\xd3\x01.\x0c-\xef_\x92\xb2mY\xb1\x8f\xce\\g\x15\xb1\xe6\x8c c\tv=N\x0e\xb2=\xddT\x02\x00K\x19\xe1\xf1\xf6\xc0\xa03\xbc3\xbdMwt\x96\xf2Y{\xfc\xda\xe9-_\xbev\x06\xbf~\x04\x00\xb2\x00\xdf&lt;9?\xbe\x03\xff+!\x0f\xb0\x9eg/\x05:t\xa6\x03\xb7\'\x8a\xf5%\x7f\x89\xa0\x86-\x15\x00\xc4\xcfI\xd2_\x9e\xa1y\xf9\xe2\x98\r\xa05\x9a\x89\xc0\xac\xbb\xa1\xb7\x1e\x93\x03\xb8wd\xe0\x93\xfb\xc7\x8f\xac\xa9\xff\xf2\xb53n\xea\xb3)\xde7\xef\t\x00\x7f\x7f\x1f?{\x85\xca@X\xca\n\xfb\xeb\xc9&gt;9;\x84\x88\x88\xbf\xd8\xcaOvP\x9aV\x10dC\x12k\xf9A\xd6\xc1\xc6\nD\x0f\xee\x8f\x8fn\x7fr\xef\x18"\x92\xf7m\xbcr\xa7Ls\x98\x7f\xe9\x8e\xf1B\x92{+\x95\x81\xda\x8cO_9qa\xdbr\xde\x01\xd9D\'\x9d\x86\x14?\xfc\xf4&gt;\x91\x07_W\x93\xc6Ow\x17!Z8\xe8\xe8\xda\x86w\xaf\xef\xe3\x93\x97BA\x02\xe0\xed\xcb\xbb\tA\x00\xbfz4\xaem\xe9(\tw\xb8\x7fl\x03]\xcb\xa8$\xdcac}\xd6\xce\xce\xd2\xaa\xc5\xee\xe6\xd20iD\x83\xeb\xfa\xde&gt;\xfa\x86\xc6\x12\xf0\xda\xe9-\xbc\x9fn\t\x80t\xcf\xe1\x9a\x1bVZ\x94\xd2X\xdeO\xae\xbfewQ\x0c\xe9O@Gu\x9cgoy\x02\x8f\rE\x01\x0e\xad^\xcaa\x1b\xb1N\x1b\xa7\xd8$\x1am\xe5\'\x8fi\x880\xd9\x197\xf6\xf5\xd1\xe3TjB\x80\x88\x17\xb7w%\xb9p\xd6-\x01@I\x98CE\xb4\x0b\xf5\xa2Z\xcd\x9bt}o/\xf5\xea\xdd&gt;\xb4\xf6\xf0\xea\xda1\xce\xe0?\x824wC\x8e1\xce^qj\x84\x85\xca[\x97v\xf1\xbf\x13}1X\xf4r\x05\xc8G\xef\x1c\x11\t\xd1~\xe1$\xb8\xb9\xbf\x9f\xcf\xc0\xdf\x04\xe0\xab3\xd7J\x96}\xe7\xdc\xa4\xad\xad\xe7\x89(\x02H\x02T\xc7yxiI\x91\x00\xcdb[\r\xde\xe3\xff\x99\xc1\xb6\xa1\xb6B*\x12\xac):JC\xad\xbb(f[{\xd1\xa9M\xad\xdf\xbdy\xf1\xa3;G\xd2=\x8dM\xe6\xc0@]\xe6\\\x80\x9ax\xaf\x054N\x94\xfbB\xf1\x85"@\x92\xbd&lt;\x84\n\xc2\xcc\x94W\x96\xc6\xb9kH\xd4&amp;\xfa\xc4;j\xe5\x07Y\xafY\x92B\xbej\xce\x08\xfa\xe7\xbaQ\xd7\xb3\xa9\xaayhH\xf8hKoi\xc9\xa3\xb3\xf7\xb4\xa7\x013\xa8\xd2\x9c\x11\x94\xe5c\xb6\xb6:\x95\xcc\x94\xb7\x0e\xf4?&lt;\xb9\x99\xbe\x02\xabS`-\'\x82_\xbeF]\xccm\xedE\x06\xe3\xe4\x90\xfd\xf5\xf1\xdd\x96\xcc\xe7\x02\x03\xdc\xe2\x0f\xa4S\r7\xd1\xaa\xa9\xa3\x8d\x00j\xb9\x1c@C\x8a\xdf\xa7\xf7\x8f\x9f\xdc\xd0|s\xffj\xb2\x90&gt;\x91\x93\xc1\xd1\x8b\x16uTe\x08\x88\xc6\xdai\x92\xab7\x13\xa0%3\xb8(\xd4&gt;\xd6N37\xc0\xd2Cc\xd4|N\x12r3\x00\xb6/+&gt;\xbc\xba\xb6=\'l\xb0)\xd7Na*\x00\xcc\x05\xe8\xafJ^Y\x1a\x97\xec\xaaOT\x168\xf0R\x84T\xbd\xd9J\xe8\xf5f\x00i \xca-+o&amp;\r\x88\xc81m\x7f|\xf7(\xb9\x92\x94\xd3\xd0\x96\x15Z\x14j\x97\xe9\xcdB\xe4;\xbe\xbe\t\x11\x87\xda\n\xffz6\\\x92=\x15\xc0Na\xcaG\xb7\x0f#"\xe2\x17\x13f\x7f\xfc;a%+\xbc\xb99\xf7\xce\xa1\xb5\x07z\xabwt\x94\xb4e\x87\xe2x\xf8\xe3E\xa1v\xcc\x16(\x13FG^D\xd5\xe2\xe7\xb5\xf5DH\x87R\xc2\xe2\xc7b\r7_\xc0!PN\xc7\xa7\xaf\x9c(\x08f\xa9\x1c\x11\x01@Dn\r=\xc6K \xe3=\x01\xbc~~\xfb\x86\xfa\xac(ku\xad\xa9\xc3}\x0edh\x9bT\xc6\xb8u\x15F\xe3\x8fo}\xf7\xc6E\xfc\xeeu;\xf9)\x00\x10b\xach2\x078L3Y\x00\xb5\x91\xf1\xfb\xec\x96e\xdcN\xe6\xe1\xc9A\xfc\xf5\xbdw\xaf\xed\xa3\x96\xec\xee.\x7f\xf1~\x90/\x11}\x95I[\xdb\x86\xf3\xc9q\xf6\x8b\xba\n\xa3\xa7\x03\xb4d\x04}\xf5\xe8\xcc\xa9\x8d\xc3\xa1[I\x00z\x1a\xb3)-\x908\x04\x1c\x1d\xeb*\xa2\\\xde\xbb\xbe\xff\xcb\xd7\xce \xe2\xf5=\xbd+Jb\xcfo\xed\x14\x1f\xcf\xc9\xd0\xb5\xa1\xa8\x1em\x1c,g\xd2\xc9\x92\xb7\xb0\xbe\x9f\xae\xcc\xd6\xd6\x02\xb2\x1a3\xed\xeb\xac2\x93\xa3\xd4\x96c\xcc\xed*\x8c~pr\x90\xf7\xa9"b_ER{N\x98\xb3\x8a\x98\xd5\xbcI\x1c\x0f=\xc9\x07t\xe6G"\xe2\xa3\xd3[\xd6\xd7f\x1c]\xdb \x0f\xe0\xa5%\xd5\x9c\x11\x94\x1fd]\x10d\x93\xe4\xa2\xb7\xbb\xab\x9c\xa3\xd1#\xc1xu\x84\xe8\xa0\x94\xab\xe981\xd0\xb4\xae&amp;\x8d\x1b\x81\x8a\xc2t\x80[\x07\xfa\x9f\xdd=:\xe1a\x1a\xf1S\xfa\xc4\xdf\x11\x00\x00 \x00IDATD,\x8fr\xc6\x1f\xdf\x9a\xe0.\xfe\xf5 Zo\x14Smww9\xb1=\x8f\xafo\xca\xf1\xb3\xd8\xbb\xa2\xf2\xff\xf8|:\xf2"HSCG\xa5\xe7\xfe\xe1\x8d}}\xbb\xbb\xcb\xaf\xef\xed\x1dW\x08Xg:\xbcw}\x7f\x9c\x03{{E;\x85)k\x96\xa4\x94\x86;2\xf7\x88\x88\xd7\xf6\xac\xa2\xfe\xf5\xd5\x99;\xe1n\xa2\xbc\'\x00D\xfc\xf1\xed+\xddE1Mi\x81$\xab\xa6!\xf2|\x93\xcd\xcdy$\xf8\x83\x88\xf8\xc5\x03\xc2_\x14\x07\xa8K\xf6}\x7fd~2\x9c\r\xcbr\xc3\xfd\xf4d)\x99I\x1e\xad\x13\xdf\xb8\xb0\x83\xa3o\xcc4\x80\xa9\x00[Z\xf2\'X\x08\xf7\xb2\xa1\x02pzS\x9b\xbe\x18\x98I\x83\xa7\xe6\x9c\x87\xa76\x03@\x96\xaf\xd9\xba\x9a\xb4\xef\xdf\xbcD_s\xb1\x9d&amp;G\xb8\x99)\x84 \x0b\xb0\xb24\xae=;l\x1a@Q\x88]q\x98}\xae\xbf\x05\xeb/\x95\x05\x16\xcf\x83\x03J\x00\xa2\x00\x1c\x12)6\xf3EO\x0c4;\xab\xcc\x14\x1fY"\x040\x8b!2c\xa70eB\xecS\x80\xe1\xa2\xdf1\xd8\xcfdv\xe1\x1d\x07\x97\x05H\xe6\xdeAL\x01\xa0"\xda\x85\x87\x98\x047\xbe\x13\x0fDZ\xa9\xb1\xca+\xb5d\x06\xf3#G8\x13\xa0\xbf*yS\xe3\x18\xd9\x17\xd60R\xac\xfd"\xe2\xc2\xbf\x88f\xc1\xbf\x1c\xed9a\xd5q\x9e\x0e\x8a\xd3\x10\xbf\xc7\xef^\xa7\x963\xfb\xa96\xa4\xf8\xf1o\x03\xbc`\x8d\xfet6\xf1\x86;\x87\xd6\xbe{m\xdf\xd6\xb6\x02\x1e\xd9B\xd6\x99\x01\x117\xd4g\xc93\xa2\xe4\x162B2\x00\xb1\xf6\x9ag6\xb7#\xa2\x9d\xfc\x94\x18\x9b\x85L=dB\xf3\xbfwt\xe0\xf8\xfa&amp;\x1e\xe7\xcc\xfb\x19c\x0e\xfa;\x97\x97\x92\x0fG\xd7\xd6#\xfe\x81\x88\xf8\xc7\x07\xf1\x8e\xda6\xf3E\xaf\xee^I\xad\xb6\xb5\xb5\x00\xbf{\x1d\x7f{\x0f\x7f~\xba\xa1.3\xd1Y\xb70\xd86\xcaJ\xed\xcd\x8b;wu\x95\xd3\x0f\xa1&gt;\t\x96\x17\xb0\xc7\xd9\xe9\x98\n@\xcf\xb6\xc9\x01\x9c\xda\xd8j-\'2P\x9b1\xd1L!xhH\xf0\xd90\x8eO\xec\xea*\x0f2\x92\xef\xabL\x12\x03 \xad\xcaX\x81\xf8W}\xb2_\xd5b7&gt;\x93\x17\xa1\xa6J\x88\xb8\xa1.3\xc7\xcf\x82\x83\x07uv\xf3\xb27.\xec8\xdc_\xc7[\x03\x8aP!\xa8\x80;\x81\xa7\xa6\xe4\x98\x8a\x11\xa6R\xc0\x9b\xa7\xa09\x9e\xb1\x955[\xa2;\x03\xbc\x16Iz-\x1a\xc3TvU\x9b5\xe1|Y\x96\xafYA\x90\x8d\xbe\x18\xbf\\&gt;Cq\xd8\xd3]\xc1\xda\x84\x0e\x18iaV\xc8\x02\x94E:\xf7\x8fD)\xe9Hs7\xac\x8e\xf3\x04\x00\xe1\x119\x16\xa2 \xad&amp;&lt;\xec?\xe1/\xef\x92\x15\xfe9&gt;\xe1\xff&lt;\x0e\xf6\xd5 ~9\xd4^H\x86\x1b\x1ekf\xfb\x9a\x8f\xd9e{\x1a\x80\xb3\xca\xcc\xe2P{\xba\x00\xb2\xc1,\xae\x19c\xfe\xe1\xb5H2\xdb\xd7lss\xde\xae\xe5e\x05A6\x1c\xcf_\x86\x97Ikf\x08\xd0b t\xa8\x02\xa4\xb8\xea\xe7\x05XQ\xf6W\x8a\xab~\xb4\xb5\xfa\x95\x9d+\x08\x07q\xfa\x08\x19\x91\xb5\xa6T\x1c\x00\x11)\xcaA\xb0\xb1\xc2\xf2\x82(\xe6q\xe8\xb3c\xb2\x8b^m\xa27\xbd\xf6g\xff\xca%\xf4\xd1?\xdeQ[y\xa4\x80\xae&amp;\xc1\xeb\xdb7. \xe2;W\xf7.\x89u\xafK\xf2\xa1:\xa1\xbfqa\x07\x919\xbc\xb2s\xc5\xc5m]\x94\xeb\xa3/\xc6Rp0\x0b\x80U5\x93\x15T\xaa\xd0Na\xcax\x8b\xb0\x98\x18of\x95O\x8c\xf9\xbc\x95E:\x15\x04\xd9\xdc9\xb4\x16\xf8\xab\xb6\xa5,\x00\x939\xb0\xba2\xe9\xf2\x8e\x1e:W\xddWW&amp;\xdd\xd3\x98t!W\x18i\xe7\xc0\'D\x01\n\x83m3\xbcLx\x18\x9b\xe6\xdcy\xd3\xfa3\x01\x11\',D\x1am\xadn#\'\x8a\xf8+"\xde;\xb2&gt;|,\xc1Q\xad\xa9\x90\xeboI\x1fU\xc9\x8b3\x1f`\xd1\x14\x88\xb4\x1a\xc5\xdf&lt;\xd8\xb7\xd4z\x9e\xc8\xc4\xeaf\x9b\xd2\x03\x11\x11\xbf}B\xae*\x85\xba$\x1fD$7\x8e7\x8c%`yA\xd4\x9en\xce\x82D?]\x19\xa6&amp;65\x88\xedZ&gt;J\xf6\x8a&lt;\x1a\xff\x07\xf5\xd8\xffc\xb0W\x98zjc+\xe2\xf7$:\x89\xf8+\x8f\x95Oml9\xdc_\xcb\xfb\x1a\x9aH\x02\xe2W\x07\xfbj\xa8\xae)q\x0eZ\xe7\xb6v\x1c_\xdf\xc4\xe3\xf1\xe1\xe7\xc9\xe2M\xf9Xl\xab\xf1\xfd[\x97\x00\xc0ZN\x84\xca~\xfa\xeb\xcf\xa3\xb3\xd1\xe91\xd5;\x87\xd6"\xfe\x89\x88]\x85\xecM\xc6\xb9AS\x14\xb2}\xcd\xe9\xba\x17\x94\xddF\x7f\xc0\xf7\xae\xa8\xc2/\x1e\xd0W\x03\x00\xfc\xf1-\xc4O\xf1\xdb\'\xdf\xbeqACtxCr\x822\x00\x88\x1fkM\x01\x9di`#\'J\x9e\xe38\xfbE\xaej\xb3\xb6/+\xde\xddU~dM\xdd\xd2\x04\xef\xf1\xf6\xe3\xe6\x01\xaa*\x8a\xf4P\xe5\x13\xfab\xb0ky\x19\xbd\xc7$G\xcc}L\x98K\x03\xffM\x0b\x08xX\xe4E\xa1vE!v\xcf\xee\x1euT\x9eAV;\xbf\xb5\x93\x7f6!"\xde\xd8\xd7\xc7\xfa\x15\xb7\x8a3nx\xf1\xb1%\xd3\xdb\xb46\xd1\x9bY\x9f5\x17\xe0\xd0\xeaZf\x07\x18:D\x00\xd6\xd6\xa4}\xf1\xf0\x14\xe2\xa7;;K\xd7-M\xc7O_\xa1\x93g\x98n\xc1|\x80\x8d\r\xd9\xb1#\xa5s\x88\xdf7\xa5\x07\x1e\xee\xafMu7\xa8\x8e\xf3\xa0\xb2\xd9\x89\xce\xba\x88\xbf\xb2\xf6H\xd8\xd1QB&gt;\xac\xaf\xcd\xe0Q\x12t\xeb\xc0\x9a\xed\xcb\x8a9\n\x18)K\x88\x1fO\xc2X\x02\x16N\xe2\xab\x0c\rF\x04\xe6\xf2\x83\xac\xdbs\xc2\xa2\xac\x87\xed\x92\xbc@\xab\xad\xad\x05&lt;\xe2\xa2\xffE\x88\x00\xa4y\x18\xad,\x8d\xeb.^\x0c\x00ZS\xc7P\xc8\xea\xafJ&gt;\xb4z\xe9\xd1\xb5\r&lt;\xeeYM\xbc\'\xfe\xfa^\xff\x92\x14\xf7\x85\x12\x00\xd0\x9c\x1e\xb4\xad\xbd\x88\xdc\xe93\x83\x9cE=\x04\x9d\xf9\x91\xeb\x96\xa6\xfbhKs\x90\x16\x00\xc0V~r~\xa0u\xbc\x83\x96\xaa\x10$\xb9\xe8\x95F\xb0\x90\xb8\tA\xc2[K\n\x11\xe9a\'MQ\xd8\xd4\x98\xe3\xc5\xa5h\x0b\x00\xa2\xad\xd59\xcc\x04\n&lt;t\x02:\xf2"\xdc\xd4g\xd3W8\xb4\xba\x96\xd9!`yA\x14S?+\xc4D\xd1}\xa1\x04\xf5\xe8\xd3\xdb\x04\x8a\x00\xa8\x00\x90\xb7\x08\x11\xbfzt\xf6H\x7f\x1d\xd9\xa9\xe1l\xd8P\x9fU\x9b\xe8\xa3*\x04\xba3\xe0E\x9a\ts`:\x80\xc9\x1c\xceB\x1b\x05\x80+;Wpc}8-\x98\xf1\x82\x19\xfe\x92p\x87\xc1\xa6\\]V\xa1\x0f\x06vv\x96\xe6\xf8Y\xec[Y\xc5{5c\t\x081Q,\rw\x9c\x06\x80\x88\xb7\x0e\xf4\xf3\xc8\xd6\xf4U$}\xf9\xda\x19\xa2\x82@\xfa"\xfc\xf6\xc1M\x1eS\xc6K\xac\x1dc\xd5\xdf\x16\x01\xe8\xcc\x8ftZ0|E\xd2&lt;\x8c*c\\\xddF|\xb2,\x1f\xd37.\xec\x90\xe5\xd2\xd2\x80\x03\xce*b\xc3\xcf\xd6/O\x11\x91\x9a\x9b\xa5\x01\xd6\xd7f\xf0\xd8p\xc1\xc8\x88\x9c\xe04\xac\xdb\x1c\xe7\xa0U\x9b\xe8\xbd\xa1.s\xb0)\xb71-\x80\x95cM=\t\x19^&amp;\x1b\xeb\xb3\x00\x86\xe9\x7f\xa6\x92\xf0\xfa\xf9\xedc\xd2\xc1M\xe6\x80\xf5&lt;^\xebLlNM\xf74N\xf74rS\x9f\x1d` 7\r@C\x84S\x0c\x8a\x03\x19^\xc6\xff\xffl\x16\xfd\x7f\x04\x8ej=\xfe\xc1\x94]\x9d\x0c\x90\xebo\xf9\xde\xf5\xfdq#d\x89\xeb{{\x13\x9dt\x06\x9br\x11\xf1@o5\xeb~&gt;\xbas\x04\x11\x07\x9br\x99\xc5\x87\xb6\xf2\x93\xdf\xbfq\xe0\xd5\x13\x9b\x96&amp;xoj\xcciL\x0b\xe0\xe1+\xd0\xb5\x8eu\xa6\xc1\xfd\xa3\x1b8F\x99\x17,{\xe2\xe6\xbf\x7f\xfd\xf8\xdc\x8a\x92X\x8e\x11\xa4=\'\xac.\x89%(,\x06p\xef\xe8\x00y\xd9\x08\x1fq6\xc0\x92X\xf7\x9b\x07\xfa\xbb\x8bb\xec\x14\xa6\xd0\xdd\x08\xad\xa9\xe0\xa3-}\xef\xc8\xc0\xad\x83k\xc8\xec\xd8]\xb4\x98\xcff\x0c\x1cHt\xd6\xe5\xc8\x7fp\xcb\xe6\x11\x96\xc8\x04\x0e\xf1O \xd7\xdfrss\x1e\xc5\xfc\xe1\x86\xa6\xf4\xc0\xeb{z\x11qX9\xf5\xf3W;\xf2"\xb8\xf5\xb6\xac\x8e\xf3\xa0\xff@\xdb\xf9\x93y$W\xa5^F\xbb\xa8\xa2P\xbb\xdaD\x1f)6\tRD\xfc\xf1\x9d+\x1b\x1b\xb2\xb9e\xd7\xd2&lt;\x8cN\x0c&lt;\xcf&lt;\xd9\xcc\x17]^\x10\xe5\xa6.\xce\x11\x1c\xa3\xc6b"\xcc\xf7\xf4\xea\xde[\x07\xd6\xfc\xfc\xeeu_\x1d\x19#q8\xb5\xb1\x85\xbcb\xd4\xfa\xccB\xad\x8e\xbc\x08f\x1a\xe3\xc7\xb7\xaf\x0c6\xe5\x1e\xee\xaf\xe3\xad\xa21P\x97\xb9wE\x15\x00\xa8\tC\xbc\x83\x16\xe1\xa1\xf2\x1eT\xf9\xec\xebD\xcd\x01\x03u\x99\x03\x8c9L\x92\xd6\xdf\xc6M}6~\xf3\xb8!\xd5\x9fL\xa5\xed9aKb=H\x07\x8eWOl\xe2\xefh\xff=\x8c\xc3\xf9g\xa08\xd4^_l\x94\x84\xe4&lt;\x80y\x00\x8b&amp;\x0fG\xfc\xe7\x00\x90\xd6\x13v\xf2S\xf2\x02\xac\x02\xf4\xe5\x00@\x16\x80\xf2:\x01`GG\t"&gt;\xbb{dss\xde\xf6e\xc5\xd9\xbe\xe6\xbb\x96\x97\xd1\xe3\xf8r\x00\x9f\xbfz2\xcd\xc3(\xccL\x99\x95\xe4K \x0fP\x13\xefE\xfd{~\xa8\xf3\xfa\xde^~Z\xf7\xbe\xe0\xe4/\x060\x19\x802\xdf(\x9c\x19l\xdf\xdc\x9c\xc7\xda=\xb8\xa78\xf6\x87\xb7.\xfd\xf1\xe1\xedD\'\x9d\x18[\r\xfc\xe9\x1d\x1f\xed\xb9\xf8\xd5\xa3\xdf?\xbcu|\xe4U_\x12\xeb\x1el$\xbfmY\xd1\xeb\xe7\xb7\x1f[\xdf\xe8?V\x93B\x02\xde\x8d\x8d8\xf4v\xe8N\xbd\x918x3\x14\x89y\xc0T\x12\xd2&lt;\x8c&amp;\xf0\xf0\x90\xfa5:\x16\x8a@\x88\x89"\x0f\x1b$/\xd0\x8au(\xa7\xebS\xc6\xd9/Z^\x10\xf5\xd5\xa3\xb3\xe9\x9e\xc65\xf1\x9e\xa1\xa6J\x81\x86\xf3\xb9\xd5j\xf0\x0fg\x151\xba:\xe1\x0b\xc2H\x9cE\xda\x88\x98\x02\x1cq=\x0f\xcd9\xacjW\xf2\x00O\xaf\xed\xfb\xeb\xe3\xbb\xcf\xee\x1cA\xfc\x92."D\x7f\xfe&amp;\x01\x14\x87\xd9\xbfqaGE\x94\x8b&lt;@~\x90\xf5\xe9\xc1\xb6\xab\xbbW"\xfe\xcc\xe7\x83D\x81\xb5\xae\x8a\tKY\xe1\xc2\x10\xdb\xa2\x10\xbb\xcd\xcdy\xc5\xa1\xf6\x85!\xb6$U^\x1e\xe5b!#\xc4\x0cjM\x05\xc8\xf0\xe2K\x9a\xb0\xb7&lt;\xc1^q*\x00,/\x88\xba\x7ft\xc3\xc9\r\xa3J\xc9\x10\x7fC\xfck\x1a\xc0,\x80?\x9f\xddEDJ\x0e\x8f\\\xd8k{z\x11\xf1\x97w\xaf\xf3s\xac\xff"xDH(\x90W\xd6\x99\xad\x8d\xf5,\xb6\x18\x02\x00p\xab\x9f"\x084\x90\xa3\x06\xeb\xa9\x00\xf8\xdb{\xd7\xf7\xf6nk/:\xb6\xae\xb10\xc4vScN\xd5b7\x8e\x94\x11\x07\x98\x15\xaf\x91\x96\xaa\x88H\x19E\x88_\xe1Oo\xf3\xd8\x03\xc1\xae\xe5e\xdf\xbfy\xb1$\xdc\x81\xa2\x15\xf9\xe9\xc9\x12\x91te\x80\x0bC\xcb\xc7\xdc\x037\x9c\x19l\xe7\x11\xb4\x95\x05\xd0\x9b\x01v\nS\x96\xe5\x0c7\xcb\xdd\xbb\xa2\xea\x93\xfb\xc7I\xbd\xbe\x12@Wa\xf4\xae\xe5e\xa9\xee\x06\xd7\xf7\xf6\xf2\xf9\xaa\x00@\xa6\xb7\xe9\x8a\x92X\xd6\x82[\xed\xa9\x90\x1b`\x19\xe7\xb0\x88U-=\xcb\xc7\xec1M\xb9\x9a\x8ei\x0c\xca#\x00\x98J\xc1\xc4\xbc\x84&amp;\x9a\x9a\x08\x00\xc4\xdaiz.\x92&lt;\xbbe\xd9\xca\xd2\xb8\xf1Rl\x11\xbf\xe4\x18M\x13\x9du\x9dUf\x1aK@Sz`Q\xa8\x1d5\xa1\xcd\xe0N\xee&lt;3\xd8\xd6\x99?\xaa\xdb8\xc7\x83\xfb\x82\xec\xc1 \xc3\xf9\x8a#\xbe\xb2\x9d\xc2\x94/\x1e\x9e\xe6\x88r\x9e\xda\xd8\x82\xf8i\x96\x8f\x19\xf5&amp;N\x02\xa0j \xe8 \xa6\xc4\x9b\x17w&gt;&lt;\xb5\x99wi.\x01\x9d\xd1g)+\xfc\x12\xbbnp\xc0OW\xa60\xd8V\x08 \xd3\xdb4\xccL\xb915\xa0\xbbh8\xaf\x8e\x88\x1b\xea\xb38R\xaf\x11\x16*\xfc\xb7\xf8\xc6O\xefS\xfd\xcbn\xec\xeb\xa3\x12\t\xbb\xbb\xca)m\x0c\naf\xca\xd4\xdd\x94\x068?\xd4\x19c\xab\xd1\x91\x17\xc1g[\xf2\xff\x16\xc6\x1bI\xe8)\x8e\xe5V\t\xc2\x1c\x8eyw\xac\xe60T\xbb\x8b</t>
        </is>
      </c>
      <c r="E135" t="inlineStr">
        <is>
          <t>&lt;class 'numpy.ndarray'&gt;</t>
        </is>
      </c>
    </row>
    <row r="136">
      <c r="A136" s="1" t="n">
        <v>134</v>
      </c>
      <c r="B136" t="inlineStr">
        <is>
          <t>steps_per_sec</t>
        </is>
      </c>
      <c r="C136" t="n">
        <v>2000</v>
      </c>
      <c r="D136" t="inlineStr">
        <is>
          <t>3.3520598</t>
        </is>
      </c>
      <c r="E136" t="inlineStr">
        <is>
          <t>&lt;class 'numpy.ndarray'&gt;</t>
        </is>
      </c>
    </row>
    <row r="137">
      <c r="A137" s="1" t="n">
        <v>135</v>
      </c>
      <c r="B137" t="inlineStr">
        <is>
          <t>Loss/object_center</t>
        </is>
      </c>
      <c r="C137" t="n">
        <v>2000</v>
      </c>
      <c r="D137" t="inlineStr">
        <is>
          <t>0.19240114</t>
        </is>
      </c>
      <c r="E137" t="inlineStr">
        <is>
          <t>&lt;class 'numpy.ndarray'&gt;</t>
        </is>
      </c>
    </row>
    <row r="138">
      <c r="A138" s="1" t="n">
        <v>136</v>
      </c>
      <c r="B138" t="inlineStr">
        <is>
          <t>Loss/box/scale</t>
        </is>
      </c>
      <c r="C138" t="n">
        <v>2000</v>
      </c>
      <c r="D138" t="inlineStr">
        <is>
          <t>0.058721017</t>
        </is>
      </c>
      <c r="E138" t="inlineStr">
        <is>
          <t>&lt;class 'numpy.ndarray'&gt;</t>
        </is>
      </c>
    </row>
    <row r="139">
      <c r="A139" s="1" t="n">
        <v>137</v>
      </c>
      <c r="B139" t="inlineStr">
        <is>
          <t>Loss/box/offset</t>
        </is>
      </c>
      <c r="C139" t="n">
        <v>2000</v>
      </c>
      <c r="D139" t="inlineStr">
        <is>
          <t>0.09858978</t>
        </is>
      </c>
      <c r="E139" t="inlineStr">
        <is>
          <t>&lt;class 'numpy.ndarray'&gt;</t>
        </is>
      </c>
    </row>
    <row r="140">
      <c r="A140" s="1" t="n">
        <v>138</v>
      </c>
      <c r="B140" t="inlineStr">
        <is>
          <t>Loss/total_loss</t>
        </is>
      </c>
      <c r="C140" t="n">
        <v>2000</v>
      </c>
      <c r="D140" t="inlineStr">
        <is>
          <t>0.34971192</t>
        </is>
      </c>
      <c r="E140" t="inlineStr">
        <is>
          <t>&lt;class 'numpy.ndarray'&gt;</t>
        </is>
      </c>
    </row>
    <row r="141">
      <c r="A141" s="1" t="n">
        <v>139</v>
      </c>
      <c r="B141" t="inlineStr">
        <is>
          <t>learning_rate</t>
        </is>
      </c>
      <c r="C141" t="n">
        <v>2000</v>
      </c>
      <c r="D141" t="inlineStr">
        <is>
          <t>0.001</t>
        </is>
      </c>
      <c r="E141" t="inlineStr">
        <is>
          <t>&lt;class 'numpy.ndarray'&gt;</t>
        </is>
      </c>
    </row>
    <row r="142">
      <c r="A142" s="1" t="n">
        <v>140</v>
      </c>
      <c r="B142" t="inlineStr">
        <is>
          <t>train_input_images</t>
        </is>
      </c>
      <c r="C142" t="n">
        <v>2000</v>
      </c>
      <c r="D142" t="inlineStr">
        <is>
          <t>[b'512' b'512'
 b'\x89PNG\r\n\x1a\n\x00\x00\x00\rIHDR\x00\x00\x02\x00\x00\x00\x02\x00\x08\x02\x00\x00\x00{\x1aC\xad\x00\x00 \x00IDATx\x9c\xed\x9du\xa0\x15E\x1b\xc6_@A\x11\x15\x14\xe9\xee\xee\xee\xee\xee\xee\xee\xee\xeen\x90\xee\x16\x90n\x90\x12\x90\x06\x01\x91\x96.\x11\tQ&gt;\xe0\xf9\xfe\x98{\xf7\xee\xd9\x9c\x8d\x13\xf7\xde\xf9\xfd\x01{vgg\xe6\x9c\xbb;\xf9\xbe\xcfK$\x08&lt;&amp;v\xa9\xeb\xef*\x08\xac\x91/N$\x7fWA \x10\x08\x04\xbe%\xa9\xbf+ \x10\x08,\xf3\xfb\x81\xd5\xfe\xaeB\x00\x11\xd7\xdf\x15\xc8\xf9\xad\xe5[\x8a$\x8e\xea\x85\x8a\x84&amp;.\xec\\\xec\xef*\x18\xf1\x85\xbf+ \x10\x08\xb8xxvG\x93\xa2\xe9\xfdX\x81\x97\xd7\x0e\x19\\M\xfd\x89\xf6\xf9\xe1-+{\xa56\xa1\x9c\x11\xad\xab\xf8\xbb\nDD\x00\x1a\x14H\xe5\xefZ\x08\x04\xb6H\x1b\xc5\xdf5\xf0-\x17\xf7,\xf3w\x15\xec\x00\xfc\xed\xef*\xb8\xc3\x9d_6y/\xf3h\xde\xcbZ\x9f&gt;\xf5J\xf8\xa3X\x81 \x0c\xe1\xb3yt\x8a\x08\xbe*I\xe0\'\x1a\x15N\xab8S/\x7fJ\xbf\xd4D \x10\xf8\x02\x00\xfe\xae\x82k\xf4\xa8U\xd8\xdfU\x08\xc5\\\xde\xb7\xc2\xdfU\x10\x08\x04\xbe\xa5`\xfc\xc8\xab\'\xf6\xf4w-\xdc!,uf\x02\x81@\xe0\x0bJ\xa5\xfc\xda\xdfU\x10\x98#\xba7\x81\xc0\xa7d\xf9\xca\xdf5 J\xe0\xef\n\x08\x02\x04\xd1\x01\x08\x04\xda\xc4\xf2w\x05\x04\x02\xe7d\x8b\xee\xef\x1a\x08\x04\x02\x1f Fs\x82PD"\x7fW@\x10\x1e\xd94sP\xbd|)\xfc]\x0b\xef\xb2c\xfeH\x7fWA`\x19\x00\x19&gt;\xf7[\xd1\xfe)\xd8\x13/9\xc1$\xf6J\xae\x02\x81\x9f\xb8{r\x8b\xde%\x00C[TT\xbc\xcf\x83\x9a\x94U\'\xf3J\xcd\x04\x0e\xe8Y\xbb\x88\xcf\xca\x92?\x00\x05\x13DV?\x0fKGu\x06\x10\xc1O\xce\\\x8c\xf1\x1dk\xf9\xafp\x81\x80\x03\x17\x07\x17e\xd3|c)\xfd\xd1\x1ff\xb0\x83[G7\xb8W\x0bGl\x99=\xd4\xdfU\x10p\xa1h\xf1\x81W\x901\xbdWc\x7fUL \x08h\n\xc4\xfbT\xfe\xb1n\xde\xe4\xfe\xaaI\x9d&lt;\xc9\xd8\x01\x9e\xfe\xea\xaf:\x84\r\xaagO\x98\xde\xfa\xdaK\x83\x02\xa9~\xf9\xf1{\xd7+\xe3\xca\xe4\xec\xe5U#\x8d#e\x89oo\xb2v\xdf\xf5j\x08\x04\xe1\x97x\x16\xd3\xdb~\xe5\x00\x9c\xde:\xdf\xde\xbda\x15K?f\xfe\xb86U\xf5#\xda\xbb-\x90\x18\xdf\xb1\x16\x00\xe0_\xf5%\xe0\x89\xef\xeb#\x10\x84S\x00H\x83z\x03\xc6v\xa8\xc9\x99a\xcbRY\x1cUH\x10\x0eP\x8f\xfd\x89\xa8G\xcd \xf5\x8b\xa5\xa3:\xfb\xbcFn"\xe61\x82P\x83\xe6\xab\xe8\x84\x86\x05Sk\xca\xdd\xbf\xba~\xd8\x95\xfc\'wkP8\x91\x9f\xccV\xc2\x01\xbe\xb1\x92dO\xdd\xe4\xee\r\x14\'\xa7\xf5jL\xce\x1a\xd01\xedk\xf4\xa9[\xbc\xbeE\xdd\xb7|q"u\xadV\xa0Z6w\\\x15yFT\x02A@\xd0\xa1b\xee^\xb5\x8b\xba\x98a\xb7\xea\x05\x1f\x9e\xdd\xfe\xf8\xfc\xcejY\xe3\xb33\xddk\x16\xd2L9\xa0Q\x19\x17\xcb\r\x04\xdc\xfd%}L\x8eo)\xf7w\xe4\x9b\xaeU\xda\xf8\xdd\xbdx\x8c\xfc\xa4\xe2\x80\x9f\x12\xc9\x9dz\xbaO\xeaZ\xcfa\x0e\x02A\xa0\x90\x90\xe8\xc1\x99\xed\xf23z\xeb\xcd~\xf4\xd8\x0c\xe7\xca\x10-Jd\xf2w\x15&lt;\xa8\x929.\xf0\xc6K\x99\x03\x00\x1e{~\x84b\xf6\xe9\xa4\x03\x10\x08B\r\x9f\x12u\xa8\x98\xcb\xf6\xed\xf5\xf3\xa7,\x91\xfc\xcb\'\xe7w\x19\xa4I.\xf4\xee\x05\x16\x01p\xff\xd4V\xd7\xb3\x8dI\x04\xbc\xc3\xe3s\x8a\xb2\xd4\x1d@\x98af\x9f\xa6\xfe\xae\x82 |\x13\x91\xa8a\xa14\x0e3\xc9\xe8R|\x16\xd7#\x89\x8f\x0bm\xae:\xa1B~`l\xfb\x9a&gt;k\x8e\xdb\x96\xcb!u\x00\xe3;\xd5\x96\xceo\x98\xd6\xdf7\x15\x10\x08\x02\x05k\x8eXV\xc8\xfd\x9d\xd7\xb2\xd6"L\x8e\xe6\xbcG\x00\xc8\xb3*q\xf1/\x18\xdb,A\xda(\x1e\xf3\x00\x00\x1b\xa6\xf5\x17\x8f\x90 \xcc\xc2\x9e\xf2\xe6\xc53\xfa\xb2P\x16\xa8\xba}\x05\xa3\x15\xa7v\x15r\xba^\xee\xd9m\x0b\xf6-\x1b\xefz\xb6a\x98\xbf~\xfb\xc9\xdfU\xa0\xf3;\x16\x11\xd1\xba)}-\xdd\x05\xbc)\x952\xba\xde\xd5\xf8&amp;\xf7j\xaf\x05\xc5\xb0T\x03\x81 \xf0\x01p\xef\xd4VSS\xb3|q#\x95\xb1(\xcf\xe0\x84\xb8\xde\xc9\xb6M\xd9l\x07WN\xf6N\xde\xe1\x02&lt;\xb9P)S\x1c\x7f\xd7B\xc9\xd0\xe6\x15\xad\xde\x82WW\xf1\xee\x0f\xbd\xab_\x13-\x1f\xd3\xd5Y\xa5\xb8\x18\xd5\xa6\xaa\x0fJ\x11\x08tq\xb2\xe5U0~dw+#\xa7fN\xaf\x08\x17\x02\xa8\x92\xc5\xaac\xb2w\xe1\x97\x18k]&amp;\x9bW\x97#\x9e_\xdeo\x9c\x00x\xe7\xbd\xd2\x9d\x10\x80+W\nDD\rA\x80bob;\xa2U\x15"\xeaS\xaf\xb8\xf3\nh\xbahy\x83\xe6%2\x85v\x1b\x8f\xbcq"z\xef\xe7\n\xd5\xbf\x8c\x97\x10\r\xb7@\xe0E\x00\x00\xef\x89O/\x08\xf8\xd3IY\xf9\xe2D\xb2\xd1\x01\xf8\xa0Y\x8cD\xd4\xbb.WW\xda(\xd8\x8cjx\xcb\xca\xde\xac\x91\x06\x00\x8c\xb7m\x04\x06\xf8n\xfdT p\x11\xe3\xed2\x89?\x8eo\xf4j5\x8c\x01\x80\xd7\xd7xR\xbe\xb8byW\x13xk\xbdF\x81E\x9fz%\x9cg\xc2\xfa\xce^uB\x8d_q\xd3b\x19\xfc]\x05\xcbp\x8e\x03lcS\xeaO\x10n\x89A\xb4k\xd1h\x1b7\x02\x1f\\\xaf\x8c&amp;i\xa3\x10\xf0,*_\xe2\xd5\x13{\xb92\xa2\x0f{&gt;\xfac\xdb\x9b(\xeb\x05\xfe\x02Q\x81\xf8\x9f\x9a\'r\x15\x1f\xff&amp;\xb9|kB-\x10\x10\x11\xe1\xdf\xdbne\xb5\x7f\xd9\x04\xfe\xc4eR\x9boO4-\x9a\xbe\xaf\x95\xe1mL\xfe\xa4\x82\xd0@\x1a_\xb7\xf9\x02\x81\xc0\x90\x0cQ\xa9_\x83R\x8a\x936\xb6\x9aW\x8c\xed\x06\xe0\xd7\xddK\r\xd2\xa4\xff\x8c\x8c\xf5\'\x04\x02\x1f\xe0\xe3\xa9@\x8d\x1c\xa1\xc2\x8f[\x10.\xe9P1w\xee\xef\x94\x9b\xba\x8b\x87w\xb0\x91\xd5?7\x8f\x9aj\x98\xd8\xdb\xd7u\xf7\x15\xca\xfa\xb5\xf6\xf9\x17W\x0eH\xc7&gt;\xb6\xa0\x0f\xfc\x15\x9b\xc0\x01\x7f^:\xb4zJ\x1f\x07\xeb\xef\xf8\xf7\x96\x8b\xf5\x11\x08\xc2/-Jf\x96\x7f\xcc\x1e\x83\xea\xe5Ka\x90\xbeM\xd9\xec\xac\xb1{\xf1\xfb\x01\xce"\x1e\x9f\xdbi\xb7v\x82\x80 \xd0\x0c\xff/\xec\\\xfc\xe1\xc1\x19\x7f\xd7B p\x83\xda\xb9\x93\x02\x8f\xfc]\x0b\xcb\xb4)\x9b\x8d\x88\x8a%\xfd\xa2c\xe5&lt;\xfe\xae\x8b\xc0\x1d\xda\x94\xc9\xe6\xef*8\xc2u\xcdA\x81\xc0\x9f\xe4\x8d\x13X\xc1_s\x06\xbbEI\xf3\x86)\xdd\x1b\xfa\xad6a\x9a\xcf\xfc]\x81P\xc1wD\x13\xbb\xd4\x95\x9f\xf9\xc4_U\x11\x08\\\':G\x1a\xdbK\xdd\x00\xf2\xc5qd\xa9\xccc8\xe4.I&lt;?\xe6\xfcV\xbc\xf0\x1a\xf8K|c\xfe\x90\xb6\x96\xd2\xe3\xd9\xaf\x0eK\x0c|Ws\x00\xd9\x85\xac\x9d\xc0_\x18\x84\xf7\xd3{s\xae\x1dZ\xcb\xae&gt;8\xbd\xcd;\x95r\x8d\xc0\x7f\xffC\x1di\xbd\xa88\xa5\xc4\xad\x18\xd1\x01\xcb\xc0\xc6e\xc5\xf3)\xf0\n\xa6\x06\xd9on\xfe|l\xddL\xdb\xdbw\x00\x96\x8e\xeal\x9c\xc6\x87m\x85\xc0}F\xb7\xab\x1e\x9d#\xd9\xe2\x11\x1dK\xa5\xfc:\xb9\x17*0\xbeS\xed\xf4ZK]\xf9\xe2F"\xa2a-,\xcb\x8e\x06 \xa2\x03\x10\xd8dr\xd7\xfa\xf6n|xf\xfb\x92\x91\x9dj\xe76\xda\x12\x9b\xd4\xc5\xc4\xb7\x16x(\x9e]\xb1\xa9HD\x00\x866\xaf\xe0\xefZ\x10\x11\xb5.\x93U:\xfe\xd2\x8f\xf5\x10\x08\xfc\x0b\x00&lt;\xb5\xbf~\xfa\xf3\xda\xe9\x00\xea\xe4If\\\xc4\xd3_w[\xcd\xf9\x87\xc9}\xd8\x81\xcfTP\xd8h\xd1\x94W\xd7\x0ey\xa3t\x97"f\xfa\x815\x13{q\xa6\xd4\x14Vc\xb1B\xa5!\x02[6\xf4\x99\xc5B\xd9\xb4\xdf\xee\x98?B\xef\xaa"\xf8\xb0\x7f\x01P6\x8d\xcf\x14x\x05\xe1\x86\\\x9e2\x0b\x15\xd2{(\xe9N\xeda\xdf8g\xe5\xb8\xee\xb6\xefu\x91L\x1c\xca\xfd\xb6\xe7(\xd1\xed\xdd\xe6\xc9\xb7ab\x82\xbfs\xc1(\x1bw\x01O\x88\xe8\x7f\xf7N\xc9O\xc6\xb3\x12n\xc1!\xf2_\xfe\xdc\xf6\x85\xd9\xa2\xfb\xaa`\xeb\x84\x81\x87D \xa0i=\x1b\xf9\xbb\nJ|\xef\xa1/\x7f\x99\xf3\xc6\x8e\xe0$\xab\x02\xde\x8c\xf0\xc3O\xf9t!C\t6\x90\xe7g\xf3\xf7\x83\xdd\xae\x8e.\xf6d\x88\\\xdc\xba\xd8\xb3x\xac\xe2L\x00J\x9d\x0b\xc2\x08\xc0?\xfc\x89\x1dZn\x8c\xefXK\xef\xd2\x98v5\x1ce\xed\x12\x813\xbe\x0b-vGG\xd7\xcd\xe0L\xe9\xba\xcd\xe8\xf0\x96\x95\x1e\x9f\xdb\xe9\xa5\x18s\xde\xc6R\x87\xd1\xb9J&gt;o\xd5C 0\xc0R\xf7\xe0\x84\xa6\xc5\xd2\xfb\xa6 \x05\xf6\xd4\xad}#\xdf\xab\xd7\x01\x04\x94G\x82\x81\x1fY\xa8\xe8\xc0\x02\x8a)\xdd\x1b\xf8\xbb\n\x02w\x08,\xc7ZKH\x12\xfc\xd1\x88\xf6,\x9e\xea\x9bB3d\xcad)\xbd[\xe3\xbe\x08\x11L\xb6v\x1b\x16L]8\x91\xb2\x95{\xeaJ\xd9fD\x88\xa0\xbd\xf2\xf3\xde\'\xa5s\xf2\xaf\xfe%\xbd\xfa3J$\x0f\x1d\xf65\x8bl\xc9\x1d\xda#s\xb6\xac\xe6\x89\x88\xee\x9d\xdcb\x9a&amp;\xa7PH\x178\xa4\\Zk\x0fQ\xf9tvF\xc6\xfd\x1a\x94$\xa2\x9a9\x13\xe7\x0c\xc7&amp;\x0c\xf8p\xcf\xdfU\xf0\'\x9f\x06\x07\xe9\x9d\xd4\xb5~\xa8\x9e7\xf8F\xcf9\xbd\x8e\xd7e\x83\x02\xa9\xf0\xf4\x82\x0f* \x08e\xf8+b\\.\x97\x86!\x8b\x86\xb5w\'#\xeb\x00\x8f\xe5\x1f\xd3X\xdc\x05\xe1\x0c\xbdi\xe0GM\xa1m-ed\xeb\xaa\xe9\\\x12\x18\n]_\xdc\tx\x7f\x97\'\xd9\xca\xf1F\x86s\x8agU  "\xeaY\xabHe3\xcd\xfaC\xab\xa6|\xb8\x7f\xda\xf5\xa25\xed)\x96\x8f\xe9\xca\x9f\xc3\xa8\xb6\xd5\x1c\xd6\xa1b\xc6\xd8\xc6\t\x8c\x8d&gt;\xd8\x04EM,\xcd\xb3*X\x13\x86\xc7\xe7\xf9\x92k\xdcK\xdel\x07\xbf\xef\xd7\xdc\xdd\x0cK$\xffRQ\xdb=\x8b\xc78\xcc31Q\xc9\x14&gt;\x15\x8anQB{AR\x84k\x11\x84M&gt;!zr\xc1#\x02\xd7\xd8\xf65\x9c\x87\xff\r\x04\xa5I\xd3\xd6\xd3\xab\xc3L\x96\xf9}gbG\xde\xa8!\xe7\xd4\xc49V\xe7Lj\xee\x9d\xda:\xa2U\x15\xfe\xf4\n\x03\x9b\xca\x99\xe3Z-\xf1\xd5\xb5\xc3\x99\xcc\\\xef\xda\x95\xcfi5[\xab\xbc\xbfwJ!A*\x10\x84\x0e\xbaT\xcdo,\x11\xe1\r~\xdd\xbd\xf4\xc4\xc6\xd9&gt;.\xd4\x18)\xca&lt;\xf0\xdcv&amp;&lt;\xaej\x81\x0c\xfewG\xfe\xd1{\xe1~\xabe\xd5\xe8\xd7\x8e\xac\x9d\xc6y\xbb+\xee\xd6G\xd6Ns\xd2a\xcb\xa7}\x00\xf0\xf6\xa6:Mt\xcf\x8fU2\xfbK\x95U\x10v\xa9\x96-\x81\x93\xc7\xaaE\x89L\x1b\xa6\x0f\xa0\xe0\x97*gL:\xbde\x9e^\xe2\xb1\x1dj:(\xca\x84z\xf9S\xf2, |G4\xbeSm\xefU\xc3\t\xe1g)\xdcgH^\xe8\x19\xa2j\\\xd5T\x8e\x93sr\xd3\\r[\xa3\xb0a\xc1\xd4\x9c\x7fh\xe0\x95t\xbctT\xa7^u\x8a\xbaZ\x11A\xb8\xe7\xc4\xc69\xbd\xeb\x163M6\xb8Yy\x83\xabO.\xf0*\xfc4,\x98\x9a3e\x80\xd0\xb6\\\x0eW\xf2I\xe1\xc8\xc3\xd7e\x9c\xac\xd5$\xb1\x98\xdey\xd3\xb9P\xcb.\xe0\xc6\x91u\x0e\xb3\xfd\x86\xa8L\xea\x18\xd2\xbcM\xc2j\x04\x02\x1b\x98\xba\xfei\x06\xa8\xeeT9\xaf\x18\x1f\x08t\x19\xd6\xa2\x92\x8d\xbb\xca\xa7\xfbn\xd3,s\xe7\xfb\x19\xbd\x9b\xfc8c\x00g\x9e\xa6bj)B\xb1\xef\x84\x80\xaap/\xb5\xdb\x8e,\xe4m\x86\xb6\xa8\x08`h\xf3\x8a\x7f\xff~\xd0\xf7\xa5\xab-\xc1\x064*c\xda\xb8\x0bs\x7f\x81\xfbd\x8f\xe1\x9a\x0fp\x14\xa22\xa9\xbf\xb9\x7fz\xab+\xb9Y\xa2P\xc2(\x05\xe2s-8{\xdb\x05\xe1\xc6\x91u\x004\x07\xad\x8c\xab\x07\xd7\x00h^&lt;\xa3w\xeb\xe1\x1d\xac\x8e@\x9f_\xdeo)\xfd\xbcA\xad\xd9\x81\xde\x0f\xd8\xaaT\x16W\xda\xc1\x9f\x96Ot#\x9b\x80@\x8c\xa6\x04\xde\xa5^\xbe\x14\x0eC\xd0u\xabQP}\xb2b\x06N\x03Km\xe4\xeb\x18Y\xbf\xe6m\x9b|0\x89\xdel6\xa3\xba\xf2\xd3*\xbdKY\xac\xd8@\xfa~A`\xf5\x84\x9e]\xaa\xe5\'\xa2Z\xb9\x92\xf0\xa4/\x95*\xba\xfa\xa4\xde&amp;\xb9=i6\xcf\x9c!?6Xi\x11k)\x82\xb0\x86\xe6\x1eW\x80\xe0\x8a\x91\xd0/?~/\xffxh\xf5\x14\xbd\x94\xe2\xf5\xb6\x8d\xf1\xa2\r\xfe\xb9Q&gt;\xbd\x05\'p\x00\xferX\x85\x8c\xe8\xaa\xab\xbeT}\x90W\xc9\xe0\xea\xeb\x1bG|V\x13A\x98\xe2\xaf+?\xf9\xbb\n\xbe&amp;\xae\xfe*\x81\xbb0\xd3&amp;\xb6\x15\xac\x19\xc6\x84\x939\x03[\xb9R\x1f\x17\xc9\x1b\xdb?\x8b\x075}"\xa2@\xb2&gt;\xa0C\xc5\xdc\xeeg\xfe\xe6\xbai\x9atQ\\/V P\xf1\xe6\xe6Q\xd7\xf3\xf4\xaaa\xbf=[\xa0-\xb3\x87J\xc7m\xcaf\xcf\x17\xc7\x17\xb2\x17A\xfe\xbd\xa1pJ\xc1\xb6"\xce\xedX\xa4\x9b\xe0\xd9\xaf\x06\x02\x1ewNl""\xbc\xfc\x9d\xa7\xac\xc1M\xcb\xf1WL\xd3\xe6\xd8t\xed\xcb\xc0\xab\xdc\xe0\xafS-k\xfc\xb3\xdb\x16\xea\xdd%\xf7\x8e\xfe\xeb\xb7\xfd\x00\xca\xa46Y\xeblS6\x9bIE\x89\x9c-\x97\n\x04\xe1\x18\x83\x97\xb9\x92L\xe5\xc2\xc9`\xdc\x12U2\xc7}\xf1\xfb\x81\x8c\xce\x96\xd76\xce\x1c\xe8Ru,\x80\xbf.;\xcca\xdb\xdc\xe1\xd3{5\xe6IY0\x01\xaf\xb5\xe7\xb1\xf53\xf1\xf0\xac\xf4\x91\xc5\x10mT(\x8d\x8d\xea9\xc4c\xc3\xe0\xe3}\x00\xe5\xd2\xc5$\xa2\xf3;\x16\xdb\xceS\xb1:\xd6\xb5z\x01\xd3[,\xcd\xc3\x8c\x02\xae\n\x04\x01\x8b\xa6\xd4\x84\xe5\xe0G\x8f\xceI\xb7\xa4rC)\xff\xcfK\xfb\x14gJ\xa5\x8c\xeeB\xbe\xde$\xab\xa6\x89\xb8\xcf\xc9\x13\xcb\x1d\xbf\x06i\x95\xc6@n!\x8f,J\x1a\xf0\xd2\x95r5\xab\xc1\xe3\x10\xe3.\x1bg\x0e\xf2q\x89\x820\x08\xa7I\x06\xa3z\xf6\x84^\xab\x88.\x8d\x8b\xa4s%\x9f$DD\x14\xc5z\xe7\xc1\xf3\xad;V\xca\xc3\x99[\xaf\xdaE\xabeK`\x90 \xb5\xa7AKh\x11\xc4\xe7\x07\x00&gt;\xde\xaf\xaa\xa5\xc7\xc0O\x8fZ\x85\x1dZ\x821\x8c\xfe\x12\xdc\x9c\xde2O\xf1P\xf5\xacU\xc4y\xb6\xa1q\xf1P \xf0\x1d\xb9\x1d\xc4\xdcjQ2H\xca\xd1t\x97O\xd3\x1e\xd1\x18Km\xb6B\r\x89g\xa580\xe1t\x93hP \x95w\xeba\x08^]U\x9c\xe9\xdf\xb04\xcf\x8d\x06\xe6\xc2\xf9\xe2FRX\x91\xaa\xd3\xb0\x05+KT\xcf\x96\x80&lt;\x97\xc8\x14rI\x02A8"\x8e\xabc"\xfc{\xcb4\xcd\xabk\x87\x075)\x87\x7fnX\xcd|V\xdff\x006\xf1M\xd2\x87\xb7\xf4p\xc3\xf6Y\xec\xda\xb5\x93{\xbb\x98\x1b\xbfD\x9a\x97\xc4\x942\xdb\x9a)\x99&gt;Qw~\xd9D\xc1\x13G\xe9/uy\xefry\x9a\xc9\xdd\xeaK\xad{L\x9d&lt;\x8f\xae\x9b\x81\xffn\xdb\xaa\xe1+\n\x0e\xaa\x0c\xfc\x07\xfcg\xe5^1\x87\x10\x04\x06\xc0;\xb2\xfbD\xce\xea\xd7\x9c\x88R}\xe2\xeb\x07\xdavq\x83\x9a\x96\x03 7=\xd2\xa4I\xd1\xf4\xa4\x9a\x01\xf8\x80V\xa5\xb9b\n\x9a\x02@\n\xc2s\xfd\xf0\x0f\xfcw\xb9R\xba\xb7\x19\xdf\xb1\x16\x11\xb5,\x95%:Q\xfex\x9f\xf8W\x91)o\xec\x08\x00~\xdd\xb5Dq^\x1e\xc7\xe2\xe0\xca\xc9\x9c\xb9\rjR6\x1c\x07\xd6\x13\xf8\x96\xb2i\xbe!\xa2\x0e\x95rO\xe8\\\xa7_\x83RVo\xff\xeb\xcaO\x1b\xa6\x0fh\\8\xad\xa5\xbb\x9e_Vn\xd2\xda\xc0vS\xc56\x06\x03\xd6\xa4\xcf\xc0\x9d\xd8\x07\xb8\xde\x01xc\xce\xd4\xbeB\xaeg\x17\xf7\x12\xd1\xde%\xe3\xf4\xd2\xf4o\x18\xf40\x03(\x9e\xccM1\xee\xee5\x0b]\xf2\x9cd\xb8\xcb\xb5Ck\xbd\x97\xb9 \x94q\xf3\xe7\xf5\xe3:\xd6\xf2j\x11G\xd7\xcd\xd0t6n_1\x97\xe2L\xe1D\x9f\x9d\xda&lt;Wq\x12\xef\xfe\xe0)\xc5` \xdd\xb2Tf\x9e\x1c\x94\xe5\x86\x92\xb1j\x18#\x10~v\x00s\x06\xb44H\x90\xfb;\xa5z\x84\x93\xe2Z\x95\xca\xe2\xe4vc\xb6\xce\x19\xe6\xbd\xcc\x05a\x01\x00\xcd\x8ae\xb0z\x97\\\x95\xacRF]!\x80W\xd7\x0eK\xa5H\'\xd9V\'\x1b\xa7\xb3\xcd.f\x8f\x91&amp;2\xcd\xec\xdb\xccjM\x18\xb6\r\xee\xff\xbc\xb8W\xf3\xfc\x92\x91\x1d\xd5\'\x8b%\xf5X\xee\x06p\xef\xe4\x16\xbb%\x0b4\xe0oL\x93\x9b\'\xb1Y\xc4\x92\x91\x9d\x14\xd6\xc2]\xaa\xe6_2\xb2\x93\xa5L\x00X\x8a\t*\x10\x84A\xde\xdc\xf8\x99\x1d\xc8\x9fr\x16\xf8E:\xc3,1\x067-\x07&lt;\xb5\x94y\x93"\xe9(xJk\xf0\x16m\x9b;\xcc\xf4\x1d\xab\x90\xfe\xbb\x8a\x19b\xf9\xccM,`\x89A\xe4J\xc44i\xd6e\xbazn)\xfe\xb3U4\x9b`\xab\r\xee\x98v\xd5K\xa5T\xbaQ\xb8\xa8\x0ek\xb0\xd0$\xe7K\xd9pJ\x93$\xeeTG p\x0f\xbd\x97-u\xf0\x10\x8b\xc9 \x9bF\xbaP\xf0\xf2\xeaA\x00-Ke\xae\x9d;)\xd3s\xf6\xe30\x8a5a\x002\xba\x120\xd0\x16\xc0\xff\xc8\xa2\x05\xaa\x01z\xadv\x12\xee\x1c$\xb1\x04E\x9f\xea\xcb?\x13\x00\xe71\xab}\xc0\xd9\xed\x0b\x01\xe0\xf19\xe3d\x97\xf7\xad\x90~=u\xf7c\xf5\r\x12\x08\x8c\x90\xab\x1e\x16I\xa4\x0eDAd&amp;\xab\xc0i\xa7_2\xc5W\x00\xea\xe6\xb50\xa1O\x1bYC\xb3\xd7\xd8\x11\xdf\xab\xef\x86\xa5\xca\x07&amp;\x06\x82\xcarA\xef\xbc\xb1-[\xc3T\xf0\xf4\xd8z|~\x97\xd5\x1c\x18nE5\x19\xda\xbc\x82\xc3\x1c\x14\xcf\x92i\xcb{t\xddLS\x11\xbb9\x03Z&amp;1K\x13\xdb\x8d89BfN\xc0\xc5\xe8v\xd5\xd9\x81\xa5\x99n\xaaHT6\xcd7\x92\xea\x80B\xe7ej\x8f\x86x\x7f\xd7y[\x1c\x8b\x08\xc0\x96\xd9C\xe4\x16 \x00\xf0\xfe\xae\xc3\x9c\xc3$\xcdKdr\x98CJO\xd5\x19=\x03\'\'b8j\xac\x048\xe0\xc5\x1b\xe3\x00\xb5\xf5\x01\xb3\xaa\x08\xd8\xf18\xbf\xfe\x92@`\x19\xf9\xe35\xa2U\x15\xa9\xe9\xd86w\xb8W\xcbM\x15\x89\x86\xb5\xa8h\x9a,\x93l\x95\xc6_\xb2\xc6&gt;\xc6\x97\x1a\x1e\xae\xa8 0\xc2\xc5\xdf\xc6\n\x00\xf2h\xedi\xa4\xfe\x94\xa2\xa8R\x1a\xccI\x03\xb6g\x12\x84\x05\x80\'\x15\xac\x84\xfe\x10\x84+\x1a\xf0\tz\xf7\xaaS\xcc\x91\x1f\x86-\xb7[5&lt;f&lt;\xfe\r_\xac\x19d\xd9g\xfe\xe4\x02\x81@`\x01&amp;\x9e\xcc\x1a\xf7\xa3?\xcc0Hf{\x10\x01\xe0\xf6\xb1\x1f\xed\xdeMD\xb4~Z\x7f\'\xb7\xebQ!=\x97]\xa8\xa5\x9e/\xddgvk#\x10\x10Q\xa5Lq\x9a\xea;\x01t\xaa\x92\xd7\x97\x95q\x91\xdf\x0f\xac\x96\x7fd/\x95\xdc\x1fM\xedX\xef\x17|\x13\x9e,p\xa8\xe1\xab\xa8^\n\xd2F\xd6X\xfb\x06\xfe\xd1L\x0c\xc0^-\x0f\xaf\x9e\xaawI\xda?\xff\xeb7\x8d0|\x00\x98\x1d\x17Y\xb4\xe7\xd9\xbbd\xact\xdc\xabvQ\xe3\xc45s&amp;\x16\xeb?\x02%\x96\x16[G\xb4\xaa\xcc\x99Rz\x8e\xd3F\xa6?\x8eo\xb4\\-g(\x1e\xf4\x9fVL\x04\xe0\xfbj(\xe8\xa0r~\x0e(\xecI\xaa\xb9\x0eSI\xd28\xef@\x1b\\j^\xf5\xc8\x16\xc3h\xe8\xcd\xd3(\x17I\x1c\xf5\xcc\xd6\xf9\x9a\x97\x8a%\xfd\x82=\x81\xd5\xb3\'\x8c\xad\xba\xbabl7\x9ev\x19\xc0\x1f\xbfl\xec[\xbf\xa4\xfc$\x8bECDx{\x13\xc0\xbcA\xad\rr\xd80\xad\xbf\xe8\x00\x04J\x8a&amp;\xf1JTx\xc9R\x93\x7f&gt;\x1e\xc3\xd9\x0e\x95\xc2;_&lt;\xeb\xe1\x93\xf4Z\xab"\x07VN2\xbek\xe5\xb8\xee\x06\x0f\xcc\xff\xee\x9e\xd4\x8b&lt;#=i\xb1\x0c\x9f\xdeOX\xcag\xbf\xeaeb\\=\x9e4\xa3\xdaT5\xcf\xe4\xfd\xdd\xbb\'6\x9b&amp;\x13\x08xa\x86\xde\x9aK\x19{\x97\x8c\xe3l\x85\xf1\xfe\x9e\xe6\xf9\xb4V\xcc\x96\xa5\xb2\xca\xa5\xb5`\xbc\xda\xb5\x9ay\xf8=/\xe1\xd0\x81\x80\xad\xff\xfagI\xc5W\xf0&gt;?xk)\xdb!\xcd\xca\xaf\x1c\xd7=gL.E\x07\xfdK\xff\xfd\xb6\x7f%\xeb\x00\xe2zy\xcc\xc12\x8fD\xa4\x9e@HW}\x13\xecZ \xf0\x1b\x06/\xd8\x9d\x13\x9b_\\9\xe0\xc3\xba\xf8\x93\xec1h\xde\xe06{\x97jK\x08\xe0\xf9e"jYRC\x02O\xb3\xf9p\xce\xf7\xfdZ\xb8\x9ba\xfex\x96Cwj\n\x0e\x1a\xf0\xf0\xec\x0e\x03\x19D\xe9I\xd3\x8c\x08$\xcdn\xdbW\xc8\xf5\x1d\x11^\\Q\xdc\xa5\x9b\xed\xa3s\xea\xf9\xc9\x97f7~J\x04`\\\xc7Z}\xea\x157\xae\xad@\xe0Oz\xd4*\xec\xb3\xb2l\x0f\xb8\xea\xe4IV$\xb1\xb6os\x00b\xe3;~\xee\xe9\xbe\x1b\x9eIm\xe0\xe2\xacO\xcc\xe0 \xcfz\xb7\xcb\xa5\x81\xf2\xc5\x89\xc4\xe6q\x9c\x0f$\x00\x1b\x0f\x9fh\xe2\x05\x81N\x83\x02\xa9\x064*\xad\xb9\x02\x1b\x08\x00\xd8\xb5p4\x11\xed_&gt;\xc1\xdfu\xb1\xc0\xd3_\xf7\xc8?\x96O\xe7\x96&amp;B\x10\x1d*\x99\x04\xc5tHK&gt;\xadc\xcd\x06\xce\xf9\xa2\xca\xba)}-\xa5\x977\xcdV\r\xfc\xf9\xab\x9a\xca\xf2\xf4\x86\xe5\xff\xb7t\xecf\xfc\x01\x81 \x9c\xc0d\xe3\x04\x81\xc9H\x8e=L\xe7L\xed\xd1\xb0z\xf6\x84\x9aAz\x01t\xa9\x96\xdf\x07u\xe0D/\xc4\x85C\x0f\xf6\xdeu\x8b\xb5(\x999\x8b7\xa46\x04\x02\x1b\x94La\xf40\xa6\x0c`M\x800\xb6\xe9\x86\'\xe7\xd9\x81iT\x86\xcd\xdf\x0f1\xcdm\xfb\xbc\x115\xb2\x07\xe2\x16\xf5pOSf6r\x1f\xdd\xae\xba\xd5\xd9\x86^z\xb7\x96k\x00\xd4\xcb\x97B\xe3\xfc\xe3\xf3\x99\xa3\xd1\xe3\xf3;\xa53)\xac\xbc#\xb7\x8fo\x040\xb0qY\xe75\x14\x08\\\xc0\x07\xde\x8c;\xe6\x8ft\xb8E|p\x15o\xccU\x01\'\x85\x12D!\xa2\x11\xad\xab\xf8\xa0,o\xec~\xcf\x19\xd8J\xf3\xbc/\x85P\xe6\x0ch\t\xe0\xe3\xc3\xb3\xdc\xe6Rb/A\x10H\xf0\xefV\xde\xf9e\x93\x17\xeba\x86\xe9\x9b\x93\xd2;\xd3\x81\xac_\x9b\xa7Q\xd3\xa0@*v\xc0\xaa\xfd\xbf{\xa7\\\xac\x92\x1cM-\x1a\tc\xe1IV\xb7j\xd9\x12p\x96e\xbb\x11\x07\xb0zBO\xbbw{\xe4sr\xd3\x1c\xe7\xf9\xb8\x08\x80\x87g\xb7\x1f]7\x93?\xfd\x8c&gt;M\xbdZ%A\x98\xe5\xdc\xf6\x85~,\x1d@\x86\xcfi\xfb&lt;^U\xd1AM\xdc\x9c\xe4\xda\xb3\'\xf1\rj\x89\x19\xa9M\xad\x9931\x11m\xfe~\xb0/\xeb#\x05I/\x93:L\xc5X\x03P1C,"\x0f\xf5M&lt;:7\xa3w\x13\xdfT@m&gt;\x04\x00\xff\xde\xe2\xcf!\xddgb\x12 \xf0\x02\xac\xa1ax\xe9\t\xbbz`\xf5l\xc3P\xdd\x01H3Y\xe4\xe4\xd0\xce\xe0\xa6\xe5\xbd\x9a\xbfo\x1a&amp;\x1b\x1e\x06\x12\xc6F\x04\x8d\x8b\xa4%\xcfo\xd1\xadzA\x83\xf4z\xdfw\xe1\xb0\xf6U\xb3\xc4\xb7UAs\x84\x87\xbc\xc0e\xa6\xf7j\xbc{\xd1h\xe9#\x00\xe0\x81:\xd9\xbdS[])\xae\\\xda\x98\x96\x1c}\x1d\xe2{\xa3V\xb5\x95j\x80\xbc\xb1\x81j\xdfk\x87\xcc\xd1\xa8}\x05mi\x07M\xca\xa5\xe5\xb5\xbe\xcd!\x9b\xf3\xe0\xc5\x15\xcd\xfd\x00\xbdi\x11\x8f\xe1)\xf0\x01O/\xd8\x9e\x8e\x9e\xdf\xb9\x18\xc0\xbb\xbb\'\xedf \x10\xa8\x00\xd0P\xa6\xf3&gt;\xcb\xcc\x86\x84\x88*e\x8a\xb3a\xfa\x00\xd3d\xf3\x06\xb5\xd6[\x04\xe7]9\x0eU\xb4\xaf\x90\xcb\xde\xa2\x7f\xb1\xa4_\xb4.\x9d\xd5\x95:\x14O\x1a(V\xe6\x8a\xfd!K\xba \x9a\x14M\x12ut\xbb\xea\xc0G\xfe\x81pn.\tg\xa7\x00xra7^]5M\xf9\xd7o\xfbY\xcd\x15\xfd\xf1O+&amp;\xf2\x14\x94\xe3\x1b\x02p~\xe7b\x1b\x95\x14\x84Aj\xe7\xd6\xb36\xb6\xc0\xf7\xfd]V\x02\x903\xb6CM\xcd\xf3\xf8x\xdf{\x85\x86:\xee\x9d\xdc\xe2\xef*h3g@\xcb\xc0\t\x0f\xb4w\xc9\xd8\xc1M\xcb\xe3\xe9\x05\xfe[\xae\x1e\\#\xff\x08\xfc\x1b|\xc0;-\xbbqd\x9di\x1a\x00\x953\x1bo\xa8{$\x06\x00&lt;\xe4L\xaf\xbe\xdd\xde\x8d\x820\xc8\xe9-\xf3\xfc%\xd1\xae\xc7\xac~\xcd]\xc9\'_\xdc\xc02\xd3W\xbfx\x1d\x1d{\xe1\xa6\r\xf8\xf0\xaexs\xc3_E;tu\x8am\xb8b\x9e&gt;xCv\x83Y\xf4\x98\xdeu\x8a\x99\x96U)S\x9c\xb9:F\xa5j&gt;\xdc?-\x96\xf2\x05\xdee\xcb\xec!~,\xdd-\x85\xceq\x1dt\xd5\xbe\x1cb\xe3\xf5\xc3\x8b\xdf\xd4\x99\xd8h\xc0\xabf\r\xd9!\xf4v+\xd0BKQ\xce\x1e-K\xb9\x96\x15\'\xa61\x00\\\xe1\xea\xc15KFv\x92\x15\x1a\xf2\x17\xf9q\xc6\x80\xd6e\xb2\x11\x9fg\xc0WD\xfb\x96\x8e\xe7)\xb1p\xa2\xcf\x00,\x1d\xd5\x99\xb3\x86m\xcafw\xa4:+\x08\x93\xe0\xedM\x83\xab\xc9\x892D\xb5\x13\xef\xb4~\xfe\x94\x9a\xe7\'v\xa9+\x1d\x1b/\xdf\xc7\x0b\x1ay\xbd\x0e\xe4hY\xea\x96Wm\\\xb2w\x89\x86Zg\xad\\I\xd4\x99\xd4\xc9\x93l`\xe32\xee\xd5N\t\x8f\xe8\xb1\xf1\x1eo\xbe8JgS\x1brs\x9c\xbd\x1d\x00\xe7\xcb\xfdj\x8c\x1d\xcem#W\xb0`Q_\x14\t\x80G\x86\x9a\xd2\xa0\xe0\xc0^y\x82\xa3\x86\x19\xd3\xabNQ\x00\x8a\xc80\x9a\x94M\xf3-\x895\x1f\x81&amp;\xe6\x8d\xc2\xdfW\xac\xe6\xc9\xa9\x04g\\t\x1c"\xce\xc8T\x96\x9e\xecJ\x19u\x1d\x89\x8e\xad\x9f\xc5\x9f\x8f\xc4}\x97\xec\x9a\xeca\xc9\xc0\xde4\xfe%[R\xe8X9\x0f\x11\xb5\xaf\x90\xf3\xe7\xb5\xd3\x15\t\xd4Z\x03n\xb9V\x01X9\xae\xbb\xf3\xac\xbc\xca\xb0\x16\x15\xbd\xd1{\xd8[\xc9\xc9\xfc%\x9d\xdb\xb1\xc8\x0b\xd5\x11\x08\xb4\xb0d\x96\xe2%\xc5y?\x02\xbctr\xbbA\xebV"\xb9\xcdVE\xd1j\x14N\xe4\x82\x89\xe6p\xc3`\x9f\'6\x1ay\xc0\xf6oX\x8a\x1d\xf4\xa9\xab-Xo\xc0\xbf\x7f\x1c\xb7z\x8b)\xd5\xb2\xbal#&amp;\xfd\xe0\xcbFw\xe1Li\x9b\xe8\xc1\x07yby\x18\x95\x1a\x10h\xfe\xc9\x82\xf0\x8b\xe9\xdc\xddK..\xa7\xb6\xccc\x07\xaeOx\x8d3\x8cF\xc4\xbf}\xc7\xcf\xce\x05\xa3\x02|\xe6\xce\xb3Z\xc1o\xd9BD6\x9c;$\x97co\xb3bl7\xf5\xc9x\xbe)\x9b\x88\x88\x80\xff|X\x9a@\x10\xda\xb0\x1a\x14\xd0\x15\xd2\x7fFI\xdd\xee\xd2\x9a\x15\xcb@Dm\xcbe/\x99\xe2+\'B\n.\x1aA\xb5+\x9fC}\x12\x80id\x05)\x12\xaf\xe9\\\'\xc8\xb2\xf1\xd5\xd5V.y3\x18\xc0\x9c\xa1\x14\x01\xdc\xb9V\xdf]"\xcbWT&amp;\xb5\xb5=\x94\x8c_\xb8Vz\xe7*y]\xcbK \x90Hl\x9e\xc4}\xbc\xb1w\xea\xd03\x82\x85\xfbx{\xeb\xd8?\xb7\x8e\x12Q\x95,^\x1f)\x02hX(\x8d\xb7K\xb1\n\x7f\x9b\x95&lt;\x02QP\x1f\xf0\xc1\xad\xd2%\x83}\x8dKO.\\=\xb8\xc6\xc5\t\xd6\xbb\xbb\'\x0c\xaev\xadV@\xcf\r\x9e_\x08\xcf]V\x8d\xef\xe1\x97r\x05a\x04\xf9\xcb\x03\xa0x\xb2hm\xcbe\xf7v\xa1\x99=\xb7\x86\x997\xfc\xa9\xcds\xdd\xcd\x96\x88\xf0\xd7\xe5=\x8b\xc78\xcc\xd6a\xfb\xb2c\xfeH\x9f\x95\xe5\n\x93\xbb5P\x9c\x19e1\xc0\xcb\xeb\xebG\x9cT@\xf1gtKz\x84\x87@\xf8\xfd%L\xe3M\xc6!j^"\x93/\xaa"\x08{0[\xba\xc6E\xd2\x05\xc2C\xbfq\xe6 \xfe _z\x15\xae\x9b7\xf9_\xbf\xfd\xa4yi\xf3\xac\xc1g\xb7-H\xe3sg\xab\x9e\xb5\x8a\x84\xbdxMW\xf6\xaf\xe4Ly\xed\xd0Z\xf5\xc9\x83\xab\xa6\xb8X\x99\xe4\xbe\\\xf1\xf1&amp;c\xdbk\xfb\xc9\x1b#B\xe3\tl\xb2nJ\xdf\xcb\xfbV\x00\x00\xfe\xb4\x9dIE}\x8bL\xe7&lt;8\xb3\x9d3\xe5\xa2\xe1\x1d\xdc*4[t\xb7r\x12\x84\xf0\xfbO\xab|\\\xa2\xbda\r\xdb\xbf0\xb5\xd8\xb9sb\xb3\x9d:\x99\x15\xad&gt;S={B\xe3\xbb\\\x8e+-\x08?\x8ch]\x85y\x97l\x9c9P/\x8d\xf1\xde \x00\xc94$Md\x02\xd0\xbdF!\x17k\xa8x%4\x83\xea\x11QD\x7f\xcf\xdc3E#\xf2S\x1d\xca\xa5\xfd6\x97u\x81\x9e\xd4\x9f\xd2\xa4\xae\xf5\xdc\xaa\xc3\x89\x8d\xb3M\xd3\x00\x8f\x7f\xf9\xf1{\xb7J\xf4\x1e\xf1\x82b\xc5\xcc\xdd&gt;o\x04O\xfa;\xbfl\x9a3\xb0\x15sw?\xbcf*;)\xf7\x10T\x93\x8a{G\x1fx^&gt;]\xe0\xc8/\t\x04\x9e\x00\x1f\xd9A\xa7\xcay\x88h\xd9\xe8.\xf8\xa8!\x1f\r&lt;\x1f\xd7QC\xc8aB\xe7:\xeb\xa6\xf45\xc8_\xee\xf0i2\x10\xb2\x8b\x97Z\xed$ng\xf8\xf2\xea!/x\xd4\x1a\x11\xc5lt\x997ND\xf6\xeb\x01\xc8\xacc\xc3)\xffy\r\xbc(\xec\rc5\xedR\x81Wz\xe99\xfb&lt;6\t(\x9e,Z\xbf\x06A.\x11\x0f\xcf\xee0H\xaf\xb0\x98`_\xb9Q\xe1\xb4z\xe9\xa3\xf2TB \x08E\x94J\xa9\xeba\xf6\x1d\xd3\x03\x88\x1c$\xa4\xa5P\xe4\xe5o\x7fo\x1e\xdd`\xbf~V\x08\x1c\t\xe5\xc0Gs\x89\xdf\xbfp&gt;Q\xeb\xa6\xf6\xbbvh\xed\xfb\xfb\xa7\xf5\x12\x1c[\x1f\x12\x9aqP\x93\xb2\x81\xb0O\xa6\xc7\x98\xf65\xfc]\x05\x81@\x1f\xf6\xf2\x0cnZ\xce\xde\x8d\xeac5\xd9c\xd0\x96\xd9C\xd4\x1a&gt;\xa9\xec\xc7\x8c\xd2\xc5\xa1\xb9j\xa5L6d\x99L\x00\xfer\x98C\xc7Jy\\\xa9\x89\x1e\xde\x8bA\xd6\xd8s\xac\xdd\xb0Pj\xb9\xc4\x9e\x1e\x8f\xcf\xef2Nt\xd7\x0b\xab\xfcz\x00P\x84\xa91\xf6\xd6fxCdI \xf0"\x15\xd2[[\xd0\xd4\xdc\x163\x88\x9a}\xfb\xd8\x8fv\xaae\x85@\x1e\t\xbaBJ\xb5T\x90E\x00\xe4p)\xce\x9b\xb4\x08c\x95\xc1M\xcb\xb9\xe8o\xe5\x16oo\x1d\xcb\x18\x95\x88\xa8A\x81T$\xf3:\x04pp\xe5d\xbfUK\x10\xe6\xb1j\xd9\xc2\x1eP\xd71\x152S#\x1f-7(\x90\n\x80\xebK\xa8\xa7\x83\x95\'xHoj\x9b\xed5\x92\x11\xb9\x18\xed\xa1g\xad"\x9a\x9d\x99\xebs\xa6/\x88\xf0\xfa\x9a\xfa|"\xa2=K\xc6\x1a\xdf\xbb`h;\xcd\xf35\xcclc|\x00\x80?/\xed\xb3: \x987\xb8\r\xbb\xb7f\xce\xc4\x92\xec\x92@\xe0]\xac&gt;\xa6\x1f\x1e\x9c\x9e\xd9\xa7\xa9\xe2\xa4\xf30\xee\xb9\xad[4(V\x81\x14_\xe4\xdd\x9d\x13\x97\xf7\xadpX+\xb2\xf8\xfb\xcc\x1d\xd4\xday\x89j\x0c\xe2G\xf6oP\x8a\x88\xfa\xd6/\xe1n\x89\x9c\xdf:o\x9c\x88\x85\x12\xdaYn\xc0\xe3s6\xee\xb2\xc1\x9e%c}63\xc3\xbb?&lt;&gt;\x02\x00\xb6\xcf\x1bni\xe2\xd4\xabvQwk%\x10\x84\x02\x1c\xba\xec(:\x00\x04\xa3Hf&lt;\x86\xcd \x9bAD"\xeaZ]\x19\xaf\xa6r\xe6\xb8\xc6\xd2\xbe\x00J\xa7\x8e\xe1\xaej\xd0\xda\xc9\xbd\xdbW\xc8eP\xa2\xab\xa5\x05Q"\xf9\x97S{4\xf4F\xce\xc6\xe8M\xa2\xa2;\xc8\xd3\xd2O$O\xec\xca\x8e\xbf\x8f}\xfd\x8a&amp;\x16\x96D\x02W\xe9Y\xbb\x88\xc3\x1c\xf8#\x12k\xc6\x89\xfc\x8e(\x99\xea\xa4b\xc6\xa0h\x97\xe3i\xcd\t\xc8\xac-P\\\xad\x93W\x19a\xc9t\xac\xab\x97\xbf\xed\x05k\x86&lt;\x16\x95\x84\x97\xbc\xec\xa2\x13\xed[6\x1e\x80\x0fd?\xd4\xc4&amp;:\xb7c\x11\xf0\xc0\xad\x8e\xadU\xa9,\xff\xfd\xf1\x8b\x8d\x1b\xa7\xf5l\xa4w\xc9\xc9\x0e+\x1e\x9d\xcb\xeb\x19\x10\xe6\xe8\xba\x19dQK\xcaF\x94\x1eA\xf8ed\xeb\xaa\xbb\x16\x8e\x96&gt;\xce\xea\xdb\x8c3\x12\x8b\xef\x19\xd5\xb6\x1agJ\xc5\xca\x03\x80\x8d3\x07)\xce\xc8?\xce\x19\xd0R}R\x81\xe2*\x9e_\xe2\xac\x8c\x01&lt;?\xb5\xefw\x8fk\xe6\xd4\xd5\xf4K@\x04\xe0\xfb~\xcd\xc93\xbe\x9bU\xfe\xbc\xb4\xcf\xde\x8d#\xdbT\xb5\x17A\xc5!\x9c%F\xb7\x92\xe7\xcb\xab\x87\x94\xa5&lt;:\'\x9fh\x02\x18\xd0\xa8L\xd1$Q\x9f]\xdcc%c\x81\xc0\na\xde@\xc5\x14\x00\xd7\x0e\xad\xb5\xf4;h\xfa\xfc\x9f\xdf\xb1\x08\x80\x81\x08\xa5\rl\xd8A\x0ekYI}\x92E\xa6u\x8e\xfcW\xe2\x9f\xbd1&amp;t\xae#e\x92\x82o]oD\xab*\xea\n\xe4\xf2\xad\x8e\xc1\xf7ZSO\xb7\x88\xee\xf9\xf1\x8aL\xfa\x02@\xab\xd2Y\x97\x8d\xe6\r\xfc+\x10\x08l2\xa6}\r\x00jm^\xfe=\xba\xa2I\xbexu\xedp\x95\xccq\xa5&amp;\x12o\xae\xbbR7\xe7=t\xf9\xf4\xdf\xb9\xd2\x018\\\xf8\xfear\x1fv\x00`\xed\xe4\xde\x8a\xab\xd2O\xeciir\x00\x00 \x00IDAT\x9d/N\xa4\xa6E\xd3\x93\xad\x95:\xdb\xe4\x8aI#[W}q\xe5\x00\xfb8\xb2M\xd5\x82\t"\x13\xd1\xbe\xa5\xca\xa8\xce\xcf/\xef\xf7F\x05|I\xc5\x0ca/j\x9f\xc0\x0b\x94O\xf7\x1d\x80^\xb5\x8bn\x98\xde_3\xc1\xe4n\xf5}\\%\x7f!\x17$\x88\xac3\xf8Ul/\xff\xc6-~i\x8cf\x937\xa3w\x93\x1b?\xafs%\x7f~lG\xee\xdd\xebi\xb8)W\xcf\x07\xf0\rQD\xa2|q\x82\xc4n2\x7f\xe9\xf1\x95\x0b%\x8cbl\x9a\xcfc\x80\xaa^\xd5\x02pf\xdb\x02\x8e[\xfd\x80\xa9\x94\x9b\x01bB/p\x93S\x9b\xe7\xee_f\x12\xf5IB\xbd\x1f;\xbam\xb5\x1bG\xb4\xdb)\xe0\xd9\x90f\x15,U\xc6\xdd\xfe\xc6\xf6\xab\xf2\xf4\xc2n\xcd\xf3\xbd\xea\x14\x95\xe7\xb9\xf9\xfb!\xeaq\xae\x8dj$\':\xb2v\x9ab\xd3\x19\xaf\xae\x8ejS\xf5\xed\xedc\xa6\xf9\xfb\x9d\xd2\xa9\xa2\x1b\\\xdd8s\xd0\x9c\x01-/\xecZ\x02\x80m`\x1aK\xe8\xe8\x01\xa0Z\xb0+ob\xa2AM\xca\x12\xd1\xadc?\x12\xd1\xa0&amp;e-\xc4\xa54\xa3t*\xde}\xd6\xd4\xb2\xae\xc9\x92\x8b[\xcfZE\xac$7\xe7\xcc\xb6\x05\x01\xbb\xb7\'\x08\xf5\xec[6\x9e\x88*YTx\xbevhm\x1a\x95&amp;\xb9\xde"CJ\xd7\x82\x1b\x06\x1c\x9c\xfd\x10\x8fP\x81/\xb9`\xdd;\xcf\x80~\rJ:\x8c\xb9\x00`\xe7\x82\xa0\x10:\x19\xbf \x00\xd2pd\xf3\xf7C\xa4d\xed\xca\xe7\xe4\xcfsP\x93\xb2xx\x96\x1dK\xa2\xa4\x7f\xff~\xc0 V\x0f\xf0H\xef\x0fj\xdc\x11:d@\xa3\xd2[\xe7\x0c\xf5^\xfe\x02\x01\x11Q&lt;\xad v\xeb\xa6\xf6s%\xf3^\xb5\x8bV\xcf\x9e\x90\xd9\xe3\x03\x7few`\xd1\xb6e\xb6\xf2ep_IG\x10\xd6iY23\x80\x15c\xbb\xc9W\xf6.\xee^\xda\xb6\x9cF\x84d\xff\xe2\x17\xe3(\x81\xc0M\n\'\xfa\x8c\x88\xf0\xfe\xae|\xc5\xb6Y\xf1\x0c6\xb2zs\xe3g\x97*\xa5A\xf7\x1a\x85\x00\x04\xa0h\x8c\x1ez\xabp\xbea\xfd4w\xc6\x07\xbe\xe7\xf9\xe5\xfd\xacUM\xf7\x99\xaf\x8bf\xe5Z\x8a\xdb%\xf5\x01\xdb\xe7\r\xf7V\xb5\x04\x02\xaf\x82\xe7\x97\xfe8\xbeQ\x1a\xcb\xd8\x16\xb1\x01\x1e\xca?f0\x94\xe2)\x91\xc2\xb2K&amp;{\xd9.\xed]n\xf5Fy\x0e\xb6\xef\xb5\xc4\x9e%c\xa7t\xb7\xe9\xb8\xbbm\xae\xa3\xa6\xa4q\x91t\xb1\x89Z\x97\xc9\xda\xacxF"*\x96\x94\xb7\xcf\xb4!\xfe\xe1\r2E3\x1fY\xf3\xfc\x1dG\xb6\xd6\x8e\x8d\x0c\xfc\xa3\x97\'\xcbVj\xfe\'u\xad\xd7\xb9j&gt;\x83\x12\x9b\x14I\'\xddu\xff\xf46\xb7,\xd0\x04\x02\xcb\x18\x076\xca\x1f\xcf\xc4j\xe3\xd2\x9ee3z7q\xb1&gt;\xb6y\xf6\xeb\x1e\xa6\\\xdf\xb4Xz\xf5U\xb6\xd0\x8c\'\xe7\xede\x0e@\xaf\x99\xfb48\x01{\x9f\x1f\x9c\xde\xd6\xbd\xa6\xcd\x88i\x0e\x87\xae\xee\x8ap\x8ch]\x85\xe7\xae\x85\xc3\xda\x1f\xdf0\x8b\x1d\xfbXC\xef\xe7\xb5\xd3\xe5\x16JG\xd6Nw%[\xcd&amp;\x9b\xfd8Y\xbf\x0e\xbazh\xf5\x14\xe9\x924\xf3xy\xf5`|\xad\xbb\x8c\x0bbi\xb2\x9b\xc5\xa7\x14\x08\xbc\x02\xb3\x1c5M\x96\x84\x88\x88\xda\x95ws9U!G\xaa\xf7\xaa\xe0\xf5\xf5\xb4Q,\xd8\xf8{\x0f\x83\x97Yj\x05\x00\xe8E\xb5\xb4\x04[a\xe3\xe4\x0bW\x97\x95\xe5\x16\xb1\xa6\xed\x12\x00}\x81;e\xca~\rJ\xda\xae\x95gV/o\x1f\xfb\x11\xc0\xc5\xddK\xa5\x93\x06\xf1\xb9xhT(\x8d\xe6\xf9\xd6e\xb2J\x16\xc3s\x07\xb5f\x9d\xf4\xda`\'\t\x92\xd9\x13\x03(\x94\xd0N\x1f.\xf6\x03\x04\xfe\x84\xff\xf9\xf3\xea\x93zp\x95\xb6Z\xba\x97d\xabm\x90-:\x19\xec(\xda\xfeq\xf0\xf4\xc2\x9f\x97\xf6\xa5ufX\xe3\xd6\x9f\xa6L\xea\x18\xef\xee\x9c\xd0\xd4v6`x\xcbJE\x12\x7f\x8e\x7fn\x18\xa4q\xa5\x8b\x92\xe70\xa5{\x03\x87\xb9\xa9\xa9\x9f?\xa5\xe2\xcc\x9c\x01-\x01\xe0\xe9\xaf\x00\x9e]\xdc{f\xeb|\xbd{\rd94iX0\xb5t,\xfa\x00\x81\xfb\xcc\xec\xdb\xcc\xea-\xdd\xaa\x17\x8c\xee\xac\xd0\xb5\x93\xfb\xb4-\x97\x83\xf3\x81\xbe\x7fz\x9b\xb3\xd2\xb8\xe8R5\xbf\xfc\xe3\xe15S\x0bk\x8d\xd4\x008\\E\xb1\x07\xf3r\xda\xaa2\x85R\x90\xfb;*\x91\xfcK\xcd\x1fv\xce\xc0VR\xf3\xda\xb2T\x16W\xaat\xe7\x97M$m\xf5\xf3\xfd5\r\xc4\xae%R\xebl\x94\x9e\xdf\xb1\x88\xb3bz\x1f\xb3\xc7\xa0Y}\x9b\x03\xb0\xba\x04\x07\xbc\x1b\xd9\xba\n\xb3bk]&amp;\x9b\xa2\x88U\xe3{L\xeb\xd9\xb8H\xe2\xcf\x01x/&lt;W\xf1d\xd1X\x84z\xd1\x13\x08\\C\x11GT3h\xbb70\x88\xb4\x97\xd3S\x19\x86\xffq\xef]\xb7\x98\xed\xfat\xab^P\xfeq\xd5\xf8\x1ez\xf1\xcdy\xc8\x1b\'\x10\x96\xa3\x94\xb0\x0e\xe0\xfa\xe1\x1f\\\xccmd\xeb\xaa\x00\xaaeK\xe0\xa4UR,\x88IY)4\xf7-\x91\x9c\xa8y\xf1\x8c\xa4z~\xfe\xbc\xb4\x97\xa7\xaa\x92\xbb\x00\xe3\xd5\xb5\xc3\xd21\xb3"U\xa4W\xbbz\xc9\xd3\x00\x00\xdeq\xd5[ \xf0*\x9a\xa3+\xd6t2\xc3\x03o\x14\x9a\xf3[\xca\xc2g\x98#-\x95Jg\xf8\xbd\xd1\x064*M\x1c\x1dF\xb7\x1a\xda\xa3\xbf\xf2\x9e\x81*\x15\x06K\x96~\x19\x00k&amp;\xf6\xe2O\xef\x1b\xdc\xda\x03\x90|P\x01D&amp;*\x9f\xce\x82\x96\xdb\xea\t=M-\x87lTr\xe1\xb0\xf6\x8a3W\x0f\xaea\x1b\xfe\x8f\xcf\xedt^\x84&lt;}\x12\xa2!\xcd\x94\x8a~\xc0\x13\xc5\x99c\xebg\xc9\xae\xbe\xb5T\x9cv\x1d\xde\xdet\x9e\x89@\xa0\x81\xb4T\xda\xbaLV\xdb\x99h\x1a\xa7\xb3\x8d8\'\xa3N\xab.\xc3\x99\xbf$"\xde\xfe\xc69\xae\x88\xb2\xf5\xa9[\xdc8\x81+\x8e\xd3k\'\xf5f}@\xd1$Q\xc9\x8d\x95\x04=c\x18"JjQ,\x81\xdd\x18\x8f(m\x14\xb2&amp;Ij\x8b\n\xe9c\xc9?f\xfd\x9a\xd4\xddR\xfe\xb8\x9fH\x15\x93\x9f\x07\xa0\xfej\xea\xce\xd5\xc6n6\x00I=t\xd9\xe8.\x99\xbeP^\x95\x8e\x99?\xc1\x0cU\xb4&gt;\x81 \xb0\xd8\xb3x\xec\xd9\xed\x0b\xd5\xe7m\xb4&gt;\xb6C\xa7\x96\xb4\xee\x16\xe0c\xc6u\xa8\xa5\'\xcf\xc7\xe0\xb4\xa21\xa6Y\xb1\x0c\x14\xfc\xcb\xa7\xf1\xdcO^2\xb2S\xc1\xf8\x91\r\x14\x118\x91\xb7\x83^U]\xf6\x01!+Q\xd6\x9fU\xf5D\x96\x9f\x13\x1bg\xb3\x03E\xecO\xf5\x18\x00x\'V\x96\x04\x01M\xd6\xafI\x11\x14\x89\xd1\xb2df\xe9X\xf3=\xc9\x1b[\xb9\x8c&gt;\xbecmw\xeb\xe6\x9c.\xc1\xbe&lt;\x0ey{\xeb\x18\x00\xe0\r\x11\xe1\xe5\xefD4\xbce\xe5\xads\x86E\'\x02\x90=\x06\xf5oXJ\xa9\xd7a\x86q\xb4\xc0D\x9e36\xd6Z\xd5\xc8\x1e\xb4\xee\x95?\xde\'{\x97(e\x93y\x00 )0\xfb\x0b\xbc\xbe6\xa9K=\x9e\x94O\x7f5\n\xcc\xc2\x1e\xcb\x16%2\xd9k\xc7\x11\xac\x85\xa7`F\xef&amp;\'6\xce\xb1\x91!\x11m\x9b;Lq\xc6\xbf&gt;\xe1\x82\xc0\xc5\xad\xd5\xfcPar`\xb0\xa5\xec:n\xad\xa4+\x90o\xc0\x00\x98\x17\x1cq~\xd3\xac\xc1\xff\xdd\xf9\xe5\xca\xfe\x95\xed+\x18\xa9\x9e\xd5\xce\x9dT\x11K\xf2\xd5\xf5\xc3j1W\x03\x80\xff\xb1\n\xe4\xfc\x96\xf0\xf8\x9c\xe2\xde\xab\x07\xd7p\xe6\xb3\xde%!)\x870\xd9\x1f\xe34\xf7Oo\xd5sb\x00\xde\xdf;\xb9%\xf8\x18\x92#\x9bs\x00\xdc?\xbd\xd5\xde\xbd\xab\xc6\xf7`u\x93\xa4\xb6\x9dLS\x04\xe1\x9a\x8c\xb2!\xa2\xe9\xbe\x1c[56\x05xd\xbfBZ\x8c\xef\xc45\xea7x\xfa\xa5K\xcc\xde\tx\xe5\xb0J\x9a\xf1\xb9\xfc\x8e\xfa\x17\x88BT(A\x88Q\xa2%\xaf1\nv\xebs\x85ri\xbd\x15\xf1\xab\x7f\x83RD\xd4\xacX\x86\xc9\xdd&lt;\xec\xfd]\xd9\xdeP\x98\xf10\x9bWW\xb2\x1d\xd5\x867\x18\xaa%:U\xc9+\x9c\x85\x05\xf6\xc9\x13K\xd7\xc6\xfd\xf0\x9a\xa9z\x97\xe4K\x93\xfc\xc6\x8f\xbe\x19\xb0\xc8\x8dC\xea\xe4Iv|\xc3,\xbdr\xb9\xfa\xb7\xc0@\xb14\xccP\x8bP\xe0\xe3\xfd6eCB\xbd\xef^&lt;\xc6FYg\xb6-0\xf6&gt;\xe3\xe9W\xe4[\xa6\x8d\n\xa7\xcd\xfa\xb5\xb6)\x9a\r\x9e]\xdc\xabv\xcb\xf2\x06\x9cA+\xff\xfd\xe38;\xe8Q\xab0\x80\x8d3\x07\xaa\xd3\x00\x00\xfet\xb1nrX\xd43\x81\xc02\xa7\xb7\xe8\xba/\x12\x11\xe7c\x05|p\xa52j\xa6\xf7jl\xe3.\xe3\x9d\xd50\x86\xdaXE1\x86\x9d\xd9\xa7)Y\x0fJ\xbcq\xe6 \x83\xab\x9cSC\x89\xb1\x1dj\x02\xd0t\xe9\x8a\xa7s\x8b\xdc\xea\xe6\xf7\x03\xab-\x15\xe73\xd4\xe2\xe4\x00\xf0\xe6\xba\xa5\x81\x8e+[\xfd\x02\x81\x1dx\xe2\xf0\x19\xe0dD\x8fW&amp;\xa2\x02s\x06\xb6\xc2\xff\xeex\xb5\x0e\x8c\xca\x99\xe2\x0cl\\\xd6a&amp;\xbe\x04O/\x90\xd6\x17/\x9f.\xa6\xe2d\xff\x86\xa5L\xa3h\x95J\x19\xddF\x1d\xe4Z\x81\x1d+\xe5\x99=\xa0\xa5\xf4qF\x9f\xa6\xea\xba\x9d\xd88[~R\xb2\xd0\xeaT%\xaf\xd5\xa2\xfd\xb2\xf0]+W\x12\x00=j\x16\x96\xce(\x84\xc4\x93\x12\xe5\x8aI)\xbc\xe92\x9e?\xde\'E\x12\xfbXXO\x10\xa6\xb9vhm\xc7Jy\xfcR\xb4\xc1k\x9c\'v\x84\x8a\x19b\x11\x11Ot$&amp;3\xa0\xe7\x8b/w\xe64\xe0\xc0\xcaI\xc3[V\x9a\xdd\xbf\x05ObS\xe6\x0cl\x95-\xba+9i\x13\xc9\xd3E@\xee\xbc\\0\xbe\xee\xb4\xcd`\xd5\x86\x89YZmX\xd3\xeb\xb4E\x953\xc5\xe1\x91\x8c\x06\x1eT\xced!\xc0\xcfL/\xdb\xbf\xe3\xcdu\xf5`\xbc\x92\xac\x86O\xce\xef\xfa\xe7\xe6Q\xf5\x94\xabb\xc6\xd85s&amp;\x9e\xd8\xa5\x1e\x11\xe5\xf8\x86\x00\xe40[\x95\xff\x82\xa8IQ\rmZ\xd2\x8f\xa6\'\xe7\xde\xc9-b\xfbW`\xce?\xb7\x8e\x1a\'\xf0\xc6Z\xea\xd1u3\\\xcf\x93\x87{\xa7lZY\x90\xcc\xcd\x95g|5w`+S\xed\x972\xa9\x1d\x04BSQ"\xb9G,\xd8\xb2i\xbe!\x1d\xefn\x03^]7\xea\x0b\xe1\x89inRJ\xb5\xb7\x05\xff\xe6/\x7f\x9cj\x87\xa4\x8cD\xddj\x144N3{@K\xc5\x17\xbf~\xf8\x07\xe0\x19yZCM\xea\xaa46\xad\x9c9\xae\xf4\xa3\xe1\xe3}\xf9\xcc\xe0\x9c\xa1\x90\x91\xed8\x19\x02\x01\x17\x015L\xe0\x0f$b\x83~\rJ\x91\xbe*u\x12\xadH\xf7\xf6\x18\xd1\xba\n\xde\xdf\xf5\xfd\x0f\xfb\xf6\xf6q\xe9\x98m\x8d\xecZ8\xda\xc5\xfc\x01\xec[:\x9e5d\xb3\x07\xb44\xde\xe4e!\x10\xd4]E \xc4;NL\xa4\x18\x80K\x95\x8cD\x14\xddJVl\x1aJD=j\x16\x06 \xf7\xc9H\xcb-\xffV_G\xb36\xa7\xa7c\xb1\xd5\'\xea\xf5\xf5#\x7f^\xdag\xe9\x16A\xb8\xc3K\xedT\x12\xbb7\x02\x00^0\x9d\x96\x82\t"\xab\xb5\xb4l\xc3\x1a#\xf5\xd6d\x8c\xe0\xab\x8a\xf3\xc3ZT"\xa2\x1a\xd9\x13\xaa\xb3\xd2\xb4\xb7aX\x8d\x1f\x99-\x061)G\xe7hT\xd4\x9bX]\xca\x9e;\xa85^\\\xc1\x7f\xf6u\xdc\\\xe1s"\x00\x06&amp;L\x7f\xfd\xf6\x93\x8dl\xedY\x8by\xc9wD \xe0\x85\xff\xf9\xf30\x1dyl3&lt;\x16\xa3t\xaa\xe8z\x97\xa6\xf6l\xa4\x88\x9f\xd7\xb3v\x11\'Q\xe3\xf5\xd84K\xdb\x88e\xf9\x98\xaeD\x04`H\xb3\nD\xb4e\xf6\x10\xf7\xcb\x0efD\xab*sT\xab\n\xfcT\xcc\xe8!\x88\x97\xc6\xfb\x96~\xcd\x8agp\xb4\xabov\xef\xcaq\xdd_^;d;\x7fM$\xdf(\xfej\x18\xe0n\x80h\xe3\x07{\xd1\xf0\x0e\xc2|S\x10(\xecZ4Z\x1eE\xaf\x85L\xb3\xc1\x14\x9e\xa9h\x92\xe0\x83S\x9b\xe7Z\xaa\xd8\xc1U\x93m\x98*]\xd9\xbfr\xce\xc0V\xfc\xe9\xa5VC\xda\x06\xb4\xa7\xf0\xce\xbf\xfc])#\x97\xe0i*\x87vZV\x88\xe6\xd2\x94\xd1\xd4\xee\xc8 xN\xe0\x03 q\xb0\x86\x9d\x93L\x1ei\xe9\x95\x1a#\x95\xf8\xf6\xf61"*\x97\xd6\xaa\xf2\x9e@\xe06\x05\x13D\xc6\xc7\x07\xa6\xc9\xa4U\xd9\xe6%2\xa9\xaf\xea\xad8\x1bL\xa2\x7f\xfe\xc1(\xd0\xab\xfc\xae\xed\xf3F\xac\x99d\xa4\xd2\x8cWW\xe5\xbe\xf5\xf3\x87\xb45Hl\xcc\x8a\xb1\xdd\x9c\</t>
        </is>
      </c>
      <c r="E142" t="inlineStr">
        <is>
          <t>&lt;class 'numpy.ndarray'&gt;</t>
        </is>
      </c>
    </row>
    <row r="143">
      <c r="A143" s="1" t="n">
        <v>141</v>
      </c>
      <c r="B143" t="inlineStr">
        <is>
          <t>steps_per_sec</t>
        </is>
      </c>
      <c r="C143" t="n">
        <v>2100</v>
      </c>
      <c r="D143" t="inlineStr">
        <is>
          <t>2.90143</t>
        </is>
      </c>
      <c r="E143" t="inlineStr">
        <is>
          <t>&lt;class 'numpy.ndarray'&gt;</t>
        </is>
      </c>
    </row>
    <row r="144">
      <c r="A144" s="1" t="n">
        <v>142</v>
      </c>
      <c r="B144" t="inlineStr">
        <is>
          <t>Loss/object_center</t>
        </is>
      </c>
      <c r="C144" t="n">
        <v>2100</v>
      </c>
      <c r="D144" t="inlineStr">
        <is>
          <t>0.2241733</t>
        </is>
      </c>
      <c r="E144" t="inlineStr">
        <is>
          <t>&lt;class 'numpy.ndarray'&gt;</t>
        </is>
      </c>
    </row>
    <row r="145">
      <c r="A145" s="1" t="n">
        <v>143</v>
      </c>
      <c r="B145" t="inlineStr">
        <is>
          <t>Loss/box/scale</t>
        </is>
      </c>
      <c r="C145" t="n">
        <v>2100</v>
      </c>
      <c r="D145" t="inlineStr">
        <is>
          <t>0.057754654</t>
        </is>
      </c>
      <c r="E145" t="inlineStr">
        <is>
          <t>&lt;class 'numpy.ndarray'&gt;</t>
        </is>
      </c>
    </row>
    <row r="146">
      <c r="A146" s="1" t="n">
        <v>144</v>
      </c>
      <c r="B146" t="inlineStr">
        <is>
          <t>Loss/box/offset</t>
        </is>
      </c>
      <c r="C146" t="n">
        <v>2100</v>
      </c>
      <c r="D146" t="inlineStr">
        <is>
          <t>0.15456815</t>
        </is>
      </c>
      <c r="E146" t="inlineStr">
        <is>
          <t>&lt;class 'numpy.ndarray'&gt;</t>
        </is>
      </c>
    </row>
    <row r="147">
      <c r="A147" s="1" t="n">
        <v>145</v>
      </c>
      <c r="B147" t="inlineStr">
        <is>
          <t>Loss/total_loss</t>
        </is>
      </c>
      <c r="C147" t="n">
        <v>2100</v>
      </c>
      <c r="D147" t="inlineStr">
        <is>
          <t>0.43649614</t>
        </is>
      </c>
      <c r="E147" t="inlineStr">
        <is>
          <t>&lt;class 'numpy.ndarray'&gt;</t>
        </is>
      </c>
    </row>
    <row r="148">
      <c r="A148" s="1" t="n">
        <v>146</v>
      </c>
      <c r="B148" t="inlineStr">
        <is>
          <t>learning_rate</t>
        </is>
      </c>
      <c r="C148" t="n">
        <v>2100</v>
      </c>
      <c r="D148" t="inlineStr">
        <is>
          <t>0.001</t>
        </is>
      </c>
      <c r="E148" t="inlineStr">
        <is>
          <t>&lt;class 'numpy.ndarray'&gt;</t>
        </is>
      </c>
    </row>
    <row r="149">
      <c r="A149" s="1" t="n">
        <v>147</v>
      </c>
      <c r="B149" t="inlineStr">
        <is>
          <t>train_input_images</t>
        </is>
      </c>
      <c r="C149" t="n">
        <v>2100</v>
      </c>
      <c r="D149" t="inlineStr">
        <is>
          <t>[b'512' b'512'
 b'\x89PNG\r\n\x1a\n\x00\x00\x00\rIHDR\x00\x00\x02\x00\x00\x00\x02\x00\x08\x02\x00\x00\x00{\x1aC\xad\x00\x00 \x00IDATx\x9c\xec]c\x80\x1dK\xb7\xdd\xb1m\x9b\x13\xdb\xb6m\xdb\xb6m\xdb\xb6m\xdd\xd8\xb8\xb1m\xdbY\xef\xc7\x9eS\xa9iw\x9f3\x93\xdc\xef\xcd\xfa\x91\x9c\xe9\xae\xae\xaa\xae.n\xacM\xe4\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x87?\xfc\xe1\x0f\x7f\xf8\xc3\x1f\xfe\xf0c$\x0e@M\x8a\xa6\'"\x00\x00\xe4[\x81\x88\xf2\xc4\t\xe6g5\xe1\n\xecZ0\x82\x88\xe2h\xd5G\x8d\xdc\xb1\x83\x01\xb8\xbe\x7f\x85\xe6]\xaf\x10\xbf\x7f\x97I\x1d-\x9c\xe7\xaaj\x80\xd1m\xabW\xcf\x9e\x88+\xdf\xb4Xzw\xb2\x02P%K|+)s\xc4\x08\xf4\xf8\xf4\x962i\xa2\xcb\x17\x03\xb9\xda\x10@Tk%\x06\'"\xa2n5\n\xd9\xab\xa8&gt;\xaagODD\x00V\x8d\xebn\x9c2\x10\xd1\x8a1]\xf5\xee^\xfbg\xf9\x92\x91\x1d\x0f,\x1f_5K\x82\xa4\x81(_\xbc\x10\x8a\x04\x8d\n\xa5\x01\xd0\xb0Pj\xf9b\x10\xa7\xd5v\x8c\x0e\x15s\xbb\xf3x@\xa2\xf4\xd6\xba)\x7f\xd61\xedkXI|d\xf5d\x00\xc0O\xf5\x80Z=\xa1\x87\xe9(\x13\xc8\x19#0\x97\xdb\xa5j~\xf5\xdd\x89]\xeb\xf1\x8f\x98\x16\xb3S!G\xf4\x80a\x88\n\'\x0e\xe7\xddk\xbf\xdf\x13\xb7\xa2\x12\x05$"\xa2\xc9\xdd\xea\xe7\x8c\x19\x98/\x8a\xee\x8dO7E\xcai\xbd\x1a\xcbS\x07\xff\x0e\xeb\xb4Jz\xd8&gt;g\xa8\xde\xad\xe2\xc9#]\xdc\xb5\xc8z\xab\xfey\x00?\xf9\xc7\x9b+\xfb\xfeh5\xbc\x91+f\x90\x92)#[Y\x00\xa2\xab\xd6\x89\x98D\x00\xe6\x0el\xe5\xcb\x95\xd5E\xfd\xfc^1\x88\x00&lt;?\xbf\xc3\x9d|\xf8\xbd\xe6\rjm\x9a\xacF\x8e\xc4\x1b\xa6\xf4\r\xa5u\xb7A\x81T\x9c\xcf\xe4\xee\r\xec\x14\xfdqZ\xaf\xc6v*\xeb\x01l\x9d5\xd8\xe0s\x87v\xfdH\x12\x88\x80\xa7\xff\xa5\xd1e\x13\x00\xb6\xcd\x1eb\x9a,Mh\xc2\xb3s\xcbFu\xb6\x92g\xe5\xcc\xf1\xb8\xc5Bj\xdd\xad\x93\'\xb9\xbd*\x1a\xa2j\xd6\x04\x8e\x9f\rL\x04\xe0\xeb\xbdc\x00\xee\x1d\xdf\x901\xe2\xef[\x13:\xd7\xd1|\xe4\xe0\x8a\t\xea\xce\x00|R,\x00\x1d+\xe5\xd1+\x94SF\xb0Y\xd5\xfe\x8dJ7+\x9e\x91\x7f/\x1e\xde^\x9d\xa0I\x91t6\xb3\xfc\x13\xa8\x993\xc9\xa6\xe9\xfd__\xdek\x9a2\xbe\xd6\xc5\x85C\xdbz\xb6&gt;x{\x05\xc0\x9b+{\xb9\x13L\xeb\xd9\xc8\xf4\x91\xe0D\xa76\xce\x9c*\xa5\x9c\xde\xbbI\xb7\x1a\x05\xaf\xee[\xe6\xb8\x1aQ\x88\xe4\xdd\x87E\xf0.{\xdd\xa4\xde1]\xbdJ\x0fi\xc3\x98\xe7\x86\xcf\xb7\x00\x00\xcf\xae\xec]\xaa\x97&amp;\x1c\x11\xf09\xab\xd9\xf6~\xe1\xd0\xb6\xd6g\xccp\xae1\xe3\xf7\xdbgF ""\x1a\xd5\xb6\xda\xd3s\xdb\x074*\xa3\x97\xacZ\xb6\x84\xfb\x16\x8f\xf1\xb3ZYD\x0c\xb7s\x08I\x94+\xa6\xe7\xdb~\xe7\xbca\x1e\xcfS\x81n5\n\xce\xee\xdf\xc2\x9d\x1c\xea\xe4I\x0e "\xef\x9f\xfeu\xb8\x7f\x8aF\x04\xe0\xc9\xd9m\xfc\xa7\xd8Vj&amp;\x8eD\x04`\xc5\x98\xaexzV}\xac4\x80\xe8{\x00f\xf5knkG\xb2\x7f\xe9\xb88\xd6S\xfb\x1eB\x12}\xbau\x98[\xa7n\xde\x14\xce2\x89o\x96@\xbd\xb4\xc6sV\x92/ {\xb4\x80\x1e\xc9\xe7\xe1\xc9M7\x0e\xac\x04\x9e\xaf\x1e\xef}\xa0^0\xb8\x8dA\xfa|\xf1BX\xe9\x01\x0fNl\xcc\x15+\xc8\xc86U\xdd\xafa\x85\x0c\xb1\x01t\xa9\xa6&lt;\xb9\x03P/FzcF\\\xe9X9o\x8b\x92\x99\xdd\xaf\x95&amp;\xb8\x14+\xe7\xbf\xe3\xeb\xa7\x03\xa8\x9d;\x99\xf5l}\x1b\xc0\xfb?~:iP \x95\xfa\xa2\x95\xf6\xb4\x85j\xd9\x13e\x8aH\xc7\xd6N\x93/\x8eh]\x85\x0br&amp;\x05\xc2\xeb\xcb\\\xc9\xd8\xee\xd5\rx#\xfd\xf6Fl\xa2XZ\x89\x1b\x16L\xdd\xafAIu\xfb\x88\x07\x0f,\x9f\x80g\xe7\xf8"\x9fo\x82\xf8\xecN\xf9\xe2\x85\xd8:k\xb0{U\xf6M\xbc\xba\xb4G\xef\xd6\xa3\xd3[\xf8%\xaf\xfd\xb3\x9c|\n\xcd=\x85{\xc7\xd7\x03x\xf6\xef\x0e"zseoB"\x00y\xe2\x04\xc3\x9b\xcb\x9e/L\x0b\x00\xae\xee[\xa6~\xb3\xec\xd1\x03\xfe\xbb}~|\xb3g\xad\x0c\x1b\xd1W\xae\x1fX\x89/\xb7\x9d\xd6T\x89lQ\x03x*+"\xc2\xd3\xb36\x12\xe3\xb5\xe6\x02\xd0\xb7~\x89\xd4\xa1~7\x8boLvyb\x07#\xa29\x03Z\x0enZ\xde4q$\xcb\xd9\xe2\xe5\x057*e\xb9\x14\x00\xc0\x9d#k\xf1\xe5\xb6Ei\xbe\x071\xb4yE"\x02\xbe*\xaeg\x8aDQ\x89\xbaV/\xe0\xc1\xb2D\x9f/\x92$\\\x89\x94\x91\xf9b\xc3\x82\xa9\xc5\xf5&gt;\xf5J\\\xde\xb3\xc4V\x9e\xaf/\xefmS6\xbb\x07+\xf9\xea\xd2\x1eQ\x1f|\xbf\x8f\'g\xf4R.\x19\xd1\xb1S\x95\xbc\xf2\x15\xf8\x04\x8b\xa3V\x8e\xeb\x06\xe0\xe1\xa9\xcd\xdc\xf3\x83j\r\x81$\x81&lt;\xf8\x06\xbe\x8c4\xa1\xbd\xdfs\xc7\\\xdf:!\x02\x00^\xc8\xfa\xbd\xe2)"\x11Q\xbb\xf29\xfdF\xc8 &gt;a}\xd7\xce(ep"\xa2XD\x83\x9b\x19M1]\xaa\xe6\xb78\xc1\xad\x9b\xdc\xa7D\x8aH\x00\x96\x8e\xec\xa4\xf9HP\xd7\x8f\xa4\x81\x88,+\xfaL\xd1\xa7^\xf1\x01\x8du\x85$Vpu\xdf2\xb5\xd4\xa2n\xbe\x94\xc6+\xdf\xf7\xfb\'\x00\xf4\xaaS\xd4 \x8d\x151\x971\xca\xa5\xb3\xb7\x8f\x8cL\xb4u\xd6 \xfe\xedX\x0f\xe9&amp;6M\x1f\xc0M\xf7\xe6\xca\xbe4.\xc5E\n\x1dC\n\x00\xc0S_\xad\xcf\xf1u\xd3\x8d\xfb0\xd7\xd6\xc1F\x83\x1f,\x9b6F\xf3\x12\x99:T\xcc\xcd\xa5\xc4\x92\x86\xdb\xe7;G9e\xe5\xcc\x7f\xf2\xcc\x0f&lt;\x11U2I\xe9sKzr\xc3\x0c\xfe\xb1\x7f\xd98\x00=j\x15\xb6R\\\\_8l\xf9.\xe6\rj\r\xa0Y\xb1\x0c\x7f\xba"\xf6`K\x88\xf6\xe2\xfcN\x00\xf7\x8e\xad\xb7U\xc4\x98\xf65\xfa\xd4+\xaew\x17@\xf3\x12\x99le\xe8\x0c\xc6\xdd\xb7\x7f\xc3\xd2Y";\xcc\xb9D\x8aH\xbf\x1e\x9d\xc6\x0b\xe5\xd6\xd8\xa0D\x16/\xc4#\x02\xd0\xbal\xb6\x14A\xd5I\xbcq\xe3\xc0J\x87\xd5r\xa1l\x9a\x18\x85\x13[Z*\xd9flB\xe7:\xa2\xda\x1b\xa6\xf6\x03&gt;(\x92\x89!\xed{\x98\xd5\xaf\xf9\xcc\xbe\xcd^_\xde\xd3\xbd\xe6\xef\xf9Bo\xa3\x13\xcd\xb7kC\x14\x8c(\xb5\xcb&lt;\xa0Lj\x8d\x02\xf1\xee*\x80\xe5c\xba4*\x9c\xd64\xb7N\x95\x7f\xef\x91\x1f\x9f\xde\x02 }8\nCte\xcf\x12H\x82;\xc6?K\xc6z\xe6\x1d|\xa2V\xae\xa4\xe7\xb6\xce3M\xd6\xa0\xe0o{0W\x8d\xde\x86!j_!\x17_\x1c\xdf\xa9\xb6\xc5\xd5\xf7\xea\xbee\x00j\xe4Lb\x9a\xb2v\x9ed\xc0g\x8b\xeb\xcd\x7f\x18\xf8\xec1)\x87\xf3:\xb8\x9a\xd8\xfd\x9d\xa6\xe3\n\xbc\xb8\xb0\xcbW\x8b\x08M\x14[k:\x0eI\xc4\x1bp\xbb\x19n\x9c\xd6_\xfe\xf3\xc4\xfa\xe9\x19\xb5\xac\x1f\x80\x97\xa6=8Y`\n@\x94!&lt;\x05\xf5)Z\x1d\xd2\xbc\x02\xffp\xffLi}\x14\x85\xe6\xc4\xef\xae\x01(\x9dJW\'.\x14\x83\xbe\x07\xd7~\xf3\xeb\xdeE\xa3\r\x93\x81\x88,\x1aq\xaaWh=8\x1b\x0b\xc0G\x00g\xb7\xce5M\x99I2\xcb\xa9_\xc0\x0b\x80Bh\x9c;vP\xfej?\x1e\x9e\xda2s\x90\x93\xdah!Mh\xca\x16\x95\x88(k\x14OeIDT/\x7fJ\xc5\x15\x85\xa0\xd8\xee$\xde\xafa)y\tt\xafv\x7f\x0e\xc7\xd6N\xad\x96-\xe1\x9f\xae\x85\t.\xefY\x82\xf7\xd7\x0e\xaf\x9a\xe4\xe0\xd9B\x89\xc2d\x08\xefn\x05\x80\'\xeefa\x01KFt\xe4\xce\xb4\x7f\xe98?(\x8e1\xb8iy.\xd4T\n\xcf\x9e\x07\r\x0b\xa5\x11\xf2e|\xb8\xae\x99r\xaa\x05\x83\xaeb\xc9"*\xae&lt;?\xbf\xd3\xbc\xba\x16P&gt;}\xac@Dc\xdaY\x9ap\xdd\xc4\xcb\x8b\xbb\x89\x08@\xb9\xb4\x7f@\x10\xe52\xf9\xb71\xfb8\x9e\xad\x12\xe9\xe7V0ah\xad\x9b\xce\xd1\xafa)\x8b\x82$\xd3E\xb0n&gt;\xe5\xbc\xaf\x87\x81M\xcaZL\xc9\x00\x807W\xf0\xe4\xac8\x937*\x9c\x86\xf5\xc6\xeeX\xc7z\x18\x99\x94\xa3L\t\xfe\x84Y\x1c-\xb6~p\xcaf\xc4#J\xe7\xd4\xbb\x03\xc0\xac\xbe\xcd\xf8wb\x0bv@\xc1\x89v/\x18\xa1\xb8X1\xa3\xb9\x14\xaa~~/\x8b\xf5Y;\xa9\xb7\xe6-\xaf\xe0t\xe7\xc8Z\x00\x167w\x00\xf4T\xc7[f\x0eR\xa8\xb9\x8c\xf3q0)\xa4\nI\xa77\xcd\xb6\xfb\x94o\x03\xef\xaf\x95Ha][\xec\x01\xf4\xaaS\xcc/\x8b\x93!\xb6\x9f\xd6\x0f\x88\x00&lt;c\x0c\xe7\'\xc0\xfbk\x19\xc2\xd3t}?\x95\xf8D\x81\x89~&gt;:e+[\xbb\xe9\xd5\x08\xa8:1H\x87\x81g\x7f\xd1\x81\xe0\xcd\x95}\x00\xca\xa7\x8be`\xf3\xb3|t\x17\x079\x87\'\xaa\x95+)\xf9\x95\xc9\x9dc\x00\xaf\x85\xdb\x94b\x9ch\n\xb5\xf3\xc5\x0b\xd1\xbfQi\xf5\xf5=\x8bF\x19\x9b\x7fY\xd4\xad\x19\xcc\xb6\x06Bv\xbd|\xe2j]g\xd7\xc4q\x9dj\x8bU\xd3xAqu\xdc/6\x8a\'"\xa2\x9b\x07W\xb9o\x0bo\x8a\xc6E\xd2Y\xe9c\xf3\x06\xb6\xca\x177\x04\xbfI\xb3\xe2\x19W\x8e\xed\xe6\xfbU\xfb\xc3\x10S\x8e\x9d\x8e\xf3_\x02\x80\xe7\xe7w\x1a\x7f}\x07\xdb\x17\x8fLY5r$\x96\xff\xdc\xbd`d\xaeX\xde2\xb1\x9a.\x15\xc2\xdb\xab\xff4+\x96\xa1\\Z?\x18%&gt;Q_\xb2\x0e\x06\x80O7\xc7v\xa8Y!Cl\xb6\xbas\x1f\x00\xa2\xfd\xfe\xfd\xde#y:\xa8\x83\xe6\xf5\x16%3\x95u\xa3\xc5S\x85\xa4\x9b\x07Wi\x16\xf7\xf6\xea?Dt\xfb\xf0\x1a\xc7\x99\x13Q\x81\x04\xa1~&lt;&lt;i\xfdd*0\xb9[}\xe6Z`,\x1e\xdeA3\xd9\xe7;G\xb8\x17\x8enW}V\xbf\xe6|Q~\x90qz\xb3\xf7\xe6}\xdd\xe4&gt;\x8e\xe5\x98\xe1\x886\xcf\x18h\xf7)\xdf\x00\x9b\xab^\xdf\xbf\x82_\xc4"\xa9\x86o#\n\xd1L\xd7\xe9\x93\x11\x9c(:Q\xf7\x9a\x85\xc8\x13\xd3\xd0\x90\xe6\x15|\xcfE\xc3\x00\xcdKd\xdc\xb3h\x94\xdf\x94e\xdc9{\xd6.\xe27u0M3\xb0q\xd9\xec\xd1\x02\xde:\xb4Z\xbexu\xdf2\xa7F\x1bn \x06\xd1\x97\xbbG\xe5+u\xf3\xa6\xc8\x11#\xd0\xcc\xbe\xcd\x00X7\\\rFt|\xdd4\xf5\xf5\x81\x8d\xcb\xfe\r\xbb~\xbdn\xc1\xd7\x1f\x9c\xdc\xe4,\xdb\x87\xa76\x018\xb3e\x8e^\x02\xbf\xe9sj\xb4.\x93mD\xeb*\xa95Y $HGQ\x88S\xdf\xcb\x8b\xbbw/\x18\xa9&gt;\xa3\x08b\x00\xe0\x938\x08\xe2\xfd5\xdb[\xaa\xafwl\xa5\xb7\x85\x88D\xef\xae\xfdc\x9c\xa6E\xc9L\x8a:[$D\xf2UL\xeeV\xdf\xc0\xb5\xdb\x14\x00\x80\x97\x1e\xac\x8f\xa7\xe0`\xbb\xb0ph\xbb$NeO\xbc\x9bq\xf8\xb0\'\xb0td\'\x07O\x9d\xd92\x87\x1b\xea\xe8\x9a)\x1e\xaf\x92m$\tH\xf9\xe3\x87\xc4\xab\x8b\xf5\xec\xef=\xd5\xb0"\x13\xb7\x02\x03U\x8fq\x01\x153\xc61^\x00\x8e\xac\x9e,\xae\xb4(\xe9I\x0bN\xbfw\xf9\xb1\x05y\x01\xe0+E\x93\x86\x07\x90)"\xe5\x8b\x1b\xc2l\xf9\xf8m\x89d\xab\xd0\x05C\xdc\xa5\t\xa9\x95+ix\xa2\x0e\x95r\x13\xd1\xf4\xdeM\xc6u\xac-\xdf\xc5\x97;\x8esN\xea\'\xae:\xe2\xc8Y&gt;],\xf2\x90\x90\x81?D\xc1\x84\xa1\xf3\xc6\tN.\xcf/MxX\t\xab\x8f8DG\xd7L\xe5\x8a\xe5\x8d\x1b\xdc\xfa\x83\x00\x16\x0ci\x8b\x0f\xd77N\xeb_ \x81\x9f\xd5\xd7wa\xfa\x95\x9b\x14I\xa7\xe7\x17\xf2g\x00@\xcf`+GtO\x0e\x94\xbcq\x9d\xf8\x19s\xc7\xfa\xf9\xf0\x14\xff\x1e\xdc\xb4\x9c"\xc1\x84\xceu\x849&amp;\'.\x9cX\xa9\x1d&gt;\xbf}\x81b\n\xbb\x7fbC`\xfb\x959\xb7m\x9e\xfc\xa70\x8b\xf6mf\x8f3\x9bg\x93\x05\xf3\x06\x81\xc1M\xcb\x1d[;U\xbe\xf2\xea\xd2nn\x81\x90D\xe9\xc3\xfd\x9e\xd0\x13XV3\xcc\xe8\xdd\x84\xed[l\x81\xb7&lt;\x06\t\x864\xaf\xd0\xa3\x96\xf2\xfc4\xbcUe\xd7\x82\xf5\x02\xc0\x90\xe6\x15\xca\xa6\xf1!\xc1\x9b\xd5\xb7\x19\x80o\xf7O\x84\xb7S\x99\xa8D\xf7\x8fo "\xe3O\xdf\xae|N;\xb9R\xb7\x1a\x85\xd8\x91^\x86 \x96\xe9U\xa7(\x9e\xffk+\xc3LZ\x1a\xeb\x08D\xc3ZV\xb2\x9e\x89e\xfd\xd3c\xeby\xea\xe4\xe0\rM\xa3\x0cM\xc7\xf8\xec\xd1\x03\xba\x1ez\xc7\xffi\xb27\xee\xf5)Sr\xb0\x0b\xf182E\xa4t\xfa\xe3\x90yL\xad\xe4sy\xf7b\x8f\xd5\xc9MT\xce\x1coz\xaf\xc6,\xff\x1d\xe4\xd3\xecIL\xd8\x00JzE!\xa2\xd6e\xb3\xf1\x15\xcfzl\xeb\xe1\xc2\x8e\x05\xa2{\xdd?\xb1q\xcb\xacA\x00\xde\\\xf1A]w\xf7\xe8\xba\x92.Ot|\xbcA:\xd3\xb1\xdc{\xb2F\xd1f\x05Q`\xcbL\xa5,[\xf1u\xf1\xf1&amp;\xbe\xdf\x03 \xf8iMq`\xf9xn\xe4s\xdb\xe6\xa5\x08f\x8f\xf3\xa4p\xe2\xb0-Ke\xe1\xdfB^\xaf\xc6\xc3\x93\x9b\x14\xf6\xfe\x8c\x17\x17v\x01\xc8\x1f?\xe4\xd0\x16\x15\x01\xecY\xe8G\x12["\xc2\x8b\xf3\x8bGt\xb0\xe5\xd9\x0b@\xf8\xec\x94N\x15M\xbe\xbexx\x07~\x17\x00\xb6d\x085s&amp;9\xb8b\x82\x8d\x07\xf4!\x146\'7\xcc\x00\xbe\xd8\x9a\x9bz\xd7-\xae7]2\xd4\xf6ws\x07\xb6\x02px\xa5\x13\xa3g+\x08G\x9492\x11\x91\x03\xf1\xb4\xf7\xae+\x89\xf6)X\x8c\xdf\x02\tB\x11\xd1\xbcA\xad\x8f\xae\x9d\xcav(\x00\x80\xaf\x004m\r\x82\xab\x86\xdb\xb6\xd9\x83YSb\n\xd9\xb9%:\xd1\xd0\x16\x15=B\xa8%Cs\x88\xf1+5,\x94\xc6\xb3e\xf9:&amp;w\xab/\xbe\x93f\x02Hh[&gt;G\x02k\xe6\x9e\'7\xcc\xb0\xeb|\xab_\xeew|\xbeED\xb9c\x05\x1d\xa4:\x04X\xc1\xc2\xa1\xed\x00\xd8"\xfc3\x16\xb6\x86&amp;\x1a\xd2\xac\x02\x00\xe0\x93iV\xc5\x93\xff\xb6\xbde\xe3\xab\xf8D\xb9bi\xb8\x88Z\xf4\x0eU|)yfM\x16\x98\xd6L\xe8i\xfcx\xf6h\x01\x15G\x84\xbf\x19\xa2\x13\x0cnZ\xfe\xe6\xc1U\'7\xcc\x9c\xd2\xbd\x81q\x8f%"\x03\x06`SX7\x81N\x15Rcg\xca&amp;\x1f\xd1u\x1e1\xc6\x82!m\x01t\xa9\x96_\xdec\xdd9\xba\x0e\xc0\xd15Sm\xc9XL\x91#F yh+\xee\xc2\xe5\xdc[2\xa5Q{\xc0P\xf2\xa3\xc8&lt;}X\xca\x17/Dp\x17g\xa7f\xb9\xc2X\xeb\xdb\xfd\xe3B0\xb4ph;\x91\x80\xbf~\xef\xba\xee\xda\xdar\xe9e\xd38\xfbP\x1a\xa8\x92%&gt;$\xef\x19\xbd\xb1\xbc`H\xdb\xc3\xab&amp;\xeb\xdc\xfcCxpr\x93\xb1d\n//z\xafo\x05S\x93\xab\x8b+\xa08\xc7m\x9e1\x10\xaf.\xb9S\xab\x13\xeb\xa7\x03\xc8\x1b7\xc4\x80F\xa5\xdbW\xcc\xe5NVD\xc4qZL\x93m\x9e1\x80\x7f\x18\x9fr\x96\x8c\xe8\x88\xe7\xe7\xaf\xee[\x966\x0c\xf5o\xa8a$j\x17b&lt;8P\x8c%\x97\xc481\x88\xaa\xfb4Gs\xa72n\xe6\xe3\x0c\xc1\xbc\x19J^\xde?\xb1\x11&gt;\xb1`H\xdb\xf6\x15rM\xee\xde\x00\xc0J\xfd 3eRGs=\xf1\xcdA\x05"\x10}\xbdw\xccJJ1\x87\xca\x17\x874\xaf`:\xa9\x14N\x1c\xb6i\xb1\x0cj\xbd\xf4\xec\xfe-\xe0\xa2\xb5P\xdcrF=\xc2\xd5\xd3t\xf9f\xd4\xcd\x9b"w\xec\xa0f\xdeADD\x9b\xa6\x0f\xb0\xe5\x1e\xf4\xe5\xeeQ.]\x18\x08M\xeeV\xbf\x94W\x14"\nC\x04|\xc2\xd7;et\xe6_\x00\xa3\xdaV\xbb\xb0s\xa1\xb82\xaam5\xf1\xbbH\x92p3\xfa4\xb5Q\x15""J@\x04 \x16\xd1\x8c\xdeM\x88\xe8\xfd\xf5\x03\\\xbd\xd5\x13z\x90\'\x944\x1cY\x8b\x88\x065)\xfb\xf4\xdcv5\x19\ty\x8e\x81\xd8\x03X=\xa1\x87\x15Co&gt;\xb9\xb7)\x9bM\xdd\xd17N\xeb\xd7\xa4h\xfa\xf5S\xfa\xf0\x9f\x9e\x9a/dJ5\xfc|\x90)\x92g\xe6#|\xb8\x0e`z\xef&amp;\x06i\x82\x10}\xba}\xd8Jn\xc7\xd7M\xdb&gt;g\xa8A\xc44S\xd5:\x1f\x8a\x05Z\x97\xcd\xb6iZ\xff":Gi?\xc0\xc7\x9b\x87\xbe\xdc=\xda\xaaL\xd6\xdb\x87\xd7\x00\x90\xb9\xf0&lt;\xb8\x18\xd8\xca\xe7\xee\xb1\xf5\xc6\xdf\xcb\xa0\x14\x00\x8fNm\x06 knRzr\x03\xfd\x1bi\xdcPan\x9d=XAJ\x08@&gt;2\xca\xb0\xebN*\x06\xce\x87\x1b\x07\xe5\x8b\xfb\x96\x8c1\xa5U\x18\xa0\xf2}\x01p~\xc7\x02\xc5E\x0e\xdb2\xa8IY\xad3\x84\xb7pL\xf0\x82\x84$\xeaX9OH\xa2\x0b;\x17\x9a\xc6\xb1\xb0\x82\xa4\x81I\xf3\xfcq\xef\xd8zu}\x84\xf6K\xd0\x94\x02\xf8x\xf3\x90H\xc0\x86$\x1e\xa8\x96\x19\xfe\xd4\xd6\xea78H\x10\xf0\xdd\xfa#\x9a\xb3\xc0\xd7\xbb\xc7\x008\x08\x9fb\xab \xb1V\x03\x18\xdb\xa1fP"\xb5\xda\xcdb\xcez\xe4\xd8\xfb\x16\x8f^?\xa5o\xe5\xcc\xf1\x80\'V\x94\xba\x97\xf7,\x19\xd5\xb6\x9a\xa67\xbc\x15\xc4\xd6\xf2\x1b\x9c\xd8\xa5\xae\xd3\xfc\xdc\x85\xdc\xe6U\xb3$x|f\xab|7\xbaS\xdf@MtpC8c\x11\xb5s\'\x03\x10\xceO4\x87\xe5\xd3\xc72\xe0\x196\xc6\x9a\x89=\xb9\x86M\xad\xb11z\x8f\x81\x1f\xf73[vm\x16\x03g@\xa3\xd2\x13\xbb\xd4\x85\x04\xcb\xcf~\xd9&lt;c {\xa4\xab\xd3\x9c\xdd2\'Gt\xefc\xd0\xa5]\x8b4\x8b\xfe}\xe5\xe9\xd9\xcb.\xe68w\x10\x9a~\xf3{\xf7\xae[\xbck\xf5\x02\xb2\xb6\x99m\x07\x14\xa5\xb0\x84c\xcb\xccA\xadJg\xc5\xc7\x1b\x7fp\nnW&gt;\xa7\xdf\x10\xc9x\xa3n&gt;e\xb0\x97b\xc9"\x00\xf8z\xd7\xd2!wL\xfb\x9a\xfc\xa3H\x92pv\x87\x933\xef\x9bO\xb7\x0f\xab\x9d\xe9\xe5\x8e\xcb4\xdf\x0er\xd6CL)\xff\x05C\xda\x1a\xc4\x18a/\x9b0D\xc0\x8fM\xd3\x078(\xeb\xa1Sw\x04_E\xeb2\xd9\xc4\xef\x11\xad\xab$\xf7sGR\x00\x19#\x90o\x1c\x8f\x8b&amp;\x8b\xb0dDG\x07\x0f\x1ap\x91\xfa\x98\xd4\x00\x00\xee\x98\xcc\xb5-\x97\xe3\xdc\xd6\xb9V\xac\xb1\'w\xab?\xa4Y\x05gLV\xddk\x16\xe2-\xf0\xdd\xa3\xeb8r\x91)\x03(\x80o\xf7\x8f\xe3\xe7\x03\x835\xa3h\xd2\xf0//z\xdb\x98\xa9M\x8a\x0b%\n#\x0e\xb5-Ke\x1e\xd0\xa8\xcc\xa9\x8d3=;xE\x08nE\xcd\x01\xe0\xd3\xcd\xb5\x13{\x01xvn;\\\xec\x8dm\xcb\xe5\xb8\xe5\x9e\xe7&amp;\x11\x1d_7Mmmh\x11\xe7\xb6\xcd\xf3\xd3\xe5gj\x8f\x86l5,\xa3u\x99l\x00\x86\xb6\xd0\xb5#f$"\x1a\xdf\xe9w4NnU\xeb\xc4d\x1ed\xc3jY*\x8b\xe8\x85?\x1f\x9e\x1a\xdb\xa1\xa6\xe7\xf2&amp;"\x02\xc0*\x07E\\o\x96\x9d\xa6\x08J\xdb\xe6\x0c\xe1\x10\xc4Sz4|wm\xff\x84\xceu\xfa\xd6/\xe9\xd9:\xf8\x06\xd4\xd6&amp;\x9a\xf4\xd1xz\x96\t\xddB\x11-\x1a\xa6\x11\xe3\xd4\x00\xf2Q&gt;\xb2\xfe\xf1\x16\xc0\x8f\x07\'5o5*\x9c\x86\x9f\xf2\x98&gt;NY\xf43\x00}\xea\x95\xb0\xbeq\xb6\x82\xa2\xc9"0\x9d\xb2\xdd\x8d\x91\x1a\x9c\x83u\xb2&amp;\x07`\xc3\xd0L\x91([\xb4\x00\xf3\x06\xb5^7\xb9\xf7\x96\x99\x83LOc\xcd\x8ag\x14/xb\xfdt\xcd4\xf7\x8fo\xc8\x1930\x00ux\xe1\x18Dx\x7f}\xc5\xd8\xdf\xe1@n\xeb\x9c$\x9c\x81\x0f\xcd\xea`\xe6s\x06\xb4|y\xd1\xdb:|X\xcbJ\\\xff\x8d\xd3\xfaY\xcc\xd6\xb4\x86\n\xb2\xeb0Dr\xc8\x13\x83l\x01|\xbb\x7f\xc2O\x17\x80\xacQ\xa8\x91\x96eR&gt;\xfb\x86\xf9Q\xbc\xdf\xe1\x8d\xe6\xdd\xa5#;)$\xe2\x8eI7yo\x92\xd8\xa71s\x9f\xfa%\x00\xfc\xbbm\x1e\x11\xcd\x19\xd0\x92/Z\xf7\xaa\xe0\xd6\xd7\x8b.\xad\x06\xdb\x837*\x9c6*Q\xe7\xaa\xf9\x0cb\x03\x18\xe3\xd5%\xdb\xe6\xf3A\xfd6pf\xb1d\x11\xdc\x0c\xd0\xc6\xa2\xb0\xae\xd5\n\x18h0\xdc\x9f%\x8d!\x82t\xab\x11\x98\xe8\xeb\xddc\x1fo\x1e\xb2U\x01\xd3\xc4\xf7\x8fo\xf0\x1e\xd2\xf7\x8e[\xc9P&gt;V\xad\x9f\xd2g\xfe\xa0\xd6k&amp;\xf4\xdc4}@\xce\x18\x81\xf1\xf6*^]\xfav\xdfR&gt;nb\xef\xe2\xd1\\\xed/w\x8e\xe6\x89\x13\xcc\x98\xc8\xc4\xfaW\x03^\xdbmaw\x00\xe0\xd2\xee\xc5\x00^_\xdekj\xf6\xe6\xb8\x08\xf9\xcf\xfc\xf1C\x8a\xdf\x153\xc6Q0\x0c\xe6\x89\x13\xacM\xd9l\x11\\A\xad\r`\x1cI\xe9o\xc7\x96\x99\x83\x0c\xb6x\x06\x0f\xca\xfa+S\x13\xae/w\x8f&gt;9\xb3U\xcfV\x1a?\xee\x03H\x13\x9a\x8e\xaf\x9b\x06&lt;3\xce\xea\xf7S/\xce\x03\xf0\x14\x11\xc7\xc86U\x01hj\x0bR\xfa\\\x93,\xc6\x12\x12\xc8\x12\x99\xd6L\xece\xb7&gt;\x16C\xe3\xdaE\xe1\xc4a\x15^\x0e\xd3z6\x12\xab\xafu,\x1a\xde\xbeG\xad"\xc6\xe7\xb6]\xf3\x95\x94\xab\xd6\xd1\xb3vQ\xbc\xd659\x8b\xec\x9a\xc8d[\x986e\xb3\xd7\xcf\xef\xa5i\x1eS8q\xd8hZ\xfdY\xb3\xdff\x8f\x16\xd0\xa2\xd9U\xf6h\x01*e\x8a+6\xd4O\xcenmT8-\x80u\x93\xfb\xf0\x0e\x1a\x80f\x94:\x11rK\x80-\x82\x80_v\xbdJc\x10\x05\x96L&lt;\xe3\x18\x0e\xdb\xab\xfb\x96\x01\x1fw\xcc\x1dj=\x7f~\x0b\xeb&lt;\xde\x91\x88*e\x8c\xab\xd0\x07\'\xb2\xe0\xc6\x06|\xaf\x93\'\xf9\xa5\xdd\x8b\x7f=&gt;\xe3L#h\x8c\xe3\xeb\xa7k\xda:\n\x8chUEq\xa5a\xa14\x00LO\x99Q\xff\x06%\xf0\x1f\xc4\x88\xd6U\x84\x1d\xb7^\x9a\x8a\x19\xe3l\x98\xdaW\xc4bV\x80\x9f}\x7f\xfd\xc0\xa9\x8d3\x15\x12\x1b\xbb(\x91"R\xeeXN\x04\xde\xacG\xf2\xed]\xad\xaf\xc2+8\xaf\xa0F\xf5O\x1b\xe6\xb7v$\x97\xa3\x86bp\x0e+\xc7\x99\xf0q\xda\x8d[{j\xe3LuA\x8a+\x1fn\x1e$\x0e \x81W\xf2\xf5\xa6\xc52p\xadv\xce\x1f\xae\xcc\xe4\xe3\r\x00\r\n\xa6\x16[K\xcf~\xe5ck\xa7\x1eX&gt;~j\xcfF\x1c^&lt;W\xac \xd9\xa2\x05\xf8g\xe9X\x00m\xcai\x18\x1f\xe3\xfd\xf5\xf26\x03d\xea\x01\x00\xf0\x8a_gz\xef&amp;"\x86\x89H\xd0\xabN1\xde\xe8\x86%*\x97.f\xde\xb8\xc1\x8f\xac\xb6A\\#\x88C\xac\x10d\tn\x1c\xd3\xe6}w}\x7f\xc3BiR\x85T^\x0f\xed;\'\xcbJ\x99\xe2\ni\xe4\x84\xceu\x14&lt;7\x01\x88\x00|\xbesT\xf8f\x8b8\xcc\x8e\xe5\x04\xff\x01\xb8oA\xb7j\\w\x99\xb1\xd2\xf4\xb3\xe9Qx&gt;p\x99\x87\xbbCeZ)\x93\x9a8\xd9\x1e\x86\xb6\xa8\x18\xde\xcd,|B4\x88\x03\x1bg\xbb\x10:\x15\xf5\x1cJD\xd5\xb3\'\xaa\x99\xeb\xf7\xf6\xa7B\xfaXm\xcbe7\xa0\xc33F\x85\xf4\xb1\xf1\xea"|\x81\x03K\xdd\x85r\xc6\x0c\x1cTK\xf3\xb1lTg\xcd\xfe\x06\xbc\xd6\x8c^"\xb3\xe7\x12\x913\x7f\x02+\xc0\xbb\xab\xf1|::\xa9Q\xc3m\xc7\x8e\xdf\xc5I\x13.\xefp\x01\xe0\xe999\xc1Z\xfb\x07P\x05z\xd5)j\xeaX0\xaec-\x00l*:w@K\xe3\xf0\x1e\xc0\xc7#\xab\'\xab\xc7\xacx\x9d\xf5S\xfa\xf2\x95%#\x9d(\xfc\x15\xc8\x1e-\xa0\xe9\xec\x94\xf0\x7f~#\xafx\xbd\xb4aH\xcf\xf3\x9e\xad,\xb2G72\xe2\xe8R-?\x7f\xaa\xe6%te\xb5\x16Q(Q\x18\x00\xc0kq%q\x002\xf5\xc0^&gt;\xba\x0b\x00\xa1\x96\x00P7\xaf\xd2&gt;\x8a\xe1\x84\xb4\xc8\x13\xb0\xcbW*\xc7\xf6\x01\xf0\xfd\xc1\x89\xa0D\n\xda\x1c\x86z\xf1\xe6\xe3\xea\xca\xb1\xdd\xd4\xa6\xe5\x9aK\x82\x03\xc4\xd7\xb9\xde\xa7^q+\x11\xa3\xac\xec\xec\x14\xe6=l\xd4P/_J\x00\x17\x15&amp;\x89\xbf\x1eZ\x1c\xae\x85\x13\x87\xc5\xf7{l\xf6\xaa&amp;\xcd\x96\xd1\xadF\xc1\xff\xe2\x14\xd0\xa8P\x9a3.*\x11a\xe3\xc7\x08O4\xa5{\x03S\xe3\xbd\x11\xad\x7fK?4\x99\xf5\xac|\xbbf\xae\x13X\xf1\xe4\xe6\xaay\xbd\xb3\xe7\x86\xa9\xfd\xe6\x0fn\x03\xfc\xd2\xbc\xeb&amp;\xc3\x1cWO\x93\xf5\xc1\x95\xe0\x9d{%\xfc\xa7`\xb0B?&lt;\xb59sd\xc2\xe7[\xa5\xb5\x02O3\xd8\xc5\xd1S\xe7\xb5;G\xd7\x95Oo\x85\xd1\xc7\x07\xf0\xf2\x02&gt;\xdd\xe4\xdf_\xee\x1e[:J\x97\xd358\xd1\x95\xbdK\xdd\xa7\xb4\xb4\x05\xbb-\xa3\xb0f\xd3#\xdb\xe1h0"|&amp;\x7f\x82\x93\x1bf\x00\xd0\x14\x9e\x02\x00\xde\xa8?\xf7\xad\xc3k\x1c\x7f\xbb\x80D\xe5\xd2\xc5\xe4\xa2\xbbT\xcb/\xdf\xd2\xe3R=\xb4r\x92iq\x8a\xa9\x8a\xd3\xc7WM@\xf5\xf3{\x01\xb0\x18\xa8K\xee\xa5z\x15(\xe6r\xd4\xd24\xa9\xfa\xb3\xb0\xae\r\x8a\xeez\xc1\xb5\x93z\x89\xa3\xb9\x1c\x0evr\xb7\x06{\x17\x8dV\xaf\x81\xc2\xde_\xd3\\\xb8O\xbd\xe2\xc0wO\x85\x95\xfd|\xe7\x08W`\xd3\xb4\xfe\x9a\x9f#*\x11\xf0H\xf3\xd9]\xf3G\xc8\x9a[\xbb\xe0n\xa0\xb7M\xfc\xcf@AT\x16\x81\xa8F\x8e\xc4E\x92\x84\xaf\x9c)^,\xad@\xd2-K\xd9\x0e(\xc1-\xf5\xe8\xd4f\xe3%1\x01\xd1\xd6Y\x83-\xba\xdaz\nj\x9dLm\x95\xb1\x9a\x00\x00\xa6\xe9(\x92$\\\xc7\xcay,\xb2\xbc\x99F\xd9t\xc6?\xbcxx\x07\xf5\xee\xa3o\x83\xdf\xb6\xa7xw\xd54\x13\x00\xab\xc6\xf7 \xa2R\xa9\xa2\x92\xa4\x0e\xbdw|\xbdb\x96\x8cNtx\xd5\xa4\x83\xcb\'\xf0Sj\xc2\xc2G\xa7\xb7\xe0\xd7C\xbd\x82\x8c\x8d\x9d\xc6w\xae3\xb8Yy\xbb\xcb\xbf\x9c\xd8+\xb8\xc9\xd1$\x90+}\x9d\xbc)\xd4[\rv\xf7g|\xb9{t\xdb\xec!Z\xc5=\x11\xe5\x1a\xd7\x13\xc0\xe33[\xac\xbd\x84\x0f8\x8b\xdbn\x1d\x00\xceo\x9fo1q\xc3B\xa9\x01\x14N\x12\x0e*\x8eEr5\xc2\x89\xf5N\x82\xbc&gt;8\xb1q|\xa7\xda\xe6\xe9,#7\x87\xd6zw\xf5\xc6\x81\x95V\xd2\x9f\xdc\xe0\xddU\x1c\x07\x8e%\x9f\xe4\x13\xffa\xac\x9d\xd4K-alZ,C\x87J\xb9\xbb\xd7,\xa4\xee\x90\x00\x14&gt;)B\xac\xa6\xe7&gt;\xee\xa9\x10\xf2\x0fOn2\xb5\x04\x1f\xd4\xa4\xec\xd5}\xcb\x0cX\xecW\x8c\xe9\n\x97h\xbb[\x8dBj\xb9a\xaf:\xc5\xf4,F\xb8\xd37.\x92\xcez\x9de\xe8M\xf4\xce\xfc\x9bX\xc20\xa8I9q%$\x91]\xa5\xc7\x8e\xb9\xc3\x98}E\xe0\xd1\xa9\xcdD\x942\x18\xe1\xc7}YZ\xa4\x984w\xcd\x1fa\x1a\xd38\x82d\xb9o&lt;\xd2\xacP\xcd\xa81\xdb\x15\xbfL\xd4\xf0\xdc\xd6y\xf2\x15a-\x92,\x08\x95J\x15\x15@\xb5l\t\xdbW\xcc%\xdeE\x04;\x12\xfb\xc0\xc0\xae7\x8d/\xe5\xb3r\\7\x00\xf8x\xd3Q5}@\xb4C\xb2 \xbc\xdc~&amp;"\xe0Y\xae\x98A\xda\x94\xcd&gt;\xb0q\xd9\x95\xe3\xbaYt\x90\x8c\xa6\xb3\xc5\xd6\x03\xcf\x92\xf3\x07\xb7\xb6\xfe\x08[\xac]\xdd\xb7L\xbe\xc81\xcbn\x1c\\\x05\xe0\xec\xd6\xb96j@DD\xf9\xe3\x87\x02pF\x9f\xb0\xd6\x14\xcdKdR\x0fpX&amp;\x7fmT8\xad\xc7\xfd\x84\xfe\xc3\x18\xdb\xa1\xa6,\x01 \x97#+\x0f\x83&gt;\xf5J(\xd2\xd7/\xa0\x8c\x16\xbcaj\xbf}K\xc6\xb0C\xa0:\xff\xf0Dp\xf1\x0c[\xac\x92\xe6\\\xe1\x15\x9c\x00\xe0\xc9Y\x8b\x99\xa8E\xddM\x8a\xa6\x17#\x7fr\xb7\xfa\x06\xcf\x8a\x17i\xeb\xd3\xe8\xc2\xee\x16U\xfd,3&lt;\xcf\xd3\xe27WC\x8f\xf2E\xe0\xe4\x86\x99\x90\x02\x8a\x02\xb0E\x15tf\xf3\xec\xec\xd1\x03r\x98\xf8\x18D\xd5\x0c%\xda\x8a\x05\xc0:\xc7\xb5\x15(,p\xd4pF\xaaQ&amp;Mt\x00]\xab\x17$"\xd63\xb3{\xb6\xf0M%\xa2\xa0\xae\x80\xdd\xc5\x92y\x9b|\xa6\rC\xcb}\xba\xedT\xcf\x9eH\x93\x92\xde\x01D3v\xabQpd\xeb\xaa=j\x16\x96n=\x03\xb0g\xe1(\xe0+\x7f\xf8\x07\'7\x1a\xf47\x07\xbe \xb6z\xef\xe4\xee\r\xec\x97`\x8e\xee5\n\x01\x10$\xed\x0eP,Y\x04\xb5\x1b\xb6\xe9\xab\xe5\x8c\xe1V\x8f\x05\xf0\xe8\xf4\x16\xbb^\x90\xff\x01pw\xcc\x12\x99\x82\x11\xad\x1a\xdf\x83\xe5\xda\xc2;\x0e\x00\xf0\xc6\xb4\xf7\x03\xd0\xa3G\x9e\xd6\xab1\x80+.~%\x8bPOd?\x1f\x9d\x02\x80\xafw\x9e\x9c\xdd\xaa\xf1\x80\n\xa3\xdaV\x03P4i\x04\xa9\x86\xaf\xf9}Li\xa8\xf9\x99ta\t\xc0\x9c\xfe-\x84\x1f\xbf\xf1\x8c\x1c\xc2e\x16\xa9I\xa6/Z3\x99\x06\xcd\xb36\xc2\xb8\x1e\xb4\x98\x1e\x80Z\x08S-[B\xe6bRk,\xe5!\x98,\x88\xee\xe9\x81\xf56\x83\x9b\x96\xe3\xf0\x06\xac1\xf6\xacS\xae\xb0\xe8u|$\x17\xad\xa48\x85\xe2\xfd5\xf1\xbbAA\x1f\xa6;\xbc\x8f1 \xc2\xf4\x14\x02\x10\x05&amp;\xfa\xd7%{\x01\x00|\x04\xa0\xb6\xe6:\xb3e\x0e\x9e\x9c\x05 B\x1aT\xcdj\x97\xe1M\x89\xa4\x81(\xb2\xeb{M\xecZO\\\x17\xcc?\xeaG\x12\x07$\x00\xbe\x17\x99J]\xa80\x944\x06\x13\xf7\'\xd2\x12\xab\x1a\x0f\x13\xfc\xb8\xff\xf0\xe4&amp;\xd3\xf0\xa8F9\xe0\xd9\xb7\xfb\'\x9c?\xff\xd7B\xee\x04=k\x17\x91\x05[)\x83\xf3Q\xe0\xa7;\xcc|\xd9\xa2\x05\x00\x90-\xaa\xc6&amp;\xce\xd6\x8a\xcc\xf5\xec^\xb3\x90\xc5\t\x91\xcd\x99\xe1\x8al\xc5\xa7\x10\x00xq\xc1n\xa1\xefo\x1c\xa8\x95+\xa9\xfa\xaeP\xaa\x86&amp;\x9a\xda\xa3\xe1\xc4.u\x05-\x9d^V7\x0f\xae\x8aB4\xba]\r"\xb2\xd2\x1d;V\xce#r[0\xa4m\x1c\xa2`\xfaL\xe2\x8b\x87wp \x97\xac\x981N\x97j\xf9\x17\rko0\xd3\xcc\x1b\xd4:&lt;\x91L\xf85\xaam\xb5e\xa3:\xcbi\xf8\x05\xad\x10\xc8\x14M\x1a^\xf3\x16s\xd1\xd8\xa8\xba\xcfl\x8f\xac\x9a\xcc!A\xe2\x13Y^d\xfd\x02\xea.\x11^g\xc2\x12\x87\xd4\x95\xe3\xba\x7f\xbb\x7f\xc2\x1d\x95\xc0\xf9\xed\xf33\x84g\x9b\xf4\xd7\xf8r\xfb\xf9\xf9\x9dY\xa3*\x0b\x05~\xf1\xa9(\x9eO\x9fy\xae\x83\x1b\xe2q#\xc4R\xbd\xbb\xe3\x8fn\x1d\xec\x1c\xea\xe0\xc10\xd2\xd6\xado}oq\x88\x9a\xd3\xe2?\x8c\xf4\xe1\xe8\xc1\xc9\x8d\x1cus\\\xc7Z\x9ai"\x10\x95K\x17s\xce\x80\x96\xb6bT\x11Q\x00\xa2|\xf1BN\xd19K\xda\xd2\r\x00\xef\x1b\x15J\xc3\x06\x1bV\x0c\x9f\x85\x14\x8b\xff\xdc&gt;\xc7\x86\xbf\xa2\x94\t4\'\xf4HD]\xaa\xf9\xa0\x18\xe4I-\x82\xdb\x8e\'\n\xe7\xe1xD\x00x\xfbV?\xbf\xd7\x95\xbdK\xd3\x86!\xcf\x92B\x9bn\xf4\xbc\xf9^\xde\\\xc9\x19#p\xb9\xb4\xde\xab^\xc7Jyf\xf6iJD\x93\xba\xd6\x97b4z\xbf{b}i\xac&amp;\xcd\xbd\xc0\xeb\xcbJe\xa3Ep\xd1\x91\xa4?\xdd\t\xedk+&lt;\x99@h\x9d\xb9l\xd5\xf8\xee\x16{E\xffF\xa5\xdd\xec?\x02\xc0w1\x83\x17M\x1a\x9e\xed\x91\x8e\xad\x9d\x9a3F`Yq\x10\x92\xa8^\xbe\x942\xbdk\xad\xdcI\xb9\x0e\xd3z5\x16\x17\xe3\x12\x1d\\1\x016\xe3\xfaj"{\xb4\x00\xfc\x82\xce$2+\xc7uS\xab\xe8\x13\x05\xd0\xa0X`\xd7\xb9r:\xdeB\x16\xa1\xe8\xd8\xa45\xc0\xeb\xd81\x04j_1\xd7\xdfh8\x94!\x02-\x1e\xde\x01\xf8l\xbd\xf3\x19\x8b\xd1\x05\xd2\x87\xa3\xa5#\x95\xf6\x94\xdc\x88/.\xecr`\x84\x85\xb7W-VRo\xe1\xb1\x8eP\xd6&amp;t\x00zn\xc9\xd61\xa5G\xc3S\x1bgqq\x9d\xaa\xe4#"\xd6\xb2\xfa\x12\x03\x9au\x88\x01 \xd7\xe4\xc6\x81\x95r\xb3\x00\xd89\x7f8\'[&gt;\xba\x8b3b\xfdM\xd3\xfb\x030&amp;\x9f\xb1R[\xfe\xd7\x99\xe9\x01K,\x19\xb6\x04\xbe\x8d\n\xa7\xe1\xa0\xa4\x9aw\x13\x07\x8ap\xb6\xe1\x00\x00 \x00IDAT\xf0&gt;\xf6\x19\xc3YP\x17M\xc8\x96\x1dr\x1f\x9e\xde\xab\xf1\x86\xa9\xfd\x14\x89{\xd7\xfd\xed\xa1*\\\xa0\xe5\x05\x95\\\xb4\x9aS{6r\\%\x9e\xf8\xb8U\xdb\x94\xcd\xee\x80zOoCFZ\xd4\x0b\xe4\xc6nL\x98\x80\xabe\x92\xb5r\'\xc3\xd3\xb3\xf2\x15\x0e\xfb!6e\x8d\n\xa7\xb9uhux\xadlC\x12\x01\xd0;\xd7e\x8ff1T\xb3\xaf\x01xo\xbd\xbd\x00X\x8cg\x1d\x85\x08x"+\t\x0c&gt;\xa4\xafB\x94X$i\xf8\x9f\x8fN{,\xdbW\x97\xc2k]\x9f?\xb8\x8d\xd5\x1c\xbe\xdd\x050\xd0g\xd4e_\x82f("":\xbcr\x92\xe6G\x19\xd4\xb4\x1cT,I\x00\x14\xe6C\x8a\xbbvk\x95!\xbc\xabW\xfc|`\xf7YF\xc3Bi\xd4\xe2\x05Sp\xfa=\x0bG\xf5\xad_\x92c\xdd\x18\xe4\xa0yZ\xaa\x93\'9\x80\x02\tB)DX7\x0f\xae\xb2U\x13\xdf\x83\xfa\xa5\x14\x93o|\x9f\xe93F \xcd\xb9\x1e\x80-\xdf\x97\xd9\xfd\x9a[\x1f\x02\x16\x01&lt;RS\x00\xb4*\x9dE\xf3\xc3\x01/\x9dM2\xc6\xce\xf6\x9az\xa3ck\xa7\xb2\xae\x14x\xae\xf7\xe0\x1c\xf6vz\xabm\x9f\x9d\xed\x8f/\x00\xb6\xe0-\xaft\x89AB\xba\x94\x96z\x00 \xcb.\xe6\rj\xed\xc1\x05\x80\xb7-\\J\xe3"\xe98s\xb5\x99&lt;~=\x1c\xd5\xc6\\Jn\xd7@\x01/\xce\x13Q\xde\xb8!\x0cD\x1f\x7f\x1c\xa6\xdd\xabO\xbd\xe2\x00*g\xf6a]\xc2\xe3\xcabp\x08\x01\x8b\xb1\x8b\xd5\x05\x01\x98;\xf07\x97\x9cL\rb\xfa\xec\x9d\xa3\xeb\x80\xa7\x00l1\xdf\x8dnW\xddg\x054\\U\x8c\xed\x0bS\x87"\x00\x153\xc6\xb1\xeeN\xec\xabhY*\x8b\xe2\n\x00\x85\xdd\xbd\xa6V\xcf\xf4\xdc\xc6.\xbe\x1fn\x1c\xb0x*\x1d\xd1\xbaJ\xbb\n9\x15\x17m\xe9\x13\r\xdaSH#\x89hHs\x8e\xbf\xfdZ\x9dLoE7ez\xe9\\5\x9f^\x9543\\4\xac\xbd\xec\xb4\x18\xde\xf5\xe3\xce\x91\xb5\xe2\xe2\x80F\xa5a\x18\xde\xc7\x0fL\x12\xb4\x11\xdf\xfe#\xb5s\'\xb3"\xc0\x11\xfe\xd6\x00\xd8\xea\x99\xc1q\x0f\xe2\x11\x95O\x1fk\xde \x1b\xb6\xc9jp\xa3\xfd\xb3t,\x97\xb2bl7\xfeH\x061\x19\x12\xebO\x86\x0e\x8e&amp;\xf8z\xa7z\xf6D5r$fU\xca\x1f\x01\x80\x1c1\x8c\xc4\xde\x8a\x97\xfaW\n\x85(\xf0\xe2\xfcNE2\xefYQ\xdf\x04\x1e\x96}h\x8d\xa1y(\x14\xc2\n\xb5\xd2CN\xdc\xb6|\x0e\xe0}x\xadl5#\xb1$\xd3\x11?\xabe#\x8c\xa0\x16x\xe8\xdaW\xc8\xb5s\xde0+QT\r |\xcd\x96\x8c\xe8\x08\xa0O\xbd\xe2\xec\xa0\xe7&amp;\xd8\xcd^\xfc\xa9\x16\x8e\x85\xe7\xd2_\\\xb0\xd2\xf3\x93K\x1a\xf6\xe1\xad*\x8b(\xed2\x9e\x9e\xdb&gt;\xb3OSq$r\xc6\x9e\xe2\x15\x9c\x86\xb5\xac\xc4\xdf\n\xc0\x97;Ge\xcbT\xc5v\xf3\xdb\xbd\xe3\xddk\x16&gt;\xb4r"Y\xdbJ\x97\xd4?\xbf\x1a\xa0|\xfaX\xc6\xf3C\xb5l\t7N\xeb\'"\x87+\x10\xd3lz\x01&gt;:\xa8\x95\xaf\x00\xc0I\x0f\xb1\xbe\x04$:\xb8b\xa2\xd6\x01\xed\x05\xffpG_\'\xe5\x06"*\xe5\x15%EP\xc2\xabKv\x99s\xdc\xc7\xdc\x81\xadJ\xdb\x19\xae\x9a]ax\xab\xcal\xeb\xc6\xe8S\xaf\x84\xc5\xd5H\xd3*\xdc[=\xfb\xfd\x1e\xbb\xbfJE\x7f\xb9\x7f|\x83i\x9e\xdf\xee\x1dwM\xcb\x1a\xac\xdax\xfe/\xdf3\xd6\xc9_\xd8\xb9P\x90\'\xc7\xd7O&amp;\xb8_4\xefv\xae\x92O\xf6&lt;hQ23\x00\x85\x19\x92\x02\x1c\xc1\x15\xc0/\xcf\xc9\xfadL\xed\xd9(&lt;\x11\x11M\xe8\\g\xba\xa4/\xb5\x82:yS\x08)\xc6\xbc\x81\xad\xba\xbb\xbc\x01\xfa\xd4+\xce\x1bFH\x98fA\xec\x0e\xd7\xf1\xb7C\xa5\xdc\xf2\x15F\xad\xdcI\x05\xc7\ti\x1dp7M\xefO\xf6\xb7&gt;?\x1e\x9cT&lt;\x02\x9f "\xbd\x18\x06\nJsM+;\x05\xac\x9c\xcb\x01\x1c[;\r\x1f\xae\x9b\xa6\xb4\xee\x96\xc4`F\xee\x10D\x05\x12\x846h\xa5;G\xd7\x02\x98\xdd\xbf\x05\xf0L=\x9bO\xeeV\x7f\xfe\xe06\xc6\xf1!&lt;1\x17z\x0ej\x86U\x07`\x1f.\xf5\x0c%:\x8a`_p\x1c"F\xc0"\xf7\xbac\xd4\xcb\xef\xa5\xa0\x16\x89Kt\xed\x9f\xe5\xd7\xfeY\xberl\xb7E\xc3\xda[\xdfYX\x19o\xbb\x17\x8e\x04\xf0\xf9\xce\x11g\xb5M\x12\x90\x80\x17B\xb5\xf8\x9b\x9f\xf6\xc7}E\xcaAM\xcb\xa5\x0fG%RD\x92\x9d$\x15\x83YF,}E\x8eB\xda\x00 SD*\x95*\xaacmv\x9e8\xc1\xd6M\xea\xad\xb8\x08\xe0\xfb\x03\x1fv\xd9m\xcb\xe7 \xa2E\xc3\xdb\x0b\xcf\xd5B\x89\xc2\xe8\xd9\xb6\xda\xb2\xdc\xf0,\xb8\xd1\xde_?\xc0J~\xd1\x80i\xc3\xb8\xfc\x90]\\\xe2\xd6\xc9\xcc]\x0b\x80\xb6v\xc7\n\xf72\x80\xee5\n\x19$Pp41\x82\x12\x15L\xa8!\xfa\xe5\xfaW\xca\x14WM\xa8\xc5\xe7\x0fE\xec\x84\xf8\x16\xfc\xe1[\x95\xceBD\x16\xc9\x1e\xdc\x84\x9a\x986\xb0ry\xfb\xa9\xf9`\xd2\xc0\xde\xecU]\xabi\x1c\x19\xf9\xec\xa47\xf0C\x11\x05&amp;\xca\x11#\x90\xade\xd8c\x00`\xd7\xeeX\xb6\xb6fqmh"M;\x811\xed5L D[\x8ay\x7fL\xfb\x1a\x06UH\xfb\xc7\xe4+\xde\xfb\x85\x01ZVz\x82\xc6\xaea\xc1\xd4\x00\xf0\xe5\x8e\x95\x0c\x99\xc8\xc1\xca\x97\x9e$9\xef\x10\xd1\xeb\xcb{9x\xa9\x07\x01\xe0\xeb\xddc\xdf\xef\x9fP\xcc\xe9\xbb\\\x86=x~\x9e\x88\x8e\xad\x9d*\x1e\xe9]\xb7\x98H\xac \xef\xecU\xa7\xd8\xd3s\xdb\xe5\xcc\xd7\xaa\xa6o\xbbxyQ\x83JH\xbd\xf7&lt;\xb5i\xd6\xae\xf9\xc3\xd9\x96!W,K\xce\x00{\x17\x8d\x92M\x84M\xa5\x07\xed+\xe4\x92\xdf\xf6\xe0\x8a\x89\xb6Lw\xe4\x08\n\xa2\xe6D4\xacEE\x00\xc3[V.\x9c8\x9c\x9e\xa5\xcd\xdeE\xa3\x1dL\r\xcbFw\xd6\x14\x8e\x13Q\xee\xd8\xbe\x18\xdcY\x04&gt;J\x1d\x8a\x064*M.\xdaj=\xef\x17c9pt\xefPe\xcf5O\xf6z"\x17g\xc8\x15+\x88\xe6ic\xcf\xc2Q\x00\x1e\x9f\xd9\xbas\xde0\xbd\xdd\x8c\x95A\r\xc9\xa5@\x13\x1e\x90\xfa9\x00GP\x030oP\xeb#\xab\'\x1b\'\x1e\xd1\xaa\x8a\xe2U\xed\x06\xeb(\x91"r\xaa\x90\xde\xed\xc5\xda\x9c\x04D\xcbGw\xb1\xe5\xac\xd7O\xe2&gt;\x13\x08Mtf\xf3\x1crz|\xe1\xc0\xee\np\xad\xd4_7,Q\xc5\x8cq\xa2\xba\x18\x10\xf9\x8d\xac\x94\xc2YY\xa1,mU:Kx\x9fOy|\x83\x00\xa0j\xd6\x04\x83\x9a\x94SK\x87\x01l\x9d5(o\x9c\xe03\xfa4UL[\x02\xa6\xaa\xef\x02\t\xdcp\xc1\xb4\x06\xbc\xbe\xcc\x95\xa9\x9d;Y\xae\x98A\x00|\xba\xe5\xcd*hJ\x98#\x0eFD\x04@\xad\x1ed\xf2g"\xea]\xb7\xf8\xadC\xab\x93J*\x84b\xc9"4\xf0\x19\x1b\xc0\x14C\x9bW\xe4\xaa\x96N\x15U\xd0\xaa\xf4\xa9W|\xe1\xd0vw\x8f\xae3~\x96y;\x92\x07\xb5g\xect|\xdd4g\xe4k\x1e\x14I\x9bZ\xe5r\x9b\xe8\xc9y\xda\x94\xcb.\xfa\x9bbK\xa4\x93\xdb7Sg\x0eM\xa2Y\x85&lt;SsCP&gt;\x9d\xee\xb0\xed\xdb\xa0\xa4\xc1\xa7\x01p}\xff\nE\xc4\xe0\xbf\x08\xb9b\x05iR4=\x11\xe1\xcd\xe5\xdd\x0bG\x1a\xa4\xe4/!\xc2,8@&lt;\xef|\x9e\x00\x98\xda\xa3!\xe9\xabe\xf2\xc5\xd3\xd6!\xb5(\xe9c\xe7\xb5{\x81w\x85\xa3\xba,\xe89$\xb4\x15\x0coU\x99Eo\xa1\x89\x0e,\x1f\xaf\x97\xcc`\xf2\xad\xeb\x93 \xcf\x14\xd6\xe7\xf1\x00\x92m\x00\x93\xe8\x1e_7\x9d#\x90\xb4.\x93\x8d\x886L\xed\x07\xbc\x0f\xec\xd4\x84\x00\xc0\xafG\xa77\xcf\x1c\xa8Y\x1f\x9e\xdb\x0b&amp;\x0c\xcd\x14\x05"M\xed&lt;\xc9\x81o\xae!\xf9Y\xf1\xd4\xbe\xc5c.\xec\\\xe8\xa46\xd6\x10\xc1\xe7\xee5\x1e\xd1\x85\x9d\x0bG\xb4\xae"\xbaJ\xde\xb8\xc1\x8b\'\x8fh\xf1@\x9b=z\xc0\xd5\xe3{\x10QP"\x00\xfd\x1b\x95\xe6\xeb]\xaa\x15\x90\xad\x08n\x1cX\xf9\xe1\xc6A\xb9\x118\xf2\x84c\x7f\xddNU\xf2\xf2~V\x1dN\x9dm\x93\xbc\x1b\xf7\xce\x11\x00\xbc\xc9\x05\xc0[\r\xae\x83b\x1f*oxdR\xdb\x13\xeb\xa7\xfb\xc6\xbe\xc1\x16\x92\x05\xa1P&gt;\x15\xc8\n\xc8[\n\xb5Y\xc1\xfa)}7M\x1f\xf0\xf5\xdeq\xf7#5\tx\x05\xf7\x80\xab\x90-h~\x02\x00\xbcq\xecZ\xbd@\x8f\x9a\x85S\x85$Sj,_A\x83\x82\xa9\x84(&amp;}8:\xb8b\x82A\xe2\xeb\xfbW\x00\x18\xdcT#B\xa9\x1a\x06\x9d\x8f\x83\x8e\x1a\x1cEw/\x18\xa9\xf7\xec\x92\x11\x1d\xbd\\\x86k|\xb2.\x992\xf2\x8ey\xc3\xf4l&lt;d(D\xc3\xa3\xdaVc\xe5\xdb\x94\xee\r\x8c\x83\xf4zd\x14E!\xba\xb4k\xd1\x82!\x0eM\xa4\xabd\x89\x0f\xa0r\xe6x\xf8t\x93=\xf8\xdd\xb1\xc3I\x11T\xc9y\xa7F\x89\x14\x91\x14\x87\x0f\xa6Zb(d\xf1D\xd4\xacx\xc6_\x8fO\xeb\xb5\x95X0\x98\x89\xda\x01\x00\xec_\xe6c\x9d\xd6\x0c\x96k\x05\xdc[\x96\x8d\xee,r\x06\x9e\xb0\xd3\x93B\x10\x0c-\xadf\xcd\\I\x8b\xa7\xb0\xe7\xd14\xb4E\xc5\xa4\x81(E\xb0\xdf}\xa9~\x81T\n&amp;]\x00\xb2K\x1a\x00YO\xcb\xd1\xa6\xf8\x8a\xf8\xf4\xc1}R\x14\xa4\nI1\\\x81\xedn\x1dZ\xed\xdb\x0b@$"\xe0Y\xff\x86\xa55\x89\xb0\x185r&amp;10\x93\x93_VSB\xb2e\xe6@\x00\xbf\x1e{F\xa5\x7f~\xc7\x82\xf6\x15s\xb5)\x97]\x11M3U\x08zw}\xbfG\x8a "\xe8\x13\x9f\xa8\xd1\xa5j~\x00x\x7f\xfd\xcf.\xd5\xda`\x8a\x02\xd9\xbe\xbbX\xb2\x08\x17uvy\xa1\x89\xeeIF&amp;\xcc\xc0\xac\x97\xb3\xe3\xb7M =\xcbt\x05E\x93E\xb0\xa2\x81\xd5\x1c\x0c\x00*d\x88\xed \xa0\xb9]\xdc9\xba\xd6&lt;\x91&gt;\xa2\xbb\xea/+\xd5\xf5\xb4\x7f\xa6Ha\x8d\xf1k\xff\xd2q\\h\x0eWX7\x9e"\x9dM+\x1fo\x1e"\xa2f\xc5\xd9\xec\xc7I\xcdeg\x8e\xee5\x0b\xffxxR\xaeF*\xcbV\x87\x05\xe2{\xcb\xa6\xe4\xc7\xf1\xe6\xb2\xc1{\xa5s\x8f\xb2\x9fI\xf6\x99\x992\x10\x91W\x08\xda8\xad\xff\xd8\x0e5{\xd6.*\xd2$\r\xa44\xa7\x01\x80\x1f\x0f\x88\xa8_\x83R\x19\xc2SP"&gt;4\x87%\x9a\xdc\xbd\x01\x1f\\\xbaT\xcd\xdf\xa6\\\xf6\xa2I\xc3w\xabQ\x88\x886L\xed\x97\xc2\xb5\xadb:\xeb\xe3\xeb\xa6\xc9\xd4xD\x94\'N\xb0\xbcq\x83\x0b\xf1\xa6\xb8\x1e\x9c\xe8\xc5\x85]lj\xa5\xa8\x7f\xd2@4\xa0Q\x19\xf9J\x1c\xa2\xdeu\x8b\x8b\x16kP0\xb5\x9eDpX\x0bo\x8a\xc9\n\xe958eD\x0e\x06\x8do\x1c`\xa7c\xe5&lt;\x97v-\x12\x078g\xd82s\xe0\xadC\xab\xdd\xc9A\x06+\xae\xff\x93xqa\x97,\xebT\xf8\x07\x11Q\xc1\x84a\xf4\xac\x9e3G"\x00V\xda\xd1M\x03\xd0\x1a9\x12\x0bi\x9cl\xe8f\x8c\xc9\xdd\x1b\x88\x89\x8f\xd9{\n\'\x0e\x0b\xe0\xd1\xa9\xcdVL\xee\xdc\x81ip\x18M\x00\x101x5%\xcek&amp;\xf6t\xa7VD\x94;vP\xe3y\xb3o\xfd\x12\nf\xcams\x86\xb8\xb3\xaf|\xae\xf29\xb0\x8e\x83+&amp;D\'\xeaT9/\x80\x94\xc1\xa9P"\x0f\x07R\xc9\x17/\xa4\xc7wa\xdcV\xcf\xcf\xef$\xa2\xc0DLM(\xd8\xdf\xe4\x94y\xe3\x04\x9f;\xb0\x15_\x17Z\x01\xe0\xa7\xa6f\xaeE\xc9L3\xfb4\x05p}\xff\nr\x85\xa2m]&amp;\x1b|r\xb9\xebmz\x00p\xe0LqW\xec\x87\x9b\x16K\xcf?L\x8d\xea\xa7\xf5l\x84\xa7g\x0f\xaf\x9a\x14\xe8\xf7F\xde\xe1\x8e\x84\xd1\xaatV\x07O9\xde\x91\xf8C\x03V\x9aRK\x89\xe2\x8d\x7f\xb7\xcd;\xbfc\x81\x95R\xd6\xb8\x1dc\xda.\xf6/\x1b\xa7\xa8\x83G\xba\x8e\x81\xdf\x99\x1a\xb6\xcazui\x8f\x98z=x&gt;\x95\xf1\xe4\xec6\xe3*}\xbcy\xc8\xba\xf0\xb5\xb2\x8e\xa0V\xf6\xd1\xfdp\xf3\xa0\x9b\r\xae\xf7\xc9&amp;u\xab\xaf\x88a\xe2\x97\xe0Z\xa9\x0f\xc7\xa2\x8f==\xbb\r\xef\xaf\xe5\x8d\x1b\x1c\x00\xc7~\xc9\x1eMc\xd3\xcc\xe4\xdb\x06\xce}\xf1$7fF\xbex!V\x8e\xed\x86\x9f\x0f\x1a\x16J\xbdg\x91\x0fQ\xcc\xca\xb1\xdd\xf2\xc7S\x1aE|\xbesD\xe8\xe7\xe1\n\xa7\xb3o\xf1\x18Vz\x9f\xdb6\xafb\xc68\x9d*\xe7\xb5\xf2\xd6\xf3\x07\xb7\xe1\xc3w\xca\xe04\xbb_s[\x0e1\x1e\x84g</t>
        </is>
      </c>
      <c r="E149" t="inlineStr">
        <is>
          <t>&lt;class 'numpy.ndarray'&gt;</t>
        </is>
      </c>
    </row>
    <row r="150">
      <c r="A150" s="1" t="n">
        <v>148</v>
      </c>
      <c r="B150" t="inlineStr">
        <is>
          <t>steps_per_sec</t>
        </is>
      </c>
      <c r="C150" t="n">
        <v>2200</v>
      </c>
      <c r="D150" t="inlineStr">
        <is>
          <t>3.3498955</t>
        </is>
      </c>
      <c r="E150" t="inlineStr">
        <is>
          <t>&lt;class 'numpy.ndarray'&gt;</t>
        </is>
      </c>
    </row>
    <row r="151">
      <c r="A151" s="1" t="n">
        <v>149</v>
      </c>
      <c r="B151" t="inlineStr">
        <is>
          <t>Loss/object_center</t>
        </is>
      </c>
      <c r="C151" t="n">
        <v>2200</v>
      </c>
      <c r="D151" t="inlineStr">
        <is>
          <t>0.11835764</t>
        </is>
      </c>
      <c r="E151" t="inlineStr">
        <is>
          <t>&lt;class 'numpy.ndarray'&gt;</t>
        </is>
      </c>
    </row>
    <row r="152">
      <c r="A152" s="1" t="n">
        <v>150</v>
      </c>
      <c r="B152" t="inlineStr">
        <is>
          <t>Loss/box/scale</t>
        </is>
      </c>
      <c r="C152" t="n">
        <v>2200</v>
      </c>
      <c r="D152" t="inlineStr">
        <is>
          <t>0.06293557</t>
        </is>
      </c>
      <c r="E152" t="inlineStr">
        <is>
          <t>&lt;class 'numpy.ndarray'&gt;</t>
        </is>
      </c>
    </row>
    <row r="153">
      <c r="A153" s="1" t="n">
        <v>151</v>
      </c>
      <c r="B153" t="inlineStr">
        <is>
          <t>Loss/box/offset</t>
        </is>
      </c>
      <c r="C153" t="n">
        <v>2200</v>
      </c>
      <c r="D153" t="inlineStr">
        <is>
          <t>0.1267739</t>
        </is>
      </c>
      <c r="E153" t="inlineStr">
        <is>
          <t>&lt;class 'numpy.ndarray'&gt;</t>
        </is>
      </c>
    </row>
    <row r="154">
      <c r="A154" s="1" t="n">
        <v>152</v>
      </c>
      <c r="B154" t="inlineStr">
        <is>
          <t>Loss/total_loss</t>
        </is>
      </c>
      <c r="C154" t="n">
        <v>2200</v>
      </c>
      <c r="D154" t="inlineStr">
        <is>
          <t>0.3080671</t>
        </is>
      </c>
      <c r="E154" t="inlineStr">
        <is>
          <t>&lt;class 'numpy.ndarray'&gt;</t>
        </is>
      </c>
    </row>
    <row r="155">
      <c r="A155" s="1" t="n">
        <v>153</v>
      </c>
      <c r="B155" t="inlineStr">
        <is>
          <t>learning_rate</t>
        </is>
      </c>
      <c r="C155" t="n">
        <v>2200</v>
      </c>
      <c r="D155" t="inlineStr">
        <is>
          <t>0.001</t>
        </is>
      </c>
      <c r="E155" t="inlineStr">
        <is>
          <t>&lt;class 'numpy.ndarray'&gt;</t>
        </is>
      </c>
    </row>
    <row r="156">
      <c r="A156" s="1" t="n">
        <v>154</v>
      </c>
      <c r="B156" t="inlineStr">
        <is>
          <t>train_input_images</t>
        </is>
      </c>
      <c r="C156" t="n">
        <v>2200</v>
      </c>
      <c r="D156" t="inlineStr">
        <is>
          <t>[b'512' b'512'
 b'\x89PNG\r\n\x1a\n\x00\x00\x00\rIHDR\x00\x00\x02\x00\x00\x00\x02\x00\x08\x02\x00\x00\x00{\x1aC\xad\x00\x00 \x00IDATx\x9c\xec\x9de\x9c\xd4H\x13\x87\x0bwX\xdcaqw\xd7\xc5\xdd\xddaqwwwwwwww?\\\xef\x0e\x97\x03\x0e\x0ex\xe1\xe0\x0e\xae\xde\x0f\xbd\xd3\xdb\x93t:\x9dLff%\xcf\x87\xfd\xcdf:\x9d\x9eL\xa6\xa5\xba\xea_\x006666666666666666666666666666666666666666666666666666666666666666666666666666666666666666666666666666666666666666666666666666666666666666666666666666666666666666666666666666666666666666666666666666666666666666666666666666666666666666666666666666666666\xa1\x95D\xden\x80\x98\xcf\x0fOy\xbb\tA\x94R\xa9\xa2y\xf2rs\x07\xb4\xb4\xa4\x1eC\x8d.\x940\x0c2\xa4\xe0\x95)\x912*y\x81\x88\xfe%\xb3 b\x86\x08\x00\x00\x1d+\xe7\xa3e\xc8\xe9q\x98\xb3\xc6u\xac\xed\xf4\xee\xf7\xc7\xcbFu\xa6G\xae\xef[n\xa4\x99\x01\x14I\x1c\x8e\x9c8\xbdW\x13\xb6rE1D\x9c\xde\xab\t=^%K\xfc\x0b\xdb\xe6\xd1\xb7^\\\xde\xdd\xa4h\xfa\x9eu\x8a\x93\x7f\xaf\xeeY\xa28\x17\xdf\xddb\x8f\x14O\x16\x89\xbc\xc8\x15\x0b\x10\x11?\xdeg\xaf\x88\x88GWO\x0eC\xcfU5\x06\x00\xf0\xdf\xa7\xad\xcb\xe6`\x9bZ7_Jz\xba\xaf\xc6\x87\xcd\xed\x03\x88\xffj\xbc\ta\xb4\xde\x10B\xbfhA\x99\x97W\xf6\xfc\xf3\xec\x92\xa9\xeamx\x88o\xb7\xd7\xf1V\xf3\x065-oUU&gt;VU\x14\xfa\x88&amp;\xf1\x00T\xc9\x12\x9f\xbc\x98\xd6\xb31\x00&lt;:\xbb\xb5B\x86\xd8\x91\x01\xba\xd7,\xc2\x16CD\xad\xb1Gq\x89\xf8\x8e\x83\x88\xb8dDG\xc4wl\xc9b\xc9"\x92\xd7\x85\x13\x87\x03\x80\x9a9\x93\xd0wW\x8d\xeb\x8e\xdf\x1e\x01\xc0\xf4\xdeM\x1b\x16J\xd3\xb4x\xc677\x0e\xa8\xdb\x7f~\xeb\xbc\xe1-+\xfb\x02\x00@\x02\x80^u\x8bO\xeaZ_\xd1\x12\xfc\xfe\x84\xfc{y\xd7"zb\xce\x98\x01\x05\x16\x0eiK\xfb}\x00\x98\xd4\xb5\xfe\xdc\x01\xad\xc8\xeb\xc8\xbc\x9b\x83\xf8\x87\xc6G\x07`\x9e\xcfNU\xf2\xb7*\x93\x9d\xed\x82\x17\x0f\xef\xd0\xdc/\x93\xaf\xe0d\x83\x90\xca\x9f]\xda\xa5~\xeb\xda\xde\xa52\x03\x00\x00\x84\xb7\xae=\xc1\x9e\xc8\xfaEt\x88bA+\xdcH\x10\x1f\x9fl\x82\x02)\xf5\n\xb4(\x91Y\xf0 \xe1\xfb\xdb\x00\xf0\xfe\xce\x11\xf6\xa0_\x8a\xc8\xb9}``\x93\xb2\xe4\xdfr\xe9be\x89\x02\x1b\xa7\xf6\xebZ\xbd [\xacH\xe2\xc0\xee\xe8\xca\xae\xc5\x88\xff\x03\xc7CK\xfb2_r\x15\xc7Au\x03\xee\x1cY\x03\x00-Jf\xc1\xcf\x0f\xc9\x91\xf4\xe1\x00\x00N\xae\x9f\xa1(IF\x9d:yS\xb4\xab\x90\x1b\x00*g\x8e\x07\x8e\xca\xc9\xa7\xc8\x17\x0f\x9e]\xdaE.\x9d\xc61\x0f\xdf\xbbh\xb4\xfa\xa2C\x9aW\xe0\xde\x8d\xff^\xfd\xa2&gt;\x18\x03 \x0e\x00\x19\x1e\xb8g\xb1\xb0\xab+B|\x80&gt;\xf5J\x94J\x15\r\x11\x0f\xaf\x98 8\x17\x11\'wk\x00\x00\xfd\x1a\x94\xd2\xbd\x90\x8d5D0{b\xb7\x9a\x85\xadl\x87\x8a\x95c\xbb\xfd\xfd\xf8\x9c[/a\x13"\x89\xa7:ry\xe7"v\xb6N9\xbda&amp;H\xcc3\xf2\xc7\x83\xae\xd5\x0b\xa9K\x16M\x1a\x01\x00^_\xdb?\x7fp\x1b\x00\xa8\x90!\xf6\xfc\xc1m\xba\xd7*\x82\xf8\t\x11\x89q\xaaP\xa2\xb0\x88\x1f\xc9\xb9\xe9\xc2\x06\x9eKG\x082\x99\'+\x8b\x16%3\xab\xaf^"e\x14`,3\x14b\xec\x8a\t\xb0m\xf6`zpZ\x8f\xc6\x9d\xaa\xe6G\xc44\xce\x85\xd3\x85\x13\x7fD3$6Rxp\xb3\xf2\x8aQV\x9e\x8eU\xf2\xe9\x17\xb21\xc7\x96\x99\x83\xcc\x9dX\xbf@\xaaz\xf9}-mK\x08\xc4W\xd8\xbf\x8c\xebP\xbbv\x9e\xe4\x9eiI\x10_\xedY\x85\xd6\xdd\xae\x981\x0e\xf7\xb8\x82\xdc&gt;\x01\xfdZT\xde\xbb\x1f\x1f\x9c\xe0\x96/\x9a$\x02\xbdn\xc7\xcay\xcb\xa7\xf7\xa1\xff\xd6/\x90\n\x11?\xde?\xb1{\xc1\xc8Z\xb9\x93\xd1~?\xa2Lk\x84P\xdbQ\xd0DwX\xfd\xed\xf4f\xf2\xe2\xd9\xc5\x9d\x82J\x10\xb1w=?+[\x16\xc49\xb3i\x96\xb7\x9b`c%\xfe\xa5\xb2\xban\xcb\xea\xdf\xa8\x8c%\x8d\xf1:\\[&lt;5\xe5k\x81\xf8\xcd\x92\xab\x8b\xbf\x88x\x00\x888oPk\xf9\n\xcb\xa4\x899\xaaMuD\xdc8\xb5\x1f=\xb8xX{vT\xa7\xab\x01\x00\xb8{dM\xc1\x04\x10\xce\xa0y\xf3\xd5\xd5\xbd\xe4\x05{\xf7\x04\x8e\x00M\x8a\xa6W\x1ca\xc73\xb2pQ\xbf6\nw\x8c\x94$1\xc0_\xf7\x8f\x03@,a\xb1\x8c\x11\x01\x00\xb2Gw\xe1J\xc1\x8eE\xc3\xda\x9b&gt;\xb7P\xc2\xb0\xfa\x85\x82\'\x7f\xdd;\xe6\xed&amp;\xd8\xb8\x85\xc8\x00\x87\x84\xa6a\xf7A{a\xe2\t\x03\x00\xc3[U1]\x1b\xb1\xd5\xc8P-["C\x03\x00\xd9\xf5-\x9a4\x02"*l\xfa\xeb&amp;\xf5V\x97\xefZ\x83\x18\xac\xbe\xeb\xd6\xcc6#\xbf\xce(,\xc5\x82!mM\x9ce\xef\xf6y\x19\xfb\x0b\xb0\t\x854,\x94\x06\x00\xea\xe5\xf7\xc5\x8f\xf7&lt;|i\xf1/\xce\x17\xe0\xf5/\xfb\x14\x07G\xb4\xaa\xbay\xfa\x80\x1ds\x87\xca_\xe5\xdc\x969&amp;\xda\xa6\xa6q\x91t\xf4u\xa7*\xf9f\xf5m\xce-\xb6y\xfa\x80}\x8b9{\xce\x000w@K\xf5G.\x9d:`n\x8f\xf8\xa6e\xe9\xacV\xb44\xf8cn\x08\r:\xb8n\xdc\xb4)\x10\x1fJ\xa7\x8e\xe1\xb1\xcb=:\xbb\xd5c\xd7\n1\x94\xf2\xe5X`\xfcR\xb8\xee\x9a\x07\x00\x10\x1e`\xdf\x921\x00\x90\'v@LCz7\xec\xe2\x1a\x02\xf1\x93\xf3\xbf\xca\xde|\x98\x7f\xa5\x06\x05S\x9b\xab|Z\xcf\xc6\xf6\x1c4\x80\x1a&lt;w\x05\x1b\x9b`\x8d\x85?oyK\x8b\x0c\x88\x7fYX[P\x03??Tx\x1fYE\x9br9\xc9\x8b\xa6\xc53\x02@\x02\x00D\xd4u\xc9\xd5\x02\x11\xf7.\x1aeM\xcblll\x82)W\x98\xd0\'\x1b\xa3\x84\x01\x18\xd4\xa4\x9c\xa1S\x82\xc2\xbc\xbbO\xbd\x12\xden\x82\x8d\x8dMP%gL7VN&amp;\xb0\xa1\x93\x7f\x9e]|}m\xbf\xc7.\xa75\xd8d\x8f\xa6\x1f\x8d\xb4}\xce\xd0-3\x06Z\xde$\x1b\x1bw\x11\x14\xe6V!\x86\x0c\xe6\x9d\x15\xad\'_\\NX\x96i\xd2\x9a\x93\xce\xd1\xc0\xd0\x16\xc4\xcc&gt;\xcd\xb4\xde\xa2Z\x13\xa6Md\xf8\xe6\xba\xb9\x13Eu\xda\xbf)\x1b\x9b\x10\x86x\x82\xbfg\xc1H\xab.dz\x8b\xd2*r\x89\x9d\xde=\xce\xefg\xb6\xc8\x14\xcb\xe0\x9a\xfe\xce\xe3\xf3\xdb]:\xdf\x19{\x0c\xb0\xb1\xb1\xb1\x06\xf5~\xb2\xfb\xfa\x97\xc5\xc3\xda\x8fiW\xd3M\x95\x1b\xc2\xe8gL\xe0\xa6v\xd8\xd8\x045Z\x94\xcc\xe2\xed&amp;\xd88\xd1\xb1r\xbe\xcc\x91\xa1\\:\xb7L\x9e=9\x9dDD\x0f\x89~\x00\x00\xc0\x8f\xe7\x97=x5\x97\xe0\xc6\xb2q\x19\xda\xa2\x92[[bcc\x13\xb4\x08jf\x13s,\x1b\xd5y\xc1\xe06F\xcf\x927\xbd4\xf3\xcbd\xb4r\x01\xb6\x99\xc5\xc6%\xa8\x8enh#\xa1\xf0\xdd\xf5\x93\xfbx\xa8\x1d!\x88\xb8\xden@(\xa4~\x81T\xe4\x85!\xbdOC\xd8cLH\x06\xf1\xb5\xb7\x9b\xe0\x1d\xb8\xda\xeb66A\r\x81\x0f\x13\x1b5\xd6X%*\xe7\n\x97w.\xa4\xafg\xf5ma\x8f\x01!\x99P\xf8\xed&gt;\xbf\xccIu$\x03+\xb4\x12D\xb8\xb4c\xa1~!\x1b\x1b\xabAD*\x13m\x13\x8c\xf1\xb6r\x89\x8d,A|\xd5\x12\ng\x12A\x99\x82\t-\r[p\xe6\xdf\xe7v\xbe_\x1b\x17\xe8Y\xa7\x98\xb7\x9b`c1e\xd2(\xc3\x04\x1e\x9f\xdb\xe6\x95\x96x\x12k\xf5\x8e\x82\x14Z#z\xd9\xb4\xb1&gt;\xdc;\xd6\xaeBn{\xc8\x0f\x81\x14N\x14Z\x96\x04\n\xd1\xc4\xe0\x08\xe2\xbf\xden\x82\x92T\xden@\x10a\xf9\xa8\xce\xde\xba\xb4\x15\xc9\x02t(\x9c(\x9cL^\xf8 BPO\xbd\xe2I\xa7c]\xce\xbe\xfe\xe9\xca\xe9\xd6\x86\xcb\xbb\x950a\xdc\xa9\\\xe3\x11\xc2\x84\tJ\xc2\x0b\x00\x00\xf0\xc8\xdb\r\x08"\xfc\xfb\xaf\xd7\xc6\xe6\xb7\xee\xbfD\xe9\xf2\xe5\x00 L\x98\xe0\xf3k\xf7.\xa16B\x8fJ\xd1\xda\xb8\x15\xfct\xdf\xeb\x0b\x9ah\x00\x88\xff[1\xa6\xabw\x9bac\x15\xe5\xd3\xfbx\xbb\t66A\x06K\x16\xbc\x03\x1b\xbb%\xf0B\xdd\xb6\xb4a`d\x9bj\xee\xb8\x96\x00k\xed?\x9d\xaa\xe4\xb7\xb4&gt;\x1b\x11S{4\xe2\x1eG\xc4/\xbf\x9f\xd1:+\xb8X\x81&lt;A\xc8\x88\x84\x0cU\xb8\xfb\xf1\xb5\x7f\x1e6!\x989\xfd\xfdI\xaa\xceP\xca\x9a\t=\xd9\x7f\x83u\x82\xb0\xf1\x9d\xeax\xbb\t\x9ef\xe9\xc8N\xdc\xe3\xe5\xd2\xf9x\xb6!\xaeR/\xbf\xaf\xb7\x9b\xe0.\xdc\x9a`\xc0Z\x10Q\x1c^.S\x83\xb8\x80\xd7\x93M\xda\xb8\x1d{\xceh-&gt;\xdao}zpR\xf7\xf4\xc8\x00IU\x07\xaf\xeeY\xa2.\x89\x88\xb1\r\xb4\xcb2\xc6\xb4\xab\xe1\x8d\xcb\x1a\xe3\x97\xbdK\xbd\xdd\x84\x90\x80\x17;\x07\x0b\xd3*\xd8\xd8\x04\x1b\xe4\xd7\xb7yb\xc3\xd3\x0b;\x8c\xd6_&amp;M\xcc\x9a\xb9\xd4CLH#\xe4\x7fB\x1b\x1b\xa3\xb8I8W\x9e\x93\xeb\xa7\xb3\xff\xb6,\x9d\xcd\xc3\r\x08a\x9ak\xec\x04m\xc9\x88\x8e\x9e\xb9\xe8\x8b\xcb\xbb=s!\xab\xc0\xbf\xeey\xbb\t\xc1\x03\xfc\xeb\xae\x89\xb3Z\x94\xc8lyKlll\xf8\x9c\xda0\x03\x002\x0b\xf3\xfb\x89\xe7\xbf\xed\xca\xe7\xb2\xb2AA\x9eP\xbdmh\x90\xa2I&lt;\x1a\xe7\xb1hh;D\x9c\xd5\xb79\xf7\xdd\xbcq\x00\x002Ft:\xe8\xeb\xf6F\xd9\x84\x02\x9e\x07\x87il\xe5\xcc\xf1\xbc\xdd\x04}2E\xd2/\xe3u\xfe\xf0`~s\xcf#\x13\x1c5\xa6\xbd~\xc61\x1f\xd5\x91\x04\x00)\x98\x7f\xb9\x1b\xe4\xbf\xba,\xd0\x96\xd9\x8aGhb\x97z\x16\xd4b\x13\x02\xd86{\x08}\xed\x15\xabW\xe9\xd4\xd1-\xa9g@\xe32\x96\xd4\xa3\x8bz\xaf/\xaag.\x1c:\x08Ri\xeb\xb9 "\xfey\xdb\xdc\xb9%}\xed\x87\xc5\xc6\xc6\r\xd4\xc8\xe1\xbe\xac\x1b66\x86\xe1:\x05\xd9\xce:!\r7-\xeam\x7fS\x1bo\x917\x0e\xe4\xf6\x81\xde\xf5\xfc\xb8\xefF\n\xe9\x96e\xb7\xce#\xfa\xd4+\xe1\xce\xea\xf5\xd9&gt;g\x88~!\x1b\x1b\x1b\x1b\x1b\x13\x04\xf1h0\xfc\xf1\x0c\x00z{{\x1c\xb2\xb1\xb1\xf1\x02!re\x19"?\x94\x16c\xdb\xd7R\x1c\xb9\xbck\x91\xe2\xc8\xcc&gt;\xcd\xe6\x0ch\xa9&gt;7\x0c@\xf5\x1c\x89A\xcf/\xce\xc6\x00\xd3z6&amp;/&amp;u\xad\xaf\xc8\xbb=\xbcU\x15\xcf\xb7\xc7\xc6\xc6Z\xc2{\xbb\x01b.l\x9b\x87\xff\xfb\xd5\x95\x1aJ\xa7\x8e\x11\x8c4-\x8a%\x8b\xa8[F\x90\x0c T\r\x96\x81T\xcd\xe6$\x04\x926\xa8\xe7 \xb0\xb1\xd1\xa4Q\xd0K}\x1cb\xd8\xbbh\x94\xb7\x9b`\x12\xb6g?\xb1n\x1a\xb7\xa3?\xbefj(\x1d\x00~\xbe\xbc\xe2\xf9A\x1e\xbf\xfe\xe6z%~)"\xdf&lt;\xb8\xd2\xf5zll\xcc\x11\x0c\xc2+B=\x89\x00\x10Q\x91\xeeiv\xbf\x16\xdeiM\x10$\x94\x8e{6\xa1\x9eD\xaa#\xfa\x16\x84\x90\x08\xe2go7\xc1\xc6{x@\t\xbac\xe5|\xea\x83\xff&lt;\xbbh\xa2\xaa\xa5#\xdd\xa5T\x83\x88\x96\x04^\xd9\xb9\x15\x82\x05\x153\xc5\r\xc1Y\xd1\xdd\n+\x88\xd1\xd8\xb6\xb9\xd9\x98\xc3\x9c\xd7\xad\'\xd7+\xc3[\xea\xefT\xab;\x91`\xb4i\x16\xbc\xb06N\xd4\xbfTV\x85\xfd\xb0R\xa6\xb8Z\x85\x83#\xb3\xfb\xfb\xbb^\x89\xb9\x87\xd9\xf6\xa3\xb1\xd1\xa4a\xe1\xb4\xden\x82e\xfc\xb2w\xe9\xb7\xc7\xe7\x15\x07\xf1\xbf\x97v\xdc\xad.\xc1t\x98\x1c\xdf\xb1\xb6\xe2H\xf9\x0c^I\xa6\xa0\x8f\xebS\xa5Z\xb9\x93\x01@\xf7\x9aE\xach\x8e\xa7\xd98\xad\xbf\xb7\x9b`\xc3#\x9d\xfb\xbd\x8c\x88bJ\xf7Z\xc1\xf2\xc1\xb5\t\xca\x04\xa3\r\xb3\xa6\xc53z\xbb\tA\x82\xdd\x0bF\x8a\x0b\x04\xa3\xef\xd4\xc6\xc6\xed\xd8\xbf\x07-\x8a&amp;\x89\xd0\xaat\xb6\x04\xden\x86\tv/\x18\xe1\xed&amp;\x04]\xec\x07\xde\xc6\xc6&amp;D1\xb2uU\xd3\xdb\xb3{\x17\x8dnW!\xb4dz\x88\xec\x11/\x98\xa0\x8e\xcc\x18xt\xf5d\xab.\x97!\x02\xac\x9b\xd4[\xbe\xbc\xedi`9^\xcf\xe9f\x13,\xb0P\xbd\xc7\xf3\x13mA\xa6{{\xd6\x1f\x08"6)\x9a\x9e\xbc\xeeZ\xbd\x90w\x1b\xe3:\x9e\x8f\x05\r\x8e\x0f\x93\xe5mF\xfc\xd7\xda\nmLsf\xd3,\xf6_\xf9Mj\xb7&gt;\xc9e\xd3\x06\xa1}\xffs[\xe6\xa8\x0f\x06q\xad\xba\x10\xc2\xd6Y\x83\xbc\xdd\x04)\xea\xe5\xf7\xd5-\x13\x02\xc6K\x1b\xaf\x83?\x9f[[a\x9br9E\x97\xfb\xe3\x9a\xb5\x97\x0b\xfa\xd8\xab]\x1b\x1b\x1b+I\x1f\xc4u\xe0\xb4yza\x87\xb7\x9b\x10$\x98\xd0\xa9\xae\xb7\x9b\x10d@\xfc\xee\xed&amp;\x04K\x82\xa3\xf1\xc7\xc6B\xf0\xc3]O\\\x05\xbf\xc9\x17\xce\x16\xcd}\r\xb1\t\xd1\x14M\x1a\xe4S\x8e\x9a\xc2\x03\xc6\xc7`4\x12\xd8yW-$\xa9D\x99 d\xf9\xf6\x14\xc1\xe8\xe7`cc\x13\xea\xb00T{\x98\x7f%\xeb*\x0b\xc0\xb4\xcd\xba|z\x1f\x0b\x9ba\x8e\x0b\xdb\xe6{\xe5\xba\xfd\x1a\x94\xf2/\x99E}\xfc\xf5\xb5\xfd\xea\x83\xf1\xdd\xdf\x9e`@\xbf\x86\xa5\xc9\x0bs#\xb6\xad\xf8\x11\\\xb0U\x8b\xdd\xc1\x92\xe1\x1dd\x8a\xfd|yU\xf0\xae\xd6\x8f\xa8P\xc2\xb0\x8b\xe5\xeag\x89\x19\x04r\xd4\xf8z\xbb\x01\x94\x82\t\xc2\xd8\x89\xe6\xa5@\xc4\x9a99\xf1\x10\x88_\x04g\xfdy\xfb\x08ya\x893\xcc\xe9\x8d3]\xaf\xc4c\xd8\x8b\xdc\x90\xca\xfc\xc1m\xc8\x8bD\xc2o9\xb6\x9b\x9f\x81\x85C\xda\xf6\xae\xcbO=\xef\x19B\x8f\xe5*"@\xfb\x8ay\xf23\xb3\xa4\x90i\n7\x81X{y\xfd\x94&gt;\xf4\xb5\x052\xca\xc1\x87M&lt;\x9d\xa9\xd1\xedjx\xbc!6\x1e%&gt;@\x0c\x8f\\h\xe7\xbca!L\x9a4\xe8\x80\xf8\x83{\xbcR\xa6\xb8\xe5\xd2\xf9\x90\xd7\xd7\xf7/\xf7X{\xbc\xc3\x80Fe\xc8\x8bj\xd9\xd5Y1lD\xe0_w\xdbU\xc8\xed\xedV\xd8\xd8\xd8\xb8\x8b\\!&gt;p\xe0\xc9\xf9\xed\xden\x82\x8d\xab(\xb2\xdc\xc9\xf0\xef\xf3KnhH\x88\xa5tj\xcf\xcc\xf8=\xca\xa9\r3\xdcZ\xff\xcb\xab{t\xcbx\xfe\xb6\x8elS\xcd\xe3\xd7\x0c\x0e\x94I\x13\x02\x1fq\xcb\xe1\x06\x8e\xdb\x84xB\xf3\xf7&gt;\x7fPk\x13g\x05\xcd\xded`\xe3\xb2\xf8\xe1.~~\x80\xf8V\xf1\xd6\xa7\x07\'\xbc\xd2\xa4 M\xd3b\x19\x8c\x9e\xd2\x82\xe7\x80\x15\x14X9\xb6\xab\xb7\x9b\xe0*\xddk\x16\xf6v\x13ld\xd1U\x9f\xb7\n\xb7nA\xdbva\x1b\x9b\x00f\xf5m\xae8\xf2\xea\x97}.\xd6\xe9\x97"H\xf8\xd0\xa6\xd2+@rB\x89iP0\xb5%\x8d\t\x8e\xa8\x8dp!f\x7f\xe8\xe8*\xcb\xd4\x7f\xe5I\x0e`4\xdd\x828\xb5\xdc\xb0\x96\x95]h\x8e\x8d\x8d\xf3Tk\xd7\xfc\x11\xf9\xe3\x03"\x86l7\xd0\x0c\x0eg\xf2\x96\xa5\xb3\x9a8\x1d\x9dx\xf9\xf2\xca\x9e\x05\x0e\xdf\xcaPK\xa9T\x01\x12\r\xcd\xfd2y\xb7%A\x19\xc1\xf0\xd9\xbdf\x91;G\xd6x\xb216\x06\xc0\xb77\xbc\xdd\x04\xf3L\xeb\xd9X\xeb-\xda\x8d\xc5P\x1d1}\xb9\xc1\xcd*\xa4\xf7\x86\xf2\xac\xbc,p\xda\xb0\x00\x00\x88/\x8d^b`\xe3\xb2\xe4\xe64/\x91\x99\x1ed\xefX\x1c\xa35z\x1cwk\xa5\xb9?#j(\xa2H\x12\x93qoiTG\xb2\x86*\x8d\x94\xd6e\xb2\x0b\\H\x0c\xddT6\xd6\xee\xe2v\xefD\x81\xbb\x0fuw\xef\xfa\x00\x10b\x98\xd5\xb79\xbd\x0fK\x86w(\x912*"\x8el\xadt\xb7\x88\xe1\xb8i\x97w.\xf4x\x1bml\xa4\xd05\x87\xda\x84F\xb8}\xbd\xe7\x07\x80\x1e\xb5\x8az\xf2r\x92l\x9f3\xe4\xcc\xa6\xd9\xf4_|w\x0b\xf1\x95V\xe1P&gt;jn\x9e1\xd0\xdbM\xb0\x1ewH\x0f\xdd&lt;\xb8R\xb7\x0c\x99\xbc\xda2\x0fn\xa7F\xce$\x97w.\x14,Zk\xe4L2\xb6}-\xc5\xc1\xa6\xc52\x04\xfd\x95\xbe$[g\rBDv\xc7\xd6+\x1d\x99\x8f\x87\xaf\xc7 i\xbe\xaf\x96-!"f\x88\x00\x00P*U\xb4.\xd5\x0b*\nL\xe8\\\x17\x11k\xf3v\x95-\x94fs7\xae\x04R\x98xl\xaa\xe7\x08F\xf7\xc6\x8d\x14N\xe4\x16\x9b\xa9\xd7u\x93l\x9c(\x9e&lt;\x92\'/g"\x194\xfe\xfd\xfb\x83\x13\x1b\n%\xb2\r\xb9J\xc8\xb8\x98\xc2\xf1\xba\x80\xb3\xdcb|\x80\xa7\x17v\x84\xf2E\xc0\xc2\xa1\xed\xbc\xdd\x04\x1b\x1b\t\x92\xab\x8e\xd8I&amp;&lt;L\xc1\x84\xc6\xc3|\xddO\x97j\xcay=\x05\xf1o\xda\xb9+z\xf9L\x91\x9c\xfc\x82\xd4O\x97\x8d\x9a&lt;\xf2[\xf6\x12T\x0c\xa1\xcaB\xacw\x86\x18j\x93\x08"\x1e\xd86.\xb1}\xcePo7\xc1\xbd\x04\xcd\x99\xb2\xa0U%RF\xd1z\xd7\xd9+\x14C\x8c\xa7\xbcMP``\x93r\xf2\x85?=8\x114\x7fYA\x1d\xfb\xaeYK\xdf\x06%\xbd\xdd\x043D\x14\xbe\xfb\xf5\xf7\xb3\nQ\xd8j\xd9\x12.\x1d\xd9I1\x00\xb8\xb1}\x0eL[\x123\xa8\xac\xc2\xeb&amp;\xf7v\xad-6\xee")\xc0\xd8\x0e\xca\rH\x01\xa1\xdc\x02\xe9\x12\xa6o\x9c\xc0-$4\xb3td\'o7\xc1-\xa8\x9f\x93\xf8\xaa\x15\x80W\x1af\x9aL\x1e\xdd\x96\xb2q;\x85\xed\r&lt;\x05\xa3\xdb\xd6\xd0-\x13\x07\xe0\xf8\x9a\xa9\xba\xc5\xd4\xaa\tne\xf9\xe8.\x9e\xbc\x1ca\xe5\xd8n\xea\x83m\xca\xe5\xf0|K&lt;\xc6\xa0\xa6\xe5%K*\xba\xf86\xe5r*z\x7fk\xed\xaf\x8f\xcen\xb5\xb4&gt;\xcfQ,\xa9\xd3j\xcaGX\xb8R\xa6\xb8\xf8\xfe\x8e;\x9bcc\xa3M\x96(\x80\x882\xfe\xb9\x1e\x06\xf1\x9d\x07\xae\x92/d\xee\x9f\xc9\x92\xc3\xb8\xc0\xe3\x91U\x93\x90\x87\xe57\xf2\xc6\x81\x15VWi\xe35\x88\xfdpD\xab*\x822\xd9BU\xbcn\xb0#\xd8-\xf0\xc5d\x0fUy\xce,\xa5d\xca\xa8l\xd7\xbfy\xc6\x00}U9\xe3\xb8/q\x87:\xba\xc5\xc6+$\xb5\xa8\x9e\xcc\x91BZ\xef\xe4\x12nJ\x04\x161\xc4\x8d\x01s\x06\xb4\xf4v\x13\x821\x88X/\xbf\xaf\x17\x1b\xd0\xb4xF/^\xdd\xc6Z\xe2\xe9\x17\xd1\x84LD$g\x0c!\xac\x13\xe3\x10\xa4&gt;a\xb7\x1a\xa1N\xef\xdeD2/\x8awc2\x82\xd4\x93\xa3\xcb\xbd\xa3k\xbd\xdd\x04\x9b \xc1\xe8\xb65\xf0\xe7\x0b\xc9\xc2\xc1\xeb!w\x17\xfe\xa5\xccH\x01\x13\x10\xf1\xfe\xb1\xf5\x166\xc6r\xe6\xf4\xf7\xb7\xc4$]9\xb3\xe1y\xc9\xf0\x96"+\xa7\x8d\x8d\x8dM\x10Br&lt;\\2\xa2\xa3\xbb[b\x15\xde\x1d\xe1;V\xce\xe7\xc5\xab\xdb\xc8\xd3\xa9\n\xe7\x9b\xaa\x90\xc1\xd2 ]=\xc6\xb4\xab\xa9\xd6.\xf6:\x8aH\xcc\x9d\xf3\x86\xeb\x9eb"\xb6\xb9Q\xe1\xb42\xc5\xe2\x02\xe0\xff\x1e\x1a\xae\xddF\x97\xa4\x00\xefn\x1d\x0ea\x0b\xa2\x05\x83\xdb \xe2\xe4n\r\xc8\xbf\xf4\xd3\xd5\xc9\x9b\xc2{\x8d\xb2\t\xde(\xfc\x05B\x8c\x18\xa2.-Jd\xf6Lx\x87x\xf8\x98\xd2\xbd\xa1\x89:\xd5j`\xa5S\x07\xcd\xac\xc66\x00`Q\xaa\xd2\xfe\x8dJ\xd3G\xd6\xc3\xa1I\x1e\xbb\xd6\x137g5\xb1Q\xe0\xcf\xe4\xc4N\x0e\xd0\xb7~\xb0\x8c\xf4\x06\x80\xc8\x0ewL\x00\xe8U\xa7\xb8\xcc)\x88h\xe7\x10\x0e\xed4.\x92\xce\xdbM\xd0\xa7m\xf9\\\x8a#\xee\x1b\x00\n&amp;\x08\x83\xf8\x17{\x84DE\xd1\x7fK\xa4\x88\xe2\x8e\xeb\x12\x10\xbf\xba\xaf\xf2P\x8e\xe2\x81Q\xc4I\xc4\xd6\x1e\xe6]y\xd2&lt;&amp;@\x9b\xd7\xf8\xe2\x85\xfd\\\xa3\xdaT\xb7\xb256A\x96~\rK\xb9r\xba "\xd43\xd3d\xbf\xe4\x91\xf1\x9f\'\x88\xf8\xfe\xceQ\x0f\\N\r\xe2O\x13\x1b\xc82\xd8\x96,5\xde\x92$!&amp;\x05\xc47\x92\xe5{\xd5\xf5\xe3\x1e\xaf\x981\xf4X\x95&lt;\xc1\xfb;G\xbc\xdd\x04\x1b\x1bm\xfa7*m\xfa\xdc\xe9\xbd\x9aX\xd2\x06\xa3#\xf1\xb2Q\x9d-\xb9n\x88aT\x9b\xeaGWM\x067\xaf\xf6X\x14\xb9\xa6\xd3I/\x1b\xb2\xa9\x9c\x8bo\x1dZe\xae\rb\xc5\xc0 \xc2\xe8v5\x864\xaf\x88\x1f\xee\x92\x7f\xeb\x17\xb03B\xda\xd8x\x84\xb77\x0ez\xbb\tnA=E_9\xb6\x9bQu,D\x8c)Q\xacX2N7\x1b_}\xc8,\xbd\xea\x16\x7f}m\xbfu\xf5YCF\xe6C\xe3\xdb\x1b\x82\x922\n~\xc1Q\x9a\xd0\x06\x00 \x8b\xcb\xd3)C_|p\xd1\x83\x94\x11\xf5\xf3&lt;2Y\xf7\n\'\x0e\x977\x0e\x15\r}\xeb\xf66Y\xc1\xc9\xf5\xd3\xd9\x7f\xfb6(\x99\xde\xe5\xac\x85\x88_\x83f\x97\xa4\x98 \xb7`v\xbc\xc5\xb0\x1f\xa7T*+C\x18\x0f,\x1d\xebb\rA\xf3V{\x08\xad\x0cA\xad\xcbf\xf7pK\xd4\xa4\x02pK\x02P\x06\xc4\xbf\xdd|\x05z!\x8f&gt;d\xb5x\x19w\x83\x1aj\xbb\x04""\xfe\xcbj\x07\x05\xb5%yj\xde\xc1\x96\xa5\xb3\x91\x17\xe9\xc3\xc1\xb3K\xbb\xca\xa6\x95\x99\xbb\x8b\x18\xd3\xae\xe6\xbe\xc5\xa3\xc5e&lt;\x93\xceJ!\xb3\xd8\xb6\\N\x8f\\\xd6\x18e\xd2\xd8.\x9bf\xb9{tm\x994\x86\x9fW|w\xd3\x1d\x8d\t\r\xbc\xbbuX}\xb0s\xd5\x02O/\xee\xb4\xf0*\xa8J\xc6\x1b\xc4Y:\xb2\xd3\xe0fJ\xad\xe9`\x979 \x81uUq\xa7\xc9\r\n\x05\x86\x82\xbd\xbfs\xb4r\xe6\xe0\xf4\x1d\xcb/\x17\xb4\x90\xcfg\xe9\x03\x00\x00%}\x03$C\x15\x8fP\x91\xc4v\x12x\x07\xe9\xc2\x1a\xc8\x8d\x19\xd4\x02\x11\x13{\xbb\x01\x16\xf2\xdb\xe9\xcd\x88\xdf,\xa9\xaa\xa4o4O\x06c7(\xc8\x9d\x16\x1b@\xd0\xcb\x93\xb7\xee\x1fw\x97\x9aH0\xb1\xea\xf1I\xa3-$\xd5\xaeB.\xfc\xf1\xccD\x9d\xddk\x161z\xca_\xf7\x8e\x8fjS\xcd\xc4\xb5,\xa1a!\xcdni\xe1\x90\xb6\x92\x95&lt;&lt;\xb9\xd1v\x99\xd3\xc7\xc2\t\x8e\x00\xfc\xfa\x9bG\xae\xe3e:V\xce\xeb\xbe\xca\x83\xd1\xac9\xaa\xb0\xb5n]\x04\x14N\x14\xae|z\x1fq\x19\x99$\x10\\\xb1\xf0\xdd\x0bF\xca\xb4\xa1g\xedb2\xc5\xd4T\xc9\x9a\xc0B\xc3\x87\xae&lt;\x83 ,\x00\xdf\\w\xe5\xd2m\xbcmV\xfa\xf7\xf9%D\xccb\xa7\x88\x0f\n\xcc\xec\xd3\xcc\xdbM\xb0\x92\x9c\xaeZ\x83\x03\xc8\xef\x1c\'\xb0~r\x1fq\xf9+\xbb\x16Ysa9J\xa4\x8cB\xf5u#\x18&lt;\x17\xdf\xdf\xa1\xfd\xbb\xc2\x7f4s\xe4`f\x05b\xe7\xa2\n\x91\x1cK(\x9a$\xe0\xeen\x98\xd2\xd7\xf2\xca\xcdQ$I\xf8c\xab\'{\xbb\x15.1\xa6]\r\xad\xb7\x9a\xd9*\xe2^d\xc1\xe06^\xbc\xbaX\xa8\xd9\x1d\tHz\xd5)\xae\xd5\xd3\xad\x1a\xd7\xddPU\xe3:\xd4\xb6\xa0A\xa6X3\xa1\x87\xa1\xf2e\xd2\xc4D\xc4\xbcq!\x82j)\xc0\xee\x06[\xdaF\xb7\xd0\xbfa\xe9S\x1bfXU[\xdd|)\xb5\xde\xf2q\xb9\xf2\x8a\x19E\xeb\x9a:yS\xe0\xdf\x8f$\xef9"n\x9d5H\xf2\xbaq\x00\x0e.\x1b/Y\xd8ElQ\n)\x16\x0cn\x83\xf8\x8f\xb7[\xc1\xe1\xcc\xa6Y\xc1\xe2g\xef-Z9&lt;O\xbc\xc5\xdf\x8f\xce\t\xde\xf5Kn`E}z\xe3L\x00\xe8X9\x9f`\x00\x90\x0fe\xf2\x16\x88X\xdd\xa2\xf4J\xeah,\x17i_1\x8f\xa1\xf2\x82A\xd7c\x1bo\x9b\xa7\x0f\x90\x14\x01\xb5\x8a\x01\x8d\xcbx\xf2r6:\x84\xb0\x01\x80\x15\x19m\xe8\xd9\'\xdb\xc3\xc42\xf8\xdd\xd1\xc2\xea\xbdkC+\x80\xfc^u\x8aA\xc4\xe6~\x99\xbc\xd9\x02\r\xd2\x87\x83L\x11\x8d\xf9J\xeeY\xa8\xdc\xc0\xa8\x91#1\x00d\x8b\x06;\xe7\x0e\x93\xacD\x11!\xa1@w\xa8l_!\xb7\xe4\x85\xac\xa2`\x820\xecR\xdb\xbb\t\x97\x82\r\xd6v\xd3\x03\x1a\x97\xb5\xb06\x1b\xb7b\xd5W\xff\xf0\xe4F\xc1%d\x06\x00q\x02q\xd34.\x92N\xfe3"\xa2\xb9\x10\xbce#;\xd1\xd7iy\x0b\x9d~\rJ=&lt;\xb9Q\xbc\xe4\n\x19l\x999\xd0\xe8)\xf6\xe6\xad\xc5HJ\xbf\xb2x~\xac\xe6\xe2b\xe6\xf6\x0cF\xb7/C7.\x9a\xe67Lu\xda\xc6D\xc4\x82\t\x9cv]\x9a\xfbe\xf2\xfc\x06\x80\xda?|\x81\xb4+a\xf3\x12\x99u\xcbx\xf2\xb3\xe8z\n\x045\x8bGxf\x97[\x9e\xb2i\xdd\xb1\x1fgcc\n\x0f\xfc\xc2=\x9a\x86J\xc8o\xa77\x0b\xde5z+J\xa7\x8e\x8e\xf8\xef\x99M\xb3\x00\x00\xf1\xbb\xa3\xf3\xf7P\xa8\xb6\x8b\xe0?O\xd6\xe9u\xb8\x00\xb0vb/\xf7\xc56\xb7\xab\xa0\x149\x17\xd0\xbaL\xf6\x10fb\xb5\nW\xa3ZB\t\xfe\xa5\\\x8d\xeb\x0ba\x84\x86\x15\xba\xbb\t.\x0e?\n\xd4K\xcf\x1c\xda\xf6\xf6\xec\xd1a\xaf\xb6\xccCB\xe9\x81\xf3\xc2\xb6\xf92\xc5\xdc\xc7\xb9-s\xbc\xdb\x00\x0bI\xee\xed\x06\x049\x86\xb6\xa8d\xa8\xbc\x85\xbf\xdb\xbbG\xd6ZU\x95\xc7\x10\x84#\n\xd80\xa5\xef\xf5\xfd\xcb\xadnK0\xc3Zi05\x16Eb\x88\xe8\xd7\xa0T\xd5\xac\teJ\xd6\xcc\x99D\xfcK1\xda\xab\xae\x9b\xd4;kT\xa7\x96\xc8\xeb%\xb8H\x10\xc9Lpa\xdb\xbc \xef f\x13\xd217\xfe\x19\x1dem\\a\xef\xa2Q\xee\xab\\\xe6\x01(\x912\n""~\xd2*\xf0\xea\xea^\xf6\xdf \xae\xe77\xbc\xa5\x81\x8d\xf7\xbcq`\xa8\xbf5O\xbb"wR\x9f\xfa%LW\xd5\xd2\xd9\x97\x9a\x0eh&amp;\xd2\xd6\xdb\xf0Qh\xadx\xc6O/t\xce\x08\xd8Ml\xfb\x01\x0e:\xcc\xec\xd3\x8c\x88\xf6T\xb3(J\xc0r&gt;\xffz\xaa\x80gd^\x84\x08#/\xad\xe7\xa8F\x003\xe2\xfb\xe0h\x87\xb4\xf1\x02a\x01,\\o\x9bp\x81\xf0.\xc1"\xe5SP\x80\xb8\x87"\xfe\x8f\xfc\x9b\xdb\xc7k-\t\xe2\xf1t\x82\xbd\x13I$\xfbn\xc1`\x83\x7f\xddu\xb5\x116ne\\\xc7\xdaAg\x88\xeeV\xb3\xb0\xb9\x137O\x1f`mKl\xe4A\xc4\xbbG\x83\xcaVS4\x80EC\xdb\x01\xc0\x95\xdd\x8b\xd9\xe3i\xc3\xc0\xdeE\xa3/l\x9bg\xb4Bk\xb3h\xa4\xb7\xb5\x93m\x82\x14~)"\x07\x9d\x01@\xcc\x8c\xdeM\xad\xad\x10\xbf=6qV\xbb\xf2\xb9|\x01 (\x89\x88y\x9d\xa0\xb3|\xd9\xb3p\x94\xd6\xf3\xfc\xcb\xde\xa5\\w\xfe\x8e\x95\xf3\x15J\x146\xab\x87\x12\x0c\xf3\xb1J\xf7\xc2u\xceo\x9d+_x\x98\x7fe\xf7\xb5\xc4\xc6J\x04\xcb\xc1\xc9\xdd\x1ax\xae\x1dFh\\$\x9ddI\xab\xe6U\x03\x1a\x97u\x87\xf0d\x90bZ\xcf\xc6\xden\x82\x05h\xf5\xf2O/\xec\xd84\xad\xbf\xfa\xb8\xae\xea\xce\x83\x13\x1b"\x18wa4\xb1\xa4\x08:\xb4.\x9b\xa3F\x8e\xc4\x8a\x98Ak\xf9\xfa\xe8,}\xed\xe3\xbe\xcb\xd8\x98\xc6c\x0e\xc8\xea\x11\xc8\xc3\xce\xd7)\x00\x88T\xdf\x8e\xb9\x01]\xbc\xe9\xa5\xcf\xcb+{,k\x96{(\x91\xd2\xb2\tm\xcd\\I\xc5\x05\xb8\xb9\xd4-\xa1j\xd6\x04\x00\x80\xf8R\xfe\x14\xc4\xb7\xba\x19\x11d\xea\xf1/\x95Uq\xa2|\x1b\x0c1\xa6}M7\xd5\xac\xcb\xf7\'\x17\xc4\x05\x8e\xaf\x9dj\xe1\xe5\x88\x02\x92\x8d\x92Y}\x9b\x1b*\x1f\x06`r\xb7\x06\xe9\xc2Z\xa0\x8f_/\xbf/\xe2\x17Wk\xb1\x02\xf6\x07vp\xb9K"\xb7\x82\xed_"V\xde\xbdV@\x9e&amp;"\xd4\xd1\xbe\xa2\x01\xed\x8dm\xb3\x06\x8b\x0b\xb8\x9e\xc3\xd6\x12\\\xe9\xb0\xf6.\xd2\xc9\xa0k\xf4r\xa6#\x83|\xcd\x9e\x985\x8a\x99\xa4\x89\x97\x99\xc4\x0f\xac\x9feb\xa1\xa0\xb4+\x18\x15\x16u\x91y\x03[{\xf2r6nA^\xa5\x87\xab H6\xb5&gt;\xde?!Y\x89\xe2\xb7=\xaamu\xe9\xeb[\x00\xd7\x93\x81\x8d\xd6q\x05\x92\xe6\xf4\x85\xc4t\x9e\xfa\xf5\xf5kXZ\\25@\xa1\x84A\xcb;$\xb8\xec\xf1\x98&amp;8%\xf3\r\xad\x04\xf18\x0c\xcfQKoAm\t$#\xae\xeb?\x8c\nA#@\xd1u\x10_\xb5.\x9b\xc3\xdc\xb9\xd9\x8d\x08\xe3E\x08b\x9b\xc3\x9d\xab\x16`\xe7\x01\xf8!\xe4\xb8\xe5q\x05\xee\xb9N;n\xdd\xe5\x1a\xd0(h\xc9\xc0)\xb8\xb8]\xdf\xd0zj\xc3Lw7#H\xac\x8b\x83/\xfd\x1a\x962T\xde\xad\x93\xbe\xff^\xfd\x82on\x98&gt;\xdd\x8c\xce\x83Mp@\x90\xea\xd63~\xba&gt;\xaa\xcd^\xab\xd6bg7\xcf.\x97.\xb4(e\xfa\xba\xa1\xce\xf3[\x83\xf1n\xb9\x19\xc4I\x10\x8db\xf9&gt;[\xe9\xd4\xd1\x01\x00\xbf=\xe2\xbe;\xb2M5k/G\x18\xde\x92\xef4FL1\x14\xcbS8\xc9C\xf2\x90\x84u\xcf\x08jN\xe0&gt;\x18\x91B\xbf\x88{\xb9\xb4c\x01\x00d6.j/\x134xv\xf3l\xc3\xf5\x06U\xba\xd6(\xe4\xa6\x9a\xa5T\x9cl\x00\xa0{\xcd"\xf2\x85c\x00,e2]\xb8\x9b\xaa\xd9\x12\x02@;af\x82\xfb\xc7\xd6{\xaa9\xfa\x98\x98\x9b\xd15\xa9\x8b\xe3\x8dE\xfb\x11\x16S7_J\xad1,\x1e\xf7\xa8\x15&lt;:\xbb\xd5mu\x1b\xa0D\n\x91\x07\x94U\x1bH\xba\xf8x\xe8:f\xc0\x1f\xcf&lt;\x19w\xf0\xf0\xe4\xc6^u\x8b\xb7\xf4v\xe2U\x9b\xa0K\xfb\x8ay\x9a\x15\xcf\xa88\xb8k\xfe\x08\xb7^\xb4o\xfd\x92\xe9\xc2\xc2\xfc\xc1mL\x9c\xcb\xaawY\xb5\\\xe8P)\xaf%\xf5\x00\xc0\xfa\xc9}H\xab\x8c\nb\xfczj\xd3\xe8\xb65\x88\xdf\x8e \xba"\x92\xeaH\x16\xed^\xb7p"k\xc3i\x01\x00F\xb4\xaa*S\xec\xdb\xe3\xf3\x8a#\x02;\x95!\x10\xf1\xc3\xdd\xa3\x82\x022\xc6\xf7\xa0@\x91\xc4n\x8fN\x0e\xa6\xca\xe4\xee\xc5\x15\xd5lW\xd2u\x99\xd8\x8e\xefR\xad "nr\x83\x19w\xf7\x82\x80.^\xbdj\x8f\x0cp\xeb\xe0*\x99J\xc8\xaez\x7f=\xff\x1c5oo\x1e,\x9c\xc8\xa4\x95\xb8J\x96 \xa0\xf8%\xa4B\x063]]\xfex\xb0ph;k[\x82\xff&gt;\xd5z\x8b\xa4\xac\xf1$\xa6M\xb3\x88\xc8j\xa0&gt;8\xb1\xc1\x1d\x8b\t\xc18\xea&amp;&lt;\xe0Ce\x0f\x00\x1c\xc6\xba\x16\x002\xb6}-\xabZB\\-\x7f=\xb5\x89=\xa8\x98\xb3\xe1\xb7G\xf4+\xbcy`\xa5\xd1K\xf8\x98jX\xeb2\xd9\x15Gz\xd4.\xea&gt;\x0b\x86&lt;M\x8a\xa6\xf7v\x13\xdc\xc2\x9f\xb7\x0f[X\x9b\xb9\xae\xec\xce\x915C\x9aW\x9c\xda\xa3\x91\x85-QP-{\xa2\xbe\rJ\xba\xaf~W\xc8\x1b\x17\x8a%\r\xd8\xf0Ko\xdd\xc2\xc9M\xfb\xd7\xbd\xea\x16o\xee\x97\xa9E\xc9\xcc\xe2\x85\xa6=\x00\xc8\xc2M\r6\xaa\x8d\xdb]\xef\x0b\'\x0eg\xe8\x1bB\xc4Bf\xe7\xce\xf2\xd4\xcb\xe7\xeb\xe3|D~~\x94\'\xb6\xc9\xc42j\xda\x94\xcb\x99)\x12,\x1a\xd6\xde\x92\xda&lt;\xc6\xd2\x91\x1d\x8d\x9eb\xdaS\x96KJ\x80\x92\xbe\x867X\\\x0c\xb8\xba}x\xb5\xd6[\xd4\x93\xe2\xcd\x8d\x83Z\x8a\xcd\xe2\xb5\xf5\x91\x95\x93L7\xcc[\xf8\x02\x1cX6\x8e\xeb2k\t\xa9\xe5\xf4\xf2\x82\xb8\xb3\xac\xf7!\xbd\xd5\xa0\xa6\xe5\xbc\xd5\x80&gt;\xf5J\x08\xde\xf5U\x1d\xb9\xb6w\x99\xba\x98\xb5\xb1\xde\xf8\xc7\xb5g\x17w\x06\x85\xb9\x83\xa4\x7f\x0b\xe2\x1f&amp;*\x0f\x8e\x02\x91\x03\x9b\x94\xf5\xc0U\x8c\xbb\xf3\xc0_\xf7\x8e\xeb\x96\xe9X9\x1f\xf7\xf8\xee\x05#\x96\x8f\xee"8qd\xeb\xaaF]\x8c\xea\xe4\xe5?;\xb3\xfb\xb5 /\xdc\xf4x\xb3\xbfD2\x017-r\xe5\xa2\x8d\xc8\xbfT\x96\x06\x05S?\xbd\xb0\x03\xff\xbc\xe5ZM6\xde\xc3\x03;En\x82\xeb\x8f[+\x97\xb1\xad\x90\xc2\x89\xc3\xe1\xa7\xfb\xba\xc5j\xe7N&amp;\xf9{\xf6\xc0\xfa\x89K\xb3\xe2\x19\xb5F\xa9\xa6\xc53ze\xac\xcd\x10\xc1c\xd1\x91\x9a\x9f\x8e\x9d\xc3\x16O\xae\xde\xe1v\xd4\xf0\xfe\xb6\x8bm\xa8\x96-\xe1\x97\xdf\xcf\xb8XIpAq\xc3\xdd"\xa6\x11\x92xr~\xbb\xeb\x95\xe0\xa7\xfb\xe8\xc0\xf5\xda\x82\x08j\x15\xdfK;\x16(&gt;c\x1a\xb3\xbb{\xea\x05l\x909x\xd5\x00\x00 \x00IDAT\xa5L\xf1b\x014t\xac\x9aS\x01\x94I\x13CwGu\xc7\xdc\xa1-Jd\xe6JQZ\xcb\x99\x8dR\x1b\xa7\xd9y\xd6\x97I]\xeb\x0bN\xf9\xf2\x9b\xf5}\x93\xeesX.]\xace\xa3:\xd3\x7f[\x94\xc8L_7-\x96\xc1\xf4u\xcd\xed\xd0"\xfe\xe1-a\x89 "\xca\xab6\x16\x99s\x93\xb3\x91\x85\x8a\x1dv\xaa\xc2_\x99\xcasp\xd9xtF\xec\xa9&amp;\x8f\xd6\xcf\xd8+\xc3\x0c\xfb\x01\xddQ\xbfb\xf3`\xe5\xd8n\xf2\x17:\xbd\x91\x1fU\x1f\x043\xa3\xb6\xab\x90\xcb\x03W\xd1\xda\x1e\xd4\xba\xa5m\xca\xe5\xa4\xaf\x0f-\x9f`\xfa\xba&gt;\xa6\xcf4\x0e\t\xab\x0cvX\x1b\xac\n\x00\x97v,P\x07\xa0\xe4\x88\x01\xf8\xe9Aj\x8b/e\x03\x00\x00\x0b\x87\xb6\x0b\xec\x0b\xbf\xfc\x8a&lt;&lt;\xd6\x18]\xa3\x06\xe9\x03\x0f\xaf\x98\xa8[U\xfd\x02\xa9\xc8\x8b\xcc\x91\xe1\xb7\xd3\x9b\x15\xef\xfe|yE\xeb\xa3u\xaa\x92_\xb7r]V\x8e\xed\xd6\xc4\x85\xb9\xa7Z\xa5\x95\xbb\x19\xdd\xabnq\xadIj\x90MxK\xf8\xf3\xf6\x11\xf7U~\xef\xd8:\xfa\xda\x03\xcb)\x019]N\xa9H\xc0\xb77\xad\xa9\xc8jNo\x9ce\xad7T\xda0|m\xdd\x10f\x90\x08* ~\xe2\xf6\xf8\n\xee\x1cY\xa3&gt;\xf7\xf2\xce\x85\xf45;\xe7r\x9d|.\xf8i&gt;\xbb\xb4\xabS\x95\xfc\xc7VO\xa1\x8f\x8b\xd1GGKs\x8a\xc46K\x82\xf8\x97\xeeEI/\xbfxx\x07\x9d\xaa&gt;?\xe8Z\x9d\x1fv/\x10\xf78\xb4|BP\xfe\xc1 \xe2h\xb7\x89\xc2\xca\x08f\x8cl\xcd\x91*q=\x05\xae\x9b\x08\xb2\xea\x08\xfb\x97\x8c\x95/\xec\x0b0w@K\xf5qn\xf7\xa2`\xcf\xc2QV\xb9\xe4\xd9\x04\xa0\xee\xe8\xcb\xa5\x8b5\xb0I9\xc1H@\xd4\xf0\xcdA\xbd\xe6\xa6to\xa8Uf\\\x07kB\x13\x8e\xad\t\x1c\x00\x00`\xe7\xbc\xe1\xae\xd4&amp;\xe3\x984\xa1s\xdd\xca\x99\xe3y\xbe\xcf]3\xa1\xa7\x87\xafh\x15\xea\xb4bc\x9d\xbf\xfdm\xb3\x07\xbf\xbbu\xc8D\xcd\xf3\x07\x05h\xd6W\xcf\x91\xf8\xfa&gt;\x8e\xa7\x19\x97E\xaa\xe0\xb5\x95c\xbb\x99\xb8z\x10!)@\xa9T\xca=\x9c\xae\xd5\x0b\x92\x17\xf3\x06\xb9Q\xd6\xff\xe9\x85\x1d\xdc\xe3\x1b\xcd\xae\xc6\xa2\x03 b&amp;\xcd\x9du\x1b\xe3(z\xf6\xeaL\xaa\x9d\x15c\xba\x8a\x17\x04\xeeh\x0f5X\x98\x0b\x8d\x1c\xd7\xb16\xfb\xaf;\x1a)\x93&lt;\xc7P\xe6)\x96\xc9\xdd\x1a\xc8x\x1f\x06AR1\xaf\x05fl\xc9oD\x1c\xbd%\xa9\xc1\xb0g\xe1\xa8\x19}\x9a\x01\xc0\xcc&gt;\xcdd\xcakM,=\xa0cN\x97\xce94\xee]\\\x00\x00h\xaa\xd281\x87\x07&amp;\xd1\x88X/\xbf/y-\x13;\xc6\x86F\xab\xde\nH+\x94?\x1e\xe0\xd7\xdf\\o\x9bM\x00\xe5\xd2\xc5\x12w\xe8\x03\x1a\x95\xe9S\xaf\xc4\xd3\x8b;\xb9\x03\x80\x8b\x01M\x19\x18wP:I1\x9a\x02\xa5`B\xd1\xf6\x13\xfe\xf7B}0&lt;\xc0\xfb;:\x1b\xda\xea\x00\xdd\x07\'6\x18j\x98+d\xd4\x93\xdd!\t\x0e\xc5\x18\x95\xee\xb1\x10\x9a(\r\xa4\x03G]\xcf\xf2A\x9e\x9bc\xab\xa7\x90\x7fM||\xb1da\xd0Da(wWFM=\xc4?C\x17\xb9u(@\xc7\x05\x11\x05f\x83\xd0\xcb\x7f\xaf\xae\x9a;\xf1\xfb\xd3\x0b\xa4+\x9f7\xb0\x95\xa0X\xb6h\x1c3\x11;fh\xb9\xa5HN\xf7\x10\xb1n\xbe\x94\xab\xc7\xf7\x88b&lt;a^\x15UW\x88\x7f\xdd\xa3\xaf\xab;o\x81RA\x88]\xf3G\x90T\xb7\x02\x01\x99\xe3k\xac\xccbj\x88\xf2\xe9\xf5\x1d}\xe8\x1c\xd9\xb4\xbe\xf7\xac\xbe-\xcc\x9dh\x08\x92\xa8V\x10\xf3\xd4\xa0`jD,\x93\xc6\x80\xdd}\xdd\xa4\xde\x0fOmR\xac\xf6\x14\xb4um;\n\xf1Ok\x83\x99\xad"\xbf\x9eo)\xf9\xd1\xb9/^WpQK \xd9U\xb9T\xcelglS\xb1hh;s\x02\x0fS{4"\x9d\xb8\xae\xa3H8\xde&gt;\x01;\x00\xc4\x01\xb8&amp;mc\xe5\xa2\x88\xa8\xac\x9d\'\xf9\xa3s\xd6\x08\x02s\r\x86\xcd\xfd2\xad\x9f\xd2\xa7O\xbd\x127\x0f\xacH\x1b\x16\xb6\xcd\x1eb\xc9\xb5\xac\xe2\xca\xae\xc5\x92%3D\x00D\xcc\xe4\xc2\xc4\xcf\x1d\x0b\x05\xa3\xe2vw\x0e\xaf\xf67\x98wW\x9d\x16\xc6\xda,+\x88\xb8o\xc9\x98\xaa\xd9\x126.\x92N\xfe\xac\x13\xeb\xa6\rlR\xee\xd5/{-l\x89!\xee\x1f\xb7@Y\xfd\xc4\xbai\x86\xca\x17\x88\x0f\x88\x18\x1d\xc0\xf2\xec\x1b\x8a\x9c\xd2d\xb6\x17[c\xeb&gt;\xe4s\xda\xbatk;\xe6\x0e#=\xb8\xae1\x84\xa0\x0e\x0bp\xf0\x8f+\xcdp\xab\x17\xe0\x88VU\x11\xdf\xaf\x18\xd3\x15\x00\x10\x91\xbb\x85\xdb\xa5ZA08\x7f\xc9bBU@\x85\x9bvP\x82/Fo\x88\xba|#\xe9\x9eZ\xde\xa6\xef\x03P:u\xf4\x96\xa5\xb2\xd2#\xf5\x0b\xa4\x12\xeb\xd5\xa4\x06h\xe6\x97I\xbc\x82k[\xdeL\xd8\x848\xf2\x8eP)S\\\x135\xbb\x8e\xfd&lt;\x07\'\x14N\x9f2\xd6\xbb\xacQu\x16\x01n%[4\x91\x99\x8bl\xa0\x9dX;M\x90\xe8\x06\x11Y\xd1l\x85\xfe\x0c\xe2\xab9\xfd\xfdA#\xe4\xd5\x1di\xc5\xec\x1f\x8c\x98\xb5\x13{\x89o\xd1\xcey\xc3\xd4\x07\x874\xaf\xa0U\xbe\xa0E\x92\xdb+Fw\xc9\xe0\xbch"\xbb\x0e4\x12\x8a4\xbb\x99\x84\x18\x86\xfc\x92%sd\xb8\xb0m\xde\xee\x05#\r6\x16\x80\x89\x83\xb1\x04u\xa6\r1&amp;\x9e\xf3\x8e\x12A\xac\xae\x08\xe0\x87(&amp;u\t\x9c\x14T\xc9\x12_rn\xcav\xdf$\xedx\x02\x00\xc4\xaf\x88?\xb9\xe5\xe3\x02\xbc\xbfs\xd4\xd0\x00\xd0\xdc/Ss\xbfL\x92\x9f\xa2\\:\x1fq\x81\x98r\xdb\x9e\x02\n&amp;\x08\x93\x84\xf9w\xdd\xa4\xde\xacV\xd7|\xa13\x9c\xbb;\xeb\x96\xa5\xb3\xf5\xad\xaf\x1fDcz\x9b\x94\x9d\x1a\'\x11\x94\x0b\xda\x08&gt;~\x04\x00\xfc\xf1Lp\xee\xcf\x97W\x96\x8c\xe0\x0b\x9a\xd6\xcd\x97\x92\xc8\xc2\xe6\x93\x9e:\x93M\xa6\xcc\x0e\xdb"\x99B\xd1\xe8\x10\xfa\xb4X\xabf(\xc9\xd0\x16\x95X\x01\x0c\xab\xa8\x99S\xa9\xb0$\x909\xb2\t\xea\xe0\xfb;\xb4\xfb\xce\x1f\x0f\xc2\x01&lt;\xbb\xb4K\xcb"4\xb8Yy\xad\xae\xdf\xd0\n@]\xb8[\xcd\xc2\x000\x7fp\x1bq%\x88\xaf\x82\xda|\x19\x11\xd7M\xeam\xe2D\x81\x045\xab\x90\x17\x91\xf7\xda\x92u\x88db\x1cJ\xe1Da+g\x8e\xef1\xf7\x98u\x93\xfb\xb8;w\x9b\x02\x92N5wl\x18\xdd\xae\x06"\xe6\x92\x9b\x94\xe3\xe7\x87\x88(\xd8\xb7H\xa0\xb1\xf9dcc\x01\xael\xfa\x81\xf3\n\x80\xf8\xea\n:\xf4\x9c1a\xef\xa2Q\xba\x03@\x85\x8cqLd\xd0&amp;4-.\x12K\xd0\xf5\x0e\xf9e\xcf\x12\xad\xb7\x101\xbc\xd3\xbf\xff\x19iW\x00\x8d\n\xa7\xf55q\x9aE\x8cjc`\xbf\xcb/yd\x00\x88\xab\xed\xd2\xde\xcfx\xb2\xb3\x10\x00\xfe|\xce=\x1e\x95Y\xfc\xe1\x7f/\x10\xb1C\xa5\xbc\x92a\xc0\x8aD\x92Z\xee)\x86\xc6\xce\x81M\x02$\xdc\x8f\xad\x99"\x7f\x96.\xc4\xbc\x19\x02\xb0c\x80\x03`%\x12\xfeyvI]@oN\x1d\xc8\xae\xf9\xc3\x8b\'\x8f\xc4\x1c\xf8\xa2._0a\x18\xdd\x01\xa0|\x06Y\x89\xb2l\xaa\x10/\xc4\xbf\xb4\n\x1b\xb2_~\xf9\xed\xb4\x91\xe2\xc6\xa8\xa9\xd2\x19N`6S\x95\t^\\\xdeM_\xbbO\xa7\xe0\xfc\xb6yn\xab;(\x82\xf8A\xe1v\x8c\xff&lt;1WU\x81\x04\x80\xf8oBF:\x14\xf1\xad\x8b\xcd\x0b\x16\\b\x94`\x00\xa0U\x99lF#\x02\xf0\xdb#\x0b\xdbc\xa3\x0f\xdb}\x93,\x13\xc7\xd7L%\xff\x96K\xef\x03\x00c\xdb\xd7b-\x98~)"kv\xff\xdf\x1f\x932\xea\x80~.nH}\xea5\xcc\xb9Z#\xe2\x9e\x85\x9aA\x8f\xc1\x17s\x9e-\xde\xc5\xad\x89\x14\xfe\xb8\xb6\x9f\xbc\x08\x03\x80\xff\xfb\xd5\x9d\x97\n S$\xc3q\x94&amp;\xd0\xba\xc0\xc7\xfb\'\xca\xa7\xf71TUj\xe6.)\xf0/\x95\xb5b\xc68$\xb5T\xad\xdc\xae\x87\t\x86D\xb2J\xcc?_\\\xd9\xa3&gt;\x98&gt;\\\xe0\x18\xb0oq\x80\xa7mD\x00\x1a\xba\rL\x87\x8e\xdf\x1f\x0b\xa6\xff\x8a\x85\xb0.9bp\xa6\xd2^D+\xa3\x93\x82.\xd5\n\xaa\xe7\xdd#[W\x13\xaf\xb4\xb8\x90\xddl\xf6V\x13b\x03\xa4p,\xdd&amp;t\xaek\xb4Zw\xb3e\xe6@\xdd2\xc1R\xc88\xd8\xd2\xb3v1o7!\x906\xee\x0c\x9a\x1b\xdb\xbe\x96\x89\x1fZh\xa4\x7f\xa3\x00\x0b\xef\xda\x89\xbd\xb8\x05\xa8\x95\x9e\xf6\xe0\xa7\xd6\xcf\x10\xd7\x89oo\xe8\xda\x7fh\x9d\x82z\xa8\xef\x9c\xa4\x97\x02\xad\ry\x9a\x13d\x12\xed#S\x91\x04\\\x85\xf1\n\x19\x95\xfe\xe2q\x01*gq5\x16\x91\xb8*\xaa\x97\xc9\x152\x04^Nr+2\xb8\xe0y\xd7tE\xc8(\xab\x0b\xcd%HIf\xd7\xce\xc3\xf1r\x0c\xa7w\x1be\x9c\x95\x11\xff \x86Z\x1f\xbd\x92\xf5\xf2\xfb\xae\x99\xd0C\xbfF\x8f\xd0\xa6\\\x8eP:\x00X\x95\xf9L\xfdH=&gt;\xbf=\xa0\x0b\xff\xe7\x89\x8f\xf6\x89a\x01\x8a&amp;\x89\x90;6\xa4\x0b\xcb\x8f\x03`\x0b\x8b\xbf$b\xfa\xe8X9\xdf_\xf7\x8f\xb3\xc7\xf7.\x1a=\xbb_\x0b\x81\x05)\n\xaf\xe6\x96\xa5\xb2~zp\x12\x11\xb9\xce\xd1\xed*\xe4\xf6K!Z\x1f!"w\xc7\xda\\&amp;^I\xbc\x13\xa2\xe3\xc0\xf5\xa1+\x98ry\xe7\xc2\x97\xcc:\xd8\xf5\xaeDW\x0c\xf0\xe1\xc9\x8d\xf1,\xba\x96\x16\x88\xdf\xdcTs\x90\xe5\xc3\xddc\x88\xff\x14L\xe0F\xd1\xa1\xe0\x87+\x8b#\xd2\x83\x0bd\xe8\xe3\x01\xac\x99\xd0sv\x7f\xff\xb9\x03[\xe1\x87\xbb\xe2\xde\xff\xca\xee\xc5:\x03\xc0\xcf\xe7\xdc\x14+\xd9\xa2\xc2\xcd\x83+3\n\xfd\x9a\xa6\xf7j\xc2m\xbf\x96\xca#"V\xcb\x9e(c\x04\xa5\x1c4\x85+G\x0e\xce\xbfXb\x87\x11\xa7\xdfZ\xa8\x92\x0e\xa6\x8chUEq$\xf8&amp;C\x96\xc4\xbb#\x1c\xf0Rr*`\x9f\xdbj\xd9\x12^\xd5\xf6\x1f\xd3b|\xa7:\xb9c\x03\x00\x88\x13\xe4!b\x9f\xfa%\xd5\xcf^\x04\xe3:\x19\\f\x87\x14\xc7\x1eyB\xe9"\xc0Mt\xa8\x947\xb9tlQ\xa5\xcc\xf1z\xd7\xf5\x9b\xdd\xdf\x9fv\xfd[g\x0e2qQD\xfc\xfa\xe8\xac\xe2\xa0_\x8a\xc8\x88?\xc5\xdf\xae\xd1\xc0?D\xc4\x8f\xf7\xc9\x8bB\x89\xc2\xa2#\xde\xad\x9a\x91\\.\x9d\xab\xe6GD\xc9\x9c4\xba\xdb\x1a\xe9\x99\xce\xa9lZ\tEi\xaf\xa2\xce\x9c\x0c\x009\xa2\xc3\x99M\xb3\xfa7*\xd3\xadFaC\xb5I\xaa7\x9b@\xe1$&amp;\xe9\x1dM\xef\xbe\xfb\xfa\x94~\rJq\x87C\xa2,\xd4\xa0\xa0\xe7\xd2\x1a.\x1f\xdd\xd9\x92|\x8d\xacP\xbci\x10\x91\r\xc0\xb41\x0f\xeb\x17\xe8\x01*e\x8e\xb7j\\\xf7-3\x06\xb6\xaf\x98g|\xa7:\xecO\xbaf\xce$\x1f\xee\x1e\x1b\xda\xa2\xa2L=\xa76(\xb7\x1c\x8a&amp;\x89\x00\x00\x888\xa7?\x7fV\xce\xe5\xec\xe69\x82w\x11\xb1c\xe5\xbc\xe0H,\xa3\xb5\x1e\xef\\5\x7f\x87Jy\x11\xbf\x0b\xea\x91l\x8f\xa0\x12p\x8f\xb7\xa8Q\x8f\x0b\x01\xea\xfe\xa8N\xde\x14Z\x9f={0\xd9\xea\xadm\xd0u\x04\xf1\r~\xba\xefxm\xe5\xc0\xa0P4\xf30\x86&gt;\x0b\xe2\x07\xad\xb7L\x0f"\xac\xe0n*^\xbe\x1d\xe6\xea\x81M\xa5\xdb`\x1d*\xe55{\xe5PC\x91$\x06l\x0b&amp;6\x18\xe3\x01,\x1e\xdea@\xa32j\xdf\x15W`\xfdjn\x1f2\x10\xa1zl\xcd\x94\xf6z\xf15F\x7f\xc3c;\xd4\x92\x9f\x95\xd5\xce\x93\x1c\xf1\xa3\xa1\xfa\xd3\x87\x87\xad\xb3\x06\xef\x9a?\\q\\\xd0\xce\x02\t\x00\x00R\x18\xb9\x8aU\x9bFF7\x00\xaf\xee\x96\x95/\xb5\x10\xc1P\x94.,T\xc8\x10\x87,\xfb6M\xd7\xcf?\xc5\xd5\x80bks\x91lQ\x03\xe3\x03\x82;VIc\x15J\x14\xb6]\xf9\\\xb4K\xe1.:\xbf\xfcv\xc6\x9a\x8b\x85&lt;\\\xb4\xb7~{r\xbeH\x92\xf0Z\xbdO\xf1\xe4\x91R\x02\x10[\xa7\x8f\xf3[\xd6\xfaK4u!a\xba\x18\x13\xf7gF\xef\xa6\x9f\x1e\x9cT\x1c&lt;\xb6zJ\xf5\x1c\x89e\x83\xdc\x0c\xb2y\x86R\xd3XAP\xcdM\x1b\x9cP\x7f\xa7\x86\xf0\x8a\xa4\x8f\xc7\xf0u\xff%r\xc4\xd0\xcc\r\tz\x96\x8ce\xa3:\xb1\xc3\r"\xfaZ\xd6\xaeP\x00\xfe\xf7\x12T\xd9b\xe9\re\xfd\x0e]\xbd\x10\xe2\xd0\x16\x95\x0c\x9d\xb2\x7f\xc9\xd8|qa\xfb\x1c\xa5\x10\x7f\xad\xdc\xc9\\Y\x80\'\xe3\xe5\xff\xebP)\x8f\xe4\xe9\xe4\xd2\x8a\x06\x8ciWS]\x92k\x07\xcf\xec\x1e\xfd\x17\xc4\xcf\xe2\x02W$&amp;\xe07\x0f\xae4tQ\xddY\xaf\xc7\xa2\xa0\xbdK\xbb\n\xb9b:$\x83X\xacUk\xf0:\x86\x0c\x03K\xb4=G\xacE\xf1{\</t>
        </is>
      </c>
      <c r="E156" t="inlineStr">
        <is>
          <t>&lt;class 'numpy.ndarray'&gt;</t>
        </is>
      </c>
    </row>
    <row r="157">
      <c r="A157" s="1" t="n">
        <v>155</v>
      </c>
      <c r="B157" t="inlineStr">
        <is>
          <t>steps_per_sec</t>
        </is>
      </c>
      <c r="C157" t="n">
        <v>2300</v>
      </c>
      <c r="D157" t="inlineStr">
        <is>
          <t>3.3594048</t>
        </is>
      </c>
      <c r="E157" t="inlineStr">
        <is>
          <t>&lt;class 'numpy.ndarray'&gt;</t>
        </is>
      </c>
    </row>
    <row r="158">
      <c r="A158" s="1" t="n">
        <v>156</v>
      </c>
      <c r="B158" t="inlineStr">
        <is>
          <t>Loss/object_center</t>
        </is>
      </c>
      <c r="C158" t="n">
        <v>2300</v>
      </c>
      <c r="D158" t="inlineStr">
        <is>
          <t>0.2027907</t>
        </is>
      </c>
      <c r="E158" t="inlineStr">
        <is>
          <t>&lt;class 'numpy.ndarray'&gt;</t>
        </is>
      </c>
    </row>
    <row r="159">
      <c r="A159" s="1" t="n">
        <v>157</v>
      </c>
      <c r="B159" t="inlineStr">
        <is>
          <t>Loss/box/scale</t>
        </is>
      </c>
      <c r="C159" t="n">
        <v>2300</v>
      </c>
      <c r="D159" t="inlineStr">
        <is>
          <t>0.07637375</t>
        </is>
      </c>
      <c r="E159" t="inlineStr">
        <is>
          <t>&lt;class 'numpy.ndarray'&gt;</t>
        </is>
      </c>
    </row>
    <row r="160">
      <c r="A160" s="1" t="n">
        <v>158</v>
      </c>
      <c r="B160" t="inlineStr">
        <is>
          <t>Loss/box/offset</t>
        </is>
      </c>
      <c r="C160" t="n">
        <v>2300</v>
      </c>
      <c r="D160" t="inlineStr">
        <is>
          <t>0.29335436</t>
        </is>
      </c>
      <c r="E160" t="inlineStr">
        <is>
          <t>&lt;class 'numpy.ndarray'&gt;</t>
        </is>
      </c>
    </row>
    <row r="161">
      <c r="A161" s="1" t="n">
        <v>159</v>
      </c>
      <c r="B161" t="inlineStr">
        <is>
          <t>Loss/total_loss</t>
        </is>
      </c>
      <c r="C161" t="n">
        <v>2300</v>
      </c>
      <c r="D161" t="inlineStr">
        <is>
          <t>0.5725188</t>
        </is>
      </c>
      <c r="E161" t="inlineStr">
        <is>
          <t>&lt;class 'numpy.ndarray'&gt;</t>
        </is>
      </c>
    </row>
    <row r="162">
      <c r="A162" s="1" t="n">
        <v>160</v>
      </c>
      <c r="B162" t="inlineStr">
        <is>
          <t>learning_rate</t>
        </is>
      </c>
      <c r="C162" t="n">
        <v>2300</v>
      </c>
      <c r="D162" t="inlineStr">
        <is>
          <t>0.001</t>
        </is>
      </c>
      <c r="E162" t="inlineStr">
        <is>
          <t>&lt;class 'numpy.ndarray'&gt;</t>
        </is>
      </c>
    </row>
    <row r="163">
      <c r="A163" s="1" t="n">
        <v>161</v>
      </c>
      <c r="B163" t="inlineStr">
        <is>
          <t>train_input_images</t>
        </is>
      </c>
      <c r="C163" t="n">
        <v>2300</v>
      </c>
      <c r="D163" t="inlineStr">
        <is>
          <t>[b'512' b'512'
 b'\x89PNG\r\n\x1a\n\x00\x00\x00\rIHDR\x00\x00\x02\x00\x00\x00\x02\x00\x08\x02\x00\x00\x00{\x1aC\xad\x00\x00 \x00IDATx\x9c\xec\x9de@\x14k\x17\xc7\x0f\xb6\x82\x8aI(\x8at\x08R\xd2)%)\xa9\x88\xa4\n\x02\x82\x08\xd8\x81\x8a\xdd\x89\xdd\xdd\xdd\xdd\xdd\xed\xb5\xaf\xddy_\xbd\xd78\xef\x87\x81u\xd9\x9d\x9d\x9d\xdd\x9d\xdd%\x9e\xdf\x07\xdd\x9dy\xe6\x99\xb3\xcb\xec\x93\xe7\xfc\x0f\x00\x81@ \x10\x08\x04\x02\x81@ \x10\x08\x04\x02\x81@ \x10\x08\x04\x02\x81@ \x10\x08\x04\x02\x81@ \x94\x1d\x10\xd1\xa1\x91\xc8SM\x15kLE`|V\x07\xe1\x835\x00\xbctU\x15o\x8cR0\xafY\xf4B\x15`\xdf\xe21X\xc4\xf7\xc3+\'\xf1\xca4\x05\xc8\x8dr+&gt;\x85\xbe\x06u\x94c+\x81P\xbeAD\xc4\x0f\xa2N\xad\x9d\xd4W\xc1\xf6\x94o\xf4\x00b\x1c\xf5hO5W\xb0)\xa5\x00M\x80\xcd\x85\xf9\xc8\xc7\xafg\x17\xba\xf8X\x0e\x8c\xf7\xeb\xe0\xd0\xa2~\xd1\xd9\xff\x10\xd1QCE\xd9\xc6\x12\x08\xe5\x91\xe5cs\x18\xc6\x9e\x15eP*7Z7P\xb6\x05\xa5\x95\xfa\x00\x1d\x9d\xf4\x11\xf1\xd7\xf3\x8b\x88\x88\xf85+\xd4\xb1\x8aP15\x80\xbd\x8b\xc7(\xc1&gt;\x99A\xc4\x1eaN\xca\xb6\x82@\x90\x01\xfa\xc1j\xa9D\r\xc0\xb8\xb8\xfdh\x04PU\xa9\xc6(\x9dN.\x86\xca6\x81\x15\xc5C\xff\x7f\x12=\xcd\x94m\x0b\x00@\xcbZ\x9cUU\xd8/\x99\xb3\xba\xb8\xa6\xa1\xb2\r \x94\r&lt;\x9b\xd7\x14_H\x06\xaaqWU-\x00\xdbzE\xaf\x17\x0c\xcbh)_\xc3e\xc5[O\x8d\xdb\n\x9bq[\x1dA\x1c\xe1VM\x94m\x02[\xea+\xdb\x80\xb2E%e\x1bP\x8a8\xfc\xf8\x9b\\\xeb\xbfzp%WU\xfd\x0f\xe0B\xf1^\x86\xaa\xaa\xeau\xf9\x1a.+\xfa\x86\x1c\x8f\xd05\xe5&lt;\xa8kk\\O|!!*snG\xa9a\xd3\xe5g\xca6\x81\x15\xf1\xee&amp;\x9e\xd6e\xa6\xaf"T,"mu\xe4Qm\x99p\x1a1\xab\xa1l\x0b$\xe1\xc2\xb6y\xca6\x81 \r\x7f\x1dY\xb3zboe[A(\xb3d\xb5sT\xb6\tl\xd94}P\xab\xdaP\x0f@\x84_k)B\r\xa0\xbd\xbd.\xe7\x033\x1d\xc9W\xd5*\xf8fI\xb9\xa7oL\x9b~\xb1\xde\xca\xb6\x82Pf)C~,\xf8\xf9\xaf\xbd\x8b\xc7\x94\x89e\x8720C!\x10\x08\x04\x8ff\xa5{;U\xa9p\xb8\x89\xad,\x0ce\xde\xf3jkLv\x19\t\x842Nm\xba\x83~\x86u\x11Qa6\x8c\xcb\x8cV\xd8\xbd\x94Kg\xef\x96\x1e:5\x00\x80cg \xc9\xb9\xbag\x89\xb2M 0\xa1\xa9l\x03\x08\xe5\x9fF\x00\x1d\x1cZ\x08\x1f7\xac\x04\x88xf\xf3l\x05\xd8\xa0\x05\x80\x88\x81f\x15\xc2G\xb9\xf4\xb8\x9aE\xdb5\x1f\xd3=\x8aMIW\xed\xa2\xfd\x02g-\xc1e\xb6\xd2\xf3q\xca%O\xcen\xc57Wy\x92-\xc2\xe1r\x04\x82L\x98V\x87D\x0f\xd3\xbch\xf76-J\x04\xff\xc68\xeaQ\x81:S\xf2\xe2\x14`F\xaf\xf6\x9eR_[\xa5\xf4\xf9\xc2\'z\x98\xca\xa9\xe6\xb2\x12\xe7U\xca\xf15\xa8\xabl\x13\x04iN7)\xac\x0e\xe0kX\xd7\xa4x\xc1q\xc7\xbc\xe1\xd6%\r\'\xb3\x04\x82\x94\xd8\xa8\x03\x00\xd4\x02h\x0c\xd0\xde^W@\x18\xee\xf8\x9ai\x88\x88\xf8)\xb6\xd4\xb78yQ\xee{\x17\x8dV\xb6\x15\n"\xa4e\xe3\xce\xde\x16\xca\xb6\x82\xc0=\xb4n\xd15\x00\x1a\x03\xf0\xf6\xe2\x84g`\x14\x88\x18\xe7fL{\xaa&gt;\xc0\xf0\x94v\\\x18H(_\\\xd9\xb5\x98\xe1\xec\x9bk\xfb\x10\xf1\xe9\xf9\xed\xa5mp-?\xcc\xaa+\xe8Fw\x8f\xae5\x96a2_\x01\xc5\xe3\xca\r\x12\x05\xbf\xdc&gt;\xb4\n?\xdeb\xe3\x8bGM\xd6-\xd5\xa0\x0b\xdd\xe0\xc0\xadi9pY p\xcd\xf4&gt;\x89\x0cg\xb3\xda9"\xfe\xcb[\xfc%Pp\xb2\x08\x8b\x88N\x1a\xa5k\xf1\\C\xd9\x06\x10\x04\xe8\xeakI5\xeb\xfeF\xea\xcc%\xe3\xdd\x8d\xa9\x92\xa77\xce\xa2-`G|\xb5\x08RpjCaf\x88=Q\xe3\xe5\'\xda\xaeY\xcfp\x17e[A\x8fu\xa9[\xd6&amp;H\xcf\xd5=K\xa8f\xfd\xf6\xa1U\xcc\xf1\xed\xeb&amp;\xf7\xa3Jr.3E\xa8\xe8\xec_:\xce\x80\xf4\x00%i\xacl\x03\xc4R\xba&amp;\x17\x04\xa9X16\xf7\xc0\xb2\xf1\x88(\xd6C\xfa\xf2\xce\x85\x88\x98\x13\xe9\xaa\x18\xc3\x08\x04B\xa9\xa6\xf4wQ\x04\xb1\xb0\x175I\xf24ko\xaf+?K\x08\xe5\x16?\xc3\xba\xf8\xed\xc1\xc8na\xca6\x84\xa0d\xf4\x00\xf0\xe3-e[Q!\xc8\x08j\x9d\x1b\xe5\x96\x16`\xeb\xd1\x8c3Q@i\xf4Z\t\x04\x00\xf03\xac[\x9a\xf3W(\x98\xcc\x10{e\x9b\xa0\x1c\xb6\xcc\x1c\xa2\xc8\xc0\xef\x8aL-\x80X\x17\x83v\x96\x92y\xf0#\xe2\xc2\x82\xeer2\x89@\x00\x0e\xc7#,);Zs\xf2\xc5G\x9fV\x8cC\xd1\x8cL\x0b\xa7=n\xc9\xb8\xb3H\xc6\x9e\xd2\xc1\xfeO\xae\x02\xd0\xa3\x9d\x13\xb5\xcd+G\x83\x08\x04\x05\xe3\xde\xb4:\tm\x07\x80N.\x86\xaeM\xaaZ\x14\xa7$\xf47R?\xb1n\x86\xec\xd5\xfa\x1b\xd7s\xd1&amp;_p\xe9\xe2\xfd\xcd\x83\xd2]\xe8\xa2]%\xba5\x89\x00!(\x04\xe2F\xa2DL\xaa\x02\x19\xeb\x95WB-H\xc4\x05\x81@(\x83,\x1e\x91%|\xb0[[\x9b\x0e\x0e-*\x84\x8c\x1f\x81@ (\x00\x1au\xd6\xd2\n\xe2KD\\2\xb2\x87\xb2\r\xa9\xa0\xd8\x92M\x18By\x82v\x86L+X]\x8e\xc1o\x0f\xe6\x0fIS\xb6\x15\xac\xc0b\x94mHE\x04\xf1-"\xaa\xb3.OB\xc5\t\xa5\x1d|}U\xf8\xa0\xc2d\xdaJ\tTl\xa7\xb2\xad`E\xffN&gt;T\x07`X\x19\x00@]\xc9\xe6T,\x86$\x07\x8d\xe9\x1eU*|\xc8\x08\x04N@\xfc\xa9l\x13J\xa0\xac\xac\x98&amp;eG\x85\xef\xfe\xf1\xf5\xf8\xf1Vz\xa0\x9d\xb2\r\xa9\xd0 \xe2\xf21=\x95m\x05\x81P\xbe \xbewl \xc9\xa3\x95N\xaa\xbf\xb5\xb2M(\xf3\x10\xefG\x82 \xfa\x86\x06\x1d\x9d\r\x94mEi\xe7\x9b\xb2\r \x9c&lt;v\x89\xb9\xc0\x9cA)\x8a\xb1\xa4\xecB:\x00B\t\xfc\x8d\xeb9:;\xdf\xbeqO\xd9\x86\x10\x08LX\xa8\xc2\xb5\x7f\x90Y\x0c\xfa\xd9\xd3\xa7\n\xb2\x86@(7\x18\xd2\xe7\xe0+A\xc5I\x9aF\x90\x91\xc1\x89\x01\xe6\xf2Y/\xa32\x07\xc8\xa5\xea\n\x03\x99\x01\x10\x04\xb9\xfbK|\x99\xbf\xe5o\x06\xa1|P\xa9\x92J\xd7\xf4N2V\xd2\x1c@\x8b\xee\xb8\xb1g\x8c\x8c5\x13\x08\x04\x82\x94\x84\xb4\x14\x8c\xe2X3\xa9OFPk\xa5\x18S\x8e\xa9\x02\x80\xf8\xad\xa0k\x88\xb2\r!\x10\x08\x84b\xe6\x0cNu\xd7\xa9`!\x1b\xca@\x9bR\x87\x1e\x96!p\xdcE\x8bh\xff\xc9DE\\\x02r\xd4Pa\x933\xfa\x7f\x0fN"\xbe\x94\xbf9\x842\xcc\xba\x95\xab.=\xf9W\xe0\xa0=\xd1\t\xe2\x9a\xe7\x00C;\x07W\xaa\\b{\xca\xa4*8\xba8\xd3\x96w`\x9f]\x8cP\xd1\xa8\x0f\xc0\xe6\x17\x8a?\xfeF$\xce~\x04\x891\xad\x0e[\n\xf3\r+\xe2\xe0\xaa\xb4`\xa1\xaal\x0b\x08\xa5\x19\xb1\xa1\xe4u\x01\xdc\x9bV\'\xc9\xe1\t\xd2\x81?\xfeF\xfc\xa0l+\x08\x04\x02\xa1\xec\xd0\x04 \xc0\x84\xc5\xf2\\Y\x80VJ\x9a@ \x10\x084h+\xdb\x00B\xd9\xa5X\xa1\x95\xcc\xba\x08\x04N)\'\x03rB\xb9\x86ht\x13\x08E\xb4\x00h"s%\xa6\xd5I\xb8\xafH::\xe9+\xdb\x84\x8a\x85Xy\xc2z\x00\xb7\x0f\xadj\xaa\x08[\x08\x04\x828\xe6\x0fMW\xb6\tr\x84\x8d\x1b1\x81+2C\x1cX\x0e\xed5\x01&gt;\xde&gt;$o{\x08\x04\x02\x81P\xea\xd0\x05@\xc4\xdf/.\xb6kE\xab\x1cA \xc8\x8d\x86\x00+\xc7\xe5Y\xd5Q\xb6\x1d\x04BEbA\xc9\xb9&amp;o3\xa05\t\xc7#(\x80\xf6\xf6\xba\xbc\xd75\x94gF\xe9\xa7u\x03\x88w3\xf6hV\x0e\xbf\xa4T\x7f+\xb2\xfd\xa8\x14\xba\xf8X"bW\x1fK\xfe\x83F\x95a\xc9\xc8\x1e\xca2\x89@ \xd0\xe0\xadW\xbb\xa3\x93~9l\xfe\x01\n\xfbwF\xc4Y\x03\xba(\xe6v\xe3{t\xd0T\xcc\x9d\xca\x02\xefo\x1e\xf4\xd6c\xce\x0b@ \x10\xca\x1aA\xe6\xac\xf4\\b\x1c\xf5\xa8\x176\xear4F,?\x9e\x9e{uy\xb7.\xc0\xf5}\xcb\xe4}\xaf\x8c ;\xa2t@ \x10\xca!~\x86u\x13\xdcM\x00`J^\x1c\x9b\xf2nM\xab5\x060\xab\x01KG)y\xd6\xdf/\xd6\xc7F\x1d\xcaJf{\xd3jLg\x19O\n\xd2\xaav\xe9U\xe5\x1c\x9e\x12Z\x90\x12\xaal+\x08\x04\x02;\xcc\xaa\xc3\xc1\xe5\x13$\xba\xa4\x7f\'\x9f\xd6\r\xc1R\xd9\xcb\x00\xc6e\xa5\xedgA\xd9\ns\xe8\xe4b(\xea\x14Q\xe4#\x10\xca\x12\xfa\x00\xf8\xe1\x96\xb2\xad({4\x018\xbby\xf6\x90\xceAnM\xabY\xd7\x15&lt;\xfb\xf8\xf4f%\xd8\xa4(\xd8t\xfd\x116$J\x8c@(\xf5h\x02\xac\x1a\xdfK\xd9V\x08b&amp;\x9f\xa4/\xbe\x06BM\xb5\x1c\xa8\x07pn\xcb\\\x05\xdc\xa84\xa3\x98\xaf\x9a@ \xfcA\x8aaWHK\x8dqY\xed\x01@0\xd7\xa2\xb4p\x12\xb5+\xbf\xf0\x8eR\xbav.!\xcb\xc7\xe4\xb86)GK`\x04\x02Av6L\x1d\xc0\xa6\x18\x7fz\x86\xc9\xb9\x9d\x1013\xc4aPb[Nl\xb8{t\xed\xc8\xb4p\x19+1\xab\x0e&gt;\xfa$\xc6O$\x88\xd8\xbb\x83\x97\xb2\xad\x10\x89\xd8\xfc\x1f\x04\x82\xac\xf0\xfc\x11\t&lt;\x8c\xd9\x8do\xb3B\x1d\xcdk\xfey\xfb\xd7\x915KGe\xb7n\x00\x0c\x93\xf66-T\xd9$\xe3\xd5W\x01D&lt;\xbfUp\x01$\xc6Q\xaf2\xed\x05e\x04\xa2\xd3\'\x11\xcd\x00\xa2lu\x94m\x05\xa1\\\xd3\xbb\xbd\xa7\xb2M(\xab\x8c\xef\xd1apR\x00\xefmm\x00\xe3*PWt\xffQ\x0b \xc9\xd3\x8ce\xbe\xb6\xe3k\xa7\xbd\xba\xb2\xa7g\x84\x0b\xefH5\x00D\\9.O\x16\x9b\te\x88\x8eN\xfaS{\xc5+\xdb\nB\xb9\xa6ly\xce\xc9H\x8a\x9f\x15\x9bb\xf9|\xcd:\x03\xda\x00=\xc2\x9cX\xde\xba9\x80.@\x17o\x0b\xb1\x12\xc1&lt;\xb6\xcf)@\xc4\x9b\x07V\xf0\x8e\x8c\xce\x88d}5A\x0c\xc9mZR/|\xf4K\xe9ZKF\x90\x9d\xb2M TH\x1a\x02\x18\x95\x8fm\xbe\x92\\\xd8&gt;\x9f_\x04\xa9\x83C\x0b\xdab\xa77\xce\xec\xe2m\xc1\xa6\xc28W#\xe1\x83\xce\x9a\xf4\xeb4u\x00\xdc\x9aH\x10\xab\xa4[\xac\x11\xb6r|\x1e\x00x\xeb\xa9\x8d\xe8\x16\xc6\xfer\x96tph1"\xb5\x1d\xe7\xd5\x96~&amp;d\xc7\xa8\x00\xb4\x00\xf8\xfe\xe8\xb4\xb2m\xa1g\xd6\xc0\xae\xca6\x81P!a\xa5fP\x06\x19\x91\xda\x8eM\xe0\xd5\xa8\xb4\x08\xfcz\x97\x8a\xece\xe6\xde\xb1u5K\x1e\xd9\xbbh\x0c"\x0e\xeb\x12L[^R\xa9\xc7\xa9\xbd\xe2\x11\xf1\xdb\xc3S\xd4[y\xe8\xf9\xf3\x8f~\x9d4\x94\x10\x81\xa4\r\xd0JI\xd1p\xa5\xdc\xc5\x92\xec\xce\x11\x08\x1c\xc3f\x04\x9e\xe4i\x86\xf8\xe5\xd3\x9d#bK"\xbe\x16\xf0#\xe4\xe9\xfa\xee\x9c7\xa2\x0f\x17\x1e&amp;]}-\x95.\x11\xdc\xc1\xa1\x85\xfc&amp;\x84\x03\xe2|\x95\x1d\r]Z\xb8\xb4cA[c\x92\xb5\x87@\x90\x1b\xc7\xd6L\xbd!N\xf8,\xc5\xcf\n\x11/\xefZ$E\xfd\x9f\xef\x1e-\xea\x01\xde^\x17\x10\x86+\xd3\x8bj\xe5R\x0f\xb5Ta\xdf\x10\x10qZ\xef\x04e\x1bB \x94_\xfe\xb9\x7f\x82A\x04_\x07 ?)P\x96T\xdd\xcdy\x93\x80\x7f\xee}\xb9{L\x06K\xcb\x12\xe9\x814\xdb\x95\r\xa4\xad-7\xd2\xed\xee\xd1\xb5\x19A\xade1Ia\xa8+\xdb\x00\x02\xa1&lt;\xd3\xc9\xc5P1\xaeJ\x16\xb5 +\xd4\x01_^.n\xff\xbfIW\xcf\xcf\xa7\xe7\x11\x11\xf1;\xad2(s\x14\x80q\x15\x18\x10\xe7[\xc1\xb5\xc0\xd6N\xeewv\xf3le[\xc1\x16\xb2dC(\xe7(W\x8fjpb@\xa2\xa7\xa9\xa8\xb3\xbd\xda{px\xaf\xe9}\x93\x90\x0fQ\xc5\x9e\x9c\xdd\xca\\O\xa4\xad\xce\x98\x8c(/\xddZ\x02\xc7\xfd\x8d\xd4\x99/|~q\'"\xea\xb22\xb6\xd4\xe1\xd0\x18te\xae\xc4\xb6\x1e\xe0\xbf\x8fYn\xcf\x1e]=U\xe9z\xda\x04\x02A\x8e\xb4i\xc1\xb4G\x18\xe3\xa8\x17\xebb\xc0\xe1\xed\xcel\x9eM\xb5\xfe\x0c!\x98\x88HD\x1a\x85\xb9\xb0m&gt;\xe2\x17\x00\x99\xb2\x0b\xe8\x00\xe0\x8f\xbf\xa9\xd7j\x00]}-\x19\n\xb7k\xa5\x95\x17\xcd\xe5\x08\x80@ \xc8\x97*\x00\x81\xa6R\xaf\x0f\xd30\xb2\x9b\xac\x9a9\xfc86V1\x11\xe7*\xa4\xcd\xe1\xfd\xca,\xaat\xab\x1f=\xc3]h\x8aJH\xa9\x8d\xcc"\x10\x08\x842@\x0b\x00\xf3\x9a\xe2\x8b\xc9\x82\xb2}S%\x80&gt;\xde\x8fPf\xa9\xe0\x9bd\x84"t\xca\xf8\xa3\xc0R\x17HRt\x00b\xe3\xfdl\xed\xc5\x07\xb2\xc9\xc2[\xb9\xd6\xceH+\tg\x08\x07Nl\x90\x8f!\x04B\x05&amp;7\xcaM\xe9n\xcbj\x00eN\xef\xd8\xa3Y\rD\x0c0\x91\xa3\xff\x88\x8f~\xed\xf2\x1a\xce\r\x92g\nCD\x03\xa1\xce\xb6\xb4\xa9`\x95\xa1\x19\x15\x81P\x84\xd2\xd5\n\xcfn\x99\x83\xff&gt;R\xcc\xbd\xda\xb4P\xe5\xa4\x1e*y\xc0\x9dC\xab8\xa9\x8d\x16\xb9\xaaF\x7f\xbc}\x88V\x04Ia \xe2\xe2\xe1\x99,\x0bW\x03xuy\xb7\\\xed!\x10*(\x99!\x0e\xca6\x01\xd6M\xee\'Qy\t\xf4\xd8J\x12d\xc6\xcd(-=\xd0\x0e\x11\x7f=\xbb\xc0Im\x15\x10\xfc\xf5t\xe9\xa8l\xe62\xbcU"m\x80\xae&gt;4\xaeD\xf9I\x01\xb9Qn\\\x9b\xc6\x01\xfcz\x85\x04B\x11\xf2K\xef\'LN\xa4+\xefuc\xc5\xddV\t(%\x8a\xc7\xa1\x11 \xbeH\xf0\x90\xef\x1a\xbd\\\x91\x87z\x0f\xfb\'-?)`\xdf\xe2\xb1\xb2\xdc\xab{\xb0=\xe2\xab\x89=;\xcaR\x89\x9c\x90t\x87\x83@\xe0\x98\xacv\x8e\x8a\xbc\x9d\x9fa)\x97e\xe4\x9e!\x9d\x83\x18\xcer\x95X\xb8L\xe0kP\xc7\xbc&amp;4\x07\x18\x10\xe7\x9b\x15\xca\xea\xc1k U\xdef~Z\xd6\x82\x8c\xa0\xd6\xf7\x8e\xad\x93\xa5\x12\x02\x81 =\x9a\x00\x95\x00"\xcbT\xd2;Me\x1b\xa0\x14\xe4\x977}\\f{|w]\x8a\xf9\xc4\xd9\xcd\xb3[\n\xc6YK\x86\x93\x86\xca\x82a\x192UA \x943jK\x95\x8aZ\x8a\xb0\xae\xe6\xc5\x1b\x95\xcaMr+\xa9\xe5\x86e\xda\xed\xb4\x1c\x11\xeb,&amp;\xfc[\xec\xb0bHrP*\xbb\x0cq\x04B\xf9G]\x86k\xd7O\xe9\xdf/\xd6\x9b+K\x14Fe\x80\xe0\x96\x92\xedq\xf4\xed\xd8&amp;\xd5\xdfJ\x1e\xc6,,\xe8n*&gt;]\xbc\x82\xa0\x8d\xc5\x15\xf6\xa4$\x88ER\x0f\x05\x02\xa1\xec\xf1\xfa\xea^D%\x06\x06)\x02\x17\xad*\x13{v\xc4o\x0f\x0e-\x9f(\x8f\xfa\xe7\x0cN\xc5w\xd7\x17\x16t\x97G\xe5\x92B\xbb\xe63\xb4sP\xbbVZ\x8a6\xa5,\xe3o\xa4\x8e\xf8\x95\xff\x88&gt;\xc0#\xd1A\x0c{\x17\x8f\x91w\xfc6\x81\xc0=\x94z\x9a\xb3\x96\x82\x96s\x94\xd5\x08\xad\x18\x9b+]\x9e\x80v\x96l\xf7\x0e\xf2\x93\x02N\xac\x9d^j\x15\x86\xd5\x95m@Y\xc7E\xbb\xca\x9e\x85\xa3E\x9dE\xc4p+"4E\xe0\x9a 3\xf9\x86\x85RYV\xb6\xcd\x1a*\xd7\xbb\x94\x06\xfc\x8d\xea!\xbe\x91\xe8\x12\xab:\xf4~\xe8\xa2xxrc\x8fvN\x12\xdaE\x90\x86@\xd3\x06\x1c:\\\xb1ta"\x10\x14Mr\x9b\x96r\xad\x7fh\xe7`\xfc\xefo\xfct\xdb\x8eK\x95\xcf\n\x8a[\xd3j\xf8\xcf\xfd\x82\x94Pe\x1bR!h\x04\xf0\xf4\xfcve[A \xc8\x8d\x06\x00\xf3\x87\xa4\xb1\xf1\xb43\x90\xd6\xc5\xa5\x1e\x00~\xbd\x8b\x88.ZU\x9a\x03\x0c\xed\x1cLR\xc8\xca\x82q\x99N\x1f\xac\x10j\x03T\xe7HM\xef\xd4\x86\x99\\TC \x94&amp;x\x81\xc3\xfa*\xf0\xe4\xdc6\xda6E\x8b\xbb\x90N\x1f\xfd\xda\x0b\x0b\xba\xd7\xe3\xa86\x82"Y=\xb1\x8fD\x8bT\x04\x02\xa1,\x91\x1d\xe6L{\xfc\xeb\xbd\xe3o\xaf\xefW\xb01\x04\x02\x81@P&gt;\x94OK\xef\x0e\x9e\xca6\xa4\xa2\xa0\x07\x80\x88F\xca\r~+S\xa4\x05\xd8\xb2\x9fV\x92\xc4/\x04\x82\x04P)\xc8_\\\xda\xd9\xc9\xc5P\xd9\xb6T\x08F\xa6\x85K\xe7HZ.\xf13\xac+v\xdb)\xc9\xd3,\xdc\xba\xc9\xcc\xfe\x9d9O\xc2lVj\xc2\xee\x08\x04\xa5\x81\xf8\x1d\xf1\xe7\xb0.\xc1\xca6\xa44\xb2i\xfa\xa0\xd6\x9c\xfa5e\x85:"\xe2\xc0x?\x96\xe5\xa5V\xae.+X\xd5\x81V\xb5\xc1\xb3\xb9\xc8\xf0\'\xd3j\xd0\xae\x95\x96&lt;\xc4\x02\r+\x81&gt;\xebM\xe4\x10\t#\xc6\t\x84\xb2\xc1\xa8\xb4\x08\xc4\x0fD\xe1\x86\x96\xf5S\xfa\xc7\xba\x18r\xab\xc3-\x91\xb7\xb8\xfcT\xd8\x08&lt;\x10\xf1\xc9\xd9\xad\xca\xb6\x82@P\x12\xf2\xd0v\'\x10\xca\x04z\xc5;a\n\xc8\xb7Q\x05`\xed\xa4\xber\xbfM\x05\x80\x0cX\xb9\x84_\xacD\r\xc0\xa1\x1c\'\x93%\x94k$\xd2\x87n\x00\xb0s\xde\x08+\x9b\xa6\x00\xf0\xf5\xfe\xf1\xcb\x9f\xe5d\xd4\x1f\xea\x03|\xfb\xf6M\xee\xb7!\x10\x08&lt;\x02MI\xb6\xed\x8a\x82\xa3\x86\x8aDb\xe6\xfeF\xea\x00\x80o\xae\xc9\xc7\x1c\xda;\xd6#\x9a\xaa\x04\x02\x81\xc01\x13z\xc4\x9cX;=\xdc\xba\x89\xb2\ra\xc2\xaby\xad\xb4\x00\x1be[A \x94S8\xd7\xd1,\xf7~8\x04\xce\x89n\xdd\xdc\x8ch\xa1\xc8\x13\xb2\x07@\xa0\xe7=\xd7\x15\xfa\x99\x93-\x91\x12\xf0z\xc4\xc9\xb9\x9d\x94iG)\x06\x11o~\x97\xf2Z\x12$H \x94\x19*Z\xfa\x0e\xdbz\x80\x88\x97v,T\xb6!r\x81r\x07\xda\\\x98\xaflC\x08\x04\x82|\xf0\xd2\xadU\x01\xe7\x8f\\\xf5S\xc7\xd7NG\xc4\xe3k\xa7sT_)\xa2oL\x1b,\xc6R\xb4gt\x8c\xa3^\xef\xf6\x9e\xbc\xb7\xbe\x86\xf2\x88Q#\x10\x08\xf2a\xed\xa4\xbeqnF\x92^\x15l\xde\xa8\x8b\xb7\x85&lt;\xec\x91\x05]\x85\xdfq\\V\xfbr\xa0ca\xa3Ns\xf0\xf2\xaeE\xbc\x0e`s\xe1\xe0\x82\xae\xf4\xf9\x18\xa8\x02\xb7\x0e\xael\xd7J\xeb\xfc\xd6y_\xee\x1e\x15p2\xb3f\xdd#\xc8?\xf0\x80@(\xc9\xb0.\xc1\x85\xfd\x92[*p\xe1B\x911\xf4l~{KG\xf5\xe0O]\xd9\xde^W~\xf6\x10\xc4bV\x03\x92&lt;\xcd\x14yG^+/\xf2\xd4\xab\xcb\x97v,X=\xb1O+:\x97\xd2\x1fO\xcfS\xa5N\xac\x9b\x8e\xf8A@\xd5\xc3\xadI\xb5\xf1=:\x88\xbau\x18I\xf7HP.\xd4\xb3\xab\xae\xc0;\x96\xf2\xf5\x96`\xf3\xb2\xaa\xf1\xa2\x07@&lt;M$eHrPq\xfb\xff\x9c\xb6\x00\xcf\x87\x94A\x82trn\x9c\x8f~\xed`\xf3F\xc2B\x1dm\x8dE^\xd7\xaa6,\x1f\x93#\x89\xb1\x04\x02\xd7\xf4\x8di#u\xda/\x02?\xa6\xd5`J^\\FPkQ\xb9\x168A\x07\x80s\x15LN\xa0\x1a\xd1\x96\x12\x85\xde\xca\x01\x7f#\x89S\x10\x99\xd5\x00\x86A\xba\x8c\xc4\xbb\x19\x8b:\xa5W\xea\x07C\x84\nA\xcf\x08\x17e\x9bP\x1e\xd88}\xe0\xe2\x11Y\xfdb\xbd?\xde9,\xbf\xbb\x94Z\xedh\xca\xb0\x14?+%\x1a\xd0\xd1I\xdf\xbe\x94\xf9\xe8\x92\x84\x04\x84\xd2N\x05\\\x86\xd4\x00\xd8\xbbx\xcc\xc0x\x7f\x0e\xeb\xbcwl\xdd\xc9\xf538\xac\x90\x16\xc4\x9f\x88\x18dV\xea\xd4,\xfav\xf4&gt;\xb9\xbe\xd0]G9\xabP\x88o\x11\x91[\xa5n\x02\x81@\x03\xad\xcbD\xd9b\xc3\xd4\x01\x88\x88(}\x94X\x07\x87\x16\x02!\xc1\xf3\x87\xa4\xcd\x19\x94"\xa3alH\x0f\xb4UU\xc0m$\'#\xa8\xb5\xfc*W\xe1[\x8e\x17fz\x9f$\xf7\xa6$\x9f\x0b\x81 \x7f\x94\xbd\xcc\xcb\x01\xe3{t\xf8t\xe7\x88,5\xf4\xeb\xe8\xad\x18\x17\x0eu\x05\xdc\xa3,@\xf9ii*\xd9\n\x02\xa1\xac\xe1\xacU\xb9B\x85\xa7\x0ee\x91\xcb\xccF\x1d\xd8\xf8\xfa\xd8\xd6\x83\xe6\xb2\x1b$\x03\x1a\x00\xf8\xf6Z\x19u\x16\x0c\x96\x83\xbf\xef\xa0\x04\x7f|w\x9d\xf6\x14\xe5\xa3\xa9\nP\xcav\x01D\xe2\xd1\xacF\x80)Y\xb4"\xc8\x8dDO\xd3ck\xa6\x86Yi\xa7\x07\xda*\xdb\x16%`X\x19\x18\x028\xd9`\xa1\n\x9e\xcdk\xe9\xb2.\xef\xa1\xa4\x15\xf0R\x88\xafA]\xc4\xaf\xf2\x18y08VJ\xc7\x93\xb3[{\xb5\xf7\xe0\xb6N\x02\xa1T\xb0nJ\x7f\x1bu\x88n\xad\xdc\x81\xacH\x8c\x95\x97\xe10\xab\x9d\xa3\xd8\xa1bc\x80*\x00\xecC\xfbo\x1d\\\x19f\xa5-\x91\x00=?\xaa\x00Jw\xa3\x94\x9d\x83\xcb&amp;t\x0f\xb6\xf7\xd1\xaf\xb3cn\x01Wu\x1aV\x96\x97;\xcd\xee\x05#\xf1\xf3\x1d\x92h\x93P\xc6hY\x13\xda\xb4\xe0,u\xa3\x86l\x97\x87X\xc8X\x81\x12x|f\xf3\xe8\x8cH6%\xd9\xab1~{t*\xca\xae\x99\xd4\x7f\x95yC\xd2&amp;\xe5\xc4J{u\xa9\xc0]\xa7\xfa\x95]\x8b\xde\\\xdbkR\x15\xfc\x0c\xebr\xb2\x06T\x1f\xa0O\x8c\x17\x175\xd1\x10(\xdb"\x0c"\xae\x9f:\x80+c\x18X0,C\x01w!\x94%\n\xfbwV\xb6\tE\x94E\xbf\xa0\x86\x00\x96,\x9ci\xd4\xe9\x0e\x8a\xca\x91yx\xc5$Y\x06\xaa,{\xd1\xfc\xa4@\xce\x93\x1cpEa\xbfd|s\x15\x11\xb7\xcd\x1e\xe6o\xa4&gt;*-\\\xbaz\xd8\x0brH\x1d\x16\xa7\n\x80\x88\x1fn\x1db\x7fI\xb8u\x13\x81\xc9\xf4\x9bk\xfb\xa4\xbd\xbf\x04D\xd95\xc3\xdf\xf4\x81\xca\x04By@\xa2E\xaa\xecpgS\xe5\xb9\xfc\r\x88\xf3\xe3\xd7\x0e\xe2Gl\x88\x96"\x93\xff\xf9)C\x96rz\x9f\xc4\x1fO\xcf!\xe2\x7fO\xce:\xc80\xfeg\xbfy\xa3.U\xfd\x1b\xa6\rd\x90\x00\x12\x05"\xe2\x87[\xbc\xb7M\x01\x82\x14\x95\x1c\xa2\x99bnC(O\xc4\xb9\x19\xf7\xef\xe4\xa3l+\xb8\'\'\xd2U\x89ww\xd2\xa8\xa4+\xe2\x94\x9fa]\xcf\xe65%\xdd\x03Pbg\xc69\xa1\x16\x1aW\xf7,A|\x85\x88\x0fOn\x94%\x19c\x1d\x00\xd9]dL\x84V\xf7{\xb4s\xc2\x8f\xb7y\xad?~\xb8\xc9\xbe\xb6\xf5S\xfb\'{\x99\xcbl\x14\x81\xa0\x10\x1a\x00d\x04\xb5\x1e\xda9\x88(\\rB\x92\x97\xf9\xbe\xc5ce\xa9a\xce\xa0\x94\xbd\x8b\xc7\xd8\x97\xba0^.\xe15\xad\xe7\xb7\xcdkU\x1bt\x00\x86v\x0e\x92\xa5Bui/\x0cn\xd9\xb8[[\xc1t\xbb\xc8\xc7\x9c\xc1\xa9\xb2\x18F \x94v\xdcu\xaa\xe3\xaf\xa7\x88\xc8\x8b\xd2\x94\xdaG\x85\x90\xeao%\xd1\x8aAZ[\x9b]\x0bF\xf2\x1f\xd91w\xf8\xcb\xcb\xbb\xb9\xb6\xabtA\xb5\xad\xdf\x1e\x9e\xdaR\x98\x9f\x9f\x14\x00%\xb7\x88\xa4\xf0r\x12\xbb\xc3$Qt\x18"\xe2\xd7\xbb\xf8\xf2\x92\xd8\x921\x8ez&gt;\xfa\xe4\xe7B(\xcbL\xc9\x8b\xbb\xb8}\xfe\xc6i\x03\x87\xa7\xb4\x03.\xe6\xd4\xe5\x12\xe3*b\n\\\xd9\xbd\xb8{\xb0=\x00\x9c\xdf:\x8fe\x9dM\x01l\xd4!=\xd0NF\xdb\xca\x1c\xf8\xbf\xfbT\x1f\xe0o\xa4\xce0\xf6\x17\xf7\x95\x03\x00\xd4S\x9e^fs\x80o\x8fNq\xe5{\xaa\xc7Q=\x04\x82d4\x00p\xd2\xa84.\xab\xfd\xc6\xe9\x83\x94mK)\xc5E\xabJ\xaa\xbf\xd5\xcd\x03+d\xacG\x15\xa0w\x07\xcf\x9e\xe1\x15]Z\xf5\xe1\xc9\x8dT\x07`\xdf\x88IC\x9f\r\x13\xb2cd4\xc6\xb5IU\x1f\xfd\xdaR\x84\xa3q\x18\xc4\\\x03`\xfe\xd0t\xee\xea#\x10$\xa4q\xd9\xf4\xd4d\xe0\xd5\x95=\xdd\x83\xed\xf5e\xab\xc4U\xbb\xaa\n\x80\xf02\xb1\x14\xd8\xd6\x83\xae\xbe\xad&gt;\xffu\x14\x7f&lt;\x11&gt;;wp\xea\xf8\x1e\x1dFv\x0b\xd3\x12q\xb9.\x8bYHY\xa1\xa0k(\x7f\x1e\xddj\xe2\xca\x8bb\xe6\x80.\x88/\x18\nt\xf1\xb1\x9c\xda+\x81\xb9\x92\xfb\xc7\xd7\xbb\xeb(t\x93]\r \xdcZ\x96\xcdo\x02\x81 \x8e\xc1\x89\x01\xb2W\xe2\xda\x84\xb3\x08P\x1f\xbd\xdamM\xea\'z\x98.\x1b\xddS\xe0\x94I5@D\xfc\xf5\xf4\xcc\xa6Y\xa2.\xd7\x92$\xde\xb8\x94cW\x1f\x10\x7f \xfe\xa4\xde\x9e\xd94K:Q\xa0\xc5#\xb2\x18\xc2\xe2\xae\xedY\x82\x88\x88\x9f$\xadV\xdeA\xbf\x81\xa6\r\x8f\xae\x9a"\xe7\x9b\x10\x08\x1c\xc1\x90\xb1\x88 \x11\x1a\x00\xab&amp;\xf4\xc6\x7f\xee\tg\x8e5\xae\x02\xe1eS\xd0M:\xf0\xf5\xd5\xef\x8fO\xcbR\x83\x1a@AJ(\x00\x88\x8a\xd5\xfb\xf5\xec\x02"N\xce\xed\xc4\xa6\xb6`\xf3F\x00\x10n\xa5MMMf\xf4M\x92\xc56\xc5C\x9b\x8b\x98@\x90\x95\xea\x00\x9d\xdb\xb4T\xb6\x15\xf4\xe8\xab\x94=\xdd\xe9\x14?\xab\xcb;\x17J\x14\xb3\x13e\xd7\xec\xe1\xa9MGVMN*G\x0e\xe6\xcd\x00\x84S#h\x00\xa4\x05\xb0\x12%\xdc0m\xe0\xe0\xc4\x00\xb1\x1a\xa8\xfb\x97\x8cc\xe9\xd4\x10j\xa9\tT\x04\x80\xe4\xc1_\xa5\x01n3\x17\x11\xca-N\x1a\x95\xa6\xe4\xc5KtI\xa4M\xe9L1\xab\xfc\x14\x83\xec\xe1\x8d\xcf*\x01\xc4\xba\x18J\xb4\xe5\x88\xf8\x0f"\n/\x1c\x95?\x8e\xae\x9e\xc2\xa6\x98\xafA\x1dD\xfc\xfe\xf8\xcc\x94\xbc8\xe6\x92\x94_\x16{\xec\x1a@n\x94[z\xa0\xdd\xad\x83+\x9d5+s\xafU-\x03F\x8c;@R\xef\xa3\x10*\x1c\xcar\x9b\xab\x0e\xd0=\x98\xcb\x84P\xbc\xc1\x9a\x0e\x87\x95\xca\x07\xca\xb5\x9cR\xf2Q\x01\x90\xa8\xd3*\x8b\x03Ry\x93\x1b\xe96\xa2[\x98\xd8\xb4\x97\xcd\x00Dir\x94\'\xda\xb4P\xf5hFd\xc6\t\xa5\x1bM\x80s[\xe7r8W\xfd\xf1\xe4\x1c"\x1e]=\xc5\x80O@\xa7n\xe9\x0bdsl\xacRF\x17\x16\xca4\xd44\xcb@\xce\xe2JF\x95\x01\x11\'\xf6\xecH{\x96\xe3\xbc\x04\x04\x82\x8c\x98\xf1\r\x14\xea\x89\xde@\x93\x13v\xf5\xe1\xd2\x8e\x05\\mXE\xd84E|19\xb7\x13\xbf3\xf8\x8e\xb9\x05\xc7\xd7L\xe3\xe6\x06\xdcA\xb5\xfel2\x91\x11\xb8\x82\x8a\xfe]?\xb5\xbf\xbco\xe4\xd9\xbcf[\xe3"\xf5\xd5N.\x86\xbc\xe3\xbe\x86ue\x0fS \x10\xca\x0f\xadjSM\xe1+5\x80Q\xe9\x112:\xe9\x03\xc0\x9dC\xab\x11\x91Z\np\xd6\xaa&lt;0\xde\xff\xc7\xd3\xf3\x88\xbfd7U\xe9T\x01\x98\xd17\t\x11O\xac\x9b\xael[\xe4\x08"\xca\xe8\x0eDKm\x00\x03\x15E\xa7~\xb4P\x85WW\xca\xb9\x8c\x07\x81 \x13\xa33"}\xf4\xeb8iTB|~}\xdf2\xd9+\xfc\xf9\xf4|f\x88\x03\x00x\xe9\xd6zyi\x17~\xbc5[\xc8\xbd\xa4,\xd23\xdc\x05\xf1\x7f\xd4\xd4\xe1\xed\xf5\xfde/\x9f\x0e;\x10q\xcb\xcc\xfc\xd2\x13\x16\xe5\xd0\x18b\x1c\x89.\x03\xa1\x8c#\xa7\xf4x\x1c2\xbdOb\'W#N\xaa\xea\xd6\xd6\x86\xfa\xd1\xea\x03\\\xd8&gt;\x9fr\xe9\xe3\x8aA\t\xfe9\x11\xae\x8a\xcfL\xd9\xc9\xd5\x08K\xe2\xd1L\x0e\xf9s\xcb5\x89\x9ef\x8fNm\xca\x89te\x1f\xd0\xd7L\xfe)\xe3\xf9=S\xcb\x93\xd07\xa1\x942{`W\x0bU\x08k\xa5e(\xb3\x03\x90\x0e\x80\x8cJ\xc5\xf2\xf0\xdc\x1f\xd65$#\xa8\xf5\xb9-s\x02\xc5\xb9\x85H\xca\xa4\x9cX\xfc\xf1\xf7\xd2Q\xd9,;\xd4\x89=;\x06\x9a6\xe0\xc4!\xa3W\xb4\xc7\xb7G\xa7\xf8;\x00\x86OW\x91\x93\x81\xd4b\x8c\x91VJ\xd2\x1b6\xf4\x89\xf1\xf2\xd6S\x1b\x93\x11%p\xbc\x7f\'_\xa5\xd8C(\xb7\xe0\xcb\xcb\xc3\xba\x86pR\x95\xec?&amp;yxe\xd4\x02h)\xb7\xc1qs\x80!\xc9\x81\xbe\x06u\xd8\x14^3\xb1\x8f\xc0\x11D\x1c\x92\x1c(\xc5}\xbb\x07\xdb\x9f\xdb2\x87j\xfa\xb9u\x9f-gx\xe9\xd6\x9a?4=\xa4\xa5F\xac\xb3\x81\xb2m\xe1\x00\xea/\xfe\xfe\xe6Aj\xa8\xc4&amp;QGW\xdfV\x81\xa6\r\xda\xb4P\xb0K\x07\x81 \t\xa1\x96\x9a.\xdaU$\xca\xecXJ\x90zM\xa0[[\x1bD\xbc\xb6w\xa9t\x97k\x01P\xd9\x13\x15\xb6\xfeD\x9bfQ\xde\x9e\x942\xe2\xad\xa7\xd6\xbb\x83\xa7&lt;jVJt\x15o\xc2\xb7u\xd6P\x00`\xe3\xe0\xef\xd0\x08X\rO\x08\x04y\xa0\xc5\xae\x8d\x987$mQA\xf7=\x0bGK}\xa3\x91i\xe1\xa5*8S,\x9c\xecm*ry\xc7\xba\x94\xae\x97\x14\xc5vd\x86:L\xeb\x93\xd8\xd1\xa9\x84\xfbX5\x80\x0e\x0e\xa5\x7f\xcfK2\xf8\x83\xa2[\x00\x94W\x17\x00B\x99\xc7\xaby\xad\xe1)\xa1\x9bf\x0c\x12\xd0\x8b\x90\xd3\xb0\x91$\\\xad\x98\xd8\xd5\x07\x00\xa8\n@y|U\x1c\xe6\xe6w#!\x84\x84R\x8d:\x80.\x80c\xe3\x12M~g\xef\x96\x9e\xcd\x89\xd7\n\xa1|\xd2\xd6\xa4&gt;\xedq\xfb\x86\x10h\xfa\xc7\xcd\x87\x13w\x00\xaa\x03p\xd1*/\xe9 \x08\xa5\n\xf6\x0b\xdc&amp;tk\xa2\x95\x00\xfa\xc4\xb4I\xf5\xb7\x12\x16\xab*[\x89\xcdGgD\xfe\xfb\xf7\x19e[A(\xd5\x9c\xdb2\xe7\xfa\xde\xa5\'\xd7\xcfxw\xe3\x00m\x01}\x15\xf0\xd2\xe5\xd8\xd3\xadw\x07OD\x1c\x9d\x1e\xc9m\xb5\x04\x02\x00\xc0\xea\t\xbd\x87$\x8b\xcc\xcb\xca\x0f\xe2+\xfc\xf9D\xc0\x97\xd4\xaa\x0e\x1cY5\xb9\xacO\xccS\xfd\xad\xc9D\x9bsl\xeb\xc1\x96\xc2|e[\xc1\x19^\xba\xb5\x10\x11\xdf\xdf\xa0\xfct\x1c\x1b\xab\xe4F\xb9M\xeb]"\xe3\x98\x1e\x00\xe7Y\x1dr"\\)\xc7 \xe6\x04\xf4\xc4\x0b\x88 _\xe6\x0fIC\xc4\'g\xb7\xca\xcf\xe7R\x00E\xee\x7f^\xdb\xb3\x84\xa5v|E\xc0\xae&gt;p\xb2\xe6`\xab(94\xde\x9e\x93\\\xc5n\xed\x1bB\xf7\xe0\xd6\xf8\xbf\x07Ww/\xb6P\x85$/s\x0f\x1d\xc1e\x1e]\xeenG\xb5\xf7\t\xee&amp;\xd4\xe8\x84Y\xfe:\xca\xae"G\x83\x10J\x19e.\xa7\x92\x9c\xa0]7\x039\x8c\x13\xcb\x10\xba\x00\xe1V\xda\xc9^\xe6\xf3\xf2\xbb\xf1\x07j\xd5\x03\xb8wl\xdd\xac\x01]xG\xf6-\x1e;9\xb7\x13\x9b\xa6\xed\xe3\xed\xc3\n\xf3/^=\xa1\xf7\xe4\xdcN\x0c\xe3m\xd9#.)x:\xe7T\x07\x10 b\xe3\x81@(u,\x1a\x9eY\xba\xdd\xc7\xa5\x87\xfd\xdeF5\x80\x88\xd2\x9aNG\x89\xe0\xdb\xeb[f\x0e\xe9\xdf\xc9wz\xdf$~\xd9\x1d}\x15\x9838\x95\xbf\xb9\xaf\t`Z\x9dU\xbe\xc3a]\x82\x15\xec\xb6\xcf\xb0y\xe6\xc0\xb5\x9a\x84a%pk"\xfe\xf35\x01\x88n\xdd\\\xc1\x12x\x84\n\x8d\xb9\xe8\xe5 \xe6\x1cF\x15\x04\x81\xc0\x05nu\x8a\xca\x04\x96\xaaP\x07\x80?-\xcb\xd0\xceA\xdd\xda\xdad\x85:\x12!\x1c\xa9\xb1Q\xa7\x8f\xda\x9b=(\xa5\xab\x8f\xa5\xa2\xad!\x94-L\xb8\x08-%\x03\ry\xd0\xc1\xa1\x05\xff\xa0\xb8\\\xa6\x10\xa8*\xd4/r\x05W\x93N\x01\x9f\xe6\xd2\xc6\x90\xceA\x0b\x86\xa6\xff\xf7\xf7\xd9K;\x17*\xdb\x16BY\xa3!\xc0\x89u3\xd6L\xea3 \x8e\xc8N\x95:\xca\x90\xef\xac,\x13&lt;9\xb5\xafi\x016\xb4\xc7\xf7/\x19\xc7\xbe\x92\xe1)\xa1\xf8\xfb\x99\n\x80\x9d8\xaf\x80/w\x8f)eB\xb7|L\xce\xd1\xd5SzE{(\xe3\xe6e\x15e\xa5\xc2-u\xbc\x05x\xf5\xf2\xa5\xbaz=M-\xad\x9e\xe1.\x02\tu\xdb\xdb\xeb^\xdc&gt;\x9f8\x1d+\x8b\xb7\xca\xbbu\x9c\xabQ\x9f\x0e^\xec\xcb\xff\xe4{\xed \xe1\x90^\xc0\xdf\xd6\xad)7\xabA\xff\xfe\xfb\x1f\xedq\xef\xb8X\xf6a\x89\x9f?\x7f\xc6W\xaf\xaa\x01\xa8\xab\xd7fvbR3p\xfdGB\x0b\xa5\xa3\xbd\xbd.o\x07 \xc2\xa6i\xa7\xbe\x93\xdc:d\x8f_{X!7\'T$\xf8\xf5\x87\x95m\x8b\xac\x1cX6^\xd9&amp;\x10\xe8\x89n\xdd|`\xbc\xbf\xb3f\xd9\x1e\x96!bz\xa0\x9dD\x97\xb4\xaa-\xa5s3\xbf*\\\x90Y\xc3)\xbd\xe2\xa5\xaa\x86@\x10\x8dg\xf3\x9a\xe5\xa9\x038\xbfu^E\xf6\xb6T.\x0ckYz\x00\x8b\n\xbaw\xf3\xb7\xe6\x1d\xe1\xf7\x95\xd2\x95\xf6\x8e\x8a\xcf\xe3\x85\x1fnJ\xa1A\xed\xa2M\xbc#\x08\xa5\x92i\xbd\x13\xfc\x8d\xd4\x9d\xb5*\x8b/Z\x16\xe0(\xf9&lt;A\x0c\x88\xaf\xb2\xc3\x9c\xa9\xd7.\xdaU\xf0\xfd\x8d\x87\'7&gt;&gt;\xb3\xe5\xfe\xf1\xf5\x00\xe0cP\x87y\xb7\xa9\x95\x1a\xe0\x8f\'9\x11\xae\xd4[\xbbbg\xf7\xe5crZ\x00\xb4d\'\xacP\x15\x00\x11\x05\xfa\x00\xe1&lt;n\xbe\x06u\xb9RN\xae\x0b\x10i\xab\xd3\xc1\xa1\x05\x9b4D\xee:\xd5\x1b\x16/C/\x1f\x93\x83\xbf\x9e\xea\x88\xb9\x82@P8mZ\xa8\xda\x95\xb5X\x13-e\x1b@\x98\xd8\xfd\xb9\xc2x\x00\x00 \x00IDAT\xb3#oS\xb7\n\xc0\xf4&gt;\x89\x9e\xcdk2\xf8\x07\x0b\x93\xca7\x1b\x88\xb4\xd1\x01\x80\xbe1m\x10\x11\xdf\xdd@\xc4\xdb\x87V\x95\xc2\xf9(\xe2KD\xbc\xb2{\xf1\xb6\xd9C\xc5\x16\x1e\x95\x1e\xc1[\xc4o\x0c\xb0c\xeep\x86\xc2\x01&amp;$&amp;\x9d@`\x84\x1a\x17j\x03\xfcxr.\xd2V\x8e\xc3\xa9\xb2\x98\xc1FR\x9a\x02\xec\x9c?\xa2\x94x&gt;R\xd2\xfe\'\xd6MG\xc4\xdf/.Q\x1d\xc0\xceyL-&amp;\x1bFv\x0b\x93\xd94A\xfc\x8d\xeaut\xd2\xa7\xa6\x14\xd6ua\xee\xe0\xd4J\x00:\x00\xb2\xc4\xfeut\xd2\xa7\xed\xedF\xa5G\xc8P+\xa1b#\xcb\xb2\xa3Da\x8d\xf5\x00\x1c\x1a\x83\xbb\x8e\xdcC|x\xd1\xa1\xd2\x89/6\x01\xd85\x7f$s\x19j\xc8f\xc6\x89\xa4o\xa9\'\xc4BC\xc6\x14\x0e\xdd\x83[\xff}f\xcb\xfc\xa1\xe9\xb2\':oT\xec\x8cpv\xf3\xec\xdb\x87V1\x94\xe4\x0f\x86\xca\x8b\xf6\x10\xc8gS\xd8/\xb99@z\xa0\xdd\xa0\x04\x7f)\xe6\x10q\xaeF\xec\x0b\xcf\x1d\x9c\x8a\xf8A\xd2[\x08\xb3~\xea\x80\xf3[\xe7\t\x1f\xcf\x8br/\x7fyo\x08\nBW\xc2\xf2\xfb\x16\x8f=\xb8l\x82\xd4\r\x82U\x1d\xd0\x00\x98\x9b\xdfmRN\xac\xb4u\x88!#\xa8\xb5\x8c\xc1D\x0b\x0b\xbascJ9B\x96]\x13\xd3\xeaE\xad\xb6D\xbe\xa4\xa2\xe8\xd5\xde\x03\x11\xc5\xf6\xbec2\xa2\x9a\x02\xd85\x00\x01\xcf\x85\x9a\x00\xab\'\xf4F|\xdd\xa6\x85j\x8f0\xa7\x15cs\xa9Sf5\xa0 %\xd4IC\xbe\xdeGR\xd7n\\\x05zE{\x08L9k\x03,\x1d\x95\xbd\xb0\xa0{a\xff\xce\xb2ZF 0sf\xd3\xec\x01q\xbe;\xe6\x0e\x97}\x1c7%/\xee\xf9\xc5\x9d\x0c\x05\x12=\xcd\xc4V2:CdDB\x8c#+\xbf\x0f\xdaQ\x93\xb7^mD\x1c\xdb=\x9a\xf6\x12\xce\xb5\\J\x0f\xf2\xde\xdf\x9f\x90\x1d\xc3\xff\x96\x93\xa4\x98\xa2h\x0c\x80_\xee"\xe2\xf69\xc3\x04:\x80\xc6\x00\x13\xb2c\xa8\xb7\r\x00\xda\xdb\xeb"\xa2\x93f\xa5T?\xab\xa9\xbd\xe2\x19B\xa8zE{\xe0\xff\x1e\xf0\x1f\x19\xda9\x98\xf2%c\xbf{lR\x15\xa4\x0b\x10\xf3\xd6S+\xe8\x1a\xea\xacY\xe2\xaf\x14`R\x1f\xdf^G\xfc]\n7B\x08\xe5\x8a(\xbbf\x88\x88\xef\xaes\xa5-\xae/\xfa\xd4\xbc\xfcn\xbf_\\\xaa\x07\xc0\xbc\xe1%\xdd\xea&gt;sj\xdb\x1a\x00\xb3\x07\xa5\x94\x0fWWI\xb1g\x17j&lt;(\xc1_\xf6ara\xbfdD\x14^\x10oY\x0b\xbc\xf58p\xd1\xea\xe8\xac\x8f\x88\x88_\xf4\x8a\x9bx\xfe?\xa8\x85*\xfc}v+u\xbb\x95\xe3\xf2\x9e]\xd8Q\x90\x12\xda\xae\x95V\xa2\x87)s\xb5I%\xd3\x8e\xc68\xeae\x85:\xcan-\x1b\xda\xdb\xeb\xae\x9b\xd2_83sN\xa4\xab\xa8\xc7\xb5b&gt;\xc6\x04\xb9\x90\xeag\x85\x887\xf7\xafP\xc0\xbd\xa8\x07W"_\x11~\x06%\xf83\x0c\xd3\xf5\x00j\x03\xd8\xa8\x83\xa3\x86\x8a\xf0 tB\x8f\x18DD\xfc\x17\x11\x156\xd8wm\xc2\x85\x00\x93$H\xb7\xa6o\xa1\n\x000\xb2[\xb8\xec\x1b9\x89\x9ef\xad\x85\xfa\x9b\xf6\xf6\xba{\x16\x8e\xde&lt;c\xb0\x8c\x95\xab\x02\x8cJ\x8b\x98\xda+&gt;\xde\xcd\x98:b\xd7@0;&lt;o\x7f\xc8B\xb5hV\x97\xece\x9e\x19\xe2\x10\xdc\xb21\x00\xf0.\x94\x1f\xa9\xfeV\x87VL\xe4\xbd\x15\xab\xe7\x99\x19\xe2pb\xddt\xdaM-\xc4_\xff\xdc?As\xfc\xc3M6ke\x04\x02+\xf6/\x95@5E\x16r#\xdd\xe6\xe6w\x93\xfar\x1d\x11k;\x00\xd0\xbcX\xa6\xc6E\xbb\n\xd5\xcd|\xfe\xeb\xa8@\x99U\xe3{9kU\xf6j\xceq\xf6&gt;\x066L\x1b(\xef[\xd4\x06\x18\x9e\x12\xca{\x1b\xe7f,&lt;\x96d\xa0\xadq\xbd(\xbbfTLV\xa8\xa5f\x8a_+\x19\xed\xf9\xf7\xef\xb3\x83\x13\xdb\n\x1c\\?u\x00\xe2\xaf\xfc\xa4\x00\x19+\x07\x00\xc4\x17c\xbaG\xf1\xbd\x15?\x16ng\xa9e\xa0\x02TW\xcc{~hg\xbbA,\xbc\xfb\xc5R\x0b\xe0\xc7\xd3s\xec\x1d\xc9F\xa5G\xac\x1a\xdf\x8b\xf6\x941\x89\x1e#H\x87.\xc0\xc0x\xff\xf2\x1d\x15\x95\x11d\'&lt;\xc0n\xc1\xa7la g\xd1\x81\x00\xd3\x06\x02\x8d\xad\x85\xc23\xf4\x8dJ\x8fxqq\'\xafO\xd3\x02\xc1\x11\xb1X&lt;tj\xbc\xbe\xbag\xdd\x94\xfeY\xa1\x8ey\xd1\xee\xb2\x18\x93\xe2g\x85\x88\x17\xb6\xcf\x17&gt;\x15\xdd\xba9\'\x1aj\xc9^\xe6\xfc\xb3\x1c\xfczw\xf7\x82Q\xcc\x97\xb4i\xa1\xea\xa4Y)?)\xb0\x0e\xc0\xd2Q\xd9\xbc\xef\xaa\x94$m\xf05\xa8C\xab-\xa1\xa8\xbcj\x84\xf2Em\x80T?\xab\x08\x9b\xa6\xab\xc6\xf7\xb2\xe2*\x02\x12\xc0\x82\xa3q3\x87\x99%\x11\x91_,\x85\xc7\xea\t\xbd\xa9\x0e\x80MR\x91R\x85\x14"\x16*2\x84\xc5Q-`u\x80\xfb\xc7\xd7S\xd9\x07\xc3\xadd\xd2\xd1\xc8O\n\xb8wl\x9d\xa8(\xd90+\xed.&gt;\x96\x00\xd0\x18`\x8c\xe8}~\xceY3\xb1\x0f\xf5&lt;\\\xd9\xb5x&amp;_\xea\xb1R\x82\x1a\x00\xed7\xc6\xb0\x97\x06\x00\xf8\xe3o9\xd9C(\xdb\xa8\x01\xf8\x1b\xa93\xc7Iy\xe9\xaa\xb6e\x97j.\xce\xcd\x98j\xf9u90\rj\x03,\x1f\x93\xc3^\xa3\x91\x19\x06\xf9\x8a\xc7\xa77#br\x9b\x96,\xab\x92G\xc4\x90\xb2Hb\xe1gE\xa1Q\xfcb\xe9\xa8\xecw7\x0ex4\xab\xc1\xd2\xcb\xb6eM\xc07W\x85\x8f;6V\x99\x9c\xdbI\xd4U\xfd;\xf9\xf0\x96\x98\x06\xc6\xfb\xb14\x92\x13\x10\xdf"b\xeb\xb2\x13l+v\xb6\x14l^~\xbd\xd6\x08\xb2\xc3\x9c\xa1\xd4\xa11L\xec\xd9\x91M=s\x07\xa7\xce\xe2n\xd0\x14\xeff&lt;\xb5w\x02W\xb51#\xbc\x15\xc9@\xbc\x9bq\xc5\x94\x97\xa0T@\x82[6\x1e\x10\xe7\x9b\xeao\xcdR\x14$\xd4B\xf3\xe0\xb2\t\xb4\xa7\xca\x7f\x08\xb5B _#A\x8eP\t\x00z\x86\xbb$\x88s\x8f\xe3\\%H\xaeN\xe2\xf2\xa3]\xa9O\xeb\xd8\x00@\x96\x04\xe2\xa2\x12\xd9s\x88\x16\x80\x11\xbb\x90\x04\xe2\xdeBaZ\x8d\xc9w\xb6:\x80\xafA\x9d\xb2-\xae-g\xc8\x97C\xcf?\xff\xfc\xd3B_\xaf\xb1F\xe3\x13Gn1\x97|\xcf\xf5\xad\x9f\xc9pm\x1d\x00M\x80\xa1\x9d\x838\xb3\x865\x07\xaf\xbeT\xfcM\xd9S\x17\xc0\xc5R\xd3\xd2\xda*3\xc4A\nq\x82\xc9\xb9\x9d&gt;\xd2gU\xe1\x92\x97\x00V\xb6\xba\xc2\xc7\xb7\xce\x1a\x8a\xf8\x83\xf7vtF\xe4\x99]\x8b\x101\xd0\xb4T/\xd9\x84Zh\xb4k\xa5%\xd7m\xa6\x9bon\xff\xf8\xf1C\xd4\xd9\x0f\x0fN\x8e\x9d:y\x06\t\x15&amp;HJ\x17\x1f\x8b^\xd1\x1e\x8a\xf6Q\x97\x96x7c}\x00\xde\xa6\xc5\x7f\x7f\x9f\xcdO\n\x14.&amp;V\xa5\x9d\xd9\xeb\xc3[\x8f6\xe1v\x99!#\xc8n\xf1\x88,_\x83:\xdb\xe7\x14\x94-\xd9\xe1[\x07W"\xe2\x86\xa9\x03.l\x9b\x0f\x00_\xef\x1fG\xfc\x1f""\xfed\xef\t\xd3\xab\xbd\x82r%\xf2\xf6\xaf|\r\xea\xb0\x8c\xbaX&lt;"\xeb\xbf\xbf\xcfJq/\xde\x8a\x9c:\xddYN\xb2|\x13*"c3\xa3?\xdd9"\xea\xd7\x95\xe8i\xd6=\xc4^\x1e\xf7\x95=-\xb8\xa5\x1a "\xfe\xf7X\xd2\x0b\xf1\xf5\x95\xab\xbb\x97\xb0,\xdc\xbf\x93o\x99\x93\xc8\x06\x00g\xcd\xca\x9e\xcd\x8a\x1a(\x0bU\x8e\xfd\x08\x9d5+\xf3\xbc\xd29\x1f\x99\xdb\xd6\x838W\xa3\x05C\xd3\xf9\x0f\x1a\xb2\x96\xb0H\xf40]&lt;&lt;\x93k\xa3hP\x05\x08+v\x94\x92\xc8\xd9v|\x8f\x0e\xb2\xdc\x97hX\x11\xb8dn~7D&lt;\xbcr\x12\xed\xd9\x7f\xff&gt;\xc3\xde\x93D\x00\xe6p\xff-3\xf3\xa9\x17Qv\xd2\xe5\xc8\x03\x00X04]R\xf7VJ\x17L\xa2\x00\xfa\xb2\xd8\x01\xf0\xe0|\xa3\xe5\xfc\xb6y\x88\x98\x9f\x14\xa8\\\xe7\xf4\xc2\xfe\x9d\x11Q \\\xb9\xbd\xbd\xee\xd8\xcch\x19[X6${\x99\xef]4&amp;L6OY\xe9\xa0uw&amp;\x10\xa4G\x1er"\xcd\x01\xb6\x14\xe6\xf3\xde\n\x08!X\xd5\x01\xc4\xef}b\xbc\xa8\xbb\xb3\xdc\x0f\x94\x1a~\xc1\t\x9e\n\x90\x12\x15T\xa6\xf7Id\xd3\xe9q\x12\xdf\x9f\x17\xed\xce]\x04\x08h\x17?-\xc2jQ\t\xee&amp;\xaf\xaf\xee\xe1\xeeVb\x082k\xc8\xffG4\xacL\x19\xb0W\x1e\xf9\xec\xd6M\xe9\'p\xc4\xa3\x19\x87A,l\xa1\r\xeb\xb6\xaa\x03=#\\\xcc\xe4\xae\xbfN(\xd7\xec[&lt;\x96MzkU\x80G\xa77\xb3\xa9\xb0O\x07/~\xf7\xb5-3\x87\xf0\x9f\xa5\xa4\r\xe7\x0eN\x05\x00D\x94=\xdd\x07\x03I^\xe6\x88\xc8kK\x8d\xab\nJ\x07\xf3PUT^Y6\xcb_\x0fOmB\xc4\xa1\x9d\x83\x86$\xd3lr\xb0\'\xce\xd5\x88\xa5\x00\x9cX\xfa\xc4x\xf1\xbe:\xe1VvJ^&lt;\xe2\x17E:HE\xd95K\xf62wh\x0c\x9bf\x0c\xde4c\xf0\xc9\xf53n\xec[\xc6;\x9b\x16`\xc3\x95;\xef\x97\xbb\xc7\xf8\x03V\xea\x01\xc8\xb5\xbd\xbd{t\xed\xcbK\xbb\xc4\x16[3\xb1\xcf\xf69\xc3\xceo\x9b\xb7nJ?%tG\x84\xb2\x85k\x93\xaa\x9cD\xc3v\xf5\x95F"F@\x94\x86jD\x8e\xae\x9eB\xbd~tj\x93\xfc$\xdaU\x01\xe6\xe6w\xe3\x0fv\x13\xd5\x01\xb0\xf4~\xf4l^SNs\x7fG\r\x95;\x87WO\xef\x9b\x04\x00W\xf7,A\xc4yC\xd2J\x89J\x01\x004+\xfa\xea~\xe2\xab+\xc2g[\xd5\x86\x82\xae!\x8a\xb7\n\x00\x16\x16t\xbf\xb8}\xfe\xae\xf9#\xf9\xa5\x81&amp;\xf6\x945\x17\xc5\xf7G\xa7\xa9\x89\x8ey\xc9\xa9\x98\x8a&lt;\xd3\x04\xbd\xbfy\x90z8\xb7\xce\x1a*\xb6p\x90YC["\x13A`\x83\x8bv\x15\xd9\x97\x028Q\xc8\x02\x80\x8f\xb7\x0f!"\xa5{un\xcb\xdc\x1ds\x0bL\xaaI,\\#5\x1b\xa6\rDD\xfe&lt;\xb4\xa5\x816-T#mt\xf8\xb3\xa9\xc481K\x00(\r\xda\x04s\x89\x1e\xa6\xa77\xce\x14\xc8\x07\xa0\x18\xa8\x16\xf3\xe6\x81\x15!-5\xc4\x97f\ro{\x89\xff\xa1\xb7P\x85I9\xb1\x88\x1f\x9f\x9e\xdfF\x1d\xd98m \xd2\xa9^KGV\xa8\xe3\xb6\xd9\xc3\x10_\xb0\xd1\xcb\xab\x0b0(\xc1_\xc0eM1\xb3X\x02Az\x92\xdb\xb4DD\xdexm\xff\xd2q\xf8\xee\x06\xfes\x8f\xcd\xb5\r\x00\xb6\xcf)\x90\xe5\xeef5@\xec\x06\x00o\x88\xd7Q\x81\xadpY\x89@f\xd8\x15\xaf\x01pv\xf3\x1cQ\xf3#9m`\xaa\xb1\xd0K`\xcf\x81e\xe3\x19\xfc\x80\xbd\xf5\xd46L\x1d\x80\x88\xbf\x9e_\xa0\x8eL\xec\xd9\x91\xfd~\x92\x0e]\x96\xe9\xec0g\xe9L%\x10\x98\xf07\xae\x97\xece.\xa7\xa1\xae\xd4R\xfe\x14]},yKR\xb6\xf5\x8a\x06q\xea\xec\xae\x95\xd1\xe99\xde\xddds\xa1\xacz\xf4\x04\xa0\x1blV\xa5\xc6\xe3\xdf\x1f\xd2\x96\xef\x19\xee\xd2\xaeU\x89n\x8e\xbdT\xb2bpkZ\r\x113C\x1c\x18\xcaX\xaaB\xa8\x85\x06\x9b\xbdf\xcb\xe2~$=\xd0vPB\xdb\xacP\xc7\xb7\xd7\xf7\x9f\xdaP(P\xec\xd7\xf3\x0b\x02\xcb\x8f\xdb\xe7\x0cco3\x81@CG\'}D|{}\xff\x91\x95\x93\xe5Q\x7f\xa4\r\x971F\x1b\xa6\r\xd8\xbbh4\x87\x15\xf2\xb0,\xe9\xae\xa2\t\x80\xf8\x0b\x11\x15/\xd7\\\x16\xa9\n\xc0\xa0\xfd\xea\xa4Y\xa9oGo\x81\x83;\xe7\r\xf73\xa4\xf1X\x89q\xd4\xb3\xad\x07\x93s;\xf1/[\xaf\x9d\\\xba60k\x02\xe0\x9b\xab\x99\\\xc4\xbe84\x02\xfc\xefq^\x94;\x00\x8c\xcd\x8c6\xab\x01\xa6\xd5\x01\xbf?\x14X\xdco\x02\xb0w\xd1h]\xbe#\xe3\xb2\xda\xbf\xbc\xbc[\xba\x9b\x9e\xdd&lt;[Z{\t\xe5\x8e\xd7W\xf7\xbe\xb8\xb4k\xcd\xa4\xbe\\U8\xa3_2\xef\xb5)\xa7\x8a1g7\xcf\x0e\xb5\x10?\x8f\xef\xe8\xa4O-\xc8J\xba\t[\x1f\x80\xdagv\xd5\xaeJ\xcd6:\xb9\x1aJnf\x85\xc3R\r\xda\x1a\x8b\xd9gdV\x1b\x04\x80\xd6\r\xe0\xef3[\x10\xff\x19\x14\xef\xbfnr\xbfC+&amp;\x1e\\6\xe1\xde\xb1u [\x1azy\xb0\xb0 \x03\xf1\xdd\x8e\xb9\xc39\x91&lt;\x17^\xf2z}u\xef\xe8tA\xf9k\x9e\xeb\xaag\xf3\x9a\xadj\xc3\x94\xbc8\x892\xf9\xf0\xd3/V\xb0?&amp;T\\l\xd4\xc1\x86;\'\x01\x87\xc6\x80\xf8\x91\xf7V\xc0\x13\\\xc6\x99\xfc\xd0.\xc1l\x8a\x1dY5\x99\xb7\xf6*)\x96|\xeb\xba\xdd\xdar\xbc,\xd6\x99\xb5\xdc\xb4\xd4\xa4\x05\xd8\x0e\xed\x12&lt;"5L\xe0x}\x80(F\xc5o\xa9\xd9\xbdp\xd4\x95]\x8bXz\xbc\xa83\x9e\x8dn\xdd&lt;\xc6Q\xaf:@go\x8b\x99\x03\xba\x84[5\x91=\x14\x9c%u\x01\xc2ZiM\xed\x15\xff\xfd\xf1i\xb1\x85\xf1\xd7</t>
        </is>
      </c>
      <c r="E163" t="inlineStr">
        <is>
          <t>&lt;class 'numpy.ndarray'&gt;</t>
        </is>
      </c>
    </row>
    <row r="164">
      <c r="A164" s="1" t="n">
        <v>162</v>
      </c>
      <c r="B164" t="inlineStr">
        <is>
          <t>steps_per_sec</t>
        </is>
      </c>
      <c r="C164" t="n">
        <v>2400</v>
      </c>
      <c r="D164" t="inlineStr">
        <is>
          <t>3.3636088</t>
        </is>
      </c>
      <c r="E164" t="inlineStr">
        <is>
          <t>&lt;class 'numpy.ndarray'&gt;</t>
        </is>
      </c>
    </row>
    <row r="165">
      <c r="A165" s="1" t="n">
        <v>163</v>
      </c>
      <c r="B165" t="inlineStr">
        <is>
          <t>Loss/object_center</t>
        </is>
      </c>
      <c r="C165" t="n">
        <v>2400</v>
      </c>
      <c r="D165" t="inlineStr">
        <is>
          <t>0.27780035</t>
        </is>
      </c>
      <c r="E165" t="inlineStr">
        <is>
          <t>&lt;class 'numpy.ndarray'&gt;</t>
        </is>
      </c>
    </row>
    <row r="166">
      <c r="A166" s="1" t="n">
        <v>164</v>
      </c>
      <c r="B166" t="inlineStr">
        <is>
          <t>Loss/box/scale</t>
        </is>
      </c>
      <c r="C166" t="n">
        <v>2400</v>
      </c>
      <c r="D166" t="inlineStr">
        <is>
          <t>0.062737115</t>
        </is>
      </c>
      <c r="E166" t="inlineStr">
        <is>
          <t>&lt;class 'numpy.ndarray'&gt;</t>
        </is>
      </c>
    </row>
    <row r="167">
      <c r="A167" s="1" t="n">
        <v>165</v>
      </c>
      <c r="B167" t="inlineStr">
        <is>
          <t>Loss/box/offset</t>
        </is>
      </c>
      <c r="C167" t="n">
        <v>2400</v>
      </c>
      <c r="D167" t="inlineStr">
        <is>
          <t>0.2129953</t>
        </is>
      </c>
      <c r="E167" t="inlineStr">
        <is>
          <t>&lt;class 'numpy.ndarray'&gt;</t>
        </is>
      </c>
    </row>
    <row r="168">
      <c r="A168" s="1" t="n">
        <v>166</v>
      </c>
      <c r="B168" t="inlineStr">
        <is>
          <t>Loss/total_loss</t>
        </is>
      </c>
      <c r="C168" t="n">
        <v>2400</v>
      </c>
      <c r="D168" t="inlineStr">
        <is>
          <t>0.5535328</t>
        </is>
      </c>
      <c r="E168" t="inlineStr">
        <is>
          <t>&lt;class 'numpy.ndarray'&gt;</t>
        </is>
      </c>
    </row>
    <row r="169">
      <c r="A169" s="1" t="n">
        <v>167</v>
      </c>
      <c r="B169" t="inlineStr">
        <is>
          <t>learning_rate</t>
        </is>
      </c>
      <c r="C169" t="n">
        <v>2400</v>
      </c>
      <c r="D169" t="inlineStr">
        <is>
          <t>0.001</t>
        </is>
      </c>
      <c r="E169" t="inlineStr">
        <is>
          <t>&lt;class 'numpy.ndarray'&gt;</t>
        </is>
      </c>
    </row>
    <row r="170">
      <c r="A170" s="1" t="n">
        <v>168</v>
      </c>
      <c r="B170" t="inlineStr">
        <is>
          <t>train_input_images</t>
        </is>
      </c>
      <c r="C170" t="n">
        <v>2400</v>
      </c>
      <c r="D170" t="inlineStr">
        <is>
          <t>[b'512' b'512'
 b'\x89PNG\r\n\x1a\n\x00\x00\x00\rIHDR\x00\x00\x02\x00\x00\x00\x02\x00\x08\x02\x00\x00\x00{\x1aC\xad\x00\x00 \x00IDATx\x9c\xec\x9du`\x1bG\xda\xc6\x1f\xc7\xcc\xcc\xcc\xcc\xcc\xccl\xc7\x89\x19b;v\x12\x87\x99\x999M\xd2p\xd2\xb4I\xb9)3\xd3\x95\xdbk\xef\xae\xd7\x83\xb6\xc7\xcc\x0c\xdf\xcd\xf7\xc7X\xe3\xd1\x92V\xb2\x9d\xb4\x89~\x7f$\xf2j\xb5ZI\xbb3\xef\xbc\xf0\xbc\x80\x11#F\x8c\x181b\xc4\x88\x11#F\x8c\x181b\xc4\x88\x11#F\x8c\x181b\xc4\x88\x11#F\x8c\x181b\xc4\x88\x11#F\x8c\x181b\xc4\x88\x11#F\x8c\x181b\xc4\x88\x11#F\x8c\x181b\xc4\x88\x11#F\x8c\x181b\xc4\x88\x11#F\x8c\x181b\xc4\x88\x11#F\x8c\x181b\xc4\x88\x11#F\x8c\x181b\xc4\x88\x11#F\x8c\x181b\xc4\x88\x11#F\x8c\x181b\xc4\x88\x11#F\x8c\x181\xf2\xd5c^M\xdaM\xfcvF\x8cL/\xe6\xda\x7f\xda\xdd\x98\xb3\x98\x14NS\xb4\x8f\x1f\x90\xeal\xc8\t$\xd8\x1a\xf2*\x9e\xe0\xc9\x1e\xe0\xabKGvhe\xc4\xf8\xd7\x1ac\xa5\xb4gi\x88\xf4\xd5W\x14h#\xd8b!\xf3x\x92\xd8\xeb\xda\x81\x10ra\xdb\x025\x87\xf2\xe7\x1e\xab\xbf:\xceo\x9d\xef\xa0zg#F\xa6\x06\xb9\x1boj1\xb9\x0e\xefa(\x83e\t\x8b\x1a\xb3\x83e\x06\xe2\xdb\xd7\rN\xed\xdbe{\xce\x98\xda\x03R\xae\xe77,\x1c\x92\xe5i\xcf\n\xf1\x9b\xc4\x1b\x95\x04\xdbz\xe8\xf9\x12\x97I\xbc\x9d\x02\x19\xee\xb8\xb0mAu\x94\xd6\xe1\x83T\xbcpA]\x86\xca\xb7\x884\xd3\xfb\xac\x8c\x18\x99\x02\x08!\xfc\x9f\xe6r\xfb\xdd\x8c8\x00\xe76\x8fVE\xeam\xfcOf\\\x9b\x0e\xd2]\xaf\xd3\x1by\x00c\xf5j\x07\xb5\xb2\xd0I\x19\xb5l\xf5\xf0\xb5\xc6\x1a\xb0\xbc\xd1\xe7`\xc4\x88,\x84\x90\xd1\xeaT\xf6\xa7\x01\xa3\xa1J\xbej.&amp;7\x80\x10R\x13\xed\n \xd7\xc7,^\x1fg\xce\xb6\xe1\x86\xe9:-\xd5\x98r\x8f\xbbr\xc3\x01\xe4\xf9\x98\x03\xf8Jy\x12\xc4^\x1a\xeb\xe9y\xa3\xd0\xe99\xac\x11#\xd3\xc5W\xc7. \xff\xfa\x92=\x1e(\x8e\xbdq\'r]\xc9\xf16\xdd2\xa7\xf6F\x9f\x85\x81\x04h\xffI\x1d\xec5\xd1n\xd3\xfa\xa6^\xfa8\xb5\x01t\xe6\x84\xcd)\x8d\x9f\xae\xb3\x01\x1a\x12\xbcb4w\x11\x7f7yN\xdf[\x1a1r31P\x12\x97\xe4\x80\xbe\xa2\xe8\x1b}"\x00\x10\x02\x00\xa8\x9c\xb6%\x88\x80\xc5M9\xf4\xc1\xd2\xd6&lt;\xf1\xb3\xe2\x91n2\x13v\xc6\xf4\x8e\xcchM\xf5\xef+\x14\xfe\x88\xb9\xde\xe3~\xe5\xf6\xac\x90\xe9}{\x19\x04\xdeE\x00\x1f=ya\xba\xdf\xb41\xd1{\n\x8f\xc6.\x03\xbd\x16.i\xae(\x0eR\x1f+1b\xe4\xc6\x91\xeb3&gt;L\xc4Z\x8d\xc7\xf7N\xac\x19\x98\xe41\x87\xca\x13\xd5\xec\x16d\xe8\xf1=\xa4\xd26\x1e;\xb5\xd5\x80C\xb9L\xff\xe8L\xc9\xf51K\x9b\xa6\x18\xa5\x86\xb5]e\x82-\xd6\xd3\x16vV\x0f\xef\x05\x1a(\x8e\x9dd\xda\x14K[ \xe4\xef\x92;\xf4\xe4G\xea&lt;\x88\xfa\xb1\xd9\xb0Y?\xdabb\xc2\x88\xd6\xf6\x82u\xe7E\x94\x85\xea\xcc92b\xe4z\xc1\x8f~3S\xfde\xf7\x03\xa0\xfa~\x88\xd5\xb6\x97\xf6\x8e\xb5\xc9\xed\xe9\xa8y`#\xda\xa2/\x06[\\\xdb\x86\xea\xc5\x1b\xa7&lt;\xcc[\x1f\xe7Y\x1e\xae\xe3\xc3UF8\xe9u\xcc\x02\x7f+~R\x91\x8c\x9a\x86\xcf\x00\x80\x08S\xf13\xfa\xd1[\x10e\xd8O\xb3ol\xd6d\xdf[5_\xfdT\x9a/\xde|\xa8$Xz\x12T\xce\x945bdZP\x93i\'\x17\xbf\x8d\xb2\xd0\x9d\x8b\xed$\xff\x94\xc2\xa04\x95\xcbx\x15\xd4\xc5\xba\xeb\xb5\xbf\x01Y7\xd7\xd3\xee\xab\x8b\xf3\xf8\xe9\xbb\x8f\t6\xeeY0sJ\x0en\x06\xe4\xfb\xaaJ\xc1\x7f\xea\xdc\x8ew\x1f9\xdd[\x105%\xef;\x85\x08\xec\x98\x9e\xfc\xc8d\x83\xed\x0e=\x99\x99\x16\xa0{\'#\xb7\x08\t\xb67&gt;7&amp;\x9c\x1b\x86yWq\xac:\xafg\x9c.\xc3{\x92\xeeg\x85\x91\xa6(p\xfc\x14\xc3\xa6\'\r\xdeWf\xfb3\x17v\xe5\xf9\x98\xeb[\x854\xe5K\n\xb9/\xbe,\xd4\xfe\x93g\xee\x08\xd2\xde\xf8\xca\xdd\x87\xf5\x9b\xe2\xa6\x82\xe1\x8a\xa4\x1f\xbcv\xbf }~\x924&amp;x\xe9\xdc\x87\xe6D}\x15\x10\xcf+\xfa.\xf2\x8c\xdc\xb4PGy[z\xe0\x8d&gt;\x91\t&amp;S\x04`\x98\t\x15\xa4k\x075\xf3P\xbc\r\xca\xc3&amp;e\xc2%h\xcf\xc3\xb4(,\x83\x1b2;s\xc3\xd8\xe3\x91\xaa\x94\x14\'\xfd\x8e\x1fa\x8a#\xcb\xbb\x05\x1b7\xf5\xd7\x0c\x95%\xe8w )\xa2\xb5\r\xdaW\xae\x1e\xbec\xc7B\xc1&gt;\xd7\x8eo\x1c\xab\xcf\x9c\xe4\x1b\xe9;\x90gy eJ#\xfa\x8e\x80 \xa0\xf1\x95\xf5\xa7\xd3\xcbVp\x9dDK\xb9P3\xf5\xadv3bd:\x98\xa6\x10\xa5\x8f&gt;;_\x87\x04\xbee\xad\xf9\x82-\xfb\x17\xcd\x16\xe4\xab\xf8\x01\x81@s\xb2/4Q\xc7\xb9\x95\xc9*\x8f/NH_1\xab\xb08\xc8F\xec5\x92\x1c\x1b\xd7uW\xa8|#Ib\xad\xa78\rf\xf2LZ,C\x8b0\x13-\xa3a\xd9\xcc|\xba1IE\xf9\xc3T\x159\x8a\x8b\xc6\xe5\xde\xbd.\xd6c\xd7\xbc\x969%qj\x0e\xbb\xa81{R\xa7e\xe4\xebN\x96\x07\xa2\xae{%\xee\xf2\xb6\xc2\xeb\xfd\x96\xf2P\x0b\xc9\x04(\x0b\xb5\x9fB\xa5\x17\xc8\x17\n\xe5\xfa\x98\x91\xff\xfcX\xbc=\xcc\x04/_9\xc4\x87\xe5\xc4I\x8d\xf5q\x1e\xe2\xb2\x89w\x1f9m\xb0]/w\x92\xeam\xc4k\xc77\x8a\xd7\x94*]\xf6\x86\xa1\xa6\x80N\x9c\x9e\xe4"\xb2\xe5U2\xc9\xa5\xde\xf5g\xa4*\xa5#;T\xe0\x7f\x93\\A.j2N\x00\xb7\x1e\xbcO0\xdf\xcf\x82\x90\x7f\xdd\xb8s\xd1\x01-4U\x8f\xc1\xe6\xfct\xdc\tMI&gt;\x9d9a\xe2\xed\x85\x01VbG-5\xf1\xf8\x94\x92\xa7\xce\xed\x14\x0f=m\xe9\x81\x1dR\xc7$\x84\x88\xc3\x12\xf9~\x16,1_\'\x99\x9a\x01#\xc9A\xbf\xcc\x96\xfb\x0e\xafa\xde\xac\xfb\x0f\xaf\xd1\xe7\xa5\x86`\xb0\x02\xc5\x85m\x0b\xc4\xbe\x9b\xeb\xe0\xcd\xf9*\xcbR\x19\xb9\xb5\xa8\xb8\xa1\xe1\xa0\xeb\x1f\x12\xe4Q\x19\xa6S\x19\x88V\xc3\xec\xcc`A\x8a\xab\xc0r\r\xd5|\'#U)\xe2\x97o\xec\xab\x12l1\x07|el\xf6\xc5\xcd9g6\xce\xa5\x8f\xa3,\x90\xef\xa7\xca\x00\xbfs\xf7\x92u]\xe5\n;\xe8\xcc\xe4Lv\x04?\xc9\xc5\x7fUK\x91,\x00S.\xb5\xec\xd0\xd2\xce\xf20\x07\x00\xd9^3\xf8T%j@($\x11E\xeb\xb3\xb0\xf1\x01&lt;4%\xd3F\x8c\xdc`6\x7f5D\x08\x04n\r\xc3\x04U\x82t\xe9\xfc\xe4x\x9b\x16\xf8k\xc5\xbf\xf8\xa0\xeb\x97\xdf\xb8&amp;\xf7B\xf5\x12\xcd\x93\x1c\xeb\x98\xe7M2\x1d0\xcf\xc7\\\xa5\xca\x02\x95\x8c?\xbdq\xee\xc1%\x1d\xe2gct\x95Q\xcc\xca\x08R\xf3.r\xb4\xa6\xfaK\xce^SN\xba\xdbT\xce.\xbf\xfc\xe8\xe9\xbdcm\x89\x1a\xfb\x9f\x19\xe9y"\xcf\xd5\xf5w\x90N\x15\xe17\xb8\x1a\xcf\x88\x11]\xb8\x01\x93O\x14\xa1\x88\x03\x9e)N(\x0fsT0\xe8\x17\xd4e\xac\xef\xa9\x14l\xcc\xf1\x9et\xfd\x12\x97g\x15k\xa8\xf9\xa7\xc6\x97\x95\xed5cneRC\xbc\x8e}\xe9\xe7\xd99\xda,~j\xb04^R\x94\x82\xb2\xb6\xab\xac&amp;F\xc7$t\xbd$A\'\x88\xb31$\xb2j\xc7\xfd\x0b`\xa08v\xdf\xc2Y\xec\xc7Q\xb0\xebY\x9a\x02\xcb\x00\x86L,]\x99\xeb&lt;\x8f\x98\x01\xb51nj\x04\x9fM\xa4BMF\x8c\xdcH\xd4\xdc-\xf9~\x16\x06\'\xe41g\x94d\x8d\xccT\rj\xcd\xc9\xbeS\xe5P\xfa\xfc\x8d\x07#L\r\x97\x06\x92\xfcDr\x13]\x98\x94\xe5\x98\xa9\xc2\x7fG\x972\xfa\x86m\xae\x0f-)~sJ\xe3\xd9*0\xcc\x04O\x9f\xdfU\x1f\xe7\xb1WT\xaa&amp;XgH\xfe\x80\xd3$/\xaa@W^\x84^\xfb\xd3\x0f\xbaV\xd1\xbf\x07\xa0=+\x84\x10\xf2\xce\xc3\xa7\x0c=/#F\xbe\x92|\xfc\xf4\xa5\xb6\xb4q3\\\x9c\x0e\x7f}\xc8\xf56+\t\xb6\x03\x10e\x0e\xb9Z|\x95\xbc\xff\xd8Y\x9d\xe5o\x0c\xb19\xab&amp;a\x91!\xb6\x07\xfb\x8ab^\xbarPn\xff\xa6\xa4\xf1\xb4[:\xf4\x7fu\xa4\x11|\x14\xdd tn.\x0c\x10\xae\xd1\x9c4\xcb/\x9ak4}m\x18\xc4\xab\xcf)Gg\xc0\x82\x10B\x08\xf9\xf1;\x8fN\xf7\x99\x18\xf9\xdaP\x18`5M\xebz\x03J\xd2\xc5\x19\xf4:\xa9\x8er\x05\x10\xa1\xe78\xf4\x15\xad\xed\xd1\xf0\xcb\x0f\x9f2\xf8\xb5\x93\xffh\xae\x8a\xd5s9^\xba\x9df\n/\x9fZX\xb2\xa3\xce)/\x00\x88\xb3Q\xdaM\xcd\xa2gJ\x02\xbcL\x1bQ\rS;\xbf\xd2\t\xe0\xc6\x08\xb7\x1a\xf9j2\\\x91$W\x1e\xd2\xaaK\xb8M\x19B\xc8\xee\xf9\xad\x92\xea\xffz%WL\t\xe1S\xe0\xea\xbf18\xa9\xd8\x87\x9f87\xf5\xd7L\xdb\xb9|]\xb1\x06\x1e&lt;\xb6\x8e\xfc\xe1\xd3\xe3\xab\xfb%\x05\xd1\x166fu\xe5\x86\xf7\x16D\xb1p\x8e;\xe0a\x90\xf7\x9fa\n\x94\x04\xa9]\x08\xca\xbdQc\xa2\xb7\x9c\x8a\x94\xa3\x9e\x93=\xd1\xf0\xc7\xef\xbe\xac\xcf\xeb\x8c\xdc\xec\xc8\xc9\xdb\x16\xfa\xcbZ&lt;N\x8a\x07Lw\x85 \'G\x80\xa4\xdfy\nQc\xa5\xdej8\xa9\xdb-H\xcf\xc3\xaa7\x8a\xf5]\x9a(\x97\x8d\xf3\xa1p5\xde2?@\xb2J\x83\'\xc5\xe9:\xb5\xb0V\xcf\xfeE\xb3g\xa5\x07I&gt;\xd5\x98\xe8\xbd\xb8)\xa71\xd1\xdbV\x9d\xde8\xe1\x98\xda\x934\xf2\xf5FNJAAbA\x9c\xcc\xa3sH\x9f\x9d\x19\x0cuZ\xea\x0c\x9d\xa3\xf8Py\xe2\xfc\xdat\xf5\x074\x0c51@~\x1c\xd4W\xfc\xff\x86\xf7\x1a\xe4\x1d#\xf5\x9a,\xa3D]\x03\xb6`\x07\xa7I\x9c\x80\x95\xbar_\xc6\xff~\xf1!{\x9c\xe9\x0eB\x88^\x16\x85a\xb5Z\x0e\xdas\x18\xcd\xb8\xd5\xb7h\x98\xdf_\xa7\xdb\xea\xfc\xd6\xf9\xca\x83\xb5?\xe0\x03TF:\x8b\xa5#(\xfc\x1dd\x9c\x00\x8c\x081\x03\x86\xca\x137\xf6U\xd3?\xff\xfb\xb3\xf7.l[\xe0\xc4\xed\xf0\xcc\x85]\x82\xdc\xb2\x1b&gt;Z)\xc0\xa2\x0e\xd6\x9cKw\xf2I*{\xe6O\x8d\xca\xf1\r\xa1[u&gt;\x89\xc0\x96W_!!\x07\x95\xd5dA\xe3)$\xdfOk}\x19$\xb3\x9b\x9c\x08\xa27\xd0\xa3NA\xba!^\xb72\xa8\x02z\xcdjb\x08\xf9\xe3\xa6\xfe\xeaI\x1d\x02\xf8\xce\x0bW\xb8\x03\x1a\'\x00#\xda\xc4X!\xde\x16\x07\x16\xb7\xd3?\xcbB\xb5\xec\x92)\x91Ns\x98f\xad\x18e\xbe^&gt;q\xc1j\x83\x86\xb8%w\xd3\xcb\xc9\xa53\xc1\x9f\xa2F\tY=\xd4\x9f&gt;\x1d\xde\xbe\xebV\xf3tc\x93\x05\xfa\xa7\xa2{\xb6\x9ff\x82|\xe4\xe4&amp;\xe3\x04`D\x1a\x16\x19\x13\x0c@\x84\x10\x85{@}\xba\xe1w^\xb8\xc2K\x812\xeb\xb2V\x13\xe0\x9aS\x1a/6\x97\xa2\xccQ\x16\xea0P\xa2\xea6\x903\xb6\xb6\r5\xa8=\xcb\xaf\x0cq\x06e\x9e\xcb\xfd\x1c:}\xdf\x14\xcfi\x90\x92/\n\xb4\xae\xd7U\xb9\xa6\x13q\x98A\xf9\xebQck\x84\xcf\xd0]\x038\x95\x93\xa1\xfe4\xc4{\xb1\x9cT\xb1\xcfJ\xdf\xb5\x05\x9d2\xbf\xf1\xe0\t\xe3\x04`D?T\xb6\x13`w\x8ba\xe2\xe3Tax\xb4:U\xb0\xdd\tX\xd8\x90e\xc8\x11U\xc3\xcb\'X\xaa\xf0\xcc\xde($\xa5\xdey\x0cH\xa2\xe5\t5\x99l\xf9\x82\x01\x18\x96g&amp;x\x95\x99F!C\x19\xde\x94Q#T5\xb5\xae+\xf5\x85\x1d\x14\xe5\x1c\xea(\xcd,\xb7\xb4%\x8f\xfc\xf5\x07\x82\x84=\x05\xb5n\xe3\x04`d\x02\x81m\xb5\xa49W\xbc\xcf\xaf?~F\xdf\xac\xcddG&lt;sq\xb7\xe1\xa7\xa5\x0bB\xfe,\x0eE\xcc)\x89S\xd3o\x80\xa5y\x84\x9a\xa0)\xc9g\xfbp#\xfds\x92\xee\xda\xe9\xc6\x89K\t\x0f\x04jE.\x9d(\x0bU\x95\xc3\xca\x8b\xb6\xa8ip\xd4)g\xb2\xeb;\x18\xb9\x00\x84\xfc\x8e\x95\xefvd\x87\xa6\xb9\xaaj#\xc3\x06\xc8@\xc0O\xff\xc2\x11\xbd\x08\x9a\x8a\x83\xa4\xb9\x08\xc30\x96\x1a\xa9\xa2X+\xad\x14\xedL\x0f\x08T`\x95{\xff\x1a\'\x00#z\xf0\xe3\xb7\x1f\t\x01r\xbc\xf4\xf3\xbb\x92?~\xf7\xaf?x]a\x07\x83C\x8cA2W\xf0\x87O\x9c\x17o&lt;\xb8x\\1-\xd9\x11\x99\xeeZ\xdd\x9d"\xcd\x11\xcc)A\n2S\xaf\x83\xa6\xa3\xc1J\x0f\x06S\x1cdS\xac:3}\xaa`S\xecTq\xed\xf8\xc6\xd5\x1d%\xf4qQ\x80u\xd8\x0c,m\x91\x158b\x0cW$M\xediL7\x87\x97u\t\xb6\xa4:\xc3\x140\x01\xfc\x01\x1b \xd3C\xa2\xb0\x99b\xa9\xb9\xb0\xd7u\x97\x0f\x96\xc6O\xfb\xb9\x1a\xb9i`\xc3Ci\xc8\xf4\x06\xc0\xf8\xec\x94hK\x03\rp^\xdcX\xd2\xd3\xcc\xca\x11\x1c\x00B\xc8\xb1\x95\xbd\xfc\xb3\x11\xa6\xf8\xf7O\xdeQ\xdf\x8a\xeb\x06\xa2\xfccH\xcaAK\xce\xd8\xca\xfex\xfa\xac\xc2O\x91\xed5C\xae\x8f\xf1\xf5\xc1\x1b\x98S\x12\x17\xa1\xed\xbdg\x9d5\xb3=M\xe4\xfc6\x9f\xbd|\x8f\xa0u\xf0HU\xca\xe43\x9d\xa0gf\xb3z\x08\xf9\x8d\xf2\x0e:\xb3\x00\xb2&lt;L\x8e\xad\xec\xbd\xbao\xb9^\xd2 F\x8c\x00\x93^\'\x9e\xd6\xa8\xd5\xcb\x91\xec\x88\xc6\x04o:@\x7f\xf4\xe4\x05\xdaxo2\xc8\xa5B3\x9c\x80{\x0e\xac\x14l\xfc\xfb\xe7o\x8e5L\x8d@\xe9W\rk\xa0&amp;\xda\x15\xda\x15U7Aw\xd8\x96\x14\xa1`\x0f?\'\xc5\xdbH\\\t\x9e\x00!\xa4\xaf0\xba.\xce\x03\x9a\x00\x80\xa7\x8akF\x19\xe5\xa1\x7f\x92\x06\x94 \xf4\xa5\x10\x91\xb6\x00\x16\xd4eL\xc9df\xe4\xa6"\xe1\xabU\xd5(\x84\xf91\x05\xa6\xd9\xf5A\xce\x16^\xdc\x9c#\xee/\xf8U@\xcek\x1d\xa0:\xcbS\x01U\x81~\x11\xc5A7\xac#\x0c\xf5}4&amp;z+\x08\\C\x93/\xd4W\x14C\x08Y\xd1V(v\xbb\x19\xa0XEq\x05\xaa\xa3\xa7EF\xcb\x120\xd1\x1e\xf1\xbfx\xf3\xa1dGT\x84;\xca\xdd\'4\xa3\x89\n\xde\x15\x07\xd9|\xc5o|#_\x03\xa6\xa9\x81;\x8f\xd3\xb4\xbf\x83\x12\xef=z\x86\x16\'KR+#\xc0r\x03\xd1\xb7uAWn\xb8\x1a#\xd4O\xdb\xd8\xbc!\xf5\x1a\xfdE1jv\x13\xfc$3\xd4\x15C\x14\x05Z\xafh+\x94\x1b\xe8\xed\xa7\xf9#\x0fr\xdd\x9bUV g\xbacCo%/\xd9F\x1f\xdb\xc8\xc7\x8d\xa8\xf6\x89\x07\xe0\x01\xfc\xe9\xb3W^\xb9\xfb\xb0\x9a\xde\x00F\x8c\xc8\x92\xe9\x8e\xf20G\x1a3Tp\x1c\xf7\x16F_\xb7S\xa2LR\xfb\xe1\xab&amp;\xf6\xa2\x92$\x87\x89\xda\xe6\x8a\xf0\xa9\xe9Z~\xfd%\xf9\xbe\x82\x18\xd0\xc2AY\xe2\xad\'?r\x92.\xf7u\xdd\x15\xbc\x03\xb6+7\x9c?\xa0r)~Wn\xb8`\x92\xd0K|\xd4\x88\x91\xa9!T\x97\xb5\x13$*;JvT\x95\xcfG\xd19vI\xbaD\x1d\x81\'\xcfnW\xfd&amp;_!\x08!\xb4\xab\xed\x14\xb2\xa1\xd7\x10\x85\xfaI\xce\x1a:\x9bV\xaaG\x10\xe5VSof\x05&lt;pt\x1d\xbfeIsn\xc4\xf4(\x07:\xc9l\xd7\xa9\xc6\xfc\xd4\xb9\x1d|\x94c\xa4*\xa50\xc0Ja\xce\xa1;\xe7x\x99\xfe\xe5\x07\xafI\xd6\xbd\x1b\x9bE\x1a\xd1\x1b~\xe9:Mw\xc8\x82\xba\x0c\xfe\xcf\xf6\xac\x10I\xebF9\xa9\x19@\xac\x95\xaah\x1e!\x7f\x93\xbc\xf7\xbe\xe2v0\xd5\xeaP\x1f\x93Oq\x82\x89\xbaT\xf4O\x9e\xbdl\xd8)M&amp;\xe0\xc0\x1c17JeA\xe0\x1f\x9fL\xb9ok\xaa\xff\xaa\xd9\xc5\x93;\x1d\t\xf8\xb4\xb4\\o3\xc1\x12E2\xf5\xd3\x038\xb5a\xb8&lt;lj\x96\x86F\x8cH\xf0\xb5p\x9d\x0c\x95\'\xb2\xc7\xfd\xc5Z\x9ee\x03\x83}FD\xec\x9e\xd7r\xa3OA\x16\x9d\x05\xb7\xaf\xdds\x94\xf7\xa1\xf16\x87\xbe\xde\xa0\xfax\xcf0\xc3\x94EePg\xc7L\x98\x02\x81@O\x81R\x06\x85\xd1\xfbc\xe4+\x8ad\xd5\xb1Nfe\x04)\xef\x90\xe51qG\n\xdc\xfd\xe4\xf7\xdfV\xf9.7V\x04\xe6\x86\xa0\x90\x1e*v&lt;\xd5\xc7y\xea+lpc\xe1?\x1d\xf5\xa5,i\xce\xa5\xad\x8a\x82\x14?;\xfd\x94V\x93H\x9f%\xe4\xf7*\xf7t\x01\x92\x1c\xa0\x90\x98 \x87\xf2(\xff\x93w\x8d\r \x8dL\x03\x93M&lt;\x14\xd1\x94\xe4\x93\xe7;\x8d\x1d\xc6\x99\xea\xf5\x93gwL\x93S\xcb\x00\x14&lt;\xc2\xd4\x0b\xe70\x89\xc0\xf5W.\x93i\xfa\xe1\xbf)\xb9xi\x96\xa7I\x7fq\x8cd\x03\xe1\xb6\xf4@\x1b\xa9\x1f\x85~\x93\xfc\xd5)\x88r\xb1?\xf3\xfd,\x0c\x96LoI\xf1k\xcf\xd2\xafcc\xa2=2=t\xebDM\xe9B\xc5\x88\x91\xaf\t\xbc\x0c5\xd5\x0f\xb0\x00v\x8e4\xdf\xb83R\x0b?\x90M_\xa7\xf2\xaf\x17?x\xed~\x81\x81P%\xd3\x0b\xc5I\xd7\xa1\x1c\x80\xb9\x95\xc9\x02\xaf`\x84)\xd2]\x01 \xd5\x191\x96hN\xf29\xbfu&gt;{\x96W\xca\x0b\xd2~a\x1aW\x0f\x10\x04\xach+4 \xb9\x08\xfa{)\x15l\x7f\x81&lt;\\\xecu\xd061\xf2u\x84o\x96+\xa9(0\xb5\x18t_\xdcrTG\xb9\xecY\xf05\xeeB3Mdy\x9a\xf0jN\xe9\xae\x90\xb4\xe2\xd5P\xe0gyf\xd3\x88x;\xdf[qaC\x16\xef\xf9\x11\x8b\xf3\x04i\x1e\xf0U#\x9b\xe7\xd4\xb6\xa4\xf8]\xe0f\x0e\xca\xa9\xf5C\n\xe7C\xc7gB\xc8\x94\x14\x979\xabp\x96\x1a\xb9%8\xb4\xb4\x93\xb6\xee\xeb\xce\x8b\xd89\xd2&lt;y\xbf\xcd\xc6\xbe*}_R\x19\xa1\x95\x92\xf9\xdc\xa5\xbdg6\x8d\xa8\xf1\xb3\'OERCy\x98\xc3\xd7N\xfeP\x9c\xf37\xe5\x85\xfe\xb1\xd6\xaa\x1a\xc9\nPn\xf5|c\xe9/\x8e\x8d0E\xa4\x19\xba\xf3"\xee;\xbc\x9am\xcfp\xd3*\xf7\xf5\x01\x1e:\xb6~\xe5\xec"9Q\xa3\x92 [zq\x12B\xf8\xe5E\x8c\xd5D\x17Lo\xc0\x0e`E\xc8\x02\xb3fA]\xc6\xcf\xde\x7f\\pXs\xcd\xbaD\xd2\xc8jN\x9eJ\x8d%\x0f\xe0\xe0\x92\x0e\xc1\xc6[0\xb2e\x04\xdd\xf9\x91l1\x18k\xa5G\xa2\xfd\x9403UZ\xef\x9d\xfc\xf7\'lP\xde;\xd6&amp;\xde\x81\xbf\x1f&amp;\xa9\xdc\x9b\xe7k\xbeK\x94\xb5bX\x0c\x93\xb7\xcd\xd8@\xa8p\xa4)\x14\x94WY+;%({\x9cV\xb4\x15*\xcf\xcb\xad2?\xba\x02S\x92\xac\xb2{~k0\xe0\x0eTE:\xf3S\xbe\x07P\x1f\xe7\xc9g\x7f\xd6\xc4\xb8\xb1\xc8\xf6\xf2\x99\x05z\xbd\x8b\xdc\xac\xe9\xa4y\xf0\xd1\x93\x17\xef9\xb0R&lt;\xfeRb\xad\xa5u;\xf4u\x19\xb1u\xbb\x95\xcc\xb7\xa7F!\xd5\xc8M\xcepE\x92\x9c`\xect\xe3\n\x10B\xde\xbc\xff\xb8\xdc\x0e\xd7\xa71\xc5\xa6\xfe\xea\x17\xef&lt;0\xdd\xef\xf2\x15d\n\x13\xc2\xa7\xbe\xa5\xaf.\xe2m\xa68h9\xbf6]nZ*\xf0\x9b\xb25\r\xedR\xd0\x94\xe8]\x17\xe7!h\xad\xaa\x8c\xe4\x8c;I\xa1:#Ft\xe0\x02\x14\xfa[\x89\xb5\x15\xa7\x04\xd6}\xf4\x9f?z\xeb\x8e\x9d\x8b\xa0\xad\xb0O\xfe\xf7\xb3\xeb3\x010\xf9\x84\x93k\xe7(/\x81\rN\x0bR\xe8\xbe4y\x9e&gt;\xbfS\xd0\xebC_\x82\xd4\xedV\x17\xe71\xa7$n2o4\x19\xc45\xe1\x00\x1a\xa6\xb4A1\x85.\xd7\xaa"]\n\xfc-\x13\xa7\xa1\x14-\xcef&lt;,\xd1\x95\x1b&gt;\xf5G7bd\xf2\xb0,3\x95\xadb\r\x83p&lt;~z+\xdb&gt;\xaf&amp;\xed\x91\x93\x9b\xa7\xb595M\xa4\xe3\xdd\xbe\x93\x97P\x90\xf4\xdb*k\xc2\x88Iq\xd2\xefM\xf7,\x98y^\x14K\xd4\x8b\xde\x82\xa8\r\xbd\x121\x9bD{d}\r\x85\xa1\xd5\x88\x17\xcd\x80R\xe1t\x8a\x13\xcc\x81,\x0f\x93\x8el\xfdr5\xad53\xbd\x9dv\x17\x8a\xeb\x8f\xf2]\xe3\'\x92\xc4\xd8\xd8W=\x1d\x8d\xde\x8c|-\xf1\x04n[\xd5\'\xd88U\xe2b&lt;D\x1b\xc9\x8d\x06L\x00\x07\x16\xb7\xeb\x94\xba\xbd\xff\xf0\x1aq5\xc1t\xa8{\xcay\x15\xd8\xbb7&amp;x5%M\xca\x832I\xf7K\xb6\xd7\x0c\xc9hGq\xa0\x8d\\\xfe\x8c\xc7u\xe9\x86\xa6\x12\xc3d\xae\x93\x1c\xb0\xb8)[\xf2)w\xa0&lt;\xcc!N\xe3p\xcfpCm\x8c[E\xb8\x13\xfbsJ\x90k\x82v\xddR{\x8f\xae\xe8\xf9\xe9\xbb\x8fI\xce\xfdFni\xc4\xbd\x81\x0c\xcb.\xd1i\xfa\xb2!~fZ\x00?\xd0\xff\xe8\xed\x87%\'\x00\x1f)\xd3&amp;\xcf\xd7\\P\x1a\xa6\xd2a\xd5&lt;\xb9aW\x80\xbe:\xcc\xfa\xea\x95F\x99\xeb!\x916%su\xb6\xe7\x0c9\x03\xf8\x06tf\xe00`\xadf\xa3\xff9\xd3\x8b\x83~\x03\xec\xb5\xd9^3\xee\xdc\xbdD\xbc\xf3\xfa\x9e\n\xc9\x83\x18&lt;[\xb8\x03\x84\x90\xd1\xeaT\x03_\xaf\x02\x1aA\x99\xd6\xb2J#_?\x04]\x1e\r\xcb\x14f\x86\xb4\xf2\x8b\xc9\x1f?%\x84&lt;}~\xa7`\xbb\xb3\xf6:@\xee\xe5\xe1RCn\x80\xea\xe9\x8a_\xd3L\xde\xd3{n\xcb&lt;\xc9\xedz\xb9t$\x07\xee)o\xaf\xe8\nl\x9f+4?g\xa6\xfa\xf3\x81\x8a\x8a\x08\xa7g.\xec\xa6%ru\xb1BO\x90\x01i\xbe\xd3\x81\x01\x0e*\x0b R{\xc4k\x88\x97U\x08-\x0b\xb5\xf7\x07\\\xb8$4\xc1\xba\'X\x93\xd8S\x1b\xeb&gt;\xa0\x89\x8edy\xea\x1d\x9c^9\xab\xa85E\xef\xb4\xa8\xc9\xf3\xc9\xb3\x97%\xdb\xf5\x98\x1aK\x04nY\x9a\x12\xbdw\xccmb\x7f*\xb7R\xa2L&amp;C\xe2\xb7\xdfznIs\xae\xf8\x1a,\r\xb17\xcc\x05T\x1e\xe6\xb0u\xb0^\xcd\x9e|\x01\xf0\xad@\x7fq,\x00\'\xe0\xdc\x96y\xe2\xee\xca\x99\xeeZ\x1e\xb0\x1c/\xd3&lt;\x1fs\x00\xfe\x90\x90\x10\xe0\xd3\xc6\xac\xb9\x7f\xc5L\xab\x1aP\xad\xfe\xce\x9f\x04;\x18\xe0\xec\xd6\xb9\x96\x8d\xe2&amp;\x95\xd3\x1b\xe7\x8eV\xa7*\xe8\x88\xd4\xc6Hx\x1a\x87+\x92\x14\xa6\xa2\xc9\x134}\x876r\x93A\xd3\x93\xaf\x9b.\xa6\xe4(\xbf\xb0!Kr\xbb\x9a\x10\x9f\x9aZ\xe5T\xe7\tg\xeb\xe4\x1d\x1a1V\xe3\xed\x96\x0c \xc7\xdb\xd4`WoS\x92O\x08\xd0S\x10\xa5fg\x0b\xc0\x01\xf8\xeeKw\xcbe\xb5\xf3\xdf\xed\xa5\x1d\x0b\xe9\x03\xc94\x9b\x93k\xe7\xb0\xc7\xc9\x8ep\x04\x96\xb5\xca\xb6k\xa6\x17\x92\xc9\x14\x15\x19\xa9\xfc\xb0r\xd0\xbef\x06\xcf\xfc\xf5q\x1e1VHvT\x12\xb9\x12\xa8\xedS\xc3\xde\x9c\xebJ\xaf\xc0\xc6\xbe*\x1bm\xd1\x08\x86\x19\xe0\xa4\x8f\xa7Q\xb0\x0ciL\xf4\x86\x8cjz\x80\xd4*\xf3\x86t`5r#Ir\x00\x9f\xf6\xb0o\xac\x8d^4z!\x8e\xbe\xb2`\x9a\x9cd\xff\xdb\xd7n\x9fp\xf7\xfc\xe1\xd3\x07\x8f\xad#\x84\xd4\xc7M\xca\x1aR\xbf\x9c\x0eQ\xd7\xfee\xcaU\xedx\xf4J\xb6\xe1\xb5\xac\x05\xb0\x93T\xf0h)x|\x99H\xea7\x9f\xbe\xc4\xa6\xde!\xae\xe5\x03%\xd7\xdbl\xac&gt;3H{\xe3\xfc\xda4\xf9\x03\xdfT\xc4\xdbj\xd9\xfb:\xe9-\x88\xa2\xd9\xfa\xcc\xd9"\xd6\xb8mJ\xf2Q\xd9o\xb94\xc4\xae$XG\x86Ci\x88\xdd\xaa\xf6\x12~\x0b\xbb0\n\xfc\xad\x00\xcc)\x8d\xa7\x7f2\xff$\xeb\x08\x16\xa4\xd9\xd3\xa8\x0btK\xc0\xc7\xd3\x08!\x06\xd4g2t:&gt;\x95\xc5\x08\xc9\xbf\x7fD\x08\xa1\xb5\xacz\xdd`\x92(\x84w\r\xeb~g\x80\xb7A\x01\x1b \xdd\x15\xbc\xab\xed\xfa#\xa8\xfe\xe3\xff|\xe4\xe4\xa6\xef\xbfz\x9f\xdc\x0b\x97\xb5\xe6\x13B\xc6\xea3\xf5}\xc7 }_\x00`r\x0eF\x83\xd1K\'g\xb04&gt;\xc7\xdb\xf4\x85\xcb\xfb\xf4\xcd\x94KwCu\x94~\xaa&gt;\x82\xb5\x8b\x8b\xa8\xc4\x97e+Qf\x00u\xb1\xee}\\\x898\x1f\x94\xca\xf20I\xd0/K\xd9\xc8\xcd\x0b!$\xc3M(\x0e\xbc}n\xe3\x87O\x9c\xe7\x1d\x9a*M\x15I\x14\xa6\x17\x7fCs\x8d\xf4"L\x85.X\x9c\x94?{\x92\xe7vu\xdfr\xfe\xcf\xbaXw\x00\x0f\x1c]\xab\xf0\x92\x1co\xd3im:?\xa7$N.\xbc,\x98\xeb,\xb4\x93\xaf\xec\x80?|\xfa\x92\\p\x9b\x1fO\xb2&lt;M\xf81\xd1BF\xd7Zekr\x05\xab@\xdf\xafInuI\x08a?tM\xb4\xf4\x94/\xe7\xaf\xb3\x05\x08\xf9\xbb\x9e\'\x82\xee\xbc\x08f\x8f\x8b\xf1\xd1\xee\xd4(\xeeY/y\xad\x1a\xcc\x9a\x8eR\x03\xe6u#_c\x82\x00\x00I\x0e8\xbbytvf\xb0\xd8Mi\xf0p?I_\xad\x01t\xe7E\xa8\xdc\xd3\x1c\xa8\x8c\x9c\xc6\xe9\xa6&amp;\xc6M\xe0;\x9bdg\x01A&gt;\xbe\xce\xbb^\x9c\xc8+\x87\x93\xfe\'\xa3\x9e$\x07\x89\xc1\x9d\x85\x85\xd35\xb6\xafa\x0b\xbe\xc9\x18"r\xa4:\xab\x8dZK\xa6\x1a\xaf\x9cU4\xa5\xa7\xa3\x1f\xce\xc0\xb6\xa1z\x00\xe6\xc0\x08\xd70RM\xec\x81a\x14\x833"\xcd\xdf~\xf8\x86\xe4v\xea\x92N\xb2\xd7r\xf1\x17\x05\xeaa\x99\xb4\xa5K\xdc\xcb:\x9bW\xe8\x8b \x89\x9e\x17\xce\x9c\x92Th+\xce\xf8\x95\xcb\\\xd2\xb7\xb2\x94G\xaf\xf9*\xc9\x01i\xfa\xc4\xf0\xfe\xf5\xa3\xb7\xf5&lt;\x1dU\xe4\xfbY\x18\xdc"\xd4\x12\xb0\x05V\xb5OY7\xddb\x15%\xd9a3&amp;U\x0c(\xb8\x90\x12\xec\x94r\x16\x86+\x92F\xabS\x9d\x0c~3m\xc2g\xe0\xd8\xca^\xbd^\xc2\xe6]\xa3\xa0\x90\x11\x1d8\x02\xe5a\x0e\x10u8\x9a\x0c\xcc\xc7j+c\x87\xea4c\r\xee\x81\xc50\x05\x06T\x8b\xdb8+6\xbe\x1f\xadNe\xb9\x95\x0b\xea2\xfcDb\xa2\xb1V\x90\xcc\xb9\xbeQ\xd4\xc5M\x84\x9e\xf9\x19+Hf\x7f9mT\x852\x85\xa9\r\x9cL\x92\x19Rr\xca\x89\xf6\xa8R\\\x0b\xd2\xb2\x18\xc3\xac\x91Lw\tK\x88&amp;\xd7F\x9a\xab-\xef\x98\xbe\x86\xbd\xa9\xce\xc8\xf7\xb3\x98Ws\xabD\xef\x8dL\x8a\xa2@k}ej\xae3\x93O[S\x1e\xaehko9\x93\xee\xe0\x92\x8e\x9e\xfcH\x85\x97\xcfL\x0b\x10/4\xda\xb3Bjc\xdc\xfa\n\xa3u\x9e\x1bs\x98LIzn\x07\'\xf1\x146\x03\xab;Ju\xbeDn\xf6r\x92\x7f\t\xfdB\xbe\xfd\xfc]\x92K\xa2|?\x8b0\x13\x1d\xf9Z\xe2\x83GY\x18R[@\xaf\r\x9a\x03\xca\x880\xc5\x95\xbd\xcb\xf8-\xe2\xd4\x17*9g\xa6\x9d\x169M~\x12:\xd6WD8\xf1\x15\x8e\x96\xa2\xe0G\x9e\xafyU\xe4\xb4\xe7h\xca\xe5\xec\x19\xb9\x99\xd9\xb3`&amp;\x8d\xd9\xa5\xb9B\x90\x03\xea\r&lt;\x7f\xc7\xbei}\xf7\xc4\xc9\x1a\xf4j1\xb8E\x94\x02|\x17*\x8a \x8dDa\xbd\xa2\x97\xbfK\xe1\xdc\x83\xe4\x9f\xe2a\xe3\x97^\x95\xb4t\t(FN*\x99\xfc\xee[\x02M\'*\xf8\xca\xe3#\xaf\xbf\xa4`\xf9\xe6x\x99f{\x1a\xf2\x13\n\x1cp6\x9a\x9c}f\x8c\xb3\xb5\x80\xe3\x94je\x97\xab\xc8\x0e2,9\r@\xa8\x89\xec\x8443-\xa05\xd5_\xa7\xe7\xab.\xce\xe3F\t\xc2\x1b\xf9\xcaQ\x1f\xe7A-\xac_}\xf3\x99)?\xb8\x82\xb7\xd1\x17 \xe4\x0fS\xfe\x8e:\xc9\xf20a\x99\x0ff\xc0\xcc\xb4\x00Z\x86stE\xcf$\x8f\x1c\xaa-\xec\xa5\x80\xfa\xc1l\x8d\nS]\r)N\xe8\xce\x8b8\xbdq\xae\xca\xfd\x87+\x92\xcem\x99\xa7\xde;~q\xfb\x98X\xd4\x8f\xb2\x7f\xe1l5G\xb8\xb2w\xd9\x94k`L9\xa77\x0cKn\xcf\xf24\xe1\xd3i\xda\xd2\x03\x175j-&gt;:s\xc3\xf8O\x17k\xad\xc7\xed&amp;\x8e\x99O2\x9f\x81\xce\x10n7(\xe3\xd6\xc8W\x88\\\x1f\xb3\xa9M\x0b\xa6V1K\x98P\x18\xe9\xb6\r7\x18 \xfc)\x07\xdf\x9b\x9b\xc2ghdj\x9b\xbez\xdd?r\x19\x84\n\xf5Y_AV\xcd.\xee\x95\xf2;\xc9\x15Q\xebU\x95whi\'\x1d\xeb\x07\xcb\xc6\x13\x1cg\x00sJ\xe3\xd8\x1c\xa0Pd@\x89\xb3\xc6\xcbW\x0f\xe95\x1e\xcd\xafMS9?\x99N"z\x14\xa4\xfd\xa7\xa4\x1a\x95\x02\xb33\x831\xb9\\\x00#F\xa6\x97\xf6\xac\x90\xe1\xf2D\x00\xe4\xff~\xca\xa7B\xabY\x11\xef[8\x8b\xde\xe1\x8f\xde\xbeYr\x07vKo\xe8\xad\x14?\xdb\xa2\xa2\xe5iq\x90\xcdHU\xb2\xce\xdd\x18,\x19\x86NB\xa3U)\xd3\xd0\xe1\x03\xab\xb5\x0b/\xc5\x98\xe9\x93\x9a\xa9\x17r\xe9\xea\xca\xe8\xe5B&amp;\xbf\xfd\x84&gt;0\x03\x08!\r\xf1Z.\x07\xf1PJ\x08\xf9\xf1\xdb\x8f\xac\x9a-L\xe0\xf9\xe7\x97o\xa9\xd1w\x1a(\x8e\xad\x08w\x14\xfb\x8bx\x82\x00h\xc7\x9f\xf7,\x98\xe9\x03D\x9a\xa9j\x13&amp;X\xfa\xe8\x95\xb4\xa6\x06jR\x08f\x87\xc6D\xef\xce\x9c\xb0(\xf3i\x8c\xeb\xe2F\x0b\xb5\x1a\xb9y \x84\xfc\xe3\xcb\xb7\xd4\xeci\x06TE\xb9H\xae\xf7\x87+\xa6\xd8.\xd6+Go\x86\xb6FM\x08P\xe0o)\x16\x1f\x9d&lt;\n\xb6\xaa\xd8[\x1d"\x1fPe\\\x7f\xef\x87\xc0(e\xc3\xe8\xb2\x99\xf9\x84\x10\x9a\xaa;V\x9f\xf1\xc4\x99m\xfc\x08.\xfe\x18\xf7\x1cXI\x08y\xfe\xf2\xbe\xad\x83u\x82\xa7\xf8\x0bCY\x8dGy\x10\xa7\x92\x15\x16\xc0\xe7o&lt;\xc86\xaa\xaf\x02\x81v\xb5\x1a\x8dv\xca\xe5w\x05\xa9?\xa86\xc9R\x16\x93/0Z\x9d:U:\xe4:\x0b\xe8$\x8d6\xa3\xfa\xb3\x91\t\x8a\x02\xadi\xac\xf2[\xcf\xddi\xf0A\xe8-\xfd\x9bO\x9e\r\x01\x86\xca\x13\xdf|\xe0\xf8\x7f~\xfa.\x7f\xb7S#Q\xa7\xe9-\xe8\xf9\x87i\xeeG6\xb5\xc8\xa5H\x89\x03t\x83\xa5\xf1\xac{{\x08\xe0\tdz\xc8\x86X\xa7\x83T)\x9f\x97\x9cU\xce~\xc4S\xeb\x87h#ue\x13\x9e\x90\xbf\x10B\xae\xec[F\x08\xb9v|\x03\xdb^\x14h\xcd_\x12\x95\x11\x93-\xc4\xdb1\xd2\xf4\xd2]\x07\'y\x10J\x9e\xafy\x8e\x97\xa9\\(u\n\x1b7\x9a\x02\xbd\x05Qj\x92\xbe\xa6\x0f;\xa0&amp;\xdaU,\xf14\xad\xeb\x12#_u\n\xfc\xc7\xadX\xc18\xd4\x91\x13J\xfe\xf73\xea\xbb\x94\x84\xde\xcf\xd4-c\nD\x98\x01\x80\r\xd0\x93\x1f\xc9\xdf\xf0\x82WMG\xb8\xa9\xc0\xdf\xd2\xcb \x8dx\x01\xfa\xbah#\xcdA\x08\x91\x9b\xde\xcc4\x99\xa3\n\xc1\x95\xa9mn\xae\x13\xbd\x9cQ\xec\x17\xa4\xaa\x03:\'\x80\r\xbdU\x84\x90`m\x91\xd74\x17|\xf0\xf8y\xfez\x98|\xaf+5B\xe5z\xd1[\x10\xe5\x02\x14\x05X\x0b\x12rh\xa2\xaaa\xd5R\x8e\x80\x1d\x10c9Q\xbcm\x0b\x14\x07\xd9\xaaY\xc8^\xff\x1a\n\x0f\xc0\x02\x98d\x7f:#_?\x98\x84\'\xfd\xe5\xad\x81}\x0bg\xf1;\xc8\x99\xb7\xe7\xb7\xcc#\x84$;\x8e\xe7\xc83,\x80H3|\xf6\xf2=\ns\x80\x1ax\xe9\x984\x97\x89\x9cq\xc1\xf9\x18\xd0\xb3^A\x82\xcb\x80\x18\x1d!d\xdbP\x83x{\xf0\xb4\xb9\xfe\xaf\x1b\xaf\xdc}\x98\x10\xe25\xaeuC\xd6t\x96\x12B\xe4\x1cX\xde\x80\x03@\x08\t\xd5\xf8\x8e\xd8\xc7?\xb7e\xde$/\x86\xa9\xa2\xd0\x7f&lt;\xe5Q\\f\xdc\x91\x13V\x1b\xeb\xfe\xd8\xa9-\x82\xed\x93\xcf\x1bNv\x1c\x0fGy\x8bB\xd0\x89\xf6\xd81\xb7\x896\xa9VC\x82-\x86\xa52\x0e2\xdd\xe1\xa1ZX\xc9\x88\x11\t\xea\xe2&lt;\x14\x12$\xf852\x1d\x02\xc8\x7f\x7fB\x08\xf1\x00l\x81\x93\xeb\x06\xe9S.@\xb6\xd7\x8c\x9ah\xd7\xef\xbdr\xaf\xe4=\x1f\xa4\xe2LT\x1a\xf2\nY\x18\xe2\xa6Wj\x10\xa8RL^\x14\xb7B\xe4\xd7\xfa\xdaa\r\x10B\x1e=\xb9\x99\xfe\x8e:-SB\x085x\xf9\xdeX\xff\xf8\xf2\xad\xab\xfb\x96\xd3#|\xff\xb5\xfb\xa7\xeflu\x12f\xa2d\xce\x8b\xab\x97\x0b\x03\xac\xc3M\xb1\x7f\xd1lpUx:u\xd2\xa7#\xd7@\r\xeb{*$\xb5Ux\x8c\xda\x0fF\xa4Q\x96\x83\x16\xe4V\x9a\x02\x84\x90\xce\x9c\xb0\x8ap\xa7\xcb\xbb\x16\x13B\xd2]\xc7\xe3N\xee\x00!\xff"\xda\xd0W\xb1\x8a\xd6\xc6\x04\xef\x8ap\xc7.}bw\n\xf4\x17\xc5\x08\x84p%\xd3\x1c\xe5\x90\xbb%h~\x08\xbf$\x16D/\t\xf9\xd5\xb4v\xeef$\xda\xe3\x8c\xea\xb4\xfd)\x847~\xc5\xfd!$\x8d\x85Tg\x88E%\x177\xe5\x90\xdf||\xc3\xcd\x7f\x03\xa0\x1e\xa1CK;\x01,\x9b\x99\x1fg\x83\xdaX\xf7\x0f\x9f\xbc \xdeS\xef\xee\x19\xda\xa8Op\xe0\xd3O\xf5\xcd\xb3\xf0\x04\xfa\x8bc\x87+\x92\xd8\x96\xe9\xa8\xf81\xf2u\xe5_?~\xa7:Z\x95F\xb9\x13@\x08y\xe1\xf2~/\xce5L\x9d\xfb\xf6\xda)\x1fr\xb7=om1\xaf\x82\x93\xeaS\x15\xd4jy\x02\xeb\xba\xcaU\xbfZx\xbbJ\xa6\xba\xaf\x9a\x13\xce\x00\x00 \x00IDAT\xfbivkJ\xf2\xe9-\x88:\xbda\x98\xef\t&gt;R\x99L\x08\xf9\xe7\x8f\x84\xb9RA\xeaOB\x1f\xf4\x1a:\xf9\x81\xdb\xe0*S\x01\n1\xf9E\x8d\xd9\x82-\x84\x10&amp;\'\x90\xe7cN\xaf\x81?\x7f\xffU\xb5\x9e\x8e\x1b\xc4O\xdf}Lp\x86\xaf\\=\xcc\x1e\x7f\xf9\x8dkw\xedYzf\x93\xc4L\x1co\x83_|\xf8\xa4\xb8 \\%uq\x1e*\xbf\x19+\xa05\xd5\x9f}\xb7\xe2\xee\x9e:9\xb5ax]w\xc5\x92\x96\\\x00&gt;\x9cMf\xe4\x16\x85\x1fY\xfe\xf1\xc57\xd4;\xc1\t!C\xe5\x89\xc9\x8e\xe3\xc3\xfd}\x87W\xd3\xed3\x00\xf2\xebo\xea\x9c\x00(,\xfe\xac/z%o\x07\x03+g\x17\xa9\xd9s\xa08\x96\xff\x93e\xect\xe7E\xfc\xf0\xf5\x07\xf8\xa7jc\xdd\xf9-\x8f\x9c\xdcd\x98y\xabFwe2\xf9\xdd\xe9\xfa\xc7\x13U\xbe\x82\xad\x87\x82DO\x95\x879\xd0\xdf\xfd\xf2\xaeE\xf4\xc1`Y\xbc\x93\xe2\xd12\x0c\x8a{\x9eX3\xd0\x92&lt;\x05\xcb0\x9a\xb8)N\xc0\xe5\xf3&amp;c\xad\xd1\x99\x13\xb6s\xb4\x99\xfe\xd9\x9d\x17a\x02\x0c\x94\xc4m\xec\xabV\xf9.#\x95\xc9\x92I\xc0M\x89\xde\xe2\xd5\xb7\x97T\x07\x8b\xe53\x0b\xc2L&amp;\x925T:\xfdMd\xba$Y\xc9\xdc\x805\xea\xac@#7\x03\x82\x00\xa6z\x8b\x80\x10\xb2\xae\xbb&lt;\xde\x06\xb33\x83\xc9/?\xa4m\xc7\xbd\x00\'\xe0\xa1\xdb\xd6\xf3\xa3\xbf\xe4\x92yZ\xe1?\x85-\x17\xfa\xd3w\x90Q\xc8\x80R\x89\x05P\x19\xe1\xb4\xbcM\xba\x13\xaf\x1a\xca\xc3\x1c\'\xef9q\x02\x00\xe4\xf9\x9a\xbfz\xcf\x11\xf5\xaf\xba\xb0m\x81\xbe:\xc3\xd7\x19\xb1\xc6\xa7\xbe\x18\x16\xa7\xf7\x02\xde\x7f\xfc\\e\x84\xd3\xb2\x99\xf9\xb7\xad\xeaW\xf9\xaa\r\xbdUr&gt;z\x9dk\x07G\xc0_\xbb!\xb3\x95:!\xa9\xe2 \x9b\x8d}\xd5\xb7\xad\x16\x9edS\x92\x8f\xdc\xd4%Y\xc7`\xe4&amp;Dg\xc8H\x81`\xe0\xc8\xf2\x9e\xb2P\x07g \xceF\xcb\x89\x99\xe4\xa0\xe5\x05\xba\xb2w\x19\x1d\x90\xcbB\x1d\xa0+\xc1?\xd5Y\x8fIHe\xeb&gt;\xc9\xc4\x89\xeb\x86-\x10\x02Dr\xc6dq\x90\x8d\xfaq\xcbFQ\x89Z/\x167\xe5Hn\x8f\x94/\x10:\xb0\xa8\x9d&gt;hR\xec\x11\xfd\xc2\x9d\xfb\xd5\xb7Q4\x00\x0b=\xd7|\xeaQ\xd6\x85HvD\xbc\r\xc0\xf5L\xa6x\x02\x84\x90\x03\x8b\xdb\xd9\x96\x08\xb3\x893\xcc\x94\xf2\xe8\xd3p\xfa\xc2\x86,\xf1X\x1fc\xa5e\xcb\xbbc&lt;\xec\xcc\x88\xb7E\xba\xeb\xf8\xed\xc3\x904\xde%]I\xe2\x9f\xb72\xc2\x89\x10\x929\xf9\xbci#\xb7,&amp;@\xb6\xe7\x8c\xa3+zF\xabS\xa3,\xb0}nc\x8a\x13B\x00\x1b\xe0\xc8\xf2n~\x02`\xcb[z\xe9\'rw\x00!\xe4\xc5\xbb\x0e\x18v\x02\xe6@\x8a\x93tU\x81\x9c\xddn\x0b\xc4\xdb*\xadp\xf5\xea\xa0$@\xee\xa0\x9d9a|\x04u\xd7\xbc\x16\x95\x07lH\xd0O{X\xbd7m\xfb\xb0\xdeYR\xbc\x8fB\xa0\x1ad\x05\x98h\xc4\xee)t\xb0\x9c\x0e\xe1Ue\x1a\x13\xbd\x15&amp;31\xa6R\xcaQk\xbb\xca\xf8?\xd3]\xf1\xc4\x99m:\x0fua\xdb|\xf6X\xb2!\xcf\xe9\x8ds\t!\xe2x\t\x80Hs\xad\x02=\xc1T\xda\x9e\x15\xe2\x044\xeay1(3+#\xa8\xaf(\x86y\xa3\xdc4\xda\xa8F\x8c\xe8\xd7k\xf4\xa1c\xeb\t!g7\x8f6&amp;x7\'\xfb6$x\xcd\xabI\xe3G\xffS\xeb\x87\x14L\xfeu\xdd\x15\x93q\xb24\'\xf9H\xbaG\xe4\\=\xfb\x16\xce\xaa\x89v\xdd\xd0[i\xd88\xaf\xec\x8b\x17\xf4\xfeU\xa64\xc4&gt;A\x97(\xd9\xf2\x99\x05MI&gt;\x02\xdb\xd3\x00\x14\x16\xf4uq\x1e\n\xab\x8b\x8ap\xa7\xf9\xb5\xe9\xe2\xed\xa5\xc1\xc2S\x9fL\xd9v\x94\xb24\x84&gt;\x0c\x95\'n\xeaW\xeb\x91/\x0b\xb1\xb7\x13%\xd2\x10B2\xddQ\xafi\x983T\x9e\xb8\xb1\xbf\xfa\xdc\x96y\xca\x87J\xb0\x93-\x97a\xbcq\xffm\x84\x10\xb9\x08\x1b\r\xe7^\xb7\xae\xbc\r\xf1^\xbc\xf7\xac2\xc2\x99eU\\\xf7Y\xdb\xc8\xd7\x99\xa5\xady\xe2\x9c\x1fB\x08\xb5wt\x8e\x89\xeaK\xa5\xe4\xcc\xf6\x0b[\xe7Kn\xd7I\x9e\x8f\xb9\xbe\x01R\xe6\xca\xa7I\x14b~\xc8\t\xd4\x88\x11\xdb\xa6\xca\xef?Z\x9dJ\x089\xc1\xb9}\xf5Bl\x80w\xe7E\x08\xbe\xef@\xc5\xb28;`i\xcbD\xcd-+\x13\x11[\xb8\xca\xa5L\xd1\x96\xe3\x8b?\x03\xdc8\x93\xd7\xaa\xef\xc8\x0e\xb5\x91\xf7k\xdf\xb6\xaaO\xbcq]W\xb9\x1f\x90\xefg\xb1s\xb4\xf9\xedk\xb77%\xf9(O\xc2\x05\xfe\x96:\xc3\xb1\xf5\xf1\x9e,\x80\xccS\x13\xed\xc6VW\xf7\x1e\\\xb5\xb89G\xcd\x1a\xe6\xe0\x92\x0e\xe5\x1d\xf4\x92&lt;]\xd4\x98U\x1f\xe7at\x08\xdd\xba(\xf7f\xd2Ia\x80\x15!\xe4\xc7\xef&lt;\xfa\xdc\xa5\xbd\nf\x8e\x18AG\x91\xea(\x97\x85\r\xd2F\x90\xce\x16\x83\x85\x01V5S\xd4\x86PA\x00\x99\x0e}\xa7d\xb4\xe0\t!?z\xfb\x11\xd6iR9\x86\x1ck%\xa1\x80\xc4\xb0\x01.l[\xf0\xe1\x13\x17\xb6\x0e\xd6\xeb:\xdf\xc9R\xa1iZ\x92\xeb\xad5\x8e\xd5\xc7y\xf0\xcd \x1b\x13\xbd\'#\xe2s}&lt;B\n\xe9^6R\x02v\x0c\xb1/\x88G\x9c\x90\xc3c\x05\xc4\xaa\x98\xdc\xc4q\x94B\x7f+\xbe=\xe7=\x07W\xd1\xde\xee\x92\x90?~\xda\x9a\xea\x9f\xec\x88\x8d}U\xec\xdd\x04\xeb\xa7\xf2\xb0\xf1\x9f\x92\xefb\x06`Qc\xb6\xca\xa5\xf6\xf5)m1\xf2\x95@\xdf\xdc;\xb9\xab&lt;\xc6r\\\x10"\xcb\x03\xbf\xfe\xf8Y\xb6=\x08\x80\xa2\x11\'\x18P\xb2\xbd\x0c\x1f$\x04kpvdq\x05\xd3\x14\xb2\xb1\xafJ\xb0\xe5\xc4\x9a\x01B\xfe(\xdeS\x9c\xb1\'^\xfdP\xab\xad6\xc6\x1d@\xba\x1b\x0e/\xeb"\x84\\\xcf\x9c&lt;Z\xf1\xe4\x06\x9cZ?\x14"\x920\x8a2\xc7{\x8f\x9e\xd572a\x00\x06\xf4}\xa4\xc37!\x84\xe61\x8b\r\xf6D{\x84\xcf\x00\xcdZ\x06\x10n\xaa5t\xbahVBtQ\x98\xef+\xe1\x96\nV\\-\xf1\xf9\x9d\xa9\xceHr0\xc4\x972P\x12\xfb\xc2\x9d\xfb\xe5\x9e-\t\xb6\xbdk\xcf\xd2\x91\xaa\x145\x87\xea\xca\r\xb7\x01\n\x03\xac\x92\x1dQ\x16j/\x08 3\x04\x1e\xd4i\xffi\x8d|\xf59\xcf9U\xba\xf2\xb4\xd4\x10c4\xf6\xfa\xaa\xf6b~=\xcb\xdc\xd9\xe4\xd7\xdf\xa4\x8bSz\xabxNE\xf7v\x95\xc85.7\x18\x16\x16\x0b3\xc8\t\xdf\x91\x1d\xda[\x18\xad\xb0\xb4\x8a\xb5\xd6\xca\xa0\x17\xa7\xfa\x84\x99\xe8W\xff5%\xf8j2I\xac\x80dGa+]1\'\xd7\xce\x19\xadNU\xfe\xf2\x93\x1du\xbb\xc8\xa7\x84U\xb3\x8b\r\xfb\xb1\x04\xf8\x03I\xf6\x80v\xf8\x84\x10"\x17a\xee\xce\x8fd\xab\xa8\xf9\xb5\xe9\x0b\x1b\xb2Bd\x84Wy\xec\x80  Ts\xc2\x9e@_Q\x8c\xdc\xe2R\x810\x13i\r\xab\xbdcm\xdb\xe76\xf2+\x0c1\x02\x0bp\xb04^\xdfw7bd\x02&gt;\x18h\x06t\xe5\x86\x0bb\x03\x97w-\x16\xa4\xc1\xf9r\xf3\xca$\x99\xda\x8ef\xd0\xac]N\xac\x19\x10?\xa5\xb0\xacX&gt;\xb3\x80\n\xa3\nr=W\xb5\x97\xbc\xf5\xd0\xed\xec\xcf\x02\x7f\xcb\xe53\xc7\x83\n\xe2\xf1\xf3\x81\xa3\xebL\x81w\x1e&gt;%\xd8&gt;E\x19\xa1\x13\x08l\xdd\xcd\x035\xb4\x1fKQ\xa0uk\xaa\x7f_at\x84.\xf7\xb6\x8b\x8a\xd2!\x034\xfb\x04\x14\x05JO2\xd3\'\x80\x96\xe9\x8e\xbf\xfe\xf0u6D\xaa/c\x16\x87\xf7KC\xec\x96\xcf,\x90\xd4\x82\x1e,K\xd85\xaf\xa5\xbf8\xe6\xe1\x13\x9b$\x8ff\r\x0c\x95\'\xf2\x19\xdbr#\xba\x0f\xb0\xb4%\x8f\xaf\xf9\xea\xc9\x8fd\x8f]\x81\xff\xfc\xe4\xdd\xeboR\x18\xb9\x15)\xf0\xb3\xfc\xc3\xa7/\td )\xcf_\xdeG\x08!\xbf\xfc\xa8=;tZW\x07.\xf2m\x0e\xa9\xd9%\xb8!\'\xbf\x84\x88\xb3A_a\xf4\x8bw\x1d\xe0MB\x9e\x86x\xad\xf8Bc\x82\xf7#\x9a\xdb\x9e\xb9\xd7\xf8e\x13\xdb\x7f\xfa\xd6\xe6\xb32\x82&gt;x\xfc\xbcd\x83\xc3\xf6\xac\x90\\o3\xa7\xa9~G/`\xb4:u\xaa\x8e\xc6\xbe"s\xed\x19w\xf2\xba\xc6\x1bz\xab\x8e,\xef\x91\xb4*\xca\xc3\x1c\xe5R\xc2\x04)\xfc\x14+ \xcf\xc7\\}\xaa%[0-k\xcd\xcf\xf2\x90\x98Q\x00\xf8\x00\xf5\xdc\xe5\xe4\n\\\xd9\xb7\x8c:\xfa%\x13\xfc\xeb\xe3=\x9f8\xb3\x9d\x10\xa2lCH\xe6\xb0\x1a1\xa2\x1f\xc7V\xf6Jf\x07I\xe4\x0b\x89\xd6\xbc\xc9\x8ez\x88\x02\xe9\xcb\xbc\x9a4\xf6x\xd9\xcc|\xfe)}}\xed|\x86\x0cC\xc1\xd0\x8d\xb5\x9eP\x94dP\x97\xba\xb7\n\x8f\xc1\xf4\xb1m\xa8A\xb2 \xb0.\xce\xc3JO\x19"\x01\xfc`\xc2\xc6*B~\xcb\xab*\xc9\x11ok`\xa1"\xfd\x1d\x9d\xa4\x9e\x12$\x1dP\xe4\x02a\x84\x90\x8b\xdb\x16\x88\xb7\xb3\xb5\x888\x84\x16\xcaE\xbc\x04\xa9\x04\xca\x95tr\xb8\x03\x83\xa2\xfe-\xf4h\xb5\xb1\xee\xbd\x05Qz\x89\xf9\xd0;N\xbc=\x00\xb8\xb4caU\xa4\x0b\x80\xd2\x10\xbb\xea(\xa3\x14\xc4\xad\xc1Kw\x1d\xe4\xef\xb1E\x8d\xd9O\x9c\xd9\x8eI\xd8\x9b\xd4\xb8\xa0\xd7\xd9\xed\xeb\x06U\xce\x01\xf5q\x9ef\xda\xfeV\xb1#W\xa7A\'0\\\xc4f\x8e\xd3T4\x80\xa5&gt;\xf1\x91\xaad\x03\xee\xe6\xda\x18\xb7@u\x1d\x1f\xe5\xc4[&amp;\x83\xc0}-X\xee\xac\xeb\xae\x90S#P3X\xab\xe1\x83\'\xce\x17\x05Z\x07\x01\xa76\x0c\xebL&gt;\x88\xb6\xc4\xcbW\x0f\x19 I\xc0B\xbb\x92\x1f\'\xd2\\"n\x1f\xa4\xfd\'\xbb\xf8\t!o&gt;p\x9c\x1f\x0b\x05\xf3G\x80\xe62c\xa6\x00]\xba\rW$\xb1\x8c~\xc9\xeb\xc4\x07\xb8\xef\xd0\xea\xbdcm/\xdeu`\xd7\xbc\x16\x96-&amp;\x8e\x1b\xf3\xefg\x82\x89\xe6qg6\x8dl\xea\xaf&amp;\x7f\xfe\xde\xdcJ=\xbad\x8b\xdde\xaf\xde}$\xc5\t\x0e\x9aE\x83\xb1g\xfd-\xc7\xef\xbe\xfd\xbc\xdcS\x83e\t\x92!\\5-\x0c\x83\xa54A\x15\xf8\xde+\xf7\xa68\xa9\x92\xd2T\xd8g\xf7\xfcV\x85\x17\xd2(\xab\xa0\xceS\x8c\xf8\xb3Y\xe9)\xf6+)\xb1R\x1cd#\xe9(\x8f\x9e\xba2(e\xd8`*^\xe2\xff\xee\xdb/\x10B\xf8\x16\xcarH\x0e\xdc*{\xd3/n\xce\x99W\x93\xd6\x92\xe2\xa7S\xbem\xb4:\xb5#;tJRz\xe9\x87\r\xd2\xfc9P\x12wq\xfb\x98\xca\xd7n\x1bj\x10\xd8\xcb\xe2\xc4\xad-s\xea\xfe\xf8\xdd\x972\xdd\x85\xcbG\xe6\xd0\xef-\x8c\x96\xbc,\x8f\xaf\x19\x98_\x9b.\xf8\xce\x05\xb9\x9bb\n\x03\xac\x05\xcbV\xbd\x88\xb5\x96\xe8\x84c\xc4\x88,\x92\x85\xa0:\xf9\xe2\xcd\x87\xe4\x06\xfa\xef\xbfz_\x96\xa7\xc97\x1e&lt;\xf1\xdecg\xc5\xcf~\xf9\xd65\x9d\x07\x8f\xb7\xd5\x928\xe6\xc5\xcd\x05^\x14\x9d\xf9 b{\'\xcd\x05Q\x16\xd8:X\xc7\x86\xcb\x8apG\x0f}\x1a\xb5\xeb\xec\xf9\x0e\xc0\x06\xe8\xce\x8b\x98\x99&amp;v\x08\xdd\x18\xf6.h#\x84\x88;\xb93\xeab=\x00$\xd8\xe2\xc8\xf2n\xf1\xb3\xeb\xba\xcaU*!\xcfL\x0b\xe8)\x88b\x7f*\xdb\x11-\x8aBo\x89\xf6H\xb0SJ\xb54\x01jc\xdd\xb7ri\xf5UQ.]\xb9\xe1\x925k\x92\x91\xe4\x87Ol\xda\xd0[\xc9o\x11O\xd6\xf4\xba\xbdmU\xdf\xf4u\xe3\xba\xbck1\xf35\x99\x03\x8f\x9c\x94\x8e\x15SJC\xec\x9f\xbd\xb8Ga\x07\x9d\xf2\xe0\x86\xb9\xaa\x8c\xdc\x9c\xc4\xd9`\xdb\xb0D\xbfC\x01\xd5Q\xae\xfc\xb2@0\xac\xefY0\x93=\xa6:\'a&amp;\xb0\x04fg\x06/o+\x10\xec\xccK\xca\xe8\x859\x90\xe7\xab\xdfk\xc5\x05\n\xf6@\x949~0\x89\xaeU\xea\xb3t\x86+\x12\x83\x80\\o\xb3\x96\x14?O\xa9:a\xbd`\xc2\x90\xcai\x7f\x02\xa8\x18\xb5\x8d\xa8\x04L@I\xb0\xadB\xbf \x83\xddj\xca\xbe\xe6\x83K:\xc5\x9d\xdd$\xab\xc9\x98\x1f\xdc\x80\xefP.\xf4\x92\xe3m\xba{^+_+\xb0\xa0.C2g\xa12\xd2\xf9\xc9\xb3\xdbg*\xf6S\xea\xd7\x96\x19\x17c\x0e\xd8p9\x0b\xbc\xe7\x87Od\x98\x95\x11\xd4\x9d\x1f\xa9\xd0\xab\xee\x99\x8b\xbb\xd7J5\xc6\xa0\x01\t\xc9\xf9\xf2\xfaK6\x19\xb9\xd9\xa8\x8f\xf3`\x17\xe9[\x0f\x9d\xa4CyY\xa8=!\x84\x90\xdf\x02\xd8\xd4_M\x08a\x16/\xbb\x91\x06\xcb\x12\xe8S&lt;r\xa5[U\x91:\xe2\xa4,aC\xa1$Xa\x9c</t>
        </is>
      </c>
      <c r="E170" t="inlineStr">
        <is>
          <t>&lt;class 'numpy.ndarray'&gt;</t>
        </is>
      </c>
    </row>
    <row r="171">
      <c r="A171" s="1" t="n">
        <v>169</v>
      </c>
      <c r="B171" t="inlineStr">
        <is>
          <t>steps_per_sec</t>
        </is>
      </c>
      <c r="C171" t="n">
        <v>2500</v>
      </c>
      <c r="D171" t="inlineStr">
        <is>
          <t>3.3476937</t>
        </is>
      </c>
      <c r="E171" t="inlineStr">
        <is>
          <t>&lt;class 'numpy.ndarray'&gt;</t>
        </is>
      </c>
    </row>
    <row r="172">
      <c r="A172" s="1" t="n">
        <v>170</v>
      </c>
      <c r="B172" t="inlineStr">
        <is>
          <t>Loss/object_center</t>
        </is>
      </c>
      <c r="C172" t="n">
        <v>2500</v>
      </c>
      <c r="D172" t="inlineStr">
        <is>
          <t>0.1717583</t>
        </is>
      </c>
      <c r="E172" t="inlineStr">
        <is>
          <t>&lt;class 'numpy.ndarray'&gt;</t>
        </is>
      </c>
    </row>
    <row r="173">
      <c r="A173" s="1" t="n">
        <v>171</v>
      </c>
      <c r="B173" t="inlineStr">
        <is>
          <t>Loss/box/scale</t>
        </is>
      </c>
      <c r="C173" t="n">
        <v>2500</v>
      </c>
      <c r="D173" t="inlineStr">
        <is>
          <t>0.06888725</t>
        </is>
      </c>
      <c r="E173" t="inlineStr">
        <is>
          <t>&lt;class 'numpy.ndarray'&gt;</t>
        </is>
      </c>
    </row>
    <row r="174">
      <c r="A174" s="1" t="n">
        <v>172</v>
      </c>
      <c r="B174" t="inlineStr">
        <is>
          <t>Loss/box/offset</t>
        </is>
      </c>
      <c r="C174" t="n">
        <v>2500</v>
      </c>
      <c r="D174" t="inlineStr">
        <is>
          <t>0.14158803</t>
        </is>
      </c>
      <c r="E174" t="inlineStr">
        <is>
          <t>&lt;class 'numpy.ndarray'&gt;</t>
        </is>
      </c>
    </row>
    <row r="175">
      <c r="A175" s="1" t="n">
        <v>173</v>
      </c>
      <c r="B175" t="inlineStr">
        <is>
          <t>Loss/total_loss</t>
        </is>
      </c>
      <c r="C175" t="n">
        <v>2500</v>
      </c>
      <c r="D175" t="inlineStr">
        <is>
          <t>0.38223356</t>
        </is>
      </c>
      <c r="E175" t="inlineStr">
        <is>
          <t>&lt;class 'numpy.ndarray'&gt;</t>
        </is>
      </c>
    </row>
    <row r="176">
      <c r="A176" s="1" t="n">
        <v>174</v>
      </c>
      <c r="B176" t="inlineStr">
        <is>
          <t>learning_rate</t>
        </is>
      </c>
      <c r="C176" t="n">
        <v>2500</v>
      </c>
      <c r="D176" t="inlineStr">
        <is>
          <t>0.001</t>
        </is>
      </c>
      <c r="E176" t="inlineStr">
        <is>
          <t>&lt;class 'numpy.ndarray'&gt;</t>
        </is>
      </c>
    </row>
    <row r="177">
      <c r="A177" s="1" t="n">
        <v>175</v>
      </c>
      <c r="B177" t="inlineStr">
        <is>
          <t>train_input_images</t>
        </is>
      </c>
      <c r="C177" t="n">
        <v>2500</v>
      </c>
      <c r="D177" t="inlineStr">
        <is>
          <t>[b'512' b'512'
 b'\x89PNG\r\n\x1a\n\x00\x00\x00\rIHDR\x00\x00\x02\x00\x00\x00\x02\x00\x08\x02\x00\x00\x00{\x1aC\xad\x00\x00 \x00IDATx\x9c\xec\x9de\x80\x14G\x13\x86\x0b\x08$\xd8\xc7Ap=\xdc\xdd\xdd\xdd\xdd\xdd\xdd\xdd\xdd\xdd\xdd\xdd\xdd%\xb8;\x04\x87\xa0\xc1\t\x1a\x08\xf0~?\xfan\x98\x1d\xed\x91\x95;\xe6\xf9\xb5;\xdb\xd3\xd3\xbb;\xd3R]\xf5\x16\x91\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83\xc3OEDSge\x8ebs3&lt;L\xb6\xa8\xca\xc7\x13\x11e\x8bF\xa3\xdbU\xf7ls\x82?x\x7f\xd3\xdbM\xf0\x10\xd1\xbd\xdd\x00\x07\x07^\xda\x94\xcd\xb6w\xd1h\xeb\x9d\xf9\xc5\x9d\x0b+g\x8egC\x83|\x86\xa4!\xbd\xdd\x02_\xa2O\xbd\xe2\xden\x82\x83\xc3\xcf\x04\x007\xd5\x9c6\xbc\xfdu\xd6\xc8\x91\xa8z\xf6\x84\xf6\xd7\xeb\xe0\xe0\x10\xd4\xc8\x13;4\x115/\x91\xd1\xdb\rq\xe0\xc6\x96\xf1&amp;O\x9c\xd0\xd6+\xf1\x16[g\r\xf6v\x13~j\xdc7\xe3\xf1.*\xb6F\x07\x07\x1f\xa3o\xfd\x12\xden\x827)\x9c(\x82\xb7\x9b\x10\xc0\xe33[\xbd\xdd\x04/\x10\\\x07\x00\xf7\x11\xc6H\xe1,A|\xd3\xce\xc1\xcb\xf0&lt;\x9f1\xdc\xdf\x8c_\xdd\x7f\t\x07\x07\x07\x07\x07\x17\x92\x07a\xeb\xce\xcf\x8e\xbf\xb7\x1b\xe0\xe0\xe0\xe0+\x14H\x10\xd6\xad\xf5\xff\xee\xd6\xda\xed\xe6\xbf\x87\xa7\xbd\xdd\x04\x87 F\xc9\x14\x86\xed)\xc0kw\xb4\xc4\xe1g\x04x\xe2\xed&amp;\xb8\x1d\x8f\x99z\x9c\x95\x8d\x83\x9b\xb8\xbck\xb1W\xae\xeb\x98I\x83\x0c\xf5\xf2\xa50q\xd6\xe8\xb6N\x98\x92\x0e\x153\xc6\xe1)\xf6\x8b\xdb\x1a\xd0\xbcD&amp;\xb7\xd5\xed\x10\xf4p\xa2J\x1c\xec\xc4\x97]&amp;\xf8\xdbV \xbe\x821\xaa|\xfaX\xd6\xdb\x10\xd3z\x15\x0e\xde\xc6\x03&gt;\x05\x0e\x0e?/\x91\xbd\xdd\x00E^^\xd9\xdb\xa8P\x1a\x8d\x02\'7\xce\xd4\xad\xc4\xd0\x00\x89\x0f\xb7\xf9\x0b;8\x98f\xef\xa2Q\xden\x82\xaf\x13M\xf4:vP\xdbP\x0cb\xb8w/\xd8,\xf5\xf2\xa7\x9c\xd4\xb5^\x08\x0f^\xb1U\xe9,\x13:\xd7\xd1.s\xf3\xe0*"Z=\xbe\x07{;\xb3OS\xb77\xcb!\xd8q\xfb\xf0\x1ao7!(\x01|\xf0v\x13\x1c\xbcA\x9e8\xa1w\xce\x1b\xee\xd6K\xe4\x8e\xa5e\xffw\x8c\x0f\x0e\x0e^\xa7L\xeah\xfa\x85\x1c\x1cl\xa7\xa0\x7f8\xb7\xd6\x1f\xc9\xad\xb5;\xf86\x00\xc6u\xac\xe5\xedV8\xf8\x18\xfd\x1b\x96\xe2/\xfc\xe5\xc1)\xf7\xb5\xc4\xc1\xc1\x8b\xac\x9f\xdc\xc7\xdbMpp\xb0F*7\xfb\xe2^\xde\xedi\x17c\x1f\xf4;\xf2\xa4\xfc\xb4\x0f~\xfd`L\x92\x10\x94\xea7o7\xc2S\xb8w\xb1\xe9\xe0\x9b\xa40\xa4\xe4\xe4\x06\x86\xb5\xa8te\xcf\x92\xbcq\xbd\xdd\x0e\x87\xa0\x83\'w\xe6\x7f\x1e|\xd3\x19\xcf\xc1\xc1~&lt;0\x8f\xd6pm*\x96\xd4\xb1\xbd;\xfc\x14\x00o\xbd\xdd\x043\x98\x90\xce\x0eJ\x11v\x93\xbb\xd5\xf7v\x13~\xe0\x15\x9bF\x88\x10n\x9fD~R\xff\xa8Hq\'\xad\x95%\x0c\x857\x07\xa7\xe5B\x90Kt\x11"\xc4\xff\xdcZ\xff\xc2\xa1\xed\xdcQ\xed\x0bwT\xeaS8\xf6&gt;w\xc3)\xea\xbfw\xf1h\xf7\xb6\xe3\xa7G\xac9xb\xfdt/\xb6\xc4\x97\x99\xda\xb3\x91\xb7\x9b\xe0M\x96\x8d\xea,9\xe2\x86t\x85\x0e\xc1\x9a\xe2\xc9\xfc&lt;\x7fQ\xc7\x8d\x8f\x87\x15c\xbaV\xc8\x10\xdb\xdb\xad\xb0\x8a\xef\x18\x19No\x9a\xe5\xed&amp;\xb8\x17\xc7\xd5\xc2\xc1\xc1\xcb\x8c\xef\xa4\x10\x14]*\xe5\x0f\xf3,\xf0\x9e\xbf\xb6\x0b\xdb\xe7\xdb\xd0&amp;\x07\x87`@\x10\xb3#z\x10\'\xe0\xcf+(\xaa\xee\xe1\xe5e\xed\xb3\x00\xfc{\xef\xb8;\xda\xf3\xf3p\xde\x19\x175\x99\x16,-c\xc0cw_\xa2n\xde\xe4\xee\xbe\x84/\xc3\x14{\x1cL\xf3\xe5\xfeI\xdde\xf8\xb6\xd9C\xd6N\xec\xe5\x99\xf6\xd8H\xa7\xcay\xbd\xdd\x04\x07^\xea\xe7O\xe9\xed&amp;8x\x9c\xac\xd6\xa4\xff\xec2 \xbe\xba\xba\xcf\x96z\x82"\xc0s[~\xc6Z\xb9\x92X\xaf\xc4^\xe2\xaa\x1c\xdf6{\x88G\xdb\x11\x04q\x93\xe9\xa2PB\xd5\x1d_\xe0\xa5{\xae\xe9\x10|y~i\x97-\xf5$\xb2\xa5\x16\x07w\x12\x9c|L\x1d\xe4,\x1c\xda6\xb8\xc5\xa8.\x1d\xd9\xc9\xdbM\xb0\x8d&amp;E\xd3y\xbb\t\x0e\x0en$W\xacP\xden\x82\x83\x83\xc3\xcf\ng4\x03\x0f\x9eq=\x08\x8a\x0e|\x1am\x9e\xd5\xaf\xb9\'[\xe2\x0b\x1c\\1\xc1\xdbMppp\x08\x9a\x04\xc5\x01\xa0o\xfd\x92&lt;\xc5\x9c\x98\x0f{\xa9\x9f?ev\xc7\xed\xcf!\x081\xbdWco7\xc1\xc1\x0c\x9e\xd4\x8bup\xd0\xc1\xc9oi\x1dg\xea\xe0\xe0a\x12x\xbb\x01\xc1\x8c\x83\xcb\'h\x17p\xb3\x94\xbe\x83\x8fq~\xfb\xfc\xcd3\x06x\xbb\x15&gt;\x87/\xf8@d4%\x9f\xea\x83&gt;\xa0^a\xfe\xa0\xd6j\x1f\xb9W\xaa\xcd\x08\x1a\x8d\xf4$?\x85Z\xd4\xddc\xeb\xc9\x97\xa4E\x1c|\x992i\xa2\xcf\x1f\xdc\xc6\xdb\xad\xa0\xa7\x17v\x9a8\xabg\xad"\xb6\xb7\xc4\xc1\x1d\x00\xa8\x92%\xbe\xb7[\xe1\xe0\xa0N\x90\x97\x133\xcb\xf6\xb9C\xbd\xdd\x04\xf3\x94O\xaf\xa84\x11T\t\xae:.\xf3\x06\xb6\xf2v\x13~\xc0Bp\x82\x83 h\xeb2\xd9\xbc\xdd\x04\x07\xb7\x90\xc6\xb8\xa2wM\xc7$\xe2\xc0G\xc9\x14Q$G\xba\xd7,\xe4\x95\x96x\x12\x00\xefn\x1e\xf2v+\x1c\x1c&lt;\x02&gt;\xde\xf6v\x13l\xa6\x90\x7fp\x98\xb4y\x9d\x84\xden\x80\xb7\x08\x8a&gt;\xc4\x0e\x0e&amp;Y4\xac}6\x13\xb9\xef|\x18\xe0\xab\xb7\x9b\xe0\xe0\xe0\x10\xbcH\xfd\x9b\xb7[\xe0\xe0\x10\x883K\xb5\x97T\xbf\xd1\xfc\xc1m\x82\xb9\x8b\xed\xa4\xae\xf5\xbc\xdd\x84 \xc3\xc86U\xbd\xdd\x04\xe7\xffrPe\xcb\xccA\xa6\xcfu\xa4\xebx\xf8\xfa\xe8\xb4\xb7\x9b\xe0cd\x8f\xceU\xac_\x83R[f\x0e\xca\x1d\xeb\x1777\x87\x88\xa8l\x1a\xbe6\xf96=j\x15\xf6v\x13\x1c|\x8b\xc6E\x1c}C\x87\xa0\xc9\xefD\x07\x96\x8d\x03\xe0L4\x14Y&gt;\xba\x8b\xe4H\x99\xd4N@\xb1CP"\xa6\xb7\x1b\xe0\xe0\xd3\x00\xcf\xbaU/h\xa4\xfc\x0f\x83f\xe2\x10T&amp;X\xcc\xeb\xd5h]\xd6q\xc9\r&gt;x\xd1\x16\xdf\xacxF\xdf\xd9\tH\xee\xb6\x05\xbf\xefD);h\xd1\xa1Rn\xe15&gt;\xdd\x01\x9ey\xb11VHg\x93\xf6\xb1\x86{\xe5\xb8\x8e\xb5\x01\xb4\xaf\x98K|\xb0K\xd5\xfc\n\x95\xf8\xcc\x13\xee\xa0\xc8\xe5\xdd\x8b=y\xb9F\x85\xd3\n\xaf\x1f\x9e\xde\x0c\xa0Z6\x7fI\x01\xe0\x03\x11\x15I\x1c\xd1\x93\r\x0b\x96\xa4\x0e\xeb&lt;\x80F\xf0\xcd=t\xa3\xcf\x81F\xc8h\xeb2YM7cP\x93r\xa6\xcfu\x07\xce\x9d\x1d\xe48\xbbe\xceO\xf5\xafE\xe6(\x13\x91\xa8\x7f\xc3R\xcd\x8ag\xd0(c\xe5\xb1\x95\xf0S\xfd\xfe\x1e%Gt\xe5-\x83\x9e\xb5\x8bX\x8cz\xf7nbz!P\xf7\xcc\xe6\xd9\xc5\x93\xf9y\xb1%\xc1\x06\xd3\x06\xe8\x1e\xb5\x8a\xb8c_jV\xdffU2;J\xcf\x0e\x0e\x16\x08a\xdf\xe8\x9aL\xc9\x1c\xe9oG\xcd9b\x84\x90\x07\xc7s\x02\x00\xf8\xdb\x8eV\xb8\x1d\xcf\x8b\xe6\xdc9\xb2\x96\xbfp\xb1\xa4\xa6DA\x89\xc8\xb7\x95\x0c\xfe&gt;\xb7\xdd\xdbM\x08\x86\x14O\xc6\xb3\x900@\x06gS\xa2B\x86\xd83\xfa4\x95\x1f/\x99"JV\x0bI\x06\n%\xf4\xf5\x08\xfe\xb2i\xa2s\x8eR\x99\xfc(\x7f|\xde\xc81\'1\x83\x83\x83\x1c\xc5g\xcdyX\xbcC\x97j\x05\xc4o\xad\')\r\xa2iN\x01\xd8n\x07\x9c\xad\xf4S\xc4P*\xe9\x18\x1a~f&lt;\xe9|in\x995\xaecm\x1b\xdb\x90\xd6\xb8\xd0\xa1C\x90!\xb4,\x00*&gt;\xd1\xe8\xb6\xd5\xbd\xd5\x1eN\x00\xd8.\x07}\xe3\x8f\x95\x1b\xa7\xf5\x93\x1f_=\xbe\x87\xdd\x97\xf2Q\x1a\x16Jm\xa8&lt;\xcf\xc6\xbe\xe2\x08\xea&gt;\xeaxu\xabI`r\xf7\x06^\xbc\xfa\xbe%c\xd4&gt;\xca\x17\xd7]\x99\xb5\xb29Q4\xda8F+]\xb2D\xa1\xe1\xad*\x0bo5\xfa\x97%#:z\xa0=j\\\xda\xb5\xc8\x8bWw\xd0\x00oo\x14K\xea\xe7\xc6\xfa\xf1^\xed\xa3\xdeu\x8b\xbb\xef\xba\x0e\x0e\x96(\x9c\xc8\x92_}i\xb3Q\xb2)D\xceCx\x7fS\xb7|\\s\x97qp "\xa2n5\n\xee\x9c?\xdc\x1d5_\xd8\xb1\x00\xf8\x00|qG\xe5\x0e\x0e\xeeE\xd7b\xae\xb8\x9fl\x17\xc9Cs\xc9\xba]\xd8\xb1\xc0}m\xf0\x05z\xd4*&lt;\xa5GCo\xb7\xc2$\xfb\xd5\r\x0b%\x92\x07\xf8xx]&lt;\x07@\xbd\xfc)\xdd\xb1\xd8\xbe\xf1\xc7\xca\xc4J\xee\xab6{\xb7\x04\x0b\x82n\xfc\xa9O\x90\xca\r\x8a\xc7\xa1l\xaa\'iHJlSUrl1PF$\x8a\xe3zD\xdb\x0c\xed\xe1\xa0\x92\xec\xc1\xc8TjS\xb0\xb6\x9dl\x9f3\x14\xf8\xceS\xd2\xb1\xc8\xba\x95\x96\xa52\xdbRO\xf3\x12\x19m\xa9\'\xf8`\xce\x01\xabf\xce\xc4&amp;z\xbad\xbfP\x9a\xb0\xa6\xae\xa7\x8en\xb4\xce\xd0\x16\x15\xd9\x8b\x06\x05R\xd9|m%*\xbb\xb6\xe7\xd4\xc6\x99\x1e\xb8h\xf0@\xecb;g@\xcb&gt;\xf5Jx\xb11\x8c\x94\xbf\xd2\x8a1]\x89(\x8c^\xc9\xa6\xc5\xd2K\x8e\xb0\x13\x1dl!q\x08{\x82~\x1c\xa4\x94M\x13\xbdm\xb9\x1c&amp;N\x04\x90\xd9H\xf8\x14\x00|{\xc83l&lt;&gt;\xb3\xd5D{\xac\xf0\xe2\xf2\x1e7\xd5\xbc\x7f\xc9\xd8\x94\xba\x9d\x87\x03\x11\xf9j\x86\xf7\x9c1B\x9a;Q\xc3\xaf\x0c\x7f\x9f\xc7\x97\xbf\xccUk;\xfe\xden\x80"?\x8f\xb3\x9c\x9d\x00/\xbc\xdd\x04U\x98\xaf\xbd\x95\x88\x0f\xf7\xe5"\xd89\xcf-\x1b}D\x94-jpP\x1a\xf1\xfaW(\x91&lt;\xf2\xba\xc9}\xbc\xdb\x065\xda\x96\xcb1\xa2u\x15o\xb7"\xb8\xc1\xba\x0b\x93c\xefO\x0b\xff\x83\xda\xb4h\xc0\x8aU#ItF\xe3Q#+\xc7u\xd7\xf8\xd4\xeb\xfd\x88\xe7\xa9\x95+\x89o~\xeb\x8e\x95\xf3\xf0\x17\xde6g\x88\xfbZBD\x00Vi\xde9?\x15\xc0?\xden\x82\xf7qGl\xe6O\xc7\xb3\x8b\xbbL\x9f\xdb\xabvQ\x1b[b\x91\x99}\x9b\x15N\x14A1\xae\x8a\x9f5\x13{\x9e\xde4\x0b@\x8e\xe84\xb3o3\x9eS\xacG\x87}\x7fr\xd6\xc4}\\4\x89ya\x1c~\xf8=\xcdS\x84\xa6\xb4\x81\x8a\x1e\x9f\xee\x1dsW\x83\xd4\xc9\xe2U\xad\x00\x93BQ\xd68\xb3y\x8e7.\x1b\xfc\xa9\x95;\x89$7\xc9\xb1\xb5S\xbd\xd5\x18\xf7R4I$\'\xcb\x8f"\x9c={\xdd|)\x14\x8f\x1f\\1\xe1\xf0\xaaI&lt;5\xe0\xfb\xa3\xc1M\rKF\x9fX?\xc3\xe8)\xe6\xa8\x93\'\x99\xd1S\xca\xa5\xf3\xf4=\xb5o\xc9\x18\x00/.\xef\xf6\xf0u\x7fZ~\xaa\xe8\x99XD]\xab\x17\xf0v+\xdcF\xab\xd2\xb6\xa9f{\x80\xa5#;\xf1\x14\xdb&lt;}\x80\xe4\xc8\xd8\x0e5\xedo\x8d\n\xf1\x88\xbe=60\xaf\xcf\x15\xcb\xb0\xd3\xec\x8e\xb9\xc3\xe4\x07k\xe6t\x9f\xc7\xac\xbb\xc8\xe4\xa7|\xbcPB\x03&gt;\x9f\x19\xffG\x00\xc6w\xb2S\x91&amp;\xd8`\xc8\x94\xe7\xe0\xe0\xd3\xcc\xec\xd3t\xc3\xd4\xbe&amp;N\xf4\xa47\xfc\xe8\xb6\xd5\x0c\x95_0\xa4\xed\x9f\xfb\x96\xb9\xa91\xc1\x80C+&amp;\xea\x969\xb1\xc1CK\xa2 \x07\xde\xdf\xf4\x8aQ\xce\xc1!\x805\x13zz\xbb\t\xaa,\x1d\xc5\xb5\xa4`\xb0\xed\x01m\x16\x8f\xe8\xa0;\x13w\x9f\xb7\x92\x83\x83\x1a\xfb\x16\xabFV;\xfc\\$\xf5\xac\xf3\xd4\xa4\xae\xf5&lt;z=W\x1a\x15J\xd3\xabN\xd1\xae"]\xeb\xb2i\xa27\x16%Y\xe5\xa7u\x99l\xdf\x9f\x9c\xbd\xb4s\xa1v1\x00jI\x0e\xe2\x9b\xb8\xaa\x83\x83\x1d\x94L\xf9\xbb\xc5|\xc1v\xe5\xcd\x0eB4-\x96\xc1\xdbM\x08\xfa\xf4\xacU\xc4\xbb\r\xf0\xb3\xb5\xb6ck\xa7i\x170\xe1\xa0\x86\xf77=\xe9\xd3\xe6E\xff\xb9\xbd\x8bF\xe7\x8e\x1d\xb4\x97@\x9e\x89\x18\x97\xd0\xacX\x86\x03K\xc7\x12Q\x1a\xb3r\xf9\xb1\xf5\xfew~]\x94\xd2\xa9|H`\x04x\xfb\xf4\xc2N7U^\xd9\xc9\xfa)\xc6P\xcc\xaa-\xbeSa|\xc0`bt\xe2\x93\x80\xa8V\xae$D\xf4\xf1\xceQvdL\xfb\x1a\xb6\xb7\xca\x1d\xc4\xd1/\xe2\xa0\xc5\xba\xc9\xbd\xd9\x8b\xea9\x12)\x16\xa8\x94\xd1\x9b\xbf\xb1\xee\xc0\x9f\xdan!\x16\xdf\xa7c\xa5\x9f{\x93\xdc\x13\xfe\xe4\xd6\x88\x19d\xc7\xe1\xb5\x93z\x11Q\x9e8\xa1\x85~\xc1!\x98\x11&lt;\x86L5\xf1\xf6&gt;\xf5\x82[\xca\x01y\xc4\xc6\x84\xceu\xbc\xd0\x0e\x1fa\xde\xa0\xd6\xden\x82Oc\xd1X\xd1\xa1bn"\xaa\x95;\xa9\x89s\xed\x92Su\x08\xa2\xb0E\xa4\x1c\xdf\x9f\xb1\xf1\x903\xa6#\xe2\xe0\xe0\xdb0\x91\x06\x7f\xd9q\xc1u=\xad\xafg\xb3\xff\xc1\xbb\x9b\x07%\xc1\x8d\x0eA\x94\xceU\xf3Y\xac\xc1\x8f\xe8\xd3]_w\x0c\xfd\x85\x08@A\x7f\'A\xb0;\xc9`\xd1- \x88\x13WS\xe9\xe8\xfa\x81\x15j6\xd3-3\x07\x11\x11\x80?\x96\x8dwO\xd3\xec$"\x11\x80\xdb\x87\xd7x\xbb!\x0e\x14Z\xbf\x88\x0e?\xc9#[/_\n_\x90\xfa\t\xdaY\x1c\xbc\xaa\x8f\xf2\x83\x86\x05\x8d\xe5\xfe\xb6\x85\xe4z\x8fZ\xbb\xf29\x81\xb7%S\x98\xd7qyuu_\xfb\x8a\xb94\n\xfc\x84ns\xc1\x12\xa3v@\xfc}n\xfe\xe06n\n\xc1\xad\x993\xf1Ob\x1e\xc4\xb7G\xdenB\x90%x\xecMiS\xd6\xacM#w\xac_\x88\xa8]\xf9\x9c\x1ae\xb2F\xa5o\x8f\xceh\xd7\x03&lt;17I\tNY\xba\x1c\xe4\x00\xa8\xa1\xe2\x05\xa4P\xf8\xeb\x03\x13\x97\xe0\xcf\x9b\xb4\xdeWU\xb2u\xb1q\xf6\xbdO=\xbd\xe8\xcfBRoO\x1b&lt;\xec\xe7\x0e|\xb5\\\x83N\x83\x01\x0cnV\xdeD\xe5C\x9aW(\x928\xa2\x1b\x12q\xda\x00\xa7\xda\xd2O\xc8\xe5\xdd\x8b\xad\x9c\xceF}\x00\x82\xdfa\x86\xff\x11\x11\xe1\xe9y\xf2\xd4\xe3\xa9\x94c8\x00\x1fTR\x02\xe0x\xa98\x98D\xe2,!\xc9\xd3\xbb\xdd\x9a~\xbd8\xae\xd8\xbb,\x19\xd1A\xb7\xcc\xec~\xcdMoW\x9bH\xf9\xa0\xc8\x84\xceu|\xc1\xa4k\x0b\xe2\x05\x1c\xbfE~\xfe\xe06\x8a\xc7=\x99\x0fN\x12\x93\xef\x99\x7f$\xeb\xefT\xd1l\xf4\x03^^\xb6\xb71\x02\xb5\x8d\xcb\xdc:8\xe8P/\x7fJo7\xc1\x87\x086=\xbe\x98\xe4\xae\x1b\x02%\x92G\xf6RC\x82\x0c\x8a~&lt;\x03\x1b\x971T\x89p/\x15O\xa6\xfc\x83\x9bp\xc7H\xff\x93\xec\xa7+\xd2\xbcDFo7\xc1\x12\x1e\x96\xcf\xd4\xd8QnX\xc8\x0b[\xdc\xbe\xc9\xbb[\x87\xc4o\x83\xd0\x00\xc0\xdf\x8b\xb7\xab\xa0\xb5ud\x8e\xe8D\xf8\xef\xfeO\x18\x85k#\xda[z\x0e?\x17/\xaf\xec\xf5\xd8\xb5*x/S\xf9\xdc\x01-\xb5\x0b\xf8\xac\x13u\n\x0f\xda=\xac\x937\xae\xdb\x9b\x1b,-\x12\xeb\xa7\xf4)\x91\x9c\xcb\xcb\x8ee\x98\xb1(R\x99&gt;"\xf5\xaaS\xcc\xdb{\x9d&gt;\x0f\xbe\x07O\xe7\xaal\x81\x96\xd9T\xbfy.\xfdKx\xe3\xfb\x01\x9e\x14\x04u\xa6E\x1e \x08M\xdc\x8d\xba%kD\xc9\xf0\x90\x80\xbbd\xbf\x06\xa5t\xcb\xf0\xa4\xd8\xb3\x92\xa25\x18\x8e\x1c\xa6\x1d%\x834\xcd\x8a\x1b\xb3n5.\x92\xce\xdc\x85\x8a$\x8eHDU2\xc7\xb7k\xa7\xd4v&lt;vO\xa7\xf2M\x97\xa6@\x92{JP\xb0K\xb5\xfc\xcc\x9f\xa7[\x8dB\xc0s\x0f]UD\xc1\x04v\xae\xfa\xf8{p7Q4I$\xe0\x89]\xb5i8A\x91\xc7\xad\xca\x9e\xc0\xc6L,Ah\x9ac\x0b\xbaqd\x9cd\xf0j(\xa1\xc4\n_!\xbd\xe1\x19\x12\xe7\x10\x92RSJ\xf8\xef\xf3;\x82\xd0~\x80\xc0\xdb\x1b\x7f\xd8U\xd5\xe8v\xd5m\xa9G\xfbw\xf6&lt;\x85\xfc\x95\xfd\xcb\x9a\x15\xcb\xf0\xee\xe6A\xdd\xd3\xd9\x14J\x03ynW7\x81\xe7\x17=s!\x07^&amp;u\xab\xaf[\xe6\xf2\xee\xc5\xc0+w\\]q\xb1|d\xf5d\xfe\x1a\xdaW\xd0\n\x12\xe6\xc4\xfa\x14\xcc\xe2\x84\x10\xaf\xaf\x92e\x17\xf8\x1ds\x87\xda5\x00(\xe6ZsG\xca\xc3o\x8f\xcf\xe2\xbf\x1f!Z\xba]\x95.\xf9\xe2\xfdJD\x952\x1aN\xa8n\xd7\\DB\xa4\x9f8 \xd1\xdf\xdb\rp\xb0\x87;G\xd62Y\x1e\x81\n\x19b\xe3\xefs\xdej\x8f\xed\xf0\x04\xa3y\xa0\x01\xd6%\x8f\xdc\xd4N\xa6\xe5\x8b\xe7\x97l\xaf\xd9\x1d\x91Y\x05\xfd\xc3\xdd?\xb1\xd1\xfez5\xe9\\5\xdf\xcc&gt;M=yE\x8d\x9d\x06\xe0\x8d/$\xc5kY*\x8b\xafZm\xdd\x8c\xc7\x92\xab\x04\t\x954E\x00x~;\xa8m\xb9\x1ce\xd3\xc6\xd0/\xe7qV\x8c\xe9\xca^\x9c\xde&lt;\xdbJ=m\xcaf\xb3\xa39^\xa6dJ\xcf\xc9k\x95N\x15Ur$&lt;\xd1\x8c&gt;M\xc9\xb3\xf6\xd8\x1ds\x87\xdd=\xba\xce\xf4\xe9M\x8be\xe8Z\xbd\x00{\xcd\xa2\xeb-J\xe8\xbe\xbc\xb2\xc7Z\x05DD\xa5S\xff\xack\x1f\x8f\x91/\xee\xaf\xa67W\xad`=\xb6C2W\rG\xf4\xe1\xf6\x11\xb5\xc2%,h\xc9IH@\xb4`H[\xc9\xc1$!x=&amp;\xdd\x9d\xbc\x94_|F\x11&lt;\xbb`SC\xbcIV\x0f\xca+\x16K\xea\xc7YrA`\x8c\xb1\xaf\xc9\x93\x8f\xedP\x93s\xe5\'.\xb6z|\x8f \xe5$\x1c\xa4\xe8Z\xbd\xc0\xd8\x0e5\x1f\x9d\xdeR%\x8b\xa7\x97bC\x9aU \xa2V\xa5\xb3\x8a\x0f\xdak\x85\xdc\xbbh\xf4BY\x1f*G;\xa3i\xba\x08t`\xe98\xce+\xfa\xac\xff\x8f6\x1b\xa6\xf65zJ\x01\x15\xf7\x92J\x99\xb8\x8c\xda\x1e\xf3\xc3\xf1z\x02Q[HD4\xb4y\x05\xeb\xf5(:\xd6+\x1e\xb4=,\xb6]\xf9\x9c\x002k\x86\xd8\x95W\x8a\xa1Y?\xb9\xcf\xcb\xcb6L\xf3M\xe0\x15\xddb\x8f\x02\x00\xf8\x84\x17?l\xa6\x1e\xf3R\xf1\x13\xbd\xd6N\xa5rz\x93Ik\xc3\xe8\xb6\xd5;U\xc9\xab[lR\xd7z\x8b\x87w0w\t\t,\x0c\xd8\xf0\xbe\x9e\xb7a\xc3\x96\xd4\xc4\xc0\x81i\xe3XPq\xb26\xb4W\x91\xc5\xb6\xe5\x9f[\x00p`\xe98[l&amp;&amp;P\x8c\x8f\x91\xafq\xe5\xd4/\x90\xca\xfe\xd6\xd8\x84\xa3\xfba\'\x13:\xd7\xb5w\xd1:\xb3O\xd3\xb3[\xe7\xdaX\xe1\xe3\xb3[\xdd\x17\xb3*d\x16\xf3}\xda\x95\xcf\x89\x7f\xefj\x07\x95\x00\xf0\xb5\x14i\x86\xf21\x18\xdd\xa6^:\xb2\xd3\xeb?\xf7\x19kP\x10\xc1}\xee\xff,I\xaa\x83\x87\xe8U\xa7\xa8\xb7\x9b\xe0\xd3\xe1\x15\xba\xe6\x0b5Uw\xc5\x8e\xc5\xa8"\x84\xf6l\x08\xf8\xf7\xe9\x85\x9d&lt;\xf5\x00\x9f\x0c^\xd9\x0c\xba\xfdc\xb3\xe2\x19g\xf7oa\xcb\xb5N\xac\x9fnK=\x86\xc2 \xc7\xb6\xafY6M\xf4\xf4\x11y\x13e\x17K\xe6\'\xc9&amp;\xc4\x8c(O/\xect_\x1e \xf1\xbf\xc0\xf6Tk\xe6T\xf4\x8c\rJBL\x0e\x0e.\xb8u\x1e\t&lt;c\xbe\xedb\xae\xee]j\xa8\x92\x99}\x9bYoI\xc3Bi\xc4o\xb5\xbd\xbd\x93\x05\x0f\xdb\xb6\x0f\xb3}\xee\xd0E\xc3\xda_\xd9\xb3\x84\xff\x14\x00\xa5Rr\x19\xd2\xdcqKC\x84\xd2\xa7\xff\xb9\xe1\x9a\xfahG&gt;n\x9c\xd6\xdfS\r\xb1\x9f?\r\xf6\x12^\xc6+\xdb\x93\x16\r&amp;~n\xbe\xc4j\xfbB\xa3m\'(\xea\xf6\xd85\xe5\xe7\x873K\xb8\tw\x9d\xfa\xa6\xa4\xbc\xe5\x1b\xaa\x83\x9a\x943Q\x8f\t:U\xce+\x0c\x00\xad\xcbd\xd5?\xc18\x85\x13\xe9o\r/\x1a\xd6\xde\xe2U&amp;wk\xa0\xf6\xd1\x94\x1e\ruO\xff\x19\xb2\x1f\x1a\xa6V\xae$g\xac9n{\x85&gt;\xf5\x8a\xe7\x89\xed\x96\xc0G\x9e\x0c_D\x94D[.D\x852\xa64\x97\n$p\xf1\xact\xd33\xacH\x8d\x1c\x89\x8a&amp;\xf9\x9f9+A\xaeX\xde\xdc\xd0\rK\x9492e\x8fN\xf8xG\xa3\x98\xf6W\x1b\xd3\xbe\x06\xf1\xcd6\xc8\xb8e\xcf\x1d\x00\xff*\x1eO\x1dV\xeb\xc6\x06^\x89wA\xf0\xfd1\x11\xb5(\x91\x89\xe3r\xfa7\x86\xe3\xa9\xe9\xeb86\x03\x01\x8d\x95\xb2\x98("\x97j\xbb\xb8\xbe\x7f\x85\xdaG\x92~\xd4\xfaL\x8a\x9f.\xd5\xf2w\xac\x94\xa7K\xb5\xfc\x16\xeb\xf1\xa4_\xbc\x18\xfc{W\xdbcO\xdb\xbbx\xc7\xbca\xa3\xdbU\x07\x9e\xf2\\k\xdbl\x03\xc9\xe3No\x9a\x05|\x90\x1f\xe7TE\xb6\x17\x00\x83\x9a\x94\x15\xbf\x1d\xdc\xb4\\\xb5l\xfe\x17\xb6\xcf\xb7Rm\xa1\x84\x86\xf78l\tql/\xca\xc4\x90\xcd\x84\x07\x9b\x83u\xbaU/\xc8^\xa8\x85\x11\x14I\xfc?\x1f\xd4\x85\xc4\xbfw\xd9\x00\xa0v\xdf\x08c\x03\x80\xd7\x7f\xee\xd7\xae\xad~\xfe\x94\x8a\x0b\x85\x83+&amp;\x18jU\x8b\x92\x99\xf0\xfe\xa6\xf0v`\xe3\xb2\x1a\x85y\xc8\x1f?\xac&lt;Gq\xcf\xdaE\xe4%\x13\x06\x8a(XDy\xff\xd1\x14\xbe&amp;sf\x0b\x00\xf0\xed!\x00\xaf|9Izg\x00\xb3\x8c\xec]\xa5\xb1IW\xb4}\x85\\^\xf1\x0e\x93oFx2\xfb\xa6/b\xa3\xb1\xacH\xe2\x88\xeesu\xe0\xa4}\x85\\\x9c\xff\xe8\xcc\xbe\xcd\xb4\x17\x01\xec8\xf0\x0f\xa7\xa5H\xd1\x08\x923\x86\xe1|\x16\xadJg]16@k\xc1\xa8x\xc6_\xc77\xe8\x96\x19\xd8\xb8\x0cg\x00o8\xa2:\xc11\'\x89\tB\x10\x1dZ1\x91\'\xa0D\x17\x00\xd7\xf6/\xb7^\x8f-,\x1f\xddE~o\xd7\xca\x95\xc4z\xcd\xde\x9d\x8e\xb7\x0e\x16*#\x0en\x04\x9f\xef\t\x03\x80\xa2\xb0\t\x80\x84\xdc\x96"mL\x07\x85\xb1\x98\xc96e\xb3\xb3\xb7\xb5\xf3$\xd5./^\xdd\xcb\xf17\xdb\x0c\r$n\xf5\x16\xb3\x85\xe8R1\x83\x95\xf4\x1e\xe6a"&lt;x\xf3\xa7W\xaeND9\xa2\x9b\xda\x89\n\x04x\xac\xfe\xd1\x8f{\x9b]\xc3\x96&lt;\x94+\xc7v#M7\xb6\xca\x99\xe3\xd9p\x19\x15\x80OxyE\xb7\xd8\x8e\xb9\xc3\xc4o\xdd#\xb1\xea3\xd4\xcb\x97b\xf1p\xcf\xd9\x94\x15\xd9\xb7x\x0c\x11\xe5\x8d\x1b\xa6G\xad\xc2r\xc9\x07O\xc6\xd4\t&amp; \x00l\x03P\xc2\xae\xf9#\x80o\xe6\x06\x80\x0b\xdb\x17\xd8\xd3J"22\ro_\xd1\xb0\xdct\xf2_(\xb1\x11\xedL\xc9\x86\xa1\xbf\xd1\xeb\xf9\x12\xb5s\'\xe5\x1c\xb1\xaagw\xf7\xd0\xa6OvW\xaf\x02\xbc\xbb\xa1\x9d\xe9ej\xa0\xb7\x0c\xbe=\xc4\xd7\x87\xecu\xb5l\xfe\x92b\xe2{{\xeb\xacA\xf2N0\x02Q\xf3\xe2\x19\xf1\xee\x86\xd1\x06\x17I\x1c\x11@\xb2P\xb4lTg"*\x99\xe2\xf72\x9e\x12\\\xab\x9b/\x85\xbd\x15\x96\xf2\xa0\xe4\x9f\xbb\x18\xdd\xae:\xde^7w\xee\xc4.umi\x83\xf0+6-\x96~t[\xfd\x84\x18&lt;\xfes\xe6\x8cx\xfb\x97\x8e\x15:\xf7\x06\x05S\xaf\x99\xd8K^\xe6\xc5\xe5=\xac\xc0\xac~\xcd\xf9k\x0ekw\xc4\xcd\xfe\xa5cu\xcb\x00\xf07\xb5\xb1\xb6lT\xe7\xf0D\x00\xf6-\x19\xa3]\x92\x89\xd7\xf3L\xac|\x99]\x0bF\x08\xab\x96\xd6ex\r\x05s\x07\xb6rW\x83\xdc\x00\x1b)*\x04\xae\x96\xfc\xbc\xd7\x12\x06\x80\x9c1B\xbe\xb8\xbc\xe7\xbf\x87\xa7\x0c\x9d\xa8\x11@\xa0k\xa7\xaa\x93\xd7\xb1^\xba2\xba]u\xe0\x9d\xb9s\xff&gt;\xbf\xdd\xde\xc6\x10\x11\x8fF\x9b[\xe1\x99\xdd\xf3O\xff\xc7u\xac\xf5\xf4\xc2\xce\x90D\xfd\x1a\x94\xf2|\xc8\xa5\x15\xdd\xae\xfb\'6\x0enj\xdeQ\xdd\x03\xaaG\xff=&lt;mK=\x8d\x0b\xa7\x05`\xc2\xc2\x81\x17\x97\xecL\xab\xe8f\x0e\xae\x98\x908\x04M\xe8\\\xa7n\xde\xe4\r\n\xa4\xd2\x88\x92I\x1f\x91\x1a\xd8-\xb3S\'O2\xe0\x05OI\xe5\x90z\x0e\x1e\x9c\xda\xec\x83~%\xbeN\x9d&lt;\xc9F\xb4\xae\xe2\xedV\x98\xc1\xfaF}\xb1\xa4\n1pV\x8c\xfb1eGF\xb4\xaa&lt;\xab\x9f\xe1`\xe0\xe2\xc9\xfc\xcc5@\x82\xe9/2\xb0qY5\x8fr\x07C\xd8&gt;\xea\xcb\xd5\xff\xb9\x9a\xf1\xfc"S+\xd1\xb0Y\x88&lt;\xdc\x9e\xe3\xdf\xbb\x9bg\x0c0q!\xd3\\\xdee)\x97\x9c\tBZK\r\xffS 7\x0e\xda\x88\xf5\xb4\xd4\x00\xdc\xe4W\x90\xf5wzs\xed\x80\xe2Gj+P6\x85\x94;M*\xbaW\xca\xd1\x8e\xc7\xd6\xfe\x9aj\x7f\x13\xfe\xbb\xcfsi\xcf/M~\x12v\xcc\x1b\x06\xbc\xf6\xc0\x85\xd4\x1c1\xcb\x06\x06\x1e\xe2\xddM\xb9\xe3\xaf\x04\x00{\x17\x8d\x16\xde*\xee0\'\x0eAl]\x98D\xcf\x91\xcd\xb9\xa9\x1c\x820\x82!\xe8\xc6\x81\x15D\x01\xba\xff\xc0\x13\xc5\xc2\xc2Z$G\x0c3^\x19\xec\xf4\x96\xa5\xb2\x988\x97\xc1\xf6\xab9\xb7\xd2\x8a\'\xf7\xb4T\xad\xc7\x9c\xbb}Ac\xb4KU\xabAsF\tc\xaa\xb7\xdd1w\x98dj\xa2X\x89i\r\x0f|\x7fd\xeeD\xaf\xc0\xbe{\x83`\xaf\xf2\xafAb\xcd\xbek\xe5\xb8\xee\x9ei\x86\x8f\x08\xdd\x88]}\x14w\x05\x86\xb5\xac$\xbc~rn{\x99\xd4\xd1\x8d\x8aj\xd5\xcd\x97&lt;\x1cQ\x994\xd1\x99d\xc2\xbb\x9b\x874\n\xf3\xec\xb7\xb3\xf5lI\x0b\xa9\xc7lq\xf5\xf3)l\t@\x1b\xd5\xb6\x1a{1\xb1K]\xed\xfcHnU\x9b\xc9\x1e\x9d\xb6\xce\x1a$?\xfe\xf1\xceQK\xde\xa0\xee\xe1\xd4\xc6\x99\x9c\xc3\x92\xf8\xe1\x92\xeb\xbbT\xca\x18\xb7[\x8d\x8267N\x05\x89\xea\xa2\x84&gt;\xf5\x8a\x1b\xaa\xcd\xb7s@x\x15\xef{\xcf\x11\xd5\xcd\x9b\x9c\xb3d\x93\xa2\xe9\x01\xec[&lt;Z|pr\xf7\x06D\x04\xbc\xf9\xfa\xe84\x00|\xbeg\xe8\xfe8\xbaf\n\x80\x89]\xea\xf6\xa8U8Y("\xa26\xe5\xb2k\x94\xd7\x96N\xb4N\xba\x08\x14\x96(q\x08\xef\xaf\xdc\x17\x8f\xe8`%59\xa7l\x03\x19\xf9I[\x94\xcc,\xbc\x16{]\xe6\x88\x11\xc2DL\x9f\x15\x14\xff\x1dw\x8c:\xb6\xac\xa5\x00\xbc\xbby\x90\xa7\x98F_y\xe7\xc8Z\xb1/\x83!9^+\xabj9\x8e\xcen\xd0 \x0c\x91\x10\xd9\xf0\xe6\xda\x01\xa3\x92d\xed+\xe4"\xf5\xf4g)\x7f\xa5\xfc\xf1\xad\xfa\x1ad\x8eL\xdb\xe7\x0c\x01\xb0nRo\xe1\xe0\xee\x05#\xcb\xa5\x93\xef"\x07\x80\x7f\xae\xb9{\x0cP\xa3bF\xb7\xab(\x9aQ\xc83\xc5\x91\xd5\x93\xad\x9c\xee\xf9\xf4\xa8&lt;\x98S\'\x15#\x19W\xfc\x88\x80\xb7\xda\xa7\xac\x1e\xdf\xc3\xe2EmdZ\xcfF\x05\x12\x84\xcd\x13G\xbaz8\xb0L5ck\xd0w\xe0\xb7\x9b\x15c\xbaz\xbb\t&gt;\x81\xd8k~Z\xcfF\xc2\xeb\x15c\xba\x96K\x1b\x03\xefo\x95Kk\x83b\x95|*\xf7\xc7\xb2\xf1\xc0+\xeb5\x07c\x8e\xae\x99\xea\xb1k\xe5\x8f\xe72\xcc\xab\x8e\xcc\x9e"\x95\xd2\xacC[\xf2\xda\xf6\x10\xd6f\xc53\x9a8K7\x1d\xe6\xc3S\x9b\xcd\xb4F\x869\x19\xa5\x19\xbd\x9b\xc0V\t\xa6\xe8\xbe\x11!\x18\x84)\x9f\xcek\xc2\xba\xcd\x8ag,!\xda#=\xb6\xf6G\x8f\xe3\x81\xb4\xae\x0355\x1b\x1c&lt;Lv\x9b\x16&amp;\x05\xfd\xc35.\x9c\xd6\xa3\xa6\xa2\xa0\x83\xdac\xa5\x18\xc2\xd2\xb8HZ\x8d\xaa\x9e_\xdam\xae\r~\xe6Ns\x08\x96\xd8"H\xeb`\x82 \xf7\xcb\xf7\xad_\x92\x88\x92k\x9a\x86\xfd\x89\x88\xa8W\x9db\xa6\xaf\x02\x00x\xd1\xbb\xae\xb1\x1dH\t\x82\x15\xcf\xa2\x11\xccc\xd4\xcf\x9f\xd2.\xa1\x019\xb9b\x85\xc2\xe7{\x16\x95\x94~vf\x1b\x11B \xa2\xa8Ds\x07\xb4\xe4)\xa96\xff\xcfl\xc4}1\xb5\xadA\x81\x85\x13y]\xd2T\x01g\xa5\xe9]\x98\xfd\x05@\xd1$\x91\xe2\x11\xf5oXZ^\x86e\xdb\xb6\xb2\xb5n\x8bP\x8e\'sH\x88\x11f\xe5\x0b\x87\xb6\xab\x98\xc1\xc0f\x92\xd1;\xdb\xdf`y\xf1\x1e\xc0\xd6Y\x83\x89(\x1e\xd1\xc86U\x85\x83\xe7\xb7\xcd##\x7f\x9c\xd1\x06\x04y\x96\x8c\xe8h\xf4\x14\xce\xb8;\xce\x8d\xb6&lt;qB\x17\xf2\xf7\x05\xcfo\xb7 \xdf\xf1\x95\xdf\x8b^\xf7\xd8\x11\x10;\xc5\xfe&lt;dt\r\xdeS\\\t\xb8)\xdf*\x00?\xd7#\xc7\xd7M#\xa2\x9b\x07W\tG\xc4\xf3\xa5\x07\'7\x99\xcba\xa7\x91~.\x14\xd1\xfe%c\x89\xa8\xa0\x7f\xf8J\x19\x15\xb4?\x00\x9c\xdd2\x87\xbd\xbe{t\x9d\xe2\xed\xaa\xe6\xf8\x00 \xee\x8f\xd7\xdf\xb4\x1bY)c\x1c+\xcfB\xf9\xc06\xe0\xd5\xd5L~\x01\x07W\x8d\xf7\x90\xe3\xbb\x83\x94v\x15\x94C\x01\xae\x1fX!\xf9\x9b+\xb8M\x07x|\xa7\xda\xecZi\xc2\x1a\xe8gm\xf4\x11\x19\xde\xaa\xb2$U\'\x8f4\x9b\x06C\x9aU\xb0\xda\xa6@\xb6\xcf\x19jWU?\x03jSxE%\x12Nx\xee\xc9\xa3\xab\xa7h\x14\xe3\x94&lt;QL[\xc6\x18\xdc\xb4|\xff\x86\xa5\x01\x14T\x9a\x87\xad\x9d\xd8\x8b\xa7\xfe\xcd3\x06\x94K\x17\xf3\xcd5in%\x91.\xc5\x13]U\x92\t]\xeaJ\xae\x15\x85\xa8G\xcd\xc2\xbaW\x97`4S\x93\x83\xa7\xb1\xdd\x15Rc\x00\x01\xb0e\xe6 \x9e\x9b\xf8N`\xe6\x80\xd8*v\x00N\xc6v\xa8y\xe7\xc8Zq\x03\x80\xef\xa6ks\x086H2v\x11Q&amp;\x999\xb4i\xd1\xf4\xe4\x9a\x9c\xfd\xcd\xb5\xfd\x1awoH"5\xa9@\x00KFt\xecS\xaf\x04\x05\xdc\x84\xcf5\xda\x06\x80\xa9\x0c\xc9)\xcb\xe1/\xb7bL\xd7e\xa3:W\xce\x1cO\xd1\xbe\x9b#z\x88\xf1\x9dj\xf3\xc4\x85&lt;:\xbd\xe5\x8f\xe5\xc6\x12%9\xf0\xe2\x0e\x07\x86\xe6\xc536*\xac\xb5\xa7\xef\x19R\xfdJD4\xaec-\xf9G\x99#S\xdb\xf29z\xd6.\xcaSO2\x95`\x03E\xef=5\x84\xc9\x94QI\x89\xb6\x9aAd\xee\xa6|z\x93^[\x91\x88\x12\x12\x1dZ9\x89\x88|q\x8f\xc5\rp\xa6\xfcM\xf9\xaba\'\xceV\xa5\xb3\x02\x9f\xdbW\xc8U \x81N&lt;\xf7\xf5\x03\xd2\xec\xd3\x82\x94P\xef\xba\xc5\x00\xcc\x1d\xd8\n\xf8DD/\xaf\xec\xb1\xa2\x8d\xa8K\xb1\xa4\x91\x00\x00\xffu\xae\x92O\xb1\x80\xbdW\x17\x87\x85\x17I\xec2\xfc1\x03\x9a\x832\xba\xd6C\x13\x7fRH"\x1e\xe9\x7f\xcfc\xa8\xcb6\n\x005\x9f\x91Z\xb9\x92\xfc\x84\t\xac\x0f,\x1b\xc7\xd4fj\xe6RPm\x00\xa0&amp;\x0e\xdc\xbdf!\x8b\x97~s\xed\x80\xe2}\xdb\xb4X\x06\x8b5\xdbB\xcbR\x99\xf5\x0b\xb9\xa2\xabaND\x91\x89\x14U\xe1\x00\x00\xaf\x85\xdfD\x18\xd4\x01\xe8:_\x00\xcfL\xb4\x87\x88\xf0\xe9.\x80\xd2\xa9\x94\x8dd\xa9\xc3\xd2\xd3\x0b;t\xae\xed\xcao\x9a\xcb\x0e\x00\xab\xc7\xf7(\x9b&amp;z\xb7\x1a\x85$\xb3\x96\xf3\xdb\xe6+\x967tu\x07c\\\xdc\xb1\xc0\xdbMp\xc1\xc32DlvcNx}\xd1\xb0v\xb6\xb7\xc7\xad\x983\xdd\xc5T\xdf$\xb4H\x9b\xb2\xd9\x15%\x9e\x8c"\xec\x19z\x80\xc6\x16V\xcca\x03\xad\x9dj\xbf\xa6d\x11\xc7\x96\x04\xd5\xb2\xf9\xf3\xeb\xf9\x98h\x15\x00|\xba#\xbc\xcd\x1b\xd7\xed\xb9\xd8[\x97\xc9\xc6le\x12\n$\x08[3\xa7-\xc2Q\xc1\x85J\x16\x04\x00\x82\xa2{m\xd1$\xff\xebV\xbd\xa0\x97\xd4\x16\xb8\xc8\x16\xed\xc7c\xd60\x88\xcb\x16\xba\xc3\xe5_\xb7\x0f\xeaZ\xad\x00\xeb\xf1\xaf\xed_\xee\xd6\xc9\xdd\xbb\x9b\x87\x80\xbf\xe5\xc7\x81/V6uX \xee_\'6\x1a=Q0O\x1au\x04\xe2\x17V2M\x8b\x92\x01\xc9D\xf3\xc6\r3\xc7\xac\xf2\xa8\'\x89E\x14\x81\xa8{\r\xab\x0bP\x07\x07\xc3\xf0\xec\xaa\x05\t\xdcjY\xd6\xbe\xa8\xd1K\x9b\x9b\x94*^\xc2\x1d\xfb\x1c\xf1\x88\xc6\xb4\xaf!Y\x11\n\xae\r\x00\xacD\xd5\xbb#\x1f:\x0b\x8c\x903\xa5GC\x8b{\x8dU\xb2\xc4\xefY\xab\x88\xa2C\xaaE\x00\x8cnW\xfd\xe5\x95=\xb6\xd7\xec\xa3\x9c\xdb:\xd7\xc4YIBP\xdbr9lo\x8c\xef\xb3aJ_\xf9A?\x8f7\xc3\x1c\x16\xb2F\x9a\x04\xc0\x8d?Vz\xe0B\x12\xaf&gt;\xfe\x01\xa0_\x83R\x127\xf0\xf4\x11\x08o\xae\xb1\xd7\xf6\xc6\x18\xf2\x93Ye\xff\xb8r\xe6x\x92#\xec\x0bj{\x01)\xa26\xe5\x7fx\xda\x1e\xb9\x1e"\x02\x90T\xa5\xa7\xb7\xb8\x13;\xa1s\x1d\x00\xf7\xf5VH\x12\x95\'1\x1a\xbb\xe7bWW5\xbb_P\xdd3\x90\xf7\xda\x00\x80\xcf^iLP\x84E\x12\xba\x1b\x8d\xdbkJ\xf7\x86&lt;5\x98N\xeea\xcf\xbb\x84\x04\x00\x00 \x00IDAT/\xec\xee:\xb4r\xa2nI{M\xc2\xfc\xd3\x7f\xc5b&lt;\t\x96\xd7\x8a\xe4]\xdd\x8a\x9b\xa4a5\xd4\x11\xb2zV?s\xf7\xc2\x919c\x86\xe4\xefRyJj\xcb9\x9bvf\x0b\xf2XI\x1d\x1e\x84\xb0.\xe3l\x11\xeb&amp;N+\xc9^\x88\xe8\xf4\xa6\xd9\xfa\x85\xdc\x99\x16\xa6q\x91tB/&lt;\xb3\xaf\xb1T\xc9\xec\t\xb7\x12\x9f\t`\xe3\xb4~&lt;%\'\xca\x02\x8b\x88\xe8\x8f\xe5\x134N\tA\xd4\xa3Va\xbb\x929\xeb\xf2\xea\xea&gt;5\xcfcC|yp\xf2\xd3\xbdc6Td+\x15\xd2\xc7\xae\x993q\xdf\xfa%\xf1\xf9/\xceS\x00\xf0\x84\x0b\x0cjRN\xb7L\xae\x98\xa1\xd8-\x9a1\x12\x8d\xe4\xce\x97^/\x7f\x8a\xdeu\xcd+&gt;9\xb8\x1d\xaf,\xd0\xc46{\x00\xf1\rN\xc3\xed\xb56\xc8\xd3-y\x1e\x8di\xb8\xe2q\xc1\\0\xa9k=2\x1b\x84\xdc\xa5Z~V\xf9\xfb[\x875\x8aM\xe9\xde@\x98$\xb2\xf2\x9f\xee\x1e\xcb\x1a\xe8\x9b\xeb-9\x1d\xb7\x02\x80I\xda\x89\xe9P1\x97[\x1f\x96\xa2\xb2\x10\xe8_\\\xf7\x1b\x98\x8fV\xed\xdcI\r\xd4\x99\xe4\x7f\xd6\xdb|\xe7\xe8:\xf6\xbf\x7f\xbc{t\xe7\xbc\xe1\x86\xce\x05P:u4\xed\xbc\x8aA\t[T\xef\x83\n\xa5S\xfd\xf0\xc0w\xdf\xad\xff\xee\xe6\xa1&amp;J.h\xbeO:\xfb\xb6/u\x07\x80\x8c\xd2\xce\xc1\x06\xfe{xZ\xb2\x01P#G"\xb9{\xfb\xd5=K\x10\x18\xfe-og\xa7*y\r]4\xa8Z\x84]I\x13\xcee+eV\xdff)4\rss\xd4\x05\x1f\xddjh\xc0\xdb\xeb\x92\x1f\\1\xb8\xc0\x8f\xa3*+\xe65\xf1\xa9\xe2\xa8\xec\xe0I0\xd0\xa2\xac\x9d;\xe9\xf0V\x95\x85\xb7}\xea\x95\xc0\xb7\x87\xf2be\xd3\xd86\x1c&amp;"\xaa\x9a5\x81]\xb5\xb9\t\xeb\xfe\x7f\xf2\xa4\x0e\xdf\x1e\x9fa\x03\t\x00y\xae\xbe\xdf\xdc\xe9\x1a\x04W\xcen\x9d\x0b\xa0o\xfd\x12\xda\xc5\xdc\xd7\x1e_@;\x99\x8c\x98i\xbd\x1a\x8b\xdf\xaa\xfd&amp;V\x9e\x90\x82\xfe\xe1\x00XQv|rv\x1b\x00&amp;\xe1\xa9\x81$\x00\xd8(\x86\xee\x87\xe0c\x11*\x99\xe2w2\xee\x13\xa6\x16\xc3\xe9S\x84\'\x02\x90;\xd6\x8f\xfd!&lt;\xbf(/\xd6\xbf\x91T\xe1gV\xbf\xe6\xfd\x1a\x96\xd2\xad_\xb1\x8c\xb76]&lt;\xf6\x8f\x84"\x9a\xda\xa3\x91F\x01\xb9\xbc\xf6\xcb\xcb{\x16\x8f\xe8`o\x87;\xaam\xb5|\xf1~\xfd\x9d\xbbg\xf7\xf0\x00P$\xb1\xd5\x9d\xdc\n\xe9c\xc5&amp;Z;\xb1\xd7\xb5\xfd\xcbo\x1dZ\x8d\xb77x\xcebN\xa2n\x8a\xb0\x13\x03\xe0\xde\xf1\xf5\x82R\x96n\xe1\x83+&amp;\xc8\x1dl8\xf7\x9e#\x11\x01\xb8+\xbb\x96x=\x89\x97W\xf8*S\xc6\xe8\x08\x97?\xbe\xdb6\xd3\xec%sd^\xa1fN6M\x1f`k}\xaa\x08\x1a&amp;V\xf6\xc3\xfe\xfd\xeb\xb8[\xb3=\x8fn\xa7\xacx\xa18\xd2\xfc$\xac\x1a\xd7\x1d\x00\xf0L\xe8a\x076\x0e\xc8\x86\x06\xbc\xb6\xfdr\x9c={&amp;?\xc2\xfb[\x153\xc6\x11\xca\xdc=\xb6\xde\xf6\xc6\xd8\xc8\xafD\x00\xd8\x8f\xc9\x7f\xd6\x86\xa9.;\xe1g\x03}\xbeOn\x98ag\xe3\x88\x00\x0cnZ\x8e\xd3}\x88\xfd\xe0F]\x03$5\x98&gt;\xd7:c\xda\xd5\x90\x1c\xc1;\xae\xf1\xd8\xfb\xd8\xbbTa\x7fd\tk\xfe*&lt;$\x14\xdd\xbb&gt;\x05\xef\xd2\xda2\x1d+\xe5\xf1\xd4\xa5~P+W\x12\xc9\x91\x02\t\xcc\x7f\xe3\xea\xd9&lt;aG\xd4\xed\xfd%\xab\xdb\xfb\'6\x06\x16t\x11\xc2\x04\x10\x82\xa8q\x91t\xeeh\xa4\xb6m]L\xb9\xb4\xe6\'\xef\xcbFu\xc6\xd7\x07b\xd1\x03!\xd3\xfd\x80\xc0enB\xa2\xb1\x1djj\xd7\xf3\xf5\xd1\x19\xddk\x15O\xe6\'^[k\x83o\x0fm_r\x89\xb7\xdc\x00L\xe9\xde`\xd9\xa8\xce6\xd6/F\xbew\xf5\xe6\xda\x017]\xcb\xbdXt1\x1e\xd6\xa2\xa2M\r\xd1\'\xd8\x8b\xa7\x8di/\x9dV\xd8\x88\xb9\xe1\x13\xff\xde\x95\x1c1\x97e0\xb2\x07%C\xf0\xef]\xc9\x00\xa0+\xfb\xc2\x8aeU\xb9\xc3\xec\xf0\xc04\x8c0@x`\x07I\xec\xab\xb6fb\xaf\xb9\x03[\xb1\xd7\xbf\x10\xf1\xf7\xe9\x0c\xfe\xa8R\x00\xfcy\x06\xa3\xaaG\xc61b\x88\x92V\xa5\r\xc7\xfe\xd0\x97\x9c\x95\xdb\x02\xf0Q1S\x82\xaf\x03\xa0PB\x9fV\xe7\xd5\x15\xbc=\xa8\xe9\xb2\xedn"\x11\xb5-\x9fCQb\xda\xa7\xc0\xeb\xab\xdf\x1e\x9f\x15\xde\x86\'\xea\\UA\x95\xf7\xd8\xda\xa9:\xf5\x88fm\xb5\xf3$3\xd1\x12\xfe\x15\xc4\xb3\x0b;\xb55\xaa\x92\x86RH\xc0\x1bJ\xb6\x08\xd0\xbd\x10\x80&amp;E\xed\x99\xe9\x0fl\\V0p\xd9\x8b\xfb&amp;@B\xcd,\x1a\xab}\x85\\\x92\x02\xc3[V\xbe\xc7g\x1f\x13V\x18\xba\x00\x9f8W\x00LB\x91\x7f\xb9\x10\x83\xc8\x90\x83f\x10\xec\xb6-\x90;\xb6\xcb\x90\x0e\x80\xff?\xf3\n\xf8\xf6\xb0\xb0\xe6\x10u\xef\xf8z\x8d\x80o\r$?\x85\x18a\xb6\x11\x86\x08/.\xa9\x15\x1b\xd0\xa8\xf4\xfe%cw\xcd\x1f\xc1s\xb9\x94FB]\xff\'\xda\xf3\x90\xd3\xaa\xb4\xd4\xaf\x86\x87\xf3\xdb\x15Tp%\xa4\r\xe7C\xc9\x87/\xefZ\xac]@\xd2\xc5\x0b/\xf6/\x1d+\x1e\x00:T\xcc\xadQ\xc9\xd9\xads\xb57\xb1\xc5\xf8\xb9^\xfd\xed\xcd\x83#Z\xf1F\x0f\xf1\x90Pt\xefy\x1d\x1e{&gt;\xfb\x85\x05y\x8a9\x03Z\xea\xce\xd8\x18\xed+\xe4:\xbaf\x8a\xe9\xb6\xe9\xe2\xb1\x9f1\xc8+\xe2\x1cY=9v\xa0\x1dP&gt;\xf8\xdbE\x87J\xb9\x074*\xe3\xa6\xca\xcd\xc1\xa9\x80j^(\xd5K\x08\x9a\x8b\x12\xf8\xbf\xc8\x08\xf5\x90H+&amp;C!g\xac\x8d4+\x9eQQ\xd2\x80s\x11\xf0\xef\xbd\xe3\xecS\xa6\xbei\x08\x00\xb3,lc\xaa\xe1\x8e\xcd\x1e\xe0\xa5\xd1\xc0r\xceY@\xe9\xd4\xd1\x0e\xaf\x9a\xa4Q@\xeer\x92Ve\xca\xcd\xef\xab\xea1\x12\x12\xe1\xbf\xfb\xdae\x807\x1eiK\x10\xa7V\xae$\x00\x84\x88v&lt;W\x9dV{\x0c\xdd\xbd/\x0f\xc0B^\xed\xc5\xbb\x0e\x12\xfc\xe0\xcd\x9fn\xad\x7fR\xd7z\xc2\x00\xb0zB\xcf&amp;\xee\xd9\xce\r\x12\xb8u{I\x03\xe1V\x14\xf6\x15|\x8a\x1d\xf3\x86\x89G/5\xdd:1\x9c\xeb\x9b\xe0\xc6\xf69C\xacW"N\xc2 \x0f\xcc1\x87\xfdj\xb0\xc1\x9a\xd0D\xc3[V\xca\x1c\x99\xea\xe5Ka{\xe5\xd1\x88\x92\xff\xe2\x8b\xc3\xcf\xbb[\x87\xc4\xab\x01\x1ec\xfa\xb5\xfd\xcb\xf9\xeb\x07\x00&lt;\xce\x11#D\x99\xd4j9\xe1\x15`\xd1s7\x0e\x98\x91Je\xc1:\x02\xf2H\x0b\xaf\xa0\xa1.GD\xff=8\x95\xf2W7^\x1d\x9f\xef\t\xf7^\xcd\x9c\x89y\x86\x9c\xb6\xe5r\x00\xc8\xe4\'\r\x7f\xd3f\xdf\xe21&amp;\x9b\xe8\xe0\xc0\xc0\xd3\xf3\xc0\x17\xd6\x1f\x8d\xefT\xdb\xdb\xcd\t\xc0\xb3\x12\x90\xd4\xc0S\x89n2\xf9\x11\x9e]\xb8st\xed\xd5\xbdK\x8d\x9e\xab;w\xee[\xbf\x04\x00\xe0\x13\xbe=\xe2\xaf\xd6\xca\xb6\x1b\xbe\xfc\xf5\xf5\xd1\x19\xf9@\x1b\x8e\xc8z\x07\xab8\x92\xf4\xae[\xacQ\xa14\x96\xeb\xb6\x13\xf9\xff\xf2\xe8\xccV\xb5t\x95\x02m\xcae\x07\xc0\xb2p\xef[&lt;\x9a\x1d\x04\xdej8qF\xb7\xd4\xcc\xe0B\x97\xaa\xf9{\xd6.\xaah\xa2\xebR\xad\x80\xe9j_\xff\xb9\xdf\xf4\xb9&amp;\xf8t\xf7\xd8\xa9\x8d\xb3\xaae\xf3\xf7\xe4E\x05B\x12\xfd\xfb\xd7q\xa8\xc0Y\x89b\x86\r\x00\x16\x03\xcd\xc2\x11\xad\x9f\xd2\x17\xc0\x9c\x01\xf6\x8bH\xfb\xa9\x1c\xf7\x91\xb5\xc2\x99\xcdR\xd9\xd42\xa9\r&lt;\xf5\xa5SG\x03\xc0\xfc\x14\xa4R\xfd\xdc\xf8\xb9\xbeM@\xd4\x9f#\xf2\xdc\x10\x0b\x87\xaa&amp;\x16\xcd\x12E5y$\x83\xc5=5*\xac0\x06\xf0\x074h \x17.\xbcsd\xad\xf6)\xf3\x06\xb6\xc2\x8b\xcbF/T#G"\x1eW\x88N\x95\xf3\n\xe9\n&lt;&lt;+\xf2!\x00\x0c\xd5t\xf3\x17\xc7v2\x16\x0ci\xdb\xb0\x90o\xe5/\x14\xb7\xb0EI\xc3\xa9\xb7M\xd3\xa3fa\xe1\xf5\x9c\x01-\xc5}\xfd\xf3K\xbb\xd9\xf1\xff\x115+\x9e\xf1\xf8\xba\xe9\xf21\xe0\xaf\xe3\x1b\xd4j\x06\xa0\xed\x1b&gt;\xbcee\xcd\xcf\xddE\xbf\x06V\xfb\xac\xcd3\x06\xd8\xd1\x10\x9biW\x9e\xd7\xcd#\xaaJ\xd0\x80\xafM\x9f\x83\x07&lt;\xf1\x19\xa6\xb7\x959m\xfd#\xdbTe/\xdc\xb1\x99\xe7Mj\xe6L\xcc\xef\xa8+\xc1Gfv\xac\x19,s\x90\x95z\x92[\xd3\x8e\x98\xeb\xda\xfb\xab\xcd-y\xd6\x01BO\x947\x8e\xf2\xbc\xabI\xd1\xf4\x83\x9b\xeak\xa0;\xb8\x1b\xc9\xd6\xd4\xa5]\x8b&lt;s]\xd3\xb7\xfa\xa5]\x8b\nxI\xcd\xe6\xeb\xa3\xd3\xf2\x83\xbaI\xdb\xb3G\xa3\xa2I\xa4\xf1\xb8\xc3ZV\x12\xbf\xedP1\xb7\xc5g\x7f\xcd\x84\x9e\xe2\xb7\x92\xe1\x04\xf8\xd8-0]\xb0b^\xe8 \xcc\xb15S\xe7\x0ch\xe1#]\xb99\xee\x1d[_)S\\\x00j\xfa&lt;D\xd4\xaatV\x8d\x1a\xb6\xce\x1a\x94B\xb46M\x1c\xc2p\xfa\x94\x96\xa5\xb2p\x9azB\x13\x01(\x91\\\xd9W/\x1a\xd1?\xd7\xff\xb8\xb2g\x89\xb1\xcb\xab\x13\x8b\x88SML\x8eu]\xb3\xa0\x88\x10q\xc6\x19\x90eQ\x8c\xcc\x93\x14O\xe6\x87\xef\x8fXo\xda\xbf\xa1T\tQ\x8c\xf0\xc7\xb3_\xa3n\xde\xe4$\xcaR\xd9\xb0P\x1a\x13Q\xd3\xc9d\x13,\xf6\xa4\xc8\x04\xbc\xbd\xc0\x99\xcd\xb3\xdd!W\xe5\x8bH,\xe3!\x89\xfeG4\xb4y\x05\xef\xb4\xc6SD\xd2\xd4=]7\xd9%\xe7\xdf\x95\xdd\x8b\xd5z\xf0\xf6\x15\x95\xe3\'\xa6to`\xc8\xd6\xef\xa6\x11\xb7k\xf5\x026\xd6f\x97\x07\x97O\xc1\xafg\xf5\xfd\xc9\xd9\xee"\xfb\x9e\x04a;1\x82o,\x85\x8b&amp;\xe1\x1a\xad_^\xd9\x0b \n\x91x\x1f5\x89\xba[$\xf0V\x12\xaf`\xd4\x8b\x7ft[\xd5i\x99\xef\x10\x86\xa8\xa1\xc8U\x81g\xff \xf8`K|\xb0!\xc78\xdfg\xf7\x02\xe5\xa0_\xb5h\x91\x1a9\x12\x89{\xff\xc5\xc3;h\xd7\x0f|\xb1\xd8\xc2`\xc0,n\x89\x18{\xd1\xcd\x12\xdb\xadzA"\x1a\xd4\xa4\\\xf3\x12\xca\xa1v\xde\x82\x7f\xa4\xa9\x93\'Y\x9d\xbc\xc9\xc5G\x04]\xb3-3\x07\xe5\x8d\x1b\x06x\xc5\xa2\xea\x074*mh\x00\xb3KK\xc3\x10\xf2\x1dZ!\xcaL,\x83\xca\x92\x83\x02\x18\xd2\xac\x82\xb9\x0b\xf9\x8e\xab\x9eGyqy\xcf\x89\xf5\xd3M\x9cx|\xdd4\r%\x035\x0e\xaf\x9ad\xfa\x1f\xf2.l\x9d\xc8D5\xca\x8a\xd2\xab]\xdd\xbbT&lt;\x00(\n\xaah\xb8g\xb8\x0f\x9e\x94\xaa\x1eNd\xc0\xb9E?\xbdw\x13+W)\x9e\xdc\x17L\x0bV\x91XM8{\xea;G\xd6\xeaNA&lt;\x83\xc5\xff@P6\\:\xb2\x93Zl\x818\x0f\xc7\xf9m\xf3\x89\xc8F\xc1.\xaf\xe8\x03\xdaC\x9b\xb2\xd9&lt;p\x15C\x9d\xbf\xb0\xd0\xc4\x87[\x9cz\xe2\xbe\x06S6\x17&lt;\x07\x84\xaf\xcf\xe3\xee\xc9\xef\x06\xfa\xe8\xf4\x96\x1a9\x12\xad\x9b\xd4[\xbf\xa8Y\x04\xff\xa2\t\x9d\xebX\xafMm#\xcfM\x1a\xcb\xde\xa2O=\x9f\xb0\x89y\xd2\xc9\xcd(\x8a^m\x00\x1e\x9f\xd9*9h\xda\xe5B.]\xbec\xde0sUiD\x04\x17\xf4\x0fW!\xc3\x0fy\x8b`.Qlb\x16\xafFY\xbe\xb4\xc3\x13\xbb\xd4\xb5\xed\x92\xde@\xa2\xb7#\x1f\x00\xe4J\xe2\xf8\xf6\x903w&lt;{6\xcc\x89OU\xcahL\xd3\xe8\xceQ\x1dG\xec \xc7\xc5\x1d\x0b\xe4\x07u\xcd&gt;&lt;\xf4\xac]\xc4\x8ej\x88\xd4\xdd\x7fy\xf6]\xd4\xe4\xac\xed\xc5\x9c\xa2\xd7\xbe%c\xc4\xbb,\x93\xba\xd5\'\xa2(D{\x03\</t>
        </is>
      </c>
      <c r="E177" t="inlineStr">
        <is>
          <t>&lt;class 'numpy.ndarray'&gt;</t>
        </is>
      </c>
    </row>
    <row r="178">
      <c r="A178" s="1" t="n">
        <v>176</v>
      </c>
      <c r="B178" t="inlineStr">
        <is>
          <t>steps_per_sec</t>
        </is>
      </c>
      <c r="C178" t="n">
        <v>2600</v>
      </c>
      <c r="D178" t="inlineStr">
        <is>
          <t>3.361041</t>
        </is>
      </c>
      <c r="E178" t="inlineStr">
        <is>
          <t>&lt;class 'numpy.ndarray'&gt;</t>
        </is>
      </c>
    </row>
    <row r="179">
      <c r="A179" s="1" t="n">
        <v>177</v>
      </c>
      <c r="B179" t="inlineStr">
        <is>
          <t>Loss/object_center</t>
        </is>
      </c>
      <c r="C179" t="n">
        <v>2600</v>
      </c>
      <c r="D179" t="inlineStr">
        <is>
          <t>0.4245853</t>
        </is>
      </c>
      <c r="E179" t="inlineStr">
        <is>
          <t>&lt;class 'numpy.ndarray'&gt;</t>
        </is>
      </c>
    </row>
    <row r="180">
      <c r="A180" s="1" t="n">
        <v>178</v>
      </c>
      <c r="B180" t="inlineStr">
        <is>
          <t>Loss/box/scale</t>
        </is>
      </c>
      <c r="C180" t="n">
        <v>2600</v>
      </c>
      <c r="D180" t="inlineStr">
        <is>
          <t>0.10834938</t>
        </is>
      </c>
      <c r="E180" t="inlineStr">
        <is>
          <t>&lt;class 'numpy.ndarray'&gt;</t>
        </is>
      </c>
    </row>
    <row r="181">
      <c r="A181" s="1" t="n">
        <v>179</v>
      </c>
      <c r="B181" t="inlineStr">
        <is>
          <t>Loss/box/offset</t>
        </is>
      </c>
      <c r="C181" t="n">
        <v>2600</v>
      </c>
      <c r="D181" t="inlineStr">
        <is>
          <t>0.15398036</t>
        </is>
      </c>
      <c r="E181" t="inlineStr">
        <is>
          <t>&lt;class 'numpy.ndarray'&gt;</t>
        </is>
      </c>
    </row>
    <row r="182">
      <c r="A182" s="1" t="n">
        <v>180</v>
      </c>
      <c r="B182" t="inlineStr">
        <is>
          <t>Loss/total_loss</t>
        </is>
      </c>
      <c r="C182" t="n">
        <v>2600</v>
      </c>
      <c r="D182" t="inlineStr">
        <is>
          <t>0.68691504</t>
        </is>
      </c>
      <c r="E182" t="inlineStr">
        <is>
          <t>&lt;class 'numpy.ndarray'&gt;</t>
        </is>
      </c>
    </row>
    <row r="183">
      <c r="A183" s="1" t="n">
        <v>181</v>
      </c>
      <c r="B183" t="inlineStr">
        <is>
          <t>learning_rate</t>
        </is>
      </c>
      <c r="C183" t="n">
        <v>2600</v>
      </c>
      <c r="D183" t="inlineStr">
        <is>
          <t>0.001</t>
        </is>
      </c>
      <c r="E183" t="inlineStr">
        <is>
          <t>&lt;class 'numpy.ndarray'&gt;</t>
        </is>
      </c>
    </row>
    <row r="184">
      <c r="A184" s="1" t="n">
        <v>182</v>
      </c>
      <c r="B184" t="inlineStr">
        <is>
          <t>train_input_images</t>
        </is>
      </c>
      <c r="C184" t="n">
        <v>2600</v>
      </c>
      <c r="D184" t="inlineStr">
        <is>
          <t>[b'512' b'512'
 b'\x89PNG\r\n\x1a\n\x00\x00\x00\rIHDR\x00\x00\x02\x00\x00\x00\x02\x00\x08\x02\x00\x00\x00{\x1aC\xad\x00\x00 \x00IDATx\x9c\xed\x9de\xbc\x15U\x17\x87\x17\x06\x82\x89A\xb7twwwwwwwJwwI\x8at\x8b((H\x83\x84\x84\xaf\x81\x84\xa4\x84"\x08\xa2\xf2\x7f?\xcc\xbd\xc3\xdc\xa9\xb3\xa7\xce\x9c{\xefz&gt;\xf0\x9b\xb3g\xc7:\xe72k\xef\xd9{\x05\x11\xc30\x0c\xc30\x0c\xc30\x0c\xc30\x0c\xc30\x0c\xc30\x0c\xc30\x0c\xc30\x0c\xc30\x0c\xc30\x0c\xc30\x0c\xc30\x0c\xc30\x0c\xc30\x0c\xc30\x0c\xc30\x0c\xc30\x0c\xc30\xd1\x8c\x19}\x9a\xfa-\x02\xc3X\x03\x80ny\xee\xf7hJ\x8f\x86A\x16\x86a\x18\x86\xf1\x10#\x8d\xaf$\xcb\x1bDDI=\x97\x85a\x98\xa0\xb0bl\xf79\x03[\xa9\n\x7f\xfef\xbd/\xc20\xbe\xf3\xe9\xd4~\xc3[V\xd2\xbdu\xe6\xb3e"\x93\x04\xc30\x8c\x1a\xd6\x1d\x91\x82\xbf.\x1d2\xaf\x00\x80\xff\x94\x0c\xc3DS~=\xbe\xcdo\x11\xfc\x84\'\x00\x86q\x99\x1c\xef\xb8\xdca\xa5\x8cq-\xd5/\x90\xe0%\x97%\x88\xba4(\x90\xcao\x11|\xe3C~\x93c\x18\xdb\x84\xe6\xea\xa9]\xf9\x9c!(\x15\xc30L\xd4\xa1A\x81T\xbaz\xd6w\xe5\xfb\x81g=\xc7\xf0\xacg\xc69\xb3\xfb\xb7P\x95,\x19\xd9I\xba\x08\xb8R\xf1\xfd?-\xc30\x0c\xe3\x03/\xf1\x04\xc00\x96x\xc3o\x01\x18\xdbXRv\x19^3\xbc5\xbeS\x9dW\\\x10\x87a\x98\xc8\x06\xaf\x98\x18AB\xea\xbfJH\t\xc30L\xb0\xa9\x9c\xc9\x9aA\x11\xe3\x90\xa2I\x8d_"\x18\x86a\xfc\xa2F\x8e\xc4\xf2u^\xef\xce\x8e\x19_I\xe0\xb7\x00\x0c\x13\xa5\x882v\xe3\xbc!\xe0.\xc5\x93\xc7\xf6[\x04\x86a\x18ax?(*Q=["\x00\xc0C\xa3\n%\x92\xbf\x1eLy\x18\x86\ti\xe6\x0fn\xe3\xb7\x08\xa1N\xa3Bi\x820J\xf7\x9a\x85\x820\n\xc30\x8c\x9a\xfb\x17\xbe\xf4[\x84\xc8\x8d\xe4iU.\xdd\xbb~\x0b\xc20\x0c\xc3\x04\x91\xb7,\xd6\xe7\xa3\x17\x86a\x98\xe8\xc8w\x9f/\xcfgp\xf0\xc2\x13\x03\xc30n2\xadW\xe3m\xf3\x86\x9bh\x966e\xb3\xb1\xde\t\x11\n\'~\xd5o\x11"\x00\xfc\xed\xb7\x08\x0c\xc3X\x01\x1a\xf6,\x1b\x1f\x1dT|\xf9t\xef\xf9-B\x94\xa2y\x89L\xd1\xe1\xbf\r\xc3D\x1d\x80G\xb2\xde\xa7\x88\x93\xc1\xb4\xdeM\xfc\x96\xceCz\xd6*\xc2\xdaJ\xa6c\xa5&lt;\xda\xc2\\z\xf3\xa3y\x94\xd0\x95\xe3z\xb8(\x15\xc30\xde"=\xcf\xd5\xb3\'\x92K\xbeZ5E1\x0b&lt;\xf3Q6O\xf9\xfb\xea\xd1\xb1\x1dk\xb9\xd2U\xb4\x9aH\xa4\xff\x16F\x8a&gt;Z\xfd\x14\x0c\x13\xb9\xd9\xff\xc94\xf9\x89}[Q&gt;\xb9{\x83\x8c\xb1\xc2\x1eu\xce\x0eo\x89/\x97O\xf4[\x04\x97\x01\xf0\xed\x8e\xc5/&gt;\xde;o\xa4\xe5\x0f\xad\x9f\xc5\x13\x00\xc3\xb8\x86\xa7\xa1\x83\xb3\xbeI\x00\x9a\x14IW?\xff\x87\xa4Y\xbb\xad\x9f6@\xb9\x1d\xe4\xa5 L\x08\x91XS\xa2\xfb\x1f\xc0\xaa\x19+\xc30!\x07\x80\x97\x88\x9a\x15\xcb\xa0z\xc2\'t\xa9\xab:\x16\xf6KB\x86a\x18w\xe1\xec\xe7DD\x9fN\xed\xbfw\xc5\xa4\xb6\x15r\x8d\x9b6E*\xa9\x93\'\xb9t\x11\xe7]vOu\x19\xfc\xfb\xab\xdf"0\x0c\xc3\x10\x11\xd1\x8c&gt;M\xcf\xee\xfe\x18\xc0\xf8\xceup\xeb\x14\x80\x89]\xeb\xfdzb\x9bt\xf7\xc0\xda\xe9\xfc\x06\xc00\x0c\x13eY7\xb5?\x80\xbe\xf5K\x92\x9e\xf1F\xd4\x9e\x00\\\xfcF\x00\xc6t\xa8i\xbb9\xbf\x8d2\x0c\xe3\x0fJ\xe5^4\xe9k\x92\x03p\x12""\xeaP1\xb7\xd1\x04\x00 CLuW\x91+dp\xef\xba\xc5\xfc\x16!t\x89M\xf4\xf8\xe7\x83~K\xc10\x8c\xf7\x00xpq\x9f\xb6\xd0d\xf9\x1f\xf5^\x08\x18#R\xc7\x10\xaa\xc6\xff%\x18&amp;\xb2"k\xf9\x19}\x9a\x02\x00\xfe\x91Jz\xd5.\xaa[\x7f@\xa32\x9a\x17\x80H\x0c\x9fw;\x04\xf8\x93\'\x00\x86\x89\xc4\xfc\xfc\xcdz\xd5\xaa\xff\xed\xc0\x8d"+;\x17\x8er\xd8\x03n\x9fiS6\x9b+\xc2D\x01VO\xe8\xe5\xb7\x08\x0c\xc38f\xe1\xb0\xf6G7\xcd\xbdrd\xb3\xdf\x82xH\x8b\x12\x99\xce\xee\xfe\xd8\xdd&gt;\xe3\xbb\xdb\x1d\x11\x85\xfc\xa6\xcaGm\xaa\xfa-\x02\xc30\xbe\x02&lt;\xf0[\x04\xcb\xf4\xa9W\xdcI\xf3\x10\xd7\xcbAc\xac\x03\xc3\'\x86a\\\xa0v\xeed\xfe\n\x10\xdd\x82)+C\xe61\x0c\xc30Q\r^\xe33\x0c\xc3X \x9aG\x81\x8f\xc2\x07\xe6\x0c\x13\xf5`\xefK\x97\xb9z\xe5\x8a\xdf"\xf8\xc9C\x07mS\xba&amp;\x05\xc30\x0c\x13\xa9\xe0\x1d\'\x86a\x82\xc7to\x12=V\xce\x14\xd7\x8bne\x12x\xda\xbbO&lt;\xfcq\xbf\xdf"\x10\x11e~\xddp\x1e:\xb4~v\x90\x85a\x18&amp;2\xd1\xacX\x06\xc1\x9a\x0eW\xbbY\xdf$\'\xeeW9\xdeq2\xb8\'\xbc\xea\xb7\x00\xe6\xbc\xcd;T\x0c\x13\xdd(\x976\x8et\xd1\xbcx\xc6v\xe5s\x9aW\x9e\xd4\xad\xbe\xb8Z\xbfrt\x8b\x13\xc1\xb6\xce\x1d\xae\x9b\xbb\xdc/r\xbf\xef\xb7\x04\xa1D\xb5\xac\t\xfd\x16\x81a\x18W\xa9\x9c9\x9e\xdf"\x84\x01`D\xab*~K\xc1\x98\xbd\xc6\xf5\xa8Y\xb8}\x85\\\xc1\x14\x86a\x18&amp;Z\xd3\xb9J&gt;\xbfE`\x18\x86a,R:\x95hru\x1f]\r\xbc=\xdcg\x98\xa0\xc3~\x00\xa2\x14K\x16\xeb\xf0\x86\xe8e\x07\x12L\xbb\xcc\xb8\xf1Dw\xd8\x9c\xb8\x1a8\xe47\xa2\xe77O%6\xaeP&gt;]t\x8b\t\xc20L\xb4g\xf9\x98nu\xf2$\xf7[\x8a`\xf0Q\x9b\xaa\x13\xbb\xd6{\xf4\xd37\xda\x17\x91y\x83ZsB\x05\x86a\xd4\xf8\xe2\xe2\xf4\xfb\xf7\xea\xecf\x0c\xc30\x8c\x87\xbc\xec\xb7\x00~\x11\n~\xbc\x1bg\x0c\xf2\xa8\xe78\x1e\xf5\xcb0L\x94$\x98\x9b\xc1\xb7\xcf\xec\x0e\xe2h\x91\x95\xeb\'\xb6s\xf2\x16\x86aD\xf9b\xf9\x04\xbfE`"%^dFc\x18\x86a"\x011\xfc\x16\x80a\x18F\x87\x0f\xfc\x16\x80a\x18\x86!R\x84\x1b\x8a&amp;\xcc\xea\xd7\xdco\x11\x88\x88.\xee]\xed\xb7\x08\x0c\xc3Dr\\1}\t\x05\xfb\x19\x86a\x18\x86a\x18\x86\x89&lt;\x94M\x13z\xe1\xed=fJ\x8f\x86~\x8b\x10u\xb0\xf7\x06\x966\xdaz|0\x0c\xc3D%\xba\xd7(d\xb5\t\x00\xde\xbbc\x18\x86\x89\xdc\xe4\xb3\x1e\xe4\x93\xb5?\xc30L4er\xf7\x06D\x14*\x19\x82\x18\x86\x89\xce\x8c\xebX\xdbo\x11B\x91\x04~\x0b\xc00\x8c\x87D\xb7\x00\xfd\x8c9\xcd\x8ae\xf0[\x04\x86a\x82\xc5\xa2\xe1\xed\xfd\x16!H\xa4\x8f\xe9\xb7\x04Q\x05\xce\xd7\xce0\xd1\x9a"I\xaci\xd3\xbe\xf5Jx$\t\x13\x04j\xe7N\xe6n\x87\x1f\xb5\xa9\n&lt;p\xb7O\x86a\xbc\x02\x7f\xfd\xec\xb7\x08L\xd4\x81M\x80\x98(C\xb4\xc8\t|h\xc7N\xbfE`\xa2\x12\xf7c\xc4\xe0p\x9f\x0c\xc3\x04\x9dW\xfd\x16\x80a\x18\x86y\xc1\xdd\xef\xf6\xf88z\x1c\x1f\xc7\xb6\xc2\xf21\xdd\x82&lt;b\xff\x86\xa5-\xd5\xff\xf3\xc7\xfd\x1eI\xc20L\xb4\xe3C\xbf\x05\xb0M\xc1\x04\xdeF\xba\x99\xdd\xbf\xe5\xb5\xe3\xdbB\xcd}\xe1\xf4\xce%~\x8b\xc00L\x14\x85O\x0ee\x00t\xadV\xc0o)\x18\x86a&lt;fb\xd7zDT2\xc5\x1bF\x15\n&amp;\x8c\xac\x81%\x9b\x97\xc8\x94\xe7\xfd\x17\x1f\x81\xfb\x82\r\xd3\xbd\xc2\xd3!\xc30\x91\x9fg\xd7\x8e\x99W\xd82g(\xf1\xf2?"\x00\x92\xfa-\x03\xc30\xd1\x8b\x10Yi\xcb\x93A^\x8b\xf9yo\x9f\xd9\xed\xbe4\x8c3\xbaT\xcd\xef\xb7\x08\x0c\xc3D\x12\xe2\x12\xfd\xfb\xeb\t\xbf\xa5p\x99\xc5\xc3;$\xf7[\x06\xbfH\xf7\n\x11\x11\x80\xb9\x03[\xf9-\x0b\xc30!\x0f\xf0\x87\x8dV\x17\xf7\xae\x9e3\xa0\xa5\xeb\xc2\xb8Bd\xdc\xe0\xeaZ\xad\xc0\xfd\x0b_\xba\xd2U\x8ew\xd8=\x98a\xa2\x07\xe2&gt;\xa0\x9f-\x19\xe3\xd6\xa0\x1f\x8f\xee\x1a\xa9\xf5K!+\x07\xdd\x89\x822\xa3|\xbdf\xaa[]\xb1\xf6g\x98\xe8\x8b\xeeN\xfe[Du\xf3\xa6pk\x88\xd1\xedk\xb0\x8aa\x18\x86\x89\x04\xa4"\xca\xf5\xae\xcb}&gt;\xbfyJ\xb0f\n\xe1&gt;+g\x8e\xd6Y\xadF\xb4\xae"R\x8d\xa7^\x86a|f\xfe\xe06"\xd5b\x05\xaaP\'O\xd8ym\xaah\x1f\xd0\x0c\xff\\\xd5-\xaf\x96-!\xb1\xdeg\x98\xa8\x8d\xe0\x13n\xd1V\xd3g*f\x0c,\xaf\x13\xd56\xab\x7f\x0b\xdbm\x01\x8clS\xd5v\xf3\x80\xd4\xcc\x99\xc4R\xfdD\xee\r\xcd\xc7\x00\x0c\xc3\xe8S(\xe1+F\xb7r\xbf\x17LA|\xc6\xed]\xb1\x10b|\xe7:\xec\x10\xc00\x0c\x11\xd1\xd2\x8f:\xc9\xd7\x83\x9a\x94\r\xda\xb8\xab\'\xf42\xb9\xfb\x8e\xabc\xbdm\xb1&gt;\xfe\xf8\xfe\xe2\xde\xd5\xae\x8a\x10*p\x9aI\x86a\xc2H\x1d\x83~\xf8z\xad\xeb\xdd\x06s\x87\x01w\xce\x98W\x983\xa0%p\xcb\x92H\x00\xe2[\x14\xa3f\xce$\x83\x9b\x95\xb7\xd8\xc8\x05\xf2\xc6\r\xfe\x98\x0c\xc3(\x18\xd6\xa2\xe2\xd3\xcbG\xfc\x96\xc2\x0e\x00\xbc\x88\xef\x16j[\xcc\xa1\xb9\xeb\r\xdc\xf3W\x80\xe2\xc9_\xf7W\x00\x86\x89\n\xbc\x1b\xd9N_e\x00\xb8\x9c\x86&lt;$1\xd1\xfe\xaf\x12\x01O-\xf5\xd6\xadzA\xf3\n\xc5\x92\x06\xb4o\n Up\xf8dr\x9f\xf1\x9d\xeb\xf8+\x03\xc3DV\x00d\x8aMD\x84\xfb\xe7\xc5\x9bx(\x90\xf5\xfe\x9d/\x8d\xbb\xd5\x08\xa0\r\x89\xa8`\xc2\x97o\x9c\xdc!\rd\xfb Y:\x15\xf8~\xdf\x1a\xbb\x1d\xb8Fj\xbb6\xa9\x8bGttU\x10\x86a\xfc\xa3v\xee\x90[=\x03w-\xd5\x1f\xdf\xa9\xce\xf0\x96\x95\x03w{\xfb\x8c\x8f\xcbUC\xb3\xa4\xc8\xc6\xfa\xe9\x03\xec5\xecS\xaf\xb8\xab\x820\x0c\x13\xc9\xb1jH\xaeK\xbd|)E\xaa=\xfe\xf9\xe0\xde\x15\x93R8\x1fO\x00\xe0\x91\x8dV.F\xcba\x18\x86\xf1\x84xD\xd9\xad\xda$z\x89\xa5\r\x99)=\x1az%\x873p\xfb\xb4\xdf"Db\xfe\xf8\xdf\xd7&amp;9\xe0\x18\x86a\x88\x88\xe2\x11\x99\xe7\xc6\xea[\xbf\x84\xef\x07\x9bN\x08\x9a\xf0!\xb8y\xc80\x8c\x9aK\x077\xf8-\xc2\x0b\xca\xa6q\xd3;\xea\xd8\x96\xf9\x05\x12\xbc$^_\xe4\xb8x\xdd\xd4\xfe6$\xd9\xbff\x9a\xf2\xe3\xd5\xa3[\x8a\'\x8bm\xa3\x9f(L\xb6\xb7\x08\x0f\xff\xe7\xb7\x14\x0c\xc3x\xcf\xde\x95\x93\x820\xca\x07D?\xee\xffT\xa4f\xc7Jy\x88\x08\xc0\x82!mM\xaa\xe1\xb7\xb3\xeeH\xc6x\x83\x89\x0fp\xb4\x8e\xb3\xca0\x8c\x16\xf9\x90Yv\x17\n\xa5\xc3\x0bC\xbe\xf9t\x864c1J\x866\xaf`t\x0b\xb8\x1d\xa97\xee\x18\x86\xf1\x84\x81\x8d\xcbR$\xd1\xfb\x91\x05\xdb&gt;\x04*,\xa9\xec:y\x92\xbf\xe5RW\x0c\xc3\x04\x95\x0f]\xea\xc7\xde\x06\xbd\xb8\r\xfe\xe8v\xd5\xb5\x85\xac\\B\x01\x0e\xf8\xc00n\xe2\xeey\xac\t\xa1\x19\xc4F\x06\xb8\xfb\xe0\xe2\xde}+\'\x11\xd1\x86\x19\x03\xf5*\xe0\xeb\x88g\xbc\xd1\x9c\xb4\xee\x07^b\x18\x86\xf1\x89\xdf\xbe\xdbc\xdb\xb3a\xf9\x98n\x97\x8flrU\x1c\x86a\x98\xe0\x92\xd8o\x01\xfcbH\xb3\xf2\xff\xfb\xea\x93\x8e\x95r\x9b\xd49\xb3k\xa9\xc9\xdd\xd7\x88\xfa7,\x85\xbb\xdf\xd9\x18\xdd\x05O\xe8\x90$\x94\xdf\xf9\x18&amp;:\xe2E.\xac,\xa1\xe7})\x12\x17H\xc5\xc3\x1f\xf6\xffu\xe9\x90I\x05\x87\xbbX\x00j\xe4\x08\xc6\x0c\xbbq\xe6\xa0 \x8c"\x82\xc8\xb9\x0b\x1bn2L\x90X4\xbc\xc3\xac~\xcd\x1dv\x92\xdcnC\x91\xa8\xf1c;\xd4\xb2\xdb\xbd;\xe4y?\x80\x93\xb0\t\xfd\xea\x974\xba\x954\x1a\x1c`\xc6\xf1[\x00\x86a,\xc0o\xe8\x0c\xc30A\xc6B\xdc\x82`\xb2j|O\xbfE\xf0\x8d\t]\xea\xfa+\xc0\xed3\xbb\xfd\x15\xc0S\xce}\xbe\xc2o\x11\x18\x86\x89\x0cl\x9a98\xf8\x83~:\xa5_\x10F\x01n\x05a\x14\x86a\x18F\x94\x98D\xed\xca\xe7\x0c\xc2@\xb2\x99iT2\xfb\xf9\xee\xf3\xe5~\x8b\xc00\x8c\x1bD\xcfT\x7f\xb2/\xdc\x98\x0e5\xfd\x94#\xaa\x90\x92\xa8~\x01\xb7\xfc\xbe\x19\x86q\x0f\x87\xb6\x8c\xef\xeb\x15\xc6\xb1\xd2\xc3\x12\x9f\xe6\x98F\x85\xd2\x10\xd1\xe4\xee\r\x9ct\xe2\xbb\x91Rd\x81\x8d;\x19&amp;\x14\x010\xb8i9\x07\xcdo\x93\x97\xe6C\xfbL#H\x0fm^\xd1\xa3q\xb5T\xca\xf8\x81G=\xb7*\x9dU\xbe\xde\xbbrR\x94\xb7\xc5\xaa\x965\x81\xdf"0\x0cCD.\xe9n\xe0o\xe7\x9d\x18\xf4\x1c\xc5\xb5\xa1\x8a_\x0em\xf4z\x88]\x8bF{=\x04\xc30Q\x9f\x9f\x0e\xac\xf3[\x045?\xee\xfftj\xcfF\x89\x89\xbaV+\x10\xb4A\xa3\xdb,\x15\n\x94K\xfb.\x11M\xe9\xd1\xc8oA\x18&amp;2\x03\xc0v\xfc\xcf4\x9e90\xe4\xd1=[\x08"&amp;Q\xe6\x89(\xb7"\x80\xc6\xb7\xdb\x179\x1ck\xf7\xd2\xb1\x0e{\x08\x1d\xae\x9f\xd8\x1e\xa2^-\x0c\xc3\xf8\x0bp\xdfo\x11D1O\x12\xa9\xc4$\tz\xc9\x94o|2\xa9O\xc0\x1e\xf0\xf4\x17\xc1\xb1\x94\xe46\x9d#W\x8e\xeb.]\x04-\xbe\xb7\xc4\xd9\xdd\x1fKf\x05%R\x84^@(\x86a\xc4y\x8f(\x87\xa9\xf6\xe8\\%_\xb0d\t9f\xf4i*R-\xb7@\xb0=ww\x90^s\xb1\xaf\xc8\xcc\xe6YC\xfc\x16\x81a\x84\x08\xb9\x97\xe6T1\x88\x88\xee\x011L\xf3\xfc\xcd\xdcz\xc4S1D4c\xa1D\xaf\xf8\xb2\x05\xff\xc7\x1f\x7f\x88T;!\xf0\xce\x13\xc3\xfcW\xb6\x88\xd1q|\xf9t\xefz\xb7e\x17\x90\xceU\xcd\xd6\n\xe6\x1bn\xf6\xb8\xf4\xf3%\x0fze\x18&amp;X\x14K\x1a\xcbF\xab\xb8n\x8bQ9s(Z\xb1G%\xe7\xe1C\xebg\xf9-\x02\xc30\xc6\xe0\xf1\xcf~\x8b \x8a\xed4^^S&gt;\x9d\xe5\xe4\x0b\x01\xcf\xc2\xd3D\x9eD\x8c%\xbd&lt;\x15\x00\xb0i\xd6\x106\xc7b\x98Pd\xe3\x8cA\x0b\x87\xb6\x13\xcf\xc3\xee\x84\xf6\x15r\x05e\x9c\x90\xe0\xdf\xeb\'\xfc\x16A\x14\xe9p\xb8CE\xcb\x7f\x9d!\xcd\xca{!\x0f\xc30\xc1c\xdd\xb4\xfe\xf5\xf2\xa5\x0c\xc2@KFv\x12\xa9\xf6\xe4\x97\xc3^K\xc2()\x91\xe2\xf5\xda\xb9\xf5m\xa6\xcc\xcf&amp;t\x13\xccU\xcc\xf8A\xa7\xcay]\x10\x8ba\x18\xbf\xd0\x9e~~\xbdz\xaa\xc3&gt;\x95\xf69&amp;\x86\xa7\xba\xfb\xfa\x07\xd6N\xd7\x16\xf6\xad_\xc2\xa1H\xa1\x89\xae\xb3E\xa2\xa0\x8bA\xa6\xbbv5\xb2G\xdb\xbc\xd4\x0c\x13i\xd9\xf3\xf1x\xc1\x9a\xeb\xa6\xf6\x0fXgd\xeb\xaa\xe2C\xffrx\x93\xb4\xa2\xfcz\x8d\xd3\xb9\xc4/\xe6\rn\xe3\xd7\xd05\x83\x92\xa6X\xa6S\xe5\xbc\xf66\xee3\xc5v]\x16\x86a\x8c)\x96,\xc23\x17L\xcb\x98\xf8\xa6w\x9f^\t\xb3FmV,\x83\xed!\n%\n\xce\t\x05\x13\x81e\xa3\xbax\xd1m\xbepS\xb07\xbd\xe8\x9da\x98\x98\x11?\xa6\x16\xb3e\x07`c\xe6\xf8\xa8\x8d\xd0\x1b\x80\x14\xe1\xd9\x15\xa2\x9e=\x89\xf4\x8d\xf0\xf0\x7f\xfe\t\xf0\xec\xf1\xa5\x83\xaew\x9b3\x0e\xf5\xa8Y\xd8\xe8\xee\xcc\xbe\xcd\\\x1f\x91a\x185;\x17~DDYMW\\r\xee\x01{\x01\xa8u\x95\xb2\x17&gt;D\x99b\x87\x8d\x95\xd4Vs\xc92\xe7\xfe\x85/]\x15\xca\x906e\xb3\x07\xac3\xadW\x13\x17G&lt;\xfb\xd92\x1b\xad\x1cf\x9e\xb0\x07\xa7\xa1a\x98\x10\xa2F\x8e\xc4\xb6\xb5\x80\xf6a.\x9d\xca\x9a\xfe_4\xbc\x83`M\xc95\xe9\xc9\xe5\xc3\xe9\xac\xef\x0c\xed]9\xa9Q\xa14\xc1I*)B\xe3\xc2i\xdd\xedpT\xdbj6Z\x05a\x02\x88z\xefm\x0c\xc3\x10\x11\xf5\xab_\x12\xb8\x19\xe4Au\xcd\x13\xb5\xfe\\\xb9\xde\xd5\xa9\x96\x98\xa8~\xfe\x00\x0b\xd0W\xed\x89\x15\xce\xa4n\xf5E\xaa\xf9\x1eZ\xd5]\xb6\xcc\x19\xe6\xb7\x08\x0c\xc3\xb8\x07p\'\xb2\xac\xdd\xd6N\xee+RM\xfe:\xd7\x8eo3\xaa\x93\xc1A\xd8\xb6bIcE\x96_L\x90K\x077\xd8k8\xb0q\x19w%a\x18&amp;\x12\x10P\x03N\xe9\xd1\xb0_\xfd\x92\xc6\xcd\xff$\xa2o&gt;\x9dak\xe8\x1bD\x94\xe5\xf5\xb0\x8f5s&amp;\xa1\x88\xfbK\xb2l\x1bf\x0c\xb4\xd1\xbf\xeb\x8chU\xd9\xd3\xfeu\xfd\'\xde\xd6\\0\x0c\xc3\x84!i\xc9\xb4^\x9a_\x9aDL\x03~\'\xa2\x97\x89:U\xce\x1b\xdb\xe2\xf6\xf1\x93\xcb\x87\x81\x1b\x00^\x0b\x1f\xa2\xaaA\x9e\xdb(\xb6N7a\x13\x87_f\x18&amp;thZ,\x83\x89\x85\xcc\xc6\x19\x83\xe4\xeb+G6\x03\xe8X)wB+\xfd\x03\xc8(\x16\xae\xb4I\x91t&amp;\x9d\xe8\x96\xc7#\xea\xdf\xb0\x94t].m\x1c+r1\x0c\xc30\xc6\xdc9\xb3[\xa5y\x9f];\xe6|\xb5\x0e\x00xn\x14\xef\xec\xe0\xbaY\x03\x1a\x95\x16\xefM\xf0\x8c7\xf4ao,\x86aB\x08\xaf\x03\x1e\xac\x1a\xdf\xd3\xd3\xfe#/\x9e\xc6j\xcde9\xde6\xc30LP\x08h\x15\x1a\x1d\xf8l\xf1\x18K\xf5\xc3\x0f\xdai\xee\xc0V\xcd\x8bg4\xaa6\xb9{\x03\xe5G\x00\x85\x12rl\x0f\x86a\xa2\r\xba\xee\x08\x82t\xabQ\xd0R\xfd\xd6e\xb2\xd9\x18\xa5H\x92\x98\x81+\xb9\x81/^\xc7\x0c\x13}\xf1\xfdy{\xf4\xf37\xaa\x12\x95H\xf8\xed\xbb \x8a\xe39\x1f\x10\xb9\xb8\xe1!\'\xaf\x17\xec\x13\xb7\xcf\xb87\xb8\xfb\x9c\xda\xb1d\xb1\xb0\xd77\xc30.\xe0\xc5\xea\xae^~\x9b9dv-\x1a\xa5\x9c\x00b\xb87E\tZ\xb5_?\xb1\xbda\xc1\xd4D\x04\xe0\xe4\xb6\x85\xae\x0cm\x02\x00\xe0?\xafG\x89\\\x00\x7f\xfb\xbe.a\x18\xc6\x7f\x00\x00\xf7\x94\x1f\xed\xf5\x93O\x91r&gt;`\'M\x8a\xa4\xe3\xbd\x08\x1f\xe1_\x9ea\xac1\xbes\x9d(lJ!\x9f(\x06M5l\x9c9X\xb7|\xc5\xd8nD\xf4\x89X`\t\x8f\x10\x0f\x8d\x17|\xb6\xcf\x1f\xd9\xa8P\x9a\xa7\x97\x8f\xf8-\x08\xc3D9\xaagO\x94^\xb3_#g{\x89&amp;\xc6\x13\xcah\x9d\xbd\xea\x14\x95\xaf\xd3\xbe\xec\xd5\xf4P"\x85^r[\x9f(\x9c\xf8U\xab\x91\xb4\xbd\x9e5o|\xbbC\xbe\x8eOT={"\xf3\x1c\x13\xbc\xc0g\x98 \x01&lt;\xf6[\x04!\xfa\xd4+n\xb5\xc9\xcc\xbe\xcd\x80\xbbRh\xa0 \xa0\x9dz\x19]\xca\xa6\x89#_\xef\xffd\x9a\xea\xae\x94t\x81a\x18FM\x99\xd4\xef\x84\xec\xf2\xb0k\xb5\x02~\x8b\xe09\x1f\xe8\x15\x9ad~\x17\x04w\xcf\x19\xdd\x92B\xab\x86\xec\x1f\x9da\x98H\x89\x89N1\x89\xf0\x135H\xe4\xb7\x00*\x8em\x99\x1f\xb0N\xe1D\x11\x92,\xf0\x94\xc00\xc1cT\xbb\xea~\x8b\xe0\t\xc0\xbfz\x85\xcf\x83/Id\xc1_\xcdk/\x97\'\xc3D\x0b\xa6\xf4h\xe8\xb7\x08B(\r7\xad\xb7\x85\xd7+\xf4\xf3_\xac\xf4\xb4\xff\xc8\xcb\xb0\x96\x95V\x8e\xeb\xa1*\xfc~\xdf\x1a_\x84a\x18&amp;\x14\xc9\x1e\xc8\x0ce\xcd\xc4\xdeA\x11$\x02M\x8be \xc5\x026\xc8\x01|T\x0bg\x879##\x05\x19\x052\xa3\x15N\xac\xffK\xf0\xa4\xc20\x8c\x9b,\x1e\xd1\x91\xbc\xd9\xc1\xd8\xb9p\x94|\xdd\xa0@*\xd7\xfbg\x18\x86q\x1fm\x1at\x87X\n\x8b\x1fL\x9c\xe4\xe9\r\x88&lt;\xa9\xbcn^/\xe4\xe9]\xa7Xp\x06\x92bi\xe8\xf2\xe4\xf2a\xddr\x00\xb8{\xee\x02\xef\xce1\x8c[H\x8bb%\x0e\x03\xab\t\xee\xaaX\xf5Tr\xce\x0f_\xafU\x95\xb4*\x9d5`\xabO\xa7\xf4\x0bXBDx\xf4\xa3|\xfd\xe3\xfeO\xc9\xd5hn\xae\xd3\xb5\xba#s\xd5\x1e5\x0b\xbb%\x89\x96\x91m\xaaJ16\xfe\xfd5\x827\x00\xee\x9d\x07\xf0\xf3\xc1\xf5\x08\xc7;\x19\x18&amp;*\xc0\x0f\x89\x04\xee\x9f\xd7-O!\xd0v\xff\x9ai\x96\x87\x03:U\xcek\xb5U0\xb1\x94\x1d\xd3\x17\x00t\xae\x12\xe17L\x1d\x83\x00\xec^2\x16x\x0e\xe0\xe8\xa6\xb9~\xc9\xc60\xcc\x8b\xf0\x12A`\xf9\x98nA\x1c-$\xe8X)\xb7\xa7\xfdK\x8bh\xb7\x8e\xc1s\xbc\xa3S\x18\xd0-\xfaM\xa2.U\xf3\xbb"\x00\xc30\xc1#\xc81\x85\x9a\x15\xcb`t+c,*\x97\xceA\xb6\x94p\xe29\xef"\xb2qh\xfd\xacd~\xcb\x90E\x11BI\x19\x1fB\x04~\xc1e\x18Q\xe4\x05{\xe9T\xa2\xdb\xef\xca\x1cOJo)m\xca\xddY\xfd\x9ak\x9b\xab\x94K\xc8&gt;\xaeE\x93\xbc\x96\x92\xc8&lt;6\x99wl2\x08)\x1a\xe2\x84\xec_\x93a\x98\xa0R=[\xc2)=\x1a\x05s\xc4\x8c\xb1,T\x161\xb7\xff\xe6\xd3\x19\x00\xf0\xc7\xf7F\x15\x94\xfan\xcf\xc7\xe3u\xeb\xe4\x8ccA*\x89]\x8bF\xb7,\x95\xc5\xa4B\xc8\xeaY\x95`\xc5\x93\x07cG\xd0\xfc\xb7b\x18&amp;\x00\x8f/\x1d\xb2\xd1*\xcd\xcb\x86\xb7\x04s\xd5\x1a\xbdtxjO\xa2Kr\xcfzN\xe0Y\xcfV9.\x10W\xc7*/)\xae\x81g\xae\xf7\xaf\x04\xf8\x1d\xb8\xe5\xe9\x10\x0c\x13-\x18\xdb\xb1\x96`\xcd\x8e\x95\xf2\xb4(\x99\xd9Sa\xb4\xb8\xbb\xc2\xad\x97\xcff\x8eIW\x18\xd6\xa2\x92_C\xdf;\xff\xa5|\r \xd4\xb2\xc1XM\x950\xb0q\xd9\xd9\xfd[\x98T\xe8P1\xf7\x9f?\xeew"\x12\xc30/\xc8\xf3&gt;\xe1\xf6\x99/WLt\xb7\xdbE\xc3;\x14J\xf8J\x9d&lt;\xde-\xbb\xf5\xc1\xd3_\x82&lt;\xa2\xbf\xec\\4*p%a:U\xce\xe3bo\xb6\x19\xdc\xb4\x9cny\xf5\xec\x89\xd8\x0f\x80a\x840\xb1\x9fq\x97\xb5\xbef@4BeK\xee5K4^u\x8c\x8b\xd4\xce\x9d\x8cB\xf8\\\x84aB\x8eE\xc3\xda\x8bW\xce\xec \x8e\xc1\xc7\xa3\xbb\xdaoLD\xde&lt;\xd8{\xdd~\xa7\x11\xe4\xc4\xd6\x85\xcb\xc78\xfdA&lt;\xa5W\xed\xa2\xe9^\xd5\xf9\xcd\x0b&amp;xYi\xe5\xe5\xc4M`\xc3\x8c\x81\x0eZ\xeb\xd3\xb4X\x06\xe0\xa9\xeb\xdd2\x0cC1\x88\xac\xd8\xd7\xb8@\x83\x02\xa9VO\xe8\xa5{\xcbq\x8e\xa90\x96~\xd4\xc9\xa5\x9el\x12"+\xd6\x89]\xebk%\xc1\x93K&amp;M\x00\xfc\xf6\xdd\x1e\xf1!\x82\x1a[\x95a\x98P&amp;\x98\xae\xc2\x12\x9f/\x1d\xe7Q\xcf\xd5\xb2\xd9\x8f\x9e\x00 \x14\xd2X6/\x9e\xd1j\x13\x00]\xaa\xe6Og%n\xb5%\x0b]\x86a"\x01\xf6\xec\xaf\x8b\'sg\n\xc8\xfa\xa6\xe1"Ze]\xea\xae\x92\x05P7o\x8a\x17\x1fM\x0f\x96/\x1f\xdedtkZ\xaf&amp;D\xb4iV\xe4s\xf8\x92~\xcf|q}\x16\xe3\xc1\xc5}\x92$o\xfa,\x08\xc30\x0e\xf0b\x15\xac\xdcv(\x976\x8eI\xcd\xd2\xa9\xde\x9a7\xa8\xb5\xb6\xdcH\xaa\xdbgv\x93bI\xabM\x83\x15\x1d\xa8\x929\xbe\xd7C\xe8f\x99W\xb2a\xfa@\x00\xc0\x93P3oe\x18\xc6g\xa6\xf5j,XsjO}w\xe55\x93zo\x9d;\xcc=\x89B\x11\x1bSo\xa1DA\x0e\xf8d\x06\xf07\xf0\xfc\xdf\xeb\'\x02We\x18F\xc5\xa8\xb6\xd5t\xcb\xf3\x06\\}\x99\xb2\xcbU\xf3s#\x1e\xfe`\xe6\xf2\xa3\x8c\xceo\xef\rC\x19\xf2(\xf4\xd94k\x88\xf2k\x8a\xc4`\xc8\xf2\x06]&gt;\xb2\xd9\xea@xz\xd9j\x13\x86a\xa2\x11\xb8\x7f&gt;\x8b\xf7\x19\xb0\xdaW\xc8\xa5?:\xd0\xb5Z\x01U\x89\xe7\xd2\xf8\xcd\xe8v5\xfc\x16\x81a\x98\xc8\x89[\xb6\x95\x12\x96\xd2\x07\xf6\xae[\xdc\xd5\xc1\xc9\xb9;\xe8\x94\x1e\r\xdd\x12F\xc2j\xcc\x03\xe3\x18K\x86\x94\x8f\x18\xfb:\x11Q\xd94z\xc1\xf8\x83\x8b\x94b,\xb5&amp;\xa4j\xd3\xa2\xe9q\xd7Q\x829\x86aB\x14\xe0\x0f\x93\xbb)\x14\xd7\xae\xa4\xe3U\xa9{\xd5\x04p\xe3\xdb\x1dn\x0cb\x01m\xeaw\xdc9c\xa9\x87^u\x8af\xf0x\xff)\x8e\xa6\x04/\xb8/\x1d~(w\x91\xce;\xc8\xb8+\xfd9\xbc\x8e\xfb\x01\x80mM\x19\xc6\x02G6\xceiS6\xbb\x8b\x1d\x16\x88\x1f\xc3d\x01.\xdd:\xf8\xe9LU\xb9*o\xd4W\xab\xa6X\x1aT5"\x07\x84\xb1\n\xee~\x07\xa0\xbc^\xfe\x1c\x00\xda\xec\xd0\x96\xfb\xc7\x7f\xf6\x1a\xc6$\x02\xd0\xb7~\tm\xe4\x92\xf7#N\xfc\x00r\xc6\xa1\xfc\xf1\xfcJ\xdf\xc00\xa1\x8d\x17\xf10\xf7\xae\x98$]\x0cnZ^.,\x90\xe0%\x83\xea\x86\xa8|\x91L\xd4\xf7\xde\x95\x93\xb2iBH\x03\x18\xd2\xac\xc2\x8b\x8f\x0f\xff\x07 \xb3b\xf9Z5\x8b\xdaf1\xa9A\xff\xa1?s\xb8\x9e\xb6w\xf3\xac!\xe6S\xe6O\x07\xd6\x19\xdd\x1d\xd7\xb1\xb6\xdb\xe2D@\x12L{\x9c\x84gW\xe5\xb7\x15\xc9\'\x833\xc23L\x00ld&amp;\x01n\xb8/\x87\x86\xddK\xc6F\x1c\xd4\xf01\xfe\xe5\xd0\xc6\xe1\xad*\xab*$\xd2Ts\x1e\x80(t\xc8\xf3&gt;M\xef\xddD\xfe\x08@\xfc\x88%\xeb\x9b\xa4\xeb\xe2\xa0\x04\xc0{\x81\xfa\x91\x14\xae\xb6\xdc\xeb\xcc\x915r$&gt;\xb2q\x8e\xbeH\x7f\xfcO\xa9\xf1\xa5\xeb\xa5\x1fu\xf6X"\x86\x89\xcc\xac\x9db-6g\x9b\xb2\xd9\xdc\x1a\x1a\xcf\xae8Y\xa3I\xce\\\xc0\x1f\xbf}\xb7\x07\xb8\xeb\x96T\x91\x0eK\xd9\xd2\x87\xb5\xa8h\xbe+r\xeb\xd4.\x00\x01M\x00\xd6O\x1f\xa0\xfb\xb7\x0b\x91\x15\xf7\x1b!#\t\xc3D\x1d\xdcz\xa8\xa4~\x00\xc4&amp;\x02\xf0\n\x91\xc8\x01g\xfex1\xb4\xdb\x1d\x1d+\xe5&amp;\xa2\'\xbf\x1cvE\xb0\xd0$o\\\xaa\x91C\x9b_\xd95p\xeb\x94\xfc\xce\x14\xbeqr\x87L\xff\xdc\x85\x12\xbd\x12\xb4\r\x16i\x94?\x7f&lt;\xa0,\x9c?\xa4\xadQ}\xdd\xd8\xa5\x0c\xc3\x88\xf2\xfc\xe6)\xddG\xc8\xdd\xfd\x9fn\xd5\x0b\x9a(\x91~\rJ\xb98\x96\x96\xc8\xe2\xd3\xf5\x1e\x11\xf0\xd8h\xdf\xc3\x15\x00H\'\xff\xd0\xa0:(\xc2\xe3\x9f\x1e\xfe\xb8\x9f\x88\xfe\xbd~R\xaap\xf3\xd4.\xef\x043\x11\xd8\x92\x8a\xe7\xf9\x80a\xac\x01\xfc\xab*Y4&lt;p\xc2\x00\x91\'Me\xaaa^\xd9j\xdc`\xe0\xb6\xc5\x16fX]u\xaf\x1a\xdfS\xb7\xfc\xe4\xb6E\xba\xe5"\xe7\xb7\xc0M"*\x9a\xc4\x15\xfbX\xa9C\xc3\xdf\\;\x01\x00P.\xbd\xeb\xe6M!\xbf\xbd\xf9x\xca*\x0f]\xeaC\xa3\x1c\xd2\x11\xb8zt\x8b\xd7"1\x0cC?\x1dX\xe7\xb7\x08\xde\x82G?\x99\xdc\xb5\x11\x0cu\xd1\xf0\x0e\x05\xe2\x1bZI\xe5\x0ex\x1ak\x11\xe0\x16\xf0\xc0\xf8\xae\x9as{V(+T\xc9\x12_[\xc7e\x11\x05\xb04\xb4\xa7\xbbg\x0c\xc3\xb8O\x81\xf8\x1e\x9ao\xdbpt\x90\xc2\x0bW\xcd\x9a@V:\x92\xed\xa9\x17\xfbH\xef\x11M\xef\xddD\xeb;&amp;\x8e\xecDQ4\xa9\x85\xf7\x86\x01\x8dJO\xecZOR\xac\xcdKd"\xbdw\x05\xddW\x04\x07\x92\x86\x91\xd5\xa2ct\xa7*yE\xc6\x1d\xd8\xb8\x8cM\x81\x18\x86q\x82\x13\xbd\x00\xfc\x03\xc0\xc80\xdf9\xb6e\xeb[\xbf\xa4\xc3\x1eB\x9cJ\x19\xe3\x028\xb6y\x9eQ\x05K\x13\xc0\xc86U\xd7L\xea-2\xae\x8d%\xba\xee\xb8\xd2\xff\x9cB\t_!\xa2\xa9=\x1b-\x1c\xd6N*oT(\x8d\xf5\x11\x18\x86\x89H\x8fZ\x85\xa5\x0b\xe9\xf1[h\x90FxJ\x8f\x86\xb6U\xa4\xa4S\xe6\x0fn\xa3*\xefP1\xb7\xea\xc2/\xbaT\xcd\x07 I\xa0j^\xf8\xd9\x05\x01\x13\x9d\xfe\xe0\xe2&gt;\xd2\xcc\x01&amp;&gt;~\x8d\n\xa5\xc1og\xbd\x11\xd3\x10)#\xdb\xa8\xb6\xd5\xfc\xda\x9eb\x98HI\xc0\xf3\xb4\x85\xc3\xdaK\xdb\xc7\xe6\x8fV\xbbr9J\xa4\xb0\x1f\xf9\xb3~~\x17\xf2\xc5\x1a\x89W3g\x04\xbdm%\x83a\x04\xca\xa4\xb6\x1f+\xaf|\xbawCV1\xcd\x1b\xdc&amp;\xa0\xde\x94\xdc\x80E\xf6\x7f\xda\x95\xcf\xe9\xb6\x80/\x00\xb0|L7#\x1f\x08\xe0\xbf\x90\xfd\x91\x19&amp;$\xd8\xb9\xd0f\x8c~\x93G\x0b\xc0\x8c&gt;M\xedJ\xe4\x1aF\x12z\xa7\x14\xc4{\x0e)\xc5\x94\xed\xad\x08\x11\xd9\x00\xb4*\x9d\xd5\\\xb3\xaf\x99\xd8[\xd6\xfe\xfe\xbe\x8d\x19E\xfff\x18&amp;0\x00\xc6\xb4\xaf\xe9\xcb\xb8\xda\xc2\x81\x8d\xcbd\xb7\xbb\xaa\xf64\xd1\xc0\x02c\x87#%\xdaxD\x0eq\'K\xb2)\x00&amp;t\xa9\x1b\xa1\xe4\xc1E"\xca\xf5n\xd8K^\x9d&lt;\xeax\x9dc;\xd4\x92\xb5\xff\xd8\x0e\xb5l\x0f\xdd\xb8H:\xdbmu\xd9:w\xb8\xbb\x1d2\x0c\x13&lt;\x86\xb7\xac\xac\xfc\xd8\xb7^\t\xf1\xb6\xf62\x80\x0b\xae\xc4\xaf\x9f\xd8\xee|\xcd\x9e\xde\xfaf\x932\x9a\x9e/\xc8\x8a\xfe\xd8\xe6y\x00V\x8d\xef\xe9\xa2\xd9\x8f87\xbe\xdd\x19\xd0\xb86\x06\x11\x00\xdb\x0b\x08\x86a\x9cR%s|q\xd5\xa0Jo\xd2\xb0`j\xe5\xc7\x0e\x15s\xeb&amp;\x99mR4\xbdy\xb7#\xdbTUe\xfe2Aig)\xe9\xb5\xe1\xad*\x1b\xd6\xf6\x1eh\xdcn}$\x93\xc1\x0b\xc8\xec\xfe-\xe4k\xa3\x04\x99\xc5\x92\xf9\x10\x84\x7f\xd9\xa8.\xba\xe5iC(]1\xc3D*\x94!\'C\x9f\xa0\xadL7\xce\x1cd4\x96jG\xc5\x1e\xfe\x1e\x12,\x1f\xd3\xcdIs\x93W\x84\x82\tl\xa45c\x18\xc6\x1b\xdc\xde\xb5\xf6\x81\xaaY\x12\x04a\x14\xed\x18!u\x90\x1bR\xb8\xb2G\xa4\xf2\x7f\x96\x9c\xd9\xc6w\xaec\xa3+\xce\x08\xc60\xfa$$\x1a\xd7\xb1\xf6KDE\x12\xc7\xdc\xb1`\xa4\\\xbeu\xce0"\xfaf\xed\x0c\xfc\xe6B\x8e\xd6P\x8b\xb9\xf6Q\x9b\xaa\xaa\x92\x06\x05t\xbcn\xd7L\x0c\xf3`z\x9b(\xbf\x9e[\xf2\xe1\r\xb3]\x97-\xb2\xb3nj\x7f\x9e\x1a\x19&amp;r\x00\xfc\x85\xc7?)\x9fX&lt;\xfdE\xba8\xfb\xd9\xc7\xae?\xc9\xc0\xa3\x7f~=\xbeb\\ww\xbb\x8d\xa4dtcij\x12\xd5\'Z\xf1\xd5\xea)\xc7\xb7. "\xe0\x91\xea\x96mW\x0f\x86a\xdcg\xf5\x84^N\x9a\x17O\x1e\xe1tr\xf7\xd2\xb1F5;U\xce\x1b\xb0\xb7&gt;u\x8b;\x11\xc6\x1e\xf9\xe2\x06\x7fL\xcb\x88\xf8p\xe5\xfd\xc0\xb5\xe1*e\xfc \xa3\xadh\xa7G7\xcd5\xafP.\xed\xbb\xc1\xd8%d\x18\xc6kb\x11}\xbfoM\x907\x19\x1a\x16L\x8d\x7f\xae\xba\xd8\xe1\x0f_\xafu\xb1\xb7\xa0\xb1a\xfa@U\xc9\xad\xf0L\x00\xdf\xed\xfe\xd8\xa8U&lt;\xe1\xfe\x03\xfeY?\x99\xdcG\xf9\xb1\x9c&amp;a\xfd\xb8N\xde\xa6#f\x18&amp;\xe4\xb0\x115\xd4u\xa7-K\x18\x99\xc2\xc4&amp;\xf2\xd7\x0e\xd5\x1c\x00\xeeZTV\xcff!\x9b}\xb6\xb7hR\xb7\xfa_\xad\x9ab\xe4\x1e1\xb8i\xb9\x1a\xd9\xb5\xa9\xa0\x19\x86\t.\x0e\xd5\xc4\x84\xceN-)\x03\xae%\x0f\xae\x9bY^\xb3~T\xb1s\xe1G\xf6F\xbf\x7fa\xaf\xbd\x86\xc1\xc1\xb6\x8e\xf4"&lt;\xf7\xc5\xbd\xab\xad6\t\x85@#\x0c\xc3\x84Q2\xa5=?\\5\'\xb6-\xcc\xf3&gt;\x9d\xda\xb18`\xcd\x1c\xef\xe8\x97g}\x93\x88\xe8}\x81\xb1\x16\x8f\xe8H\xc6+q"\x8aK\x04&lt;\x17\xe8\xc9e6\xcd\x1a\x12\xfcA-\xb1m\xde\x08_\xc6\x1d\xda\xbc\xc2\xa5C\x1b\x89\rp\x19&amp;r\x11p\xad\xad$`\x8ce\x13\xee\x9c\xfd\xdcAk;\x9c\xdc\xb60\xc8#n\x9b7&lt;\xc8#\xaa\xb0\x98\xb8\xc5}\x8c\xc2\x7fjq\xef\x88\x9aa\x18\xbb\x00x|\xe9Pp\xc6\x9a\xa5\x08T\xe0.\xbe\'!\x90\xd0\x9a9\x86\x0eN&amp;oA,-\xff9\x1f\x00\xc3x\xc5\x8e\x05\x1fYX\xd8\x9b\xa2\x9b\x11W2\x95lW.\x87\xaa\xbc\\\xda8D\xa4=\xees\xfdi\x1f\xd7\xb1\xb6\xdc3\x11\xb5,\x95\xd9\xc5\xcem\x03@\xfa\x05\x9cS8\xd1\xabD\xf4\xe9\x94~6\xda\x1a%\x02\xf2\x1aK\x7f\xe5F\x85\xd2\xe4\x8c\xe3\xa54\x0c\x13\x05\xd8\xbbb\x92\x8dV\x00j\xe5L\x92\xce37\x1b)\x10q\xcap\xfd\xbb}~\x90\xb6\x9e\x13\x13\xa9bJz\xb4\x8a\xcc\xf8\x1a\xdd=\xf7\x85t\xfd\xec\xda\xb1\xc6\x85\xd3\x8a\xb4rQ\x98\xc8\xb8:\x96&amp;\x80\xbf~\xd1\x7f\xa1T\xfa%\xb4(\x99\x19\xc0\xfe5\xd3\x82#\x18\xc3DM\x82\xa3&amp;\xd2\x85[\x0e\x010:\xe3\xd5r\xed\xf86\xab\x03%\'\xfa\xdfW\x9fXj"\xff\x02\xa7w-\x15\xac)\xd4\xed\x1f\xdfK\x17\x8b\x86w\xb0$OtF\xe4\r\xe0L\xa0?\x13\xc30\xa1\x85\xfcT\x03\x90\xc3Q\x18\xd5\xfcr\xc5\xc4\x17\x1fo\x9f6\xaai\xb4ko\xa2D\x065)g2t\xc0\xd8\xa8\x00\xba\xd7(d^\'\x08\xf4kP\xd2o\x11\x08w\x9dF\x91\x02\x90)6\xbdN\x04@\xce\x1e#2\x01\x00\xe8X)$\x0el\x18\x86\xb1\x19\xfb\xe1\xd6\xe90/S\xd5\x03\x7f\xeb\xf4gN\x84Y9\xbe\x87t\xa1\r\xff\x963\x0e\x010y\xfdP\xc5\x8d\xe8S\xaf\xb8~=\xc7\xcc\x1d\xd8\xca\xa3\x9e\x01\xf4\xaeS,`\xb5\xb4\x8e\xc36K\x7f\xb5I\xdd\x1a\x04\xacid\xab#\xff\xdd\x0fo&gt;\xb2\x08w\x00\x00 \x00IDAT\x98S\xcd\xc0el\xcb\x9c\xa1\xf6\xc4c\x18\xc6\x90z\xf9\\KL\xd2\xb0P\x1a{\r\xabeM\x00`\xd3\xac\xc1V\x1b\x8ej[]\xba(\x93Fx/\xc9:\xaf\x13\roY\xc9\xbc\xce7kg\x10\xd1\xb3k\xc7k\xe7N\xe6\x9d$\x96\xd0F\xa1\xf8j\xd5\x14\xc1\x9f\xe9\xe7o\xd6\x7f\xbb}\x91\xb2\xa4\xac\x97\xbf\xb0\x8c\xc9KU\xfd\xfc\x1f\n\xe6{\xb1\xe0s\xcc0\x8c[\x88\xe4\x00\xa9\x91=\x11\x00Yq+\xd1ND\xf8\xf3\x07i\x19k\xb4\x1bP&amp;u\xd8!\xee\xd1Ms\x1d\x9a\x9f\x1a%\x99Ra\x14\xeeF\x12O+\xa7\xa7\xc7*V\xedD\x01\xe8F\xc3\x0e\xc8\xfd\x0b_\x8a\xec\xc6\xe8^\x8b\xf3i\xc4\xf8\xd2\xaa\xd7\x97c\x9b\xe7\xd9\xe8\x93a\x18k\xb8\x12O\x11\xc0\xd8\x8e\x86i\xc43X\xcc\x1b\x00\xdc3\xd7)/\x87\xaa\xa1\xcb\x969\xc3\xc8\x8aC\x93%t,j\x1dS\xdd \xc6\x0e\x00{{E\x823\xab4\xc4\xb4^\x8d\xe5\x8f_\xaf\x9e\xaa\xbck\xf5\xff\x0c\xc30v\xd0F^\xb4\x01\x80L\x8e\x83\xe0\x03\xf8Kx]\xffiH\xe6\'\xf1Z$\x1b\xfd7-\x96!8\x03\xc9\r\xb5iyTL\xee\xde \xd7\xbbT#Gb\xa3\n\xf2\xd9R\x08\xfe\x89\x19\x86\xa1\x12)^w\xbdO\x8f\xdc;;T\xccE\x9a\x05\xa6\x17\xcc\x1f\xd2\xd6H\xfe\xf5\xd3\x06\x88\xefi\xf8\x9e\xce3&amp;\xd1\x94\x1e\r\xed\xb5\x05\xb0o\xd5dw\xe5a\x18\xc6&amp;C\x9bW\x08\xf2\x88=j\x15\x0e\xf2\x88\xe6x\xbd\x8a\xecZ\xad\x80\x80\x0c\xcf(\xfcD!\xbe\xf5!\xa4\xaf\xe0Nd&gt;\x01f\xf6mf\xbb-\xf0\xd7\xba\xa9\xfd]\x14F\xa6n\xde\x14\x9a\xb1\xf0&amp;\xe7\x05c\x18\'\xc4\'2|\x15w\x8c\xb4\xc5\xfc\xeb\xf1m\xc0\rAE\xdc\xa2d\x80\xc0\x0cV\x15\xban8\n\x874+\x9e\xb1E\x89LD\xb4c\xc1G\xb3\xfa5\x0fX\x7f\xce\x80\x96\xcd\x8ae\xb07\x15}\xf7\xf9r\xdbsXf\xcd{\x9a\x94\x9ck\xcf\xb2\xf1\xba\xf5\xc7u\xaa\xed0&amp;\xa8,j\x1c\'\xbdPX\xecX\xd9\x1c\xeb\xd9\xd5c\xaa\n]\xab\x15\xd8&gt;\x7f$\x89%8c\x18F\x9f&gt;u\x8b\x03hZ,C\xcfZE\xe4\xc2\xcf\x97\x8e\x13W:eR\xbf=\xa8IY\x93\n\x89\xc2\xb7w"E\xc2,#\xcbt\x99%#;\x8di_\xd3R\x9f\x00\xd2\xbcl\'\xc2\xe8\xf0\x96\x95C!\xf0\x99x\xa6\x81\x07\x17\xf7I\x1a9\xcdK\xa2\xfbH\xd9\xdf\xd6)D\x18w\xa5\x8f\xaa\xe5\xff\x07D\x07?\x9d\xc9\xbe\x02\x0c\xe3\x94|\xf1\xe8\xf2\xe1M\xba*\xc6\x89\xd7\xa56\xb8\x82G\x8a\xec-cS\x16\'\x18\x89\xeaQ \xe2;gw\x0fl\xac\x9eD\xbf\xdf\xb7\xa6i\xb1\x0c\xc0_\xa5&gt;\xf4\xe1\\@\xf9\x0b\xd4\xce\x15lw\x07\x00\xc0\x7f\xf2GU\xe8\xc0\x93\xdb\x16iZ0\x0c\x13\\\x1aY\xf1\x05k\\8\xed\x80\x86\xa5]\x97\xa1i\xd1\xf4w\xcf}!\xbd[\x00\xffh+H\xaaKd\xeeQ\x9aC\xdd&lt;\xb5+\x9f\xc6\x0b\xc0\xbb\xc5x&lt;\xa2\xc1M\xcb\xf5\xaaSTo5\x1c\x0c2(\xf2\xb6\x17M\xfa\xda\xbc\xc1m.\x1d\xdc \x974."\x14\xcf\xce\x88\xd1\xedj\xc8\xd7\xbb\x16\x8d\x12i\x02\xe0\xea\xb1\xadN\x06e\x18\xc6\xab#P\x1bF\xe2\x00\xb6\xcd\x1dnt7\x8e]I\xde\x0c\xf4\x1d_!\x1a\xd5\xb6\xba\xf2\x9ccL\x07\x9d\r\x9c\xca\x99\xe2\x02\x7f\x9a\x8f\xb5e\xf6\xd0}+_\x98\xb8x\xf1\xdb\xde\x0c\xcf\xc6n\x83\xe9\xbd\x9b\xa4s7\xb7o8\xc5\x93\xc5v\xa5\x9f|qu~\xb4\xf2\xe9\xdf\xd3\xd6\x04\xa0=\xf5\xd5\xa9v\xef\xbc+\x821Lt\xe4\xde\xf9\xc0&gt;\x9fD\x04\xe0\xc8\xc696\xfa\xefT9\xaf\xa5\xfaxv\x05\xcf\xaf[\xa8\x0f\x10\x91\xb4x\xbd|x\x93xC\xdb\xeeo\x07\xd6N7\x17\xc6Sz\xd6.b^\xc1\xaf\x17\x08#\x9a\x97\xc8\xa4\xfc\x98\xe15\xfd_i\xc5\xd8\xee&amp;oW\xda\xcd1\x86a\x020\xacE\xc5\x80)A&amp;u\xad?\xb8iy{\xfd\x8b\x18\x98\x02\xbf[\xea\xf3\xc1\xc5\xbd\xfd\xea[\x08x\xb9`H[\xc5X\x02\xe1$\x1f\xff\xa4[\xbeq\xe6 \xe5\xc7\xf3_\xac\xb4\xe1\xd66\xb0Q\x19\xc1\x9a\xe6\x07\t\xe6\x1bk5s\x06!=\x97kd\xd1\x98!\xe1\xf1OR\xbe\x1a\x15\xcbFu\xd6\r\xc1\x04`b\xd7z^\xc8\xc60Q\x96\xe77\xbe\xf5z\x08\x00s\x06\xb4\xb4\xd4$\xbd\x98\x7f\xbf\x89\xf5\x88\x91\x8aOb:\x01$\x0f\xbf\xd8&lt;[\xdfn\xe4\xc8\xc6\xb9\xaa\x12\'\xc6\x97\xe6\x00\x18\xd6\xa2\xa2n\xe7[\xe7\x0e#\xa2\x92)\xed[\xfc7S\xf8\xfd\xfe\xf3\xebq\xdb\xfd0\x0c\x13\x89\x010\xa2u\x15\xabM~=\xbe\r\x7f\xfe\xa8\xbdux\xc3l\xad\xe3\xaf\x1c\xaf\xbf\\Z\xfb\xc1$\n&amp;\x0c|\x9a 8m\xc8\x13\x80\xa5\xa3i\xf3\x0e]\xe9GE&amp;\xe3\xedt\xdc\xbfph\xfd,\'\x0e_&amp;2\x9b\xdc\x92RQ\xf6\xaaS\x94\x88:W\xb1\xb6kgN\xc0D\x0bF4,\x98Z\xfa\x83~h\\\xa7V\xae\xa4\x15\xf4\xce\x0f\x18\x86\xb1\x8c\xf4\xbc}m\x9ai/w\xc4\xc7-c\xf8F\x89\x8b\xde\x98x.\xea2\xa6\xdf\x1c\x7f|\xbd&amp;@\xd4\x87^u\x8a\xdd;\xff\xa5\xb6\xfc\xc2\x97\xab\x00\xe8\xc6\xb8\x18\xdd\xae\xbam\x91\x04)\x99\xf2\x8d\x9f\xbfY\xaf}\x17q\xc2\xd5\xa3[d\x0b\xd9\xac\x81&amp;\x16)\x8d\xa54\xdd\xee^:\xd6\x15\x01~\xdc\xff\xa9\xed\xb6\x05\x12\xbc\xb4\xd84\xa5\xda\xfd\x8b{C\xed\xcc\x83aB\x8e\x86\x85\xd2&lt;\xb8\xb8\xcf\x95\xae\x00\xbcf|7\xcb\x1bN\xfbO\xe9\xd8\xd42\x19\xd1\xbf\xbf\x9e0\xaf#\x1d}\xeb\xfa\x1f\x191\xb6\x83a\xacS\x11\x16\x0cmgtK\xfe\xb2\xae\x84e5\xea&lt;\xfc\xe3Mm\x1d\xc1\x94\xc52\xb6}.p\xf7\x9c\xdd\xa6T81G|`\x18[d\xd4;\xd0L\x1d\x83\xb2\xbfm9\x08D\x10\xa2]\x02X=\xd1Z\xa2\xb1\t]\xeaZ\xaa\xff\xc9\xa4&gt;\x00\xfe\xfc\xe9\x80\xa5VN0\xdf\x99\xb9\xf1\xedN"\xeaY\xabH\x08\x06\x13\xd5R4\xa9\xc9\x1a\xc0\x0c\'!\xfe\xa1\xa0I\xd1\xf4\xb6\xfba\x98\xe8\x0e\x80 lh\xa8x\xf2\xcba\xd9\xad\xdf\x04\x1b[\xd8\x89\x89\x00X\x8dNjU\x15&amp;\x0f\\%\x02Y\xdf\xa4k\xe1~L\xcbFu6\xff^\xf8\xfdb\xe1\xc4\xaf\x06-\xe4\x83+V\x95\xf8\xf7\x9a\xf3N,\x91\x88h\xdb\xbc\x11\xaa\x9fh\x91\xe9\x1e\x11\xc30/\x98\xd4\xad\xbe\xd1\xad\xafVO!"\xdd\x13`W\xd0j\xb7U\xe3{\xaa\xea\xa4\x8ea\xa7\xe7\xc6E\xd2\xcd\xe8\xd3\xd4\xe8n\xbb\xf29t\xcb\x0f\xad\x9fM\xe1\x0e\x04\x01\x8d\xeb\xbd\xc6q&amp;\x05k\x00\x7f\xffw\xe3\xa4\xa5&amp;\x9d\xab\xe63\xbae\xf2\x9f\xcak\x1a\x14H\xe5{\x94$\x86\x89\n\xb8b[\xde\xbcx\xc67\x89\xf0\xf0\x7fD\x04\xfc\xad\xbc\x15\x9a\x0fj\x93\xa2\xe9\x03\xae\xbb\xf1\xec\x8any\xfb\n\xb9t*\xeb\xc5\xa2\xb0M\xf3\xe2\x19\'v\xa9GD\x9bf\r!\xa2_\x0emt\xbe\x11\xfe\x8e\xf1)\x8bd\x05tt\xd3\xbc\xe3[\x17\xc4%\x02\x1e\xca\xb7\xd2y\xb3\x03\xef\xf0\x7f\xc5\xa0&amp;eC\xf3\xff\x15\xc3\xf8\x8f\x14\xd5\xb2GM\xa1\xe8\xfcV\x0f\x032\xea\xed\x03K\xc6\xf8\xba\xd9\xc4\x01\xac\x9b\x16!L\xfc\x8e\x05\x1fY\x1a\xd1\x8b\x95f\x0c\xa2\xddK\xc6\x98\xd7\x11T1\x0f.\xee\xebU\xa7\xa8H\xf4\x02\'\x14Mbs\xff]&amp;\x16\x11\x80\xaaY\x03\x1f9?\xbetP\xbax\x89hR\xb7\x06\xe6\x95\x01\x0ch$\x1a\xe8\xa9g\xad"o\x85\xb7\x12l\xa2Kd\xf2\x88c\x98\xe0\x13[Z\xee\xdd:mn,m\xe39\xac\x92E?\xaf\x89QW\x00N\xef\\\xa2,Y;\xb9\xefw\xbb?\x96?\nF\xd9T\xc6\x9dv}\xd3\xdc\xc8O\xd8\xb5\xfe\xbd_\xae\xd6\x10\x08\x8cj5\\\x90\xea\x0fg\x82&amp;z^\x00x\xfd\xce0\xfeS\xeaC\x9b\xbeGg&gt;[&amp;]t\xac\x94\xc7\xa4Z\xdb\xb2\xd9\x01\x98\xe4\x80\xb5\xc7\x89\xad\x0b`7w\xb9.\xf9\xe3Y&gt;\x85\x10\xcf5\xb3}\xfe\x88\xb6\xe5\xb2[\xed\xdf-\xe4,\xbb\xf6\x000\xb5g\xe3\xc0\xf5\xc2+O\xea*\xf4\xba\xa6\x9d\x002\x88\xbd\xe1\x8chU\x05\xb8/(\x0f\xc30\x9e\xd0T\xd8 /p\x94\x1e&lt;\xd7\xa6v\n\xd8J\x19\x0bH\xe6\xd4\x8e\xc5\xae,-\x1f\xfd\xf4M\xc0:g&gt;[\x16\xb4L\x8d\xb6Y5\xa1g(\xaf\xb5\x0b%z\xf1N\x12\xcar2\x0c\x13\x01&lt;\xfcA\xa8\x1a\x00@\xca\x9d\xab\xeb\xd1S&lt;y\xec\xb0jO.\xa9n\x9d\xdcn9\xf5\x07\xf0\xdcj\x13\xf2F\xf5X5N\x15\xa7O\xbd\xe2\xd2\x85\xed3\x81&lt;\x1f\x10\xf0O\xef:\xc5\x94\x85~\xe5\xa3/\x9d\x8a]z\x19\xc6=\x8c\xfc\xfe\xedG\xed\x89\x886\xe1\x97\x16Y\xa5N\xe9\xd1H\xb7B\x95,\xf1\x8b\'\x7f]\xael\xbe\xa7_\'\x8fU[|G$\xb68%h\x85\x1f\xd0\xa8L\x10\xd6\xb3\xda!.~\xb9\xda\xbcI\xb9\xb4q\xb4\xfb9R\x00\xa5\xf7\r\x9a\xcc\x1d\xd8\xca\x9exFhgz]\xf6\x7f2\xcd\xddq\x19&amp;Z\xa3\r\x10]5k\x82\xaaY\x13\x1c\xf8dz\x8a\x88\xe5c\xf5\xb2\xa6\x90\x95\x88\xf3\x00L\xe2\xb2\rjR\x8e\x14\xfaKR\xa0V#.\xe8Z\x1c\xf9\xc2\x91\x8dsT\xba\xf8\xe1\x0f\xfb\x8d&amp;\x00\x87\x89\xd7\x83\x8f\xeb3\x99\xe0\xff\xa2\x02\xf1\x03\x9f\xca\xb0/\x18\xc3\x88\x02`\xe9G\x9d\xb5zS\xf0\t\xaf\x9b7\xc5\xd8\x8e\x8e\xa2\xe2h\xc6\xbd+\x99Nj\x05\xd8\xb3l\xbcI\xc3Y\xfd\x9a\x8b\x8f\x12pg\x03\x0f\x7f\x18\xde\xaa\xb2\xfcQ&lt;\x84Y\xdep\xeb%\xdd\x1fP\xf6\xb7zr\xf9\xb0\\(%?\xa1\xf09\xcfq\xfc$\xcb\xd4\xce-\x94\xe07\x85^\xa1\xb8\xe5\xd5\xe0\xa6\xe5,\xc8d\x80\xc9p}\xea\x95\x10?\x82b\x98\xe8EV=\xbdR7o\n\x00\x19b\xd2\xc8\xd6U\xde \xba\xb8w5p;\xe8\xa2E\xc0doA\xd7 \xe4\xe9\x95\xa3^\x88\xd1\xb1R\x9eG?}cd\x1f\xd9\xb2T\x16\xf3\xe61\xac\xac\x91%\xff\x8c:y\x92\x9f\xffb%\x80/&gt;\x9e`AP"\x95;\x85\x16y3Mk\xa1\x14P}7+\x9e\xd1\xe4n\x91\xc41\xa5\x1ef\xf4i*\x1fB\x18a\x12\xc6Y\x10\x00R\x82\x04-\xc9\x88\x00\x0cif3\x97\x11\xc3Dq\x04\xf5\x11n\x9d~\xfc\xf3A]\xa7Vw\x85q\xd7E\xd6\x88-s\x86\xd9\xde\xac\x18\xda\xbc\xc2\x89m\x0bM*\x98DH\xb61(\x80\xd2\xa9\xdezv\xed\x98\xd5\x86\x01\xc7]&gt;\xa6\x9b\xbb;6\xefj\xe2\xbcVH\xff~\x9f\xba\xc5G\xb5\xad&amp;\xd2|\\\xa7\xda\xf6\xc6\xcdk\xea\x1brp\xddL6\x19b\x18}B\xe1\xd9\xf8by\x84\xb5m\x91\xc41\x89(\xed\xcb\x04&lt;\xf5nP\xe5\x17\xff\xe9\xc0:Km\xcd\x13\xcf\x0cm^\x91\x0c6\xafE\xe2\xdcE\xac\xaf^\x89;\xf9{\x01\x98\xda\xb3\x91\xaa\xc4\xbc\xc9+DW\x8el\x16\x1fB55f\x8cE\xff\xfb\xea\x13\xc1\xb6)\xc4\x87Q \x1e\x1b5\xb3;\xf9\xea\x19\x86!""&lt;\xf9\xc5o\x11\xdcD\xc49V\xe2\xd3\xa9a\xbb+q\xf4\xee&amp;#\xc2\xbf\xd7\x9cl\x9a]?\xb1}\xde\xe06\x92\xf6\xffr\xf9D\xe5\xad\xee5\n\xd9\xeeV\x05\x00\x91\x14j\xfd\x1b\x96\xeeT9B\xf2/\xc9BLnk\x14d[\x92?\x8d\xb8\x0b\x9c-^\'\x02\xd0\xabvQo\x87a\x18F\x04\xdd\xe5Xs\xd3-cK]\x05\x87Q\xc2q\xb0%\xe5\x18W\xacr\xb7\xea\x05\xc4ep=\x82\x85\x92\xddK\xc6\x8a\xee\xfei\xaa\xa5\x08/?\xba)@\xe0~\x00\xd5\x85\xa7U\xdb\x00\x90\x02\x0b2\x0cc\x1fW\xd4Mfa\x97\xa6\xe0\x9b\xb5H\x88\x98\x84\x9a/\x8dmgQ\x0f\xf8\x0b\x0fhT\x86\x88p\xe7\xacn\xe4\xea9\x03Z\xba5\xae\xf3\xbf\xb5H\x96]\x17\xdfW\x8c\x98\xdd\xbf\x85\xf8l\xcd0\x8c\x0e9"*\xc5\x91m\xaa\xda\xee\xea\xf2\xe1MV\x95\x8b\xf9R\xf7\xda\xb1\xad\xe5\xd3\xb9\xe5\x97\xe6\x94\xc1M\xcb[Z\x98\xd7\xcci9\x12\xe5\xd0\xe6\x15\x01\xfc\xfe\xfdW\xaar</t>
        </is>
      </c>
      <c r="E184" t="inlineStr">
        <is>
          <t>&lt;class 'numpy.ndarray'&gt;</t>
        </is>
      </c>
    </row>
    <row r="185">
      <c r="A185" s="1" t="n">
        <v>183</v>
      </c>
      <c r="B185" t="inlineStr">
        <is>
          <t>steps_per_sec</t>
        </is>
      </c>
      <c r="C185" t="n">
        <v>2700</v>
      </c>
      <c r="D185" t="inlineStr">
        <is>
          <t>3.3627114</t>
        </is>
      </c>
      <c r="E185" t="inlineStr">
        <is>
          <t>&lt;class 'numpy.ndarray'&gt;</t>
        </is>
      </c>
    </row>
    <row r="186">
      <c r="A186" s="1" t="n">
        <v>184</v>
      </c>
      <c r="B186" t="inlineStr">
        <is>
          <t>Loss/object_center</t>
        </is>
      </c>
      <c r="C186" t="n">
        <v>2700</v>
      </c>
      <c r="D186" t="inlineStr">
        <is>
          <t>0.12454643</t>
        </is>
      </c>
      <c r="E186" t="inlineStr">
        <is>
          <t>&lt;class 'numpy.ndarray'&gt;</t>
        </is>
      </c>
    </row>
    <row r="187">
      <c r="A187" s="1" t="n">
        <v>185</v>
      </c>
      <c r="B187" t="inlineStr">
        <is>
          <t>Loss/box/scale</t>
        </is>
      </c>
      <c r="C187" t="n">
        <v>2700</v>
      </c>
      <c r="D187" t="inlineStr">
        <is>
          <t>0.06436545</t>
        </is>
      </c>
      <c r="E187" t="inlineStr">
        <is>
          <t>&lt;class 'numpy.ndarray'&gt;</t>
        </is>
      </c>
    </row>
    <row r="188">
      <c r="A188" s="1" t="n">
        <v>186</v>
      </c>
      <c r="B188" t="inlineStr">
        <is>
          <t>Loss/box/offset</t>
        </is>
      </c>
      <c r="C188" t="n">
        <v>2700</v>
      </c>
      <c r="D188" t="inlineStr">
        <is>
          <t>0.10988872</t>
        </is>
      </c>
      <c r="E188" t="inlineStr">
        <is>
          <t>&lt;class 'numpy.ndarray'&gt;</t>
        </is>
      </c>
    </row>
    <row r="189">
      <c r="A189" s="1" t="n">
        <v>187</v>
      </c>
      <c r="B189" t="inlineStr">
        <is>
          <t>Loss/total_loss</t>
        </is>
      </c>
      <c r="C189" t="n">
        <v>2700</v>
      </c>
      <c r="D189" t="inlineStr">
        <is>
          <t>0.2988006</t>
        </is>
      </c>
      <c r="E189" t="inlineStr">
        <is>
          <t>&lt;class 'numpy.ndarray'&gt;</t>
        </is>
      </c>
    </row>
    <row r="190">
      <c r="A190" s="1" t="n">
        <v>188</v>
      </c>
      <c r="B190" t="inlineStr">
        <is>
          <t>learning_rate</t>
        </is>
      </c>
      <c r="C190" t="n">
        <v>2700</v>
      </c>
      <c r="D190" t="inlineStr">
        <is>
          <t>0.001</t>
        </is>
      </c>
      <c r="E190" t="inlineStr">
        <is>
          <t>&lt;class 'numpy.ndarray'&gt;</t>
        </is>
      </c>
    </row>
    <row r="191">
      <c r="A191" s="1" t="n">
        <v>189</v>
      </c>
      <c r="B191" t="inlineStr">
        <is>
          <t>train_input_images</t>
        </is>
      </c>
      <c r="C191" t="n">
        <v>2700</v>
      </c>
      <c r="D191" t="inlineStr">
        <is>
          <t>[b'512' b'512'
 b'\x89PNG\r\n\x1a\n\x00\x00\x00\rIHDR\x00\x00\x02\x00\x00\x00\x02\x00\x08\x02\x00\x00\x00{\x1aC\xad\x00\x00 \x00IDATx\x9c\xec}e\x98\x1c\xc7\xd5\xf5Yffffff\xe6\xd5jA\xb4\xd2J+fff\xc9L233\xc51\xc4q\xc0q\x12\'\x0e8\x0e;q8y\x83o\xc0\xf9\x92\xfb\xfd\xa8\x9dRM\xd3\xf4\xc0\xaeV~}~\xe8\x19\xf5\xf4t\xf7vwU]8\xf7\\\xe0S|\x8aO\xf1)&gt;\xc5\xa7\xf8\x14\x9f\xe2S|\x8aO\xf1)&gt;\xc5\xa7\xf8\x14\x9f\xe2S|\nKq\xcf\xf1\r\x0b\xcb\x12\x14\xbfr\x05\x00T\x86;\x91\x01\x01*\xbb\xbd\xfb\xfc\x1d\xdb\x16\xd4]\xbfs\xe9\xce\xd1\xc6$\x07D\x0b\xdf\xf6\xe7G\x86\x02&gt;\xc6?\xc9\xf7\x9d\xf9P\x15\xe1\x1c\xaft\xcc\xadC5\xec\x8cg\xd6/(\x0fsx\xf7\xf9\xdbw\x8d5\x8eU&amp;\x13\xd1\x8e\x85\r\xc3\xc5\xb1D\x14\xa5\xf4C"\xbai\xf7r\x00_z\xfc\x86\xe5M9D\xc4\xb6\xdb\x03\xfc\xaf(\xf0\xc3\xd2\xfa\xcc\x9e\x9c\xb0k\xb6N\xf0\x1f\x9e\\3h7\xb3\xcf\xdf\xf8F_\x80\x88&amp;\xaaR\xfa\xf3#\xef:\xba\x0e\x86\x83TE8\xf7\xe6\x86\xbf\xfd\xe4M\xd3\xed\x85Y\x1e\x80pp\xfe\xdb(\xc3\xf5\xd4\xc7y\x02\xa8\x8er\xf9\xcaS7W\x849\xd6\xc7y\x10Q\xba+\xd2\\f\xf6t\x03j\xa2]\xdb\xd3\x02*\xc2\x1c\x01|\xf6\x9e\xd3n\xe2\xad\x18\xae\x01P\xe0\x87\xcd\x03U\x9f\xb9\xebdI\xd0\xe5k[\xd1\x94CD5\xd1\xaeJwb\xe6\x92\xbe\xfd\xca\xbd\xec\xbf\xcdI&gt;D4^\x99|\xcf\xf1\rDtp\xb2\x93_\xed\xb6\x05\xb5\x8aG\xd8:T\xf3\xb5\xe7.-,K`\x87\xaa\x0cw\xe2_\xf9(\xfe\xc0\x18)N\xa6\xf7\x11Q\x1d\xe9"\xdf\xd8\x99\x11\xd4\x99\x19,\xd9\xd8\x92\xec\xabx\x84\x1c\xaf\x99\x0f\x11\xe6\x9dY\x8a%\xb5\xe9\xd6\x1d@\x8a\xe7o=\xcc&gt;\xf8\xca\xbe\xcaP~z\xf3\x1d5Q\xae\x8b\xaaS\xe5\xdb\x15\x1e\xe1\x95\x03\xd1\xff\xcbt3\xbd\xdb\xffi\xb4\xa6\xf8k|\xdb\x96\x1a\x10e\x98JV4\xe7\x84+\xedC\xf4\x17\xb6C\x92\x03\x06\x0b\xa3\xbb\xb3C\xcbB\xed\xc5\x1db\x0c\x1f\xd8\x99"\x80@`\xfbH\x9d\xbb\xb0\xcf=\xc77l\x19\xaa&gt;\xb6\xaa\xef\xfa\x9dK\xfbr#\xea\xe3&lt;\xab#]\x9a\x12\xbd+\xc2\x1d\xdd\xf9\xf4\xfa\xdb\xf7\x8a\x02\x00 \x18\x88\xbd|\xf6\x7f\xa7:+\\\xd5\xb37\x1f\x02\x90\xed\t\x00\xedi\x01\xd7\xedX\xd2\x92\xec\xcb\xa6\xad\x83\xcb:\xe9w\xef\xd5D\xb9\x02\xe8\xc9\t\x03\xf0\xc2\xa5\xa3o=rm\x1c\xe0\x0e\xac\xee(2\xfe\xeb\xa83#\xe8\xae\xa3\xeb.\x1dX\x05\xe0\x9b/\xdd\xf5\xcc\x8d\x07\x92\xecq~\xd3\xe8\xc5-\x13~@\x8a\xe3\xcc\x9e\x05~hI\xf6\xdd=\xde\xcc~\x15cX?\x88h\xba\xbd`\xb00z\xcbP\xb5\x07pj\xed\x10\x11\xf1\xd9\x7f\xba\xbd\xe0\xcd\x07/\xf6\xe6^\xbe\xb5\xff\xfd\xd5\xd7\xbf\xfd\xca\xbd9^X\xdfS\n`\xff\x92v\xbe\xba\x14\x05\xe0\xd4\xda!\xb6[\x18\xb0mA\xadd\xd5\x11\xf1\xef\x8f\xde!"qm\xbf\xfd\xe0tm\x8c[\x81\x1f\xe2\x80xa\x19\x8e1\xfe\xa1\xaf\xf0\x99\xed\xe3\x02t\xa4\x07*\x9eE\x8e\xa2\x00\xd8\x19oa\x07\xf1\x92\xed\xa9\xf4\xdc\xa4p\x04\xa4\xd3?\x90\xed\xa1\xf3Z,\x84\xfc\x8c\xb6B[\xaa\xa2\x11e!\xd4\x1e}C\xbcg\xb4\xe2\x17\x80\xa3\xcavsq~\xd3\xe8\x9f?\xf8\x9c\x8d\x0e&amp;\x85\x9aI\xaa\x86\xa1\xa2\x98G\xce\xef\x90\xaf\xa4Dd\xaf\xb0\xbb\x14\x0ef\x9d\xec\x13\x86D;\xado\x89(\x1c \xa2?\xbe\xff\x9a\xc6n%A\xa0\x7f\xfdt\xff\x92\xb6[\xf6M\x1dX\xda!\xf96N\xe5\xc8\x9d\x19A\xfc\xbfi\xce "?\xc0\x07\x90\x98\xb4+\x9as\x01\xach\xce\tU:\xce\xbd\'6\xb0\xd9 \x16\x88\x12,\xd3Um\x05\xfcD\x0c7\xefY~\xd3\xee\xc9${\x1c_\xd5OD\xc3\xc5\xb1\x00\xf6L\xb48\x02\xfe@u\x94K\x9a\x0b\x965d\r\x16\x1a\x8d\x9d\x8b[\xc6\xab\xa3\\\xda\xd3\x02\xc2\x00\x00A\xc0t{\xe1\xd9\r#\x1d\xe9A\xcf\xdfz\xa4\xc0\x1fO\xdf\xb8_\x1c\x87D4\xd5\x927\xdd^0T\x18\xcdn\xc5s7\x1f"\xa2\xfa8\x8fw\x9e\xb9u\xa2*e\xfbH\xddCg\xb7\xf1\xc5/\x12\xd8\xb9\xb0\xc1\xe8\xce\xfc\xe3\xc7\xfdy\x11\xe77\x8d\x8eW\xa5\xb0-CE1E\x01p\x05\x12\xed\xc0\x97\xeb\x7f~\xf8\xe5\xd6\x14\xbf\xd2`\xbb5\x9dF+\x16\xbf\x8cu\xdd\xa5D\xb4\xa29wU[A\x96a\xc6\xec\xcb\x8b\xe8\xc9\x9e\xb9\x91\xf6\xc0\xfa\x9e\xb2[\xf7MM6f)\xddZ-\xc8\r=\x8d\x91\x96\xe1\x06\x00~\xe6\x1fSm{\x90\xc2^W\x06z\xe6\x97\xb9\xc4\x1b\xf7\x9f\x9f\x9b\x13\x1dX\xd6\xa1\xb6\xfc\xcc\x06\xb2\xdcM\xefc1\n\xb4l`\xe85|\xaeR\x88\x7f\x1e\x11M\xb7\x17Z\xf6\\G\xcb\x13\x9f\xbb\xe5\x10\xffo0p\xc3\xce\xa5\x9b\xfa+5\xc6j[\x9a\xb5\xd6P\xa6;r\xbc\xd0\x94\xe8\r\xc0\x1eh\x88\xf7\xfc\xe6\x8bwe\xba\xc1\x1b\x00\xc0\x8e\xbe\xac!\x8b\x88Z\x92}E+;\x16\xa8\x8bu\x07\xb0y\xa0\x8am\xa9\x8b\xf5\x00\x90\xe2\x08{ \x10p\x05J\x83\xed\x00l\x19\xaa\xee2\x84 \x0eMv\r\x15\xc5\x00\x10\x97\xa2\xaf&gt;s\xdb[\x8f\\\x0b`i}\xe6\xb7^\xbe{\xc7\xc2z"\x9al\xcc&amp;\xfa\xfb\x83g\xb6\xa6\xbbb ?\x92\x88N\xac\x1e\xa0\x8f?\\\xd6\x90ur\xcd\xe0\x96\xa1\xea\x10\x80\x88\x16\x96\'\xf8\x01c\x15I\xe2\x1fEDq\xc0XE\x92\xb8p\xb2WT\xb2\x04\x12QOv\xd8\xae\xb1&amp;\xf9\x9d\t\x06v\x8e62\xff\x86\xa1:\xca\x05\xc0\xc6\xbe\xf2\\o\x00(\r\xb1S|\xb3\xcd\x0c\xdbX\x05\xe6T\x89\xa8\x8er57p\xa4\x8d\x02\x93\xcb\x8eu\x08\x91miL\xf0V[P\xdd\x01\xa2\x7f@\xf0\x1a\xafj\x10Q\xa4\xf9\xbf*6gB\xdd2X\xfd\xf7\x1f\x7f\xd1\xfc\x93\x00\xc0\xbd\'6X\xf6\xc3\xff\xd3\x18)\x8d\'"I\x0c\x07\x80#\xe0\x00\x0c\x15\xc5\x10Q\xaa3\xaa"\x9dM\xae\x13D\xb4\xa1\xaf\x9c\x1b\xf3\tv\x00\x90`0\x9ar&lt;\xad\xba\xce\x95\xad\xf9\xf5q3fm( \xbe\x88\xdbG\xea\xc4=\xeb\xe3&lt;\xc3\x80=\x13\xcd\x12\xc7"\x14X\xddQ\xf4\xdc-\x87\xfbr\xc3\x01\xc4\x02\x0bJ\xe2\xb8\xef\xd9\x93\x13\xb6\xa4N!\x10\xdc\x96:c-\xb0\xf9\x94}X\xd7]\n\x83\xab\xd1\x92\xec;\\\x1c\xfb\xee\x0bw\x10\xd1\xdbO\xde\xbc\xb0,a\xf7X\x13\x11\xbdx\xe9\xd8\xc6\xbe\x8a\xd6T\xff\xa6D\x9f\xcf\xdes\x9a\x88\x12\xed\xb1\xb0&lt;\xf1\xf1kvKNA\xf4\xbf\x92-#e\tk\xba\x8as\xbd\xb1\xac&gt;\xf3\x9am\x8b\xa6\r\xce\x8d"6\xf6W\x0c\x16D5\xc4{\xee\x18\xa9\x97\x7f\xdb\x9b\x1b\xfe\xa5\xc7oP\xfbm\xa0\xb0"2te\xc9\xa78#\x93|\xef\xa2\x16o\xd9\x0e\xa3\xe5\x89\x1aWh1\x06\n\x8c\xf2&gt;&lt;\x82\xd4\x10o\xde\xcb\xa43\xc2S\x1a2\xe3\x1do_P\xa7\xbd\'\xc7\xb5\xdb\x17k|\xcb\xe3u\x8a\xbe\xacN\xd8\xeb\xc8p\xccr\x84l\xee\xf0\x9d\xcf\xdeW\x19\xe1d\xd9".\xa6\xacl\x8b"u\xc3\xb51A\x1e\xe9\xbcz\x10\nL6d\xad\xeb.\x95\x84A8|\x01/ \x18(\n\xc0\x9dG\xd6\xb2(\x8a\x06\xc4\xc9C\xbe\xf0\xe7\x98y\xaf\xd2\x85\t\x9c\x99\xe7\x0c\x05~X\xde\x94\xcd&gt;\xf7\xe7G\xf2K\xaf\x8et\xb9a\xe7R\x00\xe77\x8dz\x01\r\xf1\x9eE\xc2E\xf4\xe4\x84-\xaaI[\xd1\x9c\x1b\t$\x00^@Y\xa8=\x8b\x86\xb3y\xbc?O\xc1\xbe\t\x05\xbc\x01W\xa0!\xde\xb31\xc1\x1b@\xb6\'\x88h\xaa97\xcf\x07\xd3\xed3S\xb3\x1f@D\xab\xda\n\xdc\x81D;D\x00\xd7l\x9d\x18,\x8c\x8e\x05\x00\xb4\xa5\xfa\x13\xd1\xaf\xbf\xf1\xd2\xa6\x81\xca\xbd\x8bZ\x12\x8dW[\xb9y\x18\x0b\xf4\xe4\x84m\xe8+\x7f\xe8\xec6"Z\xddQ\x08\xe3\xbb\xb7y\xd0h\xd6\xa6\xdf|C\xd3\xa9\xd5\x0b\x07\xe0\xbf\xbfzW\xfb)\xd1\x9f\xbf\'9W 0^\x99l\x8b\xf3\xa3;\xdbh\xaa\x8c5\xfe\x96\x8f\xef\\o\xe9\x07\x11\'\xd7\x0cj\x9fE\x91\x86 \xa277\xbc6\xc6\xdad\xe2\xc1e\x9d\xe5a\x0e\xcc\xfe\xcd\xf843i&gt;\xacY5g\x03\x8a\xab\xec\\\x86\xc5f\x0b9^\xa8\x8dQ\x08\xb9\xdd\xb8k\x19\x11\xa99pJCo\x06-\xc9~;\x166\xc0\xd8N\xe7\x90$\x96}e;\xb8\x00\xa9N\x00\xf0\xc0\xe9-\x99n3\xb3\xc0\xd6\xa1\x1aq\r\x10\xc1&amp;\xf1\xc9\xc6\xec\xd5\x1d\x85G\xa6z\x00\x1c\x9c\xec\x04Pbl\xf8\xbdp\xdb\x11\xeeC\x00\xb8\xb0y\x8c\x1bh\x92\xe4de\x84\x96)\xb1\xa6\xb3\x88\xb1k\n\xfdQ\xe8o\xf4[\xb9\xa5\x16\tl\x1d\xaey\xf4\xe2N\xf6\xdf\xda\x18\xb70\xa0&gt;\xceS\x0c\x94\xc5\xc8~\xc5.\xa9&gt;\xd6\x03\x82IND\xccDe\xd9\x94D\xbb\xcb\xe1\x8e1\x1b\xcd\xbfz@D\xf2(\x9f\x95$\x1c5H\xa2C\xc9\x86\x95\xb2?\x7f\xe6\xcd\n\x03Z\x92\xa5\xf6b\x96){8i\xae\x92\x80\x16\xaf\xcaj\xc6\xac\xda:\xa2\'\xbb\xae\x07\x92\xb5_N\xc7\xb2\x12\x1a\x0b\xa1\xc6|b\x12\x16\xf3\xaa&lt;\x81\r\xbd\xe5\x16\x9fwB\x89\x16u\x95Am,\x14\x07\xe2\xe6=\xcb\xf7L\xb4\x00Hq\xc2\xc2\xb2\x04\x16\x07\x08\x00\xea\xe3&lt;\x12\x04\xf7V\x11\x8a_\xf9\x01\xf9\xbeX\xd9\x92w9s\xdb\x9a?V\x91dg\xf8\x96\xbf\xf5A\x80\'\x90fx\xaf\xfb\xf2ff\x98L\xc3:\xc5\x83\x12\x9c\xd4\xa4\xfd,\xf3d4\xc6\xf6\xf4\xc0\x07No\xb9\xeb\xe8\xba\x9a(\xd7\xea(\xd7\x8e\xf4@\x16V\xc8\xf7\x05\x11%\xab\xdc\x177\xa0:\xca\xe5\xf5\xfb\xcfq_\xa7,\xd4^c\xc1\xa8\x08s\xf4\x03\x1a\xe2=%\xebh]\xac\xfbxU\x8a\xce@\x06\x1b\x1b\x9b\x07\xaa\x9e\xb9\xe9\x00\xdb\xa2\xc8\x83\xd2FU\xa4\xadf\tidfV\xa1hCd\x1bn\x9c\xb7!\xf13\xdb\x98\xe5\xcc\x82\x14sw\x7f\xe7\x13\x88\xfen\xe9\x0fg\xcb\x0c\xffd&gt;\x08M\x1e\xd0\x0c\xfa\xf3"\x89\xa85U\xc1\x88\xe17\x85\x99\xa8\x8a\x08\x05\x1e\xbb\xb8\xab"\xdc(\xba!_3\x9e\xbf\xf5\x08\xff\x9c\xa6\x8fQ\xcc3\xa5\xbf}\xef3\xe2\xf6\xa3S\xbdj?)\xf0C\x9a\x0b:\x0c\x1c$I\x9c\x01@\xb2\x03\x06\n\xa2X2\xb63#\x88\x88\xd6\xf7\x94\xe9\xba\x1aS\xe8\xca\n\x19)U\x089p&amp;O\x98)^\x96\x1cj\x84?m\x04\x01\xed\xfa\x92\xf0qJ\x0cN\x00\x9e*\xcc}\x1bB\xfeh\x14\xad\xf54\xe7\xcb\xa6\xc0\x1c\xa0*\xd2\x99YB\xd6@\xf4&gt;\xcd\xc5\'&amp;\xc4\x7fE\xc0f\x0cE?\xdbJ\xdc\xb8{rqM\xda,\x1cx\x1e\xa0!\xde\x93\x88v\x8f+\x10N\xf8\x90,\x0bQ\x9d\xba\x12\x80\xfbNn$\xa2\xea(\x97&lt;\x1f\\\xbbm\x11\x80\x8d}\x15\x8c\x99spY\'\xdbM\xbf\xdf\'7\x96[Rf\xcc\xb2\x07No\xe9\xcb\rg\xccK\xb6\x85Qw\xcc\x85\'0T\x143P\x10\xb5\xa9\xbf\xd2\x82\x9f\xabA2\xed\xae\xeb)e|$\x0e\xb3\xe6\xd4-\x83\xd5\xa7\xd7\r\xdb\xe2\xbaf\x90\xe9\x0e\xb9\xbb\xd3\x98\xe0\xa5xUuJ\xa1B\x08\xe4\xc8\xbf\xfe\xe0\xf3j\xce\xd3|\x80\x86A\xa7\x90\xfb\x16\xd0\x9e\x1e\xa8\xed\x04X@\x8f\xf9\x14\x10\x8cwIpH1\xbb3\xdfpz\xed\xb0\xb9\x15\x0c\xf3\x05\xd9:\xa2\x0f\xfd\xf9\x91i.\xb8\xe7\xf8\x86B\xa5Xf4\xe0\x0f4%j\x95\x88&amp;\xd9\xeb\xe5M\xcb\xadZ_\xa0*\xe2r\xd4\x82\x88\x88~\xaf\xef`3\x85H\xcf\xddrxA\x89QM\x82+\xa0a8n\x1b\xae\xed\xc9\x0e\xd5\xe3\xec\xdb*\xf1o\x19\xa9\x9cMU&lt;\xead\x8di)\xc7\xfe%\xed\x00n\xda=)n,\x0fu\x98\xa8J\x81\xca\x05\x17\xcd&amp;q\xda\xd7\xd2\x1f*.C\x16_\xa9\x9e\xf1b\x01\xe4\xec\xbbO8\t]\x06\xce\xa2I\x9ao\x15\x16\x9f`dy\xa0&lt;\xcc\xc1d\xe0\xac1\xc1\xab1\xc1\x8b\x15\xca\xc6\x19\x02G,\'\x19\xc6r\x92\xc1vz\x14\x02\xf4@-6\xc1#\x02\xa3\x15\x89\xda\x17\\\x13\xedzv\xfd\x88d\xa3\x05\xc3\xd6\x1d0\xb9\xa6;(\r]5\x8cU&amp;)n_R\x97!)B\xe6\xd0HjE\x00\xcd\xc6\xba\x08M\x89\xdeV\xda\xdc\xe2\xcf\x89\xa8-\xd5_\x9e\xd5P\x13c\x98m\xd4D\xb9^\x11\x8fB\xc2\xcc\x9a\x8dR\xe1\xf2PK\xfe\xb2 \xf3%7\xe63l\x96\x98\xfa\x14\xfaAD)\x8e\x88R\n&gt;xjN\x9a]Y!&lt;|\x91,#/\x12\x91$\x82;a(m5}I\x7f\xfb\x01\xfb0\xd9\x98\xa5\xc8\x16Mv\xc4\x17\x1e\xbd\xae8\x10\x1e\x82\xa4\x81\x88\x00\x19\xe9\xe2\xd8\xaa\xbe\x12\xdd\x03WbE\xcb\xcf\x10"\x1bx}\xb9\x8aJ\x19z\xf1\xa5\xc7o\xd84`:\xd6\xa4A\xb0q\xd0\xb1\x8f\xb9`e\x1f\xf2\xac\x858P\x15+\xbdg\t&lt;\xd6_2\xb7\xd5\xc0\xb6\xcd\xfa*\xda.\x96\xa5.\xe3\xf4\xe5\xbd\x17\xd7\xa4\xcd\x7f\xcd\xa1\xb9I\xe0\xcf*\x12\xaf:\xc7\xe5\xf1kv\xbfz\xcf\xe9\x91\xd2\xf8\xe2\xc0\xcbvM\x8e\xd7\xcc$\xc2=PE\x8f\xac&lt;\xccA\x12\\\xaf\x8cp:\xb1z\x80\x05\xec,.\xc4\xd82T\xadg7\x9d\x03\xa6(\x10\xcdI\x97=\x13\x0b\x9e\xd0d\x83ra\xe7\xc5-\xe3\x92-\xc1\x06\xe1\n\x0b\x10\xaeo\xe2\xd6\x93\xcd(\x0fu\xb0\x95\x89\xba{\xbci\xe7h\xa3v\xc4cQM\x1aL\x05\xcd\x19LFN\xc2L|\x7f\x19sl\xf6\x96\xeb\xf6\xf0\xcc\x02+b\xb7\x12Wg\xd4\xf9\x93\tNP\xbc\x9a\xd0\x98\xe05Q\x9d*\xda\xd9e\xa1\xf6\xf2\xe0\xa3\xce\xc1\xd9\x99\x19l\xe5\x1byp\xb2S\x7fD\x05\x00\x11\xe9\x97T\x8c\x9ae.\xd7\xfe%m\xb7\xed_)\xdf\xae\xe7\x9e\xa8\xd5\xdfq\xf4\xe7G\xca\x97\xbds\x1b\x17\xaa\xedo\x93b\xc8B\x7fU\x9e\x98/\x00\x80\x88\xa2e\t|\x07MI2\xeb\xa1V\x052\xf7\xf05\xfeo\xa19v\xacM*\xc22\xdd\xae&gt;9\xb3\x91\xb2\x04\x18\xd4\x01&gt;\xc5\x15\xc6\x1d\x87\xd7lS)v\xb73\xfe\x10\x08\xf4\xe5EhTB\x8b\xb0&amp;Q\x16\xa0\xf2\x99A\x12\xdb\x89\xd5&lt;\xd4}\'7I\xb6x\xd9.m+\xc7\xd1\xa9\x1e"\x92S9%E\t\xbcvI\xc4\xb2\x86,\'\xf3\x05uEmQ9\xd4\x1eV\x90\x8e\n\xd8\x18\xa05\xc5\xef\xe6\xbd+\xac\xe7X\xda$b#F\x19\xad\x9c:\xccU\x8f\xb0\xf4,&amp;^4I\x8c\xd4\xb2\xe2\x8c\xebw,\xb1\xe0WW\x10\xee\xc0Pa\xcc\xff\xb5\xfc\xf6U\x83\xcd\x83UL{O|;\x17\x96\'\x02\xa8\x8bu7\x99\xe6e\x93\x91\xaf\xed\xae\xc7\xe6e\x1d\xc7V\xf5\xa5\x99?\xd04*\xd1%\xee\xc7\xf3\xb7\x1e\xfe\xeb\x0f\xde4\xfb\x04\xb3\x83 \x8b\xe6J\xee\xc7\xfa\x02\xf9\xbeP\xe4}\x99\x85\xb2\x90y\x1a\x1c\xb5\xdev\xb6\x98v\xc5\x04\xc9\x15a\x13%\x8f\xab\x0b\x16\x0c\xc9+\x0e\xee\xc0\xf1\xf1\xa2F\xf1\xb8\x9a\x90\xe7\x03G\xc0\x038\xb1z\x80mYT\x93\xaaH\xa5\x17\x1b\xaa\x88\x98j\xc9\xb5\xfe2\xf8\x19\xdfy\xfa\xd6+\xd8eBOh[\xe2\xc7O\xb5\xe4-\xa9M\x9f\xa5j\x1ds\r\xd7 \xa0[I\xd0\xcd,\xe8\x1c\x9c\xf2\xfa\xea\xd9\xc3\xec\x15C\xd9\x9c\xe2\xf9\x8f\x9f|\x89\x7f\x16}\xa9`\xa0!\xde\xf3\xf6C\xabm|&gt;\x9b\xc2W\xb6e6j\x9df\xa3,\xebS\x98\x07\xed(z_^DM\x94kWV\x08o\x96\xf4\xb9\x07.\xf0nS\x00\xcemP\x8dD[\x86\x17/\x1dc\x1f\x82\x00\x8d\xc2K+\xb97j\xc8\xf2\xb0\xc1\xbc9O0\x97\xfa\x84s9\x92\xb5e\xdc\xe7\x1e&amp;E\x87\xe4\xc8\xf5Fq\x10\xb6\r\xd7Zv\xc6O\x00m\x06W\xa1\x80\x9a~\xaa\xc2\xd5\x045\xa56"R\xec\xfdF\x7f\xfc.O\xf19\x0b\xf2\xc8\xf3\x1cW]\xbaL\x11\xb3T\x88\xa4\x88\xb9\t\x97\xeb\x84\x0f\xb0\xdd s-\xbep\x16\xa8!\xd9\x1c\xe6\xc6\xe27\xf6U\xb0\x0fDd\x13:\xd0\xd5\x02\xb1\xf4\xfd\xc7_x\xfc*Z\x00\xb4\xb3\xd6s\xac\x10ecHx\xfc\xcc\xfa\xdd2T=\xdd^\xb0\xb0,A\xae\xca"\xa28H\xda\xd5\xc4,|\xaam\xa2\x07\x8a\xe6\x9e\x0b\xb0\xac&gt;s\xf6N\xea\x0c\x1cX\xda&gt;{\xc7\xb7\x15\x1a\xe2\xe6\xd1*\xa5\x1f\xec\xcdoL\xf0Vca|"Q*h\xc6\xb0R\xf3\xab\x0b\x8ar^\x9fL\x1cY\xd1\xb3\xb4.cuG!\x11)\xae\x01\xff\xfc\xf0\xcb\xdf|\xf1N\xebO4K)B\xb3\xb8\'\x1a\xdcy\x89\x86\xc4\x95\x82me\x1e\x14qz\xed\xb0d*}\xea\xfa}W\xea\x8f\xd7\xd0U\xb5 \xdeb.\xe6@\xb4\xff\xa9\xeb\xf7\xb1\x0f\xb1\xb3\x7f.m\xe8|\xc46\xbf\xeb\x8d\t^\x81\xe6t\x9c\xfe\x14s\x8a\xed\x0b\xea\x98f\xa7\xa4\xf7\x8b\x97\x81\xa8\xd0\x91\x1ehC\xe3\xe5\n\xfa\xf1\x0e\x9a\x85\xcas@a\xd1\xe3?v\xa4+\xafh\xdc\x89\xb6&gt;\x10\'\xcaj\xce\xa1\xc2\xa6*\x14\xb5\xe4\xac\x0c\x1a\x98\xac\xc9\xc8\xf7\x956\xa6\x9e=\x1c^\xd1m\xc1\xaf\x14CF\xc7V\xf5Y|\x19]\xfa\xb4\xfe\xad7~OL\x0f\xc0\xb8\x00b\xee\x19b\xb3\xf1b_\xadJ\xd1j\x9a\xc0\xbc\xd0\x86\xe8c"\x92\xeb\xea\xe4\xfb\xda\xfe&gt;Z\xd6*\xb58Py\x9a\x101T\x14\x13k\xf8\xac\xf6\xa6\x1fY\xd1\x9d&gt;\xff\xeb\xe5\xe7\x10)\x8eZTE9lH\x02\xea\xd1\x0c9\x8a\x8d*W\xb6\xe4\x99{p\x93\x99\xea,\x8f\xb9k\xdb;\xf7\xde\x95&lt;\x87\xa9\xd19\xf9\x8e\xc3k\xc4\xff\xda\xaa\x8d\x84\xb8\x8c\xccS\x82\xf0\xa7`\xa8\x89r%\xfa\xef\x95\xbe\n#\xf8\x1a&gt;\xb4\xcb&lt;GE] \xfd\x983\x1ecgF\x90\xc9*\xa1+\x8eh\xe0\xcf\xdf\xff\x9c\xa4\xd1\x82\x06\xfe\xf4\xbd7f\xe9J\xd2\x9cq\xd7\xd1us\xa9\tl\xc1\xb9\x8a\xcd/v\xdb?\x87\xf9\x95T\xf5\xaap\x8d\x0c_\xb0\xacg\x9f\x1c\xf1\xeaU2\xf3\xad\x8f\xa3\x05\xf8?\xadK:\xdd^\xa8\xf6\x15\x11\xd1\x9f\xbf\x07\xe0\x8f\xdf{\x9d;\x86\xb1\x80\x07pxyW[j\xc0lw\x0b\xb1\x0c\x1a\x96]$\x90k&lt;\'\xcfA\xa0Y?bu\xeccM*^\x11\xb7\xed_\xb9\xb6\xab\xc4\xb6\xc7\xd4\x83\xf7^\xbe[\xb2\xc5n\xde\xf3\x05\x93\xecU\xafp\x96V.5\xf9X\t\xaciUh\xc3\xda\x0e\xb1\x9cP4\xdc\xe6\xb2\x99\x8f\x1a4z\x99(\xe2*T\xfc\xd1\x84\x1a\xd5\x8f\x88\xaa"\x9d\x15\xefMWf\xb0\xfcuW\\,\xf5\x0b\x93\xa5:+\xb7#\x9e3\\u}&lt;,\xd3\x106\x0b\xb1\xb3}\x02%(v\x9f&amp;\xa2\xd9\xe0\xfa\xe4z\xe3\xe1\xf3\xdb%\x1b\x1f\xbd\xb8\xcb\\\xa5\x9a\x08\xe36vb\xb4DQ\xban\x96JX$\xd0/\xc1\xab\x889V]\xbd"\xe8\xc9\xf9d2\xfb\xcd\x00\x9b\xf8\xe4C\xee\xf8t\x7f \xe0\x06\xa4\xbb\xa0&amp;\xda\x95\xbd\xc6\xe6j\xbd\xcd}7\x9f\xaaH\xe7\x1bv.e\x9f%\xf2\x9c\xe3\xfa\x1a\xa6gy\xccXs{\x17\xb5\xca\xbfU\xb4\x8a\xe62\xa0\x13lx\n\xa2\xc9\x1f\x03\x1bh6\x88\x98\x83\xd5\xc5\\\xac\xeb.\xb5\xf2\x08\xdbG\x148\x0b\xf2u\xc5\tpU\x9a\x1a\xf4\xa7D\x98\xb4\x1f\x93I\x1f(\x88*\x95\xd9\x98\x8am\xb4-\x93\x93\x9c\x0fF\xb4\xb9\x90\x0b\xc8_u\xd0`\xa9]\xad`F\x8bvc\xaf\xb7\x9f\xba\xd9\xb6\x13\x8d\xb9\xb8\xfd\xe0t[\xea\xe5\xdc\xb5\xa2\xa1\xb6w\x91\x19][\xe5E\xbf\r\xf1^W\xaa\xe7\x895\xf0\xb5\xf4\x87rC\xafw\x1e\x98E\xf2\x87\xb8\xae\xbb\x94\xf7O6\t\x9b\x17\'\x8eU&amp;\xbf\xfb\xfc\x1d\x92\x8d%A\x18\x95E\xde\x88Ht|\xbf\xf7\xfa\x83\x8a\xc9\xde\xfe\xfcH\xa2\xbf)\x9e+\xdd\xd6\x01\xd4\xbb\x8e\xae\x9b\x0f\xcfT\x8e\xfa+Q\xc3\xb1g\xa2y6\x0e\xfb\xc4\xb5{f\xe3\xb0s\r\xed\xc59\x0chO\x0b\x1c(\x88\x1a*\x8a\xf1U\xdf\xcdJ\xdfS\x03\xc3\xc5\xb1\x12Z\xea\'\xa60\xe3J\x15\x13^:\xb0\xea\n\x9d\xd94$Z\xdf\x1ay)m\xe87\xad\x13\xec\x14\xe4\xd8\xe2T\x92\x10\x05~hIVxng\xd6/\x90l\xa9\x8dQ(-P\xf3iZSmfd\xf1\xb3\xce\x19\xb7\xd5y\xde\xf7\xf6\xa2\x7f\xfe\xe4J_\xc2\xfc\x03\xeb\xbd\xa5\xd3H\x08\x06\xdc\x815]\xc5\xb3yEz\xc1\xdb\xca\x7f\x02`\xee\xc8\xd1\xa8W\x92\x0f\xf7\x05%q\xac%N\xba\x0b^\xbe\xe3\x84eg\x9cc\x88q(g`c_\x85\x95%Z}y\x11:\xa3\xef\x8b\xaaS9\xaf\xec\xd1\x8b;\x15\xddJo\x95\xf2\xa8\xd1\xf2D\xf9F^Q(\xf1\xb8\xe4\x93\xfd\xdc\xb7\x17\xf7\x9d\xe3\xf3\xc9pe\x8b\xb9\xed\xe7\xa4\xf4\xefj\x82\x9c\xc6\xa3\x1d\xf9\t\x01\xbe\xf7\xfa\x83-)\x96[\xb1\x1e\xb0D\x18+\xdd\x15%AHwEGF\x10lQ\xac\x18\x0b@\xa91\xfdU\x01\xb9\xf7\xa6\x98\x82YT\x93\xf6\xfcmGl\x18\xc2T\xec\xdc9\x1b\xb8\xeb\xe8:+\x8f`Y$d\xbc2yI]\x06tG\x17\xa3\x81"\xcd\xfaV\xeb\x032\xfagL\xc9H\x16\xdfm\xfa\xe7O-\xbe\x00.gd.$\xc5G\xf3\x84\xdf\xb5\xaa\xad\xe0J_\xc2\x9c#\x0e\xf8\xe0\x8d\x87\x14\xbfr\x01\xd2\\\xe0\x0e\x94\x06\xdb\x05\x03\xce@m\x8c[\x18\xf0\x93/&gt;Q\x1a\x0c"\xfa\xc9\x17\x9f\x10\xf7?\xb4\xbc\xeb\xa7_~\xca\x9ar\xc4\x10@\x12\xdbQDE\x98\xa3\x18\xb5\x0f\x07\x96\xd4e\xa8\xcd\xfb\x16\xd0\xd8\n\xfc0Pp\x15T\xf6\x89\xa3\xda\xac\x126\x7f`\xf3@\x95\xc4{\xfb$\xe5\xb3ZS\xfc4\x0c\x91\xbe\xbc\x88l\xa5\xd7E1?,G\xb6\'ZS\xfdg5\r\xc6\x1f\xe6\x9f?x\xc3&amp;\x07\x94g\xf3\xf9\x9c+o^\xc4\xa0\xb8\xd9\x82\x0c\xb5"\x91@\xec\xd2\xfa)\xae0zr\xc2\xd8\xe0\x97t\xad\x92\xe0\xe4\x9aA"\xba\xfd\xe0\xb4\xdc5\xa5_\x7f\x036\x12\xcc\xf9\xf0\xcbO\xc97\xae\xef-c\x1f\xe2\x81\x92 \x85f\xbc\xfd\xf9\x91\xcf\xdct\xf0\xa6\xdd\x93\xdaf\xfb\xfb\xaf=\xa0\xf6\xbas\xc4[\xca\xa5\x99\'\xd4`\xc9\xc0\x92sp\xb7/\xa8\xab\x8at~\xf6\xe6\x83Y\x06\xea\x88=0\\\x1c;o\x0b^\xb6\x0e\xd5@\x10@\xd5\xb8L\xc5:\xd59S\xa8v\x00^\xbb\xf7\xac\xad\x8e6\xdb\xdde\x977f\xb3\x0f\x96Y:Q\x80\xc7\xa72\x8e\xffw\xf0\xe1\x97\x9fRd\xad18\x02D\x14k\x8b\x13\xc9\xcb\x8e\x8a\x02\xb0ca\x03\x0c\xa6D\x02\x94sn\x1b\xfa\xca\xf7.j\x95\\\xe1\xac\xe6\xbcb\xad\xf8m\xab\x15\x812=\xd0\xb0\xaf\xf4\x0cx\xcfY\xab]\xb2\x18\xbc\x82O#\xae\xf2\xe1\x97\x9f\x92Tr\x84\x9a\x19^\xb0\xc6.\xcd\xf5\xc2\x0b\xb7\x1d\xb1\xe2\x00F\x8a&amp;+[\xf3M\xee\xaf3y\xa3\xd11T\x8eb\xe1\xf6\x8eV$\xce}*\xe2S\xcc;hL\xfd"\xc4\xceG\x96\xa1+3D^\xcb\xea\x03\x10\x91\xad\x8aru64\xd6\x8fXsv\x9e\xb3\xbc\x82F\xc1\xb3\x03\xe0`N\xc9\xdb\\V\xf37&amp;X\x95I\xb0\xc9;b\r=\xfd\x9e\xe3\x1blq\t6\x865I\xfe\xc6\x04oX\xa4\xb0\xa2\x98\x03\xd7\xc6\xec\x15d}\xffs\x0f\xdb\xe48\x9f\xd8\xaa\xb8\x10`\xff\xd2v\xc5\x8a\xad\xb7\x9f\xbcY\xe7\x02@D\xf4\xdboZs\x19\x9f\xbd\xfbT_^\x84\xdc\xe4H\xb4\xbb\xdc\x88\xce\xcaP\xb5\x05\xc1}\xf9\x9c\xc4\xb7\x8c\x94\xc6\xb3z\x1fk`=\x87\xd5C\x88\xb4vf\x06\xf7\xe4\x84ug\x85\xaa\t\xbc\x1c^\xd1\xfd\xde\xcbw\x9f\x98\xee\xb7\xfa\xb4\x9fL\x88\xfd\x15\xd4\xa4\x12?\x85m\xd1\x95\x19|z\xed\xb0\x95\xa9`I5\x1c\xff\xef\x9a\xce\xa2/?q\xa35Gfh\xd6,\x0c\xba\nr\x86j\xe8\xcc\x08\x9e\xa8J\x19\xafL&amp;"\xb9\xb7H\x06TG\xb9\x98\xd4\x86$\xa2\x9f~\xe9\xc9\xd9\xbaP \xcfg\x8eB\xed\xfcq\xee\x99h\x1e\xabHR\xb3LVw\x14\xcd7\x1f9JG\xd4\xdb\xde|c\xd9Q\xf7+~\x95\xb2\xa7&gt;\x05\xabU\xce\x98\xe5R\x01m\x17\xcf\xa4\xb2\xafF\nO\xcd4\xd4\xa9\x98d%F\xcb\x13\xaf\xd6\xd2\xe6d\x07\x14\xfac\xb00\xfa\xd8\xaa&gt;\xb9\x13@\x02\xd4\x18&gt;\xae\xc6;\xcf\xe2\xb5\xda\x1a\x1a&lt;\xbdP \xdc\x149:\xc5\x11Dd2_g}\x14\xe5\x8a\xb4\'\xbe\xf3\xc8Z\xd1\xa53\xf7\xc9\xce\xb1\xbf\xcc\x82\x84Y\x1e\xf3K^\xd8\xdc\x077?K\x1a\xbb\xb2Bl[E\xccX@\x99\xe6\x13\xef5\xfa\x16\xf8\xaal\xff\x94od\x02\x15a\x8e\xc9\x0e\xf8\xed{/\x1f\x9f\xee\x97\xb0\t\xc9\x18_}\xe6V\'\xa0??2V\xd8gqM\x1a\x9b\x1a.n\x19\xe7{\xce\xe5\xf5\x9b\x0bn)LT\xa5|\xfe\xe1k\xac&lt;\x1a\x11\xdd\xb2o\xca\xca\x83X\x03\x9d\xedd\xfb\xf3U\xc3\xfej\xe4\xad9`\xf6G\x03i.f\xc8\x05\xea\x87\xfe\xd8\x8dv\xbb\xd3+\x08\x89\xd4\xcc\x1c\x88\xeb\x8a\x1a0\x8b\x0cAW9\xe6\x9dD\x14\xd0\x91\x11$\x16\xf7-\xaeI#\xfa\x98\xff\xf7\xc5K\xc7\xe6\xa34\xf1|\x80+\xb0\xa4.\x1d\x00\xfd\xfbgDTe\\\xfcE2\xfc\xe6\x1b/I\x8e0\xf3\xc5\xaf\xdf\x15w\x9b\xbb?\xc0|&lt;pz\x0b3Nmbm9i\xce\xad\xff\x97\xb1o\xb1\x82\x8e\x9e"\xac\xd1+V\x84\xce\xa8\x9c\xad\x98\xaf\x8aU\x05W\x0b|\x80\x1c\xa5\x8a\xb2\xb9\xf1Ef[)\xf2\xfa\x1dK\x00$\xda\xd4+\x14\xaf\xf97\xdf|\xd9\x96\x87\x9eW\xf0WZ\x00\xe4\x14L\xf9&gt;\xb6]\x00xo2=\xc8\xf5\x96\xf2\x17\xc5\xb9\xc0[\xd8\xcdz\xf0\x11R|\xa5\x1b\x9a\xea1\xd5m"\xec^\x1fk\xfb\xa9\xee\xc13[{m-\x8c\xac\xbf\xcb\xa0\x1a\xef\xc8\xb2\xe9\xcf\xe4ke\xa6\xc2\xf4\\\xc0\xde\xeaR\x89\x81\x82(\xc5\xf0P\x96;z\xb2g\xbe\xe1\xb55b3\xc8\xa2@|\xf5\x99[u\x9eE\xdbMS\x9bsl.\x08\x08\xe3\xb0\x9e\xe4\xbc\xf3\xd07\xb2\n\xff\xf3\xdd\xd7L\xce\xec[\x86j$\xfb\xfc\xe5\xfbo\xaa\x1dp6\x9c}\x11\x15aF\x99\x18\xfd\xe4Q9U\xee\xf0\xf2\xee%u\x19\x9d\x193\xa1l\xdb\xaa\xd7\xda\xb6\xd5\xccl\x88\xf9\xc4\x18\x02\xb5b\x18\xe2\xaa(\x90\x06P\x14`m\xdee\xa9\xc0\x05R\x84\xa2\xc4\xff&lt;\x81\xf8&gt;\xb8\x9b\xaf\xdfn.\x06d\x1e\xb0\x9b\xa1\xef\xae\x05dP\x08\x1ce\x9d9\x829\xd6-\x17\xc7\x00\x11}\xfd\xf9\xdb\xe7\xf2\xecs\r\x93v\xbd\x1d\x90\xe3ez\xb79@\xb0\x8c\xc3\xf0\xa5\xc7o`\x1f\x1c\x80\xbd\x13Z\x12.\x92W\xb8\xc0\xcfH!Y,\r\x96[\xd2\x0e\xd6\x91\xc7\xe7\x0cAf\n~1E\xe2\x91\xd2x&gt;\xd7\x11\x91\xb9\xb3I\xc4\x9cxH\x12\x83_\xdb\xea\xd3I$\x93_u\xfe\x95\x12k\xb5\x1a\x8c\xbe\xd1a\xb0f\xf4&lt;\xc4@\xa09\xc9W\xdc\xe2\x04$\xd9\xe3\x96\xbd+l~y\x1co&lt;p\xde\x02\x13C\xcf\x9c\xe3k\xfea\x19\xb4_\xde3\xeb\x16\xcc\x13\t\x80\xd9\x02\x9f\xd6\x15\xc5l\xe5\xbb\xcd\x9f\x04\xc0\x9e\x89\x16\xb6\x1c\xb8\x00\x95\xe1\n\x06\x9b\'0R\x1a\xdf\x9a\xe2\x0f@\x1e\x85`f\x94\x1d\xb0\xa9\xbf\x92\xa5\xe3\x98\xeb\'\x7f!2\xdcph\xf2*\x93#-\x0b5\x1d$)\n\x80\xb7q\xa3\xab\x97n?n\xf3&amp;\xe6&amp;\xa9 6\xe7\x956\'\xf9|b+z\x04\xf0\xd8VU\x84sy\xa8\xbd\x93q4U2N\x15c8\x8acy\x96\x94\xf4\x01\xfc\xf8\x0b\x8f\xd3\xc7\x1f\x9a\xf5\x13\xd6\xe8X\xf1:}\xad\xbe\x1e\xb5\xc8\xd8\xf9M\xa3\xe2\x7f]\xe7_\xd9\xbc-Q\x12\xa4\x8b\xdc\xf9\xf4\x8d\x07\xd8nWQ\x0f\xb9\xb5]%\xcdI&gt;_\x7f\xee\x92\xc9=M\xca.\xce\xd2\xb2\xb7X\x9d\x89\xa1\x1f\t\xb2\xb6h9^3\xc91\xe5\xfd\xedT\xfb\x80\x9fY\xb7\xe0\x8aG&gt;"u\xb4&gt;\xd6&amp;\xe6\xeao\x9f\xa5\x1d\xa9\x9bW|S\x86\x8et\x85\xe1\xf7\xbd\xd7\x1f\x94t\x1dp\x05\x88\xa8Mh9`2$iA10\x80 \xe3\xa2t\x0bx\x9f\x16C\xed\x1d\xb6\xc9%H\xd4\xc2\xb6\x0cU\xdb\xe2\xa8\xf3\x03D\x1f\xcb\x03\x1alrW\x13{\xf02\xec\xf0\xccM\x07g\xf9\xea\xe6\x08i.\xe8\xce\xd2\n#K\xcaeL\x86\x8c\xadA}\x9c\xb5\x19\x03\xd1\x88\xf6\x03\xca\xc3\x1c\x88H\x9e]\xe73\x9a\xda\x149\x1f\xd8.\xb3A\xeb\xb6lv\xbbZ\xd0\x9f\x1f\xb9\xc8\x98g\x95\xe5\x81c+{M\xfe\xd0z\xae\xc4Du*\xeb5\xd4\x96\x1a\x90\xe5a\xfa\xd9\x1d\\\xd6a\xcd\xe9\xe62\xfc\xf0\x89m\x1e@DD\xff\x96dS\r\xdb\xe9\xe0\xb2\x0eI\x13;\xb6\xfd\xd9\x9b\x0f\x85\xcfmK\x87\x10cF\x81\x95\x88\x00\xbc\r\xa1\xfc|_\xad?\xa4.\xd6#\xc5\t\xad)~\xcf\xdct\x80o\x9cUy\xdb\x8a0G\x8b\x8d\xcd\x02\xa5\xb0\xf5`A\x14\xfd\xf3\xa7\xd3\xed\xa6\xd5\xcf\xc3m\xd1\x86\xf7\xeaEM\xb4\xeb\x1c\xf5\xd0\xb2\x11R\x9dU\xdd\xa3\xa9\x96&lt;\xf1\xbfs\xd6\x05\x88I28i\xeaS\xcd+\xe8\xe1\x8c\xa69\xcf\x97\x1e\x06\xb6\xc7\xf1U}D$\'\xc7\xe5xaAI\x1c\x9b\xee\xff\xf0\x9dW\xd9\x87\xf6\xf4\xc0x\xddF\xd9|\x8e\x94}\xfe\xe1kN\xaf\x1d:\xb0\xb4\x03\x80\xa7\xbe\xda\xddX\xe1\xf3\xc2\xb2\x04\xfd\xe1\x1a1\x05\xd7v\x85\xd4f\x8a\x03\xb1{\xaciu\x87\xb4\xbd\xa2b\xc0\x9d\r\t\x0b\x98\x16\x16\'\x0c\xc4L\xa3\xb66\x80\x1c"\xd3\xac#]W\x02\xdaE\xa5_\xa3\x06\xe6g\xc9\xae\xbb\x8a\x98y\x14\xf0\xc0\xe9-s~9s\r\xeb\xa9YW\xb4\xd9\xf9\xfc\xc3\xba\xee\xd2\xca\xf0\xf9\xb5p\xff\xebgo\xdb\xf0hc\x95\xc9\xe2\x7f\x93\xecU\xf9&lt;\r\xf1R\xaf@\xfc\xff\x8e\x91\xfago&gt;d}\x84D\x9bgi\x81\xc73\x9f\xc5\xcc4\x06\x9bH(`jK\x03\x05Q\xf3\xc1\xe6\xe2)\xae\xc8y\xd3\x01B\x84\xce:\x03_+~\x0bC\xeau.\xa1!\x14\xca\xd6{fHU\x983Yi\xd8\xa3\xbf{\xef3Dtle\x1fL=e\x93\xe9\xa8\xab\x06\xceJF\xd0\xd2\xfa\xccIC\xe3\x089l.\xadl\x12\x0e\xc0\xe2\xdats\x7feV\xf1\x01\x11\x15\xf8\xa1\xd80\xce\xd5\x0cH6\x04\xc4&lt;AQ 6\x0fZ\x98\x0b\x9a%\x9e\xa47 y|\x0b\xcb\x12\xf4&lt;\xb4\xd9\x8b\x89\xebq\xad\xe8\xe3\x0f5x\x07\x1b\xfb-iCh\xae\x1ba\x12Q\xf3\xa6\x91\xa1\x05`\x9e\xae\x04b\xb0P\xbb4L\xcfR\xe1+\xdb\xa2\x18\x8d\x94`\xce\xba\xf7h@Bh\\\xd3i\xa4%\xb7\xb0,\x81\x07E\x9b\x92|\xbe\xfd\xca\xbd\xf3\xd9\xc62\x03\xb7\xec\x9b\x92\x18\xb0\xf3!\xe37\xf7p\x02\xa6\xdb\x0bW\xb6\xe6\x99\xdeU\xd6\xb5c\x89\xf9\x8b\x93I\xf4\xe6\x86[\x93`\x90\x0c:\xfd\x04\x18\xdb\xe2\x0b\x8f\\\xa7s\xcfw\x9f\xbf\x9d\x8d=\xb5\x19\xdb\x17 \xfa\x1fs/\x80\xfe\xfe#\x93\xfb\xb03\xea\x0f\x02\x10Q\x96\xc7L\xb5\xc4U\x07o}1\xbd\xb5\xdd\xd2\x06Mr\xa89\xa6\xcb\x1a\x8c\x98\x11s\xa3\xcai=\xc4\x05@\xdb\xda\x98\xed\xb2\xd6+\x8c\x86x/F\x03\x88\x02\xd2]\x11\x0e8\x00\xcb\x1a2uN\x8es\x99\x10\xb6\x18j\xa3\x9dq\xc8\xc2\x8c#?\xf9\xbe\xa0\x7f\xfcX\xe3hL[\xc6\xb6i\xc3B\x7f]\x9c}5\x88e\xeb^\xc0\xe9u\xc3\xd6_\xd2\xecaeK\x1e\x1bx\x1e\xb2\xfe\x8eq\x82\xc5MD\xef&lt;\xadWB\xe0S(B\x9e\xec\xe1\x02\xfa:\xe5\x05?\xa90\xab\xa4\xe9\xfa\x1dK\xe7\xe0\x92f\x11r\xf3\x85\xc7\xbc\xa2\xf5\xb5h\x9f\x1b\xc4\xaa\x7fU\x14\x80\xa2\x00$\xd9[\xd2\xcb\xf7\xa8\x0e2\x9c\x08\x93^lm\xb4\x9b\xabn\x8aE\xaa\x93\x16\x1f_\'4\xe2\xb1.\x06\xeb,\x0c8\xb9fP\xf2\xedl\xb5_\xb2\x02\xe2\xd8{\xeb\x91\xeb~\xff\xedW$\xdf&gt;r~\x87\x9bn\xd5\xf1\xff\x83\x12}\x12\x01Q\r\xe4\xfb\xa16Z5\xa7dRLI\x9e\x12\xd3\x83Nu1\xe7y\x05\xfa\xdd\xb7\x88h\x95\xe0\xdf_\x1d\x12(\x16@;\xda\xeb\t\xe4\x1a\xf8@\x19n\xb3\xdbb\x97C\xbf\x8a$\xc7hy\xe2\xbd\'7\x9a\xf5\x13\x93\xefoK\xb2o\xa6\xf9\x11\x93\xb1\x8a$\x8bS#I\x0e\x97#\xa7I\xea\xfe9\xfbF\x9e6`OG\xb1\x06\xca\x15XZ\x971\xff\x85\xd1\xe9\x9f?\x11\xd7\x80\x87\xcfm\xe7_\x8dV$}\xfd\xb9\xdb\x87\x8a\xae\xca\\\xa9\x00\x00 \x00IDATb\xf4[gs\x80X\xc3\x07\x93\xbd\x92\xe6\x06\xed\xa6XO5\xd1\xae|\xdeW\x0b\xca\xdb$\xf6[\x15a{\xa2\xe9\x15/B\xe4hJ\xf4a\x81\x10+\x9b\x98^yp\x1b@\xf1\xef\x98n/\xd8\xbbHABG\x913\x17\x03$\xdaN\xed\xd0\\/\xf4s\x0f^\xb0\xf8\\I\xf6\xaau\x83\xd0\x91\x11\xb5I\x821\x06X\xdfS\xa6\xb1\x83h\xcf\x8a\xc6\xfb\x8d\xbb\x965\xc4{\x06\x1ar\xf2\xa1J\x0c\xc5\xee\xac\x10=\xd9W\xc5!+\t\xc5\x00\xa0\xdf\xbe\xa7\xe3`z!.\xb2$\xc1\x7f\x7f\xc1\xb67\xc4{\xfe\xea\xdd\x17\x88\xfe\xb1\x7fI\xfb\xbcZ\x00D\xcc\xff\xf5\x15@,\xb0\xb6k&amp;\xac?Q\x95\xc2\xb7\xcb\xeb~\xac\xc1\'5}(\x0e"Iu\xfd\'\r\xf6\x80\xb7\xac\xcd&amp;\x07\xfd\xf9\x83\x96d_\x89[T\x1f\xe7\xf1\xcd\x17\xef\xbcy\xcf,jEi \xc7\x0b\x9f\xb9\xf3\xa4\xc5?\xb7\x95\xb8\xe3\xa6\xfeJ=s\xd3\xcd{\x96K\xb7\xec]Q\x12d\xd4\x84\x96\x97\x0b\xc8\xe7eI\xe4JlH\xa0\x98\x91\xbbi\xf7\xa4\xc5ksa\x80\xd1\xcd\xf1\x02v\x8e6Xx,S0\x9a\xfde\xe9\x96\xda\x18\xb7?\xbe\xff\xda\xbc]\x00\x967ewe]\x91\xd6m6\x00W\xbd\x9dm\xccYz!\xcdx\xd8\xc4*\xedc\x8d\xbdZ\x16bw\x95\x1b\xff\x00dL\x00F8iK\x0b0\x19OO\xb0T\xebu\xf6`q\xe5\xfa\xba\x9eR\x9b\xa8\xee\x88\xd0\x10\x87P\xbc\xb5\xf4\x9f\x8f\xb2U\xc2R,|\xcf\xb35\x01\xc6\xdc\xe4x!;\xaa\x11\xf5\x1e\xafL\xfe\xcb\xf7\xdf\x14\xd7l?\xa0UP\x83\x99n/\xa8\x0cw\x8a4\xec\xac~\xa4Y\x848\xff\xff\xe4\x8bOH\xbe\x8d\x05\xce\xae\x1f1|\xffK\xb3\x8e\\\x11\xeehs\x19;\xb9ut\xd5\x11\x82\xdclGf\x9d\xcb\x12\xaa\x97n?n\xfdA\xaa#]N\xaf\x1db\x9f\xb7/\xa8\xd3\xd8\xf3\x0b\x8f*p\xd8ZS\xfc\x88\xe8\xdd\xe7\xef`\xffM\x98\x87\xad\x1e\xf4\x80k\xfby\x007\xecZF\xbf\xf9f\xb2\x03\x06\x0b\x8d8\x02\x87&amp;\xbbv\x8f7\xcd\xcd\xf5\\\x91J\xbcPu-\x07\xde\xd1\xc2&amp;(\x0b\xb5W\x0b\x17]\xb7}\xf1\xbd\'6\xee\x1ak\xd4&gt;\x82\xb9i\t\xd19\x98l\xcc\x16\r\xd4(\xe3\x9ad"\xaa\x8atnJ\xf4\x8e5%\x9d={\xd84P\xc9\x17\x00\xb5\x08u]\xac;\xd1\xefX\x07\xf3+\x0b\x9b\xf7\xb1\x99\x03\xc8WA\xa2?ZyL?\xc1\x94V\xf4$\xb6-\xa8\xb5\xf2\x14\xb3\x81o\xbcp\x07\xff\xfc\xd85\xbb\xc5\xaf\xe2\x80\x96d_\xb1\xd5\xb9\xe2\x11\x8eN\xf5\xceC&amp;\x85y\xe0\x7f[\x18p\xd3\xeeI\xc5}\xd2\\\xd04\x9bZ7\x0c\xf9\xbe\x18)\x9b\xed\xde\x15s\n\xb3\xfe\x98\xd6T\xff\xa6D\xef\x96d_\xa8\x0b\x19Z\x80\x12\x15\xdaEs\x92\x8f\xcd)\xa16\xf1\xee\xf9\x02\xa0\x96T%\xa2\xe7o=b\x8bS}\x8a\x19\x10\xd1\xac\x8aY\xcd\x7f\xdcs|\x83Z\x92,\xc9af\x92\x14\x1b&amp;\x7frP\x17{\xd9\xa4\xcc\xd1\x17\xd3\x92T?i\xa0(\xc0(]\x1c\x07X\x16h\x14\xfb\xba\xa9\xc5\xea\xa3\x81\x96\x94\xab\xb6a\x07\xd0\x9d\x15\x02 \xcd\xc5\x06:\xe6r\x84\x01~@\xaa30;*\x86=\xd9\xa1v2b\x92e\xcc9\xfa\xfd\xb7\xf8\x1a\xf0\x8d\x17\xef\x14-\xd6\xde\x9c0"\xd2C\x9c\r\x02\x06\xf2#u\xbe\xcf\xd6Wr\xda$"\xa1\x86BK\xaf/\xcdT@j\xebpMw\xf6\xcc\xbc\xb7y\xb0\xca\xc2\xd3|\n\x01\xf305e\t\x14k\xf6\xa6Z\xf2Vw\x14\xbe\xfd\xe4M\x13U)\xb9\xde\xb08\xdb\xc5T\x88%\xda\x84\xda\xd0\x13\xdc\xdf\xd0[\xfe\xfd7\x1e6\xebJ$\x91n\x93&lt;\xbeUm\xf9\xe6\x92Mm\x0bk:2\x16\xfa\xcf\xb8\xffjB.D\x94\xe7\xa3\xab8\xc0\xcd\xd6--%\x88\x04~\xfb\xcd\x97\xd9\x1a\xf0\xb5\xe7.\xf1\xf5\xe0\xf0\x8ank\x0e\x9b\xe9\xae&lt;\x99\xf6\xe5Eh0\xe2\xf5\xe0\x91\xf3;\x16\xd9:\x87\x04\xe3\x8c\xceUl\xda\xcc\x1b0f\xeal\xe4i\x98\xff\x94\xe5\x81[\xf6M\xcd\xc2\xe1\xe7\x1ck\xbbK\xee:\xb2V\xb2\x91\x88\x1e&lt;\xbb\xed\x99\x9b\x0en\x1e\xa8*\x0fs(\r\xd6*\xce\xb2\x061\x82\xc9\xef\xaf\xd9\xd6\xd9\xd7\xf8\xbf[\x86\xaa-\x98\x98\xec\x80\xaf&lt;u\xf3\xfd\xa76_q!\xc0q\x81\x96\'\x87\x05\xd5\xc0\xb1@\xba\x8b\xd1R\x1d\x07\xa8\xa5\x9a\xdb\xd2\x02\x92\xecui\xe1\xce%\xec\xcco6\xa7\xb6\x86\xb5\xa5\xfa\xfb*m/\x0fu\x98\x83\xa6\x95\xda\xb0y\xd73\x9dXZ\x9f!\xdf\xf8\xda}gM\xfe\xf0\xf8t\xff,\\\xce\xac V\xb6\xa5&gt;\xceB\x99\x02\xb5\xc2\xd8\tC\xbb\x85\xab/\x08!\xf7\x92\x9du4@O\xb0\xc3Hi\xbc6\xad\xc2\\sU\x14&lt;\xc8\xf5\x9e\xd3~\x0b\xf5q\x9eA\xb3\xdc\x15\xe4K\x8f\xdf\xb8\xa6\xb38\xd3\xdd\xc2b\x165\x91\xacUJ\xe1\xb8\xd7\xef?\xc7K\x13\xc4\x9c\xb1\xb9\xa5JNs\xa8\x1a?\x07h\x88\xf7\x9a{\xde\x9e\xce0\x14G\xb4\xa5aR[A\xa7\t%\x91\xe7T,\xf1\x9d?\xf1\x10[\xd9v\xad)~sF\x87\xb92\xa8\x08w\x14m@\x8d\xb7w\xf7\x98\xd6\x8dXT\x9d\xaa\xb8\x14&amp;\xa9\x1b\x98\xdb\x16\xd4Z\xa0\xf4\xc9\xf22z\xb2\xa6n\xea\xe2Ms\xf9\xa6\xe6\t\x99\xa4\xe6$\x1f\x0b\x92o\x9c\xd1_\x1f\xe7\xc9HA\xf2p\x1c/L\xe5z\xa5\x1aJ\xb9\x92\xc1|\xb5\x0b\xc1\xc8\t\xb8\xcc\x89\xdc2X\xbd\xaa5_\x9c\xdf\x9c\x95\x88\xb3\x1b\xfa\xcaM\x9e\xc2&amp;nR\x86-j\x87\xb9\x9dds\x92\xab\x06\xd8+;\xf7j\xd8\xdc\x0c\xb2\x890\x83\xc6B\xeb\x0f\x94\x06\xdbUGJc\x0f\r\xf1\x97gD\x8bs3\xf3\x17\xfe\xb8,\x83\xcc`\xc3\x96[\x00\x8a\x02A\xea*\x8f\x00z\xb2\xf5\xd4\xab\xce\n\xb4\r\xf3\xd9(\xf3_\\\x9b~\xfb\xa1\xd5\xf2\xed\xda\xf1\xe8\xf6\xb4\x80#S=\xfc\xbf&amp;\xed5\x0b\xe6\x05E\xffO\x8fY\xaa\x11\xac\x9b%(\x9eO\x1e\x02Zh(X)\x0b\xb1\x17\xef\x98\xe2\xea\xdb\x10\xef\xc9+\xddv\x8e\x9a`\xe5^q\xd8\xd6E\x0b\xd5\xa7\xd7\xcd0T4\x1f\xc4\x9b\xcd\x80\xa4vw\xa1&amp;\xe7\xd0\x0bHuVx\xed\xc5\xf7\xc7\xd76\xd75opj\xedP\x86\xab\x91M\x94h\']\x12\xf4#\xd7\x1b\x87&amp;\xbb\xb4\xf7\xe1\xa6\xab\xf5\xddGMB\xf1y\xcf\x92\xbaH\x80\xfa\xcb\xc1\x1c\xacs\x1b\x17\x9a&lt;\x88\x9a\x85\xb5u\xa8F\xed\'A@4\x10n\x8e(\x98"j\xacK\x8a\xceY\x8b\xdd\x18 \x02\xf07\x8e\xb4\x9c\x90\x85\xa7\xc58\x98(\xd9\xad\xd6\xa3\xfc\xfc\xa6\xd1G.\xec\xd0O\xc6\x8d\x07J\xadS9\xb38\xec\xb3\xae\xbbTQ\xfd\xc92X\x96\xca\xbe\xe2\xc93\x0bP\x16bg\xb2\x07\x9cb\x0f\xcb\xf3\x9bFg\xe5\x82\xe6\x03$\x82\x91\xcc\x03\xe27)\xd1\xde\x84\xbc\xa2\xfcv\xaa9\x10\xbcQ_\xab!g\xe2\xad\xdb\xa0\xd06y4bV\xf2\xf8\x92\xe2\xa2\xa3a\xec\x8fV$\xe9Ilh\xe7rE$9(\x08\xc8p\xb3\x94/\x8af\xa9\x9c\x06\x7f\x82\x95\x0b\x95P\x1e*u)\x15\xeb\x1b\xb8B\x1f\x11\xed_\xd2\xc6&gt;k\xdcW+\x0bRDv\xb5I\xc8\xff\x849F\xd0|\x8a\xd7K\xc0\x03-\xb6\n\x0e\x84\x1aG\xf0\xb6\xa87q:\xb0\xb4]\xbe\x91\xfe\xf9\x13\xc5\x9dc\x80\xef|\xf6&gt;k/n^\xc1\x1aA\x7ff\x93\x8cU$1]\xd9\xc5\xb5F\x96\x85&lt;f\x1d\n\xbc\xfb\xfc\xedV\x9cP\x15zB\xba\x00z\rqpq,\x06\x02\x8b\x0c\xf9}\xfd\xd0\x1f/\xe23uC\xbc\xa7\xb9\x85\xad\t\xc0M\xbb\'\xa3\xcd\xe9*|u-\x0c:\xdd\x08\xfa\xd7O\xc5\xffN5\xe7j\xcfeDt\xf7\xb1\xf5\x96_\x96\xd5\xd0\x08\xfdW\x849\x1e\x9f\xee\xff$%\xde\xad\x87IB\x8a5\xee\x8f3pp\x99Qs4\xc5J{\xb1\xa2\xe2\xea\xd0\xb3\xb6\x1e\x8e\xea\xea\x08\x16@\xd4\x1dtRQ\xde\xb0,\x8b\xc5#r\xa5\xc1\xcaV\x9b\\\xaa\xd3\x1bhL\xf0\xb2!\xf3O\x1et\xcep3\xb22\xb4\r\xbcu\xdd\xa5\xdd\xe6\'?\xfe\xf8\xfe\xebj3\x85\x9a:i\x96\xc7\xe5P\x83\xda,i\xae&amp;\xa4F\xa4\xc9\xd7\xccCI \xf1\x08\xb5\xa5R9\x0e,m\xa7_\xbf+n\x91\xff\xa5\xac\x12E\x0e/\xe0\xcf\x1f|\xce\x9ck4\x0f\x0f\x9c\xd9\xa2\xc6\xc1e\xb8a\xe7R\xc8(\xff\xe5aW\xc6?\x084&amp;,hc\x96jd\xe3\xf4\xb5-S\x84\x84\xda\xf0\xe1\x97\x9f*\x0eD\x81\xcc\xe9#"\xb9z.GC\xbc\xe7\xdf\x7f\xfc\xc5M\x03\x95|\xcb\xaey\x9f\x16\xb2\x01\n\xfd\xf5\x16\x9e\xb0\xf5\x90\xcd\x1a\xdc\xae\xd7c\xccJ\xa6\xdf\x96d_\x8d\xc7 \x87\xfc\x14f9\xdd\xdd\x96\xaa6\xf2\xb3\xcc}?d\t\xce\xac[ \xdfX\x19\xae7\xf4?P\x10u\xa5\xdaC\xca!_uLz\x9f\xfa\xed&gt;\x9b?(s}5\x93\xb1f\xb3\x10\xae\x1e\xb9\xb2 \x16\xafh\x05I\xa4\xc0\xb4\xd17\xfb\x82H\x92\xd7\xc3\xe2\x9c\x87\xfc\xa5*\t\xc237\x1d&lt;4\xd9e\xf1p.\t6\n}\x1fY\xd1\xa3\xba\xeb\xbc\x85\x8b\xa9\xdeIv\xc0\xbd\'6F\x03\xcdI&gt;\xab;\n\xc5\xaf\xc4\xdc\x97\x983YV\x9fI\x7fz_[cY$\x8d,\xad\xcf4k\x01\x98K(\x8e\x86\x8apGk\xear%\xc8p\xc3\x82\x928\x8d\xdb%w&lt;\xad\xf1`\x1c\x81\xe6d_\x93\xbb\xd9\x96\x90\xde\x98\xe0e\xcd\\\x1c?kE\t:\x83\x84\x0c\xb9\xde(\x99C\xa2\xbe"\xcbK\xf4t?1\xca\xfbfM\xea\x92\xb9\xc2Ci#\xc7u\xdb\x17[rA@m\x8c\x9b\xa43\xda\x82\x12\x13q\x8av\xdd\xf1\xd8\xf9\x82\xd2`;\x0fM\x928\x80\xd1\xf2D"\x1a-O\xd4v`\x87\x05\x9f\xfd\xde\x13\x1b\xdd\x0c\x8e\xa1\xda\x8f\xf8\xf4\xaf}S\x15gY\xb9M%W&gt;\xd1\xd9\xf6zQujc\x82W\xaa\xf3\\0\x91\xb4Q\xe073\xe7\xca\xefsU\x84\xb35\x86\x16\x0f09\xea\x16\x15\xa8\x8dq\xb7\xad\xdc\xb7\x95=\xc1W4\xe5(ng\x0f\xcd\xdc\n/\xd1\x01\x14cD6\x8f\xf0Z\xe9)\xbe\xf5\xc8u\x12.J\xa41QX{\xe4\x9a\x05\xfd\x01\x1f\r\xc4\x9a\xdaA\xd1M\xf1\x17\x18\x19V\xcar\xc8Q\x11\xe6h\xd9c\x9dgE\xf1\xb3\x83l\x1d&amp;Du\xa4\xcbK\xb7\x1f\xd7\xaf\xc2\xc8f\xb1\xf3\x9bF\x97\xd4\xa6G\x18\xa7\xef}-\xb8D%\xcc\xdbNl\xdd\xd9\xa1\xda\xebH\xaa\x15v\xac\xb9+T\x8c!?!7$%q\x8c\x8d\xfd\x15\xf5qF;Y\xc3\xf1^V\x9f\t\xf3}\x14\x93\xe2e\x1a\xd9\xf54\x95\xbb\xaa\xe7f\xafl\xcd\x17\xa7\x1c5\x19j\xcb\xa0\xf3`E\x81\xcarl\x8aR\r"\x8e\xa8\xe8#E\x18b_\x1a\x96\xb5M\xb2`\xe6\xce\xads\x9cD\r\x01vi\x96\xac\xaa\xc1\x1e\xa0?|g\xef"\xb3\xdb\xd3^\x95H\xb4\xc3\xaa\xb6\x02q\x8b8$\xfc\x80\xa5u\x19\xedi\x81\xdau\xed\xf2\x01/\x0f\xb5K\xa6\xbf\xf1\xaa\xcbrlW\xa4\xbd\x8c\xceJ}\x8d0\xae\xaf\x15\xa5\xb3z\x8c7\x1b\xfa%\xaeJ\xde\x18;\xbee=\xbe\xe5\xf0\x00\x92\xecU\xafYm2\xb2\x07\x1c4\r.\x93V\x8a\xdar\xd5\x94x\xa5\xdd:\x1d\xd0hF\xa4\xd1V\x88AB\xdd\xbe\xea0\xdb\xb5d%AZ\xef\x80\xb6\x8d?o\xa9\xb1\xb6D\x8a\xe3\x8ca%:\x80\xb9\xde\xd2nG\x9b\xfa+\xdbR\xa5\xdel\xac\xech&amp;\x8d8\tDj\x87M\xda\xe9\xe9wc\xd3]\x10\xaa\xc3\x836\xc9\xc1Oq\xb4p\x01\x08\x07^\xbb\xd7Hu\xcbWv=\xe3\x95\xc9bG\x97\x05%qjV\xdb\xfa\x9eR\x8b\xae\xc2\xc6\xd0\x1e\xcf\x97\x0e\xac\x9a\xa3\xeb\x00\x00\x14\xf8\xe1\xf8t\xbf\xfe\x92\xfd[\xf7\xaf\xb4\xfe\xa4&lt;R\xd7a\xaa?\xbb\xb9\x080U\x99\xaf\xc7\x9e\xe0\x897\t\xdfqc_\x85\xa5\xd7e\x15nT\xe9Ab+\xc8\r\x8bk\xb7-:\xbfi4\xc3\r\xcb\x9br$^\xaf\x88\xce\x8c\xa0\x9ah\xd3\x8c\xee&lt;\x1f\xb4\xa5^\x8d\x95p\x06\x88d\xa9D\xbb\x99\x04\x97h\x98\x03pQ\xe9\xf6nV\xf4Q;\xcf\x0c\xe0\x95\xbbN-\xab\xcf\x948"\xe6\xe2\xd9\x9b\x0f\x9a\xdcg\x9e\xdb\x84\xb51\xee0</t>
        </is>
      </c>
      <c r="E191" t="inlineStr">
        <is>
          <t>&lt;class 'numpy.ndarray'&gt;</t>
        </is>
      </c>
    </row>
    <row r="192">
      <c r="A192" s="1" t="n">
        <v>190</v>
      </c>
      <c r="B192" t="inlineStr">
        <is>
          <t>steps_per_sec</t>
        </is>
      </c>
      <c r="C192" t="n">
        <v>2800</v>
      </c>
      <c r="D192" t="inlineStr">
        <is>
          <t>3.3493392</t>
        </is>
      </c>
      <c r="E192" t="inlineStr">
        <is>
          <t>&lt;class 'numpy.ndarray'&gt;</t>
        </is>
      </c>
    </row>
    <row r="193">
      <c r="A193" s="1" t="n">
        <v>191</v>
      </c>
      <c r="B193" t="inlineStr">
        <is>
          <t>Loss/object_center</t>
        </is>
      </c>
      <c r="C193" t="n">
        <v>2800</v>
      </c>
      <c r="D193" t="inlineStr">
        <is>
          <t>0.2416591</t>
        </is>
      </c>
      <c r="E193" t="inlineStr">
        <is>
          <t>&lt;class 'numpy.ndarray'&gt;</t>
        </is>
      </c>
    </row>
    <row r="194">
      <c r="A194" s="1" t="n">
        <v>192</v>
      </c>
      <c r="B194" t="inlineStr">
        <is>
          <t>Loss/box/scale</t>
        </is>
      </c>
      <c r="C194" t="n">
        <v>2800</v>
      </c>
      <c r="D194" t="inlineStr">
        <is>
          <t>0.093414545</t>
        </is>
      </c>
      <c r="E194" t="inlineStr">
        <is>
          <t>&lt;class 'numpy.ndarray'&gt;</t>
        </is>
      </c>
    </row>
    <row r="195">
      <c r="A195" s="1" t="n">
        <v>193</v>
      </c>
      <c r="B195" t="inlineStr">
        <is>
          <t>Loss/box/offset</t>
        </is>
      </c>
      <c r="C195" t="n">
        <v>2800</v>
      </c>
      <c r="D195" t="inlineStr">
        <is>
          <t>0.19109134</t>
        </is>
      </c>
      <c r="E195" t="inlineStr">
        <is>
          <t>&lt;class 'numpy.ndarray'&gt;</t>
        </is>
      </c>
    </row>
    <row r="196">
      <c r="A196" s="1" t="n">
        <v>194</v>
      </c>
      <c r="B196" t="inlineStr">
        <is>
          <t>Loss/total_loss</t>
        </is>
      </c>
      <c r="C196" t="n">
        <v>2800</v>
      </c>
      <c r="D196" t="inlineStr">
        <is>
          <t>0.526165</t>
        </is>
      </c>
      <c r="E196" t="inlineStr">
        <is>
          <t>&lt;class 'numpy.ndarray'&gt;</t>
        </is>
      </c>
    </row>
    <row r="197">
      <c r="A197" s="1" t="n">
        <v>195</v>
      </c>
      <c r="B197" t="inlineStr">
        <is>
          <t>learning_rate</t>
        </is>
      </c>
      <c r="C197" t="n">
        <v>2800</v>
      </c>
      <c r="D197" t="inlineStr">
        <is>
          <t>0.001</t>
        </is>
      </c>
      <c r="E197" t="inlineStr">
        <is>
          <t>&lt;class 'numpy.ndarray'&gt;</t>
        </is>
      </c>
    </row>
    <row r="198">
      <c r="A198" s="1" t="n">
        <v>196</v>
      </c>
      <c r="B198" t="inlineStr">
        <is>
          <t>train_input_images</t>
        </is>
      </c>
      <c r="C198" t="n">
        <v>2800</v>
      </c>
      <c r="D198" t="inlineStr">
        <is>
          <t>[b'512' b'512'
 b'\x89PNG\r\n\x1a\n\x00\x00\x00\rIHDR\x00\x00\x02\x00\x00\x00\x02\x00\x08\x02\x00\x00\x00{\x1aC\xad\x00\x00 \x00IDATx\x9c\xed\x9dg|\x14U\xd7\xc0\x0f\x84^C\x0f=\x90\x90\x84\x04BI(\x81\xd0;\x84\xde{o\xd2{Sz\x11\xc4B\x15A\x05\x01EQ\x91&amp;v\xb0"*"v\xd4\x07\xc5\x82\xbd\xa0\xbeb\xf7\xbc\x1f&amp;\x19f\xa7\xdc\xb93s\xa7\xec\xe6\xfc?\xe4\xb7;s\xcb\xc9\xee\xce-\xe7\x9e\x02@\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9eR\x0c\x00\x11?{\xf5\xa8\xf4\x16\x11\x11\x11\x00\xf0\xdb7\xf3\xe6\\1m\xa4Ml\x11\x00@\xfc[y\x11\x11\x074\x8eeW,\x07\x80\xff]V^\xf9\xf5\x7f/H=6\x8c\x86\xf2\xd9\xed|\'\xcb\x10\rp\xe1\xe4}r\xe1/\xce\x1e\xd7\x15\xef\x9f\xcbg\x0b(\xde&amp;\xe6\x07\x00\x98\xdc5]za\xc4\xb4\x1eM\x87\xb7LT^Y&lt;\xac\x83\xfc\xbfh\xcb#\xe2\xb6\x85\xa3\x8dZC\xc42\xa1WJ\x00\x14\x07(\x9d\xd3\xda\xba\xeb\xfa\xb2\xa4\te\xfd\x94\xfe\x88X\x84\xbf\x02A\x10\x04?\xd2p\x7fl\xc7r\xa3\x11\x9fg&amp;\x90K\x9e=\xbaS\xf9\xf6\xe4\xbe\x8d\xca\x02C3\x13*3\xab\x03@J\xa1\xec\xb7\xf7m\x98\x93Z,\xfbu5f\x15Y\xc2\x84(@\xc4\x96U\x0b\x02\xc0\x037\xcf\x97\xcb\x8c\xeb\x90\xaa\xac\xd51!Z\xf96!\nn\x9e9Xy%)?\xcc\x1b\xd8\x1a\x0c\xfe\xf7&gt;\r*3&gt;\x93\x84(\x886\xba\xe7\t\x05}\xed\x9d \x88\\\xc7\x9f\x9f\xbd"\xed!\xee^9E\xbe\xf8\xfb\'/\xb7\xadQ\xd4\xa8J\x85\xd0\xb7\xa5\x0c\x8aIS\xc0/\x1f&gt;\x0f9\xdb\x94B\x8a\xbb\xf2@\x9cWs1!\nr\xb62_\xb3\x85\x97\xca\x97\x01\xc8\xc3.\x07\x00\x00\x03\x9b\xd4`7\x15\x07P\x9c\xa3\x9d2\xe6E\x88\xc8\xa1]\xcdb\xe6\x85\x08",\xa8\x15\xa5s\xf1F+\x9a\r\xe7 \xe2\xad\xb3\x87V\x02@\xc4\xae\xb5\xcb*\x97\xe4\x17_|\x08\x00\x86\xb7H\xd4V1j\x8a\xbf\xdfJ\xd6E%|\xa4,\x00C\x81\x96J\xc32A\xd8@o\n\x00\x00(`p]\x14\xf2\x03\xab\x1c\xb5\xa5\x9dA\x85ko\xbf\x1c\xdd&amp;EY\x0b\x11\xdf\xcf9B`\xe8\xa0\x94(\xf7\x19\x15\x0cK]\xe3\x83g\xefg\x17\x98\x92\xd5\x98\xaf\xe7l\x8c\xb6DJ\xdc\xfe\xb4#\x1eDlV\xd1\xe8\xb7L\x10\x04\x07\xd2Qp\xba\x81R\x83\xa1\x92&gt;\xb1k\x95\xd5\xbe&amp;wI\x93\x86\xfe\xde\rBFr\xd3U&lt;"\x1a\x1d$\xb0\xc9\xc7\xb7E\xf8\xfa\xfc\xe3\xb6\x9a7\x84\xa7\xd3\x87n[\xa4\xbdH\xca%\x82 \xec\x90\xe0`1d\xb4\xd1V\rd\x85\x14\x16G6pR\xd79\x88?\xcb\xaf\xd7O\xed\xef\x97\x182\xf8\xcb\x07~\x8b@\x10\x04a\x85z\xc5!N\xefzm\x0e\xfb\x15\x1fG\x7f\x89&amp;\xe5\xfd\xed\x9f \x08"\x82\x90\xac6\x81t\x17\x84]\xc8\xf2\x95 &lt;\xa5\x18@\x19\x17\xd6\xe3\x87\xb7-\x15\xdb\xa0KXr\xe6\xf2\x91f1t\xc2I\x10\x84u\x16\x0en\xe7\xbb\xbe\x85 \x08\x82\xf0\x07\x9a\x00|$\xa3B^\xf3B\x04A\x10Vy_\x11W\x87AdO\x00\x01\xff\xef\x02.^\x84q\xf9\xecq\xed\xc5\x1e\xa91\xdeKB\x10A\xc1\xde\x18\xd45\xb9\xacpI\x9e\xdcs\xa3\xf06\x03\x0eM\x00\x04A\xb8\x82ix\x9cp!\x8d\xc7_6\xa2\x89\xe7\t`D\x10\x04\xe1\x84\x07\xf5\x9cN}\x07\x11\x93\x0b\x99\x17s\xc8\x94\xee\xea(\x0ex\xe5}\xd7{%\x08\x82\x08\x0b\x06g\xe8\xbav\xb9N\xef\xfa\xac\xc8\xcc\xaeB\xeaa\x82 "\x81\xb0V7\'\x15\x00\xf1g\x0e\x04A\x10\x84%:\'\x96jR\x0e\xea\x97\xc8~[\x9e\xc2\xed\x12\x04A\x04\x03w\xed\xca\x11\xbf\x8c\xa9X\xb1z\x8d\xd8B\x85\xf24\xad\x90\xe7\xc4\xae\xd5\xf5k\x95|\xeb\xff\x00\x11\x9f\xd9{\x93\xab]\x13\x84Xn_&lt;\xd6o\x11\x08"|\xf8\xeb\xb3W\x8d\xe2tN\xeb\xd9\x14\xf1?\xefE"\\\x05\x7f\xf9\xd0o\x11L\x88vV\xbd.%b&amp;\x08\x1e\xe2\xf3\x00"\xeeY=\xd5\xa8\x00"&gt;\xbas\xa5\x97"\x11\x04A\x10^\xd0&gt;\xae\xb8\xb4\xfc\xbf}\xc9\xb8\x12\xa1\xb7\x10\xb1\x7fz5\x7f\x83\xf8\x87\x0b\xe5\xf4.~\xf4\xfcA\xaf\xe5\xc8\xddts\xc1\x8d\x91 "\x19\xc4\xab\xd2\x10_\xb7(\xcc\x1b\xd8:\xf4\xd65|\x92\xce-"\xef?\xb2J\xa4\x8e\x94\xd1\x0e\xea6\xad@\x8eyD.\x03CQ\xde\xaa\xa6\xb8\xeb\x97x\x04a\x89\x81Mj\xf8-\x02A\x84\x0f\x8c\t@.\xb0fb/\xcf\xe5\n{2+\xe5\xe7/|\xee\xf8]\xeeI"\xd1\xbcR&gt;\xb7\xbb\xf0\x9d\x8a~\x0b@\x10aFM\xc5\x1c\xf0\xfd;Oi\x0b&lt;\xb9{]\xdf\xb4\xaa\xde\x0b\x16\xd6\x9c\x7flw\x00\x03\x1d5\xd1=\xa9\x08*/=\xb8\xd5o\x11\x08"\x17\xc0\xd6\xf3\xf8\x13&amp;\x82p\x86\xee\xb7Y\x12\x00\xbfy\xd3\xd5~\xd7N\xea#\xaa)\xc4\xff\x13\xd5\x14A\x10,\xa4\t\xe0\xb9\x03\xb7j\xae\x7f\xe7\x8b&lt;D\xc4\xe0\xd9\xe6\x11\x11\x1f\xbbs\xb5W\xbd\x11D\x98s\xe3\x94~\xca\xb7\xd7uK\xff\xf6\xad\'l\xb4\xf3\xd4\x9e\xf5\x82$"\xbc\xa0]\xcd\xf0\x0b\xf11\xaau2O1\xca/O\x10\xb0dx\xc72~\xcb@\x04\x96 \xa4a\xe8Y\xafbc+\x86\xa8\xfc\xe7\xd7O\xdc\xbd\xd6\xba8\x04A\x10\x91\xcb\xea\t\xbd\xfc\x16!\x84i=\x9a\xde:{\xa8\xdfR\x10D\xae\xe1\xde\xf5\xb3\xfd\x16!B\xe8\xdb0\xecm\xa2|\x89\x94SM\xf1\x9a&lt;K\x08\x82\x08?(\x93\x8cL\x94\xe3\x16\x16\x0cn\'@\x0e\x82 \x08"8X:\x8c\xfd\xe4\xf4!\xb7\xe4\xd0\x836\x1fD\x84SI\xefb)\x80\xd1mSN\xed\xbf\xd9\xb4z5\xd3\x12D.c@\xe3X\xef;\xa5\xb8&lt;\x04!\x9e\xcf_;\xea\xb7\x08D\xf8\xb1r\\\x0f\x8f{\xac\xe0q\x7f\x04\x11\xa6\xd0\xae\x96 \x08\x82 \\$\xfc\x1c\xa8\x08\x82 \x08\x82 \x08\xc27r\x95\x9eJ\xf5\xcfR\x88\x02\x82 \xc2\x12Q\xc6\x18/\x1e\xdc\xf2\xec\xbd\xb7\x08j\x8c \\$\xd6o\x01\x08\xc2gtmI\t\x82 \x08\x82 \x08\x82 \x08\x82 \x88p\xa4_\xbaS\xcf\xdf\\u\xbaK\x10\x04A\x10\xd6h\x13\xebK\x08N\x82 \x08g\x14\x16\xd7T\xf7\xba\xe4\xe1OD\x08mk\x90k \x11\xe9XI\xdcdN\xb8\x0f\xff\xecL\xe5\x02gJ"\xf8\x90\xf2\x93 r\x11O\xed\xb9\xf1\xc9=7\xfa-\x05A\x10D\xf8P\xceo\x01\x04\x12\xe7\xb7\x00D\xd0hQ\xa5\x80\xdf"\x10\x84\'\x14\x02(\x01\xd0,\xc6Q2\xa8\xf8\xbc\xa2\xc4!l\xd20\x1a\x00\x00s\xf0Y\x9a0\x87~\xceD\x808v\xfbr\xbfE0az\xcf\x8c\x9a~\xcb\x90k\x91F\xfc~\xe9\xd5v\xaf\x9a*]\x89\xc9\xb9\xde\xbb~e\x1f\x05#\x08"l\xd8\xb3z\x9a\x93\xeaa\xb7g.\xe9\xb7\x00B\x90F\xff\xd5\x13{\x19\xdc\xfd\xc6\xaf\xdd\xc0\x9c\xfe-\xf1\xfb\xb7}\xe9\x9a \x08"\xd0t\x88/\xe1\xbc\x11\x1e\x85\x8fT\xa0\x81\x1f\xd3\xddK\x07\xb7\xf8\xd0+A\x10\xc2I)\x04}\x1aT\xf1[\n\xe2\x1a\xbf]|\x89S\xe3O\xa7\x02\x04A\x10\x00\x11\x94\x02\x0c\x15\x98\x95\xfc\x91&amp;\x00\x82\x884\xc8G)7\xa3\x9c\x00N?\xb4\x15\xf1/v\xc9N\t\xd1\x1eJG\x10\x84\xcb,\x1c\xd2\xceo\x11\x08\x7f\xf8\xe0\xd9\xfb1\x14\xddb\xcd*F\xed\\:\x91lC\xedQ\xc3o\x01\x08\xc2\x84\x8d3\x06\xf9-B\x08\xf9\xfd\x16\x80\xcd\xf8\x0e\xf5\x84\xb7y\xdb\x9ca\xc2\xdb4er\xd7t\xe5\xe8\xff\xe9+\x87o_&lt;VU\x06\x11\x87e&amp;\xf0k\x8a\x08\x82 |cD\xab$\'\xd5\xf9\x07\xb8\x8aN\xba\t\x06\xcbFw\x95\x87\xf5\x03\x1b\xe7j\xffwD\xfc\xee\xad\'\xb7-\x1cM\x13\x00A\x10a\x80g!\x19x\xccf\xe4\xd7\xc1\xd4\x03\x14\xe6\xb0\x01M.\x04\xcd+F\xd1\xe8O\x10D\x18 \xa9\x8f\\\xb2X\xcf\xe7J\xab&gt;\xc33\xac\xd3\x04@\x10\x04\x11\x81\xec];\x83\x9c\x00\x08"\xf7\x12v\x01\x18\x08\xb1 "#\xdc\x8ft&lt;\xe0\xfb\x04\xb0u\xc1(\x7f\x05 \x08\xc2\x11\xa3\xdb\xa4\xf8-\x82w\xf8&gt;bZbt\xdb:\xba\x02K\xfb\x83\xf0\xfa_\x08\x82\xf0\x8e\x1euc\xa40\xc2D\xb8\xa3\xb4\xf6\xf9\xfd\xd2\xcb\x88\xd85\xb9l\xb7\x94HJ\xdc@\x10D\xd8\xa25Tw\x9b\x91\xad\x93=\xee\xd1w\xe6\xf6o\xf5\xef\x97\xe7(\x9f\tA\x10\xe6\x90~\x80\x00\x80\x82\xdc%\xeb\x0b\x88aJ\x10\x04A\x10\x04A\x10D\x18\xd1\xb2JA\xda\x06\x10\x04AD\x14\xa4\x0f$\x08/\xa1\xd4\xd3\x84[hG\xf3\xd9}[tI*\xc3\xaeer\x9b \x08q\xd0\x04\x90Mi\x80&lt;\xb6*\xa6FLz\x17\xd1\xe4\xc9\xa3\xfeD\x7f\xfd\xf5\xd7\x9f\xaf\\aW\xf9\x81\xd9f\xfb\xb8\xe2N\xc5"\x08\x82\x10E\x16\xd9\xb9\x13\x04AxI!\xbf\x05 \x08\x82 \x08\xc2E\xc2\xe5X8\xc9\xc0\xef\xad\xa8\xb7b\x10\x04AD\x0eq\xf6Nfl\xb1{\xd5T\xef:#\x08\x82\xd0\x85\xa2(x\xc9\x85S\x076L\x1b\xf0\xd9\xabG\xfd\x16\x84 \x88\xa0\xe2\xe1J\x94\xf0\x88\xc7\xee\\\r\x00s\xfa\xb7\x04\x805\x93z7\x8c\x86\xdf?y\xd9o\xa1\x08\x82\xf0\x90\xda\xb9{\xbd\x8d?\xbe\xeb[\xd7\x01\xd0\xef\xab\xac\t:%\x94J\xcc\xef\x8f$\x04A\x10\x84G "\xfe\xfc\x81\xd6\x8bC\ng=\xa8iM\x1fd"\x08\x82\x90\xf1\xc6\xda\xb5\xba\'\xbd\x04\x8aw\x9f\xde\xaf\x9b\xa9F\xceg\xf0\xc7\xa7g|\x11\x8c \x08B\x0ce\xfd\x16 \xb0 \xfe!O\x00\xcai\xa0}\\\t\xe9\xfams\x86\xf9\'\x1dA\x10\x84c\x066\xa9\xe1\xb7\x08\x8ep\xf5\x90\xc0(W%\xe5\xb0$\x08\x82\x88d\xf2H\x03\xfd\x8f\xef\xe9\xdeu/\xbeS\xb3\x8aQn5M\x10\x01\xa4.\xb9B2\xa1\x98\x16&gt;\xe2\xfdJ\xff\xc2\xa9\x03\x1e\xf7H\x10b\xe0\t\xc3\x98\'W\x9e(\xf2@\x03}`iU\xf5\xda\x97\x13\xe7\xa3\x1c\x04\x11\x01\xb4\xa8\\\xe0\xc4\xaeU~K\xe1?S\xba7\xf6[\x04\x82 \x08o9{t\'\x7fa\xe5\x1e\xbc\xb2\x0b\xc2\x10\x04\x9b\xe2~\xfc\xf0\xe8\x90\x99\x88XR\x8b\xc1\xb1\x1d\xcb\xfd\x96"\x10H\x9b\x80o\xde|\x9cQ&amp;\xb9\x10\x90\xc7Q\xc4\xd3\xb8,L\xc9\xba\xb6#DD\x95J\x10\x11W\x8c\xed\xde!\x9eR\x1d\x13D0\xb0\x17""\x08\x96\x97\xc9\x05\xfd\x96 \xdcp;\xd1X\xe7\xa4\xd2\xae\xb6O\x10\xf6\xf0?%d\xf7\xba\x15\xb4\x17\x83\x10\x9e\xe7\xfd\xbf\xec\xd4\xfa\xfb\xef\xbfE\x0bb\x99\xf7\xfe\xf4[\x02\x97\xc1\xab\x1f\x8bm0\x7f\x01\xa7\xbf8\xfc\xf3\x12\xe3\xee\xe3\x17~t\xd8&gt;AD&amp;M\xca\xc1\xf8\x8e\xf5\xbd\xe9+\x9f\x95\xc2\xf6\x14\xb5\xf8\xf7g6jE\x18\xc32\x13\xfc\x16\x81 \x08wX&lt;\xacc\xb3\x18\xfb[\x87p\xf1\x84Y&gt;&amp;\xabAIa\xadeTP\x7fb\xd1\xc2\xda&amp;\xfc\xa1\x88\xdf\x02\x10D$\xa04\xc4\x0e\x0e_\xbcv\xacQ\x19a\xad\xd1\xe9\x1eA\x10\x84[\x04q\x0e\t\xa5&gt;\xc7A\xe3\xce\xa5\x13\xdd\x17\x84\xd0\xa1 \xb8\x95\rf\xc9\xf0Nn4K\x10D\x08\xb2\xa5\x85\xa9\xe6\x86\xdc\x95\t-M\xcb\x0bN\xfbV\x0c\xe0\xdc\xf1;\xc9\xea\x9f\xc8\x8d|\xf1\xda1\xf6O\x7f\xe5\xf8\x1en\xf4k\xfa\xbc\x85\x91\xc7\x19^\xb9\xc0S\xec\xd0\x96%nK\xe2%\x85\xfd\xe8\xb4*\xc0\xbeu3\xc5\xb6\xb9i\xeep\xb1\r\x12\x04\xe1\x14/\xc3\xd3\rlR\xc3\x97\xe1\x8c\xb0\x01-\xd5\tB$\xa7\xf6o\\&gt;\xa6\x1b\x7f\xf9\xbc\x00q^%_o[\xa3\x98\xdc\xa9g\xb4\xa9N\x96#,\xd2J\xf9\xd9{\xc3h\x00\xebVj\xe2\x0c\x05\x00,Z*\x13D\xa0\xe9\x91\x1a\xc3\xbf\xaa\xfa\xed\xe3\x97\x10q@\xe3Xv\xb1\xfa\xe1lOS\xd5o\x01\x08\xcfh\x1f_bv\xbf\x16~KA\x10\xe1C\xd0\xf6\xe0\xab\'\xf4\x12\xde&amp;\xe27\xc2\xdbt\x1b\xbf\xbe\x97\xa0\xfd\x1e\x08\x82Pc5\xf6M\x8c\xf1-_\x15\x00^P&amp;&lt;\x075\x9d`\x1d"\x98\xdd\xb7E8~\x1a\x04\x11\x810\xc6\xe5\x88\xa7z\xce\xb8\xdc\xb8\x9c\xbb\x1d\xfd\xf7\xd59KC\xde\xfb\xcf\xdc\x9b\xdf=i\x00\xc0\'\x93\x1b\x1e\xee]?\xdbo\x11\x08\x82 8x\xed\xe8N\x9e\x91\xbd\x0e\x9d\x01s\x83\x88\xf8\xed[\xc1\x0flJ_)AxD5\xebUz\xd6\xab(^\x8eP\xa4EtK\xbe\x80\x16\xdf\xbe\xf5\xa4\x90\xee\xc2\x9d\x877/f\x178~\xc7Jo$\t2\x888\xb1sC\xbf\xa5 \x88` \xca\x04\x88\xdf\x07\xad&lt;G\x99Z\xfe\x07\xd5&amp;\x08\x82 Bq\x9e\xe6\xa3u\xf5\xc2c\xdb\xa7\xc62\xcb\xdc\xb5\xe2:\xc7\xfd\x10\x04A\x10\xc1\xa3\x00\x98dmDDKG\xbbg\x8f\xedj\\\xd6\xa1P\xe6x\xefTE&amp;=l\xca\x02\x08\x0c0N\x10\x84[X\xb5\xbd\xf9\xfb\x8b\xd7\x00\xa0g*\x97-UX\xfb\xb2\xe5\x12\xea17\x8fn\x9bf\x11\x04\x91M\x18\xad\x99\xa4p\xa4t"@\x10D\x98AQ\n\x08B,\xd1~\x0b@\x10\x845\xc2W\x91m\xf5(\x82\xf0\x85\xd2\xe6E\x08\x82\xf0\t\xa31\xb4X\xce\xdd\xc0\x9a\xe1\x8f\xefX\xcfo\x11\xc2\x80\x02"\x1aq\xef|\x9d\xf4\x87\x04a\x8e\x93\x04\x90\xdd\xeb\xd8\x8fmS\x81\xb9\xaf\x8f\xb5\xdd.\x11H\x10qT\x9b\xe4\xccJ"\x0f}\xefZ&gt;Y`k\x04\x116\x08O\xb9\'\x1cD\xbc\xf8\xe2C\x8c\x02\xff^~\xfd\xcee\x93\xac\xb6\xe9L(B&lt;R\xe8\x7fS\x8c\xdc\xb6\x17\x0cj+P\x18\x82 \x84\xe1d\xc0\r\xeb\xc1\x9a\xd3\xeb\xcd\x8d\x94#\xce\x1d\xee\xc2\x05\xe9?E\xc4\xb9\x03Z\x99\x16\xa6\xd4\xd3\x04Ax\xc4\xab\x87w\xd8\xa85%\xab\x91\xc3~\x9f\xda\xb3\xdea\x0b\x04A\x10\xbc\xb4\xac\x1a\xfc\x18\x91\x11\x0e"\x9e9\xb4\xddo)\x0c\xe1\\z\xb3\xbd\xbd\x08\x82 \x02\xc1\r#;\xfb-\x82\x9a0U\x97Q\xf4f\x82\x88Xz7\xa8\xecv\x17\xaew@\x10\x04A\x04\x96F\xee\x87r\x0b\x14\xb9\xd0K\xfc\xab7\x1e\x93^4\xaf\x98/\xb7}\xdd\x04A\xd8\xc4\x89\x83\x82m\xda\xd6(\xe6G\xb7\x00\x00M\xcb\xe7\xf9\xfd\xd2\x19\xbfz\xe7gT\xebd!\xed\x90\x1f/Ax\x81\xa9\xb3\xe5\xe8\xb6u&gt;=s\xd8m1b\xdd\xee@\x04N2\x19o_4\xc6^\xc5\x8e\t\xd1\x00P\xc0\xb5\xc3\x00\x81\xcaz\x81A2\xa4\xe3e\xab\xa6\xb4e\x84\xf4M\x10\x84L\xa5\xc8\x8a\xae&gt;\xa3W3\xc6]\xf7N\\\xa5\x96\x9dx\xe8\x85\xe9i\xb0\x13f\xf4f}Yb\xa1\xc9\x83\x08W\xc2\xc8\xe2\xc2\xcbQ,\xb9 \xb4\xab\xe9\x9b\xd2\xc6\x88&amp;N\xf6\x11\x84\x1ed/@\xe4v\xc2e\xfd\xb2y\xde\x08\xce\x92\xb5\x85\x84\x13\xd3\xc0\xb9\x06\x0f\xe0yl.\xdc\x01\xb8D\x18-\x98\x08\xc22RH\xadJ\xee4&gt;\xbce\x92\x93\xea\xfc\x87{\xdd\xeb\xda\x8f%\xe7%&lt;\xe9\xec#\x9b\x8a\x1e\xf6%\xdc\xa7\xacO\xc3*w\xaf\x9c"\xb8Q\x82\x08\x14\x02\x97&lt;\x833\xe2D5UCTC\x84\x7f\xa4X\xb1\xc7\n\xe0\xd2\xfb\xf3W\x8f\xfa-\x02A\xb8L\x0c@\x92;\x1a\x15\'D\xbb\xd0&amp;{R\x19\xdf\xb1\xbe\x0b}Z \xad\x14\xd4b\x86\xa2\x17\xa2\xe7q\x9eJ!\xb32od\xe6\x11\xadj\xf37\xebK\x92\xe6*\xcc\xbb\xad\xaa\xfabQL\x10\x84\x1eb-\x8eZU\xcb\x8d\x8f\xb7\x97:\x8d\xaa\x81O\xae\x822W/\xfa-\x0bA\x10\x1e\xc2X\xc7\xf6H\x8d\xf1N\x0e&amp;"\xd3\xa0\xb8\x03#\xe8[\xb4\xe3\xc6\xdd\xb61\xde8c\x90&lt;\x05\xb8\xdc\x15A\x84\tlED\xc4\xe0\xd2I\xb8\x8a\xda\x05ar\xd7tO\xba\x12\xc3\xbc\x81m\x8cn\xe1\x9f\x97\x0co\x85\xed\x00\xca\x9e\x00R\x02\x9b}\x94 \x08]\x9aWr#\xe1\x8a\x1d\n\x00\xf4M\x0b\xa0\xd5\xa8!Yu\xca\xdb\x0b\xb4 Mr\xb7\xcc\x1abZ\xb2\x0e\xf7i\xef\xbc\x81\xad\x11\xbf\xb2%\x8e\x18\x92\x0b\xc2\xb0\xcc\x84\xd7\x8f\xdf\xe9\xa3\x0c\x04AX\x831\xfc\x8fm_WT/Z\x9f\xad(QM\x13z "\xf9\xc9\x11\x84\x1a\x8a\x93h\ti\x01Z\x12@\xac\x1fpmJ\x90c\xcc\xc6\xe9\x83\x10\xffp\xd8H\xf8j\x99\x08\x82p\x11!con4\t\xf2\x8a\xf0\x9a\x1c\xa7\xf7\xcc\xf0[\x04"\x17\xe1\xfa\x91kzi\x80\xc8Z@\xd5/\x11\x12\xb6\xe1O\x11m2\x16\xa8Q\x00\x88\xffZm\x90\xf3\x03W)\xac\xa2\xadvc\x1d/\xbds%\x84|A\xcea\x7f#\x92\xe1\xd7\x8b\x0fl\xae\\%\xdb= \x80\xfe1\x04a\x9f\xe0\xa4\x90\x95N\x0bM\xc3Mk\xa9[\x14\x00`\xc5\xd8\xee\x88?\n\x96\xc9\x00\x1b\x13gTN\xc5\x9b\xa6\x0fd\x14\x93F\x9c DS\xb5\xa4E&lt;\xfd\xd0V\xab\xed/\x1d\xd5\xd5j\x15\x82 "\x96\xac\x94r6,u\x1a\x95\x81\x9e\xf5*\x82\x95\x18;\xceMZ\xedy\x9f\x05s\xbf\xf5\xc8\x96\xeb}\xe9W\xe0\xa7\xf1\xf7\x17\xaf\x89jJ&amp;\xbdt\x18\xf8[\x10\x84wXr\xe2\xb7JY\xee\x03\xd8j\x9a+M\xcb;\t\x9bo\x87`\x0e\xe5\x91\x84\xbf\x9f\xf0\'/?"\xff\x1auW\x0b\x88\xd8\xaa\x1a\xb9\x03\x10\xb9\t\xf7,\x8bj\xe6\xbc\xd0}\xecU\xcf\x99\x97\xeb2#\xbf0\xd3\x185\x88\xd8\xb56\x99b\xd9\xe7\xb9\x03\xb7\xf1\x14\xb3\x1d\xac\t\x7f|\x8fqW\xbb\xc1S9\x7f!\xe2\xbc\x01\xad\xeduM\x10\x01"\x08\xc9T\xdb\xc7e\x8f\xa8\xdf\xbf\xf3\xb4\xf2\xba\xcaa\xaa\x08\xc0\x1b\x8f\xdem\xb5q)\x1e\xf0\xb0\x16\x89F\x05\x82\xa0p\x8f`8Us^z\x9a\xdb8\xb1P\xd1\xb2jx\x191\x11D\x80\xa9k\xe0\x08*\x8d\xdd\x97\xcf\x1eG\xfc\n\x11\xfb7b\xc4\x98Q#m&amp;\xe4\t\xa4i\x05\xaf\xd5D\x00\xd0\xacb\x14\x98%\x95t\x8f\x80l@\x8a\x1a\\\xbf\x7f\xe3&lt;\x0fzO)|myA\x10\x84`\xe4\xe3P\xc6\xf8\xfa\xe1s\x0f8\xec\x85\x1d\xa1W\x17DT\x9a6&amp;\x1b\x9b\xf4\x93B\xdf6\xca\x89{\xc1\xe0\xb6\x96\xeaz\x13vI\x97\xd6\xd5\xed\xab\xef\x93\n\xd81T#\x08B\x9fn)jg\xfe\xff\xbd\xf8\x90\xc3\xd5k\xb7\xe4r\xaa\x18\x0c\xf8\xc7\xa5\x84\xa0D\x03\xf2\x9f\xceI"5\x7fmb\x8b\xa0\x02\x81-\x13\x04\xe1:\xde\x1f\x03\x18%odh\xea\x89@!\x1d\x8a\xe2\xcf\x17\x10\x7fE\r\xa2"j\x14\x06X6\x9a\xdc\x05\x08\xc2s(\x8a\x19\x99\x81\x1b\x81\xdf\xbf\xa3\x1c\xeeO\xee\xdf\xf8\xe9+\x87{\xd4\xad\xf0\xdd\xdbO\xbd\xf7\xcc\xbd\xf2\xf5\xbaF\xea\x7f\x00\x00\xf8\xe7\xf2Y\x17%t\xb6\x17\x91\xf5\x99\x88\xbf\t\x91\x87 \xc4\xb0r\\\x0fK\xe57\xcf\x1b\xe1\x92$D\xae\x05\xff\xb8\x94\x9d2\xeb\xe3\xd3\xda\xbb\r\xa3\xb3\xc7_\xc61\xaf\xe4\xf0&lt;\xb2U\xed\x91\xadj\x83\xb1\t\xd03\xfbn\xda\xb5t\xa2\x00\x89-\xa2UK\x12D\xae\xc3\x03\xd5\x90\xd6\xab\xcb\x1b\x10\xff\x0c}K\x9ak.z\xd4\xad\xc0P\xf7\xabF\xcd@\x1d\t4\xd1\x98\xa3jeK4&gt;%Z4\xb4\xbdh\x89\x08"\xd8 "\x7f|\x05\xdb]\x1c\xda\xbc\xa4~\thQ\x85+\xc8V\x11\x80w\x9e\xdck\xaf/\xe5\xd3\x8d\x88\xed\xe3\x8a+\xef\x0eh\x1ck\xa3\xcd:\xb9\xc9\x1bt\xf1\xb0\x8e\xca\xd1_\xd7\x7f\xa2O\x83k\x16[\xeb&amp;\xf7ED_\x96\xf0\xf60\x9a\xae\xca\xd0\x12\x81 \\B\xd2\x18\x98\x16Ks\xbc\x1fQ\xf6\xd2\xbbA\xe5\xe5c\xba9m17QI\x99-\xddx\x02\x18\xd1*i~N\xfe\xc8\xe6\x15\xf3\x89\xda\x04\xb8\x91A\xed\xf7Kg\x80Fv"\xf7\xe0\xa3\xd3o\xc3h\xd6]o\x0e\x9c#\xfbQ/\rP\x12\xe0\xca\x85g\x8d\n\xb0\xbf\x026\x85\x01\xd6L\xea\xad\x9a\x00ZU+\x04\x00)\x85\xe1\xc1\xdb\x16\xc9%_y\xe4v\xe5\xe7,\x95\xaco\xd7\x13k\xa4\x9b\xe1\xa7\x00\xe0\xc7\xf7\x9e1\xba\x85\xff|\xce\xa8X4`\n.\x82\xe0bFo\x7f\xbcR=\xe3\xa3\xe7\x0fJ/\xfa7\xaan\xef\xf942Q\rkj8na\xdb\xc2\xd1\xaa\t\xa0u\xb5\xc2\xfd\x1bU\xbf}\xf1X\xb9LI\xc5.A\xf2\x962:-\x08\x08q\xc6\xb7F\xb7\xadctk\xed\xa4\xden\x08C\x10\x84`\xf8\xb3wt\xacU\x12\xfc\xc8\x8b\xe2\x19N\xfcWKh\xf4?\x12k&amp;\xf6R\xc6\xbc\xbb\xfa\xc9i\xe5\x88\xbffbo\xc4\xff,M\x00\xaf\x1e\xbeC{q\xd7\xb2I\x19\x15\xec\xc7\n\x9a\xd5\'\xd3v]\x82 r\x05\x81]\xa5\x06\x04\xdd\t\x00\xf1\xaf\xe2\x06\xc5\x00\xa0\x1c@!\xeb\xaa\x92\xb1\xedS\x85\n\xae\xcf\xb4\x1eM\xb5\x17\xcb\x004!\xfbO"\xecp\xbe\xc1\'\x08]\xda\xd6\xc8\xf6\xea5\x98\x00\xd4\x83{\xfd\x12!#~\xef\x06\x95\xd1,\t\x9a\xf7h\x8f$\xf0\xfb\xb7\xc1\xe2"`\xdd\xe4&gt;\xe2$"\x08\xc2?\x9c,\xff\xc3"\x9a\xb4\xf3\xf3\x7f\xe3\xf1\xffWM\xc9/\x93s\x82%\xdfq\xfdxD\xe4\xf1\xa9\x0eBXrKx\x19\xbf\x9a \x08\x13\xec\x19\xf2\xcb8y\x9ek2\xef\xba\x14\x87\x9a\x1dhA\x85\x1c\xb6\xf3\xfa\x11\x9d\x01 \xdd\xfap\xcb\xd8\x01\xbcxp\xb3\\L\n\xd9]\xa7\x08\xd4/\x01\xc3[$\xe27\xe7\xa5X\xb0l\x8f\xbf9\xfd[Z\x16\xc8"\xaf\x1e\xde\xe1\xb0\x85|\xb4\xd5&amp;\x08\x1eVO\xe8\xe5}\xa7\xb7/\x1e[\x86i\xbc\xa1"\xdaMa"\x12\xdd\xd1\x7f\xdb\xa21\xda\xfdS\x9d\xc2\xd0\xa8Lv\xf9\xef\xdf~\xaaqY\x18\x9c\xc1\xb0\xb8!\x08"\x97\x81\xf8\x9f\x1b\xcd\x86K\xcc\xe7\xeeu\xca\x9f9\xb4]\x1eF?x\xf6\xfe\xe4\xc0\xe7\x98\x9a\xd8\xb9\x81v\x028p\xd3\\e\x1e\xb79\xfdZ\x02@\xbb\x9a\xc5\x1e\xdd\xb9J*\xf0\xfe3\xf7Z\xed\xe8\xcc\xc3\xdbE\xcaM\x10\x84\xbf\xa8"&amp;&lt;u\xcfz]c\x0f)\x85\x96C\x82\x19\xff\xaeO\xc3k1\x12\x92\x0b\x19jT8m`\x9c\x1cZ8al\xfbT\xad\xcc_\x9f\x7f\x1c\x11\xcb\x00\x00@\xd7\xe4\xb2\xbbWMU\xde\xf5+!\x9a)e\xfc\x16\x80 r\x11\xbd\xeaU\xb4:l\x8d\xeb`&gt;\x1a\x1ad\x93\x0c.\xa3Z\'3\xf4\xe99\\u\xde\xd1\xe4\xae\xe9\xce\x1b\xd1\xc2\x10\xfa\xfa\x11\x9d\x94o\x9f\xbag\xbd\x90\x89*^\xe8)J)\x80\x877/A\xc4D\xeb\xf1\xbeE\xe59 \x08\xc1\x0c\xcbLp{Uh)%/\xa1K\x8a\xde\xda\xbf]\xcd\x90\x81\xe5\x95Gv \xe2\xe4\xaei\x0e\xfb\xcap-\r\xf2\xad\xb3\x87\xb2\xa7\xafY}3\x11\xf1\xb1;W+k!\xe2;O\xed\x13(\x86\xbd\xe0\x16V\xc7}\xe5\xd9E4@V\x9d\xf2\x00P\xd9N\xcf\x04\xe1\x1an\x8f\xfe\x00\xb0i\xeep\xb7\xbb\xf0\x12\xf6\xd6\xc1\x92\x8d\r?\xaa\x81\xf2\xdf\xcb\xaf\x1b\xa5\xd2\x95\n\xbc\xfc\xf06\xab]x\xa3\xd9@\xfcV;\xee?~\xd7Z\x00x\xfb\x89{\x10\xf1\xban\xae\xec?\xacR\xdc\xbc\x88!Q\x00\xb7\xce\x1e\x1a\x91\xa1A\x08B\x0c\xf4x\xa8`\xcc\xc4\xb5\x0b\x86L\x00\xff\xf7\xbf\x17\xd9M\xfd\xf4\xfeI\xcey]\xf8t\xf5\xe8\xceU\xaa+\r\xf4\xfc\x1d\n\x00\xf4\xaa_i\xd1\xd0\x0eW?\xd1\xc9\x0ccD!\'\x92\x11\x04\xe11s\x07\xb4b\xdc\xb5\xb1\xf90\xd2M(\x9bbl\xf0c\x01\xd6O\xed\xef\xce\x1a]\x00F\x01\x88\xb4K\xe6\x11-\x93\xd8M!\xe2\xdaI\xe2=NMuC\xa8\xb0\xeeo^\xc9\xc4\xb2*/@\x97\xdaN7\x1e\xaf&lt;\xb2#6\xf4\x8a\xc7\xa7;\x14\x1e\x9c \x02\x84\xcaW\xa9UU;\x0bG_"\xbb\xe0\xd7\xe7\xf5\xafk\xf8\xf4\x95\xc3\xec\xa6\x1a\xf9d\xaa\x82\x88\x0c5\xb7\x93\xb8r\x8c\x1e\xe3\x84\x9eY\x88=\x00\t\xbe\x91.A\x983\xbb_\x8b\xd7\x8f\xed\xf2[\x8a\x089C\xbb~D\'\xfe\xc2\xcb\xc7d\xe9\x9c\x96~s\xde%\xd9\xc6y\x12R-\xf7 +\xd9\x02\xbb\xef$r\x0b]\x1do\xb7e\xa6\xf7\xcc\x10\xd5T\xc0iY\xd5\xd3%\\\x14@\xa9\xd0\x10\x11\xcaP\xc9\xd7\xf8\xe9=m\xb2\x94\xde\r\xae\xcd\x8f\xb5\xf2\xc2\xc1[\x17\xc8oK\x055j\xa9\x94\x1c\x86A\x9bX^\x8d\x0e"\xd6/\xa1\x13\xaf\xcd\x88X\xee\x92\xb6\x89v\xbf\x0b\x82\xc8-81\xcc\xb0\xca\xb2\xd1AQ\xec\xbe\xfb\xf4~\xed\xf8\xaf=k\x8d\xce\xd6\x14})\xbd\xb5\x1d\x9d\xd8\xcb\x0fY \xb5\xf2\x02"\xee^9\x85\xb3&lt;;\n\x13\x83EC;\xf4K\xaf\xa6\x9dM\xdd\xd0n\x11\x84S\xfa\xa6]\xcb\x8a\xaa}\xb6%\xcbf\xce\xbc\xea\xbeP\xaf84.k^L8mk\x08\xde\xb2\xdb^\x80\x1f\xda\xb2Dg\x07\x80\xd8#5FY\xacI\xf9k\xe1\x94\x17\x0cn\xd77\xad\xaa\xbd\xd8\x16\xc1\xdc(\xf0\x80\xf8\xbb\xb8\xa6\xbe\x14\xd5T\x98N\xa8D\x84\x80\x88\x8c\x81`\xd7\xb2I\xaa8\x85\xec\xf2\x9e\xb1m\xd1\x18\x1f{\xe7\xf7[3\xf2\xbcM-f\x18\xed\xb9 \x80\xd5\x19\r\xbf\x7f[\x1e\xf7\x07g\xc4\r\xca\x88\x93\x86\xe9\xe1-\x12\xe5\xc3^\xe9\xee\x9c~-\xf3\x01\xb4\x8f+\xde)!\x02\x97\xa4{\xd7\xce\xe0)\xa6\x9d\xc3\n\x02\xbc\xf3\xe4^\x17$"\x88\x00S\x1a\x00\x11\x8d&lt;\x86\x8c\xf07\xb5\xd1\xf2\xb1Y\x00\xf0\xc0-\xf3}\x95B\x07Q\xfb\x10{^\xd1?\xbc\xfb\x0c"\xdew\xd3\x1c\xe9\xad4\xbb \xa2&lt;\x7fgV\xce\xbfb\\w\x00\x18\xd3\xae\xaec\x19#\x04/\xcf]\xc3w\xe7DD,%\x00\xaa\xf8g\x11h\x8fZy\x01\x00\x16\x0eigT\x80=\x80*\x95Y}\x1aV\x11\xa8=\xe2|\xc2]\x1a\x08\xa4/\xf1\xc8\xf6e\x1e\xf7\xcb&amp;\xe0\xf1\x94\xfa4\xa8L\x89\x1a\x89\\MX\r\xfe\x82)\x06\xf0\xc2\x03\x9b\xb5\xd7U\xdas\x89Jf\xad\x8956W\xa1\x8a~c\x04"\x9e\xda\x7f3\xbb\x8cKbvJ\x88v\xa7a;H\xea\xad\x81M\xf4\xf3\xac(S\x08\x98:\xa39\xa4\xb0\xf1-\x87\x89\x86\x08B\x0ci\xd6\xb5\xc1\x8b\x87upA\x90\xa0\xe0\x9e\x11\xbd\xdbT\x01(\x0f\x00\x00C\x9b\xd7\x92\xae4)\x1fR\x80\xdf\x082\xac\x89\xf5[\x00\x99\x97\x0en\xe1\xf9\xcc\xeb\x14\x81\xea\x00{VOs] \x82P!\xa9\x86-Q\xc7\xfa\xde&gt;\x8ct\xa0\xc32\x13l\xd4\xe2\xff\x07=\x08s\xb4{\xe5\x14\xc4\xab\xb5\x83a\xbd\x85\xf8\x9d\xdf"\xf8\ti\x99\x08"\xf2\xb14\xc3\xb9\xea\xb1\x9cV\x8a\xc2\xa2\xa9)\x02\xb0o\xddL\xe7\xed\xd8V\x99F;\xef\x9b r\x15\x94%C\x85m\xef$o\x10\xb5\xc9\xab\x0c\xf0\xf7\x17\xaf\ti\x8a\x81\xbd\xdc8\x02\x12\xcb\x11D\xd0\xe8\x9cT\x1ar\x0cl@\x91\xda\xa2\xa6\xaf\xaa\x9b.I\xa5\xcd\x0b)8\xb0q\xae\xea\x8a\xc7\xa1\x81\xe6\x0fj\xe3Y_I\xcc\xf4#\x1bg\x0cr\xd2xU\xf3"\xee\xe2\xde\xafN\xfe\x91\xbbG\x15\xbe\x94s\x04\x11\x06|\xf6\xca\x11\xbfE\xc8\x8d\xd4\n]jj\xd5\x17U\x00\xf0\xca\xfbF\x03\xa5\xec\xf4+\x10\x0ffSY\xc1\xe2\xfe(\xad\xcf\x90f\xf1\xce\x1b\x19\x96\x99\xb0\xff\xc6Y\xce\xdb!\x08\x9f\x19\xd2,\xfe\x86\x91\x9d\xa5\xd7\xb9s\xf3\x9bY\xc9z\x82Wn\x18c\xf4\x94\xac\xc6x\xe5}Q\x1d\rj\x9a\xad=\xea\x97^MT\x9b\xee1,3\xe1\xc0Ms\xbd\x8f\x91P\xb7(\\8u\xc0\xf3n\t\xc2\x0f\x92\xf8LDl,$\'un\xc8?j\xaa\xda\x8f\x8cx\xce\xa6L\xef\x99Q\xd0\xec\xb3\x15\x9b*\x99\'\xb7\x97\xd5\xb9\xce\x8d5A^\x80%\xc3;:l\xc4v\x88V\xc4\x1f\x8cBt\x08gV\xdf\xcc\xf3\x8f\xed\xf6\xaa7\x82\x08\xc5\x922\x14\x11\xe3\x15\x1eDK\x86wB\xc4\xf1\x1d\xeb#"\xfe\xf5\xa9j\xa8\xd2q\xa3"B)\nPM1\x01\xd8\xf3\x98E\xc4\x1b\xaf\xeb\xd7\xb4\xbcyI\xfe\x06\x1d\xb6\xc0\x1f\x9c\xd9\r\xaa\xe4\xbc\xe0LZ\xd0\xb1\x96z\xb4\xf7\xec\xc4\xab\xbaq~7\x82\x08\x16\x07o]\xb8\xf3\x86\t\xba\xb7\x0eo[\xea\x86\xbaY\xa6KR\xaesU\x96?\xcc\x8c\x18\x93)\x1a\x11\x8b\x00\xe0\xb7o\x01\xc0\xea\t\xbd\x84tm\xc3\xc3C,B\xe2\xf3\xcc\xec\xdd\\~]R3\xbfJ\x9f\xf0\xea\t\xbd\xb4^\xd3g\x0emw\xde;c\x17k\xb4\xa7{z\xef\x06\xe7\xfd\x12\x84xL\x07w\xfc\xee-\xf7\xe6\x80-\xf3G\x95\xb7\xae\x9a\x88\x0cL\x1d\xb4\xa5\x8f=\xdeJl\x87\x9b\xa6\rd\xdc}\xe3\xc4\xdd\xda\x8b\x93\xba4\\7\xb9o\x98:\x16\x14\x00x\xf3\xf1=\xa0\xf8\x19\x17\xb3\xbe\xcc\xb74)\x06\xdcT\x97 ,\x80\x88\x9c\xc9\x00\xf0\xf7\x8f\x11Q\n\xcd/p2\xe0\x1cw\xacj|E*\xd7}\x05\x7f\xf9@~\xcd\x13\xd4\x86\xe7\xab\xf9\xf7\xcbs\x0e$\n"\x88\xf8\xfb\'/\xdb\xae&gt;\xaaMJt\xce\xebh\x00D,\x99\x13\xfc\xf5\xd2\xcb\x8f8\x94M\xfe\x85\xe7\x92(\x1dD\xd8 \xa5\x9a\xe2,\x9c_az\xb8|LV\x94\x87?h!:py\x93\xf1\xfa\xf1;\x95\xd7Mc\xc0\x85\x17n\x06\xac#xI/\x9d=\x13O\xeb\xd1T\x0e&lt;\x95;\xad\xec\x88\x80\xd2\xb2jA\xab\x8a\x1d\xa9\xbc\x91!\x9d\x90\xc0\xcb.\x9d\x9bI\xe9sS\n\x01\x00,\x1e\x9a\x1d\xe7n\xf5\xc4^V\xdbq\xef\x19\x0e\x97HJq\xe6E\xf4\tB\x96!/\xb9qJ?\xbfE \x08\x03^=\xbcC\x99\\px\x8b\xc4\x85\x83\xf5\xe3\xef\xb7\xaeVX\x1a\x9b\x94\xe5\xbd\x15V\x0c\xa3\xda$7(\xe94Bo\xbf4\xb7\\h\x11q\xcd\xa4\xde\xb6\'\x18o\xbe\x94w\x9f\xde\xefA/*$w\x01q\x96P\x1e\x81\x88\xaf\x1e\xbe\xc3o)\x08"\x14\xedh\x8e\x88\x7f\\:\xa3\x1cA*\x87\x94\xff\x11\x11\xf1\xef\xcf\x82?\x01\xb4\x8f3q-\x8a\xcf\x03\x89~/D\x1960)\x85a\xf7\xaa\xa9\r\xa3\xed4\xcb\xfeRv.\x9d(\x17\x18\xdf\xb1\xbe\x9d\x0e\xfc\xa0_z\xb5\xc7\xefZ{\xf4\xf6\xe5`e\x7fY\x08\xe0\xc9=7\xba&amp;\x94&gt;e\x00\x94\x0ex\xbe\xff\xcc\x08B\x1f)\x02\x01\xea1w@+my\xdd\x92^\x0b\x1d*\x0f#\x05\x877|u\xee\x84\xf6b\xe1\x00\xa8q\x10\x7f3\xbe\x85\x00`-\xf4\x92\x08F\xb7I\x11\xf2\xb1\x18\xe5~\xd1\x12\xabp\x17`s\xf6\xe8.\xbb\xe2\x84\xb0~J\xff\xe3w\xacl\x16sm\xffFQ\x0e\x89@\xa3;\xac\xab\xd6\xcf7\xcf\x18lT\xd2\x17\x99e&gt;9}\x88\xb3\xa4K\xa6\x8dw\xaf\xb8\xce\x9d\x86\x9d\xc2\xb0fL\xb5;&amp;\xdd0\xb2Kc\x07\xc7;\xa5C\x97\xc6\xb6\xc9\xac\x9c\x7f\xc5X\xcbi-z704\xd9\xcf\xebx\xc2~\xf5\x08ix\x88\xf0\x04\xf1g\xed\x98\xde\xb2j\xc1O\xcf\x1cV\x95\xdc\xbex\xec7o&gt;\x1e\xa8\t@I\xb4\xb3\xea\xedj\x16kW\x93kh\xecU\xdfSs!]_\xebR\x00\xcae\xa67 "\xa7M-^\xb9\xa0[]\xd4\x0f\x06\x11\xa5\xc0M\xc5\x002+\xe7\xaf\xeb\xa6G\x9b\r3b\xd5\xbfy\xef\x86\xd9#[\xd5\x16%\x0fA\x88\xa4\xa0fi/]obp\xd6\x16\xd8\t\xc09\x9c\xa7\x8b\x8c$\xf5Z\x9c\xcf\x15N\x02\xa5\x05\xca\x12\xb4SB4"N\xc9j\xec\xbc)\xfc\xbf\x8f~z\xff\x94\xacj{SD\x98\x9d\xd9\xfdZd7\xee\xf8W\xad\x8a\x0f\x8a\xf8\xdb\xcc&gt;\xcd\x8d\n\x13\x84\xbb\xe8f\xc3\x88\n)p\x8d\xbbWNQ\x16{\xe1\x81M\xaa\x8aG\xb6/\x93\x0b\xd7ry\r*\xeb\xa9\x874\x8f\x17ns\xc39\xdc\x0f\xce\x88\xbbqJ?\xdb\x83\xc2\x86\xa9\x03\xecUd\x80\xf8\x0fg\xc9\'w{}\x04\xcaF\xe0\x8aaN\xff\x96\x96\xca\x9b\x86\x9d\xb0w\xe4\xae\x8b\x1c\x90U\xc9\xd2Q]\x85u@\x10\x9cT\xe7{\xea\xe41\xbdOC\xf3c\xb3p_\xfeW\x03x\xef\x99{=\xc8\xd6K\x96\x1c\xd8\xf1\x00\x00 \x00IDAT\xa8H\xca\x7f\xed\xd7\xe8\xf0\xf7\xa3\x1b=\xa9\x94\xf1-\x06\r&lt;\x0b\n\xaa`\xc9\xf0N&gt;\xf4J\xe4Bx\x06k\xe5&amp;\xe0\xec1\x96E\x04\xe2wa=\xfa\x03@\x93\xf2\xfai\xb0\xb2\xeaX31\xf7;\x96\x9a`6\xcd\x1d.vT\xd2=Qy\xe1\xfeM\x00\x10\x1bz\x11\xf1\x8a\xf3\xc8t\x88\xe8v\n0F\xce\xf7f|\xb3\x8e\xac\xd0\x1b\x9ca\xdb\x91\x8e ,\xa2\xd4\x053\xec8\x0e\xde\xb2\x80\xbd\xba\x9f\xdd\xaf\x05":\xff\xed\xe6\x92L\x00n#|\xe9:\xaeC=\xc4\xff\x03\x80\x8c\ny\xcb\x03$\xe6\xcf\xf6\xda\xedU\xafb\xabj\x85\xc4FUR\x86\x0f)\x1b\x9a\x19\xb8\x98-+\xd5\x9e\xa9\xbe\xc5&amp;\xbfi:+\xee\x9e\x92\x940\x8d\xb4GD&lt;\x88\xdfC\xc8V\xe0O\xe5\xdd\xef\xdfy:P\xab\xfe\xa2\xaeYv\xb2\xe19\xf5X&gt;\xa6\x9b\xebr\x00\x94r9\x1b\xad\xca\n\xa0\xb4"\x89\xa3.\xfcKx\xd3p~w\xad\xb8\xae\x9c\xc56%\x84dy\xb4GB\x14T\x070\xf5P \xcd\x0f\x11\x08\x10\x7fR]\xa9\n\xf0\xe9\x99\xc3\xa8!\xad\x14L\xc9j\xdc\xba\xba\xefNW:\xf0\x9c\x0c\xa7x.8c\xa6\xac\x14Z\xc6\xc9\x9cZ\xd1vM\xc7\xfc~I\'\xdc\xa6v\xacV\xfew\xb1\xb6:\xea\x9a,$\xac\x94+tI\xf2\xde\x97\x8e \\\x03\xf1WP\xd8\xc6|y\xee\xc4\xb2\xd1^\xacd\x9d\xe0\xd04\x08\x117\xce\x18$Oun\x07\x99\xb9ad\x17\xe5\xdb\x99}\x9a#\xfe\xeer\x9f~\xd2\xbc\xe2\xb50\x08\x13;5P\xfd\xc0x\xe8R\x9b\xb5\xeb0M\xa2@\x10\x04/\x815Ss8.+\xa3\x8a\x0ek\x91xb\xd7jD\x1c\xd3\xae.\x00|\xf1\xda1\xbcrA\x1a\xfd\x9f;p\xeb\xb9\xe3w\xee\\:Qe\x08kD\x92\xcb\x99k\xa2\xddm^\x18\xd2\xc7\x80\xf8%\x00\\8y\x9f|}L\xbb:\xdd\x15\x87\xea\xeb\xae\xeb\x8b\xf8\x8b\xab\x92\xecZ:\x91]`\xd5\x84\x9e\xbf}\xfc\x92\xf6z\xc4d\x8c \x88\x00!*\n\n\xc3\xf4\x82\x9f5\x13{\r\xcbL`\xdb/=\xb3\xf7&amp;y7`\xaa\xcc5\xdd|\\~\xfd\xb8U!U\xd4\xb6\x99\xed\xdcS\x8cd,\x08\x90Q\xc1e\xa3\x9cP\x94\t\x93S\x8b\xea\xa7\x96Sim\xea\x15\x07\x08\x9f\xb9\x96 \xdcbh\xf3Z~um\xba\x91\x8fu\xdc\x85\xf2Hc\xcf\xeai\x8c\x92w\xad\xb8\x8em\x07e\xc3\xd0\xd0\xf9\xe1y\xb4\xc3\xfa\x01\x83\xed\x81!}\xf8\x9c\x11\xdf\x10\x7fuh\x94l;2\x12A\x10\x02\xb8e\xd6\x10\xb7\xbbPN\x00\x1c\x85\xff\x08\x94\xbd\x13\x0f\x1b\xa6\r\xf0Rf\xad\xd3\xec\xa3;W\x89j\x1c\x11+\x02 \xe2\xb4\x9eMM\xff\xa9\xe9=3\x02\xee\x95\x12d\xd9\x08"\x9b\x89\x9d\x1b\xf2\x17N\x14\xaa\xfev\xfb\tQ\x8e\xfe\x9c\xfa}\xcc\xc9x,\xaa\xf7\xe8\xd0\x8bus\xe2\x12l_4F[Ew\x93\x91`\x10V\xde\x92?s]\xd3x\x08\x01\xc0\xea\x8a\xbc:\xc0\xec\xbe-\xe4\xb7n\xfc\x9c8\x9d\xbc\xa4\xde\x0fm^\xa2{\x8bN\x1a\x88\x88\x02\xf1+A\xed\xf0&gt;\xb1\xf2\xf0\x95d%]d\x88M\xeb?_p\xd6\xfa\xed\xa2\xcei\xa1=\xe6\xf6\xd7I\xae\xa0\xa5&lt;\xc0\xf0\x96\x89\x00\xb0jBOQ]\xab(\t\x80\xdf\xbfm\xa3\xa2*\xa8\x9c\xdb\x0eWg\x0em\xb7]\x17\x7f\xd6\tD*\x13\x9f\xc7\xdd|\xbc\xf8\xe3\xbbn6O\x10\xb9\x95\xb2\xa1f\x85\xf7\xae\x9f\xcdS\xeb\xc3\xe7\x1eP\xb95\xd4-\xca\x1b\x1c\xe9\xc7\xf7N\xda\x17\xd7\x80\xd3\x0fm\xd3\x8d\xd0y`\xe3&lt;\xedE\x87I+\xc3\x17R\x9b\x10D$\xe0\xaa\xab*\x0f\xa8\xe1\xf2\xeb\x8f\x1a\x8d/\xf3\x07\xb5\x91c+\xbc\xf3\xd4\xbew\x9e\xda\xc7hy\xde\x80\xd66\xc6\xa9)Y\x8d\xe4\xd7\x93\xbb\xa63JVU\x8c\x83N\x06\xc4v5\xfc&lt;\xe5\xb4\x1d\xe1\xc7\xfbD\x8a\xfc\xa7\xfb\x02\xe3\x86\x12D\xa0\xe1\xf1\xb51\x1d\x9elo\xba;\xd6r\x1a\xecF;\x010N\x83\x11QrV\x92+^z\xf9\x11\xd0\xd3\xb3#\xa2\x94\xe2\xc3I$z\xa3s\x97pP\xd4\xf3r\xfc\x8e\x95~\x8b\xe0\x03J\x03\xa6\x08\x8b\x18HD,\xfc\xcbL\x95\xe9wE\x80\x97\x1e\xdc"\\\x1e{\x94\x08}\xab;\xf4\xebF\xfd\xac\xac\x08\x9b\xca\x9e\'\xdc#\xad\x14 \xfej\xfb\x8c\xfd\x97\x0f\x9f\x17*\x8e&gt;5\xdcT\xd1\x08l\xb9a\xb4\xfa\xc7\xa0\xc4\xbd\x10\xd0N\x12\xf8\x10\x84G&lt;\xbas\x95\xbd\x87-\xc6\xfaS*/\xab\x85\xa3\x92D\x1e\xb2;\'\x96R^Q\xf2\xfa\xb1;u\x9bj\\VL\xd2cv\x95z\xc5\xa1w\xfd\xcae\x8c\xf3\x95\xeb\x1a\xeax&lt;\x0f\x99\xb2j\xbc\x8b\xc7\xd4\x00\x90V\xcaZ\xd4L\xe9\x9bR\xc5|\xda8c\x908\xb9\xae\xc1v\x04A\xc4\xef\xdfy\xda\x8d~\tB$\xb3\xfafry\xda\x88@\'=\x92c\xa4H\x0cZ\x15\xf3#[\xaeW\xbe\xb54\xa0\x0b\x99\x00.\x9fe9\x00\xbfvd\xe7\xbf_\xbe.J+\x9f\\\xd0\x0b/\n\x8fAD\xaby4?\x7f\xed(\xe2\x7fV;\x9a\xd0\xa9\x81\xd5*&lt;\xb8\x1d#\x84 \x04\x80\x886\xf6\xaa6\x82\xaf\xe9\xa6\xc7\x13\x85\xe9c\xbffRo\xe5h\xfe\xcbG\x86J\x92\xf6q\xc5\x9dO\x00\xff}y\x8e\xff\xf9w\xbe\xae\xaf\x02\xf0\xcf\x17g\x1d6\xe2\x84h\x17\xda\xdc0\xb5\xbf\xd1\xad\xe2\x00\xf7\xeb\x99K\xa5\x95\x06D\xd4u\xaa\xd0\xa5\xb6\x153bN\xd6]\xd7W|\xa3\x04\xe1\x1eJ\xf7\x99 \x13\x0b\xb0vr\x1f\xed\xf5\x01\x8dbM\xc7\xd0\x18\x03\x85~|\xe8F^\xd6\x08?\xbdw\x83\xb2\xfc\xf21Y\xd2-7\xa2\xf2 \xa2\xf0f=\xc8\x910\xa6m\x1d\xf7;\xb1\x86U\x85\xbe\xea\x08\x08\xff\xe5\xf5\x0e\xd1\x85\x7f"O\x0e\xfdz.\x9c:P\x8fN\x0c\x88\\\x82\x93\x05o\x87x\xc6y\x1e\x8b\xca\xcc\x13]\xed\xb8q\xee\xd1\xbb\xa4\x92w\xad\xb8Ny}\xcd\xa4\xde\xf6\x04``\xfb\xd9g\'fq\x9b\x00\x86\xb0\xb6\xf9\xe3\xc8\xc1\xe1V\x8c\xdf\xbfZ;\xe5\x07\xedt\x87\xc8]4\x8b14\xd1\x94VU\xa2\xf6\xca\x88\xdf\xd8\xfb\xad\xff\xf2\xd1\xf3\xa5\xf8\x92\xba\x18\xa5\xe7\xb0\xa4\xcfi[\xa3\x98naK!\xe0z\xd5\xafd\xea+\xcb\xd3 "\xb6\x8f+\x9e\x10\x05\x00\xd0\xa7\x81\xee\x99\xb1S2*\xe8\xfa\xa5E\x14i\x947\x80 $&lt;\x8d\xcf\x1b\xda/"\x96\xca\t\x1c\xcf\x8fd\x83\xff\xf5\xf9\xc7-\xd5\xaa\x15:\xaf\xbd\xf7\xcc\xbd&lt;\xd3\x00~\xf7\x96\\F\x94\x99\xa0\xdc\xcc\xe6y#-U\xc4\x7f\xbe@\xc4\xc7\xeeZ\xc3.fip\xcbJ\tQ~\xec];\xbdvA\xa8W\\g\'\xe4\x01\x88X\x11\xa0\x88\xe7Q\xa3ed\xf7\x0eK\x81\xb0\x08"\xecA\x8ex\xf7\xc2i\x1fW\xfc\xd9\xfbn\xd1\x8d \x84W\xdew\xa3G\xe52&lt;&gt;/ ^a\xcc\x01]\x92J\xdb8\xf8u/\x89\x18\xe2\xcfZI\x9cX\x98h\xf7zE\x01\xea\x97\x80^\xf5\xad\x1a\xdddC\xea\x0bS&amp;vn\xc8\xf6\'\'\x08\x8fP\xad\xb2\x12\xf3\x812\xdee\xab\xaa\xbe\xa4Xw7\xab\x9fv\x84\xd25\xf2\xd1\xbd(s\xfb\xe2q\x8c\xf6\xa7to&lt;\xa1S\x83\xf2\x1c\xd9\xc0\xad\x12\x9f\x07\x86e&amp;\x88nU\xe4\x07\xee\xcb\xbeA\xa2{]\x9d(\xa8\x9d\x12\xa2\xdd\xee\xd7a\nR\x82\xf0\r\x17,\xdf\x00\x00\xf2\x00\xfc\xfa\xd1\x0b\xee\xb4m\x99\xb9\x03ZE+\xdeN\xc9j\xcc(,\x0f\xf4\xf2\xb8?w@\xabm\x0bGkK\xb6\x8f39\xaf5-`D-f\x94\x8c\x80,\xb1\x11\xff\x94_\xf3\xa4O9{l\x97\x90~K:&gt;\xdde\xa0r\x13c\x7f\xd4\x02#9\xdf6g\x98\xf2mVJ\xb9\r\xd3\x06\x88k\x9e r\x19\x8cG\x97\xdf\xc8\xd2\xf6P{r\xdfF\xf9\xf5\xdc\x01\\a\x9f%\xde~r\xaf\xa5=W\xac\x95\xc225\x00&gt;\x7f\xed\x18\xbb\xcco\x17_\xe2\xff\xf7;%\x96*\rp\xc3\xc8\xce\xb6\xc4\t\x10\t\xa1S\xaf\x07s\xadn\xa4\xe8&lt;\x1a\xdbP\x82 ,\xa8\x17l\xeb^L\x9f\xf9\xca\x1c-8\x198,\x9d\x1f\xf0\xf8\xd3\xd9^/\xf3\xf8\xc4J\x03\xa6\x14\xa4\x13\xff\xf9B\x88\x07\x83\xc3\x13\x94\xff\xbd\xf0\xa0\x08)\x00\x00\x10\xbfW\xbe=\x7f\xc2~\x8c?\xa3\x13\x15\xbf\xce\xba\tB0J\xab|\'\x19\xdbK\x19\xa8\xa43*\xe4\xcd\xab\x18\xa0\x05*\xaf&amp;tj\xb0a\xaa\xb0\x1d7c\x02\xa8W\x1c\xf0\xdb7\x8d*\xbaaz9\xaaM\ng\x8e\x04\xdb\xdc6g\x18\xfe\xf3\xb9\xab]\x04\x84\xe9=3\xfc\x16\x81 &lt;A^\xb0T3.sx\xdbR\xa3[\xd1\x0e\xba^8\xa4}\xcb\xaa\x05\xbb%\xdb\xc9\xbe\xc8\x90V\x85r\xdd%\xca\x85J\x92xH\xb3\xf8\xcf_=*\xa8IX0\xa8\xad\xbd\x8a\x0c?$#\xdf\x887\x1f\xdf\x83\x88]k[\xfb\xe4\x11\x7f\xb3T&gt;\xbc\xf8\xe1]\x9d n\x019\x86!\x08\x171\x1a&amp;t9\xb2}\x99\xd8\xde\xdd~\xc6\xe6\xf4k\xa9{}P\xd3\x9a\x15\xf5\xae\xefZ6\xc9\xb4\xcd\x0e\xf1%l\xc78\xea\xd3\xb0\x8a\xdb\xff\xb2\xe9I\xadC\xe5U0\x89q\xc1\x16\xcb\x03\xc8M\x8d\x084\xaa\x91bX\x0b\xc1\xb6\x89#[\'gw\xf4\xf5\x1bFef\xf7\xf3.l\xd1\xd2Q]\x00`Z\x8f\xa6\x8c2\x0e\xe3\xdbI&gt;P\x82\xd2\xce\xeb\xb0tTW{\x86I\xc5\x00\x94\xd1i\xaa\x00\\?\xa2\x930\xb1\x02\xc0\x96\xf9jw&lt;\xd3M\xe1\xa4.\rE\xcd\x97\xba\x86\xaa\xf8\xf3\x07\xce[&amp;\x08\xf14.\x0b\x000\xb6]]\xf7\xba\x90\x1f\xad(\xe6V\xc0\xb3\xe5ja\x80\xbeiU\xfb6\xb4\x16w\xa1Km\x93aD\xa5\xf4G\xc4\xc9]\xd3\xfd\xca\x15\x85\x7f}\xa6\xbdx\xd3\xb4\x81\xd2\x0b\xdd\xb8{\xc1\x81\xfdK(cv\xb0\x8c\x88E\x00\xe2B/\x0em^\x8b\xdd\xa9\xaeq\xb0\r\xd0z\xa4k\x82\xf0\ro6\xa7\x88X\x08\xa0V\x14\xeb\xd9.\xe0,=d\x82\x95\xa4\x94mb-\x8f\xcch\x1c\xd7\x13\xff\xbc\xc4\xa8e\xd6\xec\xcf&lt;v\xf7N\xd0\x9a \x9a\xda&gt;\x855\xee\xed\xbaLi^)\xdf\x81\x9b\xe6F\x9e\xe6\x8d\x08\x1b,\x8d\xa0\r\xa3a\xc7\xf5\xe3\xdd\x12%`H\x83~j1\x9bFM\x1c\xa1\xea\xf4\xf9\xeb\xf3W\x95oU\xa3\xc3\xd1\xdb\x97\x1d\xbfc\x85\xf2\xca\xac\xbe\x99\xa0\x97\xa3\xd8\x1e\x88ht\x80&lt;43\xc1\x89}\x97%D\xad\xafy\xe8\x9a\\v\xcf\xeai\xb6\xab\xab\x0c\xd2\xf0\xdf/\xf8cs\xd4w\xcf\xab\x8d ,\xc1c/(\xa5Ht\xbebz\xf5\xf0\x8eQ9Z~I\xbd.0\x1d+\xfewY{\xd1\xc8\xb1\x86\x11\xf4\x06\x11\xf1\xa7\xf7\xbe~\xe31Ar\tCu\x82-\xedd\xba\xa5\x94\xeb\xdf\xa8\xfa\xab\x87\xef\xf0E$\xe1\x1c\xde\xb6t\xc5\xd8,\xa3\xbb\xae\x04AU0\xa4Y&lt;gIDT\xe5B@\xc4EC\xdb\xbb \x14A\xb8\x00\x7f\xe0r\x89\xb0\xd8\x01\x14\xe5\xcb\x16\x90YYg\xad&amp;\xd6\t\xf3\xf0\xb6\x1bl\xe7-\x90P\xd9\xb6\xd6+n\x98c\xd6H\x93 &lt;\xc3L,@\x9b\xd8\xa2\t\xf9\x008\x8c\x8bl\xe3R\x9c\x12\x1e\x10\xb1S"\x97\xb2\xf3\x99}7M\xec\xd4\x00rv\xd2\xe7O\xdc\x1d\x91\xc6TDdb\x1a\xa1\xde\x1e\xcdb\xdc\xf5o&lt;u\xef\xcd\xee5.\xf6\xe9\xc5\x1f\xde\x19\xa380\x97&gt;\x97\xf8&lt;\xf0\xde\xd3\xfb\xed5\x18gEB+\xc7\x1c\xd70m\xbfy\xc5|\r\xf4&amp;5\x8bk\t\x13\x19:\x1b\x0f\xc1\xb6\xd5k\x96\x04\xf8\xeb\xf3\xd7L\x8bm\x9e7B\x9a\x08\x95\x15\xdb\xd5\xb4\x9f\xd3+\xf2S1\x10\xc1\xc1\xd4\xd4\x81\x8d_+\x1dK\x07\xb2n$n\xe4G\xf9\x11\x9d~h\xab*\xc2\xe8\xe5\xd7\x1f\xb5\xd7f\x12\xdf\xf28\xb2\x0fom\xc3\xb3H\xa7U&lt;Ad\x93\x90O\xccN\x7fPF\x9cy\xa1\x00`#\x1c\xcd\x8e%\xe3\x18\x91\x87w\\?^7\xactJ!\x98\x15\x9a\x84\xb9\x14\x80\xe9\x81\xe4S{n\xdc\xbdj*\x8fT\x02\'\x00\xf6\xaa\x16\xbf}\x0b\xf1?q\xbd\xb9K\xf0\xb54]\x92,9b\x12\x84\xcbXM\xbf\xa5\x04\xff\xef#\x81\x92h\xf9\xe1\xddgTW,\x1dS7-\x0f\x0b\x06\xb7S^\x91\x8e\x01De\r\x8c\xcd\x19q\x8c\xa4\xaa\xadX\xce#\xa2ip\x85\xcf_;6\xb0I\x80\xfc[\x97\x0c\xeft\xf7\x8a\xeb&amp;y\x92BK\xa5o\t\x14\xe3;\xd4\xf3[\x04\x82\xb0Br!\x98\xd1\xbb\x99\xa5*\xe9</t>
        </is>
      </c>
      <c r="E198" t="inlineStr">
        <is>
          <t>&lt;class 'numpy.ndarray'&gt;</t>
        </is>
      </c>
    </row>
    <row r="199">
      <c r="A199" s="1" t="n">
        <v>197</v>
      </c>
      <c r="B199" t="inlineStr">
        <is>
          <t>steps_per_sec</t>
        </is>
      </c>
      <c r="C199" t="n">
        <v>2900</v>
      </c>
      <c r="D199" t="inlineStr">
        <is>
          <t>3.3602676</t>
        </is>
      </c>
      <c r="E199" t="inlineStr">
        <is>
          <t>&lt;class 'numpy.ndarray'&gt;</t>
        </is>
      </c>
    </row>
    <row r="200">
      <c r="A200" s="1" t="n">
        <v>198</v>
      </c>
      <c r="B200" t="inlineStr">
        <is>
          <t>Loss/object_center</t>
        </is>
      </c>
      <c r="C200" t="n">
        <v>2900</v>
      </c>
      <c r="D200" t="inlineStr">
        <is>
          <t>0.9919235</t>
        </is>
      </c>
      <c r="E200" t="inlineStr">
        <is>
          <t>&lt;class 'numpy.ndarray'&gt;</t>
        </is>
      </c>
    </row>
    <row r="201">
      <c r="A201" s="1" t="n">
        <v>199</v>
      </c>
      <c r="B201" t="inlineStr">
        <is>
          <t>Loss/box/scale</t>
        </is>
      </c>
      <c r="C201" t="n">
        <v>2900</v>
      </c>
      <c r="D201" t="inlineStr">
        <is>
          <t>0.110321485</t>
        </is>
      </c>
      <c r="E201" t="inlineStr">
        <is>
          <t>&lt;class 'numpy.ndarray'&gt;</t>
        </is>
      </c>
    </row>
    <row r="202">
      <c r="A202" s="1" t="n">
        <v>200</v>
      </c>
      <c r="B202" t="inlineStr">
        <is>
          <t>Loss/box/offset</t>
        </is>
      </c>
      <c r="C202" t="n">
        <v>2900</v>
      </c>
      <c r="D202" t="inlineStr">
        <is>
          <t>0.23771426</t>
        </is>
      </c>
      <c r="E202" t="inlineStr">
        <is>
          <t>&lt;class 'numpy.ndarray'&gt;</t>
        </is>
      </c>
    </row>
    <row r="203">
      <c r="A203" s="1" t="n">
        <v>201</v>
      </c>
      <c r="B203" t="inlineStr">
        <is>
          <t>Loss/total_loss</t>
        </is>
      </c>
      <c r="C203" t="n">
        <v>2900</v>
      </c>
      <c r="D203" t="inlineStr">
        <is>
          <t>1.3399593</t>
        </is>
      </c>
      <c r="E203" t="inlineStr">
        <is>
          <t>&lt;class 'numpy.ndarray'&gt;</t>
        </is>
      </c>
    </row>
    <row r="204">
      <c r="A204" s="1" t="n">
        <v>202</v>
      </c>
      <c r="B204" t="inlineStr">
        <is>
          <t>learning_rate</t>
        </is>
      </c>
      <c r="C204" t="n">
        <v>2900</v>
      </c>
      <c r="D204" t="inlineStr">
        <is>
          <t>0.001</t>
        </is>
      </c>
      <c r="E204" t="inlineStr">
        <is>
          <t>&lt;class 'numpy.ndarray'&gt;</t>
        </is>
      </c>
    </row>
    <row r="205">
      <c r="A205" s="1" t="n">
        <v>203</v>
      </c>
      <c r="B205" t="inlineStr">
        <is>
          <t>train_input_images</t>
        </is>
      </c>
      <c r="C205" t="n">
        <v>2900</v>
      </c>
      <c r="D205" t="inlineStr">
        <is>
          <t>[b'512' b'512'
 b'\x89PNG\r\n\x1a\n\x00\x00\x00\rIHDR\x00\x00\x02\x00\x00\x00\x02\x00\x08\x02\x00\x00\x00{\x1aC\xad\x00\x00 \x00IDATx\x9c\xed\xddU\x98\x14\xd7\x12\x00\xe0"\t\x9e\\$\xc1\xdda\x17ww_lqww\x08\xee\xee\xee\xee\xee\xee\xee\x10\xdc\xddu\xb1\x95Ip\xea&gt;4\xdb\xf4\xb6{\xcf\xcc\xd6\xff\xdd\x87\x99\x9e\xd3\xa7\xeb\x12\xe8\x99&gt;R\x05@\x08!\x84\x10B\x08!\x84\x10B\x08!\x84\x10B\x08!\x84\x10B\x08!\x84\x10B\x08!\x84\x10B\x08!\x84\x10B\x08!\x84\x10B\x08!\x84\x10B\x08!\x84\x10B\x08!\x84\x10B\x08!\x84\x10B\x08!\x84\x10B\x08!\x84\x10B\xc2\xb9j\xd9\x13;\x1d\x82\xd7B|%\xfdQ\x88\x9d\x91\x10BH8\xd5\xbalv\xa7C \x84\x10+u\xf6/0\xbdW\x13\xa7\xa3 \x84\x10\xe2\x84\x13\xeb\xa6\xbd\xb9\xba\xcf\xe9(H8\xe2\xbaw\xcc\xe9\x10\x08!\xa1d\xc6\x9d\t1\x08\x83o\xfd\xf7\xe0\x04b\x00b\xf0\x9b\xab{\xf3\xc5\xffer\xb7\x06N\x07E\x08\xe1\xd89o\x98\xd3!\x10/\x84\xf8\n1\xc8u\xf7\x18\x00D\x02\xc0\xff\xee!\xba\x10\x83\x8e\xac\x9c\xe4th\x84\x84\x1b\xf8\xea\x12\x00D\x94i\x80/l\x0b\x86\x84\x13\x17v,\xc0\x80\xcb\xb1\xc3\x1eD\x0c\xec\xdf\xa8\x1cb\xc8\x9d#k\x9c\t\x8b\x90\xf0\xe6\xe9\xd9\xadu\xf3\xa7\xfe\xfc\xf8\x8c\xe8\xa7\x97w/F|csH\xc4\xeba\xc8m\xc9\x8f\xbe&gt;A\x0c\xd9\xbfd\xac\x9d\xf1\x10\x12Nm\x9d9\x08?&gt;(\x97\xe1O\xd1O\x11C\x10\xdf\xd9\x1c\x12\xf1n\xff=8Q-G\x12\xe6\xf5_\x82OC\xc7\x82\\\xf8\xfd\x99\xcd\x81\x11\x12\xee\xe0\x97\'q$&gt;\xda4\xad?b\xf0\xf9m\xf3l\r\x88x;\xf6\xce~v\xcb\x1c\xfeG\xff\xde\xfdq\xf7G\x17b\x90\xed\xa1\x11BB!\x06 \x06\xf6mP\xda\xe9@\x88\xf7\x98?\xb8mb\x80\xc8\x00\x10\xfaM\x10\x89\xf3)b\x08}\x01\x10b\xab\xf2&gt;\xc2\x07q\x00\x00\xc4\xf7\x18r\xbb@\xc2\xdfd\xce\x8d"\xecMb4\x89\x10\x00H\n\x80\x9f\x1f3\xd3\xbf\x18t\x13\x00Z\x94\xce\xca~\x8a\x18D_\x00\x84\xb8\x05\xeb\xfe\x05F\x908\xde\xba\\\x0e\x8b\xae\xe8ef\xf6i\xe6t\x08:\xd5\xc9\x97jr\xb7\x06\x99\xa2\x03\x00L\xed\xd1\x88\xf7\xa9O\x14\xeew\x00}\x01\x10\xe2\xa5B\xee\x1c\x15\x1e\xc4\x97\x17\xec\x8f\x84\xd8,"\x00~y\xcc\xbe\xf5\xcf\x96h\xf7\x82\x91\xb1B\xdfb\xe0\xcd\x1f_\x00\x9c6\x00pe\xcf\x12\x1bc$\x84\x10b\x8do\xcf\xcf\xed[2\x86w\xb0w\xdd\x92\x88\xc1\x88.\xc4\x97\xc2\xb5gKFt\xaa_0\xad]\x01\x12Bl\x94[|\x1a\x82x-\x0c\xbc\x81\x9f\x1e1\xafW\x8e\xed\xb6zB\x8f\'g\xb6\xb8\xee\x1d\x1b\xd9\xa6\x9ah\xfbT6\xc6F\x08!\xc4r\xf7\x8f\xaf\xc7/\x8f\x11C\x10C0\xe8Vd\xa7\xe3!\x84\x10b\xab\xb2\xe9cW\xcb\x9e\x98\x1e\x02\t!\x1e\xe9\xd5\xc5]N\x87@\x08\xf10\xbf8\x1d\x001\xc7\xb3\xa7O\xad\xeb&lt;\xb5;\xfd5)\x96,\x9a\xd3!\x10B\x08!\x84\x10B\x08!\xc43\x0co\xe5\xeft\x08\x84\x10B\x08!\x84\x10B&lt;\x8bp;1!\x84X+{L\xa7# Z\xfca\xec\xf4\xdcR\x153\x08!\x9a\xe0\xdbkN\x87@&lt;\x80\x9f\xaf\xc2Mw\xc9\x88N*\xbb\x92\xcbf\xae\xce\xd8\x8e\xb5\x0c\xf7A\x08!D\x1d7\xd9\xf9\x90\x08 S4H\xe8t\x18\x84\x10\x12\xaee\xa4\xfdg\x84\x10\xb7B\xf52\t!\x84\x103\roM;E\x08\xf1d\xddj\x14q:\x04B\x08!\xeaT\xcf\x99\xd4\xe9\x10\x08\xf1H\x1f\x1e\x9ct:\x04B\xc2\x87\x88N\x07@\xdcV|\xa7\x03 \x84\x109\xf1\x9c\x0e |\xba\x7f|\xbd\xd3!\x10B\xc2\xb76\xe5r8\x1d\x02!\x84\x10\xf7Fe\xd0\t\xf1nn\xb2\xe1\x91\xb8\x9d\xcb\xbb\x16\xf9d\x92\x1b+\xeaX9\x9f\xf0`\xad&lt;),\x8b\x88\x10B\x88-J\xa5\xfe\x9f|\x83\xbd\x8bG\x8f\xa0\xc5\xf2Z\xcc\xee\xdf\xd2\xe9\x10\x08!D\x97\xb3[\xe6p\xdf\x16O\x11\xfd\xef\xea\x85\x9d\n\xc6\x11\xa9#8y\xf5\xa8N^\x9c\x10B\x08!\x84\x10B\x08!\x92v/\x18\xe9t\x08j!\x06;\x1d\x02!\x84\x10B\x08!\x84\x10B\x08!\x84\x10B\x9c3\xb8Y\x05\x07\xaf\x1e\xd7\xc1k\x13B\x08q\ne`%\x84\x10B\x08!\xd2\xd2\xfd\xe6t\x04\x84\x10B\x88\xa7\xf8\xf0\xd0\x1bJJ\x15J\x1c\xc9\xe9\x10\x08!\xdek\xcd\xc4\x9eN\x87@\x08!&amp;\xa0t\xd0\x9a=}\xfc\xc4\xe9\x10\x08!\x84\x10B\x08!\x84\x10B\x88U\x10C\x1c\xba\xae\xcb\x91\xeb\x12BH\xb8\xd3\xbdV1\x00\xc0\xcf\x8fy\xc7{\xd6)\x9e\x90\xf3\xf6\xe0\xb2\xf16\x06E\xdc\x82O\x14\xfe\x91$\x8263\xfb4\xb3%\x16B\x88\xc5\xca\xa6\x8b\xed\x13\x19f\xf4nz\xe7\xe8\x9a\x93\xeb\xa7s?:\xb0l\x9cSQ\x11\x8f3\xacU\x15\xa7C \x84\xa8&amp;\xfc\x17\x8b\xf8\xfc\xd8\x9a\xa9N\xc4b&amp;|{\xd5\xe9\x10\xc2\x11\xaa\xe3H\x88\xf7@|[-{b\xa7\xa3pw+\xc6\xfc\xedt\x08\xee\xe2\xce\x915\xf1u\x9d\x88\xff\xdd39\x14B\x88JR\xfb#\x8e\xac\x9a\xf4\xf1\xd1)[C!\xdeE\xe5\xf7\x81\xb3\x89W\tq#\xcbFuq\xe4\xba\xf8\xe1&gt;\xff\x08\x06#\xbes$\x18\xe2&amp;2F\x139h\xeeSa\xdd\x02i\x0e.\xa7%\x06\x84\x98!\x9d\xc6T\xc2E\x93\xfd\xf8\'\xbey\xfa\x00\xeeq\xc4\xf7\x88.\xdb\xca\xe7\xea\x1b: \xf6\xa3\x9b5!^h\xdb\xec\xc1\xec\xeb\xdd\x0bF"\xba\x10]\x88A\xec\xc1&lt;qh\x91&gt;qL\x8eXNG@H8\xd1\xa8H\x86\x1f_\x00\xdf\x9e\xf2&gt;*\x94\xc8\x92\x0c\x94O\xfe\xd9jE\xb7\xc4\x9b$u:\x00B\xbc\x13\xf7\xe7U\xb7\x1aEF\xb6\xa9\x86\x18\x84\xae\xbb\xf6\\\xbdN\xbeT\x9d\xaa\xe4\xb7\xe7Z\xc4D\x05\x12P1\nB\xbc\x05\xe2\x1b\xc4`\xc4\x90\x8b;\x17\xday]\x9a\x00\xf0P#ZWu:\x04B\x88y\xf0\xbf{\x8fNo\x96o3\xacee{\x82!\xee\xa6d\xaa?\x1c\xb9ntG\xaeJ\x08\xf1J\x05\x12:9vQ6}l\x07\xafN\x08!\n\xb2\xfc\xeet\x04\x8e\xb2t\xbdS\\\xeb\xba\xb6\x12b\x08\x15\xa1$\x84\x10\xcdt\xec\xa9\x8eaE\x1c\x06 \xba\xa6\xf7jb\xcf\xb5Nm\x98A3C\x84\x10K\xf8gKd\xf3\x9e\x06g\xc6\xcee\xc5\xd4~\x8a\xca?4|uI{\xdf\x84\x10\x8b5-\x91\xc9\xe9\x10\xdc\x05mj\x13\xcb\xf2`\x0e\xfa\xb3%\xc4\xed`\xc0\xa5p&gt;\xb2O\x8c\xa8\x90\xd1C\'/\x08\t\xdfj\xe5I\xe1t\x08\x84\xf0\xc5\x07\xc8\x1b7\x82\xd3Q\x10B\x081\x15\xe2\xf3\xe2)\xe4\x96\xefg\xf9\x1df\xf4nj[&lt;\x84x\x1eS\xf2\xee^\xde\xb5\xc8\x8cn\x88;\xca\x1e\xd3\xa6\x0b!\xbeQ\xdf8\xe0\xf2\x1e\xc5i\x808\xc6\xe2!\x84\x10\xe2.hv\x89\x10B\xc2;\xca\x10G\x88\xf3\x16\x0f\xefh\xb0\x87T\xa6\xc4A\x88j\x8d\x8adp:\x04B\x08\x00\x00\x94IK58&lt;\xc9\xf3\xf3;\xdc|\x01~\xf6\x980\xbb_\x0b\x99\x06n\x1e?!^\xe5\x7fN\x07@\xc2\x1b|}Y\xe6\xd3\x86\x85\xd3\xcb|Z\x916"\x10\xe2\xe9:V\xc9\xe7t\x08\xc4BO\xa5\x8b\xbbU\xcb\x9e\xe4/c\x9d\xfb\xf9\x18\xec\x80\x10o\xe4\x13\xd9\xe1\x00*gI\xc0}\x9b?\xc1\xafg6\xcd6\xd8\xe7\xc0\xa6~\x06{ \xd6i\xeb\x97S\xeb)\xd3z6A\x0c\x91i\xe0\x9f5\xa1|\x03B\x886\xf6&lt;6\xfbD\t\xf361@T\xbd]\xb9a\xde4Mb:\x1d\x00!\xc4]&lt;&lt;\xb9\xd1\xe9\x10\x88c\x12:\x1d\x00!\xc4I)\x9d\x0e\xc0R1\xe8\x07\xaf,\xde\xb2\x16\xddOE\x84\x10\x12\x1e=?\xbf\xc3\xe9\x10\xbc\xcd\xf0VU\x9c\x0e\x81\x10B\x08!\x84\x84\x13\xf9\x13\xfc\xca\xbc8\xbdq\xa6\xb3\x91\x10B\x88\x93\x16\x0em\xeft\x08\xc4|\xcbGw=\xbef\xaa\xb31\x8c\xef\\\xc7\xd9\x00\x08!\xc4L\xe8\xbacn\x87c:\xd44\xb7C\xc6\xe9\x8d3W\x8e\xeb\xae\xfb\xf4B\x89"\x01\xfd8 \xc4\x9b\xf4\xaa[\xd2\xe9\x10 \x81r\x133u\xafU\xd4\xde\x0b\xba\x8b\x01\x8d\xcb\x1b9=\x19\x00\x00\xe0\xf7g\xa6\x04#T&gt;\xc3\x9f\xf2\r\xa8z\x1c!&amp;;\xb7u.wE\xa0\xee:\x1eY\xc3M\xfa\x9e\xd6\xe5r8\x1d\x82\x03\xaadu\xc7\x9d\x03\xb9\xfe\x84b\xc9\xad\xab!/\xa2w\xbdRv^\x8e\x10[\x05\xdf&gt;R5\xbb)\xf5\xbe\x8c\xb2\xf9\xb1 &lt;\x18\xd6\xaaJ\x12\xa7c\x10\x95.\xa2\xc3\x01\xe4\x8f\xff\xab\xca\x96\xddk\x16\xb52\x10B\x9c\xe6\xe7\xebLQ&lt;\x8b~Y\xcb\x95\x7f%\x04\x00\x00\xd4\'r\xa3\xbfN\xc4\xab|y\xf2\x8f\xd3!\xfc\xf4\xe2\x82;n\xad\xa2\xe2\x03D%\xfa\xabB\x88\xb7\xd1\x9a\xe9\xf7\xda\xbee\x16Eb\x9d\xb1\x1dku\xaa\x92_\xa6\xc1\x9a\t=m\x0bF\x86#E\x1d\x93:qQB\xc8\x0f\x88.\xe6\x7f\xec\x91\x9c\n\x0bF\xcc\x94&gt;\x92}\xd7\xd2aT\xdb\xeaN\x87`\x02\xc4\x005\xcdr\x87\x1d\x9e\x8c\x1d\xf6S\xe3\xcb\x84\x0c\xfe\x84\xefCS\xc4\xc4\xb3\xbc\xbe\xb2W\xea\xa3\xe1\xad\xfd\xed\x8cD\n{\xf7w\xa4,_2\x80\xef\xcf\xcfk:\xa5\x7f\xa3rR\x1f\x85\x9b\xa5Rfztj\x93\xca\x96\xb6\xae\x07"\x84\xd8\xc0\xce\xbb\x7f\x0e\xcb\x06q\x075\xab \xf5\x11\xbe\xbeb\xd5U\x1d\x12E\xb9\x899\xd2\xfcb\xd7\x95\x08!f\xf9\r\xa0P\xe2H\xa98I\x89\x076\xf1\xf3\x89\x02y\xe3E\xd0\xda\x95\xb9\xfb\x0f\xf0\x8d\xf9\xf7\xe2~\r\xcb\x00\xc0\xc9\xf53\xa4\x1aL\xfa\xbb\xbe\xcc\xe9I\x01\x10\xdf\x9b\x1e\x95\xa50\xf0\x86\xd3!\x10BL\xd5\xa1r^\xd3\xfbtdTG\x10C\x10\xf7\xed\xae\xf9#\x9c\x8aD\x8am?\xa8YC\x9aW2\xd8\xc3\x92\x11\x9d\x84\x07E\xa7pW\x19\xc8N\xc1#\xb5F\xb3R\xa6x\xb4|\x93\x10\xf7\x12t\xeb0\xbe\xbelE\xcf2\xa3\xf0B\x88.w\xdc\xe4J4\xea\xdb\xa0\xb4\xd3!\x10\xe2\xa5V\x8e\xebfz\x9f\xee\xf0\xf3\xdfD\xf9\xe2\xd1\x80\xb4\xe5\x84\xd3\xbc\x9e^\xa8\x99\x10\xb7\x9636T\xcd\xa699D\xe9412D\x169~j\xc3\xcf\xa1\xf0\xb9\x03ZI\x9d\xde\xa6|\x8e\xf6\x15\xf3(^%\xb5`\xca\xc0\xc7\xfe\xe1\x12b\xaa\x86E28\x1d\x02!\xe1\xdb\xae\x05#\x98\xbdO%R\xd2\x0f,\xb5\x9a\x14\xf3\xd5z\x8a\xe6)o\xf70\xb4\x85\xaa\x19\x02\xe6\tO\xebB\x9dB\x89#\x81`b\xc6Rg6\xcd\xb2\xedZ\x84x\xaaL\xd1\xe1\xe0\xb2qv^\xb1W\xdd\x12\x000g@\xcb\x98v^U/\x99u&gt;R\xfe\xd9&lt;\xdb\x94\'\x96j9\xdc3\xc9\x1bL\xe8RW\xdf\x89v\xee\xbd;\xbfm^\xe941\x01\xa0^\x814:N\x7fw\xfd@\x1eg\xb2g\x11b6\x1d\x0b1\xf5\xc9\x1f\xff\xd7\t\x9d\xebN\xed\xd1\x88y;\xb6C-\xa9\x961\x00\x00\x001\xc4\x96\xb8$m\x9f3\xc4\xd9\x00&lt;\xd1\xd8\x8e\xb5\xf4\xdd\x1b\x1d\x99\x1f\x12\x1b\xb3$\x84H0\xeb\xd9\xf9\xe3\xa3\xd3\x8a\xff\xe0\xb7\xcc\x1cd\xca\xb5t{zv\x9b\xb3\x01x\x8d\xff\x1e\x9cPl\xf3\xfd\x85\xb6\xdd\xd7n"\xb6r\x13B\xbcE\xa9\xd4\xa6\xed\xc2\xe2}\x01\x8clS\xd5`\x0f\x84Xd\xf7\xc2\x91\xbc#\x8e\xd73 D\x9b\x92\xa9\xf8\xf7n6\t\x82\xca\xbc\x0b\xf7\x8f\xaf\xd7=\xc2k\x85\xbab\x03\xb8E\x92F\xa9\x93/\x95\xfd\xc1\x10\xfbYt\x13.\x924\xca\xd8\x8e\xb5\x12q~\xee4)\x9e\xd1\x9aK\x11b\x17\xf9\xb4Y\xf8\xef]\xc5\x1e\xbe&gt;;g0\x86\xfa\x05\xd3\x1a\xecA\x91\x9d\xfb?\xcb)\x95\xb4\r\xcf*\xf8\xc6u:\x84\x1f\xb6\xce\x1a\x0c\xda\xa7\x94\x1e\x9e\xdc\x88_\x1e\xbf\xbe\xbc\xc7\x9a\xa0\x08\t\x07\xda\xfa\xe5\x92o`|\r\xf8\x8b\x0b;\r\xf6\xe0\x0e2Q\xe2\x02SM\xec\xca\xcf\xb6t\xe7\xc8\x1a\xe3\xddV\xcfA\x95\x02\x88\x87[7\xa9\xb7\xf0 b\xa0\xed\x81x\xa7\x9euJ8\x1d\x02\x81\xab{\x97Z\xd797\x8f\x08\xfd\xc3!\xc4\xdb\xcc\xee\xd7\xc2\xe9\x10\x08!\x84\xe8\xb5o\xf1\x98\xe0\xdbG\xf4\x9d[:M\x0c\xf9\x06\x01\x97w\x03\xc0\x87\x07\'\xf5\xf5o3\xf5{\xbb\x93Y\x18\x05!\xc4\xa3\x14H\xf0\x1b\xbb:(St\xc0O\x0f\xed\xbcz\x91\xa4Q\xed\xbc\x1c\x17\r\xc8\x13B\xbc\x07b\x00~y\x0c\x00\xe5\xc5\x16\xae$\x00\xa8\x99;\xf9?\x9bg\x0b?J\x14\xa6\x13W\xc3\xc2\xe9\xc5\xfb\x7f{\xb5@\x02\xc9\xf2\xdd\xe7\xb6\xceS\x8e\xf0\xf3#\xa9\x1a\xe5j\xd6\x9e\x86\xdc=\xaa\xd8F\rGJ\x90\x13\xadj\xe4J\x86\xdf\x9e\xf2\x0e*&lt;\xb5\x11BD\xf9gK\xd4\xacdf\xc5fGWM\x16=^=gR\xf9m\x04\x88\xaf\xd9\xd7c\xda\xd7\x94h#\xd9\x03\xbe\xbb\xde\xadf\x11\xf9\xd8\xcen\x99#\xdf@({L\xadg\x107\x15\x1d \x80\xb3^\xd3\xc8F\x905\x13{\xa9o\xfc\xe0\xc4\x06\xdd\x17"\xc4V\xcbFu\t\xbcyH\xea\xd3\xa9=\x1a\xe1\x87\x07V\\wH\xf3\x8a\x88.f\x17\xc2\x80\xc6\xe5\x16\r\xeb \xd38\x91\xccg\x00\x00P-\xbb\xe6&lt;\xd5$\xbca\xf3M\x19\xa1\xf8W\x11\x00&amp;v\xadg\xfcB\x84\xd8\x87\xd9\x14#J\xcdf`_\xb1T\x96\r$\xc6\x858=\xff\xc8\xf4\xdb\xa2tV\xe6B\xaf\xaf\xecU:%X\xe6\xd3\\\xb4\x01K\x82\xfc\x1fL\xb7\x9aE\xdb\x94\xcfiS(\xce\xa1\x14o\x84h\x86\xe8\x1a\xd6\xaa\x8a\xe6\xb3\x82o\xa9\xe9\x99y\xa1~\x84\xbdn\xfe\xd4Z#1\xa2HR*+\xe3\x01\xf4\xfdG\xea\xd7\xb0\xac\xe3\x99e\tqG\xb6\xfd\x94V\xfc\xc9\xef\x0e\xa6\xf5l\xdc\xb5Z!\xe1\xf1\xbd\x8bF\xd9\x1f\x0c\x91\x911\x9a\\:qB\x88Z\x99\x7fw:\x02%W\xf6,q:\x04\xe2^Z\x97\xcb\xeet\x08\x84x\xbe\x04\xd2\x1f\xa9\x19\xdbQ\xc4]\xff\xc3\x95S\xcb\x93\x07\xbe\xbb\xd6\xb4xF\x00\xb8}x5\xf7\xb8|z;G\xac\x9b\xdcGM3\x95u\x8c\xf5\xd5\xab"\x84\x10\x11\x88o\x00`|\xe7:N\x07B\x88Qg\xb7\xccu:\x04B&lt;\xd3\xc7\x87\xa7\x9c\x0e\xe1\xa7\xd4f\x94\xa4L\xa8\xdc\xc4\x1c\xf8\xdf=\x99O\x076\xf5\xb3+\x90\x9f\x98"\xecF\x96\xbe\xfceR$\x9a|~\xf2\x8f\x13\x97%$|\x1b\xd0\xa4\xfc3\x87\x8a\x1dN\xe8R\xd7\xb6;\xb5#l^\xbcD\xf4\x993\xa0\x95\xd3!\x10\xe2\t\x8a%\x17\x1fiW\x9f\x16]\xb8e\xdf\xb3\xdc:\xb8\xd2\xd2\xfe#Y\xda;\x11(\x9e\x82R=\x11\x12*\xf0\xd6!\xa7C\xd0\xcc\xb4\xc2\xc4\x04`\x90`\xd8*\x83\xb1\x9dT\x8a\xb9T\x1d\x14\xcf\xa4~\xa8\xe8(\xf1\x06k&amp;\xf6\x94\xca\xf0\xc3\x13\xdf\x9dj_t\xac\x9c\xef\xbf\xfb\'\xb6\xce\x1a\xe4t \xee\xaec\xe5|N\x87\xe0\r\x98Y\x16B\xbcJ\xe3b&gt;\x88/\xae\xed[\xa6\xb2\xbd\x9a\\\x11\xeaS\xcf3"k?\xc5\x14V\xd4\x13oS&gt;\x87\x05\xbd\x1a\xc2\x965\'\x84\x900\xde^\xdb\xff\xea\xe2.\x95\x8dMyv.\x9cDap\xa1t\x9a\x18\x817\x0f\xb5\xab\x90\xdb\x8c\xab\x11k\rmY\xd9\xe9\x10\x08!zU\xcd\x9e\xf8\xd1\xa9M*\x1b\xe7\x8f\xaf\xfc\x18&lt;\x7fp[\xe1A\xc4\x17\x9a\xa2\xf28V&lt;Lp\x99\xb2L\xd68\xc5\x8c\xdc\x8a(\xa3\x06!n\xa4\x7f\xa3r:6\x04\xb8\xee\x1d+\x98P\xfc\xa6\'Z"Q\xaa\xcc\x8b\x9bk\xeb\x97\xcb\x8an\x93\x03\x0ci^1\x7f\xfc_\xd5\x9f\xc2l\xdfss\x05\x12(\xff?\n\xbau\xd8\x86H\xf4\xc9\xfa?\x18\xdfY\xb9\xee\x10!\xe1\xdd\xa1\xe5\x13\xf0\xed5\xd3\xbbe2E\xbb\xb3]\xf3G\xe0\xd7\'6_\xb4V\x9e\x14\xdf\x9f\x9f\xb7\xf9\xa2Z\x99\xb5\xb4\xc6"\xf8\xf6\xaa\xd3!\x10\xe2Q\x8c?\xef\xb3\xbe&lt;\x95\xdb\xf0\x992\xf4EL\x00\r\xbf\x8a\x89\xb7HGE8\tq\x07\xb9\xe38\x1c@\xa3"\x19\x1c\x8e@\x8c\xa6\x8c\xd99bY\x16\x87\xf5\xf0\xfb3\x99\xe4\x80\x84\x10\xe2\x16\xa6\xf7j\x12x\xf3\xd0\x8b\x0b;\xf4\x9d\xae~i\xe4\xed\xc3\xab\x11]\xf2\xe5\xc9\xc0\xfay`B\x08qw\xb6\x15j\xf4\xcf\xa6\xa6b\xab9F\xb6\xa9j\xdb\xb5\xac`[\xa9\xb3\xa9=\x1b\xe3;\xa3\x93C\xcbGw\x15\x1e\x8cm\xac\xcf&lt;N?\xda\x12B\xbcVT\xa7\x03\xf0nRY\xa7\xba\xd5\xd00ME\x95\x15\x08\xf9\xe9\xe1\xc9\x8dN\x87\xa0\xd6\xa9\r3\xad\xbe\xc4\xa5]\x8b\xac\xbe\x04\x91w\xe3\xc0\n\xa7C $\xdc\xe8S\xbf\xb4\xd6S\xfc|\x8c&gt;H{\xc4\xc6\xd1\n\x19\xe3:\x1d\x82\xf7\xf8\xbbza\xb3\xbaZ3\xb1\xa7Y]\x19\x91\xc5\x91\xbc%\x84\xb8\xa1\x88\x00\xa2%\xd4y\x98\xdc\xbb\xc1\xb7\x0f\xab\xb9\x1d\x94Kop\xbc\xd7\x90\x95\xe3\xba\xb1\xaf\xfb5,#\xd5lz\xaf&amp;\xb6\x84C4+\x91\xd2\xcc\n\xd7=j\x15[\x1f\xb6\xc6g\xc9T\xf4\r@\x88\x92)\xdd\x1b\xf6\xacS\x82y=\xa7\x7fKS\xfaT\x93\x8a\xce\x1e\xccZ\xcf\x91m\xaa9\x1d\x081\xcd\xe2\xe1\x1d\x85\x07\x1b\x14No\x7f$\x84\x84/i\xd5m\x00;\xb1n\x1a\xf7m\xe1\xc4\xc6\x92\xd6;\xc7\xc8\x02&amp;\xf5\xb9\x9b\xbc\x89\xe2\xe6\n\xe3\xb38\x18p\xd9`\x0f\x84\xb8\xb5\x96e\xb2q\xdf\x8eh]\xf5\xdd\xf5\xfd\xc2f\xe5}\x1c)\x10\xeb\xd6h\r\x89\x14\x1b\xca\x99I%\x9e\x02\x80\n\xbe\xfcy)\xdaLN\x88~\xd1\xdcu;\xae&gt;]\xab+OQ\xa8\xd1\xa1R\x1eS\xfa\xe1\x1a\xdc\xac\xa2\x89\xbd5.\xeacbo\x9e\xa2J\xd6\x84\xf8\xf2\x02\xf7H]\xfa\xaa&amp;\xc4\x1e5r%[2\xa2#7W\xb1=%\xc3\xb6\xcc\x1c\x94\xd9\xcc\xa9&gt;\xbeY}\x9b3/RXx\x11\xf0\x8d\n\x8fOo\xb6\xf2\n\xee%c4K\xf6\t"\x86L\xed\xd1\xe8\xe7\xdb\xc0\x9b\x16\\\x84\x10\x12\x96\x839o\xa4\xea\xd4{\x96O\x8f\xcf\xd8|E+\xe6L\xf0\xc3}\xa9\x8f*d\x8c\x8b\xf8Vx\xfc\xd0\x8a\t\xba/\xf7\xed\xf9\xf95\x13z\x9e\xdd2\x87y\x1b\x1b\x00\xd1E{\x08\x081\xd9\xcc&gt;\xcd\x9c\x0eA\xd2\xa8v\xd5\xcd\xea\n?=2\xab+\xad\xea\x15L\xeb\xe7\x1b\x07\x00\xa6to\xe8T\x0c\x00P$\xa9\xfeT\x11\xd3z6^3\xc1\xd0\xf2\xfcw\xd7\x0fhj\x8f\x01\x97\x11_\x879\x82\xc1\x07\x96\x8d\x93?k\x98\'l@!\xc4\x8d\x14K\x1e\x8dW\x87d\xe7\xbca\xbc6\xf7\x8e\xad3\xf7\xa2\xbe\xb6\xa5\xad\t\x15r\xf7h\xa1D6Ld\x8ac\xf2\xd4g\x8f\xe9\xd4\xf5\xc3\xd8\xbft\xac\xcc\xa7&gt;\xa1\x8f\x0f\xe53\x98\xb9F@\xbe\xd6\xcd\x9e\x85\xfc\nb\x89\x01\xf0\xfb\xb3\xb0=\xbc\x0e\xb9s\xd4\xc4\x90\x08!\x10\r`\xef\xe2\xd1\xec\xdbo\xcf\xcf\xd9s]\xde\x9c\x1e\xabx\nKF\xfd\x8d\xec-PL\x11\xaa\xa8@\xc2\xdfx\xb73\x07\x89.\x84\xd7-\x1e\xc0\xae\x05#\x84\xc7+e\x8e\xcf}+\xffe\xe2\xbaw,\x19\xc0\xe8\xf65L\x0c\x8c\x10\xe2\xd6\x96\x8e\xecl\xdb\xb5\x84\x83\xd4\x19"\xc3\xf8\xceu\xd4\x9c{a\xc7\x02\x0b"\xd2\xc3O\xb0\x1a\xd2q\t\x01\xaa\xe5Hb\xb0\x93}K\xc6\x98\x12\x0c!\xe1\xdd\x80\xc6\xe5\x9c\x0eARJ\xe5&amp;"\xf2\xa9(R\xaf\xa8i\xf1\x8c\xdc\xb7Lq\xaa\xea9\x92\x00@d\x80\x9c\x82\xb4\x14\x88\xef\xd9\xd7e\xd3yd\xf1\x17\xdeop\xc6\xb0\x96UL\xe9\xbcw\xbd\x92\xcc\x8b\xa5#;#\xba\x14W\xe5g\x8a\xfe\xe3\x85\x8f\xa7\xee\xea#\x84x\x82\xcaY4W\xbbb\x07\x1f\xd8\x9f\xa2GWO63&amp;\xdb\xfd\x0f\x00\xbf\xe8)k|\xe7\xc8\x1a\xc56\xdc\x8ar\x88\xcf\xa5\xd6\x04\xcf\x1f\xdcVG\x00\x00\x10C\xdfi&amp;\x91Z\xc3J\x1b\'\t\x91\x94D\xf5J\x9b"IL\x98\x02N\xc8y\x8d_\x1e\xb3\xafS\x00\xd4\xcachY\x7f\xde\xb8\x11L,^{\xfb\xf0j\xf3:3J*\xe1&gt;\x97\xfb$brD\x8c\xd0\x9c\x86\x84x07\xfcg\xcc\xfe\xbb\x8a\x1d\xba\xac\xe8\xcc\xe6\xd9\x0e\xc6c\x0f\xe1\xe0\x12q\\\xb5\xecF\'-\x08q_\x88.{v\xea\x1a\xc4$\xde\xb1t\xaf\xaf\x97\x89\xe7t\x00\xeae\x8c\x06KFtr:\x8a0x\xab\x80s\xd3\x88\x0e\xf1JR?\xff\xff\x02\xf8\xef\xfe\t\xe6u\xe9\xb41\xd9\xe3\x89\x00"J\x9f\x95K\xef\xbe\xfe\x11\xad\xe5J\xecV\xce\x9c\xe0\xd5\xa5\xdd:\xbbvTz3\n\xc3\xeb\x9b\x0f\x07\x89R\xbaV\xc0\xcf\xfa\xb7\xce-\x18\xd2\xee\xed\xb5}&amp;\x06#T\'_*#\xa7\x8fhS5\xed\xaf\xd0\xa6|\x0e\xb3\xe2!\xc4]H\xdd\xcaK\xa6\xfaC\xf8Q\xfd\x82i\x99\x17\x0fNl`\x0f2\xb3\xa8\x83\x9aU`z\xbbuh\x95\xb0\xb7\xf6\x15M\xc8\x9b\xd6\xa0P:\xe3\x9d8\xe2\xc5\x85\x1d3z7ulk\x99^\xcdJf\x06\x80\xde\xf5J"\x86\xc8\xb7\xd4=\x8a8\xa3w\xd3\xb4\xd2\xb3(I\x00\xd2\x98\xb0\xaa\xcb\x04\xffs:\x00B\x9c\xc7d\xaa9\xb1n\x1aw\xe7}\xcd\xdc\xc9\x99\x17\xe9#A\xf0\x9d#\xf8\xf5\t\xbe\xbdfC0\xcbGw\x8d\x06\xb0~J_SzS\xb9\xcc\x1f\x006\xcf\x18\xa0\xbe[^\xe9(}J\xa7\x8d\xe9\xc8&lt;M\xa1\xc4\x91\x00\xe0\xfe\xf1\xf5\xddk\x15\x95j\x83\xaf.\xd9\x17\x90\x84\xe5\xa3\xbb\x8aV\xe4*\x9d&amp;\xa6\xcd\x91\x10\xe2aLY8\xcf(\x91\xf2\x0f|s%\xa6]\xb3\xca\xdc\xa7z\x0c2\x9a\xee\xf1\xd5\xa5\xdd\x11\x94\xdah]\x95^+O\n\x95em\x14}}fh\xd3u\xfe\xf8\xbf\x0ej\xea\xa7\xef\xdc\xb7W\xad\x1d\x9f!\x84x\x89AM+\x88\x1e?\xb8|&lt;\xf7\xad\xd6i\xe7\x1c\xb1\xe0\xfa\xfe\xe52\r\xae\xef[\xa6\xa9C\x8bp\xc7\xdc\x8b\xa7\x88n\xd6\x17\xe1\xe6\x19\x03\x11]\xfd\x1a\x96\x15~\xb4j\\w\x95\x9d\x98\x9b\xd4A=7Ij\xa4\x89\xa5\x19\xbf\t\xf1x\xdc[\x9b\x9a)J\xde6\x9f\xfc\t\xb4\xfd0n\\\xcc\x17\xff\xbd\xab\xe9\x145\xd8\xc1\x1c\xdd\xb3\xac&lt;_\x9e\x9e\x05\x80\x97\x17v\xfe\t\xb0i\xfa\x00\xb3\xf6(M\xed\xd1\xc8\r\x97\xea\x9a\xc8\xfe/\x89\xde\xf5JI}\xe4qS5\x84\xd8M&gt;\x15W&amp;\xa5\xcc\xfc\x8a\x93\x8a\\\xab\xc6\xab\xfd\x91\xab[r\xa5\x06\x99\xb4o\xf8a\xf3\x1f\x18\x17\x11\xe0\xe1\xc9\x8df\xf5f\x8a\x04\x00+\xc6\xfc\xedl\x0cc;\xd6\xd2}.\xbe\xbc\xe0\xdd\xdf\xa9\x84\xa8\xc5\xfd\x97\xfc\xfd\x85x\xdeM\xf5\x02o\x1e\xaa\x17\xbaX\x88\xabc\x95|\xeck\xdf\xa8?\xd7\x98\n\r\r\x9b\xa8=\xae\xc1\x80\xac\xc7-&gt;\xc52\xb8\xc7\x98\x95\x1c`\xf7\xc2\x91\xa6tE\xf4\xf9\x1d\xa0\x7f\xe3r\x9as\x86\x10\xe2\xf5\x10]c;\xd6\xd21\x07+Z\x16\x8a\xa1\xf8\x00\xe1n\x10C\x8c\xff\x9c\x1c\xd0\xb8\xbch!-\xa9T\xd8\xc4"\x9b\xa6\x8b\xaf\xf2\xca\xe8i\x7f-\t1S\xa3\xa2&gt;\xf2\xe5A\xd4\xab\x9e3\xa9\x9a;fb\xd5\x1d:&gt;n;\xb0Iy\x83=||x\xca\xeaA\x15\xee2\xa7z\xa1u\xd2\x99\\m\xff\xde;n\xe9\xa5\xdd\xdc\xfd\xe3\xeb\x9d\x0e\x81\x10\xf7f&lt;\x93;\xeb\xf2\xee\xc5\xcbFua^?;\xb7]j\xb1\xfc\xbcAm\xcc\xba\xa2{\xfa\xbbza\xf6u\x8f\xda\xc5,\xbdVD\x80\x84a\xd7\xce\x96\xcb\xf0s\xdfv\x93\xe2\xbe\xa6_\xf1\xfa\xfe\xe5\xbaw\x86k\xd5\xaalv5\xcd\x9a\x95\xccdu$\x84x\xa7\xb7\xd7\xf6\xbb\xee\x9aPf\xafd\xaa0\xbbv\x8a&amp;\x8bZ1\xa3\xa1q\xfeD\x82#\x1e\x94\x06G7\xe1\x904\xef\x0f\xd6\x1d\x14H`(Y\xea\xfb\x1b\x07\x81S\xbcW\xa6$\xf5\xe6\x19\x03\x8d\\H\x1f\xd1\x85\xb9\x84x\'\xd1\xb5z9c\xc3\xcb\x8b\xbb\xec\x0eE\x1d\x13\xcb\xc4\x9b\xabS\x95\xfc:\xceZ7\xa9\xb7\xe9\x91\xb8\xb9\xaf\xcf\xce\xb6)\x9f\x93{dp\xb3\x8a\xba{kY&amp;\x9b\x9af\xddk\x16\xd5}\tB\xc2\x9d\xdcnWy\xd0d\xdc\xbc\x17\x0e\xe2\xcd\x9a\xe0\xb7\xa7\xdc\xb7\xab\xc6\xf7\x00\xe9\xfa$\xc4\n\xf4\x04@\x08\x9f\x7f6\xfe\x90LD\x00|}\xd9\xfeHZ\x97\xd3\x99\xbe\xb1@\xc20\x03\x17LN4\xaeR\xa9\xc3$\x07s$_\xd9\xeb+{\x9c\xb8\xac\xdbA|\xa5\xb2e\xc6\xa8\x92\x1f\tG\x11\xd5\xe3=\xa3\x10\xe2%\xcen\x99\xab\xd8f\xfb\x9c\xa1\xec\xeb\xc1\xcd+\x02\xc0\x95\xddK\xb8\r\x10\x03\xf2\x84}D\xd86{\x08\xaf\x13\xb7\xaa\x84e\xc4\xafZ\x92\xca\x01@\x87Jy=n;R\xde\xb8\x8a9\x93\x941+*Un\x95\x10\xdd\x84\xa7cvav\xbf\x16ZO!\x84\xa8\xf5\xf6\xda~\xf9\x06\x18\xa0\xf39\x80\xb9_t\xf6/\xa0\xeft\xdb\xe0\xbfw\x11]\x8fNm\x92o\xe6\xba{\xacJ\xd6\x84\xaf/\xef\xc1w\xd7\xb8\x05\xe5\x8d\xcb\xea\xf44\xf0\xcb\x0b;\xdd\xad\xb4\x0b!D\x15\xab\xf7\xdc\xa6\xd3\xb5$$\x7f|\xc9\xc4A\xc7\xd6LQ\xdf\xcf\x96\x99\x83\xf4\\^\x0b\xc4\xd7\xfeY\x13*\xb7\xe3\x98\xd5\xb7\xb9E\xc1x\x81q\x1dk\x8b\x1e\xaf\x9a=\xf1\xa1\xe5\x13\xbe\x19\xcb\x90J\x08\xd1#StC\x8b1L\xc4,\x13t\xd6\xf9\xed\xf3\x9d\x0eANy\x1f\x8f)f\x98\\pD&amp;e \xba\xeeX\x14\x86\xcc3\x99\xd3\xcfW\x84\xd8\xc2\xcey-#\xf3\xc3W\xf6,Qnd\xcc\xc6\xa9\xfd\xac\xeb\xdcS&amp;\x00l\xae\xc4\xfc\xf8\xf4f\xd1\xe3\xc2\xd9#\xe3\x0c\xedS \xc4\xbb\xf1\xd6\xc3H\x11M\xa7\xbcw\xf1h\xf9\xb3\xea\xe4O\xad="\xe2\x16\x8cl\xb5{qag\xa1\xc4\x91\x01`\\\xc7\xdaV??\xa5\xfd\x154\r\xc9\xd1:ZB\x88[3\xab\xcc\x80;\x90Ou\xb7lT\x17\xf5%?\x0b&amp;\x8a\xc8;2\xb8Y\xc5\x18\x00Y\xff\x07\xf8\xf6*\xef#&amp;%\xc6\x91\x95\x93\xa4z\xa3\xdc\x9f$\\\xab\xa0\x94\x9e\xa1p\x92(\x8a\x9d,\x19\xd1\x89Y\'\x1a\xc7s\x86;\x18\xffl\x9e\xcd;R&lt;\x85U\x03!\xc9\xc2\xbe5\xf7\xfe\xae\xbd\x90\x81\x03\xe6\x0el\xcd\xbc0^\xda\x93\xabR&amp;\xd3r\x82T\xf0\xf5\xf6\xed\x8e\x84\x18\xd4\xa5Z!\xde\x91[\x87V!\xbab\x03 \xba\x065\x13\xaf\x16i\xc4\xc4\xae\xf5L\xefS\r\xd7\xbdc\xf8\xf1\xa1Y\xbdY\xbaK\x0e\xf1]R\xebz7U\x97\xaa\x05\x8d\x9c~z\xe3,\xb3"1b\xcd\x84\x9ee\xd3\xc5r:\nB\xc2\x81:\xf9R)7\xb2\x0b\xa2KG&gt;g\x99\x04g\xde*w\x1c\xc8\xa6\xfa1\x87\x19\xd6\xe9T%\xff\xfd\xe3\xeb\xe5\xd7&amp;\x18\x9c"\x9e\xd6\xabI\x1e\xc3\xeb\xa0\'t\xa9\xbbvb/\xa3\xbd\x10\xe2n6NS^\x0c\xc3&gt;\xc8\xdb\xcf\x1d\xf6\x12/\x1b\xd5\xd9W:\xd9\x80\x94\xbd\x8b\x14\xa6\xca\xed7\xa1K]\xe3\x9d\xd4\xc8\x95lL\x87\x9a\xc6\xfbQ\x0fC\xacZ\x18J\x08\x91s\xef\xd8:\xe6\x85\xfa\x81\xfe&amp;\xc5|\x11\x83\x84\xc7\x1d\x1cl\xad\x9c\x85?\xf37\xb9[\x035\'\x8e\xef\\g\xdd\xe4\xde\x88\xae\x0c\x91E&gt;\xedQ\xcb\xdaD\xff\xa2\x1c\x1f\xf61\xab|\x96ESG6/l%\x84\xfc\x941\x1a\xe0\xc7\x07\xfb\x16\x8f\xe1\x1d_0\xb8-\xefH\x89\x94\x1a\xfe\xa9:~\xd7\xe3\x11M\xa0\xadF\xd6\xff)\xb7Q\xef\xe0\xb2\xf1fvg\xb6\xe1\xad\xfce&gt;\x95)\x1d\xaa\xdb\xef\x82t~\x84\x10\xa3\x98\xbc\xd0F\xc64&gt;?&gt;\xc3}{\xeb\xd0*;\xef\xe9\x1f\x1f\x9d\xb6\xf1j\x8e1!\x97\x9b\xe7\xb3h\xeeh\xff\x12sj\xa6\x12B\xdc\x8e=\xb7\xce\xc5\xc3;\x94M\x17\xdb\x96K)\xb0.\xcd\xf5\xf8\xceu6L\xe9{\xf7\xd8\xba\xe4\xda\xcfM\xcf_\xee\x0f\xe0\x06s\xe9\xeb\xa7\xf4\x11\r\x8c\x10\xe2\x19\xdc\xe7\xdfo\xbf\x86et\x0f\x1f\x99\xe2\xce\x915\xc2:\x9d\x87WL4\xf1\x12u\xf2\xa5Bt9\xb8p\x80\x10\x02C[Tv:\x04\rf\xf4n\xeat\x08\x1e\xc3\xe0\xe8\xb9Y\xb3\xb82\xf6.\x1a\xb5z|\x0f\x8b:\x1f\xdf\xb9\xce\'\xb3\xc7\xf4\xfc\xc42\xebQF\x13B\x00\x00\x066\xf1\xab_(\xdd\x81e\xe3\x9c\x0e\xc4]\xd8p\x0f\xf5h\x16-\x81M\x15\x01\x00 \xe0\xd2\xee,\x7f\x98\xbcSD4u\x84gmq\'D\xce\xf2\xd1]\x9d\xba\xb4\xe9\xbf\xd74Atq\x7f\xdd\xed\x98;\xcc\xb1P,p}\xffr\xf65b\x80\x83\x91pY\xbaQ \x92\xf4G\x1d*\xe5\x01\x80\xba*~\xb9\xab\xf9\xfe\xa8\x9e3\xccJ\x85\x87\'7*\x9eB\x88G\x8a\x0c\x90\xce\xf0H9\xb7\x8a\xa4\x9a\xb5x\x88/\x8c^R\xd5U^\xdap\x15\xfb\rkY\x05\x00\xba\xd5(\xa2\xb2}\x93\xe2\xbej~\xd2"\x06\x8b\xa6\x805]\xfb\x8ay&gt;?9\xa3\xdc.T\xad&lt;)\x92\x84\xbe\x8e\x08pm\xdf2+\xa2"\x84x6\xde\x02\xd3Qm\xab\x9b\xd8yWAZ$\xa7\xac\x9b\xd4\xdb\xb6k\xc5\xd5\xbe\xc1\xaa\xa2y\xf9\xdaX\xec\xe2\xa5\xe7\xe7\xb7\xeb\x18\x9fa~\x94\x08\x17b\xc5\x02Hl,0B&lt;\x1eb\xa0\xd3!x?\xd3ks&gt;;\xbb\xed\xc1\x89\rf\xf7\xca7\xacU\x15S\xd2Hhr`\xd98\xa9\xaf\xdb\xc3+\'\x9a;@\x9f/\xde/s\x06\xb42\xb1CB\x9c\x14\x1b`\xe9\xc8\xce\x19d\x86K\x05\x10\xdf\x99\x1e\xc6\x9e\x85\xa3d\xf2|\xa9,JcD\xbf\x86e\xac\xbe\x84\xe3\xaa\xe7\xd0\xbc\xa9\x0e\xd1U"\xe5\x1f\xf8\xfd\x99\x15\xf1h\xc2\x1bgW\xef/\x80\x93\xeb\xa7\x9b\x1b\x0c!D\x83dJ\r&gt;?\xf9\xa7QQ\x1f;B!\x1a\rh\\\xce`\x0f\xa6\xec&amp;\xb3z\xa5\xcd\xdeE\xa3\x7f\x93\xae\xc4\xd0\xbcdf\xd1\xe3\xc7\xd6L\xb5.$B\x1c\xd0\xa4x\xc6N\xfe\xf9_]\xdceb\x9f\xdc\x7f\xbd\x91\xc2fX[9\xb6\x1b\x00t\xf2\xcf\x0f\x00\xe7\xb6\xce\x15\x9e\x9b\xc9\xa4\x82&amp;\x88.D\xd7\x86\xa9\n\xe5\xa5r\nJ\x02\x96L\xe5\x85\x95\xc0c\x03\xe4O\xc0\xaf\xb8^4\x99\x9ee\xab6\xec\xccX&lt;\xbc\xa3\xd5_\x00\xe8\xba[.=\x95\x83$\xe1\x9b\xa6\xcck\xeae\x8c\xfacm\xdc\xcey\xc3y\xff\x92\x11]2\xc9?\xff\xe7\xf4\x94C\x8eX\xa0\xb8\x04%{L\xc0\xff\xee\xcb4\xe8\xdf\xc8\xe8\x8fh\xabq\xef|\xa29\xf1\xcflr\xac\xd6\xca\x86\xa9}\x1f\x9e\xdc8\x7fP\x1bMgi\xaa\x03\xcc\xe0\xe5\xa1"\x84\x80r\xd5\xc7\xb0\xc6w\xae#&lt;\xf8\xef\xbd\xe3\xe3:\xd5f^\x9f\xdb:O}o\xad\xcaf\x9b\xd5\xb7yF\xdaO\xe5\xa5&amp;\xfd]_\xb1\x8d\xcc\xdc\xf5\xe2\xe1\x1d\xa5&gt;z~~\x87\x8fXjnB\x88Q\xf9\xe2\xff\x92\x00\xe0\xdd\xf5\xfd\xdf\x9e\x9fc\x0f\xcaL\x15"\xba\xa6to\xa8\xfbr\x9a\xa6\x80\x874\xafxh\xf9\x04\xdd\xd7\x12\xaa_0\xad\x89\xbd\xa9Q&lt;\x85}u|WO\xe8)\xf5\x113\xf7\x8e_\x1e\x1b\xbfJ\x8d\\"\xd3@\x87\x96O`\xcbHHa\x7f7\xd8&amp;St\x93\x17\x04\x13\xe2m\xaaf\xff\xb1\x1eZ\xe5\x0c!\xa2\xeb\xcc&amp;~\x8du+\xec^0\xa2E\xe9,\xbcQ\xa6s[\xe76)\x9e\xd1\x86\xab\x1b\x979:t\xabY\xa4W\x9d\x12N\x07b\x9a\xd3\x1bg\x02\xc0\x88\xd6UA\xb0\xe9\xef\xc4:w\\\x9c\x93\xebO@t5.\xea\xf3\xea\xd2n\xa96\x8d\xa5\x17,\xd0\xc3*\xf1lm\xfdr!\x06\xcb\xb7\t\xbauXS\x9f\xb6%K\xc9\x1e\xf3\xc7d/\x00\xf4\xaa[\xa2J\x96\x04\x00\xf0\xfe\xc6A\xf5=H\x85Z&lt;\x857\x94\x90b\xa6}\xb3\xd8;\xab=\xa8Y\x85\xb4\xfc\xf9f\x00\x00D\x17/\x15D\xfe\xf8b\xed4\xba\xbag\x89\xf1N\xb8\x12\x89\x1d\xecVS\xed\xcejB&lt;\t{\x03U\xf4\xec\xec6\xab\x83\xd1\x01\xd1\xf5\xe5\xe9?\xdc#w\x8f\xaeUs\xe2\xfc\xc1m\x03o\x1e\xb2$&amp;\xd5\n%\x8a4\xa6CM\x8b\xa6\xe2Y\x8d\x8ad\xc8\xa4\xf4Ku\xe5\xb8n\x96\xc6\x00\x00\x1b\xa7\xf5+\x94X\xcb\x0e\x14u^^\xdcin\x87\x94\xeb\x8dx\xbf|\xf1~)\x92\xe4\xe7\x8c\xef\x87\x07\'\x1d\x0c\xc6)\x8a\x8f&gt;\x00\x80\xe8\xeaX9\x9f\r\xc1x=\xc4\xc0\'\xffl5\xbd[\xc5y\x05\x1b\xc4w:\x00B4(\x9f\xe1\xafx\x00\r\n\xa53\xd2I\xc1\x84\xcaY\xe2\xc6u\xaa\xcd\xe4&amp;\x13=\xbd]\x85\xdcF\x02\xb0A\xb7\x1aE\x10\xdfw\xaeZ.d\x06\x94\x00\x00 \x00IDAT\xc0\xe9@4hP8\xfd\x96\x99\x83\x9c\x8eBD\xffFe\xcbgPXz/z7\xcf\xa1\xabZ\x1a~|\xa0\xe74]\xca\xa6\x8be\xdb\xb5\x08\xf1xs\x06\xb4:\xbaz\xb2\xd3Qx\xa7i\xbd\x9a\x9c\xdf6\xdf\xdc\x95Q\xa6@t\x8dn_C\xbe\xcd\xcb\x8b;\x9d\xddm\xdb\xa7~i\x07\xafN\x08\t#\xa1\xba}U#ZW}tz\xb3\r\xf1p\xe1\x07\xb9\xed`^O\xe5j]\xc5"0E\x92\xfe\x18\x8a\xecQ\xbb\x98\xfa\x19)B\x88\xc7\x93O\x0e\xfc\xfe\xc6\xc1m\xb3\x87\x14I\x1aEe\xbd\\v\xb9\xaaY2[3;kC\xb6;\x19\x15|E\xf6bG\x04X8\xb4}\xebr\xd9\xb9\x07\xa5\xfe\xd8\x99U\x9ej\xa8\x19\x1b\xa9\x96#I\xa9\xd4\xff\x03\x80v\x15r\xe3\xbbk*{f\xa5u\xf2\xcf\x12@]\x89\x0bB\xdc\xd7\xd4\x1e\x8dn\x1e\\\xe9t\x14\xe2\x15\x9dF\xb4\xf6_2\xa2S\xee\xb0\x95Y\xa5~\'&gt;&lt;\xb9Qg\x0eI\xbdRG\x00\xb3\xd2\xdb\xbf\xbe\xb2\xc7\x9e\xba\xf0\xddj\x16\xd55\xa8\xfe\x83\x9a\xbaZZ\xd9SjFQ\xd9t\xb1\x8a$\x8d\xca\xbe58IF\x88g\x98\xd0\xa5\x9e\xeesc\x02`\xf0m\xadgI\xed|\x8d*8\x92J\xac\xb8\x95\xbe\x81\x82\x13\xeb\xa6q\xdf\xce\xe8\xdd\x14\x03.\x9b&gt;\xe0\x80\xaf.\xe9&gt;\xf7\xef\xea\x85\xe5\x1b\xa8\xbfq\xbf\xba\xb4{\xadDe\x18\xfc\xfa\x04B\xb7\x08\xcc\xe8\xdd\xd4\xf1\xb5\xb02l\xde\xc1\xe0\xf8\xc3\x04!\x1e \rg\xfbN\xbd\x02i\x98\x17q\x00\xde^\xdbg\xd1\x15\x99!\x02\xd6\xa7G\xa7U\xde\xb8\x85\xdf(\x8a"3_0!\x9a\xbf\xd5\x18\xad\xcb\xe5\xd0w\xa2\xb9\x10\x03\xef\x1f_\xeft\x14?\x8dj\xe7\x19\xe9\x16\xb4\xe6\xc2b\x99&gt;\xfcH\x88\'\x11\xfd\xf1ta\xfb\x02\xf6u\xe1$?\x93u\xe9\xc8}\xc3\xcb-\x81\xf8\x9e{\xab-\x936&amp;\xe2{\xe1Y\x9bg\x0c`^\xbc\xb9\xbaW\xa6\xf3\xae\xd5\n\xf5\xa9_\x8a\x19\xae.\x96&lt;\xda\x96\x99\x03\xd5\x84\xb4`H;\xf9\x06\x93\xbb\xe9O\x88d\x04\x93\xb1Y4O\x9f\xb3\xd8T\xdbj\xb2\xc29\xe5/\xd9O\x99%\xff\xc25\xd06\x8f=\x12\xe2\xa6R\x01\\\xd9\xbd\x98y\x8d\x18\xc4\x1e_1\xe6o#\xbf\x8eo\x1cX\xc1\xbe\x16~\xd94/\x95\xa5a\xe1\xf4\xc2\xfa\xf5\xc7\xd7N\xbd\xb1\x7f\xb9\xfc\xda&gt;\xee\xb8\x8a\x8e\xac\xc2f\xb9uh\xd5\xb0VU\x9c\xbb~\x18U\xb3\x89&amp;D\x08G\x86\xb4\xa8$z\xbcC\xa5\xbc\xc5SDoY:\xab\xbd\xe1\x10\xe24\xb7}\x8a/\x980\xe2\x91Ur\xbb\n\x96\x8f\xee*\xbfWsP\xb3\n\xe6\x86\xa4o\xf9\x10\xa2K\xa6\x00g\x9d|\xa9\xe4O_1\xe6o=WU\x8d\x1d\xee3\xceS\xf6M\x95H\xe9\x85\xd5\x81\x08q\x86\xfc\xc3\xb5&gt;:F\xf9Y2\xa5i\xa4\x08k\xa0o\x9b=\x98w$[\x0c8\xb5a&amp;\x84N;\xe7\x8d\x1b\xe1\xd0\x8a\t\xc6\x07d\xfc\xc5~\x95\xa7\x0f\xfb\xd0\xf3\xf6\xda~\x83W\xb1\x82\x89\xdf\x1c\xf2\x8c\xe7\x96\xc3\xc0\x9b&amp;\xc4A\x88\xe7\x92\xd9\xb9\x93/\x9e\x9e\x82\xaf\xec\xfaNa:\xb9"I\xa3^\xd8&gt;_\xea\xc4\xf1\x9d\xea,\x1b\xd5\x857\x03\xcc\x95?\xbe\xa1\x02\xb4\xecc\xfe\xfe%cG\xb6Q\xbb\xb6]\xbd~\r\xcb\x1a\xef\x84;\xb8\xdc\xb8X\x98\xbc\xc49b\xf1\xcb/\x1f_\xab\xb0\x8d6\xb7\xb1/af\x05\x91zGVN\xca&amp;Ux\x17\xa0@\xc2\xdf\x065\xf53\x14\x90\xa9\xb2\xc5\x80\x9b\x9c\x91FB\xc2\xa3\xdb\x87W\x8b\x1e/\x9c\xd8h\xc9\xa5?\xb4O\xff\xca\xdf\xe0WO\xe8\xa1?\x1a\x99n\xc7[\xd2\xad\x1a\xe7\xa5\xbf\x0e\xd5\xc0w\xd7\xb9o}u/j\xb1K\xaf\xba%\xd54\x1b\xd8\xa4\xbc\xd5\x91\x10B\xe4X\xb1G\xdf\xc1,\xa4\xfd\x1a\x96\x01\x00\xd7\xbdc\xdc\x83\x817\x0f\x96\xf7\xf9\xeb\xcc\xa6Y\xbb\xe6\x8f\xc0\xef\xcf\xf0\xbf{\xf9\xe2Ep(\xc00\x98;\xa0\x9a\xff\x04\xdc\x94\xcb\xdb\xe7\x0c\x05\x00S\x86\xb1\xdbW\xcc\x83\xf8R\xd3)\xd7\xf6-\xe3\x1d\x11\x96\x1f\xfe\xfe\xe2BL\xf8Y\x87\xb9x\x8a\xe8\x0b\x87\xb6\x97\xe9\xd3\xa9o4\xa9\x85a\x03\xdd\xe9\t\x86\x10\x0f\xe3\x1b\xc5P*\xdd\xaf\xcf\xce)7\x02\x00\x80\x16\xa5\xb3\x8a\xde=\xb9\xa3K\xbb\x17\x8e\xe4~T.\xc3\x9f\x88\xef\x11\xdf\xe5RHa\xa9M\xb3\x92\x99u\x9f\x9b]b\xf2\xf4\xc5\x05~N\xfc\x01M\xcaw\xafY\xb4k\xf5B\x00\x80\x18 z\x16\xb7\x94\nb\xa0\xee\xa8Tbg+\xb8)?\x8b\'\xff\xf1L\xc8\xad\x8bY&amp;\xad\xe6Ib\x1d\xd39\xfaP\xaa"B\xdc\xc5\xd5\xbdK\xcd\xea\x8a]\xa2\xce\xb5aj?\xc4`\xc4\xb7\xa6\\"\x8f\xe0.\xd5\xb2L6\xfc\xf6\xd4x\xcf\xa9C\x9fR\xb8y)\x82n\x1df\x86\xdf\xd9{\xd6\xe5]\x8b\x8c_\xcb\xa0h\x00\x88\xae\xb9\x03Z\x19\xef\x8a\xfd\xe3\xecY\xa7\xb8\x91~4}\xf9\xf1\x06\xd9\x08\t\x8ft\xfc(\x1e\xd9\xb6\x9a)\x976\xf2\x0bZ\xbd\x98\xa1/\xf0\xfb\xf3\xaf\xcf\xce\x1a\xec\xed\xf9\xb9\xed\xbd\xea\xf2\x0b\xffZ\x91TG+\xfbk\xdd\xac\x9f\xdcG\xdf\x89\xdcG\x04\x00h\xeb\x97K\xbe}\xfd\x82i\xd5t\x1b|\xe7\x08\xe2\x1b\xde\xc1}\x8b\x152\x982D\x7f4\x10\xe2\xcdZ\x96\xc9\xc6\xbc\x98;\xb05\xa2\xabO\xfdR\xce\xc6c\nv\xf1\xdf\xf7\x17\xe7\xb9\xc7\xbbV/\x84\x18\x82\xdf\x9fq\x0f\xea\xdb"\x85o\xaf\xca|z\xf7\xe8Z\xfb\xc7\x16\xdaW\xcac\xddE\x0b\'\x8e\x8c\xe8\x1a\xdb\xa1\x96\xe8\xa72+\xbb\xb6\xce\x1a\xa4\xfb\xa2I8\xafe*\xb9+\xc2\x7f\xef\xf2\x8e\xd4\xce\xcbOX\x87\xae;4\x1cD\xc2\x9d\x8eU\x0c\xfdfT\xfc7\x83\x01\x97\xf0\xc5\x05#\x97P\xf4\xe6j\x98\x9cE\x88\xc1\x8fOo\x16]B~q\xc7B\xc4\x10f\xf2\xf3\xd1\xa9M\xd6\x85$\xfa{\xf6\x86\xba%\x89c\xda\xd7\xc4w\xd7\xd4OU\x1f\\&gt;\x1e\x00\xb2j\xccb\xbc{\xc1H\xe5F\x1c\x88\xae\xbcq#\xf4o\xf4c!l\xc6\xb0E\x89\xf1\xdf{KGv\xd6\x16\x81\x01\t\x94\x12\x8fK\x99;\xb0\xb5\xd4GR\x8b\xe5\x08\xf1$\xb9\xfe\x94\x1bB\x1d\xd0\xd8\xcc\xe5w\x11\x00\x16\x0f\xef\xc8=\x82\xc1\xb7|l_\xd8\xf1\xfc\xfc\x0e\xee[\xa9\x1b\xc3\xa9\r3\xee\x1d[\x87\xf8\x9e\xd9\x81\xa5X\xcd\xca\\I\x00\x0e\xaf\x98\x08\xaa\xd7\xa4"\xbe.\x948R\x86H\x00\x00+\xc6*o\t\xee]O\xdb\xa3\xdb\xf0V\xfe\xe6\xfe\xe0\xe5=H\x95H\xf9{jC\x9b:\x08!\xda\xf5\xa8]L\xf8x+\xc3\xba\x94\x9f\xa2Nm\x98a\xe7\xe5\xb8\xf0\xf5e|\x7f\x1d\xb4\xffX6\xcb\xdd\xa3k5\xb5\xc7\xd7\x975\xb5\x8f\x06pb\xdd\xb4\xca\x99\xd5\xae\xc3Bt\x99\x98m\x02\xf1\xed\xc2\xa1?\xb3\xe9\x99\xb2i\xcet\xbb\xe6\x8fP\xd3,S4\xe56\x84\xb8#?\x1f\xfe\xdeP\xdf\xa8\x00\x00R\x7f\xa5\x99\xa2%Z\xefM&lt;\t\x00\x00`\xcf\xc2QF:\x11\xf5+\xc0\xaaq\xdd\x11]E\x92FY4\xac\x03sp@\xe3\xf2:~\xbd\xbe\xba\xb8k\xfb\xdc\xa1\xec\xdbr\xe9\xf9\xd9\xf8G(m\x1en\xeb\x97kt\xfb\x1a\x06\x7f8\x9b\xb8\x06U&gt;\x12\xe5\xd19\xe9\x062\xdb}\x01\xe0\xfc\xb6yb\xbd\x05\xc8?\xdc\xbc\xba\xb8\x8byQ&amp;mL\x00\xe8\xdb@[\xb5^\x99\x95\xa4\t\x01\xec\x7f\xee$\xc4\x1di\x1a\xca\xdc8\xb5\xdf\xefb7\x02\xb7zv\xaf\x91+Y\x12\xe5V\x9a5,\x9c^\xf7\xb9\xf8\xfdyNA1\x97\xd8\x00\xab\xc6u7\x14\x93y\x066\xf5+\x94\xe8\xe7\x0e2\x1d\x0f=\xdc\xc5\xfb\xbc\x8cI\x9f\x1f\x9f\xa9\x9e\x93\x9f/\x191dt\xfb\x1a\xcc\xd4\x8b0\x8d\xabq2_W\x88.\xad\x9b\xda\x18\xc9\x94\x9b\x10\xe2\x15\xa4\xd6oX-\n\xc0\xec\xfe-\xa5\xee\xe0\xdcm\xaenK\xea\xc7e\xe6\xe8aR\xd7\xd5\xc8\x95l\xc9\x88N\xba\xaf\xa2\xfb\xc9\x80]G{\xf7\xe8Z{\xf2\xf2\xbf\xbc\xb8s\xeb\xac\xc1\xec7\x00\xf3\xc3\xbfv\xde\x94s\xfa\xb7d\x8e\x18\xd9\x0c\xc8\x85\x817\xd4\xb6Tz\xdcI q\xfc\xebS\xa3k\x82\tqRD\xb1\xa4l\xec\xe2Nw \x9a/\x08\x83n"\x06_\xdf\xbf\xdc\xeeh\x00\x00\xa0b\xc6\xb8W\xf7\xa8\xdat6\xa3O\xb3\x1f\xa7d\x8a\x07\x00\xb7\x0e\xad2~\xf5s\x9c!\x94|\xf1\x7f\xe9#6\x7f\xcbn\xa9u7~&gt;q\x10]\xe9C\xbf\xb8\xd3E\x94\xac\x06\x93\xf6W\x00\x80\x1d\x9ca7\xeb\xe8\x1e\x97C|an$\x84\xb8\x91\xc1\xcd*Z}\x89\xb1\x1d\x15\x9e-\x1e\x9d\xde$&lt;\x88\xf8\x02\xbf&lt;\x16\xfe\xbb\xfd]6\xcb\xb4Yk7\xfd\xb3%\xfa\xfc\xf8\x8c\x9a\x96l\x99\xb0S\x1bf\xa4\xb4 s\x80p\xeb\xd1\xb4^Mt\xf7f$\x996\x00\x1cX6\x8ew\xe4e\xe8\xc0=\x17\xa2\x8b\xbb\xdb\x16\xd1\x95\xc1\x82\x079\xc4W\xe6wJ\x081\xd1\xe0f\x15\x99,l\x0c\x95\xbb\xf0u$1\xce\x10\x9a\xbaT\xd38;;\xf4\xc4\xbb wI&gt;3\'\xc9\x1a\xda\xb2\xb2\xb0\x1f\xb6\x80\xa5\xb0~\xfd\xac~-\x84\xffoj\xe5I\xa1&gt;H\x9e\x7f\xef\x1d\xd7}.\xe8\xcd\xa2\x83\x1f\xeekh\x8c.\xee&lt;p\xc5\x8cq\x853"\x84\x10\xef\x87\xf8\x96\xbd!&gt;?\xb7]\xa6\x00\x96#\xfc\xb3\xfe(\ni\xd6\xc2&gt;\xf9\'\x80\xb2\xe9b1m&gt;=&gt;\xcd=&gt;\xb0I\xf9\xee5\x8b\x9a\x13\x81\n9bi~R\xf9\xf0\xd0\xb14\xaej\x18M\\NH8\x97#tMG\xa9\xd41\xf4\xd5\x81QC&amp;\xb5\x96\xfe\x9f\xc4\x1cS\xba7\x1c*Q\xdc\xd5\x1e\x8a7\xcaz\x05\xd2 \xba\xfa6\xe0&gt;\x15\xbdG\x0c\xb68\xae0\x064.\xa7\xf5\x14v$J\x985AQ\xd1d\xd1D\xa7X}\xa2\xf0\xb3s\xeb\xd6\xbcT\x16S\xfa\x91gp\x00\x8d\x10\xf7"L\xd7\xee\x88\x8c\x1a\xffaa\xf0-\x99%15r\xa9]\xbc\x17\x1d [\x0c\xb7X\xea\xc7\xdb%\x1bpy\x8f\xa6\xd3\xe5W\xe5s\xfd\xc6y]%\xf4\xe9G\r6\x1b`\xc8\xdd\xa3\xea\xcf\x92\x87\xe8\xe2\x0e\x0f\x1a\xf4\xe9\xd1\xe9VeE\x966\xb40\xe3\xbb\x81)\xb4@\x081\xdf\xcc\xd0\x854\x0619\x1e\xf6-\x19cJo\xf6`\xbe\xfb\x86\xb7\xf6_?Eg\xd6L\xc6\xfe\xa5c\xd57^:\xaa3b\xf0\xd9-st\\\x08?=\xe4\xbe\x9d\xd5\xb7\xb9\x8eN,\x82o\xaf1/d\xf6\x19h\x9d^jW!\xb7\x81\x88\x08\xf1\x16\xd6e\xc2\x15\xd6\xffK\x19\xb6\xaa\xc9\xa6\xe9\x03,\xbb\xb8i\xf0\xbf{j\x9aU\xcb!\xb2\xe7\xa1J\x16\r?\xc6M1\xbb_\x0bD\xd7\x99\xcd\xb3E?}uq\x17;\x0c\xc8K\xeb\xcd\xdd1vv\xcb\x1c\xfc\xfcH\xeb\xa5/IT)\xf8G"\x18E\x96n\xf2\xa5\x04\xd0\xc4\x83\x89\xae\x157e(3\xa6\xf4G\x8a\xeb&gt;\xbd\x92\x9a\x92\t\xad\xcaf\xcb\xa2\xfa\x8e"\x93\x86\x9a\x99\xc2\xe5\xa6\xda\x9f\xd5\xaf\x85\xda~\x01@6qB\x1ekF\x06\xe7\rj\xc3\xcc\x044)\xeekb\xb7R\xcb\nx\xdb\x0b\xa4\xea\xf0h]\xe6\xff\xec\xec6J\nM&lt;[\xcd\xdc\xc9\x8dw"\x93QnJ\xf7\x86\'\xd6M\xd3\xdaaz\x8b\xf7\xfc\x9eX7]\xc7YiE\xd3FKP\xbc5\xfc\x010\x7fP\x1b\xe1\xf1\rS\xfa\x8a\xb6\xdf9o\x98Lo\x1b\xa7\xf6S\x0c\xa9@\x82\xdf\x14\xdb\xf0\xa8_\x0fUIu^9\x08]h\x1b\r\xa0x\x8a\xe8&amp;~\xc7\xb0\xfb0\xd4\xc8\x1b\xd7\x84\x82\xcf\x88\xef\x8dwB\x88\xbb\xa8\x93/\x95\x9af\x1a2\x88\x02h\xb9mJ*\x95&amp;\x06\x00T\xcc\x18w\xdd\xa4\xde\xc6{3+_\xd0\xd2\x91"\xe9\x1c2\xff\x0e\x88!\x0e\xfe6|vn\xfb\xb15S\x84\xc7y\x8f%\xcc\x7fD\xc5y\xf2\xe4\x00\xfa\x16&amp;\xe1\xc7\x07R\x1f\xb9\xee\x1e\x03\x80n5\x8a\xd4\xc8\x95\xcc\x8a?(\xde\x7f\x97\x89]\xeb\t\xdbh]n \x14\t\xa0O}mY\xea\x08q\xcc\xa2a\x1d\xaa\x8b\r:3*\xf8\x8a\xec\nr*\xfb\x82V\xfa~\xcbY\x97\x03\xe3\xea\x9e%&amp;\xde\xd7\xd4\x97!c\xea\x14\n7\xa0\te\x8c\x06\xe9#*&lt;\xd3\x94N\x13\x93\x99&amp;\xd5\xf1\xff\xe5W\x15g\xf9gK\xb4fBO\x1aE!\xc4&amp;\xa6\</t>
        </is>
      </c>
      <c r="E205" t="inlineStr">
        <is>
          <t>&lt;class 'numpy.ndarray'&gt;</t>
        </is>
      </c>
    </row>
    <row r="206">
      <c r="A206" s="1" t="n">
        <v>204</v>
      </c>
      <c r="B206" t="inlineStr">
        <is>
          <t>steps_per_sec</t>
        </is>
      </c>
      <c r="C206" t="n">
        <v>3000</v>
      </c>
      <c r="D206" t="inlineStr">
        <is>
          <t>3.3497136</t>
        </is>
      </c>
      <c r="E206" t="inlineStr">
        <is>
          <t>&lt;class 'numpy.ndarray'&gt;</t>
        </is>
      </c>
    </row>
    <row r="207">
      <c r="A207" s="1" t="n">
        <v>205</v>
      </c>
      <c r="B207" t="inlineStr">
        <is>
          <t>Loss/object_center</t>
        </is>
      </c>
      <c r="C207" t="n">
        <v>3000</v>
      </c>
      <c r="D207" t="inlineStr">
        <is>
          <t>0.2016428</t>
        </is>
      </c>
      <c r="E207" t="inlineStr">
        <is>
          <t>&lt;class 'numpy.ndarray'&gt;</t>
        </is>
      </c>
    </row>
    <row r="208">
      <c r="A208" s="1" t="n">
        <v>206</v>
      </c>
      <c r="B208" t="inlineStr">
        <is>
          <t>Loss/box/scale</t>
        </is>
      </c>
      <c r="C208" t="n">
        <v>3000</v>
      </c>
      <c r="D208" t="inlineStr">
        <is>
          <t>0.06621408</t>
        </is>
      </c>
      <c r="E208" t="inlineStr">
        <is>
          <t>&lt;class 'numpy.ndarray'&gt;</t>
        </is>
      </c>
    </row>
    <row r="209">
      <c r="A209" s="1" t="n">
        <v>207</v>
      </c>
      <c r="B209" t="inlineStr">
        <is>
          <t>Loss/box/offset</t>
        </is>
      </c>
      <c r="C209" t="n">
        <v>3000</v>
      </c>
      <c r="D209" t="inlineStr">
        <is>
          <t>0.1441395</t>
        </is>
      </c>
      <c r="E209" t="inlineStr">
        <is>
          <t>&lt;class 'numpy.ndarray'&gt;</t>
        </is>
      </c>
    </row>
    <row r="210">
      <c r="A210" s="1" t="n">
        <v>208</v>
      </c>
      <c r="B210" t="inlineStr">
        <is>
          <t>Loss/total_loss</t>
        </is>
      </c>
      <c r="C210" t="n">
        <v>3000</v>
      </c>
      <c r="D210" t="inlineStr">
        <is>
          <t>0.41199636</t>
        </is>
      </c>
      <c r="E210" t="inlineStr">
        <is>
          <t>&lt;class 'numpy.ndarray'&gt;</t>
        </is>
      </c>
    </row>
    <row r="211">
      <c r="A211" s="1" t="n">
        <v>209</v>
      </c>
      <c r="B211" t="inlineStr">
        <is>
          <t>learning_rate</t>
        </is>
      </c>
      <c r="C211" t="n">
        <v>3000</v>
      </c>
      <c r="D211" t="inlineStr">
        <is>
          <t>0.001</t>
        </is>
      </c>
      <c r="E211" t="inlineStr">
        <is>
          <t>&lt;class 'numpy.ndarray'&gt;</t>
        </is>
      </c>
    </row>
    <row r="212">
      <c r="A212" s="1" t="n">
        <v>210</v>
      </c>
      <c r="B212" t="inlineStr">
        <is>
          <t>train_input_images</t>
        </is>
      </c>
      <c r="C212" t="n">
        <v>3000</v>
      </c>
      <c r="D212" t="inlineStr">
        <is>
          <t>[b'512' b'512'
 b'\x89PNG\r\n\x1a\n\x00\x00\x00\rIHDR\x00\x00\x02\x00\x00\x00\x02\x00\x08\x02\x00\x00\x00{\x1aC\xad\x00\x00 \x00IDATx\x9c\xed\x9de\xa0\xd5F\x13\x86\x87\xaf.\x14i)\x14ww\xb7\xe2\xee\xee\xee\xae\xc5\xdd\xdd\x1d\x8a{qw/\xeeZJ)\xeeN\x0b\x94Ba\xbe\x1f\xb97\xe4D6\x1b\xcf\xb9w\x9e\x1fpn\xcefwNd\xb3\xd9\x9dy\x07\x80 \x08\x82 \x08\x82 \x08\x82 \x08\x82 \x08\x82 \x08\x82 \x08\x82 \x08\x82 \x08\x82 \x08\x82 \x08\x82 \x08\x82 \x08\x82 \x08\x82 \x08\x82 \x08\x82 \x08\x82 \x08\x82 \x08\x82 \x08\x82 \x08\x82 \x08\x82 \x08\x82 \x08\x82 \x08\x82 \x08\x82 \x08\x82 \x08\x82 \x08\x82 \x08\x82 \xfcB\xba\x88^[\x00\x00\x00\x88(|\xc8\x1f\xefK\xbb\xea\x8ck\xdc\x06\xd1\x0c\xa3\xa8\xee{t\xedt\xc6.C\x9aW\xe4\xac\xd9\x9cI\xceQ!c\xec3\x9b\xe7xmE\x18\xa2H\x92\xc8^\x9b@\x10\xde\xf3?\x80\xb7\xb7\x8ezh\x80no\x9b3\xc6G\xaa\xdbS}\x01\xbb\x16\x8c2\xda\\\x9f\x06%\x8d\xee\xc2O\xfb\x8a\xb9g\xf6k\xa1\xf5-\xfb\x97\xea\x1e\x87\xeb\x87\xd7\x984\x8b \x08"\x0c\xd0\xb6\\N\x13{\t\xef%U\xb2\xc6W\xfd\xf6\x0b\xf3\xe6\xa8\xa3\xda\x95\xd7\xcf\x9f\xca\x89j\t\x1b\xa0#K\xd8\x0b\xe23\xafM\xe0\xe2\xca\xfe\x15^\x9b\xa0\xcf\x9b\x9b&amp;_Pb\x87~\xf8\x06\x00\x00J\xa6\x8a\x96)*|\xac\xb8\xdf\xc7\xfdT\xdb\x82u*L\xef\xddT\xb6\x05\x11\xa3Z\xae\x96\xba)\x82 \x08."\x02\xc4\x07\xe8X9/\x00$\xfb\x18\xf0\xd9E\xfe\xf5\x06\xf7\xbb\xda\xdc\xb1&gt;a|\xdb\xa2df\x00x}\xed\x90[\xe6\x10\x04\xe1)I\xd5\xe7\xbd\t.\x1a\x17I\'|@|%\xf4\xfb\xcf.\xee\xc6P\xd8\xfbF\xf2h\xac\xdd\xa7~\x898\x96+\xa1\xb7\x04\xc2\x1eT\xaf$\xb6\x8b\x05a#\xc5\x92Y\x9f3p\x8a\x08\xfe\xeeh\xc4^\xbe^\xbe\x94\xe2\xc6\xbd\x8b\xc7r&gt;\x00\xf0\xe1\x99\xdd\x8bF\xeb\xb6RWR\xb9-\xe0\xe3s\xb6U\xe5\xe3\xb3\x13\x16\xb0\xcdi\x8e \x88P\xec\xea\xb6P\x82\xb0%\x9a\xdaF-"\xd9b\x84\xa7\xe4\xb3\xcf\xaf\x97\x08\xe0K\x00DlX(\xad\xd7\x86\x10a\x99\x18\xde5\xedB\xf7\xb7dTgG\xebW\xed\xeb\xf9\x1f\x00\x06\x1azx\xd6\x86J\x1c\x18\xad_?\xbc\xda\xf6:\t\x00\x00D\xcc\x1b\xf7s\xe5FO\x8c!\x08+\xa8^\xb7\x1d+\xe5q\xb4\xd1\xba\xf9R:}\xbf &gt;Pv\xf4\xba\x0f\x80\xd9\x03Z9j\x15\x11\xf4\x08W\xcf7\x8a;\x07\xdf\xdehV,\xa3WV\x11\x84*\x89#\xe8\x14\xf0$\xb2\x14\x11\x87\xb7\xae\xe2|+\xff\xa86Mc5\xc2&lt;Z\x83\x88Y\xfd[\xd2\x85E\x10&lt;L\xe9\xd1\xc8k\x13\xccC\xb7y\xd8\xa7z\xce\xc4Z_u\xabQH\xb8\x02\xa6\x86^\xc4\x0b\x87w\xb0}b1\xe88\xbdi\x8e\xd7&amp;\x10DX#&lt;w)^b\xe8\xb8\xefZ0*\xb4\xff\x7f\xe5\x9cI\xde\xc2\nP!\x88p\xc3\xc2a\x1d\xc4\xcf_;\xdf\\\xbd|)\x11\x9f;\xdf\x0e\xa1\x00\x1f\x9c\xd1\xfaJ\xa9&amp;\x18\xb6\xdf\x00\xae\x1fZ\xed\xb5\t\x0e\x82/\xfe\xf0\xda\x04\x82\xd0DK46\xac\xf66\xc1G\xdbr9\xc3p\xefOxE&lt;\xaf\r &lt;\xa1[\x8dB^\x9b@p\xd0\xb1r\x1e\x90\x8c\xfdOn\x98\xe5\xb5ED\x98\xe2\xd9\xc5\xdd\xb2-\x87VN\xf6\xc2\x10\xc2\x03\x18\x03\xca_\x7f\x19/\xccD-\x1b\xd3\xd5E\x8b\x085\x1a\x15N7\xb2m5\xaf\xad\xe0E\xd7)0\xbc\x91)\x8a\xd7\x16x\n\xbdd\xf8\x16y\x9cQ ?\xc6\xfa\x94f\x1d\x08"\xec\x93\xd0k\x03|\xce\xaa\t=y\x8ai\xe5\x93\tR\xa8\xf7\'&lt;@\x10\xa4\r\xc3\x1cY=\xcdk\x13&gt;\xd0\xbfQ\xe9uS\xfbym\x05\xe1SVO\xea\xed\xb5\t\x04\x11\x86\x98\xd0\xb9\xae\xd7&amp;\xc8\xd9\xbdP_\x90\x92\x08{\x88qH\xa3\xdb\xd7\xf0\xd6\x12\x82\x08\x17\xe0\x93\xf3\xea\xdb\xf1\x89\xcb\x96\x10\x84\x08"j\xb9\x81\x02\xc0\xdcAmV\x8e\xef\xe1\x9e5D8\xc7\xb5i\xc7\xde\xf5\x8a\xbb\xd3\x10A\x04/\x87WM\xf5\xda\x04"\xdc\xd0\xa6lv\xad\xaf\x8a\'\x0f\xc8[\xb2hxG\xe7\xcd\xb1\x93S\x1b\xc9\x857h\xb8\x7fj3\x7fa\x86\xd7\x1b\xe2#\xeb\xc6\xb8\xc6\xf7^\x1b\xe0\x01\xc1\x92S;\x9c0\xb3_\x0b\xce\x92\xe9\xbfQ\xd9\xa8\xf5\xf6\xe0\x07g\x86lAx{\xad\x18\xd7\xddk\x13\xc2&gt;~\xb88\x05\x18\x13A\x04\xe1#\xfeg\xb0\xfc\xed\xe3\x1b\x1c\xb1\x83 \x08\xe3\x18\xbd\x7f\xc3 \x93\xba6\x90\xfe\x99\x9a\x12\xab\x19\xe1\xbd\xc1\xf2\xa7O\x9e\x94\x06\xb8\xba?\xe6\xca\xecQ\xda\xddy\x83\xdb&gt;\xb9\xb0\xb3v\x9ed\xf8\xfc\xa2E\xb7\xee\xe7\x97\xf6\xd8hX\xb8%\x88":\t"\xe8\xb1\xde\xd7\xe7\x8a\xf9\xb1-\x96\xb8\xcc\x85\x1d\x0be[\xcem\x9bo\xe5\x19\x904(\x0f\x03\x11@\xe7j\xf9\xfd3\xe3D\xf8\x0e\xa7/\x8e&lt;q&gt;s\xb4~B@\xb6`.e\xee\xa06\xa6\xcfr\x91$a \x8d9\xa1I\x97\xea\x05\x8c\xeeB\x8f\x93\xe0 q\xd8\x9du;\xbcj\x8a\xfb\x8d\xaa^\xf7\xf5\xf2\xa5t\xdf\x12U\xd8\xb7\xa5\xe9\x9b\xf6S\x00\x00\x18\xf7Sms\xbb\x87a\xa4\n\xfeZ\xac\x1c\xdf\xc3Jw9\xa0q\x19\xd3\xfb\x12D\x98\x85\xc6 2d\xaf\xf9\xf9\xe3\x7f%\xfd\xf6\xe5\x9f\xfbI\xe3\xc5}\x9e\xfe\xb6\x8b\xbf0&gt;\xfb\xcd9K\x08\x82\x08\xcb\x88\xe2\xe1{\x16\x8f\xb9z`\xa5d\xfb\xdfQ$\xdfR\\\x82?)\x95*\x1a\xe2C\xd5\xaf\xca\xa7\x8f\xe9\xb21\x84\xfdt\xac\x94gb\x97\xfa^[A\x84Y\xc4.\x1e\xef\x9f\xd2\xfc\xca\xd4K@\x93\xa2\x19\x10\xdf\xd9c%a\x9c\xe6%\xfc\xa2\x93H\xd9[\t\xc2\xa7h\xf5\xef\x8d\n\xa7\xb3\xf8\x00 \x08\x01\xbax\x08\xc2\xa7hu\xeeQ%\xdf\xca\n\x84\x93x\xf8J\x99\xe3R\xcf\xa5J\xd9\xb41\x94\x1b\x19\xc7*\x9a\x93\xc6\xf8\x9a\xc8^\x1b@\x10l\xd8\xa3\xfb\xf0&lt;\xfc\xb7\xebW\xfbP\xd3\xdb\t\x18\xd7\xc9\x80\xc6e\xaad\x8d\xef\xae9\x04A\xf0\xd1\xa5Z\x01|pZ1\xcc\x7f\x17\x9e{\x7f\x87\x987\xb8\xad\xd7&amp;\xd8\x86\xe2\x82\xd1\xbcT\x10\xf1\xf8\xfa\x9f]1J\xc1\xce\x05#\xb3G\xf72\xed\xac\xbd\xf7O\x9d\xbc)l\xac\x8d \x04\x94s\xfd\x1f\xfe\xfe\xfb\x92\xb7\xb6\x11~ \x91b\x0b"^?\xb4Z\xb61\xba+\xc6\x18\x80\xc6/\x04\xc1C\xc6(\x80\xf87"\xeeZ0\n\x00\xb2E\xa3{\x87 \xec\xc0\xcf7R,\xaf\r |\x8e\x9f\xaf\xde0Cl\xaf\r \x1c\xe4\xfd\xdd\x93\xe6v\xbcz`\xa5\xd39\xb8G\xb5\xa3\x0c\x9f\x04\x0b\xa90*A\x04\x13\xee\x0f^\xde\xdd9\xeer\x8b\x1e2\xa2MU\xe5F\x1a0\x861J\xa5\x96\xe7\xa6\t\x0fb\xe4\xf8\xe0\xb4=\xf5\xbc\xbeZ0\xc1\xd7\xb6TE\x04\x13\xe53\xc4\xf2$AR\x9a\xaf\xf4\xcb\xd8\x85j_O\x0f\x00B\x00\x9f]\xf4\xda\x04\xc2f\x9a\x14\xcd\xe0\xb5\t\x84\x82\xef\xbc6\x80 \x94\xd0P \x0c\xc3\x93\xb1\x14\xf1\xdf!-*:n\n\'\x07WL\xf2\xda\x840NX\xbd\xe1\xc3I \x8f\xed\x04aVc\xc2N\x10\x91\xe4\xe8\x88p\r\r;\x82\x11\xc4\xc7Vv7\x91)\x85p\x10\xce\x91\xa9CyX\xf1\xf9\xef\xceTL\x10Dx\x04\x1f\x9e\xf5\xda\x04M|7\r\x80\x88\xe4c\xeb\x1c\xfeIke\x05\xdf]\xb5a\x8b\x9d\x0bFzm\x82\x01\xe2X\xd8w\xef\x92\xb1v\x99\x11\xa44,\x98\xc6k\x13\x08k\xa4\xfc\xdck\x0b\x08B\x8f\x02\t\\tw#\x08\x82 \xcc1\xa4\xb9o\\A,\x93+\xe6\xc7^\x9b@\x10\x04\x11\x84\xdc&lt;\xba\xce\xcd\xe6\x0e\xaf\x9a\xeafsZ\x14N\xfc\x8d\xd7&amp;\x10\x00\t\xbc6\x80\xf0\x0f\x05\x13F\xf4\xda\x04\x82\xd0\xe1\x07\xaf\r \x08"\xfc\x92\xd8#\x19\xf5\xe5^\x84\xd0\xfb\x90\xe0Z&lt;\'\x88\xe0\xe0\xc8\x9ai^\x9b\x10Nq!d\xbdf\xae$\xe6v\xcc\x1f\xffK_\x8d\xb8\xd3\xfa@@h\xe9\xe8\xceZ\xd9 \x82\xc9q\x0e\x11\xd7L\xeec\xb1\x12r\x8d\x11\t\xa6sO\xf8\x86&amp;E\xd3\xf3\x14\xb3xu\xd1\xc5I\xc8ypf\xab\xd6W\xba\x97\xcb\xb5\x83\xab\xec6\'\xe8\xa1{\x8c\x00\x00qe\xb3d\xca\xef&gt;\xd3+\x1c\xd7Y[B\xc8\x1d\xf3\x93b\xc9\xa28\xdd\xca\xd3\xdfv\xe5\x8c\xf1\x91\xd3\xad\x04\x1d9\xa2\xffOu;\xe2_*)\xe4}\x02\xf5eF\x993\xb0\xb5\xd7&amp;\x10\x84\xab\xc8\xb2\xddR\x9edUj\xe6N\xaa\xf5\xd5\xde\xc5c]4\x84p\x8c\xa3k\xa6{m\x02A\xb8\xcd\x9f\xbf.\x17{\xfc4_\xd1\x03\x80 \xc2\x04\t\xbd6\x80\x08\x16\xdc\x7f\x03xxVs\xe2\xda?P4v\xd8g\xf9\xd8n^\x9b@\x04\x01^\xf9\x8c\xbaC\x92\x8f\xa0C\xa5&lt;n\xb6\x18\x14\x01\xc7w\x8eoX9\xa1\x87Fb\xa8G\xee\xdb\xc3\x85\x0f\xdc\xab\x88\xb0\x8f\x0b\xab\x91\x849\xdcy\xf3\xcb\xfc-Dr\xa5!"Xq\xe8B&lt;\xb0|\xa23\x15\x13\x84%2)$\xd7I&gt;\x93\x08V\xc6\xfdT\xdbk\x13\x08\xb7\xe9\\5\xbf\xd7&amp;\x84\x17.\xef[\xe6\xb5\ta\x9cp\xba\x94}z\xd3l\xafM\xf0\x05\x85\x12\x91\x1e\x8e1\x064.\xeb\xb5\t\x04\x11\xeeP\x8f/0\xcd\xed[\xb7\xec\xad0H\xd9\xfe\xe7\xdf^\x9b\x10d&lt;z\xf8\x90\xa7X\xefz\xc5\x9d\xb6\x84 \x82\x88\xda?&amp;\xf3\xda\x04\tE\x93\x1a^\x9d;\xb4r\xb2\x13\x96\x04\x1d\xd9(\xcf7\x07&amp;\xde\xac\xb3\xd3\x81%\x08\x82\x08v\xea\xe6K\xc9\xf6\xe0\xfe$\xdc\xce\xbd\x1a\x04__5\xb7#\xcdm\x8a$\xfb\x84\xabXr\xbeba\x13]\xaf\xd0\xe1\xad\xabt\xa9^@\xf5\xab\x8b\xbb\x16\xdbn\x0f\xc1`@\x13\xfdYxD\xbfOm\xe1\xd3\x0b^\x9b\xe0\x06\xd6\x9fs\x88\x7f\x99\xdb\xb1e\xa9\xac\x16\x9b&amp;\x08\x82 \x08"\x1c\x10\xddk\x03\xc23A\xed]S=G"\xafM &gt;\x9012\x84\xe9\x90d\xc71\xf7\xde\xb6q\xc6@\xdb-!\xc2;A1W\x1e\x14F\x12\x04?\xb1\x8c\xef\x82\x88\xd9\xa3\x07\xf3\x93\xf7\xa7*y\xbd6!|\xe1\xab\xecK\x04A\x98\xe3\x8b\x10u\xbc\xb7^\x1bb\r\x8b\xe3\xb83\x9b\xe7\xd8dHx!\xb8\xc7\x0b\x04A\x84\x12\xbe$\x8fR\x7f\t5r&amp;\xf6\xda\n\x82 \xf4)\x96\\!?D\x847:T\xfcQ\xb7\x0c\xe2\x13\xffO\xe6zna\x02o\x9b\x0fZ\xbc:q_\x01d\xff\x9e\xde\xb4\x82\x8f\xf2\x19L\xcc\xc3\xab0\xb3_\x0b[\xea!|APH\x84\x87y\x82(\xcahL\x87\x9a^\x9b@\x10a\x0e\xcfG\xe2\xb6\xb3g\xd1\x18\xafM \x08"\xf8@|\x15\xee&amp;\x06\xc2\xde\x03\x80\xb0\xc2\x85\xed\x0b\xbd6\xc1\x12t=\x13\xe6\xe8]\xaf8"\xbe\xbf{\xc2kC\x08\xc2;\xa8\x03%\xc2-\x03\x1a\x97\xf1\xda\x04\xef\xa8\x901\xb6\xd7&amp;\x04\x1fi)\'\'A\x10\xfe\x81Fp\x04\xe1\x10+\'\xf4\xf0\xa4\xddf\xc53y\xd2\xae\x158\xc3Q;\xba\x92\x9e&gt;\\\xf4\x8a\xd1\x00~\xdb\xb9(\\\xfcT\x82\xf0\r\xe9\xbf\xf1\xda\x02\x9f\x91\xf6k!\x9e\xd6G\x1d\xd1\xd0\x96\x95l\xac\x8dR\x89\x10\x00\x00\xfb\x96\x8es\xb9\xc5\\?|\xe4r\x8b\x84.\x0b\x87u\x90mI\x1cF\xc3\x15\x96\x8d\xed\xcaY\xd2W\xbd\xbf\xed\xf4\xacS\xd4k\x13\x08w\x89\x04\xf0e\xe0\x96\xe5c\xbb\xb9\x7f\x95\x87\xed\xfb\xca\xe7\xcc\x1b\xdcV\xb6E\x16\xe0\xd4\xacxF|\xfe\xbb\xd6\xee\xbf\xef^\xe2\x80Q\xceb:\xb7\n\xe2{\xc9\xe7\x07\xb6\x18CX\xe2\xc9\x85\x1d\xd6+\xe9S\xbf\x84\xd6W\xd3z6\x06\x80\xe9\xbd\x9bZo\xc5\x87$\xd1\x1by#b\xd3b\x19]\xb1\x85\xe0\xa2d\xcah^\x9b\x10B\x8d\\Il\xa9\'\xcb\xb7\xb6T\xe3\x06\r\x0b\xa5\xf5\xda\x04\x1b`tw\x04\xe16\x03\x9b\x94\xb3\xb1\xb6~\rK\xd9X\x1b\xa1\xe4\xf8\xba\x19\xc2\x87\xfb\xa76{k\t\x11\xde\xc9\x18\xd9k\x0b\xc2=\xf8\xdf-\xafM\x08\xa0\xf6\x8f\xc9\x1c\xad\x7f\xfe\x90v\x8e\xd6\xef\x7f\x101\xc5g\x86\xf7\xb2\xbe\xa4\x1c\xd9j\x05*\xe0\xbd\x93m\xcb\xe5t\xa0b\xa7\xb0+1\xb0\xb0\x9a]9K&lt;\x9b\xea\x0b\xf7\xd0,6\x11n\xf9R\xbfHX\xbbATSe,\x1a\xde\xd1\xf6\x86d=4\xe2=[\xaa\xf5\x9b;\x13\x11\x82\xd1\xb3\xf2\x95CvHH\xef\x8c\xb2\xda\x89\xf5?;R/\xa1\xc7\xc3\xb3[y\x8a%\xb7k\xb4I\xdd\x8d\xff\xc0\x7f\xafymB\xf0\x90\xfcS\xf7\xda\xca\xe0z\xe2\x86\xcc\xde-\xc19=]C\x98\xe6\xf5\xf5\xc3\xaf\xae\x1c\xb0\xb1\xc2\xd5\x13{\xe9\x961&gt;\xb1D\x10\x84M0&amp;i\x1d\x1a\xbe\xd1K@\xf8!O\x1c\xfd\xee\xfd\xafK{]\xb0$\x0c\x83\xf8o\xe8\x87\xe7\xdeZB\x845\x9e\xff\xbe{t\xfb\x1a6V\xf8-\x00\xe23\x1b+$\xc2\x00\xec\xc4P\xc5\x93\x7f{v\xeb&lt;\x00\xf8\x9f\xa9\xca-\xb8\xff\xfbe\xfe\xaar\xe6\xb8\x8co\rE\xf2^\xdc\xb5\xd8\xa21a\x99\x16%\xb3xmB\xd8\xc7?\xf7\x15\xc1\xc0M\xc5\x9e\xbcq?w\xad-~\x10\x1fzm\x82\xcd\xfcs\xf5 \xdd}\x9a\xbc\xbc\xb2\xdfk\x13|\x8d\xb9\xf1\x97\x92\xee\xb5\x8a\xd8T\x93%.\xef[\xe6\xb5\t\xbe&amp;\x9c\xf7\x14s\x07\xb5\xf1\xda\x04\xfb!\xf7O\xc20\xf8\xfa\xaa\xd6WU\xb3\x05q\xc6!\xd7\xd7\xdd\xfd\xce\xd8\x8e\xb5r\xc7\xb2\xcf\x07\x08\x00\x00:V\xd6Q\xc7L\xe9\xd6\x12\xb0Q\x97$\x13\xcf\xbf?\x7f]nt\x17\xc2\xa7\x90\x07\x9bi\xa6\xf7j\xe2\xb5\t\x1f\xc0\x07\xa7=i\xf7Xh\xdcl\x10Q&lt;E\xf0\x883\x18\xa7i\xb1\x0c~\xbb\xa3\x05\xbd\x19\xc2\x8f\xd0\x03 &lt;\xb0dd\'\xc4\xd7N\xd4|d\xf5T\'\xaau\x8ec\xebf\xd8r\xc17(\x98\xc6z%N\xf0\x15\xc0\xcc~-\xb4\xbe\xfd\xfb\x8f}n\x1a#\xe0m\x0f3\xb8Yy\x0f[\xb7\xca\xa8v\xd5e[\xa2{b\x07a\x84\x94^,\xf5\xd5\xca\x9d\xd4\xfdF\xbf\xe3+\xb6c\xfe\x08g\xed\xe0\xc6\xe2\x88g\xcb\xac!\xf8\x81g\xc2F\xd5\xec(\x85\x12}3\x7fH;\xd316\x05\x13~\r\x00\xff\xdd&gt;n\xb6\x02{\xd8\xb5`\xa4\x89\xbd*1\x9dy\x08\x03|\xec\xb5\x01\xceA\t9l\x04\xf1\x99\x9b\xe3,_\xa5\xd6X6\x86W\xef^\x80\xf3@)\x8b5,\x98\x06e&lt;&lt;#\xdb\xf0s\xdff\x86\x8c\t\x93\x94\xcf\x10K\xbfPx\x83&amp;\xc2\x1c\x85&amp;\xb2\xf8\x8f\x80\x8d*\x08~\xe0\x0b#\x85s\xc6\xf8\xa8^\xfeT&lt;%\x95\xc7s\xfe\x90v\xf2\x07\x80\x1a\xe5\xd2\xa9J\xe9\xa8cB\x89=\xb1]nj\x04\x116\xa0\xde\x9f\xe0\xc4\xd0DY\xe4\xd0\x0f\xf8\xf7%\x9e\xae?\x80\xc7\xe7\x1d\xf2\x96\xa1\xab\xdd\x04C[\xd8\x99]\xd2qx\x04\x08\t\x00\xc0\xb77\xbd6\x81\x08\xe3\xac\x9a\xd0\xb3Q\xa1\xb4E\x92DVv\xf2\xb3\x07\xb4\xfa\x1f@\xcf:\xc5z\xd5-\xb6w\xc9X|{SQ\xe4\x1f\xaf\xcdW\x07\xf1\xa5\xd7&amp;\x84W\x12\x1a\xdf\xe5\xfa\xa1\xd5\xb6\x9bQ1S\x1c\xdb\xeb\x0c"\xa6\xf7n\xfa\xe8\xec6\xaf\xad\xf0/\xddj\x16\xf6\xda\x04\xfb9\xb7u&gt;\x7f\xe1S\x1bgI\xc7\xdaZ\x03}\xe5\x8e\xfb\x96\x8c\x93\x16x\xf9g@\xdc\xa5r\xfa-\x8c\xa6"6\x03\xe2#\xafM \xdc\xc2\xfa\xfa\xb6\x95\x10\xf6l~\xc9&lt;H\x84\x10\xd3\xf9&amp;\x96\x8e\xea\xcc_X\xab\xf7\xbfs|\x83\xb8\xe5\xe0\x8aI\xaa\xfb^\xde\xb7\x8c\xe7Q\x11t\xd0M\xe3;\xcel\x9e\xe3\xb5\t\x84:\xd6\xb3D\x11.3\xa9k}\xe5\xc6\x9a\xb9\x92\x08=\xf8\xa5=K\x11Q\xf0\xcc.\x9c8\x12\xde?\xc5\xa8\xea\xc2\x8e\x85.&lt;\x03\x16\x0cmg{\x9d\xc1K2\xedAe\xd8x\x00\x13\x00\x00\xf9\xe3\xbb\x90\'\x86\x08\xa7\x08.R7\x8f\xac\x15\xb7\xdc=\xb9\t\x11#\x19\xecDV\x8c\xeb\x1e&amp;_\x02\xdc\xc4PZ\xe6C+\xa7h}\xe5\xdb\x95\x98\x0fL\xed\xd1\xc8k\x13T\xf0\xe7%\x8b\x88$\x08N\xf0`\x8b;:"\xde9\xb1A\xb9\xfd\xca\x81\x95\xec\xbd\x94\xe4\x8cA.\x9cD\xf0\x80\x88\x94\xc6\x88p\x9f9\x03[\riQ\xd1k+\x00\x00^_?\xa4:\x0cb\x87\xc2\xe1\xfdS\x1ak\xc6~\x1cQ\xf9\x8a_\x97\x8e\xf7\xda\x04"\x94K{\x96zm\x82\xfdD\x02xs\xe3\x88\x8d\x15\xc6\x07H\xfaqX\x8e\xd9\x0e\x874+\x9eQ\xf8\x80\x88\x86\xf4\x18\xea\xe6K\xd9\xb6\\N\xad\xde\x9f\x1e\x00R\xa2\xb8\xd8\xd6\x84.\xf5\\l\xcd\x07\xcc\xe8c8\xc20\xa8\xe1Y\x16\xc8\x1e\xdd\xb0\xc7\x1d\x7fvi\xba\xb7\xc3$\x88(\x8d!J\xc4q\x05\xfd\xa0\xed3\x8a\x88\xe4\x80/\xd0\xb2T\xd6\xa1-\x83*8+\xbcQ%k|\x9fO\xb5\xb7,\x9d\xd5\xc6\xda\xe2\xabm\x14\x8e\xc0\xb8\x9fj\x87\xfe\x89\x88x~\x9b\x01wr\xc2\x9fp\xcaa \xa2\xcc\xe9 _\\\x1d\xed\x89J\x99\xe32\x1f\x00\xac\x81\x02\r#\x08\x93 \xde\xe1/\x9c\x81#K\xc8\x80&amp;e\xcd[\xe3\x0c\xdf\x05\xba\x00\xad\x9a\xd8\xcbCct\xc9\xe8\xe6+\xae3\x1c^5Ep{\xb7B\xb5\xec&amp;b\x1f}\xd1\x15\xeeY4\x06\x113I\xce\xe3\xb9\xad\xf3\xd9\x9d\xf8\x8a\xf1*\xce?\x9c\x0f\x00\xf2\xb2\'\xdc\xc0\x80T\x15\x11\x08&gt;&gt;gnG\x1bE\xbc\xbd\xd2\xdaM\xf9\xb9/:e7\x11\xfa\xeb"I"\x01\xc0\xa7\x92-\x8c\xe3\xa0\xdb\xfb_\xd9\xbf\xc2-\xf3\t\xdf\x93\xf6kW\x9b\x0bo7\xb0\x15&lt;9V%Rp\n\xec{\x80\xa1W\xcc0C\xefz%\x86\xb4\xa8\x88\x88\x88\xf7@\xd2\xbf/\x1c\xd6Ak\x97r\xe9c\x9a\x9b\xff\xd1eD\x9b\xaaVv\'\x00\xa0a!\x9ff\xf2q\x03+\xda\t\x06Zysc\xa7o\x12\x80\x10a\x98\xf8\xce7qr\xe3,i\xdf-\xed\xca\xa32w4\xfd\x00\x08c\xa3\xb4&amp;E3xmBX$]D\xa7j\xce\x19\xe3#v\x01\xdb\x13j\x07;\x88\xd8\xbaL6\x00\xe8\xd7\xa8\xb4\xd7\xb6\x10\xf6\x13\xdau\xbf\xff\x06\xa0D\x8a\xefB\xff|\xa2ZX\xc8\xb9\xf8s\xdf\xe6\x17w-V\xf6\xfe\x9e\xa4\x8a#\x083 \xdee|\xbbu\xf6\x10\xd7,\t\xab\x04Eb\x96.\xd5\x0b0\xbeuZf}\xe3\x8c\x01\x8e\xd6\xcf\x83l\xfc.\x1b\xcb\xff\x18\xeb\xd3\x01\x8d\xcb\x88\x85\x1f\x9f\xdf\x8e//\x97L\x15\xad\xf6\x8f\xc9\x02;\xff\xf7\x8f\xcf\xef\xf0\xe6\x07\xf8\x0c~\xd7j\xdb\xd9:g\xa8WM\x13a\x01q\xcd\xe6\xd1\xb9\xed\xe6j\x90\xe6\x8f\xdd0\xbd\x7f\x91$\x91-\x1b\xe5,\x888\xadW\x13s\xfb\xfe\x18\xfbS\x00\x18\xde\xba\x8a\xe9\xd6{\xd6)fz_+\xe0\xebk\x1f&gt;?\xfbM6{#v\xea\x1bg\x0cT\xdd\xfd\x1b\x80uS\xfbJ\xbb\x7f+\xf2U\x88\x0fu\x17\x0b\xdbW\xc8m\xa1\x85pA\xb7\x9a\x85\xad/\xc3\xf8\x97*Y\xe3{\xd8\xfa\xfc!\xed&lt;l\xfd\xb7\x1d\x0b\xb7\xcc\x1a\xecN[\xf6\xe6Q\x88ac]\x00y\xe3\xda?\xc5`\xe5\x869\xbf}\x81\xc5\x1a\x18\xb0\xab\xb5\xa5\xd1\x14\xa1B(\x88([?\xdb\xbbd,{Z\xff\xd4\xa6\xd9\xb2W\x87\xf2\x19b\x99\x9b&gt;\xedZ\xa3\xd0\xaa\t=M\xecHH\x11\x03\xf4\xbc6D\x8d\xa4:\x13\xefnP7o\n\xd5\xed\xba\xaa\xc6\x9f\x05\x1eY\xe9\xe8\xc9\x10\xde\x8a\xf6\xd9\xdb\x17\xab2\xab\x7fK\xe7\x1b\xb1\x19\xd3nI[f\x85L\x12\xb6-\x97\xd3.c,\x92/\x9e\xa1\xfc\xc1\x00\xa1\x0f\x12\xb1\x1f\x1f\xd8\xa4\\l\x80\xa3k\xa6\t\xdf~\x0e\xb0y\xa6\xfa\xc8\x03\xdf\\\x97=\x00\xb4\x92\x07x\xce\x8c&gt;A\x9c\xc8~\xe9\xe8\x90\x1c\x0f\x88\x8fu\x0b#\xe2\xf0V\xe6\xdfG\xfd\xce\xb7\xceT[S\x92F\xb5AA.\'\xaa%\xa3:9c\x8b\x01D\xb9.\xe7\x16\xcc\xc3\x03\x88o\xbc6!\x80T\x9f\x9bI\xa4n\x05D\xfc\x04\x00\x11\xd7N\xe9\xdb\xbdfa\xce~\\\xd2\xf9?u\xdaB+$\r~\x11\xab\xa6\xc52\x02@D\x80\xbe\rJ\xb1K"\xa2\x0by\x87\xc2\x1a\xf8\xf0\xac\xe1]^\\v4[o\xae\x98*\x97m\xd7\xea\x05\xad\xd4\xd9\xbcDf\xe5F\x8e\x88i{\xa8\x9bO\xfd\xf5+(\xb0%?C\x8e\xe8&gt;\x95J~pf+"\n\xd1\xccB\x8f^,9\xcb\x05T\x9c\xfd7\xbdP\x04\x00\xbf\xef^bz_\xffp\xff\xf4\xe6&gt;\xf5K\xde\x90$W\xf0\x1c\x9fN\x01\x055?\xc6\xfe\xf4\xef\xcb\xfb\xbc\xb6\x02b\xf9/\xd5u&amp;n5\x88\xae5,=\xbd\x08Gypf\x8b\xf0\xa1h\xd2(B\xe7^.\xdd\x0f\x00 [\x9a=\xb4r\n\xe2+\xf6\xda\x00\'~x\x87\xb6N\xa1D\xdf\xcc\xea\xdf\xf2\xd7_|\xa1\xf0\xdc\xb6|N\xa0\x07@\xd8Fx\x19\xf4\x8a]\x0bF\xc9\xb6\x0cjZN\xf5\xc5B\x95\xb8\x00fDs\xbc\x83}/\x9d\xd92wp\xf3\n\xae\x19\xa3$\xe9G\x80\xf8\xda\xae\xda\xf0\xddm\x90\x87w=\x13\xfe{}\xed\x90\xf0\xe1\xf6\xb1\xf5\xb2y\x7f\xd3\xd8\x15\xf4\xfb-@\x87\x8a?\xdaRU\x90B=~8bd\xdbj\xca\x8d\xb3\xfa\xb7\xb4\xe5\x9e\xd4E\xea\xe2)\xd0\xb7AI\x9e\x1d\x05\xa5\xa0\x9eu\x8a1\x92\x9a\xda\xcb\x8d\xc3k\\j\xc9\x19\xac\x9f\xcaNU\xf3\x99k\xf7\xc0\xf2I\xa8\xcd\x9a\xc9\xbd\x85\x0f\r\x99\xabe\x89LZ\x1d\xf61\xa1\xd9\x1e\xa6\x10\xaf\xec\x9c?\xf8\xc01\xc82\x9e\x87:\xc5\x93\x8c\xda\x9cN%\\"E\xc02\xfc\xc2\xe1\x1d\x0c\xf5S\x9f\x99rS!d|\xcaWlp\xb3\xf2\xe6\xea\xaf\x96=!"^;\xb8j\xe5\x84\x1ev\x8d\xf7\xc3!6\xca#\xca\x18\xd6\xaar\xc9T\xd1\x94g\x04\x11\xab\xe7\xa0\'o\x90\xd0\xae|.\xa3\xbb\xa8\xae\x0c\x03\x87\x82\xa3]\x8c\xedX\xcbb\r\x86^\x00\xc2L\xa7\x83\xf8\xca\xfdFM\\`2\xfe\xd8\xb7L\xbc\xb4\xdaU\xb0Z\x9b]\xec^8\xdak\x13\xb8\xd84s\xd0\x9b\x9bv&amp;\xe6\xd3\xa5g\x9db\xf4\xa8V\xa7p\xe2\x0f\xbe\xfe\xddj\x16\xf6\xd0\x12N&amp;t\xae\x1b\x07\xe0\xea\x81\x95\xe2\xe9|tn\xfb\x95\xfd+\xb2\xb1S\xb5\xda\x87\xaao\xfb\xa1\x95\x939w/\x9dF\x7f\x00\xd4\xaeB\xae\x9c?|\xb4{\x91\xe6\xfd\xdc\xa3vQ\xad\xaf\x12\x02\xc4\xb6\xe3\x81\xe4\x0e\x97\x7f]\x06\x92\xac;\xce\xc1\x90\xf0$\\f\xc1\xd0\xf6&amp;\xf6R\xd5r\xe0\xcf\xa3\xb0a\xfa\x00z\xc5v\x96\x1c1X\xce|la\x19\x13x\xf8&lt;\x1f\xdf\xb9n\xc204\x0c\xb7H\x12k\x13\x96\xaa\xee[\xb5\xf3$Wn\xbcut\x9d\xa5\x96BQ].\x02\x80\xa9=\x1a)7ff+\x7f\x12\xf6Q\xeb\xc7dFwI\xc5\x17\xff\x8e\xf7N\xd1\xdd\xfa\x81i=\x1b{m\x82ad1\xc9\x88xb\xfd\xcf\xb6\xb7\xc2/`[ \xc1W\xd6/\xa9\x89\xe1-]5\x00(\x1c(\xb5\xd0M\x90pr\xc3L\xfeF\x9b\x16\x0b9\xb3\xc7\xd7\xcd\xe0\xdf+\x9c\xd3\xa8PZ\xd7\xda\xeaU\xb7\xf8\xe8\xf65l\xacP\xfa\xa2\x8d\x88\xf8\xe2\xb2\x8d\x95\x077\x0e=\x0c\x19Kp\xb6;\x05\x86\x81\xe7\xf9\x7f\xb7\x8fymBp\xc3\x16X\xee]\xaf\x84\xf0!=E\x83\xfb\x9eZ\x12\xc5\x01\xbb\x90\xeaC\xf8\xba\xbb\xc8\xc2\'\xe3\x90\xe6K\xdbZtA&lt;NXZh_!\xf7\x89\xf5?\xdbu\xf4\xa5\x9e\xdd\xca:3F\x06\x00H\xf3% b\xd6\xef\x00\x00V2U\xb4|}M\x04\x92\xfaK\xe8U\xd7\x1biL\x13$\x0e\x9c\x08\xe4\xcf\xc0n\xb4\x17\x98\xd2]e\xc6FI\xa3\xc2\xe9\x0cU\xab\xc5\xd3\xdfv\xd9R\x8f\x1f\x10.\xfe\xcb\xfb\x96y\xd8\xba\xddu\xfe\xcd\xf8\xb6P"\x1f\x8f\x02\x10\x9f\xb9\xd9\x9cs&gt;XR\x10\xffM\xf6\x89\xc7\x12oA\x01{\xe1DD\xbcW\x11\xff=\xb3y\x0eg\xe5~\xc8A2\xa6CM\xd0\x13ezvq7"V\xc8\x18\xdbD\xfd\xba\xbd\x89]s\xf8\x16\xbb\xadb\xc9\xdcXL\xe0\xd1\xef\x13\x86J\xb6pa\xc7B\x13{!"I\x9c\xfa\x17\xf6\xc0\xd94\xcdKd\xb2\xf1\xc9_&amp;m\x0c]e.aB\x9f\xe1K\xe39\xb1\x01\xea\x17H\xe5~\xbb\x88\xef\xddo\x94\xcd\xab+\x07\x064.kbG\xa5w7\xb7\x06\x871\x84\xfb\xe2\xee\x89\x8dI\x8c\x0b\x17M\xef\xd5DH,\xec9\x05\x12\xd8\x19\x123op[\x13{!bm\xe3\xeb\xbd\xd6\xe9^+\x08\xbc\x1c\x1d\xc4t\xe2\x08\xbfe\xb3\x1b\xd1\xa6\xea\xf4^M"\x03\x00@\xb1dQ\xd9\xcf\x95r\xe9~\xf0Pi,\x88&amp;\x9a\x82\x14\xc4\x07\x16k0\xe4\x9f\xa6\xbc\x1585&amp;\xb3\xf1{,\x9ab\xf9\xd8n\xce6\xe03\xfc\xd6)\xf9\x91X^\x1b\xc0\x86\xb3sd\xcf\xbd\xde9\xb1QV\x8fr\xc1\x99\xed\xc9\xe7h\x1f\xfd\xcf\xb5C\xceU\x1e\xe6A\xbconG\xceu5[h]6\xbb\xf4O!\x1c\xa5H\x92H\x00\x10\x9aT\xe6\x83\x03k\xf3\x12\x99\x9dxA\xe9^\xab\xb0\x99\xe93\xffA\x03&amp;{\x10\x8ec\xf7ZE&lt;i])\x8c\xa3\n\xbf\xcf%\x9b\x97W\xf6K\xff\xfc\x12\xc0\x90\xae\x0e;\x01\xb2\xbd\x0ckY\xd9\xb5\xb6\xc2\'\xba=\x08"j\x89\xf4\xd5\xcf\x9f\n\x00\x16\x8f\xf8\t\x00\x0c\xc56T\xcf\x998\xd7\x0f\x1f\x03\x80\x981\x0e_\xfc!-\xb0y\xe6 \xe1\xc3\x9a\xc9}\x8cT\xec\x08\x05\xe2;(\x8cb\xd7MM\xe8cW\x86Bs\xc9\xaa\xceo[\xa0\xf5\x95\xeeM\xd8\xb6|ND\xac\x9d\xc7\x83y@N\x10\xb1\x0cG\xc8\xae\xbd\x88s\x94\xf6\x8aA\xf1\xc4\x1e\xab\xe2\x89xJ\xeb2\xd9\'wk\xe0E\xcbP&gt;\xfd\x87\xe9\x9c\x94\x9f\x03\xbe\xbe\xda\xa5\x1a\xef\xec\x90D\x19\xe8_F\xb1\xeb\x87V[\xb10(H\xf9\x99~\x19\xc2\xd7\xb8\xd0\xf3\xe9&amp;\x9b\xc4\x07\xa7Y\xdf\x06&gt;c\xfa7.\x93\xdaB\xa0\xf7\xbe\xa5\xe3\xcc\xefL\x04\x15\x8c\xd1\x89\xd4=\x06\x9f_\xc4\xbf~\x17\xde\x06l\xa9\xdc\xc6\x1a*e\x8ek\xb1\x15%\x9d\xaa\xe4\xb3\xbdNB\x1f\xa7\xe7\xbc\x16\x0cm\xe7h\xfda\x86\x01\x8d\xcbxm\x827\xb8\x10\x14b\x85\'\x17vB\xa8/\xa9\xd3\xa8\xaaHZ\xa9\xf0c\x00\xc4w\xb2\x8d\x07\x96\xfb4?\xb0\x0b\xdc?\xbdE\xb6e\xe3\x8c\x81&amp;\xeaqzE=\\s\xf5\xe0*\xc6\xb7\xf9\xe3s\x05\xa4\x95\xcf\xe0\xf3\x15h\xc7\xa1t\xc4\xd6\x91\xf6\xbf\x85\x13\x7f\xe3\xf4h\xa9l\xba\x1f\x1c\xaaY\xaa24\xb4e%\xf1s\xf6\xef\xddV\xc0\xf7\x8f \x9ai\x9d\t]\xa7\xbed\x9e+\xd1\xf3P3w\x127\x9bkQ2\x8b\x13\xa9z\xabfK`{\x9dv!f\xe92\xbd0U=G"\xc4W\xe6f\xe4#\xeb\x15\xb0\xd7#;\xec\x918\x82&lt;d\xa9q\x91\xf4\xe4%\x126\xa8\x97\xdfd\xf8\x8b\xa1aU8\xbaZR\x7f)\x8f\xb9\x17r\x9aW\xce\x12\xcfDm\x0eI+\x8b\xe7c\xdf\xd2qn\xe5\xbf\x12\xda\xbd\xe3bkb\xa3\x9a\x17_d\xa1\xc0KR\xa7b\x81\x883\xfb6\xc7\xe7\xbfK\xb7 \xa2!\xaf-\xd3\x1dMx\xc6\x90\x00\xea\xb2\xb1]\x1d3\xc4*A\xf6\x00\xb0q^\xcb\xe2/GD\xf6,\x1b"\n\xef\xcb\x05\x12|u\xf3\xe8ZN\x03\xa4\x1bU\x0b\xf4kX\n\x00\xb6\xcf\x1b\xceh\x97e\x16\x00\x00\xac\x9c\xd0C\xeb+\xa9{I\xab\xd2Y\x01`S\xa8\x7f\x9e\xc05\xe6\xf4\x17a\x02\xd3\xe9\xb7d\xc9|\xb2|k&amp;\xbd\x8f\xac\xf0\x9d\xe3\x1bd[\x9c\x9a\xf4\xf1\x9a\xe0\x98\x06q\x85:ySx\xd0*\xe7e\xea\xfe3\xaad*\xfd\x07\r"\xea\xba\xd2\xf7o\xa4\xbej\xba|\\7\xe0p-ED\xe5,y\xa1D\x11\x11\xf1\xf1\xf9\x1dZ\xad\x8b\x87+"@\xee\x98*\xd7\xf8\x80&amp;e\x19\x87T\xf7h\xbf\xbar\x80]\x80p\r|w\xeb\xed\xad\xa3\xd2-\xb7\x8e\xaeC\xc4)j\xaa\xfd&lt;&lt;:\xb7\xfd\xd9\xc5\xdd\x01M&lt;\xbbh\xda&lt;\x91ms\x87q\x06\x03_;\xb8jZ\xcf\xc6\x17w-v\xfa\xae?\xb5qV\x90\r~\x9d\x04\xf1\x85\x7f\x8f\x86`\x99}B\x9f\xee\xa15\x16K\xfa\x11$\x8a`\xfe\xc1\xf6\xf8\xfcvv\xa3?U\xce\x0b\x00\xf8\xf22\xbb\t\xf6$Vt\x80\xf7wO\x02\xc0\x96YC\xf8m+\x98\x90\x16v=\x86s\xc0\xde\xab^q\xdd2\xb7\x8f\xad\xbf\x7fj\xb3\xf8\xa7\xf5&gt;\xa2f.\xfdU=D\x8chp"\x9b\xb0\x85\xe5\xe3\xba{m\x82\xeb\xc8\xaei|wKu\xbb9"h\xd7S)s\\D\\4\xbc#c\xf7\x9a\xb9\x92(\x1d \x8a%\xd7\x99}\x14\xdf\x1b\x84\xa6y&amp;\x04Z\x94\xca\xc2\xa8\x8d\xbd\xaf\x8c`\xc9\xb9\xaa\x8b\xd6\xa2\xf6\xba\xa9\xfd\xb4v\xb9vpU\xc5\x8c\xb1\x85xWOh_!7\xe2\x13\xe7\xea\xbfsb#C,+\x95+\xde3\xa6_n,\x92/\x9eO\x87\xa0\x1b\x7f\x1e\xd8\xb6|\xcei\xbd\x9axmHX!&amp;\xc0\xca\xf1\x9aS\xe4\x00\xd0\xbfQ\x99\xd9\x03ZYo(\x7f\xbc/M&lt;f\xd8\xcf\x0c\x00@D\xe1u\xfb\xa7*y\xc5\x8d\x91%\xa2+J\xf2\xc4\xd1\xfcRK\x12\xc0\x1cZ\x89\x06}\x8b\xea2\x8f\x9f\xdd\xbaL\xa3\x1bu\xa8D6\xb6p"cIB\xdbk4\x8b\xd1[\xb5F\xce\xc4\x0eY\xa2\xa4\x8eZrP\x91\xf7wOFr\xcd\x14\x82\x9f\xceU\xf3\x1b\xdd%o\x1c.}?\xd7\xa6\xf3n\x9a\xca@\xab\x15\x00q\xed\x90\xfe\xf2\xb2\x87\xe3k\x01\xce\xde?\xe8\xd6\x17\xc5,\xe4\x9c\xear\x89\xdd\xf6\xce\'\xb8H\xfd%\x00G(\xc3\x85\xed\x9a*5a\x8aQ\xed\xaa\xf7kX\xda\x89\xb1I\x98D+\x9at\xc9\xc8N\xfe\x19\x8b\x11\xce\xf1\xe7\xaf\xcb\xbd6\x81\xe0bD\xeb\xaa\x8coWO\xec\xc5\xde\xbd\\\xba\x80Uy{3\x91\xb8\x8an\xe2\x8er\xe99\x1d\x10\xf8[4\xe6f\'\xb2vJ_\x00X2\xb2\x93l\xfb\xb7\xa1\xd5Z4\xec\xbf[\xea\x19t\xf9\xa7q\xfe\'Y9\xe0)\xcfHq\xec\x04\x85\x13\x87\xbc\xcb\xfeui/\xbbd\xe5,\xf1v\xce\x1f\xc9(\x10\x01\x80_\xc5\x8c0JZ\xce\xac\xf6a\x11\x13\x01B~\x18\xa1Z\x11\n\x0bVL\xcc{\x8a\xf0\xfb\xb0\xd6\xcc\x95\xa4A\xc14\x16\x9a\n_\x18\n\xb1\xf1\x84r\x8e\xc9!\xd8\x05O\xff\xab\xb5\xf03\xba]\r\xbb\xcc\xe0I\xbeH\xe0\x9b\xeb\x1e\x8e\xbe\xdb\x04\xa6j\xf0)Y\xb5/\xa5\x8e\x95\xb9\x84\xf5\x05F\xb4\xa9\xfa\xf8\xfc\x8e77\x8f\xb2\x8b\xb1\xfd,\x058\xcf\xd9\xb5\x83\xab\x065+\x7f\xe3\xf0\x1a\x9e\xc2B\x8a\x0cG\x11\xdeB\xac\xd0\xb8H\xba\x1c\xd1\xcdL\x00\x17N\xcc\xf5\xc0\x15dV}5\x17!\xbcP7-\x96Q\xf8\xb3X2\x03\tK\x066)\xe7\x84Il\xbc\xeaP\xde\xdd9\xceS\xcc\xde\xd7\x03\x9fz\xe7\xf8\x8c VrD\xc4\x06\x05R\xab~U+w\xd2O\x8c\xbb\x0c\x9b\x9b\xc3\x91\xa6p\xc1\x7f\xae\xf0\xef8\xa0q\x19On\xc8%\xa3:\xef\\\xc0\x9a\x06!\x08\xbb\xf8et\x17\x90&lt;x\xec\xd7b\xd6f\xef\x92\xb1.\xb6\x16\x94\xa4\tc\x92Z=\xeb\x14\xf5\xd6\x00D\xc4\x7f\xaf9Q\xf3\xe4\xee\rU\xb73\x04r\xa5\x89\xc2\x83u%\x07`\xdb\xdca^\x9b@\xf8\x0eC#\xad %\x93\x1d\t0\xb5\x9e\xb8\x91\xb5w\xe9\xdb\xa0\xa4\r\r\xfb\x19\xe7zCD4\xfd\x1a\xfb\xe7\xfe\x15\'\xd6\xffl\xa31\x13\xba\xd43\xba\x0b\xbftg\x85\x0c\xb1\xfa5*m\xb4~B\xe4\x0b\x80\x15\x81a%\x99]L\xc6\xeb\x0eb\x9a6+\x94K\xf7\x83rn\xed\xf7\xddK\xa6\x06F~\xd9\x93\xe1/\xdc\x10\x0f\x00\x11\xe7\x0cl-\xdb.\xcc\x82\xdc;\xb9\xc9\xb4K\x8b\xdb\x88V\xbac.\xe2\x1b\xf1\xb3,\xc4\xb1Y\xf1L\x88h:\'\x1f&gt;&lt;\xab\x9b\x07\xa0N\x9e\xe4\x1f;\xf3K\x93\x1aw\xa3\x7f{\xeb("\x9e\xdd:\xcf\xcd4\xe2\xc1\x82\xae\x13\x9a*n\'\xd2t\x8c3[\xe6\xaan\xe7\xe9\xa6\x8f\xad\x9da\xa8-D\xe4\\F"\xa4\x08]\xfc\xf0\xd6U\x94\x1bMH\x07\xda\x0f\xde;i\xac\xbc\xdd9\x89\x94\x08\x07\xcb\xae|\xc2"\xe5\xd2\xc74t\xb8uK^\xdc\xb5\x98\xb3*\xa1\xdf\x97yO\xfa\xc1\xf9\xcc\x10\xb5\xf3$\xebZ\xa3\x90\xd7V\x04P\xden\'\xe3\xe0"\xb6\xd7\x06\x18\xe2\xc2\x8e\x85\xceU&gt;\xb9[\x03D\xb4%\x00P\xeb\xc6g{]\x7f\xc4\x91b\xd2\xbeO\x00\x00 \x00IDAT\x07\xc6_\xc47\xb5\x97\xea\xd1\xb1=\x05\xe8\xf2\xb1\xdd\x02\x95\x99Y\xe1\x91\xf9\xe2q\xf9\xd0\xae\x9e\xd4\x1b\x119cY\xf3\xc4\xf9\xdcD\xb0e\xf3\x12\x99\xc4\xcf\xf55V\xceE\xa2\x01\x1cX&gt;\xd1p\x1b\x84\x1a\xf6z\xfb4*\x9c\xce\xc6\xdaL\xd3\xa6l\x0e\xafM\xb0\x13|r\xc1\xd1\xfa\xb7\xce\x1e\xe2\xe8hZ\xd7\xdbE:W\x11\xc3`\xe5\x888\xa4EE\x83;9L\x85\x8c\xb1\x95\x07\xd4\xf4\xdc\x8bQ\xea\xe5K\xc9Y\x923\x1fVd#/+&lt;\x92\xd4JAsi\xfd\x153\x06\xd7\xf8\xcc%\x94\x8f_[V\xe1\xa4\x0cmQI\xbfP &lt;\x9e\xc7R\xba\xd5\x0cx\x13BDr\xba\x0fj\x82c"\xde}\xdaU\xc8\xe5a\xeb\x9c\xd9}\xf9A\xc4\xc5\x8aH`%\x15B\xfb\xee\xa4\x1f\x03"n\x9e9\xd8^3\xd8\x0cjj2?\x89u\x1e\x9d\xdb\xfeV#\x9e\x99\x9f)\xdd\x1b""\xfbuX\xcc\xf3\xce3)\xe7\\"\\\x1exbC\x10_;n\x87)\xf0\xdfkc;\xd6\xd2\xfaV\x1a\x8av|\x9d\xbag\x849\x95:\xd3\xdfzBd\x00\xc4\xbf\xbd\xb6\x02\xa6\xf6h\x84ooxm\x05\x1f\xef\xef\x9e`|\x8b\x88\xb9b\xca\x87z3\xfb\xb5p\xd2"\xa7\xc0g\xbf\xf1\xb8\xf1\xa6\xfc\x0c\x00 %\x97X\x1c\x8cjW\xdd\x92MN\x82\x88\xbd\xea\x16c\x14\xc8\x1a\xf8jd]\x1cnb\x97\xfa\x96\xebp\x8a\x14\x0c\x11W\x9f\x11t\xfaw\xfcp\xce\xf1\x9a@\x90\x9b\x152D9\x04O\xea*\x91\x7f\xae\x1et\xce\x12}\x84q\xafR-\xc7\x16Nm\x9a-|\x98\xd1\xa7\x99\xa1\xa4\xa9\x8eR:M\x88K\xc8\xa4\xae\x8ewC\xe2z\xe5\x1f{\x7fQ~\xab|d\x12&lt;p\x86y\xbb\x8f\x0f\x87\xba&amp;\xc8\x1b\x97oPc7\xf8\xdf\xcd\x0f\x9f\x83\xf9Hn\x9c1\xb0U\xe9l\x8c\x02\xc5%)F\x1c\xea{\xd5\xd9:{\xa8\xf8\x99g\xca\x9bA\xc3Biy\x8aE\x04xye?"\xea\n\xfaG\x97\xa4lt\xceSJW\xd4\xcc\x0f\x14L\xe8\xac\xb2W\xc6(\x00\x00\x88\xa8\xbb\xe8"He\xfc{\xe3\xb0\xa3\xf68\x04"N\xd1\x88\xf2\xb3\x82\xcb\xc9\tz\xd7+\xe1fs\x1erd\xf5T\xbb\xaa\x9a\xd0\xb9\x9e]U\x99^\xe9\xd1\xea\xc1\x84\xceMx\xc6\xf6\t\xf3\xa1a\xa0&amp;2\xa3\xdb\xb9+S\x1d\xd9\xbe6`\x82\xaa\xd9\x12\xe0\xdf\x7f\xd8[\xa7\xd2\xa5\x11\x11Oo\x9a\xed\xf4\x8b\xa1\xf4*d\xe0O\x8dI!\x01\xa7\xd3\x90\x03&lt;a#wOl\x04\x00\xdb;\x10\xdf\xf1\xf2\xca~|y\xd9\xf6j\xd9\xd3\x9d\xf1lo\xcf\x14Z\xe2\xfe\xfe\xc4\x90\x10\x1e\xbe\x90_\xb8\xb9cy6\x05\x8d\xf8\xc8\x95V\xdeZ\xdb\xfd\x1f\xbb,\x11\xe8T5\x9f\xbd\x15\xf20\xb3_\x0b\x172m\x99\x169\xdf\xbbd\xacr-7\x1a\xdf2\xbe.m\xca\xe5Hn\xb7\xfczPOmA\x91$\x91l\x1c\x16\x8d\xefTG\xf8\xe0NjS"|\xe2rF\xb3\xfa\xf9S\xa9n/\x91B3\xaa\x1b\xf1)g\xe5%Sz\xe9z\xea\x87\xcek\xdcO\xb5\xff\xbb\x1d \x80z:t\xa1Q\x15Dd\'r!\x8c\xf1\xcb\x98.Z_YY\xb8\x7fye\xbf\xe9}\x01\x00\xf1\x1f\xc4w\xd2-3\xfa4\xb3R\xa1\x12]1\tD\xfc\xf5\x97\tF\xab\xcdn"\x99\x85\xf3P8\x83\x0f\xf1\xdc\xe7\xc7P\xe6"\x9f\x80\x88\x1e\xbe\xaa\x06\x13\xfd\x1a\x95V=\xb5\x8d\xf8\x16{\x11\x1f\xcd\x1b\xdc\xd6n\xa3x\x89\x03\xf0\xee\x0e\xcbK\x95\x07qi/u\xe8r\x03\xe7\xb5\xfe=\xc0\xb0V\x95\x11\x9fY4\xc0Q~\x19\xd3U\xb7\xcc\xbdS\x9b]\xb0D\x15\x97\x93\x85\rn^\xc1\xcd\xe6\xa4|\x07\x90\x9e\xe3=zB\xe7\xbav\xb5X-{B\xd9\x95\xdc\xa4Hz\xad\xc25s%a\xd7\x96?~0)\x1d\xe3\xfb;^\x9b\x00\x88\x88\xefn\x01\xc0\x80&amp;eu\x0b{\xc9\xdd\x93\x1be[v\xcc\x1f\xc1\xb3\xe3\x86\xe9\x03\x8c\xb6\xd5\xb7AIY\x1e*O\xa68e \xfe\x17\xf0\xe7\xfdSZ%o\x1cY+|\xe8V\xb30\x00 \xfe\xcbS\xbf\xd6\x9d\xef\xa6?\xa8\xd6S-\xebw!_\xf5\xa9\xef\x17\xcf\x84\x0e\x15\x7f\xf4\xda\x04\x9fR4id\xd5\x99\r\xa1\xa3\x91o\xbcw\xcaq\x83|\x8c\xe7\x01\xdb\xa2\x00\x9c\x99\xa4N\x1e\xb2g\xd1\x18\xe7*\x7fs\xf3\xe8\xba\xa9}\x077\xaf v7Z\x1d\xd3\x95\xfd+\x9c3\xc3\x16VOR\xcf\x07\xfd\r@\xb7\x9a\x85xz\xb1\xf7w\x8d\xc9\xf3\x11\x9eP\'or\xa7\x9b\xb8\x19:\xb0`SACt\xe4\xe7\xbe\xcd-9w\xfb\x98\xa2I#\x1b\xdd\xa5xr\xbf\xa8\xe9\xee]2v\xcb\xac!^[\xa1F\x87\x8a?\xaa\xca\x93!\xbeX0\xb4\xbd\xb9:M\x9c\xaaWW\x0f\xc8\xb6\x88\xe9\x00\xad\xe0\x8e\x8c\x9d\x15\x84A\x81\xd1\x0ck\x84C\xf4kX\xca\xd1\xfac\xab\xf9S\xa9\xd2\xa7\xbe\x19\xf7\x7f\x17R\x9c\xda\xc2\x0f\xc1\xb6\x96\x10\xa6\x98;\xa8\r\x00&lt;\xb9\xb0c\xa2F(,\xff\xb9a\xa4\xcd\xf2\x03G\xd7LSn\\:\xba\xb3\xfb\x96hQ\xfb\xc7d\xe6v\xcc`\xc7\x9dN7\xa1\x8c\xcb\xfb\x96ymB\x08\xaf\xae\xc8\x87Da\x89:y\x1c\x7f\x97"\x1c\'Q\x04\xfdn\x88\x114i\xc2\xbf\xb8\x9c5-x\x13\xd1d\x88\xc8\x9f\x03\xc0\xe7\xe0\xbd\x93\x823\xa2\x89Y\x02N\x07\xafy\x83\xdb\xda\xe5\xa4on\x08\xec\x1a\xd7\x0e\xaer\xb4~\xa3\xc14\xf6*\x18}\r`H\x8do\xf5D\xf5YP~J\xa6d]\x95\xc3Zr\xa9\xbdF\xb6h\x84B\xa76vx\x1e$\xe9\xfe\xf2\xe6%2\xbbc\x89\xfb\xbc\xbf{\x12\xf1\x81\xd7V\x04\x1fn\xde-?\x00(\xfdQ\xacx\xca\x9f\xdc0\x93\xb1`\xa3\xfa\xd3z\xd5+n\xba96\xcee\xe1\xfe\x01`z\xaf&amp;\xd2-\xa5R\xcb\x9d\x91\x8b&amp;5&amp;\xd8\xcd\xe3\xd7\xe4\x04_\x04\x9e\x97\xeds\x87\x01\xc0\xda)}\xcc\xd5fE\x81\x86\xf3\x8d\x1c\x11\xf7.\x19k\xae\t\xb7\xb1\xe5fvAp\xcd\x1c.\xac\xc9\xf0H\x8a*\xe9X9\xaf\xae+\x9e.;\xe6q\xb9o\xd9\xce\xaa\x89=\x85\x0f.&lt;\tz+^\x11\x12Z\xab\x10\x11\xb5rp"b6\xb5\x88\x8d\x84\x81e\xac\xb5\xaf\x8f\x87\xe9y\xa3\xea\x17\t\xbf|\x06\x80\x88)\xd5\xde\xc2\x10Q\xaa\x1c.}bu\xaa\x9a\x0f\x11\x1b\x17\xf1E&amp;"\xc7\x11\xe7\x10\x12G\x00\xcf\xdd\xa1\xc6w\xaa#dg\x96nT\xbet\xdb{K\xb7-\x97\xd3\xc6\xda\xd8 b\x1c\x07\xf2\xae\xb0\xc9\x1e=\x02\x84\x1e\xb4\xeds\x87\xbb\xda\xb6\x82\xd2\x8aQ\xad\x94\xbb\'7\t\x1f6\xcd\x1cdW\x8b\x8c\xab\xe5\xce\xf1\rv\xb5b\xa8]\xaf\xa8\x96\xdd\xe2\xb3\xd8\x00Z\xcff\'\xd0\x9aC\xd6zu\x10\x1d@\x8b%\x8f\n\x00\xe53\xc4z\xfa\xdbN\x1f\x9e/;\xf1\x8b\xe3\x15\x93\xcf\x00&amp;wk\xf0\xfc\xf7\xdd\xe2\x16\xfc\xfb\x92\xd3\x8d\x16J\x18qD\x1b\x15\xdfm\'\xd4%\x11\xd1t\\\x9e\xc5\x0b\xf4\xf8\xfa\x9f\xc5\xee\xd5Cx\xde\x818\x85^~\xee\xdb\xbcLZ\x95|\x7f\xb2T\x1e\xeb\xa6\xf6\xd5\xaa\x01\x1f\x9c\x9e\xda\xa3\x11"\x86\x07\xd1\x13\xe9\xbbB\xe7j\x05\xf8\xa7R\x077\xab`T{\x90\xf3ZmX(\xed\xc9\x8d\xb3\xc0\xee\x95\x12N\xc4U\xb1\xef\x00\x10\xf1\xd9\xc5\xdd^Xa\x01\xd3=B\xed\x1f\x93q\x86\x92\xe9\x12fb\x82\\\x90\xd6\x12\xc8\x19# kf4\x80\xcd|\xa3]\xe7f\x9f\xf9\x19\xd1\xa6\xaaE\x19.\x1b\xc7Y\x87WM\xb1\xf8B\x83\xf8&amp;6\xc0\xba)}m\xb2(l\xa2z\xca&amp;3\x05\xbd\xf9\xdf\xaa+f\xb2y\xfeLP\xbe1\x94;!\xe8\xc7\xfem\xcb;5\x89\xe1az6\xa7s\x0fv\xae\x9a\xdf\xe8.\xd6\xd5\xcceo\x15Y\xbf\x03\x00\xb8sb\x03\x00\xa4\x8b\x08\xbf\xfe2^\xfam\xe5,\xf1\xc4K3&gt;@t\x8bm{:U-0g`k~\x855-\x86\xb5\xaa,|@D!\xa7\x05\xbb|\xb3\xe2!\x91+\xde\x0b\x97\xbb\xc5W\x00\xd9\xa3Gp\xb4_\xf3m\xa7\xa9\\\xdd\x9c7\xb8\xed\xf9\xed\x0b\xb4\xca\x0fh\\V\xe6d\xbc|\\wG,\xe3\xc7\xa8\x8a\xb2\x13\'\xa3C\xa5\x1f\x01 GtvBY99c\x18+o\x17\xe2\xd3b\xde\xe06\x9e\x18  \x9b\xdb\xd7\x15\xaa\x93\x81\xcf\x7f\x0f\xf9\x80(t\xf7\xbb\x17\x8d\xb6n\x95\xfbt\xae\x9a\x7fx\xab*\x03\x1a\x97\x91n\xcc\xf2\x1d|\xa4\xb5C(\xbaWrjI/\x9e#\xc6\xff\xb4\xca\xdf&lt;\xba\x8e\xc3L\xc3\xad\xf3\x93\'\x8e\x81Y\x8d\xbcq?\xd7Z\x162\xedw\xd0\xbcDfv&gt;Q\x8b\xe0_\x8e\xcf\xcd\xda\x850\xdd?\x94\xcfc\xf5\xe1\xd9\xad\xbe}\xb6i\xc2\xe3\xfb\xcc\xf8UZ\xeb$\x96lR\xf0\xdb\x8eE\xf6V(\xa0\x15\xb1\x85\x88\x8c\x9cM\xe2}u\xf5\xc0J\xe1\x83\xa1WQ\xe9\xed]=G\xa2\x1c1\xfe\x07\x00\xe5\xd2\xc7\x14\x0fZB\xcb\x07p\xce\xc0\xd6Vv\x97\xe2\x93\x0b\x9a\xc7\x0c\x9f\x98\xea2M\x8be\xcc\x18\xd9@y!f\xde\xe9\xfct"\x88\x88\xf8\xc4\x9d\xb6\x9c@\\\xf2\xd5-\x19~\xde\x11\xe5$vx\xe0\xee\xb7\xe7\xaa\x98"\x06\x11\x11\xdfE\x0e\xd3]\xcf\xd4\x1e\x8d\xbc6\x81\x08\xb8\xc0|\xa95\xee8^y\xac"b\xe6\xa8!I\xe7\t\xb7\xd9:{\x08\x00 b\x8fZE\xf8\xf7\x8alG\xf4\xa0!\x10q\xd3\xcf\xb6\xb9\x1e\xba\xc0\x99\xcds\xdco4J\xe8\xba\x85\x9f\x99\xd6\xb3\xb1s\x8fs\xd3\xf3*B\xac&lt;\xe7\x82\xbf\x87\xa4\xe6\x1e\x06G\x00\xf0$K})\xe3Y\xd3\xd5\'9\xee\x9d\x12\xa3\xc4D!2\xe1U\xcc\xa7iGU\x7f\x86O\xd2.*Y&gt;\xb6[\xad\xdcI\xeb\xe4I\x8eO\xce#\xa2\xeaK\x86\xf8\x8bF\xb7\xaf!\x06\xfbH\xfd\xd6\x95\xecW\xcb\xeer\xe3\xf0\x1a\xb61\x9bg\x0ef|\x8b\xf8\xdc\xf3\xde?\x91\xc1\xf2\xc2\xf1\xb1\x12\xf5mN}O\xf0\xdbs\x1a\xd3=\xf8\x99\xcds\x1d}\x99k^"\x93\xe9}w\xcc\x1f\xb1b\\w\x97S,\x04\x11\xddj\x16v\xf3E\x1c\x1f\x9f\x17\x9a\xbb{b\xa3\xd8\xee\x833[\xc0\xb7\x9d*"~\xab\xd8bg\xfd\xcf.\xdaX[\x93"\xe9\x11\x1f\x03\xc0\x8f\xb1&gt;\xd5\xb2\x13\x11eI0\xde\xde:\n\x00\r\x0b\xa5\x91\xee\xb2tTg\x00\xb8ydm\xbe\xb8_ \xa2\xc5\xac\xb0ZH=A\xb7\xcc\x1arl\xedt\'Za\xd0?p\xd5\x94M\xdd\xbc)\xac\x84\xc8{\xc2\xef\xbb\x97\x08\x0b\xe3l\xb3w\xcc\x1bQ1\xa3\x19\x97\xa5Q\xed\xaa3\xf2?\x97L\xf9\x9d\xe0\xda\xe0!k&amp;\xf76\xbdo\x8f\xda\x06\xde\xa1\xddgV\xff\x96\xb2-\xf5\xf2\xa5\x14?\'\xffD\xbf\xb3r.V\x89\xd1t\x02\xb5x\xb1\x8e\x95\xf3xsg\xb5*\x9d\x8d]\xa0o\x83R\x85\x12\x85e\x95b!\x8aGvJ\n\'\x0ey\'K\xf1Y\xc8Wu\xf3\xa6p\xd4\x8c6e\xb3\x1f^5\xc5\x96\x8b\xa0p\xe2H\x9c\xf5\xe0\x9b\xeb\x9cu\xe2\xab?\xf1\xd5\x15\x0bF\x01\x00\xe0\xeb\xab\x86~`\xe94\xd6=Q\x01\x00\xa2\x00\xe0\xfd\xd3Z\xdfz\xfeHCTIVU5[\x82\x9f\xfb6w\xae\xd1\x15\xe3u\\\x0f;T\xfc\xf1\xfa\xa1\xd5\xce\x19`\x8e\xb8j\xe7K\xcb\x13O\xf7\xcc\x9a\x10\x85\xe4\x87\x91~\xe7\xdc\xd6y\xf2\xc2\x88\'7\xcct\xce\x18\xdb\xe0\xd7\xd8\x12R6#&gt;t\xd2\x1cgY8\xbc\xc3\xb69C\x85\x07\xc0\x98\x0e5eQ\xa0\xf8\xf8\x9cC\xedZ\x1chG\xe6\xb8\xf4\xdf\xde&lt;\xca_\xe1\xb4\x9e\x8d\xff\xbe\xbc\xcf\xb4=R\x10\xdf\x9b\xdew\xd5\x84\x9e\xb2\x84\xcf\x9c8\xa1P\xe6\xd3I\xdb0\xc7\xe9\xcdsdI\xf2\x94\xd7v\x8b\x92Y\xee\x9c\x90\'1$\x1c\x81_\xe37k4@D|{\xd3Q{@#\xfb\x9d\x99z\x02\xd3@\x8a\x94Q\x1b\x87"\xa2\xd4e\xfe\xc9\x85\x9d\xe2\xe7\xce\xd5\n\xfc{\xe3\x88^[(\x8b\xfe@|%~\xb6\x92\x16\xd2\xa8z\xb0f=\xa1\xb7\xd9\xda)}\x10\xd1\x16\xd1c\xc6\x83m\xdf\xd2q\xd6\xebw\x93\x9c?|\x881H\xe7\xf0\x1b2\xa7&lt;\t\xbe\xb9\x8e\xf8\xc2JC\xf7Oo1T\xdeG\t\x95&lt;\x82Gd\xeb\xa7*\xf9t\x07d\x93\xba5\xf0\x7f\xc6C3h\xf5\xaa\x81e|1\xad,5\x03\xf1\xbe\xec[\x99&lt;\xe4\x886U\xa5kk\x99\x8dx\x9cEU\x13\x9f\x11B\xa0\xf3\xc5\xfb\xc2\xa2\x00\xc3\xef\xbb\x97X\xd9]\xe4+\x80\x91m\xab\xedZ8\xea\xf9\xef{\x10\xb1j\xb6\x04\xa77\xcd\xb6R\xe1\x99-s\x111w\xccOl1\xcf\x16Lw\x97\xb2\x0e\xff\xdf\x1b\x87\xcd\x1a\xf0\xd2\xd</t>
        </is>
      </c>
      <c r="E212" t="inlineStr">
        <is>
          <t>&lt;class 'numpy.ndarray'&gt;</t>
        </is>
      </c>
    </row>
    <row r="213">
      <c r="A213" s="1" t="n">
        <v>211</v>
      </c>
      <c r="B213" t="inlineStr">
        <is>
          <t>steps_per_sec</t>
        </is>
      </c>
      <c r="C213" t="n">
        <v>3100</v>
      </c>
      <c r="D213" t="inlineStr">
        <is>
          <t>2.9109983</t>
        </is>
      </c>
      <c r="E213" t="inlineStr">
        <is>
          <t>&lt;class 'numpy.ndarray'&gt;</t>
        </is>
      </c>
    </row>
    <row r="214">
      <c r="A214" s="1" t="n">
        <v>212</v>
      </c>
      <c r="B214" t="inlineStr">
        <is>
          <t>Loss/object_center</t>
        </is>
      </c>
      <c r="C214" t="n">
        <v>3100</v>
      </c>
      <c r="D214" t="inlineStr">
        <is>
          <t>0.24607265</t>
        </is>
      </c>
      <c r="E214" t="inlineStr">
        <is>
          <t>&lt;class 'numpy.ndarray'&gt;</t>
        </is>
      </c>
    </row>
    <row r="215">
      <c r="A215" s="1" t="n">
        <v>213</v>
      </c>
      <c r="B215" t="inlineStr">
        <is>
          <t>Loss/box/scale</t>
        </is>
      </c>
      <c r="C215" t="n">
        <v>3100</v>
      </c>
      <c r="D215" t="inlineStr">
        <is>
          <t>0.06463165</t>
        </is>
      </c>
      <c r="E215" t="inlineStr">
        <is>
          <t>&lt;class 'numpy.ndarray'&gt;</t>
        </is>
      </c>
    </row>
    <row r="216">
      <c r="A216" s="1" t="n">
        <v>214</v>
      </c>
      <c r="B216" t="inlineStr">
        <is>
          <t>Loss/box/offset</t>
        </is>
      </c>
      <c r="C216" t="n">
        <v>3100</v>
      </c>
      <c r="D216" t="inlineStr">
        <is>
          <t>0.11798625</t>
        </is>
      </c>
      <c r="E216" t="inlineStr">
        <is>
          <t>&lt;class 'numpy.ndarray'&gt;</t>
        </is>
      </c>
    </row>
    <row r="217">
      <c r="A217" s="1" t="n">
        <v>215</v>
      </c>
      <c r="B217" t="inlineStr">
        <is>
          <t>Loss/total_loss</t>
        </is>
      </c>
      <c r="C217" t="n">
        <v>3100</v>
      </c>
      <c r="D217" t="inlineStr">
        <is>
          <t>0.42869055</t>
        </is>
      </c>
      <c r="E217" t="inlineStr">
        <is>
          <t>&lt;class 'numpy.ndarray'&gt;</t>
        </is>
      </c>
    </row>
    <row r="218">
      <c r="A218" s="1" t="n">
        <v>216</v>
      </c>
      <c r="B218" t="inlineStr">
        <is>
          <t>learning_rate</t>
        </is>
      </c>
      <c r="C218" t="n">
        <v>3100</v>
      </c>
      <c r="D218" t="inlineStr">
        <is>
          <t>0.001</t>
        </is>
      </c>
      <c r="E218" t="inlineStr">
        <is>
          <t>&lt;class 'numpy.ndarray'&gt;</t>
        </is>
      </c>
    </row>
    <row r="219">
      <c r="A219" s="1" t="n">
        <v>217</v>
      </c>
      <c r="B219" t="inlineStr">
        <is>
          <t>train_input_images</t>
        </is>
      </c>
      <c r="C219" t="n">
        <v>3100</v>
      </c>
      <c r="D219" t="inlineStr">
        <is>
          <t>[b'512' b'512'
 b'\x89PNG\r\n\x1a\n\x00\x00\x00\rIHDR\x00\x00\x02\x00\x00\x00\x02\x00\x08\x02\x00\x00\x00{\x1aC\xad\x00\x00 \x00IDATx\x9c\xec\xfdutUW\xf7=\x0e\xcfx\x88\xbb\xbb{B\x84$\xc4\x8d\x08q!h\x02!@\x90\xe0\x01\x82\x87\xe0\xee\xee\xee\xee\xeen\xc5\n\x14\xb7R\xa0\x14J\x0b\xa5\x85\xae\xdf\x1f;\xf7pr\xae\xe4&amp;\xe5\xf9\xbc\xdfw\x8c\xcc\xf1\x8c\xa7\xe1\xdc\xe3g\xcb\xdak\xcd5\x17P\x8fz\xd4\xa3\x1e\xf5\xa8G=\xeaQ\x8fz\xd4\xa3\x1e\xf5\xa8G=\xeaQ\x8fz\xd4\xa3\x1e\xf5\xa8G=\xeaQ\x8fz\xd4\xa3\x1e\xf5\xa8G=\xeaQ\x8fz\xd4\xa3\x1e\xf5\xa8G=\xeaQ\x8fz\xd4\xa3\x1e\xf5\xa8G=\xeaQ\x8fz\xd4\xa3\x1e\xf5\xa8G=\xeaQ\x8fz\xd4\xa3\x1e\xf5\xa8G=\xeaQ\x8fz\xd4\xa3\x1e\xf5\xa8G=\xeaQ\x8fz\xd4\xa3\x1e\xf5\xa8G=\xeaQ\x8fz\xd4\xa3\x1e\xf5\xa8G=\xeaQ\x8fz\xd4\xa3\x1e\xf5\xa8G=\xeaQ\x8fz\xd4\xa3\x1e\xf5\xa8G=\xeaQ\x8fz\xd4\xa3\x1e\xf5\xa8G=\xeaQ\x8f\xef\x08%\xde\xdf\x8d\x8ck\xde\xdf\x12P\x01\x1a\x00\xe6@\x97\xa6Au\xb8\xa2F\x1d\x8e\xa9%\x1cj\x7fH\xa8\xa9bQ\x9cw\x9f\xdcHE\xb1\x9f\x8a\xe3}\xfe\xb8wrP\x9b&amp;\x82\xedC\n\x93\xfa\xe4F\xd6\xe1\xf6\xac\x01\x00yA\xb6a\x16\xca\xdc\xc6(\x1bu\xc1n\x8d\x8c\x91\xedo\xd5\xc4Y\xb7\x7f\x8b\xd8:\\\xa5V\x083W&amp;\xfa\xda\xd4S\x8e\x16\xf0\xff$\xe8\xfd\xedL_\x0b\x85Z\x1e\xd5*\xcc\xf9\xd7\x9b\x87\xd8\xdfJ\xd5\x7f\xd2\x06\xbc4\x90\xe2n\xf8]n\xef\xfb"\xc5\xdd0\'\xc0Z\xb0Q\x17\x08\x12\xbbY9_\x882`\x01\xb4\x89t\xf3\xd7\x03\x00\x1f\xadj\xbf\x8e/mV\xa7\xdb\xfc\x9f\xa0cbCs \xc9U\xbfVG\xd9\x03\\\xbf\xd6\x03\x9a\x87\xd4a\x84\x80\x01\xe0\xc5\x1b\xbc\n\xa2\xdc\xa4\xed\xd9.\xc6\x93\xbd\xc3\x9d\xf3*4\xab\xff\xd4\xc8H\xde\xcbuLl8\xa0E\\e\x87t\xf1#\xd2}\xcc\x1a\x88\xfe\xce\x0f\xb6\xb7\x00\x00\xb4\x0ew\x01`\'\xef\xe9\xc5\xe0\xa7\x83\x92\xe4\x00}\xc0\x14h\xa8\x8b\xf6\xf1&gt;Ww/\xf6\xd3\xc1\xcd\x83+\'\xf7j\xc9\xf6\xb1\x01\xee\x1e[\xb7{Ae\xa6\xafE\xa8\x99\xf8P\xf9\x1d\xa0"\xf3W# \xd2Z\xcd\\\xca\xafJ\x80&amp;`\t,\x1e\xd1U\xe2\x99\xfb\xe4F\x8e\xe9\x92\xd3\xa2\xb1\x93\xf8\xaf\xcf/\xed\xfa\xf9\xca\x9e\x87\xa77s\xa7\x1a\xd8:\xa1\xb2CF\x96\x1f{\xbd\xc8\r\xb0\xf6\xae\xfe1G\x97d\xd7\xf00&lt;\x18\x02\xbd\xb2\xc3\x01\xd8\x03\x87WNT\x03J\xd3\x83\xe3\x1d\xb5\x05\xbb]\xda\xb9\x90\x88\xec\x81Y\x03\xda\xd1\xdfO*\x8a\xd3d\x9c\xb3wND\xbbX\xaf6\x11\xae\x12\x7f\xad\xed\xe7\xb9{l]\x13\x17\xbd\x00}\xf8\xe9 \xdeQG\xc6\x9e\xf9\xc1\xf6\xb5&lt;\xb7d\xa8\x02:@\x82\x93\xd4k%8\xe9p\r\xdd\x11(\x8c\xf6\x90\xb6g\x8f\xcc\xc6g6\xcd\n5U\x14\x9f\xa7U\xc5v\xf6\xd3\x11\x8e \x16b\xfbX\x02m"\\}\x85\xdf\xe7\xff\x14\x91\xd6j\x12\xb7\x1b\x00\x8e@\xebp\x17\x19\x03\xd9\xe4^-W\x8c\xe9\xe9\x00\x0ch\x11g\x08\xf4\xc8l,\xe3B9\xfeV=\xb3\xc2\x88\x88\x88j\x1c\xee\xe3\x1du\xc6v\xcd\x95\xf6\xabg\x03\x10Q\xa0\x81\xecs\xd4\x11\xc1\xc6\xd8\xbfdle\xc7\x8c\xe9e\x05Z\x92\x06SK\xb1C\x0c\x81\x9eYa\xfe\xd5\xe7\x8b\x86\xba\x88\xb6m \xb6\xaf,\x84\x9a*\xa4y\x9b\xca\xea\x15\xd5\xc1&amp;\x80\xe2\x04_n\xcb\x92\xcan\xae\xd5G\xb7^\xd9\xe1\xbb\x17\x8c\x94x\xf8\x80\x96q$B\x80&gt;\x00$\xba\xe8y\xa8\xe3\xb7\x1f\x8f\x04\xe8\xa3(\xce\x9b\xed6\xa3_\xe1\xf2\xd1=\xbe\xcf\xcb\x9e;\xb8\x03\x11\xcd./\x1a\\\x90\xc4\xec\x8b\x06@\xeb\x08W"\x1a\xd91S\xfe\xf3(\x00\xba\x00\x00/\r\x98\xc8}\x946\xd0\'/\xb2C\x13\xdf\xe3k\xa7\xde\xd8\xbf\\\xdan\xf9\xc1\xf6D//\xeeX \xfe\xcc\xa6\x80\x87\xc8\x86f\xefY\xbc\xf7\xd0\xebkD\x1f\x88\x88\xb3\xfb8tMktm\xdf\xb2\xf7w\x8e\xb1\x7f\xf6k\x1e\xb3i\xfa\xc0\xc9\xbdZ\xf2\x9b\x14\x11ui\x1a4\xb1G\xf3\x19\xfd\xdb\x86\x98\xd6\xd6\xdc\x04k\xae&amp;@\xb6\xbf\xd5\xe8\x92l\x89\xc3(\xfb\xe4\xad#\\\xe8\xb7[\x8b\x86w\x96\xb4\xc3\xcf\xcc\x0c\t\xb3P\xbeup\xe5\x90\xc2$\xb3\xea;\xf8\xebU\xad0Z\x859\xd7\xf6\x0e\x01\xc4\xdakn\x9d9d\xfd\xe4\xfe5\xee\xe9&amp;{\xae\xfe\x0f\xc8\xf45g=-/\xc8vJ\xefV\xf2\x1cb\x8c\xaa\xc6\x16a\xf5m\xc0\xb7\x05\xfa5\x8f\t\x11\xb5\xc2\xe0\xff\x7f]\xde\xd4\x11\xfd\x9a\xc7\xc4\xd8U\x99\xac\x8b+\xba,\x1b\xd5=\'\xc0\xba\x81$#1\xd3\xcf\x825\xbc\xbf\x9f\x9c\x97v6\x7f=p\xf6O\x88\x89\xe4\xc6\x1fm\xdb`Ha2\x11\xf5\xce\x89\x90}o\xa1f\x8a\xdd3C\xe5x\x08\xa8\x01mc\xaa&amp;~6\xe2\x07\x19\xa2}\xbc\x0f\x80T/\x93\xe3k\xa7\xb2\x9f\xd8(\x99\xe2n\xd8\xb7YTq\xbc\x0f\xdbh\x03\xac\x18\xd3s\xcb\xcc!\x02#\xe3\xcc\xa6Y%\xc9\xfe6\xf2\\\xfe\x7f\t%@0\xa3\x18\x88\xdc\x03\xd7\xf6-\xa3\x8f\xf7c\xec4\xf8^\x99-3\x87\x10Q\xef\xdcHfJ\x8e\xed\x9a\x9b\xe9g\xd1&lt;\xc4\xa1_~\xcc\xdeE\xa3\xfe\xeb\xdd\xbc\xbbs\x94\xbe\xe1sn`\xd5\xfb\x19\\\x90\xc8\rT\xf2O\x9a\xea@\xef\x9c\x08\xce|\x96\x8dl\x7f\xab\x8b\xdb\xe7\x13\xd1\xa7\x87g\xc6v\xcd\x1d\xd3%G\xe2n&amp;\x80=\x90\x17d+\xed\xcb\t,\xc4 #8\x00\xa3K\xb2\x02x\xf3\xff\x88\xe2\xf4u\x93\xfa\x1d\\&gt;^p\xac\x1d\xb0tdi\xb2h\xc9o\r46St\x94d?*\x8bm\x91\x01We\x00P\x03t\x81Va\xce\tN:\xcbG\xf7 \xa2{\'6\x1cY5)\xd1EO\xb0\xff\x94\xde\xad\x88\xe8\xea\xee%c:K~\t\xedb\xbd\x00h\x01\xed\xe3\xbcO\xac\x9d\x16 \xb6\x14v\x17\xcd{\xff?5^k\x81\xae\xa9\x8d\xf8\xff\xb4\x03J\x92\x03\x00h\x01\xc3\x8bR?\xdc;!\xcfI\x14\x01M\xc0O\x07\xf3\x06w\xe0\x1e\xdc_\x0f\x11V\xaa\x12\xc7\xaa\xb61\x1e\x9d\x92\xfc\xbd\xe4pGj\xd6\xbc\x0b\x00\xc49h\xd5\xbcSM\xb0\x93\xb4Q~\xabS\x1at\x00"z\x7f\xe7\xa8\x87\xd0\xcbX\x85\xc6fJ\x19\xbe\xe6\x825=\xe7\x08\xb2\x02b\xed5e\xbf+\xce\x81\x99\xe0\xa43wP\xf1\x97g\x17\xbb\xa6J\xf5\x0f7\x0fq\x18\xd7-O\xdcZ\x17\xc7\x91U\x93\x88^r{\xba(\x03\x80=\xd0)\xc9\x9f\xbf\x1c\xef\xd7&lt;\xc6V\xf4wQ\x9c\xf7\x84\xee\xf9\xec\xefd7\xc3\x18;\t\x1f\x90M$\x1e\x92\xd7WB\x94$\xfbs]\xbe%\xcfypy\xe7B\xb9\x8e\x97\x89\x81\xad\x13\x047\x96\xecnx\xfb\xc8\x1an\xa4\x15XY\xcc\xf9\xe1\xa7\x83\x99\xfd\xdb\x1d[=%7\xd0\xc6C\x1d\xc9n\xdfc\r\xf0\xe9\xe1\x19\xde\x04@\x8d\xcd\x05NQ\x14\'\xf8\xa6yK\xb0{5\x816\x91\xdf\xbc\x10\n@\x94\x8dz\x8a\xbb\xe1\xfd\x93\x1be,\'\x1dx&gt;\n}\xa0\xb2C\xc6\x92\xcan\x02\x97\x88#\xb0{\xc1H\xbe\x85\xab[\xdd\xae\x97\xc7\x93\'\xbf\xb7B\x1e\x031?\xd8~\xdb\xec\xa1|_\xab\x8cv\xdc+;\x9c\x88V\x8c\xe9Y\x96\x1f\xdd1\xd1oZ\xdf6\xa1\xa6\x8a\xab\'\xf4a\xafw\xc1\xd0N3\xfa\xb7\x15?J\x0b\xa8\xd1\xbd\xd6.\xd6\xf3\xc2\xb6y\x7f\xdc?Y\xe3\r\xab\x00C\n\x93%\xfe\xc4\x1c\xbe\xf2 \xd1U_\xd8\x1a\xc4 \xff\xbc\xc8\x1f\x85l\x81\xa2X/\xc1]m\x9cV^\x10\xe9\x96\x13`-\xd1_\xaa\x0b8\x8a\xfev\x11\xdd\xd6\xae\xf9#*\xda\xa7\xda\x03~\xa2\xf1R\x05\x083W\xee\xd24\x90\xf9F\xff\x0b\xfa\xe5\xc7\xc8niZ@\x87&amp;~\xae\xb5_\x12\xf9j\xc3_\x0f\x83\x0b\x92\xa6\xf6i\xfd\xdd\xd7\'\xca\xc0\xf0\xa2\xa6u8P|*S\x14\x0b0(\x8al\xd5\xb7\xb7\x0e\xff|y\xb7\x02\xafcFY\xabwN\tt\x17\x99N\xe1\x16*\x00\x1c\x150\xac]\n\xdbb\x01\x14F\xb9\xcb\xe3\xa2\xbc\xb2k\x11\x11\xc9p\xfd1\x94\xe5G\xcbq2\tH\xf1\x90\xe5\x92\xdf:k(\x80\x9c\x00kf\xc8\xda\x00\x1b\xa7\x96o\x9b5\xb4\xc6\xd3f\xcag\xf8\x02\xf0\xd5Fbuo\xe4\x9d\xa3k\xa3m\xab&amp;[\x13\xb1\xd0\x14\x00E\xa0wN\xc4\x9b\x1b\x07&gt;?9\xff\x1d\\m\xb1\xf6U3d\xfb8o\xa2\xd7l\xf4\xff\xeb\xf19\xc1\xe7\xb1\x01\xb2\xfc,\xd9\xb7\xe4C\x13\xe8\xd0\xc4\x8f\x88\xfe\xb8w\x12\x80\x06\xd0&amp;\xc2\xf5\xdf\x9f\xaf\x10\xbd\xa5w\xb7\x17\x0c\xed\xc4\xdf\xd9\xba\xfa\xf0\xdd\xc4YW\xf6\xbd\xa9\x03\x8f\xcel\x19\xd02\x8e\xfd\xd3\x0c\xc8\x0b\xb2\xe5\xa6w\x00&gt;Z\x12\xfc&lt;\xd20\xbas\xf6\xa6i\x03e\xec \xe7\xcb\xe4\x8f\x05\x8e\n\x18\xdb5W\xa2\xa7\xb8\xa1.\xe8\xef\xc7Dtu\xf7bzumr\xcf\x96D\xaf\x01\xb4\x8d\xf6 "#\xa0On\xe4\xdc\xc1\x1d 6tz\xca\xb7\xce\x92\x7f\xb4\xf9\x1fEk\xc4!\xbeZ\xaa\x1b:4\xf1\xd3\x06T\x00\xfeR\xafK\xd3 \xf6\x9e\x13]\xf4\x07\xb5Id\x1b\x07\xb4\x8c\xcb\xf0\xad\n\t\x05\x9b\xc0M\xe5\x9bc\xca\x01\xb8\xbe\x7f\xf9\xe8\x92,\xab\xda\\\x9a-&gt;\xea\x00c\xa08\xc1\xd7\xae\x96G\xb1\xee\xb6rl/\xb6\xa8\xff\xef`m\x87kBr._8\xe8\x89nih\xdbjF\xc3\x90\xc2\xa4NI\r=\xd4\xa1\x0b8\x00Y\r-\x87\xb6M\xb6\x01\x06\xb6NX7\xa9\x9f- #&amp;\xbbr\\/m\xc0M\xe5\x9b)f!\xb6\xbf\x9e\x94cc\xec4\xae\xef_.h\xea\xdb\xe7\x0c\xfb\xf7\xe7+GWM\x1e\xd5)S\xf6\xe3\xa4y\x9b\xb2?\xd8\x94&amp;\xcd\x88\xf1P\x970\x8c\xa8\x02D\xb4m\xf6\xd0\x8f\x0fN\x13}\x02`\x04\xb8(a\xdb\xecj\x13@\xad\xfc\x01\x90\xf2\xa2\n\xa2\xdc\xd9\x1f\xa6\xc0\xdaIe\xdc\xf6\xa6\x1e\xc6\xe2\xd1~\x17%\xe8\x02Ww/^;\xb1\x0c\xff\x1dD\xd4\xafy\x0c\x80`cp\xe6\xff\xac\x01\xed\xf8\x0bO{ \xdd\xdb\xf4\xd5\xb5\xfd\x12\x07\xecQ\x9d\xb2\xe8\xd3\x03"\x02\x10b\xa2\xf0\xf5\xc5%\xee&lt;\xc9n\x12H\x14\\\xa3L\xf32\xa9\xd1\xae\x1c\xd8\xbaIQ\x9c7k\xcfI\xae\x06\x17\xb7/8\xbbyv\xb6\xbf\x15;\xaf.`\x07\xf8\xeb\x81\x0b\x0b\xcb0\xa3zd5\xa6\xbf\x1fs\x01m\x01\xccj\xbf\x8a\xcf\xf01\xdb0u\x00\x11]\xd86/\xdcB%\xbb\xa1\xa5`\x85\xed\xa6\x8a3\x9bf\x13}!\xa2\x07\xa76\x11\x11\xa3\xfd\xb0\xc7!z\xfd\xf8\xdc6\x00J\x00\xb7\xca\xc9\x0f\xb6\xff\xf4\xe8\xcc\x9e\x85\xff\xd9\xa3\'7\xf8K:\x89\xebe9\xf1\xdf=\x15\xb2A\xff&lt;\x91\x18\x9a\xe6\x16\x01&amp;\xc0\xd1\xd5\x93\xe9\xf55\xfe\xafN\xbc\xc7\x93\x87\x80\xd1\'\xaf\x06ZW\xe7\x94@\xa7\xea\xf3i\x8f\xcc\xc6\xcc=2\xb2c\xa6\xf8\xbaY6X7\xa9\xd5!\xb2!&gt;\xd5\xaf\x18\xd3s\xe7\xbc\x11\xac\x83\xd8\x896&amp;8\xe9H\xf4\xe372\x12\r\x02_\x9fuh\xf2-\x80\x99\xe0\xa4\xf3\xf4\xfcv"Z1\xa6\xc7\x85m\xf3\xb9{\x9e\xd8\xa3\xc5\xbe\xc5c\x00\xf4\xca\x910\x81\xad\x1c\xdbk@\x8b\xb8\x04\'\xe1\xb0\xe1+\xbd\x9f\xa5\xfb\x98I\xfd\r\x00\x90\x13`MDD\xbf\x0c.H\x12\xbfs\xd9\xc7J\x84\xbb*Fu\xcadWMr\xd5o\xcb[mh\x01\x99~\x16\x0fNm\xaa\xc3i\xa5A\x83\xd7\xd9\xf9hX\x831\xfc\r\x93z\xb6 \xfaL\xf4\xf5\xfb\xdc\x10\x11}~|\xae\xb1\xb9\x92\n\xb0pxg\xf6\xf5\x05\xfe\xbeNI\xfe\x13\xba\xe7\xfb\xe9\x80\r\xbb\xde\x1a\x084\xf8v\xc7\xeb\'\xf7_4\xbc3[\xc842\x02\xbd\xfb\x91&gt;=X?e\x007\x8a\xe9\x01\x06"\x97tm\x8d\xc4\x81\xad\x13\x0e.\xab\xf2\xd7\xb7\ns\xbeq`\xc5\xda\x89e7\xf6/_3\xa1\xaf\xa3B5\x9fi\xaa\x97\xc9\xe4^-_]\xdb\x17n)\xd98&gt;\xbaj\x12\x11\xfdxx\xb5\xc4_c\xed\xb5\xb2\xfc,\x16\x8f\xe8*\x7f\x0f\xa6W?\\\xd86\xef\xc3O\'\xe8\xcf\xfb\xbb\x17\x8c$\xa2\xfdK\xc6\x16\xc5z\xe5\x05\xd9r\xe3\x8e\xb1\xa8\x93\xff\xf2\xc3^"\xe2;a\x7f&lt;\xbc\x9a\x88\xd8\xfc\xcem\xd6\x14\xed?oHG\x81\x7f\xf0\xbbcP\x9b&amp;\xf4\xfe\xf6\xb9-s\'\xf5h!q\xe0\x97\x9f\xb2\x96\xe0\xa4C\xf4\x8b\x14\x0f\xb3\x04\xd8\x01\xad\xc2]\xc4\x17\xb0\xf1\x8e\xda\x17\xb6\xcd\xe3s\'\x18TD\x11\xf86\x11\xae\x7f\xde?\xc5y\x9c\xf5\x80\xc1\x05\x89M=\x8c\x02\xf4\xe1\xa1\x8e\xf9C:\x8a\x8f \x8d\xcd\x14S=\x8d\xe3\x1du\x9a5\xb2\xe36\xf2\xd7\x16\xd9\xfeV\x8e\xa8\x19Eq\xde\x8d\xcd\x956\xcf\x18\xe4\\}\x94\x1d\xdb5\xd7V\xca!5\xe2\xf6\x915\\\x9cV~&lt;\xbb\xb8c~\xf5\xb55\x87^\xd9\xe1\xec\xa5\x8e\xe9,\x17E\x8d\xe8_"\xfaa\xcfR\xf5o[\xbe\x81\xef&gt;\xbdsd\r\xb7\x9d\x0b\xbd~yv\xf1\xe2\xf6\x05~\xbcyyxQjy\xabx6\xdf\x9cX;M\xfc\x8a\xba\xc0\x86\xa9\x03\x04\x1b[\x85\xbb|ztf\xc1\xb0\x92v\xd5\xfd\x81\xf2\xa3\xacY\xf4\xb4\xb2\x02\xee\x9f\xb2\x97}\xba\x00#\x17h\x01Z"_V\xdd\x90\x1bhCD\x1b\xa7\x96\xb37sz\xe3,\x19;{k\xe2\xc4:\t\xef\x04\x80\xbb\xdc##\xbb\xd0\xd9\xcd\xb3\xf9\x1b\x7f\xbe\xb2G\xce\x90\x86\xf8\xe9^\x12\x11\xd7\x13\x13]\xf4\xae\xed]*\xd8\xa7c\xa2\x1f\xd1\xeb\xc1\x05\x89\x12\xcfP\x9c\xe0\xbbu\xd6\xd0]\xf3G\xb0\xa8\x91\n`_=\x02\xd9:\xc2\xf5\xf9\xc5\x9dS\xfb\xb4\xee\x95\x1d\xde\xafy\xac8\xab]\x05(\x8cv\x97x\xf2\x1c\x7f\xab\xc3+&amp;\xb2\xbf=\xd5\xb1bL\xcf9\x03\xdb\xb3UsQ\x9c\xb7\xbbj5\x93\xa7C\x13\xbf\xc1\x05\x899\x01\xd6z\x92NU\x14\xe7MD\xd2\x1c,{\x17\x8d\xfa\xf3\xfe)"\xe2\xdc\x0b\xd2\xc0\xb9\xa48h\x01mc&lt;\x89\x88\xfe\xbc\xb7m\xf6P\xf6\x85R\xdc\xab\x86\xcf]\xf3+Om\x989\xa0e\xbc\xf8\xcc$m\xdcQ\x01\xcc\x80\xd5\x13\xfa\x00`\xc4\\\x890\x97\xc3\x8d&amp;\x03\xb7\x8f\xac!"i\xd3\x8c!\xd0@\xee\t\xdb\x12\x98\xd1\xafp\xff\x921\xf2\xec\xac!3\xfe\xd6"T\xf2[\t\xb3Pf\xb3jiFH\xc7\xc4\x86\x82\x13\x8a\x9f\xaf0\xda}\xd6\x80\xa2\xb2\xfc\xe8\x0c\x1fs\x07\xc0\x1e\xc2XY\xb4M\x83\xe1EM\x93\xdc\x0c\x9c\xa4{\xc8\\\x94\xab\x1c\x83\x9e\xea\xf0l\x80X{\xcdS\xebg4q\xd6\x93z@\xed\xc1L\x84\x93\xebg\xb0\x7f\xca\x13H\x08\x95\x83\x81\xe6\xa9\x0eK@Z\x9f\xad\xda\xa7A\xd5h\xb2{\xe172b\xe7\x94\xc0\x8d\xd3\x066\x0fqX:\xb2\x9b`=}`\xd9\xb8\x95c{\xf1\xa7\xe7O\x8f\xcer\x91$\x07 \xd4L\x91~\xbd\xb1o\xf1\xe8\x9a\x9f\x81\x07E \xd0\x00\xa76\xcc\x98\xd4\xa3\xc5\x7fYG:\xd7\xd5\xd39\xb9WK\xf1A\xe9\xd2\x8e\x05r^\x94\xe8\xe3\x9f\x0fN\xb17\xc9&lt;\xe1\xe2\x88\xb2V\x07P\xd91\xe3\xde\x89\r\x004\xaa\xc7\x0e\x15\x80\xca\x0e\x19\x00\x86\xb5K\xd9\xbfd\xac\xec+\xfet|\xfd\x9a\x89}\xf9[J\x92\x03\x88\xa8n\xc9\r\xa0w?&gt;&gt;\xbb\xb5\xc6\xddF\x95d\t\xd8\x1a\x1c\xac\x81t\x1f3\xfap\x97\x88V\x8f\xef#\xbeC\xd7\xd4 "\xa2_\xae\xd2\xa7\x07\xfb\x97\x8e\x95\xe8iI\x95\x92\x82\x94\x1bhC\xf47\x9bN\xf4\x80l\x7f\xab~\xf91D\xf4\xf0\xf4\xe6;G\xd7\xb6\x8d\xf6\xd0\x13;D\x0b\xe8\xdb,J\xfcT]\x9a\x06N\xec\xde\\\xe2UL\x80q\xdd\xf2^]\xdbGD\xe5\xad\xe29\xc3W\xe20%qc\xb6\xbf\x15\x11\x11\xbd\xe6b\xe9\xbb\x17T\xd6h\x11+\x011v\x1aN\x8a\xb2"\x19\xe6\xc0\xd8.\x92i\xd7\xf6@\xb4\x8d\xbc\xcc,q;3\xd9\xcd\xf0\xcb\xf3K\xb9&lt;\'\xa3r\xed\xb3\x07\xf8X7\xa9\x9f\xf8F\xbe)\xa0\x06\x98\xd7\xfe\x12Y\r\xe5!\x8c\x08AD_\x9e]$"\xc1l\xc1A\x130\x06t\x01c\xa0\xb5\xa4\\\x8a\xae\xa9\x8d\x88hf\xff\xb6\x16@\x8c\x9dF\xab\xff\x1cL\x96\x88&gt;\xb9\x91\xac\xc1\xd48\xa8\xcb\xc3Y\xe2\xb0}\xce0z\xf5\xc3\xd7\x17\x97\x07\xb4\x8c\x17\xfc${R\xb7\xa9\xcd\xca\xef\x8f{\'\xb9\t\xc0\x08hd\x84NI\xfe\xf2\xdf\xa4)0\xb8M"\xe3h6\xf50:\xbfun\xff\x16q\xfce\x87\xbf\x1ev/\xa8\x941\':*\xa08\xde\xa7v~7\x1e\xfa6\x8bbN\xfc\xba-\x02\x9a8\xebf\xfaY,\x1dY\x1ah\x80\xfdK\xc7\xce\x1a\xd0\xee\xc6\x81\x15\x12\xf7tWE\xba\xb7\xe9\x81\xa5\xe3\xd8\xd2$\xd9\xcd\xa0{F\x08\x7f\x07\x167\x8e\xb0T\xe5\x82\xb2\x12\xe1\xa7\x8d\xcd\xd3\x07\t6\x16D\xba\x11Q\xdb\x18O\xf9?\xdc7l\x9cV\x9eQ\x93\xdf\xadF\xe8\x01\x93{\xb5d\xedx\xe9\xc8R\xc1\xaf\xa6\xc0\xf5\xfd\xcb\xb7\xcc\x1c\x1cj\xaa\xc8\r\x07\x82\xe5\xff\xe0\x82$\x89\x8eA[\x80Mn\xfc!2\xd3\xcfb\xcd\xc4\xbeD\xb4\xa4\xb2[\x8f\xccP\xbd\xea\x87\x14\xc7\xfb\\\xdd\xbd\xb8gV\x98\x87\x1aX\xd8\x90\x1d;\xba$\xbbC\x13\xbf\xdc@\x1b\xf1\xa7\xd5\x01\x8e\xad\x99Boo1g\xbd\x8c\x84\xd8\xae\xa9\x8d\xd2\xbc\xaa\x88\xe5q\x0eZ^\x1a\xdf\x92\x0f*;\xa4\x17\'\xf8\xd2/W\xb9\x95\xb2\xf8\xe1\xdd\xd2\x82\x87\x14&amp;\xbb(\xa1gv\xd8\xe4^-3|\xcc]\x94\x10e\xa3\xde6\xda\xa3Y#;k)&gt;\xd0r\xb1&gt;\x8c\xea\\\x1aq\xc8\xe9\xcb/\x8cr\x97\xb1X\x1e\xd8:a\xfd\x14\xe1j\x9d!/H\x82\xdb\xe3\x7f\x91\xfd3\xb5Ok""\xfaS\xfc\xa7h[\r~.\x82\x120\xae[\x1e\xfb\xdb\x12 \xa2\x7f\x9e^\x90\x9d\x89\xa2\tL\xed\xdb\xa6Gf\xe3\x0eM\xfc\xc4\x7f\xb5\xacZn\x7f\x8ew\xd4nd\x04\xb64\xd4\xa8S\x9e\xb9\x0c\x8c.\xc9\xa6O\x0f\xde\xdf=&amp;c\x1f\xd9\xcb\x82\xc2(\xf7\x91b\xe1P"\xbauh\x15\x9f1\xf1\xff\x1a\xd4\x81\x8a\xf6i\xef\xef\x1ec3\xb4\x11@D\x85\xd1\xee\x85Q\xd5\x9c\x01\xb2\xd7[\x99~\x16\xf4\xe1\xee\xed#k \xca\xb3\x91\x1f\xa6\x00\xbd\xb9\xc1%\x19\xc8\x8010\xb0u\x93\xf9C:\xba(#\xc1IG\x19\x083W\x8e\xb1\xd3&lt;\xb6z\n\x7f\xb7`\x13\x94\xa6W\x1b\xd69\xda\xa8\x01@\xf4+\xd1\xbfl\xf6\x1d\xdb%Wb\xa7\xae3\x0c\x80\xb2\xfch"\xaa]z\x1b\x007\x15\xfc|y\xf7\xa7GgGw\xce\x16Pw\x8d\x80\xfc`\xfbX{M~\x80\x82\xb3B\xa2m\x1b\xf0\x1d\xa9\xe5\xad\xe2\xdf\xdf9FDD\xbf\xeaI\xbaP\x98\x852[\xdb\x9b\xf0\xb8z\x1cR\xbdL|\xa4\x84\x86T%\xcd\xcf\xca\x00\xbd\xbf=g`\xfb\x85\xc3J~\xbe\xb2\x87\xffS\x88\t\xe8\xe3}"\xda0u@~\xb0\xbd5\x10`\x00\x00s\x07\x15\x9f\\?\xfd\xe5\xd5=\x12-\xd0\xf9C;\xb1h-\x11IL$fxxz3\xc7\xd0\xef\xdb,\xea\xfd\xddcD\xc4\xcf*L\xf10b\'\x91\x18\xa3\x0f2\x04\xd1kzs\xfd\xdc\xd6\xb9\x8f\xcfn\xd5\xe3\xfd4\xa6K\xce\xac\x01\xed\xc4\x0f\xb1\x04\xbag\x84&amp;8\xeb\xd6\x96o \xc0\xe6\x19\x83kd\xc4\xc6\xdakzkbZ\xdf6\x0b\x86\x95\x00\xd0\x07N\xae\x9f.\xd1:\xa8\x8bM.\x13\xd2\xcc\xd2\xad3\x87\x10\xd1\xf0\xa2T\xfeF\xd6\x1e\xd2}\xcc\xb8\xd6\xc8l\x0b":\xb2j\x12\xdbavyQy\xab\x9a\xfb\x98\xf8u\x87\xb5k\xca5E\x03\xa0y\x88\x03k0\xf2\xd8\xb6\xfd[\xc4N\xe9\xdd\xaaM\xa4T\x91\x00\x89H\xf71\xeb\x9d\x1bi\x00x6\x90\xbc\xdc\x91\xf1 -B\x1d\xe9\xd7\x1b7\x0e\xac\x10L\xc9M=\x8c\xe2\x1c\xb4W\x8e\xedU\xe3\xd5\xffc\xbb\xaa\x1b\x02\xf4\xb1g\xe1H.\xcbi\xc3\x94\x01\x1e\xea`\xb6\xa3\x16\xc0\x9f\x03\xe6\r\xe9(\xbb\xb1\x9d\\?\xa3\xb2C:\x80E\x15]ZJJ\xf2\x97\x06e`\xe7\xbc\x8a"\xb1\xa8\xc3\xed#kNo\x9cID\x93{\xb52\x03\x0c\x81\x13\xeb\xa6\xed\x9c7\x82\xa5\xe5\x9f\xde8\xf3\xcd\x8d\x03#\x8a\xd37M\x97E)\x84\xa4\xc4C6P\x98\x01__\\\xaa\xd5RIN$\xbb\x19tK\x0b\xae\xdd1\x9a\x00\xfd\xf5\x90\x88^\\\xda\xb5u\xd6\x90D\x17}fZ\xba\xab\xa28\xc1wf\xff\xb6l8\xdb\xbbh4#0i\x01\x91Vjc\xbb\xe6\x12\xd1\xb6\xd9C9V\x93\x87\x1a~\xbe\xbc\xfb\xc5\xa5]\xf4\xea\x07\xd9)H\n\x00?\x1cWg8+a\xdb\xeca\xc5\xf1&gt;D/\xc5\xddJ\xcd\x1a\xd9\xed\x98[\x01@\x11P\x06\xcc\x80#\xab&amp;m\x9cZ.\x8d\x19\xdd\'7\x92q\x99\x18\xa4\xb9VFtHg4,v\xbd\x87\xa77\x13Q\xa8\xa9\xbc^\rCQ\x0cgQE\x97\xb6\xd1\x1e\xc1"\x03U\x1dxs\xe3 \x11\x89\xeb:D\xdb6\xb8\x7fr#\xd1{gE\xa9&lt;6\x88-\x08Z\x87\xbbp\xae\xed@\x03\xbc\xbdu\x98\xe8Wq\x1fB\x86\x8f9\xb7\xe6\x90h\xbf+\x02\x06\x80x\xda\xb3\xc4/\x18k\xaf)\'\x87U\x1c;\xe6\x0e\x9fU^\xb4`X\xc9\xdeE\xa3\xb9$D\x00\x13\xbb7\xdf2sH\xba\xb7Y\x01oT\x1d\xd02\xbeGfczy\xe5\xe9\x85\xedm"\xdd\x1c\x15\x00\xc0\x18\x98\xd4\xb3\x05\xdbA\x0bp@U\xbehmAD\xf4\xe5\xa9\xc4\x9f\xf8=Zb\xf6M\xa4\xb5Z\x9d=\xd1z@q\x82/\x119\xca\xbd\x80\xe3\x0c#\x17%\x10\x11\x17O\x0e6A\xdbh\x8f\x8b\xdb\x17\xdc&gt;\xb2F\x1aU\x9c}\xd1!\x85I\x8bGt\xa9\xe3\x1d\x8b\xc1E\x19D\x1fG\x95d\xf17rK\xccHk\xb5\x14w##\xa0\x7f\xf3\xd8\rS\x06l\x98Z\xfe\xf7\xd3\x0b\x87VL\x00`\xce\x9b\x89\x9b\x878\xf0\xd7mc:gKK\xfc$\xa2\x14\x0f\xa3\xad\xb3\x86\xe4\x05\xda\x16DI\x0e"\xd6\x01\xf4\xf3\x15\xd6I\xd7L\xf8\xe6j\xe7\xeb\xc70CM\x9c\xa0\xa9,\x9fa4\xa5w+\xf9Sp\xfe/\xa0\x0c\xe8\x00\x8d\xcd\x94P\xdd\xc1\xad\x04X\x02)\xee\x86\xe5\xad\x12\xba\xa55\n1Q`\xfb8\x00K*\xbb\x11\xd1\x8d\x03+\xa2l\x1a\xb0\xe0\x83F\x15\xc3\xfd_NN\xe7\xff\x06\x9e\xea\x88\xb0\x94\xea\xd5\xccjhI\xaf\xaeM\xe8\x9e\xdfP\x17\x97v.\xcc\xf45\x97\xb6\xa7\x16\xb0`X\t7\x01\xac\x18\xd3S\xda\x9e|\x9fIC]\xcc\x1b\xd2\xf1\xd2\x8e\x85\x10\xb3\xa4$\x8e\x03\x1a\xdfX\x16\x7f\x7f|x\xfa\xdc\x969\x00t\x80\x95c{=&lt;\xbd\xf9\xd5\x0f\xfb\x88H\xaf\xfa!#:\xa4\xd3\x9b\xebDT\x92\x1c0\x9d\xc7s\xe0`\x08\xd8\x03j\x80\xbb*$F\x84\x8d\xaa.\xfag\xa4\x950\xd6\xa0"_\x96@a\x94\xbb\xaf\x16\xf2\x82l]dz[\x1d\x80\x15cz\n\xd8\xd9\xb5\xe2\xb8\xd8\x00\xa3J\xb2\xf8lT\x0fu\xfcq\xff\xa4\xc0\x98R\x05b\xed5o\x1dZun\xcb\\\x1f\xad\xaa\x90r\xa0\x018\x8e\xaf\x03\xd0)\xc9\x9f\x88\xb6\xce\x1aZ\xa3c*\xd8\x18\xab\xc6\xf5\xe68\xe32P\x96\x1f\xc3\xfd-O$V~\x04\x18\x80\x88X,\x91\x05\x0c\xe5\xc1\xee\x85#\x07\xb4\x8c\x9b;\xa8X\xe0\xc7cY\xb2\xe6@\x88\x89\x82\x8c!)\xc9\xcd\x80\x886N-\x97\xe7Z\xe2\xe3\x1d\xc4&gt;n\x88\xa9\x82\xf8\xd4\xc5u:7U\x1c]=Y\x1f\x98^V@\xaf\xafK\xf3\x94\xf2\xf90&gt;Z\x98\xdcK\xa8\x05\xc2\xb5A\xd1\t\xded\xfaY,\x94\xa4\x9b"\xae\xb5%\x0fR&lt;\x8c\xb6\xcd\x1aJD|CD"\x9a8\xeb^\xdb\xb7,\xd5\xcbdl\xd7\\7\x15\t\ttu\x86\xc4x\x8f\r0\xb0u\x93\xff\xc2Y\xaa\x0b\xdcU\xab\x1e\xccY\x11\xba\x80=\xd0\xb2\xb1\xd3\xae\xf9#\xb8\xef\x97\x17d\x9b\xe0\xa4\xa3\x0b\x1c]5\x99\xe8/&gt;AUv\xb8I\xb6\xad\xc4\x7f\x9b?\xecYzm\xdf2\x89&gt;&gt;%I"\x88\x0c\xbb\xe6\x8f\xb8\xbcs!\x11\x9d\xdd&lt;\x07\x80&amp;`\x06\xf4k\x1e+1oK\thd\x84s[\xe6\x10\x11\xfdy\xcf]nN\xd5\xb0\xa2\xa6\xf4\xf9\x91\xa0\xa54\xf50\x92\xe8\xb7\xf5\xd5\xaeF\xb3c\xab\x87D\x17="\x1a\xd39[\x03\xd85\xbfR\xe0\xb6f\x9e\xe8\x8b;\x16\x84\x98(H\x1cr\x8c\x01zw{\xde\xe0\x0e\xab\xc7\xf7!\xfa\xd83+L\xde[\x07\xfc\xf5\xb0td\xb7\x1aw3\x04z\xe7F\x10\xfdS#M\x9e\x0f\x05 \xc5\xc3H\xf0f\x9c\x95\xa0\x07d\xf8\x98\xb5\x89p\xe5\xeb\xf6p\x10\xb4|-\x80\x88\x16Hb=\xf6\xcc\n[:\xb2\x94\x9b\x93\xc6\x976\xe3\xc8\x91\xe1\x96*\xc3\xda\xa5\x10\xd1\x9e\x85#k\x1c\xd7\xa7\xf5mCDEq\x12\x08\x88\xdbf\x0f\xeb\xdfBH\xfab\x90\xd1x\xf5\x00\xa3\xdad\xea\x01\xb8q`\x05\x111\'d{\x91\xd4\x97\x0cd\xfb[\x19\x00\xd9\r-\xd7N\xea\xd7.\xc6\x93\xff\x93\x82H\x18G6\x0c\x80\x7f\x9e]\xdc8m\xa0\x0c\x02b\x8a\xbb!SRj\x11\xea(1\xa6U+\xf4\xce\x89 \xa2\xbc@\xdb9\x03\xdb\xb39\xbe\xc6\xfb\x94m)\xb3\x1e$&gt;TrO\xf4\xeb\xcd\x83~uUD\x99?\xb4S\x8d*\xbc&amp;\x00\x0b\xa0\x12\xbd%\xa2\x07\xa76\xc5\xfe\x87L\x1a&gt;*;dt\x10#C\'8\xe9\xc80L\xeb\x08\x19f\x0c\x1bp\xb5\x81pK\x15\'\x05\x18\x00l\xad\xad\x00\xb4\ns\x1e]\x92=\xa1{~\xb6\xff7\xe3\xc3V\xacW\x04\x1aT\xf94\xc5\xfd\x8cJ\xc0\xc1\xe5\xe39\xc6\x9f\xb8\xcd\xe3\xaa\x82^\xd9\xe1v\x00\xaaF\x9f\x8f\'\xd7\xcf\xb0\x07\x94\x01s`\xdd\xa4~i\xde\xa6\xb2\xfb6\xa3u\x12\x11\xa7\xb8\xe0\xa2\x0c"\xa2\x97W$\x1aY\xae*\xd8\xb3p\x14\x11\xf5\xce\x89\xf0\xd1\xaaJz`\xfb\xe9\x00\x19&gt;f\xe2O\x11l\x82\x87\xa77\x97$\xf9\xcb\xe9\x05*k\x16=\xbe\xb4Ya\xb4\xc7\xd7\x17\x97\xe9\xef\xc7\xf4\xf1~\xb7\xb4\xe0K;\x16\\\xdd\xb3\x84),\xeaI:\xea\xafGg\x89&gt;\x88\xdfq\xb4m\x83~\xcdcR&lt;\x8c\x14\x01\x1f-\xf8\xebaB\xa9\x84\xa0_\x97\xa6Au\x13\x86\x13\xc0[\xee\xb6=g`\xfb\xd9\x03\xdbg\xfb[\x89{\x84\x9a5\xb2\x1b\\\x90\xf8\xfe\xce\xb1Y\x03\xdaU\xb4O\x95t\xb4\x10\xaaRrg4\x80\x92d\xff\xb2f\xd1\x00\x8ab\xbd\x88~\xee\x93\x17\xc9-\x156M\x1fDD\xd1\xb6\x1a\xae\xca\xe03.f\x97\x17q\x93\xbb!\xe0\xa7\x03\x0f5\t&gt;.%\xc0\x1eh\xeai\xcc\xc5\x00\xf8\x08\xb7T\xf9\xe7\xe9\x05\xe7:\xb3O\xc4\xc0\x92\xc6\x89\xe8\xd2\x8e\x05\x8e5--2|\xcc\x7f\xbe\xb2g\xfe\xd0N\xe2V\x8a\x12\x10`\x80\xe3k\xa7\xca\x18:\xd5\x80\xb2f\xd1\xecr/\xaf\xee\x95\xb6\x1bK]d\xe1\xe5\x0f\xf7N\xc8P\x00\x95\x07\xde\x9a\x98\xd0=\x9f&gt;\xdc\xad\x15\x97I\x1c\x13J\xf3c\xed\xab\x8c\xc3yC:&gt;&lt;\xbdYZ\xecw\xc7\xdc\x8a\xcfO\xce\rlUC2M\xfbx\x1fn\x06\xe5;6\xcb\xf2c\xd8Z\xb68\xa1fGb\x13g\xdd\x1b\xfbW\x14\xc5z\xfdoTP\xa5B\x93GIP\x07\x98K\xb9vB\xa7\xad\xc3]$\x8ak\x0fm\x9bLD\xd7\xf7-\x1f\xd1!\x9d\xad\xa4\x1c\x80e\xa3\xba\x97\xe5G\xeb\x00\xa6@\x80~\xd5\x0c\x11f\xae,\xee[`\x88\xb5\xd7\x8c\xb1\xd3\xfc\xe9\xc4z"*N\xf0\x89s\xd0\xe2n\xaeC\x13\xdf\x17\x97w\xb1q3\xd0\x00\xef\xef\x1c\x13\x1f^\x97Vv\xe3bb\xed\xe3\xbc\x89h\xde\x90\x8e\xf4\xeeG\xe6\x12!\xb1\x845&gt;\xd4\x01\x16\xc9!"\xbe\x7fpF\xbf\xc2S\x1bf\xd0\xdb[\xe2\x87\xa8\x01\xf1\x8e\xdaD$H\x92d7&amp;\x1e\xb8\x06`\x02\x0c/J\x9d\xd8\xa3\xb9\x9c\x8aC\x05Q\xee\xdc\xdb\xd6\x14Y\xbb\xa6\x80-\xa0\x02h\x89|\x88n*x}\xfd\x00_\x08\x93\x19\xcb\x16\x80\x9b\xc8\xba\t5U\x8c\xb4V;\xbby\xb6\xb8\xa2\x9c\x00#;e\x12\xd1\xdaIe\xdfG\xc4\x99\x87`\x13DX\xa9\xd6jM\xda\xb2\xb1\xd3\x98.9\xe7\xb6\xcc\xe5o\xac\x0b}\r\x00\xe0\xad\x89L_\xf3\x8a\xe2\xb4\xcd\xd3\x07\x9d\xdf:\x97?\xd0GX\xa9\xbe\xba\xb6\xff\xc1\xa9M\xfch[\x90\x11\xd6N*\xdb4} \xeb\xa8\xc3\xda\xa5L\xeb\xdbF\xe2\x99\xddT \x91\x1a\xf4?\xc2\xf6\xd9\xc3\xb8Ea\xf7\x8c\xd0U\xe3z\xcb(DP\x92\x1cP\x18\xedA\xf4\xee\xcc\xa6\xd9\x02\xf3\x7f\xeb\xcc!\x00\xec\x80I=[r\xa6\xd9\x84\xee\xf9Do8\x1f\xce\xabk\xfb\xb9k\x8d\x17\xf1\xa6\xc4\xd1\xc4Y\x97\xe8\r\xfb[@n\x11G\xb2\xbb\xe1\x92\xcan5\xda\xbf\xe2b\xdd\x02(\xf0\x983c\xbb\xe4\x08T\xac\xaf\xed[\xf6\xf2\xea\xde\x17\x97v\xd5\xe8\x9c\x01\xc0\xbe\xec\x0fbYM|xk\xe2\xe1\xe9\xcd\x07\x97\x8dc\xcem\x0e\x8a\xc0\xaf7\x0f\xf6\xce\x8d\x00\x90\xea%\x9bJV\x15\xb0\x11D|\x9b\x878\x88\xf35\xbf/R\xbdL\xb6\xce\x1a:\x7fHGnKC\xdd:1\xf1$:\x8e\xef\x1cY+j$_:\xa7\x04\xb2\x8d\xbb\x17\x8c\x9c^V\x90\xd5\xd0\xd2\x86\xe7\xde\xa1\xd7\xd7\x88H\x9a"\x9d=p\xf3\xc0\n\xa2\xbf\x89h\xd9\xa8\xee\xb7\x8f\xac\xd94}P\xbc\xa3\xf6\xd1\xd5\x93??&gt;\x17$\xea\xf9\x02\xc7\x057\xb0+\xf0\xa2m\x1d\x13\x1b\xf6\xc8l\xcc\xb5]\x89\xd6.\x1f\xf3\x87vb{\n\xfa\x929O8\x9a\x0f%@\x0b\xe8\x96\x1e,\xc8\x0c\n2\x84\x05`\rtMm\x14f\xae\xcc\xaf\xdcb\x05\x94\xa6\x87\xd48~\xa9\x03Ww/\x96a\x94\x85[\xa8\xac\x1c\xdb\xabe\x983\xcb;\x0f1Q\x98\xd9\xbfmY~4\x7f\x86\xb3\x04\xd6M\xea\xc7V\xe2\xa3:e\x12Q\xef\xdc\x08\xfa\xe7\xc9\xa5\x1d\x0bze\x87K\xe4&amp;\x86[\xaa\xb0$\x03\x16\xacf\xaf\xe2\xec\xe6\xd9u\xf3\x8d\xf21\xb8 1\xd1E/\xd1E\xbfU\xb8\x8b\xc4\xc8\x844\xb0\xf9\x9fieq\xafM\x9e&lt;xW\x15\x88/\xb3\x8c\x80\xca\x0e\x19+\xc7\xf5""~O\x00\xe0\xae\x06\xcf\x06\xc8\x0b\xb2\xcd\xf4\xb3xqy\xf7\x8d\x03+\xd2}\xcc\x98+\x83\xb9wkL\xdfuR\x94W\x97\xe9\xbf\x83\xe5\xf20\x8c\xea\x94\xf5\xea\xda\xfe\xd6\x11\xae\xe3\xba\xe5\xe9\x02*\x92Xp\xccy\xd2.\xd6\x8bK\xcae`)\xe8g6\xcd\xe27\xb6\x0c_\xf3Q\x9d\xbe\x05f\xb9\x0b\xe9A\x88&amp;\xce\xba?\x1d_\xef*\xb2\xc5$\xfa\xe8\xa4\xa1 \xd2M\x9a\xba\xbd\xfc\x18\xd6.\xe5\xd1\xd9-\xec\xef\xb1]s\xe9\xe3\x03\xfe\xaf\x86@\xdbh\x8f\x9f\x8e\xaf\x0f\xaeaL\x96\x17\xaa\xc0\x99M\xb3~\xfb\xf1\x88\xc0\xfa\xec\x91\xd9\xf8\xd8\x9a)\xd22H\xf8\x98\xd6\xb7M\xdb\x18\xcf\xe6!\x0e\\\x1b6\xadz\xc3\x7f\x1cZ&gt;\x81\x8d&lt;\x9dS\x02j\xa4\'%\xba\xd4\xae\xc4\r\x00\x17\xa5ot)W\x15\xe4\x07\xdb\xeb\xca\x14e\xaa\x01\x82\xf0\xe8\xc0\xd6MX+YZ\xd9\x8d{\xdb9\x01\xd6\xbb\xe6W.\x1f\xdd\x83?~2\x05p\x16\xa6\xf3\xd3\x91\xe0\xf7W\x04\xe2\x1d\xb5\xa7\xf4n\x95\xecf\xf0\xf8\xdc6"zvq\xe7\x0f{\x96n\x9cZ.\xbe\xd8\x9d\xd6\xb7\r\xfdz\x93\x9fD.\x88b\xa5x\x18m\x982@\x1e\xdd\x9e\x89=Z\xb0G\x10$Ri\x03a\x16\xca\xa3:e\t\x96\xf0\x1ej\xb0\x04BM\x15\x04/\xd1\x12\xa8(N[R\xd9\xed\xc2\xb6y\xf4\xe7="\xe2\xcc\n+\xe0\xe5\xd5\xbdT\x93\x00z\xb8\x85\n\x11\xdd\xaf.*\xc2\xbd\xa8\xbeyQD\x7f\xde;\xb1\x81{$\x1fMtN\t\x1c\\\x90\xc8\rj\xac\x01\xf1\xdd\xcaD\xbf\xe4\x05\xdaT)\xa4\x1b\x81K&lt;\x16\x87\xa3\xc27\x0f\xc3\x80\x96q\x12\xa3yu@\xcd1S\xe9\xd0\x02\xf4\xe5\x16\xac\xd6\x04\x82\x0c\xb1vR\x19\xfd\xfbB|\xea"\xa2E\x15]\xe8\xe5U\xfe\x14\xe8\xad\x89\xd6\x11\xae\xa3:eUv\xccX1\xa6\xc7\xc6\xa9\xe5K*\xbb\xce\xe8W\x18i\xad\xde6\xc6Sv\xba\xa9\x9d\xe8\x0f\xc5\xff\xf6\x8c\xb5\x82\x9fN\xd5\xb8|~\xeb\\\xa6\xcd\x05\x11##/\xc8v\xce\xa0b\xb6\x85\xdf\x00\x06\xb5i\xb2i\xda@i\xe9\x99\x9c\x8d\xcc"\xe4Y~\x16\x1c\'\x8a\xd1\xd8\xc4a\x02\xfc\xfb\xf36\xe1\x1f\xa8\x00\x00 \x00IDAT\xe5;G\xd7\xf2\r 7Ua\x810\x86TO\x13\x00\xa9\x9e\xc6_\x9e_d)\xee\n\xbc\xe5)\x83\x93\x02\xeaPQG6\x91&amp;\xc5\xc3h\xf9\xe8\x1e\xb5&gt;im\xc0b\x8al*\x95\xa6+\xc3\xe0\xae\x8a\x9c\x00k\xfa\xf2\xf4\xd9\x85\x1d\xfc\xedD/\x88\x88\xe8\xeb\xb9-s\xb2\x1aZ\x12\xd1O\xc7\xd7s\xbf\x9a\x01a\x16\xca/.\xedZ;\xb1\x8cu\xc6\x8a\xe24\xfa\xfaL\xfc\xfc\x82\xcfT\x10\xe5~}\xdf\xb2:&gt;\x95\x0c\x84\x9a*\xb4\x08u\xa4\x97W\xb6\xcd\x1e\xb6\xa8\xa2\x8a\x13f\x07p9M\xdc\x90a\x03\x9c\xdf:W|\xd5\xcce\x87\xb3\xa1\xd3E\t\xedb&lt;\x93\xdd\x0c&amp;\xf5l\xc1\xf1)\xad\x01_-\xd0\xefw\x88\xfe\xa2\xea9\xd3\x16\x00g\xa4\xeb\x00\x13J\x9b\x8d(N\x97x\xab\x82\xd9e\xd7\xfc\x112\x12\xa0}\xb4\xc0^=\x11M\xea\xd9\xa28\xc17\xda\xb6\xc1\xb3\x8b;\xef\x1e[\x97\xe1c&amp;\xae:\xe2\xac\x08wU\xcc\x1f\xda)/\xc8VP\x8c\xc9\x1eh\x17\xeb\xd9&amp;\xc2\xf5\xed\xad\xc3\x1f~:\xc1\x82\n\x0e\xc0\xe8\x92\xecg\x17vtM\r\xea%s\x02P\x11\x99]\xdcI#\xacT\x7f\xbdyh|i3\'\x05\xb4\x8b\xf1\x0c\xa8\xbe|\xea\x9d\x1b!\x88B\xd7X\x84K\xb6Id\x03t\xcf\x0c%"y\x88\n\xd2\xac\xde\x91\x1d3\xcd\x01#I\xac\xd0\xda\x82\xbe&lt;\xfd\xe3\xfe\xc9E\x15]j\x94\xcdm\x00T\xb4O\xbduh\x15\xbd\xbf\xfd\xf4\xfcvy8K\xd6L\xf8\xef\xb7[DT\xde*~\xd9\xa8\xee\x00b\xec4\xfe~z\xfe\xc5\xe5]\x17\xb7\xcf\xe7\xef\xdc"\xd4Q\xc6\x80"Oa\x9c\xdaB\xda\x90\xc8Z\xc8\xe8\xce\xd9,\x95A\x80\xca\x0e\xe9)\x1eF\x0e\xa2\xba\xadlX\xb9\xbcs\xa1`\xf5\xb9j\\\xef\x03K\xabi\tx6@\xaa\x97\t\x11\xfd\xf5\xe8\xac\xec\x02s\x00\x16\x0c+a\xb6\x9d"\x8f\x16\xcc7\x93T\xabR\xf3~\xcd\xf05\x0f1A\x8b\xc6N\xefn\x1f\x95g\xa9\x94\xeai"\x8fb\x92lC8\xceA\xab\xa2}\xea\xf7M\xc4\x13`\xf5\xf8&gt;\xbf\\\xdd\x9b\xeai\xdc\xd4\xc3\xa8m\x8cg\xdf&lt;\t\x9a\x02|\xb4\x8b\xf1&lt;\xb9~z~\xb0=\xb3\x15X&amp;\xb0\x16\xb7\xcc\xfa\xf0\x13\x0051\xa5\x83\xc2h\x8f\xe9e\x05\xaf\xaf\x1f`\xb4\xefHku\x89\xdc\rz}\x8d\xdfA\xd8G\xffO\x8f\'\x8eh\x9b\x06\x05Qnk&amp;\xf4]&gt;\xba\xc7\xe5]\x8b&gt;?&gt;7\xb5Ok\x00\xea\xc0\xbb\xdbU%bF\x14\xa7\xd9\x01j\xd2\x89\r\xe2\xee{&amp;2\xc5\xc0\xe7\xa8-\x1cV\xf2\xd7\xe3\xb3\xcc|\x00`\x03\xe4\x06\xda\x0cj\xd3\x84\xe8\xc3\xd2\x91\xa5M=d\x89\xa2\xbb\xaa\xe0\xc9\xf9\xed\\&lt;P\t`\xca\xa39\x01\xd62\xacZoM\xd1\xc7\xf8\xed\x16\xd3_{{\xeb\xb0\xb4\x9dY6\xdd\xdb[\x87\xb8\x94n\xee\xbc\x9a@\x80&gt;\xe8\xdf\xe7\\F\x1bD|D\x19\xf7\xcc\xa1\xb2C:\xdfg5\x7fHGvSe\xf9\xd1\xffg\x998\xfc\xcf\xd7\xd8\\\xa9]\xac\x17gl\x8a\xc3\x028\xb6fJ\xd7\xb4o\x06\xa6T\n\xad\x08r\xfaKt\x80\xc7g\xb7\xf2\x93\x9b\xb8\xf8\x8a=\xd0P\x17\xde\x9a\xd88m\xa0\xb3\x12\x1a\x00\xbe\xdaX8\xbcd\xdf\xe21#\x8a\xd3\xb2\x1aZ\xd6h\x92\x1b\x02\x1e\xea\x98\xda\xa7\rKK\xdc1\xb7\xe2\xc2\xf6\xf9\x00\xc6t\xc9\x11\xad\x81\xaa%Uuh\xe2\'\x91b$\x0ei\x89\x8a\xb5E\xb7\xb4`\xc6\\\x12\x98\xba\x8c\x02\xd4\xa5i \xd1\x17N\x1a\x88\x8f C,\x1a\xde9\xd6^\xd3C\r\xe3K\x9b\x11\xfd\xfa\xe3\xe1\xd5\xfc\xc4\x11V\xbfO\xe2\x181\xado\x9bto\xd3\x1e\x99\x8dw\xcc\xad\xa0O\x0fd(\xd0\xd9\x01F@\xbf\xe619\x01\xd6\xe2j\xbeI\xae\xfa\xec*%I\xfev@Ir\x00\xd7\xbbe\xcf\xcc:\x90\xb5H\xe5\xa0\x06DX\xa9J\x1b\xe2\'\x946\xe3\xb4\xf2\x01x6@\x9de\xf8\xa4azYAIr\xc0\x98.9S\xfb\xb4\xe9\x9e\x11Zc\xdf\xa6\xbf\x1f\xdf&gt;\xb2f\xdf\xe21\x17\xb6\xcd\xb3\x02\xbcEw7\xaaS&amp;\xbd\xbe&amp;Q\x1c\x85\x83\x9fN-*\x07\x08\xc0.\xf4\x1d\x8a&gt;\x9d\\?\xdd\xb3\x01\xfa6\x8bR\x07Z\x87\xbb\xac\x1a\xdf\x9b\xb3F\xcfn\x9e\xcd\xda\xd3\xb9-s\xe7\r\xee\x90\xe0\xa4#\xbf\xde\x10\xf1\xd0--\xd8\x1e\x88s\xa8\xba[\xbe\xfbh\xc3\x94\x01\x85Q\xee]\x9a\x061;\x9d\xbe&gt;\x13\x04w\xf2\x83\xed\xcb\xf2\xa3\xbb\xa65rV\x84\x11\xb0j\\o~\xeav\xac\xbd\xe6\xa06M\x06\xb5nrr\xfd\xf4M\xd3\x06\xb2\x11\xaao^\xd4\x91\x95\x93\xf8M\xdc\x1c\xa0\xf7\xb7o\x1cX\xd1\xbfE,\xd1\xaf2n\x9b\x95\xebZ;\xb1\x8cS\x13Jp\xd2\xd5\x014E\xefzB\xf7|\x07\xe0\xfe\xc9\x8d\x13d\x96N\r\xd0GiFH\x13g]i\xbdbIeW\xf6rn\x1fYS\xe3\xc0Z7xi|\xe3\x03d\xf8\x9a\xb7l\xec\xd499\x80\xf3zy\xa8\x81~\xbb\xc5\xaf\xb7#?\xc9\xa7V\x88s\xd0\x9a;\xa8XN\x91/\x1b`X\xbb\xa6\x85Q\xee\x07\x96\x8d\xe3r\x1aUyU}$&amp;K\xf3\xa1\x02\xb4\ns.\x8c\xf6X1\xa6\'\x11\xfd|y7\x9fk\xa8\xc7\xdb3\xd6^\xeb\xe0\xf2\xf1DDooe\xfb[\xc9#\x87\xa2*]\xb9^~\xf0\xfb|7\xde\xfc\x9a\xe8\xaaO&lt;\xeey\xcf\xac0\xbe\xe2\xe3\xd6YC\xa6\xf5m\x13e\xad\xae\x02\xecY8\x92&gt;?~ye\x8f A\xdaC\x1dD\xb4c\xeep\xf1\x8b6\xf50\xca\xf4\xb3`\x92\xb4\x0c\xee\xaa\x90VM\x9aC\xa4\x95\x9a\x8b$\xf3\xa4n\x92m\xaf\xaf\x1fh\xd1\xd8I\x115\x8f\xda\xf4\xcf\x93\xa7\xe7\xb7\x8bow\xabEH\xe2?A~R\xc2\xf9m\xf3zd}\x0bL\xca\xc84\xfa\xbe8\xbcr\xe2\xf79Q\xbf\xe61\xf3\x87t\xfc\xfc\xe4\x9c\x0e`\x0e\xecY8\x8a\x8b\xbco\x9d5\xf4\xe8\xea\xc9\xc7\xd6Li\xeaa\xdc/?f@\xcb\xb8\x99\x03\xda\xa9\x02\xfa\xc0\x85m\xf3d&lt;\xaa:\x7f\x02\xf8x\x9f\x91\xab$\xb2\xfe\x15\x01\x13 /\xc8\xb6\x91\x11\xf6.\x1e\xfd\xfb\xdd\xe3\x9c\x99`\x05\xf4\xcd\x8b:\xb5a&amp;\x11\xd1\x97g\xcbF\x95\xa6\xb8K`Fd\xf9Y\xfe\xf3\xf4\xc2\xebk\xfb\x89\x881\x02\x0142\x92\x1a\r\x97MB\x8b\xb1\xd3 "\xfa\xfb\xc9\xd1\xd5\x93\x05?Y\x02\xa6\x80\n\xc0$\x07$\xce\xedV\x80\xbb\x1a|\xb5pa\xdb&lt;\xe6\x7f(N\xf0\x91\x98\xd5S\x9a\x1e\xc2\xbd!\x19\xd2\x98\xb2\x1b|\xb8\x85\x8a4\x87\xa9=\xb0m\xf6\xd0\x7f\x9e]\x04\x10k\xafi\x0f\xa8\x00Eq\xde\\lP\x03\xb8yp\xe5\x90\xc2$)\'\x90\x00\xb3\xea%\xf1\xe4\xc4\xf5\xfd\xcb\xd9c2\xf7\xbd\x9b*\xca[\xc5K,\x14\xc1\xe0\xab\xfd\x9f\x04\xe9\x00\x8c\xea\x94\xf5\xe8\xcc\x96ni\xc1\x7f=:{\xeb\xe0J\x89\x8b\x86P3E\xee\x13p\x1evHQ\xfa\xfb\xdf!\xc1I\x87\x9f\xe3\xd65\xb5\x11\xbb\xdb&gt;\xb9\x91D\xef\xf8\x0e\xf4\xec\x86\x96]\x9a\x06U\xb4O[;\xb1\x8c\xdd\xf6\xfd\x93\x1b\x05g\xcb\t\xb0\xfe\xe3\xfeIi\xb5e\xac\x81\t\xdd\xf3\x1f\x9d\xd9\xc2\x8c\xad\x87g\xb6\x8c\xee\x9c\xcd50\xbe-)g\x84\xb5\xa1\x94y\xa04=d\xfe\xd0NL4\x97\x1b\xb2\x1b\x9b+]\xd86\x8fM~\xdcJ\x94\xcb\xdc\x16 \xdcR\x85\xcf/\xff\x7f\x16\xbds#\xdaD\xb8\xdaV\xb7we\x1fR\x87\xa0\x88D\x98|\xaf\xfaK/.\xef\x9e\xd9\xbf\x1d\xd1\xc7E\x15]bl5,\x00K\x91R[\xbc\xa3\xce\xbaI\xfd\x98\xbb\xb7C\x13\xbf5\x13\xfan\x9cZ\x9e\xe8\xa2\x17k\xa7\xc9\x1e\xf5\xf9\xc5\x9d6@\xa6\x9fE\x88\xa9\x02\x7f\x81\xec\xab\rNC\xa2\xbc&amp;\x1e.\xa4\x90@\x1a\x19\xe1\xee\xb1u\x1f\x1f\x9c&amp;\xa2\xdf~&lt;B\xbf\\\x95\xd6&amp;V\x8d\xef\xbdz|\x9f\x8a\xf6i\x1c_\xc8\x148\xbdq\xa6\xb8\xc3J\x03Hr\xd5\xd7\x03&lt;\x1bHNB\xd1\x06\xb6\xcd\x1e*\x91\x847wPq\xa6\xaf\xf9\xd0\xb6\xc9!\xa6\nc\xba\xe4\x9cX7\x8d\r\x16\x0e\xd5\x9d\x03\xf3\x87t\xcc\r\xb4i\xd9\xd8\xc9O\x07c\xbb\xe4\xfc\xf9\xe0\x94D\xa1SV\x17\x8cAF\xe5\xe4l\x7f+VCFbZY\xb6\xbfU[)\xd5\xf2\x0c\x81\x8a\xe24V-k\xf3\x8cA\tN:\x8c\x95_c%w\x19\xb6\x0f+\x19tr\xfd\xf4\x1aNQ\x1d\xb3\x06\xb4c\x8f\xc9\x94\xa6\xfa\xb7\x88]T\xd1et\xc97\xb5z\'\x05\xc8\x93\x85+?\x1e\x9f\xdb\xca\xaeh\x08\xcc\x1dT,1\xe0\xe9\x008\x00\xf4\xf3\x95%\x955\xe7\xc1\xfdO!`"8)BA\x92\x89\xdd\xa5i`\x80&gt;\xbc5\xe1\xa2\x84&gt;\xb9\x91\xe3\xbb\xe5\x89\x9b8\x93z\xb6\xe8\xdf"\xee\xcc&amp;Y\x92\xf4\x0cz\xc0\x82a%\xa1\xa6\x8a|\xfa#\x1b\xac+;\xa4\x13\xd1\xadC\xab\xbe\xdd\x92\x02\xc6t\xc9\xe1\xeb"\xd4\x08n\xdc7\x06\x86\x17\xa5F\xdb6hd\x0c~e\x15c\xc0\x11\xa0_o\xb0\x1b\x90\'\xf7M\x06\xa4\xad\xde\xcc\x80\x1ds\x87{\xaaC\x9c\xcfsq\xfb\xfc\xb5\x13\xcb\xea`\xd0\xf01\xb2S\xe6\xa5\x1d\x0b\rj3\x01\xd8\xfd\x97\xeb\xf1 \x7f\xfd\x80\x1a0\xa40I\x0f\x083W.o\x19\xbftd\xe9\xfc\xa1\x9d\x12\x9ct8\x81$\xc1U:&amp;\xfa}zt\xc6Y\x11\xf3\x06w\xf8\xf3\xfe\xc9\xf5S\xfao\x991\x98=6\x17=\x06\xa0\x0f\xc4\xdak\r.H\xba\xb2kQ\x9do\xcc\xb8\xfak%"\xce\xf9\xb3xD\x97\xbf\x1e\x9f\xe5\xef\x1c\xa0\x8f\x91\x1d3\xf9R\x9an\xaaU\x86\x0c\xdfG\xcfr\xdf90/\xc1\xc2a%\xdc\x0e\xca@\xab\xf0o]\xb2\xa1\xee\xb7\xa6\xb9vR\xd9\xefw\x8f\xd3\x9f\xf7\x17\x0e\xef\\\x9a\x1e\xf2\xe6\xc6A\x1fM\x00h\x11\xea\xf8\xe7\xfdS\xb3\x07\xb6ol\xae\x14c\xa7\xd1;\'"\xd5\xd3X[\x14:\xeb\x9b\x17U\x14\xe7=\xab\xbcHP\xe4dQE\x17\xee6X\x00\xc3GKB\xfe\xb7\x8b\x12zd5vQB\xf7\x8cP\xfe\xf60s\xe5\x07\xa77\x8f/m&amp;\xbe\xa0It\xd1\x0b\xb7Pi\xa8\x87e\xa3\xba\xb3\xe5\xfb\xd1\xd5\x93\xe7\r\xe9\xb8nr\x7f\xd9B\x0e5B\x018\xbcr"\x11\xcd\xe8\xdfV\x9a\xed&amp;\x0eNt\xfe\xd7\x9b\x87\x86\xb6M\xa1\xdf~$\xa2\x18;\x8d\xef^\x02\x97C\xcf\xac0"\xe2\x88d\xe2\xeb\tgE$\xbb\x19\xde:\xb4\x8a\t|\xf2\xcbx\x85\x98`h\xdb\x14\xc1\xfe\xdf\xa5\xe0;\xe4+:m\x0b\xcc\x1f\xda\xc9O\x07yrP\xdd\xf9\xf0P\xc7\xa9\r3*\x8a\xd3\xe8\xe3}\xfevi\x16\xa7\xab\n\\\x95\xabE\xef\xb8\x19e\xeb\xac\xa1\xd7\xf7/\xa7W\xd7\xcem\x99\xe3\xac\x84i}\xdb\xfcy\xff\x14{Wm\xa3=j+\x1d,#\xa1\xc1Y\x11c\xba\xe4X\x00;\xe7\x8d\x90\xb8\x83\x80\xda\x0bIR\xac\x8d\xcd\x94\xb8\x92!\x82d\x9d\x1ds+~\xbf{\\\xfc\xb4\x06\xc0\xcey\x15\xf9\xc1\xf6\xff1o\xcbM\x05\xad\xc2\x9c\xa3m\x1a\xe8\x00\xf4\xf7cA\x91\x16y\xf2\xb1\xe5G\xba\x8f\x99\x1d\xb0j\\o"zr~\xbbSu\x1e\x06\x8b\xd7\xd6\xf1\xd4\n\x80:\x90\xe9g1\xa28}QE\x97;G\xd6\xd8\xc9\xdcY\x00\xaf\x06\x88\xb1\xd5\x10\xe81t\xcf\x08}{\xeb\xf0\xc8\x8e\x99u\xbc\'\x00\x80\x11\xb0\xa4\xb2\xeb\xcey#\xe6\r\xee@_\x9e\xe6\x05\xd9\xb6\x08u\x9c\xda\xa7\xcd\xddc\xeb\xae\xec^\xcc\x1f\xcd\x94%\xb5\x0c=\xc0\x168\xbfu.g&amp;\xab\x03D\x1fg\x8alRV\x03y\xd6\x80v|\xb3\x98\xab@\xd9&amp;\xc2\x95\x88\xfezt\x96Q\xc1v/\xa8$\xa2\xe5\xa3{\xb0\xf9\xc4[\xb3j\x9d\x94\xdd\xd0j\xde\xe0\x0eD?\xb3\x82\x07\x19\xbe\xe6\xe2\x1dwj\x9f\xd6\x82l\xbbd\xdeT\xc4\xf4\xd0uj\xb3&lt;|vq\';V\xa0\x84\xea\xa7\x836\x91n\xcbG\xf7\xf8\xee9_\x0cL"\xff\x97\x1f\xf6\x11Q\x8d9\x96\x1c\xca[%0\x13\x81\xa5\x83p\xee HY\xd9H\\\xa5$8\xe9Hs\n\x88;\x94\xf8\x0b\x1dq/\x99\x06@\xefo\xb3;9\xbby6\xc7z\x0c5S\xcc\</t>
        </is>
      </c>
      <c r="E219" t="inlineStr">
        <is>
          <t>&lt;class 'numpy.ndarray'&gt;</t>
        </is>
      </c>
    </row>
    <row r="220">
      <c r="A220" s="1" t="n">
        <v>218</v>
      </c>
      <c r="B220" t="inlineStr">
        <is>
          <t>steps_per_sec</t>
        </is>
      </c>
      <c r="C220" t="n">
        <v>3200</v>
      </c>
      <c r="D220" t="inlineStr">
        <is>
          <t>3.355442</t>
        </is>
      </c>
      <c r="E220" t="inlineStr">
        <is>
          <t>&lt;class 'numpy.ndarray'&gt;</t>
        </is>
      </c>
    </row>
    <row r="221">
      <c r="A221" s="1" t="n">
        <v>219</v>
      </c>
      <c r="B221" t="inlineStr">
        <is>
          <t>Loss/object_center</t>
        </is>
      </c>
      <c r="C221" t="n">
        <v>3200</v>
      </c>
      <c r="D221" t="inlineStr">
        <is>
          <t>0.119918026</t>
        </is>
      </c>
      <c r="E221" t="inlineStr">
        <is>
          <t>&lt;class 'numpy.ndarray'&gt;</t>
        </is>
      </c>
    </row>
    <row r="222">
      <c r="A222" s="1" t="n">
        <v>220</v>
      </c>
      <c r="B222" t="inlineStr">
        <is>
          <t>Loss/box/scale</t>
        </is>
      </c>
      <c r="C222" t="n">
        <v>3200</v>
      </c>
      <c r="D222" t="inlineStr">
        <is>
          <t>0.054424524</t>
        </is>
      </c>
      <c r="E222" t="inlineStr">
        <is>
          <t>&lt;class 'numpy.ndarray'&gt;</t>
        </is>
      </c>
    </row>
    <row r="223">
      <c r="A223" s="1" t="n">
        <v>221</v>
      </c>
      <c r="B223" t="inlineStr">
        <is>
          <t>Loss/box/offset</t>
        </is>
      </c>
      <c r="C223" t="n">
        <v>3200</v>
      </c>
      <c r="D223" t="inlineStr">
        <is>
          <t>0.12794366</t>
        </is>
      </c>
      <c r="E223" t="inlineStr">
        <is>
          <t>&lt;class 'numpy.ndarray'&gt;</t>
        </is>
      </c>
    </row>
    <row r="224">
      <c r="A224" s="1" t="n">
        <v>222</v>
      </c>
      <c r="B224" t="inlineStr">
        <is>
          <t>Loss/total_loss</t>
        </is>
      </c>
      <c r="C224" t="n">
        <v>3200</v>
      </c>
      <c r="D224" t="inlineStr">
        <is>
          <t>0.3022862</t>
        </is>
      </c>
      <c r="E224" t="inlineStr">
        <is>
          <t>&lt;class 'numpy.ndarray'&gt;</t>
        </is>
      </c>
    </row>
    <row r="225">
      <c r="A225" s="1" t="n">
        <v>223</v>
      </c>
      <c r="B225" t="inlineStr">
        <is>
          <t>learning_rate</t>
        </is>
      </c>
      <c r="C225" t="n">
        <v>3200</v>
      </c>
      <c r="D225" t="inlineStr">
        <is>
          <t>0.001</t>
        </is>
      </c>
      <c r="E225" t="inlineStr">
        <is>
          <t>&lt;class 'numpy.ndarray'&gt;</t>
        </is>
      </c>
    </row>
    <row r="226">
      <c r="A226" s="1" t="n">
        <v>224</v>
      </c>
      <c r="B226" t="inlineStr">
        <is>
          <t>train_input_images</t>
        </is>
      </c>
      <c r="C226" t="n">
        <v>3200</v>
      </c>
      <c r="D226" t="inlineStr">
        <is>
          <t>[b'512' b'512'
 b'\x89PNG\r\n\x1a\n\x00\x00\x00\rIHDR\x00\x00\x02\x00\x00\x00\x02\x00\x08\x02\x00\x00\x00{\x1aC\xad\x00\x00 \x00IDATx\x9c\xec]u@\x15\xdb\xd7\xdd\x8a\xa2\x98\x98\x88\x88\xa2 "\x12*\x06\x82(\x12\n\n"b\x02\x8a\x08\x8a\x1d(\x08*6bc`+vwwwwww\xe73\xde\xfa\xfe8\xdcq\x98\xbas/\xf8~/\xbe\xf5\x87^\xe6\x9e\x999w\xe2\x9c}\xf6^{m\xa2\xff\xc7\xff\xe3\xff\xf1\xff\xf8\x7f\xfc?\xfeM\xe8\xda\xb0z\xb0\x8b\x95\xca\xc6xq\x1e\x00\x80\xd6\xb5m\xb8\x8d\x8bG\xf5\xc2\xf3sWv-2\xd1l\x99\x9e\xd0^\xed\x01\xbf\xdf\xf7\xb3+*\xf9\x95\xbf\x9d\t\x11m\x9e9,\x8b\xcc\xbe\xad\xdc\xca}\xbdw\xcc\xbd\x94\x91\xcas\x11\x91\x8fM\xc1\x1cD&gt;\xe5\n\xee\x9a?\x9a\x88\xb2\xaa\xdfS\x04c\xd1\x16ve\xc4--\x89\xf8?\xa1\xb0T\xcbRDs\x86v\xc9N\x94?\xfd\xbec\xba\xb7\xf0,\x93G\xb2\x03\xf9\x89&gt;\xde&lt;(\xd8\xc8\xfd\xa2\x99\x03\xa2\xd8\xedp)\x96u\xd1\xc8h\xb6\xf1\xcc\xe6T\x00#\xbb4\x05\xbe\x7f{p\xa2Q\xc5\xe2\xd9\x88t\xb8|\xe9\xd1\xc5\xbf:\xf7+\x8e\xae\x9e*\xf8Q\xe1u*\x94\x90\xdf\xf7\xfa\xbee\xfa\x9e\x96\x88\xa8\xb3_5\xe0y\x80\xa3);\xe9\xd1\xd5ST\xeeX\xbf|\xa1v\xde\x8ez\x9c\x11?\x1f\x8a\xefZ\x94O\xe5\xe5\xc9}\xf48\x9a2f\x0f\xee\xb8i\xc6\x90+\xbb\x17\xfb\xd8\x14$\xa2Z\xe69n\x1f^\xad~\xf77W\xf7\xcc\x1a\xd8\xc1\xad\x84aB\x1b\xdf\x82D\xe6D-\x9c\xcb\xf8\x94+\x90\x91.-\x1d\x13\xc3~~\xae\xf4\xdb\xd9\x83\xedl\x92\x05o.o\x995\x8c\xdb^\xde\x90\x1c\xf3\xeas"\xb7\x12\x86\xfa\xf7\xf2_\x80&gt;-=\xebY\x1bs\x7f\xe6\xe4}U\x80\xe8\xc6\xfe\xe5_\xef\x1d\xad\xa0\xf7+\x9baT-$1x\x15M\x1b\xd1\xfe\xc0\xcf\x87:\x1d\xcd1/\xd52\xcf!\xf9UQ\xa2%czO\x8a\r\xc3\x9b\xcb\n\x0fR\x95\x82d\x95\x95\xdc\xcc\x0c+\xe6\xd3\xe9\xcc4\xba[s\xddv *ED\xbc\x11V|\xc2y\x89\xdd$\'\x00\xd7\xe2\xd9\xf8\x7f\x96\xd6\\.nK\x11\xa2\x90\x9a\xd6\x93\xe3\xc2+\xe5\'k\x83t\xfb\x16\x91\xef\x0f7\xac\xabGR\xc7\xc6\x00\x12\xa3\x02WN\x88\x7fp|\xfd\xae\xf9\xa3\xeds\xcb6\xf6(-=\xf1\xf0\xc1=\x9f\x16D\x00\xdaz\xd8q_\xd9j\xbek_\xaf\x92`\xaf\xacRWO=\xda\xb8\xdb\xae\x1c\x1f\xbfu\xf6p"\n\xacd69.&lt;\x03\x07\xd3\x01^V\xf9f\x0f\xea\xc8\xdf\x92\x1c\x1d\x82\x0f7Z\xd6\xb0\xcc\xacSd\'"\xcd\x83t\xff\xf8:=\x8e`L4\xb4}\x00\x11%v\x08,NDD\x8d+\x95x}y7\x80\x91\x9d\x9b\x94 \x02\xd0\xb3qM]\x0f\xdb-\xc0\x19x\xfa\xf9\xf6aWS\x03\xc9\x06\x83#\xfc\xb7\xa5&amp;q\x7f\xbe\xbe\xbc\xfb\xdb\x83\xe3;\xe6\x8d\x94;\xe0\xc5\xed\xf3\xcbe\x93\xfb\xf2?\x8c\x19\x03\xa2\xb8\xcf\xf1\xc1^c\xba\xb7\xc8\xc7\xfb\n?\x1f\x01\x98?\xbc{\xa9\xf4{\x95 \xaaV\xf8/\xeb#\x89g\xa0\xf6u+\xd6,\x9e\xdd\xdb*\xbfN\xdd()\xff\xd5\xcc\x81\x1d\x00\xbc\xb8\xb0\xbd{\xa0\x0bg\x14W6\x96hi"\xb2\x1a\x0c\x89l\xa5\xa7\x15!\xfa\xb7\xaeW\\UC\xf2(\x9d\xe7\xf6\xa1U;\xe6\x8dd\xf3\xdf\xaa\x89}\xc5mZ8\x97\xd1i9\xc2\xe0ff\xd8\xd6\xd3^\xdc\xdf\x9c\x12m\xa5!yY\xe4\xc0\xbd\xff\xf8~\x1f\x00\x1b,\xc4hR\xa5\xe4\x88\xceM\x94/N=\xeb_Feec\x02\x9eq\x7f\x1a\x10q\xb7\xa44\x11\xe95\xe3*@\xe5]\xcbt\x84\xb8\x96-\x9f\x83\x04+V\x00\xe7\xb7\xcd\x13\xb4|rz3\xf7\xf9/{7\x01\x0chS\x9f\xcd\xb8\x85\x89\x9aT)IDe\x88n\x1d\\\t\xa0y\xf5\xd2Dtc\xffr\xc9}\xcb\x10\x1d_;m\xfd\x94\x81\xef\xae\xef\xe36\xee^0&amp;\xb4\xa65\xfbl\x9f\x9b\x04k\xf1\xf2\x190\xd6\xd9{TZ\xe6\xdb\xf0:\x15\x04[\xfe\xc2\xe1\xed\x7f\x81RD\xe2\x15\xda\xe2Q\xbd\xe2\x83\xbd\xb8?\x8b\x13\x01O&gt;\xdd:\x04\xe0\xe4\xfa\x19\xfc\x96\xbb\x17\x8cQ&gt;\xbe\xc0\xce3W\xd7\xab\xc6\x95\x15\x16\xf1\xbf\xd07\xb4\xee\x89u\xd3\xf1\xeabB\x98OM\xb3\xec\xca\x8d\xb3\x10\xcdK\xec\x96\x8b\xa8c\xfd*rm\xf2\x12==\xbb\x15\xc0\xb5=K*\xe5\xa7\t\xbd[\xb9\x97\xca\x95:\xb8\xd3\xbbk{\x81\xf7\xca\x96o\x01"\xbc\xba\xa8\xa6\xdb\xba\x02\x7f&gt;\xda\xbd`\xcc\xdb\xab{\x81o\x92\x96\xfe\xd7{G\xa7\xc4\xb7}yq\xa7\xfac\x8e\xeb\x11\xccV\x03\rl\x15l}ips\xc6\xda\x94\x04]\xf7%\xa2\xeaE\t\xdf\xef\x0f\x89l(\xf9\xad9\x91mNrP\\\x03L\x8a\rk\xe2\x94\xf6(-\x1c\xd1\x13\x80\xc2\x8c\xfe\xd7@`\xdb\xaa3\x03\x94P\xcf\xba\x80\xd8\xe2\x8d\x0er;\xb4"\x85\x88\x98\x93\xed\xf2\xaeE+\xc7\xc7\xf3\x1b\xcc\x19\xdae\xd7\x82\xd1I\x1d\x83\xeaX\xe4""\xbc\xbf\x9e\xe1\x8e\xa8\x02\x801\xdd[\x98ho\xf8\x0b\xfe\xf6&amp;\xec\xc6\xbd\xbb\xb67\xc2\xcb\x01\x00\xbe\xdf\xe7\xbe}yq\xe7\x98\xee-\xd2\x0e\xfe\xed^|\x88\x97\xcca\xd2a\xc3\xb4\xc1e\r\xa8\x0c\x91\x82k\xce\x9c\xa8R~\xb9/%\xd07\xd4[\x87\xd6\xff8\x98\x10\x85hfZnd\x9c\x97\xd8M\xd2\x0cl\xe1\\\xe61\xcf\xbe \xa2\xedsG\xd8\x19Q\x84\xa7\xbd\xc02\x9a\xd6\xbf]l\x8b:D\x14\xe4d\xce7\xdbGum\xe6j\xaa}\x01\xd6\xc1\xa7\xb2\xd66\xae\xc5\xb3\xb1\xc9|\xc3\xb4\xc1D\xe4kSP\xb2\x19\xf7P\xe6!\xda9oT\'\xbf\xaa\ta\xbeDT.\x1b\x15\x135\xb6\xcdIxz\x16\xf8\x0c\x80\r\x91u\xcb\xe6\x9f?\xbc;\x80uS\x06(?7\xa5\x88\x00\x8c\xeb\x19\xac\xd0Fooh\x1d\x8b\\\xa3\xba4=\xb6f\x9a\xe4\xb7s\x86v\xd9\xbd`\x0c\xbe\xddS\xbf\xb4-A\xf4\xf3\xf1\xe9?\xee\x1d\xd3\xa33\xf8\xf3\x11\xfb0\xa2s\x13\xf6\xc1\x98(:\xc8M\xe5\xee\x9ee\xf2\xec\x9c?\xcaL\xe6\xdbo\x0f\x8ewjP\xa5QE-\xa6\xb6!\xd1\xba)\x03=J\xe7a^\x0b\xfdL]\xf6\x88f\x1cFD\tm|\xd9\xcd-HT\x94\xa8v\xc9_\x0f}\xd3\xaa\xa5\xe4v\x94C\x01\xa2\x05I=\xb8\x11\x90\x8f2DQ&gt;\x95%\xaf\x1e{n\xb7\xccN\x04\x9e\x03\x1fJ\x12\xb5p.\xa3\xeb\xa9%Q\x94(\xc0\xd1T\xfa\x05#J\xe9\xd3\x06\xc0\x9d#kt=,sa\x15 j`[\xf8\xdc\x969Wv/\xe6\xbejW\xd7\xd1\xc5\xd4\xa0\x9e\xb5\xf1\xa6\x19C\xfe|r\xa6\xacT\xd0l\xfb\xdc\x11\xa4q^1t\xf0ur\xc8C\xc0\x87\xa4\x8eA\xbav\xe6\xbf\x0b\xb6\xbc*B\x94:\xb8\x13\xdb\xb2pDO\x95\xfb\x02\xb8\xb2{q\xf7@\x977W\xf7t\xf6\xab\x06\xbcd\xdb;\xfa:m\x9a1T\xe0"\xc8A\xe4ogrd\xd5d|\xbbwq\xc7\x82H/\x07\xc9\xfb\xaa\x06\x01\x8e\xa6]\x1b:\x03\x00&gt;p\x13\x98$\xcc\x89\x1aT(\x92\x9d(\x1f\x11\xbe\xdf\xbf{d\r^^\xe8\xd6\xa8\x86[\t\xc30w[q\xfb&amp;UJ\x02\x00\xbe\xd5/_\x88\xc5\xa8\xcd\x89\xeaX\xe4\xaac!\xef\xb4&amp;"\xa22D\x00V\x8e\x8f\x1f\xd6\xbe\xd1\x90H\x7fc=\x7fY\x1a\xac\xb2P\xbb\xba\x153v\x0c-\xe0\x0fR\x1c&lt;K\xe7\tp4U\xde\x11@bT\xa3i\xfd"\xd7M\x19\xe8l\x92\xc5\xa5\x98A\xdf\xd0\xba\n&gt;}1\xeaX\xe4\xceM4\xa8m\x03\xf1W\xd6\x06\x14XInv\x90\x86z*\x81\x00\xe2x\x80\x96U\xa4\x0c\x9e\x9d\xdb\xf6\xf5\xde\xd1\x86\xf6i\x16E\x19\xa2\xbd\x8b\xc6\rh\xe3\xcbo\xd3\xabI-\xf5\x07|~~\x1b\x00\xee}\xe4\xb0n\xca\xc0f\xd5,\x88\xa8V\t\xd9\x08\xd6\xfc\xe1\xddw/\x1c\x93\x10\xe6\xa3\xfetZQ\xb3x\xf6M3\x86\xcaE\xda\xc6\xf5\x0c\x06^\xf3\xb7L\x8ci\xad\xd3\xf1#\xbd\x1d\x9bV-\xc5_\xf5\x87\xb8\x96E\x1a&gt;\x008\xb4b\x92x/\xe0\xab`\x8bmN\xb5\xce\x03\xad\xd88}\xf0\xd7{G3\xe5P\xff\x0c\xb05#\x83\xd84\x96C\xcd\xe2\xd9\x07\x867 \xa2\xc0Jf\xa3\xbb6{zv\xeb\xb7\xfb\xc7\x0b\x10\xe1\xc5y\xf1\xf8\x95\x8b(\xd4\xcdz\xe7\xbcQ\x00&amp;\xf4ne\x95E\xbb\t&amp;\x17\x86\xdd\xbfd|g\xbfj\xec\x01Q\xb3\xa0\x9b\x12\xdf\xb6[\x803\x80M3\x86\x02\x88\x0b\xf6\x9a\xd4\xa7MR\xc7\xa0\xeaR&lt;\xa0-\xb3\x12\x97\x8d\x8b\xade\x9e\x83-VV$\xc7\x9d\xdc0\x13\x7f&gt;R\xbe,\xb9\x89\xa6\xf6\x8d8\xbc2\xe5\xfb\x83\x13[S\x87k\xef\x93"J\x13\x8d\xef\xd5J\xb0\x91\xef\x97\xcb\x14\x08f\x80Vn\xe5j\x9ae7#*B\x14\x17\xec\xc5\xc6\x1a1\n\x10\x8d\xec\xd2t\xf6\xe0N\xd3\xfa\xb73&amp;\x8a\xf0\xb2\xefX\xbf\x8a\xfa\xb9\xbcJAzp|\xfd\xb15S\x7f&gt;:\xa5\xdc2:\xc8m@x}"*H$\xdd\x15"":\xb2j\xb2\xdask\x83\xde\xd1A\xc1\x94\xb5l\\\xec\xb15S\xf58Nq\xa2\xcf\xb7\x0f\xf7\x08t\x05\xb0rB\xbc\xe0\xdb\xae\x01\xce\xbd\x9a\xa6M$\x92\xde\xd4\x11\x9d\x9a\xb0e\xe8\xb4~\x91z\x9c]o\xf0#\x88D\x14\xd3&lt;\xa3K\xab\x05I=\xd8\xdb}r\xc3L\x00\xb5K\xaa\x8fL\xa5CV\xa2\x9eA5s\x12\xf5\x08t\xd5i\xc7\xb1=Z\xf6nV\xbbnY]\xbcE\xff&amp;X\x88\xb64r4\x1d\x18^\xbf\x08Q\x80\x83\xa9\xb7U\xbe\x98\xe6\xee^\x96\x12\x94\x8a%czW/B\x00\xbe\xdc=\xb2\x7f\xc9xA\xb0\xa5z\x11\xea\xe0\xebT\xc3$\xab\xae\xe4\x19&gt;\xb2\x11-H\xea\xd1\xac\x9a\x05{D\x94\xad6\x16.Z3\xa9\xff\xd4\xbe\x11\x9bg\r#\xa2,Du\xcb\x1a\xff||z\xfe\xf0\xee\xe2\xf6\x05\x89\x92:\x05u\xf1\xaf\xde\xc2\xb9\xcc\x89\xf53\x96\'\xf7agI\x8c\nd\r&amp;\xc6\x86)3\xc6\xcah\x16U\xadj\x95S\x19\xf3\x10\xe3\xcb\xdd#\xe2\xcb\xdb=\xd0\xa5j\xa1t[\xf0\xe3\xc1\x9d#kfj^?\xad\xe6\x8f)\xd1\xb8\x9e!\x8bG\xf5RnV\x84h^b7/KU|\xba\xe3k\xa7\xa9\x0fAO\xe8\xdd*\xcd\xb0\xfbvO\xd9\x19h\xa0\x89\xd7\x01_6N\x1f\xdc\xbenE\xc9s\x14"\xea\xd3\xc2#\xb6E\x1d=\xdeT\x0b\xa2\x98f\xee,bID3\x07v\xe8\x19\xa43ME\x12\x13cZ?&lt;\xb1\xc1&gt;7U\xd71\xc2\x827\x97\x01L\x8a\r{zv\xeb\xe5\x9d\x0b%c!\xd3\xfb\xb7k\xebi\xc7\xf8\xc4\xc2\xdd\x01\x00\x9ee\xf2\xb0\xe7\x84\x9b\x94\xbb\x05\xd4\x98\x9f\xd4\xbd\x8eEn\xc9U/\x87\x11\x9d\x9b\xb0@W\xa3\x8a\xc5\xcfo\x9bwm\xefR\xc9\xd5\x989\x91\x11\xd1\xc5\xed\xf3\xcfnNe[\x06\x86\xd7\x97;\xa6~a\xf3S\x1bg\xed\x9c?\x8a}\xae^\x84\n)\xb7\x96G\xbb\xba\x15\x9f\x9d\xdb&amp;M\xf7V\r\xe64\xfe\x17B@\x13\xd4\x8aaQ\x8d\x8e\xac\x9a\x0c\x00\xf849\xbe\xad\x02+t\xd9\xb8\xd8\xa4NAxwUp\xe9\x03\x1c\x8ay[\xe5\xb7\x16\x9d\xb6\xb21\xb5\xaaeC\xa4\xdb\x0b\x13\xe5SY\xebO`4d\x9b\xec\xb4zb?~\x04U!h\\\xad0\xd5\xb7-\xecT\x80\xa6\xf4\x8d`\x8bq\xfe\xc0\xbal\xdc/\xfeu.\xa2\x8d\xd3\x87\xb4t\x91f\xe3]\xdd\xb3$\xba\x89[C\x07\xf5\x0b\xaa_\x00\x9e\x8a\xbd\xea\x13z\xb7\xeaX\xbfJ\xa7\x06U\xd9\x9f\xbe\xe5\x0b\xb1\x17\xfe\xc5\x85\x1dlK\xa5\xfc\xdaWo\xbb\x17\x8e\x010U\x9b\x85\xe8^\xd2\xe8w\xf0\xa2]\x8a\x19\xf0#7\x0cuJ\xe5\x92l|\xf7\xc8\x1a\x00\xc0\xe7\xf5S\x07&gt;?\xbf\xbdk\x80\xb3\xa0A+\xb7r\x93b\xc3\x80?\xe5H\x1d\np+a\xf8\xe3\xe1I\xe0q\r\x93\xb4qr\xe6\xc0\x0e\xba\x1fF\x1a\xf9\x89\x80\xf7\xb9\x89\xactqr\x9a\x12=&gt;\xbd\x19\x00&gt;\xdd\xc4\x97\xdb\x00\xf0A\xb7(.\xbb\xb6\xadk\xd9,\x1e\x9d6\xc7\xcf\x1c\xd8aBLk\xe0\xe7\xc7\x9b\x07\x01&lt;;\xb7M\xceF\xf0,\x93wJ|[\x8e"iA\xa4l\xff6\xaaX\xdc\x8c\xc7\xb9\x92\x84\xb3I\x16\x00\x1d|\x9d\xd8\x9fa\xee\xb6\x9aI\x1dq\xc1\x9e\xca?\xe4\x8e.)\x08r\xc8\\W\xd8\xff\x83\x88h\xe3\xf4\xc1]\x1b\n_E\x05p\xcb7\x7f\xbb\xa2\xb7\x0f\xadj`[\xf8\xf3\x9d\xc3r\x8d\xabh\xe6\xfa\x8c,\xbd$\t\xc3\x07\x97M\x94\xa4\xd0\x88!\x18M\x04\x144\xbe12\xb5o\x84B\xe0\xf7\xce\xe1\xd5\x03\xc3\xeb\xf3)\xea\xeaqx\xe5\xe4O\xb7\x0e\t6\x02hZ\xb5T\x95\x82\xd4\xc81\xcd\xaej^\xbd\xb4 \xf86+=a\x9c\xc1\xa3\xf4/\x0f}\x85\x9c\x04@\xabu\xaf\xeb\xe8/\x1e\x9d\x15 \xf0\xda)\x04I]\x8a\x19(\xcc\xa0e\r(\xca\xa727\xbe\xe8\x8a\xa7g\xb7\xea\x11\xba\xd4\x0ffDM\x9cJj%\xce\x82\x8fwWo\x1eX\xa1\xd3Y:5\xa8\x02`\xe6\xc0\x0exu\x913p\x16\x8f\xee\x05`\xc6\x80(\xbc\xbb\xbatL\x8cd\xf4\xe0\xc8\xaa)*\xdf\x0e]qj\xc3,\xees\xbb\xba\x8eH\x0f9\x03\x0e\x80\xd8\x87\xa6_\x86\xd7\xffCgp/\x9cg\x99&lt;l \xd0\xc3\xc2\x12#\xca\xa7\xd2\xc2\x11=\x9bV)\xb9dLoe\xbb=\x17\xd1\xfe\xa5\xe3w/\x1cC\xda\xcc\x10IL\xe8\xdd\xca\xc6\x90\x1c\xf3\xd2\xdbk{\xf5\xec\xab:L\xeb\x17\xb9&lt;9\xae\xach\xc2\xe9\x17Z\xd7\xbdT\xae\xb9\xc3\xba\xb6p.\xd3\xc5\xbf\xba\xc2\x11|\xca\x15\xb0Ko\xfef!2\'Z=\xa9\x1f\xa4\xb2\xde\xbc\xad\xf2\x17R\x1cm\xd5\xbc\xc6\x9bf\x0c\rr\xd2\xdb;E\x8c\xd6\xcd\xe0j\x9a\xcd\x82\x88\x88Z\xb9\x95\xd3\xfb\x80\x1c\xf2\x10\x01X=\xa9\x7f\xc6\x0f\xc5\xc7\xc0\xb6\r\xb8\x88\x14?V\xbddto\xe5\x1dcu\xf7e+\x10R\x01|\x7fpb\xc7\xdc\x11uy\x19\x97\xe26\x00\xf0\xfe\xda\x89\xf53\xf4\xe3\x8cqc\xeb\x94\xf8\xb6l\x8b}n2#\x9a5\xa8\xe3\xfb\xeb\xfb\x1e\x9e\xd8 \xdeebL\xd8\xfa\xa9\x83X\x02\xfc\xef\x06D\x90l\xf6\xe3\xd1I\xf6\xc1\x88\xa8]\xdd\xb4\x0cj\x9d\t\xcb\xe9aN\xa4=\xc3\x90\x07\xa7\x02D:\xfa$\xfe%\xf8\xf1\xf0$s\xef\x008\xbeV\x9az\xa8\x07VN\x88\x070\xbeW\xa8\x9a\xc6\xcb\xc6\xc6\xb6\xae]&gt;#\xa7\x1b\xd5\xb5\x99$y \x13\x91\x9b\x88/M\xc1P\x90h\xe1\x88\x9eq\xc1^\x8c\xff\xa7\xd5I\xd5-\xc0\xd9\xa9 9\x9b\xfcZiL\x8e\x0boT\xb1\xf8\xe5]\x8b\xf8\xcdVM\xe8\x0b\xc0\xa7\\A\xc7\xbc\xa4@\xeeSc$]\xd8&gt;\x7f\xf3\xcca\xe2\xed\x8c\xe7\x17\xe1\xe5\xa0\xb0o~\xa2)}#\x88\xe8\xda\xde\xa5KF\xf7&gt;\xbbe\xce\xad\x83+}\xcb\xeb\xe3\xa4]\x91\x1c\x87\xd7\x97\xf8\x8cO&amp;\xb1 9\x0eM\x8eo;!\xa6\xb5N\\#\x0e\xbd\x9a\xd4Z5\xa1\xaf\x16n\x13\x0f\xa5\x89\\M\xb3\xd56\xcf9\xbeW(\x17!P\xe9\xcb\x010\xbccc\xc9\xaf\x02\x1cM#&lt;\xedWM\xec\xfb\xf0\xe4F\xc9\x98fa\xa2G\'7\x0eh#\xebOg\xd0z\xad\xf3\x12]\xdb\xbb\x94\x7f\x8a.\xfe\xd5&gt;\xdc8\x00`\xd7\x02\x89\xc8\xc1\xc0\xf0\x06\x7fY\xb4\x93G\xefQ\x9a\x00*\x18Qi\xa2\xf6\xf5*\x1eZ1)\xb0bZ\x1c\x82\xcf\xf5-D\xd4\xba\x96\xf0\xd5\x93D\xe3\xca%X\xcb\xfe\xad}\x98\x13L\xeb.M\x9cJ\x12\x11\xbe\xdd\xbfy`E\xd7\x86\xce:M\x1b\xff*t\xf6\xab\xd6#\xd0\xb5A\x05\xd9IPN-G\x12Wv/\x06\xa0\x90\x87\x95\xb9\xc0\x87\xeb\xc9\xea&amp;\x9b\xcc\x82\x11\xd1\x92\xd1\xbd\x7f&gt;&gt;\x05|\x89m\xe1\xa1\xf7q\xbc\xad\xf2]\xda\xb1\x80\xffn\xf4jRk\xe3\xf4!\x00j\x14\xcb\x88\x8c\x90*,\x1d\x133\xaak3\xe9\xbc{\xa2\x91]\x9a2\xeb\x92\xbd\xbd\r\x1d\x8a\xb5\xaf[Q?\xee\xdd\xe2Q\xbd\x80\xd7|\x82G=\xeb\x02r\xe2\x06\x8bG\xf5*/\x93^\xa5S^\x8f\x1ap&gt;\xa5\xf8\x10\xef\xb3[\xe6\xf0\x06\xab\x1fZ\xf7e\xbe\x1b\x05\x91\x06\xc6^;\xbc2\xc5\xcf\xae\xe8\xfdc\xeb\x04\xee\xafC\xcb\x95L\x96\x92D\x00"\xbc\x1c\xd43e\x0b\x10U6\xa6\xa5ccOm\x98\xf9\xe4\xccf\xb9\xbc\xe8\x08O{\xc1\x169#\xa3Y5\x8b\x10\xd7\xb2\ng,H\x04@\xc1]3\xa4]C\xee\x82\xfe||Z\xae\x19k\xf0\xea\xd2\xaet[^\\xw}\x1f\x00\xbc\xbe\xa4F\x07\xe3\xcc\xa6T\xfe4\xb3-5I\xd9\x86\xa8Z\x98v-\x18=\xa8\xad\x1f\x11U\xccG)}\xda\xf8U("\xf7.\xfc\x1b`\xa1H\xa3\x1e\x10^\xbfS\x83\xaac\xba\xb5\xd0\xcb\xf0\x12\xc2.\x17\xbd\xbf\xbe?3\x8e\xa4\x04n\x94h\xebi\xcfq\x8d~G&lt;\xb3\r\x8fP\xd1/\xb4n\x8dbY\xc7\xf7\n\x9d5\xb0C\xc7\xfaU\xbe\xde;\x16\x17\xec\xd57\xb4.\xfb\x96?\x94/O\xee\xd3\xbd\x91\x0b\x80\x8d\xd3\x87(x\x84\x8f\xaf\x9b\xbeeV"\x7f\x0b\x00\xe0S&gt;]H\xbaD$\x96\n\x90Cv"_\x9bB\x95\x8diMJ\xc2\xfc\xe1\xdd\xf9\xb1n&gt;\xd8\x04\xf0\xe7\x93\xd3\x00\xb4\xe6\x81k\x85@\x80\xe8\xd0\x8aI\xdd\x1b\xb9T\x91\xcb8"""q\x8e\xd8\xb6\xf4\xa4\xdb \'s9\x02\xab\x1ad%\xf2\xb2\xcc\xebT\x90\x88\xa8U-\x9b\x15\xe3\xe3\x80/l\x10yse\x8f\xd6\xdd\x81w\x17\xb7\xcf\xb7V\x1c3~&gt;&gt;\xc5\x8d\x80Q*r\x1e9\xec]4\x0e@\x07\x9f\xca\x07\x97M&lt;\xbc2Ek{\xcepk\xe1\\\x86\x9dn\xdd\x94\x01\xfc\x06u\xcb\x1a\x9b\x11\x8d\xee\xd6\\`\x89\xcfHh\xdf\xae\xae\xe3\xc2\x11=\x9dD~\xa8Q]\x9bM\xea\xd3F\xe1\xa4\x95\xf2\xd3\x97;G\xf8[\xf8\x14s\x95\xe8\xd3\xd2\x83\xbbD\x9c(\xa1J\xf7\x11\x1f\ta\xbe\x9bf\x0c\xe1\x96\x0e\xb6\xa2\x95WLs\xf7\x1ci\x07\x7f\xc2f\x94\xa6UK\x9d\xda0+\xc8\xc9\xbcz\x11-\xf3\xf1?\x1e\xa5\x88\xde^\xddsW&amp;\x0e\xe6bj\x00\xbc\x05&gt;\xc74s\xcf\xe0\x89\xfe\xe2\xe0M\x9f\x16\x1e\xf1!^\xfb\x16\'\xbbK\xe5:1\xe4\xcdp\x9ed\xbb\xba\x8e\xf8xsZ\xffvDT)?\x1dX6\xa1~\xf9\xb4\'-;Q|\x88\xf7\xbbki\xda&amp;\xc0g\x8e\x97\x9d\x95\xa8_\xabz\xec\xf1U\x18\xca\xef\x1d]\x0b`\xcf\xc2_#\xec\xf69I3\x12\xda\x13\xd1\xb6\xd4\xa4~\xad\xeaI\xee%\xf0rX\x1b\xd0\xda\xc9\xb2j\r\x05\x88\x00\xf4i\xe9\x19\x1f\xec\x15\xeeQaFB{&amp;\x90\xe7T\x80b[x\x00\x90\xcc\x07\x9c3\xa43\xf0\x11\xc0\xba)\x03\xb5\xe6\xeb\xcaA\x92\x80e\x9b\x83\x98i\x9cA\xa7\xab\xc2\xee\xdb\xe7$\xc9\x7f)\x8br\xd9TEV\x88\xe8\xce\xe1\xd5;\xe7\x8d\xd2\xda\xcc\x88\xa8u-\x9b/w\x8e\xa8&lt;,i\x12\xdaK\x10\xe1\xe9\xd9\xa1\xed\x03\xf0\xecl\x1b\x91j\x8d\x02\xda\xd7\xab\x04\x80\xaf\xc6\x93G3\x9e\xde&gt;\xb4\nx\xb2FF\xd5\x83\xe3\xc5\x8a\xe5w\xd4\x1b"rY\xfa\n\x18\xd9\xb9\x89x\x88g[&gt;\xdf&gt;LD\x93b\xc3$\xddY\n\xd82;Q\xb8e\xd6\xb0\x94\xb8pF\xb7\xdb\xbdPh\xcd\x94T\x17Q\xfb\x07cT\xd7f\xecM\x96\xfc\xb6\x14\x11\x9e\x9e\xd1\x8f\xc5(@\xcf\xa0\x9a\xfcx\xda\xbc\xc4n\xa3\xba6\x93L#\xe0\x83\x9b6\x02+\x99\x8d\xec\xd2T\xfdB\xbf\x04\x91Uz\xe7TN\x91\x90\\\xf3\xea\xa5\xd7d,\xd8\xe8bj\x80\xb7W\xe4\x1e\x91\xfcD\x00ls\x90\x89T\xcc\xb6\x10\x91B$\x90\x88f\x0f\xee\xc4\x1e\xf7\x0f7\x0f\xb0-+\x92\xe3\xd8\xb9:\xfa:\xa9\xf7\xb8s\xdaMC\xdaIh\xef\x94\xcb\xc6\xa6y\x0cm\xd7\x90s\xa4\x14&amp;\x9a\xd0\xbb\xd5\xd6\xd9\xc3\xf1\xe5\xb6\x98\x9f\x13V\xbb\xfc\x89u3\xae\xed]*\xd8^L\x86\x80$\t\x7f{\xe9x\xa3\xf2\x94lF$\xa7P\xad\x12\xef\xae\xed\xf3\xb6\xca\x88\x1e\xa8\x16&lt;9\xb3\xa5\x82\x9e\x19K\xd2\x00\xd0\xd9\xafZ!"&gt;\xd3,\x1fQ\xf5"\xe4Q:w\xbfVu\xf5&gt;\xf2\xf8^\xa1\xe9\x8d\xe9\xef\xca\xed{4v\xdd\xbbh\x1c\xfb\x9c\x87hRl\xd8\xef\x1e\x1c{5\xa9%0h\x14\x0c\xff#\xab&amp;\xf3gw1\xd1\x9c\x88VO\xec\'\xd829.\xbcq\xe5\x12\n\x0c\x17s\xa2K;\x17\xaa\xee\xf2?\x10\x00\x04zR\xbaB\xbc\xaa""\xc1\x92\xcf\xcf\xae\xa8u6\x1a\x1c\xe1\xcfr\xc4\xc3j\x97_?5m\xd6\x91K\x98&lt;\xbc2\xe5\xde\xb1u\x96D!\xaee\x9f\x9d\xdb\n@\xd7\xfcr\x86\xfa\xe5\x0b\xc9Q\xfe\x05\xc9h\x85\x89:\xf8\xea\xb0\x1e\'\xa2\xa4NA\xdc\x00-\xc6\xd4\xbe\x11VY\xe8\xda\xde\xa5x~N\xa7\xc32\x0c\xef\xd8\x18\xc0\xd7{G\xad\xb2\xd0{\xe6\xf7\x04H\xa3\xc0\xc3\xa6\xe5.\xfe\xd5\xeb+\x06`\xd7NN\xc8Od\x93]\x8b-\x93\x95(\x07Q\x11\xa2\x08O{6\xd3(\xb4\x97\x1bA\xf1\xec\x1c\x005\x8ax\x13cZ\x8b\xa9\xc0\xe7\xb6\xce\x95|o9\xdc?\xbe\xdeB\xeb\xa1\x15\xb1b|\\\xc6\x0e\xf0\x97\xa2n\xd9\xfc\xbf\xc6\xe7\x1f\x0f$\xdb\xe8lZk\xf6\xd2\xe4X\xc0\xafB\x11\x9d\xb476\xcf\x1c\xb6xT/#\xa2\xf5S\x07\t\xbe\xe2\xe8a\x19\t\xca(\xc4\x08+\x1b\xa7\xcd\x01\x821\xc7\x8c\x08\x80\x1aun~\xf6\t\x11\x95\x94\x97\xb3\xf4\xb2\xcc{d\xd5d\xb6r\xd2O \xe4_\x88\xacD\x9d\xfd\xaaq\x97\xc3\xa3t\x1e;#\xb2\xcdA,\xed\xf0\xf4\xc6\xd9\xb1-&lt;\xfa\xb4\x94\x08~r\xef\xb5\x1c\xd1\xcc_T\x9be\xc3\xb4\xc1}C\xeb\x16!\xb2\xcdI\x03\xda\xf8\xb6R\x17\xf1\xff\x8b\xe1oW\x94\x93?\x12c\xff\xd2\xf1,]Y\x0f\x19t\x01|\xcb\x17\xc2\x97\xdb\xf7\x8e\xae\ru\xb3\x06\xd0\xb5\xa1\xf3\xcc\x01Q-]\xac\xd8\xfbp~\xeb&lt;e1\xd4N\r\xaar\x03\xba\x1c\xfd3?\xd1\x86i\x83\x8f\xae\x9eR\x92H2G\xb7\xa1C1\xadl`\xd7\xe2\xd9\xceo\x9d+\xd8\x18\xe1\xe5 &amp;\x89\x02O\x04[\x86\xb6k\xa80\xeb\x048\x14\xd3\x89q \tc\xa9\x8d\x95\x8d\t\x9fo\xa9?H\xc7\xfaU\xe4\xa4x$\x0f\xce08\xd2\xff\xf0\xca\xc9\x02f\x972\xc2\xebT\x00\xc0\xa8\x13{\x17\x8fS\xbf\xa3$\x04\xc1\xcf\x862\x8b0\x06\xb9\x10Ft\x90[ec\xe2\x17\x0e\x81\x94\xb42\x00\xfb\xdc$\x17\xb4\x97\x83\x11\x11\x80\xdd\x0b\xc7\xf0W6\\\xda#\x11\x15\xd2,\x02\xf823\xc0\x1f\x11\x9e\xf6\xc0\x0b\xb1Tbt\x90\x9b\x80\xc8\xcb\xf7\x9d\xb6\xaca\xd9\xa7\x85\x07)\x16&amp;\x8a\x0f\xf1\x02pv\xf3\x1c\xdd~\xc9\xbf\x12q\xc1\x9e\x00\xba5\xaa1\xa0M}\x003\x07D\x01\x1f\xf9\r\x18avFB{]\xb3W$\xc1\xcc\xcc\xca\x05\xa8[@\x8d9C\xbb(\xdb\x86\x19\x87J\x1d\x7fe$G\x87\x00\xef\xf8~\x8c\xfcDxu\x89\xa3\x12\xea\n\x01e6\x1f\xd1\xd2\xb11\xc0\xfb\xc2Ds\x87v\x89nR\x0b@\x03\xdb\xc2D\x84\x17\x17$U\'\x8b\x12\x19\x13\xd5\xb3.\x00\x80e\xba\xba\x14\xd3\x87\xd4\xc0\xa4\xf7N\xae\x9f\x89\x97\x17"&lt;\xedW\x8c\x8fW\xe3\x86r\xccKe\xb3\x12\xf0\x04_\xef\x08xB_\xef\x1d\x15K6n\x9c&gt;\x98\xb4\xc11/-\x97\tP\xeb\x87-\xb3\x13\xbb\x07\xba\xa8l\xdc\xba\x96M|\x88W\xa8\x8a\xa4\x07\xbf\nE\xa6\'\xb4\x9f\xde\xbf]\xb3j\x16L\xa7\x13\xcf\xcf\xe9Tvj\xc9\xe8\xde\xab&amp;\xf6\xfb\xeb9\x88e\x88\xe4\xd6\xacU\xd2\xdf\xf5\xacD\x00\xde]\xdf\'\xc8Z\x7f\xc2\xf2\x99\xdf^\xd1z.\xe0+\xbb"L\xd6\x1b\xc0\x1f\xf7\x8f\xf7o\xed\x13\xecbuxe\x8a\x80J\x94\x85\x88\xe53\xb3\xb7\xb5I\x95\x92\xc03hjKx[\xe5\xe3\xab\xf9Gx9\x00\x9f\x81?%\xad\x8a\xd5\x13\xfbYh\xed\\Z\x0f\xff\xf8\x97G\x02\xf8P\x98\xb47N\x1b\x0c`P\xdb\x06\x9ee\xf2\xb2[\xb5ll\xacdKq\xeaD\xb5\xc2tz\xd3l\xf5\xdd\xe8\xe0\xebd\xf3;\xd7]\xc1\xaee\x8b\x11\x955\xa0Y\x83:N\xed\x1b\xd1\xac\x9a\xc5\xe4\xb8\xf0\x0cN1\x0ey\x08x\r\xe0\xc7\xa3\x93\xcar\xf6\xea!\xb6\xebg\r\xea\x08\x80O\xd5\xcfO\x14\xe0`zz\xe3,\x9frB\x7f\x00+n\xc3\xe1\xd4\xc6Y\xa4\x17\x8ahj:r`U\xb1\xb4b\xff\x92\xf1\xb5\xccs\xee_:\x1e\xf86gh\x17~\x0f\x8f\xac\x9a,\xae+\xa9\x12Z\xf5J\xd5\xa3\x91\xa3)\x00\x95\xb3\x7f1"C\xa2\xaa\xda\xa4\xa7\x8b\x11\xfdxtr\xef\xa2q\xa3\xbb5\x8fmQ\x87\x8d\x92\x0b\x92z\xa8\xaf\x1f\xc9\xb0xT/\x00\x02\x1a\x8e\x11\x91\xe5o\xabK3\xaeg\xc8\xfe\xa5\xe3\xd9g\x95\xc4\xbf\xbcD\xe3z\x06\xd7,\xfe\xebAmS\'M\xef\xc1N\x9e\xfbS\x94\xe8\xf4\xc6Y\xa15\xad\x010\x1d\xa1\xaf\xf7\x8e\xb1\xbd\x1e\x9cX\xdf\xd2\xc5\x8a\x85(8\x1a\x05\x07\x81\x8f\xf1\xc7\xa3\x93\x9c\xbbR\xa0\x9dW0m\xb9\xf0\x95}\xeb\xc2+(\xd6#\xd0U\xa7\xd1\xa5\xaa&gt;Y.\xffLp\x02L\x92\xe0\xd3\xbdY\xb17A\x83I\xb1a\xb9\x89\xb2\xa6\xa7\xf7\xd9\x19Q`\xc5\xe2o\xaf\xee\xd1\xaa?\xc3aP[\xbf\xdeMk\xab\xed\xb4\x8e`/$\xde^a\xd6D|\x88\xfe\x05\x1f\xf2\x13\xa5\xf4isu\xcf\x12\xb6\x10\xc6\xd7;\xca\xde\xf3L\x01\x9e\x9d\xe5\xff\x19\xeeQ\xe1\xfb\xc3\x13\xc7\xd7N\x8bn"\xd4\x0e\xea\x1a\xc0\x14\xb3\xd1\xd1\xd7Io\xbd\x04"\xaaR\x88\xf0\xfc&lt;\x7f\x02P\x0e&lt;0\xd8\xe6$\x00\x1a\xca\xd3\xfb9C\xbb\xf0\xbfm\xe2d\xae2%PoX(~\xfb\xf0\xe4FK"o\xab|\xb3\x07u\x14\xf3\x1c*\xe5\'\x00\x8c\xce\x1fR3\x8d\xf6.)\xa0-@A\xa2\xfdK\xc6\xb3\xab\xf4\xe5\xee\x11_\x9b\x82\xe1\x1ev\x00R\x14\xa9\x93\x92`\xa1/\xe3\xf4\x1b\xab\x14\xa4\xf9\xc3\xbbsR?\x7f\x13Dx\t\xd3\x08\x94\x81\x17\xe7\x7f&lt;&lt;\xd9\xbb\x99;\x80]\x0bF\x1fY5\xf9\xfd\xf5\xfdw\x8f\xac\x19\x1c\xe9\xaf\xb0\\n^\xbd4\xf7\xd8\xe5\'j\x9c&gt;t\xf1;\xca\x9fe\x9a\xa1\xf1\xef\x83{I#\x00r*.\x02\xf5\xfc\xd9\x83;E\xd5\xabdm@\xc1.V\x99#\xd7MDD&amp;D\x85\x89j\x9b\xab%^\x94&amp;Z0\xa2\xc7\xb8\x9e\xc1o\xaf\xee\xe5\xc6\xb2\x8ct \xba\x89\x1bgel\x99\x95\xc8\x0ex\xef\xe8Z]\x8f\xf3\xee\xda\xbeG\'7\xaao\xcfO\x063I\xe3q\x7f\x117kV\xcd\x82\xf5\xaa\x98\x8cDA=\xeb\x02\xcc\x13\xac\xd55\x11\x17\xec\x99&amp;O\x86\xa7\xea\xe9\xffE\x89\xeaY\x17\xe8\xe0\xeb\x14\x98\x9e0\xea\x98\x976N\x1f\x0c\xbcPy\x9cL\xc7\xda\x94\x04v\xb3\n\x10-\x1d\x13\x93\x10\xe63\xb6G\xcb\xcc:8\xf3\xda\x03X\x93\xd2\xbf\\v\xca\xa1o\x810\xfcx\x00\x80yA~k\xa6\xee\xbc\xc4n\xdb\xe7$\xa9\xa9\xde\x1e\xe0PLr\x01$\xce\xc5kho\x12\xe0h*N#``\xd7\xe7\xdb\x83\xe3\x00\xe6\r\xeb\xca\xfe\xbc\xb2{\xf1\xac\x81\x1d\xca\x1b\xa6y\x02\x8b\x139\xe6\xa5\xa6UK\xcdK\xec\xc6\xf6:\xbc2\x05\xc0\xfdc\xfa\x94,\xd6\x15\x992&gt;\xfcc\xa0k\x9eTI\xa2\xa4NA\xc0g\xbc8/\xd9`\xe9\xd8\x98j&lt;GP\x07_\xa7\xf8\x10\xaf\xe2\x9aicd\xe7\xa6\xe2]\xf2\x93\xb0\xe4\xa9V\xacH\x8es)f\x80\x1f\x0f\x80\xf7\xf9\x88\xb6icy\xb3\xca\xd4\xd7\xf7-\xbb\xb1\x7f9\x80s[\xe6\x08L?3\xa2\xae\x01\xce\x91\xde\x8e\x16\xe9\xb7\xdb\xe6d\xce\xf7\x8f\x82r\xd2\x0b\x92\xba\x03\xc0\xbbk\x00R\x87t\xf6\xb77Q\xc9a\xcfOT1\x1f\xb5\xf5\xb4\xe7z\xf5\\\x94\xa1\xae\xd2\xa0\t\xadi\xbda\xda`\xc9\'\xd5\xc6\x90T&gt;\xc4Z-\x9dms\x92\xd2\x16\x13\xf5\x9d\xf8Z@\x1cJ\xc8W)\x11ch\xfb\x00\xfd\x12\x9a\xad\xb2\xd2\x8fG\xa7\xb4\xfe"\xadyG\x9bg\x0es\xc8C|\x1epf\xc4\x80\xa4\x91\xd4)H?9bFza\xd1\xda-\xb3\x12\xab\x15\xa1\xa9}#$\xcb\x84\x11\x11\xf0B\xef\xd1*\xd4\xcd:\xdc\xc3N\x8d\xa2w\xeff\xb5\xd9Y2RwebLk\x00\xc0\xc7\xa5cb\x00\x84\xba\x95\x1b\x18^?!\xccwD\xa7&amp;\x02\xf5\x173\x8d\x0b\x9e\xc5\xb7&gt;\xde:\xa8&lt;.g!\xe2\x14\x90\xd4#;\xd1\xf2\xe4t\xf4\xb0\x03\xcb&amp;\x90j\xf1\x8f\x7f\x03\xe4\x1eP\x1bC\xba\xbag\x89x{q\xa2\xab{\x96lM\x1d.\x97\x91\x94\x1c\x1d\xc2\xff\xb3M\x1d\xdb\xa1\xed\x02\x98\x86%\xbb\x7f+\x92\xe3\xf8\xf4\xd3\xbe\xa1\xde^\x96\xf9\xc4\xaaj\n(N\x94\xd2\xa7M\x1e\xa2\xf9\xc3\xbb\x03\xaf\xcae\xa7&gt;-=\x94\x1d\x13\xe3z\x86\xe0\xddU\x00\xcb\xc7\xf5\x01\xde\n\x82\xd5U\nR\x84\x97\x03\xbe\xde\xbd\xbagI\xb3j\x16\xac\xcc\x881Q\xb8G\x85\xdd\x0b\xc7\xbc\xbd\xba\x87\xff\xe41\x1fWx\x9d\nKF\xf7~qa\x07\xbe\xde\xd1\xa1\xebD\xf8|\x8bS\x0b\xb0\x90\xaa\xddj\x9cv\xa1\x9e\xca\x1d\xa1\x10Q\'\xbf\xaa\xa6D\x8bFFwo\xe4\x12V\xbb|\xeb\xda6\xe2\x81O\xe1m\x91\x1c\xf2\x98\xef\xd5RD\xb8\xa9lL\xf5m\x95\xa6\xa4\x10\xd7\xb2\xc3\xda7Rh\xa0\x15\rD\xc7\xe7.Q:B$\x0f\x8fOm\x02\xf0\xf6\xea^\xb9cNOhO\xf2\xbcU&gt;\x98\xc0m\x05#\x8a\xf4V\x92B\xd2\x03\n\xaep\xadH\x8cj\xc4\xd5Zq\xc8C\xfdZ\xd5\x93t\xe5\xcd\x19\xda\x05\x00\xf0^W\x81w\xd6=\x95\xab\x1f3\xa2i\xfd\xdbujP\xc5\x9c\x88\xd3\xd0\xe6\x9c\xe9&amp;D\xfd[\xfbL\xef\xdfNr_\xbf\nE8E\x19\xe0\x13\xbb}\xcd\xaaY\xb0|\x1d\xf6\x88\x0eh\xe3\xbbfR\x7f~\x1e8K\xc1\xe3\x9e\xe1\x9cD\xa9C:\xe3\xfb}\xb9G\xba\x83\xafS\x98\xbb-\xcb\x99\x18\x12\xe9\xaf \xc8\xc1\x878\xcc\xcb\x9f\x0b\x8d\xd5\x1c\xe2\xdf\x8a\\DxuI\x90\xdbR\xad\x08\x05V2k\\\xb9D\x17\xff\xeauJ\xe5\xe2V\x0f\xbb\x16\x8c~p|\xbd\x9c\x82[\xb8F\x159!\xcc7\xed\x96\xbe\xbe\xac\xb5\x03\xcb\xc7\xf5\x91\x9c\x9cz7s\xef\xda\xd0\x19x\xc3\xfe\xaci\x96=&gt;\xd8Kk\t7v\xda]\xf3G3^&lt;\x00.\x15\xe0\xf3\x9d\xc3\x7f\xdc?\xd6\xb4j)\x00\x11^\xf6\xfevE\x7f&gt;&gt;U\x86\xe8\xd0\x8aIg\xb7\xccY\x90\xd4\x03\xcf\xce\xb2\x88\x93\xa0\xf8\x89C\x1e\x1d\x04\x91\x9aW/\xcd\x9c-g6\xcd\x16\x17\xfc\xe2\xc3\x8c\xe8\xe2\x8e\x05\xab\'\xf5\xd7zp\x00)}\xda\xb4t\xb1\xda\xb5`\xb4\xf8M\xe6\xd2\xc7\x04\xf0\xb6\xca\xff\xf3\xf1\xa9\x0b"\xa1\x08vY\x042\x99~\xf2bP\x1c\n\x11\xc5\x05{\xee\x9c?Jo\xe1\x94{G\xd7\xce\x1d\xd6\x95x\xcb\x91,D\x1d\xebW\x91\x1c\xfa%\xc1Y\xf4\xc5\x88\x8c\x89\x9aU\xb3\xd0\x95\xdc\x15\xe9\xed8k`\x07\x95\x03\xc7_\x801\xdd[\x08(\xb9L\xf7B0\xa9\xb0\xb8\xeb\xe3S\x9bt\x8aV\x8e\xe8\xdc\x04@\xebZ6\xeaIPb!\x1dn\x03{\xa5\x05\xdf\xf2\xdd\xb3\xf8p\xbd\x85s\x99uS\x06\xb2\x9b\xb5oI\xb2\x80-rx\xe5d\x00k\'\x0f\xe0\x13\xd5\xf8\x13\x00\xa5\xaf\xbc\xf6\xfd\xe1\t\xfe\xe0\xc0\x95\x08\xbc}hU^\xa2\xb5\x93\x07\xec_2^\xcd\x8fb{\xc9\xb9\xd8\n\xf3\x04\xed\xff\x8bX\x9b\x92\xe0 \xba\xeb\x07\x97O\xc2\xdb+?\x1e\x9d\x9c3\xa4\xf3\x9eEc\xd9\xc6\x05I=\xe4T%\xc4hY\xc3\xb2\x91\xa3\xa9\xde\x12C\xd7\xf7-#"~AGS"{)S\xab\x14\x8f\xd4&lt;k`\x07\x00l\xed\xca\xfc6\\3V\xe8f\xe5\x84\xbe\x00\xfa\xb4\xf0\xa8V\x98.\xeeX\xb06%\xe1\xe2\x8e\x05Q&gt;\x95_\\\xd8\x01\xe0\xf0\xca\xc9\xc3\xda\x07\xa8\xaf~\xc5\xc7\xa2\x91\xd1\xee\xa5\x8cn\xec_\xfe\xfe\xfa&gt;\xd2\xf0\x9d\x15\xda7\xabf\x01\xbc\x05\xd0\xa8b\xf1\xcd3\x87*\xb4\x9c\x14\x1b\xd6\xabi-Vik\xc5\xf8x\xc1\x12\xb88\x11\xab\xda\x11\x9a\xberrLsw\xbc\xb9\x82\xe7\xe79\xb5jv\x95\xf8N\xdb\x9cDu,r\xdb\xe6\xa4U\x13\xfaN\xed\x17\x99\xd73\x19\xb0\x00\x00 \x00IDAT\x910\xb2\x1a\xf4jZ\x8bO\xd5 "s\xa2&amp;N%\x05\xa3\xfc\xb7\x07\'\xee\x1c^\xcd\xc9\xcb\x9c\xde8\x8b\xff\xed\xfe\xa5\x13\x88\xc8\xb9h\x96a\xed\x03.l\x9fo\xa3\xa3s\xb3u-\x9b\xf7\xd7\xf7\xcf\xe4\x158\\&gt;\xaeObT\xa3\xee\x8d\x94\x86H/\xcb\xbc\xfa\x11E^]\xda\xc5\xc6\x9d\\D\xd3\xfaE\x8a\xa3YY\x88\n\xa7w\xd0\x05\xbbX1\x0b\xba\xadH\xbeMW\x98\xf0\xd6Xj`F\xd4\xbd\x91\x8b\xc0"a\xa4g\xe6\xd5\x91T\x9a\xe3\x82?\\\x8c\xa1u-\x9b\xf7\xd7\xf79\x17\xcd\xf2\xf9\xf6a\x8e\xe6/\x18\xe8-\x88H#\x81\x0e`T\xd7f\xe2#\x03\xaf\x97\x8e\x89\xe1o\x89\xf2\xa9&lt;!\xa6u|\xb0\x17\xebd\xa7\x06\xaat\'\xf1\xc7]h\xe8\xd4\x0c\xbf1Y\xfc\x1f\x04\xb6\x14[8\xa2\xa7\xa4\x1a\xe8\xd5\xdd\x8b\x01\xcc\x16\xd5\xadf\xc8,\rm\xf5\x0bZ\xb9\xb4\x96\x02&lt;g\xfa\xb15\xd3\x00p\x9a\x10\x9cX\x1b\x11\rj\xdb\x00i\xba(\xe8\xda\xd0\xb9\x7f\xebzs5\xb1)\x0e\xee%\x8d\xca\x1aH\x18A\n(\x93\xe6\x9c\xfd\x84\xcf\xb7\x00\xe0\xe9\x19\x00\xac*\x96r\x02vM\xb3\xec\xfc\xf7A+*\xe6#\x00\xf1\xc1^r\x82eL}\x81\xaf\xe8bADD\x1c\x9f\xc7&gt;71\xeam\x11"\x1f\x9b\x82\x17\xb6\xcf_2\xba7\x80\xbd\x8b\xc7\xb1_\xac\xf7[1\xbeW\xa8\xc0%\xa8\xb5\x164\x03\xcb\x84\xe2C.\x89\x81M\x96\x82+\xf6\xf3\xf1\xa9U\x13\xfa\x1aK\xb5/C\xe4R\xcc@r\xd0\xc6\x87\xeb\xeby\xe2(\x89\x1d\x02\x03+\x16\xff\xfe\xf0Dpz\tL/\x9e\xa4\xc4\xf4\x84\xf6\x00\xda(V[\x14\xa0hZ\xb7\x11V\xbb|ecj\xe8P\x8cu\x9e?\xd6\x17 \xa1\x03\xd6\xb7|\xa1\x9e\x8dk\xfeq\xef\x98\xfa\x131(\x94\xdcQY\xdc\xe9\xe1\xc9\x8d\xac\x87\xdbR\x87\xf3\x7f\xa9\x8d!\xcb2\xf9.\xf7\xac\xf23\xb98\x88\x1b\x0b4@v/\x18\xd37\xb4n\xaf&amp;\xb5\xe2\xd2\xd7\xc1\x16H\xbc\x88\'xVL\xa2\x8c\xbc\x9a\xa9\x18\x0f\x8e\xafg?mRl\xd8o`\x12\xfd3Q\xb3xv\x00U\nR+\xb7rr\xbe\xdd\x12\x19\xd6f\x11#Oz\xe9\xa8Z%r\xc8\xcd1\x0c\xc7\xd6Lk\xe7\xedH\xbc\x81\x8c\x0f\xf6\xb8x\x94\xce\xc3R\x16\xac\xb2\x10D&gt;\x1c\x0e\xe1\x1e\x15\x1e\x9e\xdc\x80wW\x89\x88\x11{\xf8\xd0Us\xb8\xbc!\xb5\xaca\xc9E\x0e\x18^]\xda\xf5\xf2\xe2\xce\x0e\xbeN\x006\x882\xe9\x05X;9A.\xc6\xae\x1f\xbc,\xf3\xf2\xcb\x00\xc8Q\xa1\x87\xb5o\xf4\xfe\xfa~\xe0\xfb\xcey\xa3X\xb7u\xaak(F\x80\x8c\x9c\x94r\x8d\xfb!\x91\r\x05\xb7@\x1c$\xe0\x83k\xf6\xfdaZ-\x11Sy\xb9r\xa670\xb2\x8b\x04\x19aD\xa7 \xc9\xb1\xec\xe2\x8e\x05\xfc?\xf9\xf5\x1b\x86D6\x04\xde\\\xdc\xb1`T\x17\tCU\x12nf\x86\xcc\x0f\xc9U\xb4O\xe9\xd3\x06\xe9\xa3/\xcc\x08\xe0+\x9b6\xaf^Z\xcdc\xd8\xd6\xd3\xfe\xd3\xadC\x8c\xae\xc3\xd6\x14\xf3\x12\xbb\xca\x89 \xa9\xccMk^\xbd4w\x17\xf8\x0b\xfd\xa2D\x1b\xa7\x0f\xc6\xabKZ\x8b\x9d\xe9\x84\xd0\x9a\xd6\xa15\xad;\xfb\xa5\x9b&lt;\x8c\x89b\x9a\xb9\xb7\xafWI\xeb\xee&gt;\xe5\n\x9c\xdf6O\rY\x99\x88\xfc\xec\x8ar\x0f\xcf\x1f\xf7\x8e\x89g\x0e\xfd\x16\xfd\xffl\x0ck\xdf\x08@L3\xf7r\xd9i\xc3\xb4Az\x1f\xa7(Q\xf7F.\x92zA\x92\xc0\x9f\x8f\xf0\xf6*3\xfc\xe3C\xbc\x01(\x04B\x89\xe8\xce\xe1\xd5\xecu5\xe6m\x0cq-[\xad0\xb5\xae]\x9e\x15\xcb}tj\x13\xfe|$\xb9;{\'z6\xae9%\xbe\xad\xabi\xb6\xa1\xed\x03X2a!\xa2\xef\x0f\xd3rL\x96\x8d\x8d\xd5A*E\x83\x1a\xc5\xb2\xe2\xe3\r\xc6\xcd\xe0\xb0tL\x8cs\xd1,\x83#\xfd\x01\\\xd9\xb5\xa8\xbemaw\x99r\xb8Dt|\xed4\x00\x9bg\x0e=\xb7unE\x1d\xcdoq\xe0\xd1\x88H=oc`\xdb\x06\xb7\x0f\xadJ\xe9\xd3f[j\xd2\xbe%\xc9\xe2\x06\x93\xfa\xb4\x91\x8b\xffKBn\xd8\x9a3\xa4\xb3\xdc.\xfc\xeb\xb6\x7f\xc9x~UK\xad\xbb\xf0\x874o\xab|a\xb5\xcb\xa7\xa4\x17\x8aQ\xf0\xbf\x15V\xa7\x01\x89\x1f\x0f\x06\x867`\x9f7\xcf\x1c\x06|\xb0\xca";\xa7r\xf0)W\xb0j!\nv\xb1b\xc4y\xce\xff\xe6\xcd\xa2\xdc\xef\xae\xf2\x1b\xe7$\x02\xa0\x87\xfb91*P\xe0L\xbb\xb6wi\xff\xd6\xf52\xcej\x17[\x02\xb5K\xe6dke\xce\x1b\x93)\xe5\x19j\x99\xe7`\xb7\x92\xbf\x91e\xed\x01`V\xa7\xb2\x9b\x81\xf9xU\xaa{\x19k\x1e\x1e\xee\xbd\xf1,\x93\x87\x9b\t\xba\x05\xd4\xd0\xa1\xeb\xff\x0e\x14\xd5Qw\x9e\x8f\x8c8\x8b\x81\xaf\xc0Gv\xe97L\x1b\x04\x00O\xcf\x88\x9b\xb1\xc1\x809s\xf8\xf3|\x19\xa2)\xf1m\xf1\xee*\xf0\x84\xddQg\x93,\ta\xbeD\xe4ff\xc8i\xdb2\x8c\xee\xda\x1cx\xceq\x12\x96\x8d\x8d\xcd\x08aC\x8c/w\x8f\xb0#\xbf\xbb\xb6\x0f@)\x8d\x1b4XS\x14\xe9\xa16\xee\xff\xe5]\x8b:\xd6\xd7\xe7b\xb6\xaae\xe3k\x93\xce\xfci\xeb\xa9[ib\xe6\xba\xad^D\x9a"r\xff\xd8:\x95\x1a\x82\xe6D\xbd\x9b\xe9\x9c\xd3\'\xb0\xfdw\xcc\x1b\xc9}\xa50\x8aqej\xc24&gt;\n#\xa27W\xf6x\x96\xc9\x03 \x83\xea\xdf\x1c\x06\x867\xa8lLx\x7f\r\xaf.\t4\x8e\x9cM\xb2\x9c\\?Sa_\xe05\xbe\xdd\xe3\xa7\xec}\xb8q\x80\x88*\xe5\'\xae\xf4\x1e\xbf\x97z,\xbdr\x10\x89\x8b^IJ\xcf\xaaI\'\xbe\xbeo\x99\x8b\xa9\x81\x1c\x0b\xa0\x88\xe6N\xe5\xd4\x90\xca,\x89$%I\x18\xca\xa9N\xc0]:6\x06x%xaK\x13\x01\xafCkZ{\x94\xce\xbd}\xce\x08N\xdaoL\xf7\x16\x00\xa6\xf7o\xc7\x9f0z7\xab\xbda\xea \xf5\xd3gN"\xfb\xdc\xe4\x98\x97:\xfbU+Itxe\xca\xa4&gt;m\n\x11uo\xf4\xdf\x1b\xfd\x07\x86\xd7?\xa3\x8br\x83\x00z\n\xdf\x10\x11Q\x0b\xe72\xfc\xdc\x91\xd5\x93\xfa\x0f\x8e\xf0\x17\xb4)\x9f\x836N\x1f"w\x84n\x015\xea\x97/lB\x94\x1c\x1d\xc2\x97\x1a\x9d\xd27\x02\xbc\xe2\x12U\n\x12\x804\xd1\x12\x00\xcf\xce\xe9jes\x90{\xc8\x98\x94\xe0\xa3S\x9b\xbc,\xf3\t\xb4\xc8\x817\x00t\xaay\xd9\xb3\xb1+\xf797\xd1\xc2\x91=%\x05\'\xfe\x1a\xf2\xb2o\xf9B\x99\x9e\x1f\xcf\x1fc\x04\x13\x00^_b\xdbM\x888"&lt;sL1Q9M\xd0\xafj\xda\x841\xf7\xd7\x84aH\xb4s\xfe(\x00\xbf#STWt\xac_e\xfb\x9c$\xe6P0%*F\x04\xa0lV\xf2.\x9b\x7fbl\x18\x11\x95!\n\xd4\xb7\xcaB\t\xa2\x08/\x07\xfb\\\x99\xe9\xb28\xbc"\xc5\xa3t\xee\x1e\x9agOP\x90\xce\xce\x88\xf6-I\xd6j5yY\xe6\xcd,\xed\x8a\x11\x9d\xd2\xf4\xa3$\x7f!\xf0&gt;\x83\xc7\xef\xe0[\xb9\x93\xc6\xef\xe4\x90\x87\xee\x1cY\xfd\x9f\xa8\x07Y.\xbb0LTOQ\xad\x9e\x88\xfc\xec\x8a\xb2\x8a\x16\x92\xbe?\x8b\xcc\xe9\x97,\x14^fn\x1cacA\x8f@Wn;\x00nr\xcaG\x04 \x1b\x11\xd7\xe0w\xc0Bfz`\xabf\x9d\x86P\xbeuS\xb7\xac\xf1\xe6\x99CCkZ[\x88\x9aY)\xf2F\xe5\xb4KY\r\xbc\xff!\x8a\xa5\x17 \x13N\x00\x80{I\xa3\xd6\xb5m\x06G\xf8\x85\xa5\x9f5\xd9\xb7]\xfc\xab\xa7\x89\xe2i\xc0o\xd3\xbfu=I\xa3$\xa8r\x9a4\xaa~\xe5\xd7\xf5\xc3\xcd\x03+\x98:\xacC\x1e2\xd1%\xf9Q\xc1[\xc8\xc0\xf2\x01\xc5??#\x18\x18\xde\xc0\xb3L\x1e\xee\xf1\x10\xd8\x1c\xe5s\xa82\xea\xfb\xb4\xf4\xd05X(\'\x9bZ\xf1\xaf\xad-ui\xc7\x02=\xaa\xd9\xfc\xf3\xd0\xac\x9a\xc5\x9a\x94\x04\xad\xac)\x81T\\\x83\nE\x16\x8e\xe8)Y\x01c\xd9\xd8\xd8\xfdK\xc7\x0bHZ\xbf\x15b\x13\x83\xbd\t\xca%\xce\xffA\x10K\x16/\x1b\x1b[K\xb5\x0c\x06\xc3\xedC\xab2\xafG\x99\x86#\xab\xa6\x14&amp;\xfa\xf6\xe08WkP&lt;\x01\x00`U\xd2\x04\xfb\xa6}\xf7\xe9&amp;\x11\x99\xea\x9b\xc1_\xbf|\xe1\xbfr\x0eP\t_\x9b\x82\x00\n\x12\xad\x9b&lt;\xc0\xcb2o\xd7\x86\xce\x9eed\xc7\xbflD\xd7\xf7-\x8bi\xee\x9e\xc1\t\x80\x13\x83#"\xbc\xb8\xa0\xf5zJ\x92\xe2\x94W\x87\x17\xb6\xcd[\x91\x1c\xc7f\xb3\xc3+\'\xdf;\xba6\x0boa\xa7\x8c\xcb;\x17J\xcaD\n\x98\x8a\x1e\x16z3\xcc\xff\x93(E4\xb5o\xc4\x96Y\xc3\x94e\xc7Y\xa6\xae)\x91\x8bf%\xb8oqr\x90\x93\xb9\xb8\x9e\\\xc5|\xb4dto\xe0;#\xec\xeb\x8aQ]\x9a\xea\xe4\xb1\xe5\x8b\x11\xaa\xc4\x94\xbe\x11\nu\xab3\x0eq$L%\'A\x12\xdc\xe3\xdc\xa6\x8e\xad\x8b\xa9At\x90\x9b%\xd1\x81e\x13\x82\x9c\xe4\xe4\xfd\xa5\xc1W`N\xea\x14$\xd9F}\xc4&gt;\xb3\xc0\xc5\xf9\xb9\xaa\x0f\x92\x13\xc0\x89u3\x96\x8d\x8d\x15\x8c8\xfc\x11\xaaQ\xc5\xe2\xec3\x9f=)\xc7q1\xf8\xdb\xab&lt;\x1eZ1\t\xc0\xfe\xa5i\xd2r,\x92\xb4pDO\xc9\\\xe5\x840_\xe0\x13+\xd4\x95YRq\xc9\xd1!\xec\xd4\xc3;4\x96l`m@\xac{\xfc\xd1\xd7\x90H\xa1&amp;s\xff\xd6&gt;\x006\xcd\x18b\x95\x95\xfa\xb7\xae\x97:\xa4\xb3\x80\x13\xac\xb5\xe6\x84\x18\xe2\xb03\xf7V4\xadZ\xca\xcd\xcc\x10_n\xab9N/\x8d\x00e\x93*%\x01\x1cX6\xf1\xc5\x85\x1d\xd3\xfaEV\xf8\x17\x93\x80\xe2\x82\xbd\x18]\xe0\xe4\x86\x99Zm\x07\xe6\xed\xe1s\xf3\xf1\xf5n\x17\xff\xear\xe5\x8ab[xt\xf1\xaf\xc6\xdf\xd2\xac\x9a\xc5\xbca]\xaf\xeeY"\x99[\xc0\xe0l\x92\x05\xf8\x13x\xa6\xf2\'\xe8\x87\xfe\xad}\xfe\xe2\x84\xcf\xf1\xbdB\x15B\x17D$\xee\xcd\xe0\x08?\xe0E\xd9\xac\x04\xbcd\xf2\xa8\x13z\xb7\xaagm\x8c\xafw\xa7\xf5\x8b\xe4\x06j\x9d*:\xfd\x95`\xee\x1a\xfc\xf9H\xe1vKBr\x02\x00p\xe7\xf0j\xc9\x96\xac\xda\xad\t\xd1\xa6\x19C\x004VqA2+&amp;\xac\x0c\xbd=\xc8=\x02]\xf1\xe5\xf6\x933[Xy\xf4\x15\xe3\xe3.\xeeX\x00|\x93{C\xbb5\xaa\x81O7\x034\xf9\x04\x82og\xf0R\xdb\xf4\x80D\xc9\x97/\xb7g\x0e\xecp\xeb\xe0J\x81ogx\x87@"Z&gt;\xae\x8f \xa0vNS&amp;\xc8\xdf\xce\x84-\xe6\x0e\xaf\x9c\x9c\xe9$r\x01\x1c\xf2PbT\xe0\xd4\xbe\x11K\xc7\xc44\xb47\x99\x12\xdfv\xd5\xc4~\x02j)i\x9c\xc6\xec\xba1!\n\xae^\xa6N\x12\x8d\xff&lt;\x94 \x1a\x1c\xe1\xbf-5MC\xcd!\x0f\xb5\xe7\x95\xda\x11C\x9c\x0f\xc9\xe8tr~\xe7\xad\xb3\x87\xe3\xfd5\xfe\xf4|q\xfb\xfc\x8f\xb7\x0e\xe2\xcfG\x83\xda6P8\x91u6\xfat\xeb\x90`\xa3}n\x8a\xf2\xa9\xa4\x86\x0e(\xc6\xbc\xc4nw\x8f\xa6\x91\x97s\x10%G\x87\xe8ahd\x1cr\xe5\x16LE\x99\xc9\x0c\xec)\xdc\xbbx\xdc\xdbk{#4\x99\x9f\xed\xea:\x02\xc0\xcb\x0bfD\xd9\x89*\x1b\xd3\xa2Q\xd1:uC\xa7\\6\x9d H\xd3\x8a\xf4rhQ\xc3\x12\xc0\xe6\x99\xc3\x86\xb6\x0b\xd0\xba;\xe7\xa9\xe7\xd2\x8e\x84\x10%F\x98ijd20\xe9\x88\x0c\xfd\x06\x1e\xe4\x18G1\xcd\xeb\xa8d\xc1\xd6.\x99S\xefBf\xbb\xe6\x8f\xc6\xb3\xb3\xfc\xb5m\xea\xe0N\xbb\x17\x8e\xf1)WP\xbc\xbe\xb43\xa2\xfb\xc7\xd6qK\x9a\x9a\xc5\xb3\xf3K\xa82\x1a\x0f{wBjZ\x93\x8e\xc2\x8b\xa9"\xb6.\x00\xe0\x03\x9e\x08\x19z\x00&amp;\xc7\x85\x03`*L\x0c\x81\x95\xcc\x00,\x1c\xd1\x83\x98\x88\xe4\x8b\xf3\xb3\x06u\x14\xd0\xbb\r\x88\x00\xdc:\xb8R\xae\x0f\x82\x95\\^\x8d\xcc\x89\x82\x88\x9dg\x99\xbci2\xe6\xcf\xce\xb2\xf2\xddx\x7f=\xa6\x99\xbb\xd8k}J\x93O\xce\xd9RZ\xad\xe1\xff"\xdcJ\xe4\xa8g\xfd\xcbY\xba&amp;%A\xf9\x1a\xe1\xd3M\xf1u\xaci\x96]PJL\x12\x92\xb1\xe5&lt;D_\xefJ\x0b\xfe4\xadZJ`dN\xe3\xe9R\xb1nl\x9a1d\xf5\xa4\xfe\xec3\'\xb1\xa2\xfc~\x96&amp;j\xe7\xed\xb8jb_\xfc|\x08\xa0\x9c\xceZ[\xb20&amp;jV\xcd\x82{\x0f\x9f\x9d\xdd\n\x00?\x1e\xf0\x7fE\xb0\xa6\xe8#\xbf\xc3\xba\x82_\xad\x89\xbb\x17\xdb\xe7\x8c\xd0\xefh\xca\xe0\xdf\xebHoGK"\xbc\xbdz`\xe9\x0</t>
        </is>
      </c>
      <c r="E226" t="inlineStr">
        <is>
          <t>&lt;class 'numpy.ndarray'&gt;</t>
        </is>
      </c>
    </row>
    <row r="227">
      <c r="A227" s="1" t="n">
        <v>225</v>
      </c>
      <c r="B227" t="inlineStr">
        <is>
          <t>steps_per_sec</t>
        </is>
      </c>
      <c r="C227" t="n">
        <v>3300</v>
      </c>
      <c r="D227" t="inlineStr">
        <is>
          <t>3.3615162</t>
        </is>
      </c>
      <c r="E227" t="inlineStr">
        <is>
          <t>&lt;class 'numpy.ndarray'&gt;</t>
        </is>
      </c>
    </row>
    <row r="228">
      <c r="A228" s="1" t="n">
        <v>226</v>
      </c>
      <c r="B228" t="inlineStr">
        <is>
          <t>Loss/object_center</t>
        </is>
      </c>
      <c r="C228" t="n">
        <v>3300</v>
      </c>
      <c r="D228" t="inlineStr">
        <is>
          <t>0.31976467</t>
        </is>
      </c>
      <c r="E228" t="inlineStr">
        <is>
          <t>&lt;class 'numpy.ndarray'&gt;</t>
        </is>
      </c>
    </row>
    <row r="229">
      <c r="A229" s="1" t="n">
        <v>227</v>
      </c>
      <c r="B229" t="inlineStr">
        <is>
          <t>Loss/box/scale</t>
        </is>
      </c>
      <c r="C229" t="n">
        <v>3300</v>
      </c>
      <c r="D229" t="inlineStr">
        <is>
          <t>0.06667082</t>
        </is>
      </c>
      <c r="E229" t="inlineStr">
        <is>
          <t>&lt;class 'numpy.ndarray'&gt;</t>
        </is>
      </c>
    </row>
    <row r="230">
      <c r="A230" s="1" t="n">
        <v>228</v>
      </c>
      <c r="B230" t="inlineStr">
        <is>
          <t>Loss/box/offset</t>
        </is>
      </c>
      <c r="C230" t="n">
        <v>3300</v>
      </c>
      <c r="D230" t="inlineStr">
        <is>
          <t>0.14491284</t>
        </is>
      </c>
      <c r="E230" t="inlineStr">
        <is>
          <t>&lt;class 'numpy.ndarray'&gt;</t>
        </is>
      </c>
    </row>
    <row r="231">
      <c r="A231" s="1" t="n">
        <v>229</v>
      </c>
      <c r="B231" t="inlineStr">
        <is>
          <t>Loss/total_loss</t>
        </is>
      </c>
      <c r="C231" t="n">
        <v>3300</v>
      </c>
      <c r="D231" t="inlineStr">
        <is>
          <t>0.53134835</t>
        </is>
      </c>
      <c r="E231" t="inlineStr">
        <is>
          <t>&lt;class 'numpy.ndarray'&gt;</t>
        </is>
      </c>
    </row>
    <row r="232">
      <c r="A232" s="1" t="n">
        <v>230</v>
      </c>
      <c r="B232" t="inlineStr">
        <is>
          <t>learning_rate</t>
        </is>
      </c>
      <c r="C232" t="n">
        <v>3300</v>
      </c>
      <c r="D232" t="inlineStr">
        <is>
          <t>0.001</t>
        </is>
      </c>
      <c r="E232" t="inlineStr">
        <is>
          <t>&lt;class 'numpy.ndarray'&gt;</t>
        </is>
      </c>
    </row>
    <row r="233">
      <c r="A233" s="1" t="n">
        <v>231</v>
      </c>
      <c r="B233" t="inlineStr">
        <is>
          <t>train_input_images</t>
        </is>
      </c>
      <c r="C233" t="n">
        <v>3300</v>
      </c>
      <c r="D233" t="inlineStr">
        <is>
          <t>[b'512' b'512'
 b'\x89PNG\r\n\x1a\n\x00\x00\x00\rIHDR\x00\x00\x02\x00\x00\x00\x02\x00\x08\x02\x00\x00\x00{\x1aC\xad\x00\x00 \x00IDATx\x9c\xec\x9dex\x14\xcb\x12\x86\x0b\'hp\x87\xe0\x12\\\x92@\x90\xe0\x1e\xdc\xdd\x1d\x82\x04w\x0b\xeen\xc1\xdd\xdd\xdd\xdd\xdd\xdd\xfd\xe0\xf0\xdd\x1f\x9d\x1d&amp;c\xdb#\xbbI\xce=\xef\x8f&lt;\x9b\xd9\x99\x9e\xde\x91\x96\xea\xaa\xaf\x88\xfe\xe3?\xfe\xe3?\xfe\xe3?\x9cI|\x95\xed\xae|\x87\xd7\xf4p\x8b\xaa\xf2\x15\xbe\xde5P\x1f\rbY[\x9cQ\xda\x96\xcf\'\xfe\xb7x\x9a\x18\x92\x1d\x86\xb6\xacd\xf9Ic\xeb\xd9\xd9#&gt;E\xb1\xbc\x06\x86X5\xbegHW\xc1\xd9\xf4\xaeW\xb2i\xf1l\xaf.\xed\xd2u\x94O*\x17W\x8e\xdd\xc2\x19\xaa\x92\x18w\x17\x9a\xd0\xb5\xbe\xe9b\xe8\xe9\xd9-\x00\xcc\x97\x93S\xfd\xad\xce\xa2\xd6\xb2\xd8\x03_\xef\x02\x88k\xfb\xb7\xa8[\xb4\x05\xc3:\x1a,\xeb\xff\x96{G\xd7f\xe6kE\xd6L\xea\xa3\xb8\xbdP\xf2\xc8\xfc\xa7\xe3\xd99\x11\x7fq\x0e\x036\x88\xa8P\xb2\xc8k\'\xf7\xb5\xe45\xb0\x90Z\x9e\xa9\x9f\x9f\xdb\x96\x8a\xa8|\x16\xb5\xce\xfd\xdf\xc3\x97{\xc7B\xba\n\xca\xf4kT6\xa4\xab\xa0JZ\xd3%\xb0W`z\xeffD\x94\xd5\x85j\xe4Ke\xbeV\x02Y\xa3Qx""\xaa\x923\xa9\xe1B\xf0\xeab-\xcf\xd4D\xd4\xb1R\xfe\x0c\x11-\xaa\xd9\x7fpR0i$\xbd\x87\x0cjV\x81\x7f\xe7\x98zK\xe7\xa3J\xaed\xda;d\x8eB\x8d|2\xa7 b\x83\x8b\x97\x17v\xd4+\x98\xa1n\x81t\x8e\xa9\x8e)\x12\x87t\x05\x14\xc9\x10\xc1\xfe&gt;?\x1f\x9fV\xdc.\xbf7Y\xa2P\x88\xf7\xbe\xd1U\xb6\xdf9\xbc\xda\xa9\xf5p.\xed*\xe4\x13~\xf8\xf5}\xcb\xe6\x0ejka\xe1\x1b\xa7\r\xc8\x1a\xcdl!\t\xad\xa8\x89"\t\x1cV\xf2\x7f\xf0R,u\x8c^\xf5JX^l\x93bY\xbd\x12\x06\x9bd\x030\xfd(\xf2R!k\xc2\x10o\xceB\x1c\xf1\x04\x8b\x87\x9eu\x8a\x1b;\xd1\xb4^M\x8d\x1d(\xe1\xe2\xf6\xf9\xf2\x9eid\xfb\x1aa\xf1V\x02\xafS\x10\x11Q\xf3\x929\xea\xe4\xe7\x9d\'\x94\xcd\x14W\xbeQ{:\xef\x11\x9f\x16\x0c\xed\xa0\xb3v!L\xe3\xa2\xeeUr%+\x9c&lt;\x94\xd8V-\xa2x\x1ak\x06\xd3\xad\xcb\xe6\x91ot7j\xc23\xc0\xf6y\xc3-)\xe7\xfe\xb1u\xf5\x0bf`\x9fu\xb5Dz\xc1\xafGs\x06\xb6\x16o\x89L\x04\xe0\xf6\xa1U&amp;K\xf60j\xf8)\x96Zm8KD\xf4\xfe\xc6~\x83\xe5\xeaA\xde\x01\x8c\xe9T\xdb\xc2\xf2\xaf\xeeY\x929\n\xb9\xbbH\xa7\x0e\x82u\xb1U\x99\xdcv\x0b\xb1\xbb\x16\xc5\xff\xe4\x00\xdf%\r\xa8\x83f\xb7&lt;\x08\x86r\xf3O&gt;\x9e\x9f\xef]\xbf\xa4\xda\xb7\xb5&lt;S/\x1f\xebo\xb7\x90\xc2)\x1c\xd2\xda\x02\xd8\xbd`\xd4\x9a\x89\xbdu\x1d\x15\xd0\xb6\x1a\xde_\x0b\x8b\xfd\xba3\x88M4\xc9\xbf\xe1\xeb\xcb\xbb5\xf6\xc1\xcb\x0b\x00\xa4\x0b\xa6\x16\x91\xddVn\x93\xa2\xee\x06\x0e\x17,\xb6\xe5\xb3$\xe8\\\xb5`\x8e\x18\x94]\xab1\xb4\x80\xc2\xc9\xa3\xa4\x97\xd9C\xf4\x8e\x7f\xad\xa2\\\x96\xf8\xc2y\xf3\xc4\xb1`\xa5\xd10\xac\x1a\xb9]\x83\xfe\xfdv\xff\xf8\xd2\xd1]\xad-?1Q\xb1\xd41\x00\x9c\xdb:O\xd8^9G\x12\xe1s&amp;{\xf6K\xbb\r\x93\xaeF\x1c\x00\xde_\xd3\xb5\xff$\xff\x86z\xce\xa0\x9b\x96\xa5s\x99,\xe1\xfd\xf5\xfd\xda;\xf0\x8c\x0e\xfb6,m\xa6\x0eY\xa2R\xb1\xd4\xd1w\x04\x06H\xb6\x03\xb8\xb8c\x81\x81\xb7\xcc\xd5Lm\xfeM\xc4\'\xba\xb8}\x81d\xc0\xa8m\xdd\xed\xdb\xb04\x00\xe0\x9d\x19\x0f\x99\xba\x05\xd2\ri\xe1\xcb&gt;\xaf\x9b\xdc\xb7t\x06W\xf9&gt;\x05\x12s\x98\x99\xd5\x89G\x84o\xf7\x00\x94H\xeb\xd8\xa1\xd8\x84\xae\xf5K\xa4\x95\x0e%Kg\x8c\x93\'\x8eCO\xab\xca\xc2\xe1\x9dFw\xac\xc5&gt;/\n\xf0\xcb\xee\xa0\x8e\xda\x1e\x8e\xee\xffX\xe1\xbe\xd9\x13\x03\xe8Q\xa7\x98\xe3N\xa4HF\xa5\xaeE\xefO\x06\x90\xc4\xfe^\xa6p\xc2\xb2V\x0f\xa3\xb6;N\xc6t\xaa\x8dw\xd7n\xec_\x9eR\xf6\x15\x00\xe0\xe9\xc2\xe1\x9d\x1cZ\x81\xb0\n^]|xb\x83\x13N\xa4{\x99\x98h@\x93r\xf8\xf9\x90\x88\x12\x12\x01\xd8\x198B\xcd\xdc\xd1\xadf\x113uKn\xe6`{D\'\xf2N\x1a\xda\xfd\x12\x1c\xd4\r\t\x9ds\xd5\xdc\xca\xd7x\xc7\xbc\x80\x8f7\x0f\x18(9\xa7\xbd\xfe\xfa\xeb\xbdcO\xcfnm\xef\xebID\xa9)\xe4W\x8f\xc5\x08]\xafy*fK4\xbcu\x95\x16%sXU\xa0\x83\xa8\x98-Q\x8d|\xa9\x00t\xaf\xed\x90n\xb8\x83\xafW\x0c\xa2\xb9\x03\xdb\xc8\xbfzse\x8f#\xce\xf8/\xe1\xcc\xa6\xd9\x0e\x1a\xfc6-\x9eM\xbc\x80~\xf3\xc0\n\xf1\xb7\xe3:\xd7}|zsj\xa2\xba\xde\xe9\xcd\x9f\x0b\xf8V2]\x08\x84\rH\x06\xce\x8a\xbf\x05\x80\xc4\x9e\x1eB\xa3\xedP\xca\xb2\xd1\xdd\x1cQ\xac\xf9\xb9\x85U\xb3\xa2\xaa\xb9\x93\xe7\x88a\xca\x9e\x90K%*D0!\xae\x9f\xd2\xafK\xb5B\xf3\x06\xb73q\x12+qQ\xdaX6S\\\x00\xce\x19n\xfe\x87e\x84#\x12l\x17\xc2z)\'\xe2y_\x07_/\xf1W\xbe\xd9\x13\xe3\xf99\xb2\x05\xa6\rjV\xf1\xd0\x8a\x89\xc6j\x18\x87h\xdd\x94~\xc6\x8e5\t{3\xd9\xe4f\xc7\xbc\xe1Ur&amp;5\x13t#\xb9D\xff\x0f\x00\xbf\x00\xc8WG\xcc\x93?Qx\x9fT\x8a\r\x11/\x85,\xf2\x00\xb9sx\xf5\xeb\xcb\xbb\xf1\xfa\x92\xde\x03}\xb3%\xbawl]Z"5\xf7\xf8\x02\x89#\x8cl_C#\xb4\xcaZ\xcem\x997\xbcMU\xbb\xbb\x95L\x17\x1b\xc0\xb2\xd1\xddz\xd4.FD\xe1\x88j{\xa5!\xa2\xba\x05\xd2\x01\xd8&gt;w\xb8\xa2eL\x8e\x1bw\xc5\xd8\x00va@\xa7k{\x97\x8e\xe9\xa8\xc3\x89\xc0\xa1S\xff\x7f\x0f\xbe\xd9\x13\x97\xcd\x14O\xed[\rw\x91\xc5#:GTYd\x8bi.\xeeC\x02\xf0T{\xb8W(yd\xc7\x85\x95\xc5\'*\xef\x9e``\xd3\nDt\xef\xe8\xda\x93\xebg\x18.\xaa\xb9\xc3\xe6\xf2\r\x0bgr\xa2\x97\x16/\xcd\x8ag\xdb\xbd`\x14\xfb\xcc\xd9.0\xe2rXu\x86\xb4\xb0&amp;B\xbbH\xca\xa8~U\xbc\r\x1f\xee\xc2\x11q\xa2H4\xa2\xec1\xc8i~\xc9v\xb9upe\xa9\xf4\xbc!\xea\xb5\xbd\xd2\xb0\xf5\xbfh\xb6Ut\x00\xd7\xf6.\x1d\xda\xb2\x12\xa7g\xfd\x88\xb6\xd5\xf4\xd6\x90\xcd\x87\xbaT/\xa4\xf7@3\x14I\x11\xd5\xda\xc0\x880\xc6\xec\x01\xad\x15\xb7/\x1f\xe3\x0f`\xfd\xd4\xfeA\xd3\xd4\xdf\x8f\x1dW\x07\xcf\x04\xca\x9e\xa9\x02\xcf\xcfms\xdc\xd9\x19\xe5\xf4\x04\xe2*\xda\xdc\'wo\x04\xc0\x92ag\x83B\x19%[\xea\x16H\xb7}\xae5\xbe\xb3\xa1\x1c\xcb\x86\x15\x14\xd4\xf8n\x9c&gt;pd\xbb\x1a\xd6\x95\xeap,_\xd1aa\x86\x00F\xb67~\x1d&amp;wo\xf4\xeb\xc9\x19\x9e=\xcfo\x0b\x1c\xd4\xbc\xe2\xe3S\x9b\xf4\x9e\xe2\xd2\xce\x85B\xc4\xb2y\x98\xdbK-\xcf\xd4\xc0K\xfe\x80\x80o\xf7\x8f\x13\x91\x7f\xad\xa2\x96\xd4!l\x03\xa0p\xf2(\xeb\xa7\xf4\x0b\x11gG\'\x93\x8a\xe8\xe5\xc5\x9dfJ\x18\xd1\xae:\xf0\x8c\x88\xcc\x8c7\x19\xbd\xeaZ\x1f7\xe7 ,7\xff\xf4iP\xaa|\x96\x04\xed*x\x98/*\x8c\xc6\x01)Dj\x99 9\xd1\x94\x9eMr\xc5\xa6\x8d\xd3\x07r\x1e2\x7fh\x87\xc2\xc9\xa3\xc8\xc7d\x8d\x8ad\xe69\x1c\xaf/\x97\xce\x10\x87\xb5\x18\xbaB\x97\xf0\xf3!\x80\xfc\x89\xc3\xf3\x1f\xc2\xc3\xd33[2j\xbaq\xcc\xe8\xdb\x82}(\x9c"\x8avxM\xd8 pH{\xcb\xcb\xdcaQ\xe8\x96]8/\xff\xea\x89\xbd\xdb\xd8\x1ePW\x8bN\xad\xd1\xcfu\xafm\x7fD\x10\x99h\xc3\xb4\xfedE\x80\xd8\xbflNza\xfb|vm\'wo\xc4\xb3\x7f\xe5\x9cIWO\xecex\xd8\x91?Q\x08\x86F(\x93\xd5\x85jz\xb8\xf1\xef\xdf\xb4x6\x87\xd5\x85\x8b9\x03\xdb\x00`C\x19\xa1\tO\xady\xc8\x84\xae\xf5\xc5;\xb0%\x9cq\x9d\xeb\xf1\x9f\x94\xddq\x93k?\xbaHF\xd4\xa7Ai\xd6\xebT\xcc\xea8A\n\xa7\xe3n\xf55\x04\xc0\xd9\xff\x9f\\?\x13\xc0\x90\xe0\x01\x04\xfcor\xd7\x1a\x85%\xfa\x9d\x8aT\xcb\x93B\xfc\x13\xed\xde\xbc\xd8D\x8d\x8ad\x06\x90\x94\x08\x1fo\xc8w(\x9b)\x9e\xe1\x16\'Sdzsewy\xf7\x04\xef\xaf\xef\x1f\xd4\xbc"\x80\xc5#;\x1b(\x87\x11\xcea^\x8fo\xaf\xee\x15\xff\xdb\xbe\xa2\x07\xbf\x84\x80\x1a\xbb\xe6\x8f\xd4\xf8vz\xeff\xe1\x88\x92\xd9\xde\xedB\xc9\xb8\x04\x07\x03\x87\xb4\x7fxb\x03\x80#+\'\x9b\xac\x9e\x85\xf4\xa8S\x9c\xff\xbe\x88\xd7\'_]\xdc\xa9\xeb\xd1*\x916\xe6\xdd#kt\xd6N\x8a\x9b\xc9\xe3\x89\xf0\xf9\x16\xf05\xb7+\x15Lf\xc0\t\x9c\xf6/\x19\'\xfe\xd7\x93\xa3u\x8dK4\xd36\x18w\x0e\xcc,\xc6\xbc\xd5\xffC\x0b\x00\xb7\x0e\xae\xd4\xd8\xe1\xcb\xbdc\x08\x8e\xe4p\x07W\x90\xfe\xb9sD{\x87\t]\xeb\xb3j\x00\x9f\xd2\xc9\xc6\x88Q\x88\xf0\xfc\xbc\xaea\x9a@\xde\xb8\xf4\xf1\xd6\xc1\x14D\x1b\xa6\r\xc0\xebK\xc0\xf7-\xb3\x86\x18(\xc7\xc9\x008\xb5a\x96\xc9B\xfck\x15\xe5\x99\xb13\xe3\x98.\xde]\xdbg\xa0&gt;\x8e\xc3\x8c!\x14\x00\xde\\\x91o\xffx\xf3\xa0|\xe3\xd2Q]\xab\xe62\xeb\xe12\xbb\x7f\xabr\x99U\x97\xb5b\x13\xe1\xcde\xbb"n\x9c\x02\xc3\x8a\x00\xd8\xbft\x9c\xfd\xfd\x9c\x05\xff\x02\xf8\x7f(\x80\x17\xe7\x9f\x9d\xdd\xaa\xfa\xad\x8c\x07\xc7\xd7;\xb1vDD\xc9\x89\xc6t\xaa\x9dM\xc5\x84\x94\x86\xa8|\x96\x04\xcc\x91\xa6z\xde\x94\x12\xc3\xe4\x91\x95\x93\xcd\xafs\xa4"\xda8}\xa0b\xff\xa7F\xf3\x92\xd9CV\x07\xd4Zs\xf3\xbf\x9b=\x0bG\xdb\x95\x9d`l\x9b3\x8c\xc7i-\xb2\xca\xc0\x08@^\xd37\xc6\xae\xfc"\xf0Y\x97\xa6o\x18%O\x1c\xea\xe0\xebID\x99u\xa8\xdd\xff\x87N\xe4\x1d@H\xd5D\xe3\xc5{}y7\xbe?P\xfc\n\xc0\x93\xd3\x9b\x817\xe6+\x90\x94\x08\xf8\xb1m\xceP\xbb{f\x8eL\xf8\xe7\x8ev\xe4\x81\xe1\x11X\x99\x8c\\\xbe$jK\xb8^\t\xc3\x19V\xee\xe4&lt;/\x00k\x85\xe9\x1dM\x0e\xee\xe5L|\xbf\xcf\xb9\xa7\xe28I\x12ti\x92P\x92\x97\x89\x88f\xf4inUQ]\xaa\x17\xd2\x1b&gt;]"mL\xb5\xd1a\x98\x07\x00\xf0\x93}\xb6vD\xd9\xbdv\xb1")\xa3\x16Ii\xc7\x07]\xd2\xfaW\xb6.D\xc0B\x98\x15\xcb\t\x0fA$\xa2\xa9=\x9bh\xd5\xe4\xd7#\x9er\x96\x8e\xea\x1a\x82]\xa9yJ\xa6\x8bU)\xbb\xaa\x10\xcetYs\x90\x94\xe8\xda\xde\xa5\x8a\x9aQ\xba\x18\xd2\xb2R\xdd\x02\xe9\xb2E#\xe0;\xdb\xd2\xb7a\x19\x93e\x12\x911\xd1\x0bm\xa0$\xae0\xc9\x9fk\xa9\x9c\x87\x08z\xfa-G\x13\x95(\xa44UX.\n\xbd\x92\xa2a\x12\xd6\x04\xeb\xca\xa9\xb6|\x8c?~=\xc6\x87\xeb\tes\xd2^\xf5J\xbc\xbd\xba\xd7n3$4\xfd\xff\xdc\xb5c\x88\'=\xb6T\x0b\x87\x0cD\xd4\xb6|\xbe\xf2\xee\t\xa2\x9a\xcb\x111\xb5g\xd3\xce\xd5\xec\x07\xaa\xb8)m\x14T!9\x7f&gt;\xf0\x95\xbf\x03\xb0\xdd\x81\xaf\x00r\xc5\xb6\x13W\x11j\xd9:{\xa8U\x93\x82\x0e\xbe\x9e\x00\x8e\xac\x9a\xecW\xc5\xdb\xeee\x8ci"\xa3\xa1\x19\x1e\x9f\xdeTU\x16e\x06\xc0\xbc\xc0\xa7\xc0\xdbk{\x8f\xae\x9ej\xde\xa6d\x9e\x18\xd6\xe5u0\x00\x80\x8b\xdb\x17\x84\xd4\xd9\x9d\x8aG|\xd5\xd4\xc1r\x80oo\xae\xec\x11\x8f\xdf{\xd7/%\xfa\x16\xc0\x1b\x00#\xdbU\xb7\xaaz\xe5\xdd\x13\xccQ\x89&gt;\x93pq\x87\xbe\x1bv~\xeb\xbcz\xea\xdaDf\xccSnD\xbe\xd9\x13\x13\xd1\xf6\xb9\xc3\x8c\x95P9gR\x00\x9fn\x1f\x9a?\xa4=g\t}\x1a\x94\xe2\x0fM\xc0\xe7\xdbxyQ\xf8\x81\xa1q\n&amp;\xc3\xd8\x92;?\x00~&lt;:\xf5\xf8\xf4f\xbb\x17\xdc\x85(\x85C\xab\xa2\xc2%%\xa1\xe3\xb2\x99\xe3\x15Ia\xbf;\xbawt-\x8b\xe2\x14\xcfi\xe5\x93\xef]\xf3G\xb0\x0f\x8e\x16%\r\xe5\x8c\xb0\xae\x05\x0bI2E\xd2\x97p\xdc.w\x8f\xaca\xce\x00#\xdaUWl";U.\x00 4\'M\x15S#_\xaak{\x97RPs\xffQ\xfcU\x1as\x8e\x1cy\xe2P\xdd\x02\xe9Z\x94\xcayq\xfb|c%\x00\xd0\xeb\xde\x97=\x06-\x19\xd9E\xd7)\\\xf5U*\xc4H\x1f\x9e\x80?\xe6\xfd\x1d5hV&lt;\x1b\xde^\x01\xb0x\x84\xaaWn\x8d|\xa9\xfa7.\xa7Q\x88\xe4)\xb2\x84z6U\xae\xe821\xe7Z\x9e\xa9\xff&lt;;\xc7\xb3:\xa2\xf80\x8f\xeaPS\xf8\\&lt;\xb5T\x0fO\xe2\x1c\xee\x950\\\x05\xe7:\xbf\x9bO\x1e\xf9\x1f\xaah&lt;\xe5&lt;t\xf0\xf5R\x1b#\x0b\x0b\x0c\xceA.\xbc\xc5\x9fg\xea\xfc\xd6y\x00\x1a\x16\xce\xc4~\x88\xb5\x16\xff&amp;\xc5\x82\xa5\xaf\x11zb\x9fT\x0e|\xae\x81\xdf\x8e+\\BnW\xb2&lt;\x0eS\x83\xc1\xb6t\x11\x8e\xe3\xf2\xce\x85xu\xb1M\xb9\xbcj;\xfcxt\xb2\x8eLO\x9f\xb5\xbe\xecE\xb0\x9b.\xd8L\x12s\xbc\xbd\xd2\xb2TN\xe1\xdf\xee\xb5\x8b\xb2\xe7\xb6sU\xfb\xc1\xe4\x13\xbb5\xd0\xf86\x96=K#\xbe\xdcypb}\x98\x98)ZK\xe8\xcc\xbf\xed$\xf2\xc4\xa1\xab\xbb\x17+~e\xc6Bb-\x00b\x11\x15J\x1e\xd9@\xbe\xb0FE2\x17u\x8bV\xd3\xc3\x8d\xfd\x16\x87\x0ep\xbc\x12\x85sw\xa1?\xcf\xce\x01p\x9c\x0c\x9c3\xb1\xb0\xbf,`\xae#\xd1\xb5\x14\xec\x99\x90\xfa5*;\xb8\xb9\xc1\xee\x04\xc0\xe1\x95\x93\x0c\x1ce^h\xe2\xcb\xbd\xa3\xc7\xd6Le\x9f\xe3\xda\xde\xc1\xa1\xad*\x9b.\x98"\x13\xed]4Fc\x07\xf1\\!\xf4s\xe7\xc8\x1acM\xd3\xe7\xdb\x87-\xafLH\xa26\xd4\xd4\xd0\xfb\x94\x00|R\x1c\x109\xb3\xf5w\xda\x89N\xac\x9b\xeeif\xcdW\x93\x19}[\xfc]9Q\n\xf3\xf9\x0f\xbb(&gt;\t\x1d+\xe5_=\xa1\x17g\t\x9fo\x1f6\xf98\x85#:\xb2jrx\xa2\x18z\x1c\x04\n%\x8f\xcc\xe9Y\x1e\x97hL\xa7\xdab\xc7\xb0\xc8\xb6\xac\x12\xb3\x07\xb4\x06 \xb8\x8d\xf6\xack\x81\xeb-\xe7j\xf6\xb15S\xc3\x90\x1bn\xc6\x88$^\xde\xab_0\x03\xa7\xab\xa1p1$\xc9\x9c\xff\xe5\x84#R[\x0ee\x83&lt;\x00\xf9\x82w\x19\x9c\x1d\xc0\x96Y\x83\xcd\xbco\xacV\x15\xdc\x15^4\xbc\xb9\xa2W\xf0\xd2@\xae.\x0b\xbb\x83\xd4DO\xcfn\x8dJT\xd7;\xfd\x93\xd3\x9b\r\x94\xd0\xa7A\xe9\xfa\x852\x9a\xf1\xd3\xab\xe5\xa9-\xd0\xa2\x0cg\x94\x80\xa3IB\xe4_\xcbG\xbe]-5J\xcb\xd29M\x9eQ\x9eqP\x02\xd3\xbe\xd7@p\xaf\xd8i[\\\xd5\x86\xcd\x12\x066\xad\xc0\xde\x1a6\x1c\xa9\x9e7\xe5\xd1US\x88[\xf9J\x17\xcf\xcemM\x1b\xea\xc4\x90,\xc0\xd1\x89\x13\x84\xa7\xaefX\xe9\x17\xd3\xa9L\xb2\x01\xb0\x91\x85\xc6\xb1\x00\x8e\xac\x9c\xdc\xafQ\x19\xf1\x16\xb5C\x86\xb5\xae"&lt;\xf7\x0fOnd{\xfext\x92m\x19\xd0\xa4\xdcX\xbf:\x9cuf\xc7\x8e\x97E?\x95\xce\xe0\xfa\xed\xfeq\xbd\x8e\nE\xddB\xcb\xa2\xd2S\xf50im\xf6/\x1d\xff\xeb\xc9i\xe0\x03\xfb\xb7i\xf1\xaczK\xe0\x14\xd8\x91\x10\x9aG\x7f\x07\x97O\x90olQ*\xa7\x81\xec\x80\xd1\x88\\\x89\xfck\xfa\x00\xf0\xaf\xe5\x83_\x8f\xdcLW\x8f\x88\x9a\x16\xcf\x06\xc0nw"~\x9eY"IaY\xd6n\x1evk\xc1\x87\xeb/.\xecp\xe6\x19\xc3\x1cKGw\r\xe9*X\x04\x80e\xa3\xbb\x01\xaf\xe5_17\x80$D\x00$\xc2\xa7\t\xd4-3\xaf/\xef\x12\xb2\x895.\xea\xbe\x7f\xc98\x00\x82T\xcb\xf3\xf3\xdb\xcfm\x9dGD\xe5\xf9$\xf5\r8\xc3h\x933\x169\xa71S\xb3\xb2\x8d\xf5\xab\x83w\xd7\x8c\x95\x99%\n\xa5\x0fO\xdf\x1f\x9e`\xff\xc6!\xf2I\xe5R\xaf`\x06\x87fI\xd3\xb8\xd7!\x8e{T\xea\xdfX\xear\x16\x9eh\xc7\xbc\x80-\xb3\x06\xb3\x7fu\xe5gY5\xbe\'\x1bv\x1c\\&gt;\x01\xc0\x14\xcd\x18=N*\xb8\'`e\x1eZ1\x11\xc0\xef\xa7\xcaB\xf9j\xb9\xd2\xc6v\xaa\xe3\xcc\xeb\x1f\xce6\xf0rD\x1cV\xd8ZS-\x979\xde\x7f\x92@\xc10\xb6HZ.s\xbcA\xcd*\x12Q\xbap\xb4vr\x9f\xc7\xa77\x13Q\xbfFeOo4+.\x16\x9a\x19\xd8\xb4\xbc\xe2v\x93\xcb\'\xf5\x0bf\x10\x0eO#Z\x8d7\xa9\x07\x16\xd0\xa6j\xdb\xf2\xaa\xde/\x02\x8ev\xc6\xb7\x848Dk&amp;\xf5fW\xa9A\xe1\x8c\x87\x96\xeb\xc8?\x8a_\x8f\xd8\xf5\xdc\x11\x18\x00\xe0\xc9\x99-\x16V\xacG\x9db\x00v\x06\x06\xa8\xed\xd0\xbcd\x8eE\x01~\xf2\xed\x1d+9/\x81h\xfb\x8a\x9e\xe2GT&gt;\xf83\t\xf0\xf3\xe8\xea)\xf1\x88\x00\x18\xb1H\x1a\xc5\x80\xcf\xc2\x97\xbbG\x1dP\x91\x7f\x0b\x00\xb4\x83o\xd9\xc2K\x1a\xa2)=\x1a\xe3\xe7\xc3\xeb\xfb\x96\xcd\x1b\xd4\x96I\x87\x0fk]%48\x119SL\\\xc0\xda\x1f\xfe\xf2\xc2\x0eV`c\x9f,V\x95)F\xec&gt;8\xd6\xaf\x0e\x00\x07\xe4\xf45\xce\xa2\x00?\xb5\xd0\x07\xc3\x82\x8e\x8d\x8b\xba\xb3K:\xa1k\x03\xcb\x03~\xb5M+\xbb\x16h\xc9e\xf33\xa4e%\xc3mv"\xdb#Z8E\x94\xba\xde\xe9\x01l\x9d3\xd4\xc2\x1c\x7f\xac\xf0@\xee\x08\xc7\xff\x08\x8d\xfczrZ\xd2\x90\x01X2J5\n\xa9d\xba\xa0E\x99z\xde\xe9\x01\xc4&amp;\xc2\x87\xeb\x00&lt;t\xa4V\xb4\x83w\xd2\x88z\x179\r$\xef\x96\xc3\xf2\xba\xd8\xa5W\xbd\x92A\'\x05,\x11\x92s&gt;{\x16\x8dV[q\xfd7\x91\x88hh\xcb\xca\xec\xf1\xb6\xd6\xf3\xbd[M\x1f\x00E\xddT\x1b\xe7\x9f\x8fO[\x12Z\x01\xc0d,k\xe3\xa2\xeeD\xc4\x06jLf\xaac\xe5\xfc\xf2\xdd\x8a\xa7\x91\x86\x8f\xf1\xb0lL7\xfcx\xc8Z\x8ft\xe1\xe9\xfc\xd6y\xba\x0e\xef\xe0\xeb\xd9\xbcdv\x03\xe7\xe5d\xd3\x8c\x81\x8e+\xdcI\xc4%2\x93\xd2S\x1b\xf6n\xbc\xbb\xb6OH\xc1\xb1{\xe1(\xb5\x81mD\x99J%s\xb1:\xbby\x0eL\'\xc3\x12\xe3\x1a\x12\x16\xc6\xd2\x19\xe3\x00\xd8&lt;c\x90\xc6&gt;\xb9\x82\x8fD\xd3;/v\xea?T)\x91\xd6\x8e;U\xf3\x929\xee\x1eYcm\xc4\x06\xf0\x19@nW\xe5oc\x12\xb9\x89&lt;\x11y\xc8\x16\x9d\x9a\xa9\xa4\x03\xc3\x87\xeb\xe2\x7f3\x1aI\xd3BD\x04 \xa0M\xb5\xfe\x8d\xcb\xca\x1f\xdb\x96\xa5s\x02\xbf7\xcf\x1c\xa4\xb6\xca\xb2nr_\xb5b\xdbW\xf4\x00\xde7.\xea~|\xed\xf4v\x15\xec\xe7t\nV\xa5?O\x1c\'\xd5\x00|\x14\x92\x85(\x0e\'\xc3\x86J\xa8\x01;\x03\x8b\r\xae\x9e7\xe5\xc6\xe9\x03\x0f\xad\x98\xb8o\xc9X\xb5=\x9b\x16\x93:\x9f\x08\x96h\xc9\xf6\xc4D\x9d\xaa\x14P,\xe4\xc2\xb6@\x00\xf8~\xbf\x91OP\xee\xb0S\x1bfj\xd70\x1aQw\xcd\xfc\xcbY\xf4\x07\xdb\xb0!^\xc3\xc2\x99t\x1fIDD\xed*x\x84\x06[\xd6\x7f\xe8"]x2\xd3\x0b\xa70j\xc7kS./\xcfQ\x87\xb9S\x9b\xf5mX\xe6 \xdf\n\xc7\xeb\xcb\xbb8\xcb\x94\xf0\xe0\xc4\x06\xb5\xaf\x80?\x8bGt.\x98,R\x8f\xda\xc5H4\x1b\x10\x1cp\xd9\\_\x8eWB\x02\xe0B\xd4\xbfq\xb9\xef\x0fO\x00o8%o;T\xf2\xa2\xe0#*\x8d&lt;6\xbap!z{u/\xcb3l C}\xa8C\xef\x03*\x1ewDW9\xbc`\xd2Hj3\xbe\x8f\xb7\x0e*\x1e2\xaa}M\x00g7\xcf\x91\x1f\xe2B\x947.]\xdb\xbb\xd4\'\x95\xcb\xc2\xe1\x9d\x88\xa8\\f;\xe1i\xfb\x96\x8c\x05\xe0\x08\x0f_\x98\x08\xd4\x04\xd0\xb9ZA\xc9FV\xc9T\x0eH\x83\xeeh\xc2\x13\xd5\xc8\x97*\x14\xceR\xe2\x11\x9d\\og\x88\xc0\x0f\xffC\xa4\xb8L4\xaes]\xc5\xf7k\xd3\xf4\x81g7\xcf\xd10P\xa8%\xc5d\xb6\xb5dDi\xf5\xf8\\e\x88\xc0+\x98\xd3\xa9\xb2\xf28\xcc0i\x88\xf0\xe6\xf2\x8c\xbe-N\xac\x9b\xce\xa6SER\xba0\xbfd|\xba\xc9\xf6\x01\x90\x80\xa8\x96gj\xe0\xa3x\xd4\xf8\xf3\xf1i\xe17\xc6#\x02~q\xfed\xf9\xa2\xa3v\x86\x0c]\xb3\xed\xd5\x13z\x01\x18\xdb\x89\xd7I\x9d\x88\x00\x84\x16\xd7r\tg\xb7\xcc\xb5|X\n\xbc\xd4\xfcV\xb9\xcbY&gt;\xc6\x1f\xdf\xef\x8bc\xacK\xa6\x8b\xc5"\x8b\xf0\x93\xab\xdb\xe79\x0b#\x06Y,~g\x98s[\xe6\x02\xd0\x15\xa9\x90?\x91\x95\xad.\x8f\xbfV\xd6h4\xce\xaf\xae$\x96\xc9\xdd\x85\n\'7%[\x10\x12J\xc9\xa1\x852\x19\xe3\xd6\xf3N\xaf\xcb.\xce\xb2\x12\x01xtr\xa3\xe0?\xcd\xc3W\x96W\xf5\x9f\xdb&lt;;\x03\xe8R\xbd\x10\xfb0\xacu\x15"\xeaY\xd7N\x160\x1e\x04E\n\x16\xe5\xb0tt\xb7\x98"\x01\x02\x00=\xea\x14\x9f\xd9\xaf%\xf06xe^K\x96\x0fs\x85\x92\xf7V\'\x1a\xb2Q!\x8cI\xbb\x84\xc9iU\xef\xfa%yv\xc3\xfb\xeb\xf6w\x92\x1c\xa2\xfe\xbb\x92\x11\xad\x18\xd7\x9d\xed\xa0\xcb\xf5\xdbA4+\x91\xbdt\xc68\x8a\xad\xa1&lt;0\x1d\xf8\xfa\xe8\xd4&amp;\xf1V\x17\xa2\x84D\xb9b\xd3\xb4\xde\xcd\xba\xd6(\xac+\x14\xab\xb6W\x9a{G\xd7\xda\xdd\xadmy\x05\xdbk\xb3\x12\xd9uI\x8a\x8aIA\xe4_\xd3\'\x94\xa4\xd3\xb36\xad\xeb\xd1\xd5SN\xac\x9bAD\x8d\x8ad\xb6\xb0X\xb2\x8d\xfd\xf1\xf3\xa1^\xf1\x81\xc4\xecu\xf8x\x93gg\x00{\x16\x8e&amp;\xa2\xcf\xb7\x0f\x8f\xe9T\xfb\xc1\xf1\xf5\x87WNjU:\x17\xbe\xdf\xef\xe0k\xca\xc7\x14x\x16d\xff}w\x15\xc0\xb4\xde\xcdr\xc5\x0e\x1a\x7f\xb0\xe51!\xbd\xb6F\xdd\xfa4(m\xa6\x0e\xff!\x05\xc0@\x9d9&lt;\r(%\x84\x08k&amp;)d\xea\th[\x8d\x88\xaa\xe6N\xeeh\x8b|\xbd\x82\xe9M\xba\x8e\x02\xf8\xf3\xec\xacdc\xb5&lt;\x7f\x15\xe6#\x12\rmY\t\x8a\xfcy\xd2\xa7A)\xd2\xa4\\\x96\xf8\x93\xbb7V\xf4\xd9P;\xa3\xa4z\x1c?B\x1fs\x07\xb6Y7\xb9\xef\xb6\xb9\xc3\x10\xd62;2\xd8\xb5?\xb6fZ&lt;\xa2\xef\x0fOt\xe1H\xf2#P \x89\x03\xad\x80s\x07\xb5\xe5\xdc\x13@\xe0\x90\xf6D4\xa3o\x8b\xceU\x0b\xe2\xeb]\x00\xdb\xe6\x0c\xb3\xe4}Q|T\x83\xbe\xfav\x8f\xe3p#\xfa\xc1v-\xc6\x14\x06\r\xb0!\x86\xde\xe7\x80\xed/\x8f\x10iY:\'\xde\\\xb6\xb4jR\xae\xeeY"8\x95:\x01\xcbcU\x00,\x1d\xa5\x10G\xde\xa4XV\xe5F_\x86]e\xab\xb6\xe5\xf3IV\xd4\xd9*\x0bg\xf5\xb4w0\xe6N\xf2\xfd\xe1Iy\xa5C\x9b?E\xc1d\xca?n\xf9\x18\xff\x98D\xe52\xc7\xf3H@\xcf\xcem\x0b\xf1d)\xac];\xb5a&amp;\xff;\x8b\xafw\xbf=8\xce&gt;\xbb\x11\x9d\xde4\x1b\xc0\xd7\xfb\xc7\xd8\x13\x95+6\xe9\n\x97\x93\x13#x7 l\xd7eh\xf2I\xe5"\x1c\xab-\xee\xcb\xd9^M\xeb\xdd\xec\xfa\xbee\xe2-k&amp;\xf5\xe1\xaf\xcf\xff\x11\x83\x9aU\x90\xb87e\x8aDDT.s|\xf1\x85~xb\x83\xb0\x1b\x80Ve\x14r\xd19z\x0c\x9e\xc0v\x96&lt;\x1c\x1ae\xe6\xad\x00\xce\x91\xbc\x0f\x12z\xe4F\xbe\xec\xac\x01&gt;\xdd\x04&gt;9\xae\xf2\xaf/\xeff\x1f\xdaW\xf4\xd4u`\x81\xc4\xa1k\x88\xf6\xf5\xfe\xb1\x90\xae\x82\x0e\xd6O\xed\xcf\xf3\xa2\xc5#\x02\xbe\x03\xb8wl\x9dx;&gt;\xde\xdc6g({\x9c\xcel\x9a3\xb3_K\x87\xd5\x94\xaa\xe4J\xc6N\xa4hu\x14#\xf8\xc8\x02\x18\xd7\xb9\xee\xc4n\r\x14\xf5\x0283\xb2-\x1e\xd1\x19\x80\xa0f\xc8\xde\xb2\xb07\x03\r\x11\xd4\x9e-\xc1\x81z@\x13e\xa9\x033\xf0\x0f\t\x01h+\x983Oa\x0b\xd3\xa5:\x0eq\xcb~u\xcf\x92\xb4DDt\xef\xd8:|\xbf\xaf\xd1\x07\x84p\xa5m0\xd7\xc6J9B|Xl\x01!\x92\xe8\xd1\t\xb0\x07\xe6T\xf0\x96\x94\xdd\xb0-\xb3\x868\xe1q*\x9c"\x8a\xf0\xdc\x0ehR\x1e_\xee\xc8k\xd8\xab^\xb0\xb9\xc2\xc7\x9b\x07\x87\xb4\xf0\x8d@\x943\x96A\x05\x1a"JF4+x\xc7\xd6\xac\x84\x03#\xc8\xfe\xe3\xff\x85b\xb2\xfcy\x86a\xfeB\x0c\xb1C\x8e\x0bQ\x8bR94:\x80C+L\xcd\xd9-\x04\xf8\xaa\x16\xdc\xc4\x8fF~\xe6\xff[\x86\xb6\xaa,\xf1\xc72\xe6v\xa2\xdd\xc4\x1f_;\xcd\x98N\xb8^\n$\x8e\xb0#0\x80\xd5\xe7\xe4\xfa\x19\xe2\xaf\x00\xb4)\x9bG\xbc\xe5\xc6\xfe\xe5\xfc\xca\xe7!\xa0\xe8\xf2\x1f\xe3:\xd7S\xfb\nx\xe6\xcc\x9a(\xb2w\xf1\x98\xdcq\xa8d:\x87\xf8\x97\t\xad\xb0I#F\xae\xd8\x7f\x8b\x92\xe7\x1eHD\xf4\xeb\xc9\x99\xd0?\tp\x1a\x8aBi\xa1\x1ck\x93L\x19\x8b\x84\x88\x19B\xb2Wj\xc8W\xf0$\x0fs\x02\xe7\xa6\x9c\xfa\x0f#\x18\x98/\x17K\x1dC|S\xab\xe6J\xee8\xab+~&lt;Pl(-1V\xbc\xb9\xb2\x87\x89Z\xe7Od?\x9b\x86\xe0\t\xca\xf2\xea\xf5\xaaWBp{\xd80\xb5?\x80\xb7WU\x95\xeb[\x96\xce\xa5\xd1\x01\xd8\xcd@\x1b:yse\xb7\xb1\x03\x9b\x16\xcfFD\xd9cP\x91\x94\xa1\xa89s\x10/\x95d\xe32\x84\xaeE\x13G1\xb8\xb9\xef\xf9m\x81\xa1-s\xea\xc0\xa6\x15\x9a\x15\xcf\x96(\xa4\xaba%\x9c\x89\x8a,$\xad\xe8sd\xa3N\x87\xc0?Dd7\xb1\x8c\xe3F\xca#\xdb\xd5\x00\x10\x97\xa8w\xfd\x92\xab\'*\xb8\xa5\n\xd4+\x98\x01x\xd3\xa6\\\x1eV\x93\xe3k\xa7\x01\xbf\x85*\xb1\x8d3\xfa4\xcf\xab\xe2\xd2\x9692\xe1\xeb\xbd\x7f\xd9$\xa0\x1c_*\x085\x1c\xba\\i\x1e\xab\x9a\xe8/\xf7\x8e\x12w\xca\xc60\x87\xe3r\xaf:\x88\x9b\x07V\x9c\xde8K\xcdR\x16Jb_xiQ*\xa8kUs\x06w\x02\xe9\xc2QJY\x07`W\xa2K\xc2\x84n\r\x88H\xd1\xab\xd2\xa1\x08\x8d\xef\x84\xae\xf55\xf2\x02&amp; zxb\xc3\xac\xfe\xadr\xc6\xa2\xca9\x93\xe2\xdd\xb5\x92\xe9c\'\'\xaa_0\xc3\x97{G=\xe2\x07\x95S5\xb7\xaa\x98\xbf+\xd1\x95\xdd\x8b5:\x00\xe0\xb3#~\xe0\xbf\x801\x9dj\x87t\x15,@\xde\xc7\x97wO\xc0:\x859\x03[\x1b+3\x85z\xb6"\xa71\xa8yEg\x9enF\xdf\x16\x97w-\xe2\xd9S- _;\xa1\xdb\x8c\xbe-\xf4W\xca\x91\xb0\xa0\x0fE\xb2E\'\x00\x13\xba\xd6/\x931n\xf7\xda\xc5\x00\x0ci\xe1k\xb7\xc0/\xf7\x8e\x1a\x1boFPy\x15\xd7O\xed\x1f#\xf8\xf3=\xa8YE6\xb4\x17\x83\xdf\x8f\x81w9b*\xcf\x15\x16\x0e\xef\xb4w\xf1\x98\x10\x1c\x08\xfb\xa4\x8a\xa6\xbd\xc8 \x0f\x1c]0\xac\xe3\xfa\xa9\xfd\x88h\xe9\xe8\xae\x00V\x8d\xef\xc9:\xbd\x88D\xf3\x06\xb7\xf3\nnS\xf2I\x15-pp;\xcd\x0e LN\x02\x1cM\xb8P\x9c\xc5L\x1b\xc9XR\xfe+\xdc\xa3\xd2\x92Q]\x98\x9a\x82\xdc\x13\xaf\x83\xaf\x17\x00\xc3\xda\x9f\xffV\xa6\xf5n\xc6\xb3\x9bOJ\x97\xcd3\x07-\x18\xd6A&gt;\xaa\xb3\x1b\x80\x19\xba\x00\xa0\xd1\xc9_\xd9\xbdxL\xa7\xda\xba\x1a\x11\x96\x88jF\xdf\x16\x05\x93\xeax\xb8v\xce\x1f!\x98&gt;x\xea\xacV\x93\xb4\xeaA\x8f\x8ek\x04\xe5mw\xf7ZE7N\x1f\x10\xec\xec\xef\xae\x1a.\x9f\xd5\xbco\xc32\xf1\x88R\xd9\xfeeZ\xd9\x02y\xe3\xd2\x9e\x85\xa3\xb5;\x80\xf9CU;{~Jgp5_H\xa8\xe2\xcf\xd3\xb3\xa4\x94\x1c&lt;SdSR\xa0z\x01\xfe\x08\x9f\r\x84\xda\xcb[\xa2\x1a\xf9Ri\xbc\xb6xq\xc1\x99=_\xde\xb8\xc6\xe5\x91G\xb6\xaf\x01\xa0D\xda\xa0;d\xfeE\xbe\xb8}\xbe\x99\xc3\x19\x8a\xe6\x04V\xb7\x8aa\xc8\xfe\x0f\xa0t\x868j\x83\xd3\xbf\xf2\x1d@\xafz%\xae\xedY\xcaQ\xe0K\x00\x8b\x02\xfc\xe2\xda\xca\xaf\x93?-l\xbe+j"V\xc0Gv\x16q\xd6\x94\xfdK\xc7\xa9\xd5\x19\xfae|\x98\xc6\xba\xce\x83\xa4\x08\xf3;\xe0\xa3\xc6nER\xfe\xb5\xc8\x9a\xcf=\xc0~\xef\xfa\xa9\xfdG\xb4\xab~l\xcdT\xe1\x8eH$\x0c\xeb\x15\xcc\xa0\xdd\x01T\xcc\xaa\xcfO\xda\xb0Wu\xd8\xa2\x96gjEs|j\xe7\xca\xd5\x01\xdf\xad-\xb0x\x9a\x18\xaa\xad\xbfR\xc7pn\xeb\xbc\xa7\x96&amp;\xb6\x14xqa\x07\x80G\'7\xee[&lt;\x96\x88\x1a\x14\xca\xa8\xb7\x04\xa1\xc2e2\xc6\x91\xd7\xbcLF\x05y$\x93\xa9O\xedW\xe9\xf9y\x85\x8d\x00\x00\x07\xb9\x14:\x84ck\xa6j|\x1b\x83\xe8\xc3\x8d\x03\xecW\x95\xcb\x1c\x8f\'-\x17\xdb\xf9\xc2\xb6@w\x17\xc2\xabK\x1ac\x10\tKG\xf3\x1a\xe8Y\x81by[\x964F\xf8V\xf1\xa8\xaa\xb9\x93\xab\r\xe8\xf0\xf5\x9eZ\x02n\t\x82@\x8d\xf6/\xd2+\xaf\xa4\x8d\xed\x12\xbe\x00^,\x1b\xddM\xb8\xa4b\x15\x07\x17"\xbc8\xaf\xdd\x01&lt;?\xbf\xcd\xc2Z9\x87t\xf6\x9d\xa7T\xe9^[+\'D\xa8EHR\xaf\x8d\x9b(\x1aV\x17,\xd9*\x00\xbc8/\xde\xce\xf9\x9e\xdaE\xee&lt;\xb7{\xc1\xa8\x15c\xbb\xb7,\x9d\xb3z\xde\x94D\xd4\xb0p&amp;\x03\'\x02\xbe\x02X\x14\xe0\xa7]\xcfdD\xd5\xf3\xa6\x8cE4\xb4e%\xe7\xaf[f\x8aL\xef\xae\xeds\xfai\x1d\x06k\xedz\xd4)\xc6\x7f\x88\xb8\xc5I\x17^*\xff\xc4z\x10\xdf\xec\x89\x89\xa8U\x99\xdc\x8a%\x14J\x16Y\xef\xf3\xc1\n\xffx\xf3 \xb3x\x9a\xd74\xcf\x16\xcd\xb8i\xb8R\x8e$\x96\xbcH\x02\x7f/\xdf\xc7\x1bb\xa7U\xf1\xa3\xd6\xab^I\xe0\x83v\x07`&gt;"\xacn\x81t&amp;K\xd0\xcb\xae\x05#\x99\x92G\xe0\x90\xf6\xeci\x8ckix\x1dCc%,\xc4Qs\x83\x19\xd6\xaa\x8a\xe1\xd0\x81b\xa9\xa3\xd7\xf4pc&gt;\x05\xece$\xdbcf\xd2M\xa5~!-\x9d\xea\x84D\x85\x93G\x01``j\xc5\x9a\xfeI\xfe\r\x01\x88g\xd8\x12\xd6N\xea\xc3\xb4\x8c\xda\x94\xcb\xab\x96\xc95\xc4W\xb6C\x11\x00\n%W\xbd\xe7\xf3\x87v\x00\xde\xe9\n\xfe\xfb;\xde&lt;\xb7M\xf8\x97\xdd6\x81\x02\x89#\xa4\x0bG\x85Sp\xa9\xc9\x8bm\xa3\x1a\xb4\xaf\xe8\xc9\n\xd7%\x95\xaeFnW;\x1d@F\x153\xad\x9bL\xa6\xc2+a8\x93\xfd\xc1\xe8\x8e\xb5\x14\x1b\xf4q\x9d\xeb\xb2\x1d\xcad\x8c#\x8c\x8c\xbe?&lt;q\xff\xd8:\xc5\xfd\xcd\xd4A/\xfd\x1a\x95%\xa2\x91\xb6\x84|j\x06\xd3\x07\xc7\xd7k\x97\xd3\xbal\x9e\xb1~u\xdc\x88\x00\\\xdf\xb7\x0c\xc0\xebK\x06SVi0\xbac-k\x0btF\xbc\xac~\xb4gS\xef\xaf\xefg/.giW\x94\xbce\x1c\'\xf5\xe1b\xcf\\\xc1\xa8\xe5\x99\x9a\x19*\x12\x87\xd9\xe5}\xa7\xa2}\x8d\x0c4\x1c\xec\x10A\x87\x12xZ%W2"\xca\xeaB\x00\x9e\x9d\xdb\xc6\xd3\x1e\x01xyqg|\xa2\xeds\x87\xf3W@om\xf3\xa9\x8f\x04\xec\x96\xe3%3\x90\xf3+\xee\x1a@\xb1A\xdf\x19\x18\x14\x9cQ$\xa5\xcb\x9aI\xbd\x0f,\x1b\xff\xfe\xc6\xfeA\xcd*\xbc\xbd\xba7\xc4;\x80\xbf\xd5\xfetK\xed\xdb\xda^iN\xae\x9fq\xe7\xf0j\x8d\xba\xa5$\xaa\xe0\x9e\x80\x88\x066\xadP\xd4-\x1a~&lt;pHEC%\xc6,\x18fd\xb4S\x11\xe1\xdb=\x89\xfb\xc6\x95]\x8b~=9#vAf\xc9\xdf\xf9\x9f(k\x921*1\xbac-\x8dY\xe9\x7f#}\xe3\x08\xaaLz\x0f\x9447\'\xd7\xcf\xbc}h\x95D\xdb\xafl\xa6\xb8\x0b\x86u\xd4(\xa4x\xea\x18e3\xc5\xdd2k\xc8\xee\x05#\xd9\x0c`\xfe\xd0\x0e\x16\xc66F#j\xec\x93Ec\x07\x03n\x18\x96\xb7\xb0b=\x83\x03\xcb\xc6\xb3\xab\xfa\xfa\xf2\xae\xd1\x1dk\x95\xc9\x18g\xef\xe21-K\xe5\x14vHAT\xbfP\xc6\x91\xedk\xdc:\xb8R\xa9\xf1\xff\x03\xfc\xb6\xb6z\xe6\x89G\xf4\xfe\xfa\xbe+\xbb\x17w\xabQ\xc4\xaa2\x8d\xdd\x85\xcc\xa62\x9b9\n\x03\xeb\x1f\x1b\xa7\x0f\x80\x89\xac\xa5r\xa6\xf6l\xa28\x80\xa8\xeb\x9d\x8e3\xc7a\xe9\x0c\xae\x0e\xca \x92\x92h\xc3\xb4\xfe\xccfU\xbfP\xc6\xa7g\xb7\xba9\xe24\xff\x9f\xb0Q\xe4\x8fG\'\r\x1c\x0b\xbc\x01\x00|\xd1\xd8gj\xaf\xa6v\xbd\xc22\x89LS\xfd\x1b\x97=\xb8|\x02\x11\xb5.\xab\xbcr\xa0\x0b\x00\xdf\x0c\xc7\xe8\x00\x00 \x00IDAT\xf5\x0bf`\xa6\x15\xf3\xa5\x89\xa9\xe7\x9d\x1e?\x1f\xbe\xbb\xb6\x0f\x80\xc6\xfb\xebF\x04\xa0g\x9d\xe2\xfc%\xbf\xb9\xb2\xdb\xf6&amp;\xfesn\xeb&lt;5/[y\xdb\xbfu\xf6P\xb5\xf0\x137\xa2\xfa\xfa]2$\x18v\x16\x1a\xdd\xb1\xd6\xa7\xdb\x87\\\x8d\x1e\xae(\x00 \xbe\xa1\xe9\xc3\xb8\x1c\xc2\x08\x9b\x01\x8d\x93\xcd3\x07\xd7\xf6J\x03\xfc\x14.B\x02\xd3\xe3\x12\x00\xad\xca\xe4^\x14\xe0W\xd4\x8d\xd7\x8b\xd3\xa1\x99m\xe4&lt;:\xb5\xc9\'U\xb4VerW\xce\x91\xb4\xa1\xd5Y\xd8\xfe\xc3 l\xd4i\'\x1d\x89=|R\xbaTp\x0fj^\x84\xb4\x0f\x13\xbb5\xb4{\xa0&lt;\xff\x8c\xbcz\xe6\xaa\xa6XfP:\xd3]\x0bF&gt;=\xbb\x15"-~y\x13i`v\xf5\xf0\xc4\x06q\xb3~i\xc7\x02y&amp;\xeb\x98\xb2\x0e`r\xf7Fr\x0fwka\x8b=\xceG{\x84\xf1\x7f\xcb\xf06U\x99\xfe\x11{\x08\xf5&gt;f\xd6\xe6\xde\xc9\xa1/`\xdf\x08\xbe\xd9\x12y$\xa09\x03Z\x03O\xffS\x8a\r-\xb8\xaa;\xf9\xe8"\xadl\x0b\xf0\x07\xc0\x8ey\x01\xec_\xc5%\'\x00\xefo\xec\xffz\xff\xd8\x88\xb6\xfa\xc6Pf\x90\xf8\xfbO\xed\xd5T\xfc/3\x832S\xc3\xc4n\r\x8c\xf5@B\xb4\x84\x8dO\x8d\x8ad\xf6L@%\xd2\xc6Z0\xac\xe3\xc3\x93\x1b\xc5\xdf\xf9\xd7\xf2\x91\'D\xeb\xe0\xeb\xd5\xb1R\xfe\xf2Y\xc2\x9a\xc0\x8a:\xe6\xc3,\xfe\xad\xc4#\x02\xbep$C\xb2\x8cW\x97vJ\xb6\xb8\xabx\xeb\x88\xf5\x12\xc4\xa1?\xa1\x8a\xff\x1e-}\xe0\xd5E\xbb\xfb\x18\x98\x1cJ,\x1d\x99"\x05\x1b&gt;\xab\x8dq.n\x9f\xff\xf0\xe4F\x93\xea\xf3\xcc#\x9b\xfd\xb5\x9b^\x91\xc7\xf0zs\xffr\x00\xc0Sc\xf5Y5\xa1\x97v\xee\x17\xe0\xe7\xb9\xad\xf3r\xc4 "\x8aO$w\x96d\x8e4\xeb\xa6\xf4\xad\x93_\xde\xb7\xaaR\xcb35\x00\x9fT\xd1\xbaV/\xbcd\x94\xc1D\xf0\x8e\x80\xd3\x0c\xfd\x1f\xce\x01\x80W\xa2p\r\n\xdb7*\x8a\xb3\xfbj(\\i\xd3\xafQ\x19c\x07\xfe\x87\xf5\xb0\xe6\xa7o\xc3\xd2v\xf7\xb1\xea\\\xc2g5\xc1_\xbb\x96\x0f\xc1\x03\x9a\x07\xe6\x8b\x12\xb2x\xc4\xa7X*\x1eA\xb5\xbd\xd2d\x89J&lt;\x11\xe8zs\x9f\xb1K\xdd\xbcd\x0e6jS\x88\xb94G\xbex\x94W\xb3P\xcf\x04T9g\xd2\x02I"\xb8\xc9\xbe\xd2\x1b\xdb\xac\r\xfe&lt;q\x90\xf6\x83\xafc\xb4\x01f\xf5o\xe5\x88b\xcdsx\xe5$\x8d\xa0bW\x8bl\xb0\x06^\xc8\xd0\x96[\xf4_B\xe5\x9cIWO\xe8U.\xb3\x1d\xb7\xab\x9b\x07V\xe8JQk!\x05\x12G\xf0\xab\xe2=op;c\x87{&amp;\xa4R\x0e\xd3\xc0\x01\x90&gt;\x02%\xd69\xe5\xc4\xbbk\xd7\xf6.\x05\xde[\xee\xc3.\xa0\x11nc!o\xae\xa8&amp;9\xf8\x7f\xa0B\xd6\x84\x00\xba\xd6(\xac\xf7\xc0\xfa\x053\xb4\x10\xb9\x81\xa9ax\xd4\xd5\xa7~)\xc3kx,\x1f\x83\x06\x92*\x19\x16\x1b\xb6\xdb\xe6H\xe0\x8c=\xfa\x0f\'\x11\x81\xe8\xf1\xa9M\xbb\x17\x8er\xf4\x89\x84\x91r\x9f\xfa\xa1K\xab\x8f\x8d\xe8\xf3\xc6\xd5\xfd\xa2^0*h\x158\xc4`/h\x92v\x15&lt;\xd8\x07\xc9\xcf\xd4\xf8\xd5\xba:]f\xee3\xe3\x05o\x12fU+\x98L\x9f\xc0&amp;\xde]\x03\xa0\xf7(\xde\xc2\x81\xdb\x87V\x198\xd0\x95\xa8}EO\x9fT.\x1a\xea/\xc9\x89\xdaU\xf0(\x9aJ\x9f\x1d\x8e\xadI\xec\x0c\x0c "\x03\xdd\x9e\x1a\x9c\xfd@M\x0f7\xf6\x81S\xf5\xf3\xff\x9d\xf2\x8e\xb4{\x0cjV\x11\xdfl\x16\xed\xafw\x1dw"F\xe5\x9cI\xf1\xc5!g\xb9y`\x85\xb1\x03\x9f\x9d\xdb\xda\xa3N1\x16\x12\xb1tT\xd7\x89\xdd\x1a\xf0\x1f\x0b\x80s\xd4\xf4\xeb\xc9iC\xb5\xb3\x12\xa1{\x03^IZ\xfc\xc3+\'Yu\x8a\xe8Dg6\xcf\xb1\xa44\x03\xb0S_\xdfk_0Q\xcc\x87\x1b\x07\xf0\xe7\x89cj\xe4(z\xd5+\xc1\x1c\x8b%\xa3\x96N\x95\x0b\xe8\xd2A\xf3\xe2H\x93\xc7C\xf4\xe0.\xe3\xda\xc4\'\xf2\xaf\xe9\x03@n"\xf6\xaf\xe9\x13\xb6\xf2\xb58\x1c\xbb\xf9\xf4\xec&amp;cc\xe2\xa0\xc0Wqr&gt;\xc1C\xa6c\xe5\xfcKFv\x01\x90\xd6\x9a\'!\x8c\xe1j\xe2X\xf1\x8b\xb7i\xc6@\xb5\xddxl\xcf\xd5\x1d\x9f\xed\xe7\xe0\xf2\x89\xc0\x0b"\x02\xbe,\x19\xf9w\x19\x99E\x89\xab!Ws\xcb\x16\x8d\xd4\xdcZ\x1c\xad\xfeh\x17&amp;\xda\xa3cm\x9d\x88\x88\xe2;8\x86\\\x11\xe0\x9b\xa9\xc3\x9f\x9f\x03\x90H\xd6\x01\xdc9\xbc:Dl,\xe20\xb3HD\x85\x92\xd9i\xc6Y\x94+g.\x04\xbb\xe6\xac\x7f\x15\x93{4\xe67D\xb0\x88\xf0\xc0\xc1\xedr\xd9z}\xbc\xb9\xcc&lt;O\xa6\xf6l"\xde\xd3\xaa\xe5_\xbd8J\x97\xc4\x04?\x1f\x9f\x020%\xf8\xf51\x80\x85\xd7\x93\xad![U\x9a\xbds}\xaeg\x85X\x93\x1c\xedlE\x16\xaa\x02\xa89\x9b\xcb\xc32\x88/=\x88^a\xf3\x10\x84\x05c\x8e\xf5\xab\x03\xfc*\x931.\x80\x13\xeb\xa6K\xf6iUF\x9f\x97\x81\x19\xa6\xf5j\n 6Q\x91\x14A\xebU\xd7\xf6.\x9d\xdc\xbd\x91\xd3*\xf0oCM\xe3L\x0e\xf0\t@\x86\x08\xe4\x93*Z\xd5\\\xc9m\x1b\xf1\xf0\xe4\x06]g,\x9d\xc1uh\xab\xca\xec\xb3\xe5^\r\xb5&lt;-V\xe5\xaa\xed\x95&amp;]\xf0\xf7&lt;\x81~\xe5\xaf\xa1-+\x99\xaf\x89\xc9 ;1\x00\xae\xe94\\\x84B\x9a\x97\xc8&gt;\xaaC\xcd\x1eu\x8a9:\r\xbcb\xd7;\xd3\x16k=\xa5Gc\x07\x9f?$Y;\xa9O\xfb\x8a\x9ey\xe2h\x8d?\xdc\x9cX\x1f\xbc\xb9\xccZ\xa12\x99\xe2\x12Q\xff\xc6\xe5.\xed\\\x98!\x02%\xe0\x9b\xfb:\x9a\xde\xa1l\xc5Q\x07c:\xdaI\x94\xca\x06\xf5\x92\xe5{\xfe\xf4\xaaB\x0e\xeb\xfe\x8d\xcb\t\xee\xea\xd7\xf7-\xf3\xcd\x96\xc8\xae\xc7\xbd\x06GVM\x9e\xd1\xa7\xb9\xdc\xa2aa0\xacZ\xa8\xa4\x814\x17\xa1\x84\xed\xf3\x86\x0fjV!\x04\x97O-\x81=\x90\x8a\x0f\xcf\x86\xa9\xfd\x81O\x8e;\xb5v\x83h\x17\xb1\xd5h\xe5\xf8\x1e\xe6\xeb\xe38X~\xc0\xcf\xb7\x0f\x0b\x91\xf9\xe6\xd1x7\xdbU\xf0\x00\xa0\x91]\x03\x1f\xae\x03\xf8\xfd\xf4\x8c\x90$&lt;\n\x11\x80\xdd\x0bFM\xe8Z\xdf\xc9\xf9\x84\xc5\xfc\x9f$S\xb2\x00\xb1l\x03\xf0\x869\x9b\x17u3\x12\xe2S:\x83\xab\xe0\xedsh\xc5\xc4\x03K\xc7\x0flV\xa1L\xc68\x0e\r\x10\x8fJ\xf4\xee\xda&gt;\x96VP\x82\x10l\x15\xd6\x9d\xcfn\x1fZ\xf5\xec\xdc\xb6+\xbb\x17;\xe7tv5\xa2\x15\xc9\x19KK.\x18\x80y\xd5#\r\xcc\x08\xe0\x1c]=\xc5\xc2\x9a8\x94\xe2ib\xe0\xcf\x135\x81\x87S\x1bf&gt;9\xb3YWx\r\x11m\x9f;\xec\xfc\xd6@\xb9)\x89\x01`Z\xf0\xa0z1\x1b\xa7\x0f\x04 y\xc1Y\x0bP\xbfP\xc6\xd0\x10\xbb\x13\xda\xb18\xb3\x06\x07\x92\x0c\xbax{\xb5T\xfa\xd8\x11\x88\xdaW\xf4\x146\xfexxrF\x9f\xe6\x06\n\xbfup%\xf0C\x14 \xf5\x0bx\xd1\xad\xa6\x8f\xc9:k\x10W\x96\x9e\x9b\xd1\xaaL\xee\xde\xf5J:\xee\xbc\xffV\xc2;f\xc5(\x1a\x91\xd3:\xb0\x7f\x1f7\x0f\xac`w\xa4w}\xd5G\xbao\xc3\xd2g6\xcfy}y\xb7\xde\xf0\xfb\xc4D\xc0/\xc3w&lt;\xa0M5\xf1\xbf,\x93\x07s\tsfF\xcf\xb0\x8a\x81\xeb\xae\xe8A\xc5I\xb6\xe8\x7f\xcf\xe8W\xa5\x80\xf8U\x9f\xdc\xbd1\xfbP*}l\x00,\xbe)\xab\xa1`\xff\xa9\xbd\x9a\x02xp|\xbdvSb\xac\xf3kZ,k\xafz%\xf4\x1ee\xec\x87H\x88OT$eT\xe0\xb9\x85\x0b\x00\xa1\x10\x00\xf7\x8f\xad\x93owuzM\xfe\x83\xc1\xdc=4v\x88@\x84\x97\x17\x16\x8f\xe8l\xac|7c\x87\xa9\x00`\xdd\xe4\xbe\x96\xb7\xfei\x89\xfa7.+\xfc\xfb\xe7\xd9\xd9U\x13zY}\x92\xb0\x00\x00\xbbr\x9b\x92\xfd[\xd8\xbcEYj0\xf1W\x93\xfc\xa5\xea\x9e\xc2\xe8\xbdp\x8a(\x96\x9b\xd2z\xd4.fF\x9b\xdc\'\x95\xa3\x97\x18U)\x95&gt;6\xf0gD\xdbj\x00\x84e\xf3\xff+,\xe9D\x15\x19\xd8\xb4\xbc\xdaW/\xceo7Sr\x9bry\xcd\x1c\xce\x0f\xbe\xdc\xd1\xf8V\x92\xf0 \xa1\x13{\xd3\x99}[\xfc\xfb\xc6+\xf9\xe2\x11\x80\x8f7\x0f:^\xed4\xf4\xd1\xb1r\xfe\n\xee\tz\xd6\x95\x8e\x82\x17\x0e\xef\x84o\xf7\x84\x7f\x99\x0b&amp;[\xc6\xd1e\x16\xf4\xab\xe2-\xf4\x01-9\x82\xddu\x01\xfc\x14\xfa.\xfc|hm\xe1\xff\xe1\x08\x0e\xad\x988\x7fh\x07\xf1\x16w\x17\xca`\xa2\x1b\x97xm\rmU\xf9\xd6\xc1\x95\x8a{\xb2I\xaa\xe1\x13\xc9\xc7I\x1a\xe9W\xcd\x90&gt;&lt;m\x9d=\x84sg|\xbe\x85\x17\xe7\'wo\x94\xc9!\xd1\xc7\xc1X:\xba\xeb\xfa)\xfd\x1cW~\x08\x86\x0f\x01\xc0\x87\xebd\x0bA\xff\x97\xc3\x06\x10\x91\x88.l\x0b,\x908B\x86\x88t\xe7\xf0j\xe0K\xa7\xca\xf9\x85}\xf6.\x1a\x03\xe0\xd1\xc9\x8db\x9fk\xa6\xde,\xc8\x00\x84\x14~U\xbd\xd9\x07q\x8am\xb5w\xdb\xaf\x8a\xd9\x9c\xf2\x96#\xc8_;\x81\x84D\xcc+t\xd3\x8cAj\xfbT\xce\x91\xd4i\xb1{\x8bF\xf8\xdd\xd8\xbf\\\xf87\x12\xd1\xabK\xbb\xd6L\xeam\xb8\xc0\xe2i\x82\x19\xff&gt;\xdc8\xa0\xd1\xca?:\xb9Qo\xf9&gt;)\x95\xa7\x89V\xadm\xe8\x9a\x08\xc9;\xa17Wv[\x927\xdb.\tmq\x03\xe6\xc9\xa5#\xbe\xd8\x1a8S\x91\x87y\x98\xb7\xac\xdd\x11:\xdb\xed\xe3\xcd\x83\x00\xf0\xea\xa2b\xd4\xe5\xf0\xd6U\xd8#.v*\xff\xf1\xe8\xe4\xef\'g\xaa\x98\xf0\xec4I|\xa2\x01M\xca;-\xe7_+\x99\xd6\xe6\xd3\xb3[s\xc56\xe5&amp;\xe8\x91\x80\xe4I]\x8c9\x9d\xa8\xbdGUs\'\xbf\xbeo\x99xK"\xa2\xd6e\xf3\x90J\xe6d53\xbd\x1ajm\x1f\xe72L\x12"\xb1N\xc6\xdd#k\xf2\x19\xcd3\xebF\xb4i\xc6 \xf1\x03\xcf\xcc\x92\xf3\x87\xb4\x17\xef\xd6\xb9j\xc1\xe2i\x94\xe7\xf7Q5W\xcez\xd7/\t\xbc\x1c\xd0\xa4\\\x85\xe0J\xa5\xe3;\xd73\x10%\xa3\x860\x8f\x08\x9d\xd6\x95+\xbb\x17\x03\xef\x8e\xae\x9a\x02|`\x1e\xfa\x86\x91\x04\xe2\x86SJ\x95\x9cR\xb6\xc50,\xa0\xec\xd4\x86Y\x1fn\x1c\xe0?j\xc5\xd8\xee\xd6U\xc1\xb9l\x98\xd6_\xb0\xb7\x9c\xb5\xa7\xa3\xd2\xb6|&gt;\x00\x1a\xd2%\x1d|\xbd\xe4\xef\x86\x83\xec\xe6v\x9b\xd4\xad\xb3\x87\x12Q\xf5\xbc\xf6\x1f\x8f\xfc\x89\xc2k\xa7\x086I|\xa5\xda\xc6f\xcd\xe2\x97;\x00\xf0\xee\xaa\xf8\xabpD\xc2\xf4\xbc\x93E\xd3\x11\xef$\x11\xd9]\xde\xb5`$\xf0T\xf2{O\xae\x9f\xf1\xe8\xd4&amp;\xc5\x03k\xe4K%n\xeb\x01\x00\xdf\xf5\x0ef\x1f\x9d\xda\x08\xc0\x8c\xd8r\xc1d\x91\x0c\xac\xbd+\xe2\x93\xcaE\x98\x112J\xa5\x97\xf6\x8c\x19"(/\x0c\x0cmUy\\\xe7\xba&lt;\xbf]r\x8ams\x86Y\xe8\xda\xb4tTW"\xaa\xe9\xe1&amp;N\x1c-\'\x11\x91\x19#\xb5\xde\xf7v\xb0\xcd\xef\xbe\xa6\x87\x1b\xc4|\xbcI\xa2\x80g\xb5\x04\x00GVM\x06\xe0*\xda2\xb9{#\xc9E\xcb\x16\x9d\x16\x0c\xeb(\x0e?jW!\xdf\x9b+\xbb\xc5\xfbt\xaf%U\x10\xe1\'\xb7+m\x995\x18@/n\x17\xbe\x95\xe3{\x02`\xa3%1\xf2-\xa1\x17\xe1Ni\xef\x96)2e\x0f&gt;fKM\x14\x8fh\xac_\x1d\x93\x15\xe8\xd7\xb8,kY\xd4\x86]r8\x03\xaf\xc2\x91\x1d\xb9yF6kS\xe1\xf1\xc1\xbc\xdf\x18b\x07\x83\x82\xc9"5-\x96\xd5\xf2\xd3m\x9c&gt;\x00x\xad\xf8UnW\xd5\x14\xe4\xcf\xcem\x95\xac\xdbs&gt;-b\xbe?&lt;a\xbe\xf9sw\xa1\x16\xf6\xb4\xa7\x1c\r\x00c\x89\xa2,l\xfd\x89\xe8\xfc\xb6@\xef$\x11\x85W\xa5\x99\xba^\xcd\xce\xc0\x80\xe9&amp;\x94/\x9f\x9e\xd9\xa2Vs\xf9\x8bZ&amp;c0\xa1\xa6\xe8D\x8bGt.\xea\x16\xadY\x89\xecl\x0b\x9b\xaf\x14H\x1c\xa1{\xedb\xe2=\xdd\x88\x88\xcfD\xa6\xb8l1\xbeK\xbd\xa1-+k\x1f\xc8O\xd6h\x04\x80\xdfhql\xcdTkon\x08\x80\xd7\x97\xf1\xfa\x92\xb1\xf5\xa9z\xde\xe9+eOLD\xe9#\xe8{\xca\xddDo\</t>
        </is>
      </c>
      <c r="E233" t="inlineStr">
        <is>
          <t>&lt;class 'numpy.ndarray'&gt;</t>
        </is>
      </c>
    </row>
    <row r="234">
      <c r="A234" s="1" t="n">
        <v>232</v>
      </c>
      <c r="B234" t="inlineStr">
        <is>
          <t>steps_per_sec</t>
        </is>
      </c>
      <c r="C234" t="n">
        <v>3400</v>
      </c>
      <c r="D234" t="inlineStr">
        <is>
          <t>3.3419116</t>
        </is>
      </c>
      <c r="E234" t="inlineStr">
        <is>
          <t>&lt;class 'numpy.ndarray'&gt;</t>
        </is>
      </c>
    </row>
    <row r="235">
      <c r="A235" s="1" t="n">
        <v>233</v>
      </c>
      <c r="B235" t="inlineStr">
        <is>
          <t>Loss/object_center</t>
        </is>
      </c>
      <c r="C235" t="n">
        <v>3400</v>
      </c>
      <c r="D235" t="inlineStr">
        <is>
          <t>0.20878077</t>
        </is>
      </c>
      <c r="E235" t="inlineStr">
        <is>
          <t>&lt;class 'numpy.ndarray'&gt;</t>
        </is>
      </c>
    </row>
    <row r="236">
      <c r="A236" s="1" t="n">
        <v>234</v>
      </c>
      <c r="B236" t="inlineStr">
        <is>
          <t>Loss/box/scale</t>
        </is>
      </c>
      <c r="C236" t="n">
        <v>3400</v>
      </c>
      <c r="D236" t="inlineStr">
        <is>
          <t>0.13249736</t>
        </is>
      </c>
      <c r="E236" t="inlineStr">
        <is>
          <t>&lt;class 'numpy.ndarray'&gt;</t>
        </is>
      </c>
    </row>
    <row r="237">
      <c r="A237" s="1" t="n">
        <v>235</v>
      </c>
      <c r="B237" t="inlineStr">
        <is>
          <t>Loss/box/offset</t>
        </is>
      </c>
      <c r="C237" t="n">
        <v>3400</v>
      </c>
      <c r="D237" t="inlineStr">
        <is>
          <t>0.19417089</t>
        </is>
      </c>
      <c r="E237" t="inlineStr">
        <is>
          <t>&lt;class 'numpy.ndarray'&gt;</t>
        </is>
      </c>
    </row>
    <row r="238">
      <c r="A238" s="1" t="n">
        <v>236</v>
      </c>
      <c r="B238" t="inlineStr">
        <is>
          <t>Loss/total_loss</t>
        </is>
      </c>
      <c r="C238" t="n">
        <v>3400</v>
      </c>
      <c r="D238" t="inlineStr">
        <is>
          <t>0.535449</t>
        </is>
      </c>
      <c r="E238" t="inlineStr">
        <is>
          <t>&lt;class 'numpy.ndarray'&gt;</t>
        </is>
      </c>
    </row>
    <row r="239">
      <c r="A239" s="1" t="n">
        <v>237</v>
      </c>
      <c r="B239" t="inlineStr">
        <is>
          <t>learning_rate</t>
        </is>
      </c>
      <c r="C239" t="n">
        <v>3400</v>
      </c>
      <c r="D239" t="inlineStr">
        <is>
          <t>0.001</t>
        </is>
      </c>
      <c r="E239" t="inlineStr">
        <is>
          <t>&lt;class 'numpy.ndarray'&gt;</t>
        </is>
      </c>
    </row>
    <row r="240">
      <c r="A240" s="1" t="n">
        <v>238</v>
      </c>
      <c r="B240" t="inlineStr">
        <is>
          <t>train_input_images</t>
        </is>
      </c>
      <c r="C240" t="n">
        <v>3400</v>
      </c>
      <c r="D240" t="inlineStr">
        <is>
          <t>[b'512' b'512'
 b'\x89PNG\r\n\x1a\n\x00\x00\x00\rIHDR\x00\x00\x02\x00\x00\x00\x02\x00\x08\x02\x00\x00\x00{\x1aC\xad\x00\x00 \x00IDATx\x9c\xed\x9de\x80\x15U\x1b\xc7\x1f\xbaa\xe9\x86\xa5k\xe9\xee\xee\xee\xeen\xa4\xbbA\xba\x04$\xa5S@B\xbaC\x14\x01)\x11\x04\x01AD\x04DE|U\x10\xff\xef\x87\xb3;\xccN\x9e\xa9{\xef.\xe7\xf7\x01\xee\xce\x9c\x9a3gN&gt;A$\x10\x08\x04\x02\x81\r\xe2X\t\x9c#\x06ev\x90W\xec\xb0\x1f\x85\x13S\\\x07\xe9\x10\xd1\xb2\xb1\xdd\r\xee\x96L\x15\x15@\xeb\xd2\xd9l\xa4|\xe3\xd8F\xbb\x85\xb2@\xc5\xe0p\x15\xd0\xb3V\x11\x00S{4\xb2\x9d\xe0\xa1U\xd3\x1c\x17J\x17\x00\xde%\xaeI\xff\x06\xa5\xacF\xc9\x11\x83\x88(\x9aa\x98N\x95B\xf4n\x19D\x04^\xb3\x1f\xab\'\xf7U\xdcJH\xb4q\xe6 \x00&gt;\xab\xa2\xb1\x1dj\xfa&amp;#W\xf0A\xb5\x14Ib3"O\xd9r\xc6\xb4\x99x\xa4\x05\xff\xbb;\xa9[}\xdf\xf7\x08V\x01~\xde\xb7|\xb2\xfc\x8a\xddv\xe2\t\xff&lt;\xf8\xd2I\x1d\x16H\x10\x10\x8f\xd3\xa4H\x06\xd7\xd3&lt;\xb5i^\xb6\xa8T.},\xd7S6\x86\xbd\x8e\x15\xe3{\xaao\rlR\xd6 \xe2\x84\xceu\x00L\xe9\xd1\xd0\xab\x92\x11\xc5\x90\xfd\x060\xacE%\x83\xc0\x152Z\x9a\xd4y\x0b\x80\xca\x99\x13x\x94\xf8\xa0\xa6\xe5\x88(_|\x8f\x92\x7f\xf7\x00P&gt;}l\x87ss\xe7e\xf04\x9d\xceU\xf2\xb9\x92\xbeA\xbe\x9c\r\xb2A\x814n\xe5\x88\xbf\xee\xba\x92\x94s\x1a\x17N\xef0\x05\x00\xed\xcb\xe7r\xa50\xb6\x0b\xc0\xfe-\x91"\x8a^\x98\x87\x17&gt;\xf5AI\xf2\xc5\xd3\xb8\xf8\xfd\xe7\x9f\xf8 k\xc6\xc8\xd6U\x9b\x15\x0b\x96\xfe\xb4\xf1m\x02\xbf\xb9X\x1e9\x05\x12R\n\x8f\x92~\xc7qq=\x8b\'W.\xef_E\x1cMGZi\riV\xc1\x95\xac\x9d`o\xf2\x19\xc3&lt;\x08\xf5\xadW\xc2V\xdaF\x04\xfejL\xc1\xa5\xbd\x1fY\x8d\xe2\xd1r\x07\x80\xf1\x96\x91&amp;]\xaa\xe6+\x9b\xce\xfe\xd6\x80\xc3\t\x96\xad^\xd8f\x0b\x91G&lt;\xbbm\xa1\xbdD\x04\xbe \x1eQ\xe3\xc2\xe97\xce\x18\xc4\xfe\x94V\xe6\xd1ea\xaaeK\x14\x9d\xb8\xd8\xb9p\x8c\xbdb\xd4\xcd\x9b\xd2^D"*\x9d\x9a\xb3t\xae1\xacE%\xdd9\x9e\x0ei=)\x88S\xc6u\xac\xed0\x05_\x8e"6\xfa\xdc=K\xc6\xbb\x92uF"\x00\x7f\xde\xf9\x8c\xfd\t\x00\xf8\xc54Vf\xa2j\xd9\x12\xc9\xaf\xdc&lt;\xbe\xc94\x96\xc1\xde4\x80\xebG\xd6o\x9e5\xc44\x115\xd9\xadW\x9f\xed\x97\x9b\xd4^4\xbb\\=\xb8\xc6\xb7\x19Z\xc6\xc9\t\xa8\xe7$t\x9cBj\xd99\xadD\xdb\xb29\xd4!?\x9e7\xc2R\xca9x\xa6\xc7v\x89\x1a\xfe\xcf\xday\x92{\x98Y\x80\x91\xc3\xa5A\xd3\xb4\x8f\x98\xd0\xb9\xae;9\x05\x12\xd1\x89\xdaW\xc8\xad\xb8\xf8\xf8\xf2~\xc5\x15\x00\xc0\x13\xab\x89kn\xe0\x94H\x19\xe5\xc2\xeeeo~\xbc\x98\x9e\x08\xc0\xd0\x16\x15\xd5az\xd7)zy\xff*\xd37\xd2\xa1Bn\xc5)\x97\xef\x19\xdc\xb4\xbc\x8b\xa9\x99\x9eo[\x1d\xc9\xdc=\x1d(\x9d&amp;\xfa\xd69\xc3\x88\xc8\xe9.\xa7\x0f\xb0=\xe6\x7f}h-W\xb0\xc3\xeb8\x13\xbcsf\x1b\xdbSbm\xfd\xc2\xee\xe5\x00\x80\xffi\x06v\xab;\xf3=\x9a\x15.\xbf\xe8\x83\xf5\xcd\xa6\x99\x83M\xaf\xe8\x91\xc8&lt;\x88\x06S{\xda\x17[r\x91hD\'7\xcds\x92\x02\x80\xb2ic\x12Q&lt;\x8f\x17C\xd1\xdd\xee\x95\xe4l\x99=tR\xb7\xfa\x9e%\xefgr\xc7\xb2\xfcjn\x1c\xdd\xa0wk\xf1\xc8\xce\x8eK\x14\xc0$\xf7\xc7j\xe5\xabOW\x1eX9Uq1W\xac\xd0C\x05\x00AD\x00\xa6\xf7i\xaa\x97\x02\xf0\x9f\xfcO\xdb\x82 q\x89x\x96\xf6&gt;\x86U\x82;\'\xbf*b\xf9\xe30\xc0\x97\xe2\x8f&gt;\x00@A{#\xa1,\x05\xe9\xf7?\x0f\xbetZ \xcf`\x93\x91x\xa1o\xf0\xb5\xe2n\xd7j\xf9MS\xb0\xb1\x8f\xe7\x05Q\x88\x00\xf4\xa8Q\xc8R\xac6e\xb3\xab\xdb\xed\xd69\xc3\x84\xcc\'\xd9\xdb\x97\x94\x93K\xab\x16Yu\x0fjZ\x0e\xc0\x8aq=\xf4\xe2\x16MJ#\xdbTsX\x00)\xc7\xb5S\xfb\x99\x06\xfb\xf6\xc4fW\xb2\xe3!wl\xc2\xeb\x07\xf2+\xf1\xc2:n\x00\xcfo\x1c\xb3\x91f\xe1\xc4\xd4\xbfA\xa9\xf1\x9dj{4\xaeD2\xa6to\x00\xe0\xe2\x9e\xe5V#\xb6)\x93}d\x9b\xaa\xc9\x88\xae\x1cX\r\xa0k\xb5\x02\x9a\xc1z\xd6*"\xfdvwh\x04\xd0\xb4hF\xb7R\x9b\xd9\xaf9\xd1\xdb\x99\x99:/\xb72\xe2\xc4v\x8eK\xc7t\x03\x90Wk\xb7\xcdF\x19\xf0\xe2\x16gH\x17\xf2\xf3\x94\xc9\xdd\x1b\xb8\x95\xd4rC\x95+9\x015\x1ft\xa3I\xf0\xe2\xf0\xa9On\x9c\x0b\xc0\xc9\xc8\x07&lt;\xf3e\xcd\xfb\xb2n\xad\x02\xfc\xb2m\xbe\xc9\x01\x95\xed\xed\xb8\xe8D\xdb\xe7\x8f\xe4l\xe7?|\xb9\xbbF\x8e\xc4\xf62\xf2\r\xc1:\xd7\xbb\xd7(HD\x8d\n\xa5\xf3YI&amp;v\xa9g5\x8a\xeb\x9a"_\xecX\x8c\x17\xdf\xba\x9b\xa6\xdfpQB\x96\x7f\xba4\xba]\xf5g_\x1fq\x9e\xe3\x88\xd6U8C\xb2}[M$U\xd2\x19}\x9by\xda9\xca;n~\xd1\xfe\x0f\x86\xb6\'\xa2\xf7\x1a\x97Y4\xa2\x13\x80oOl\xfeF\x7f\xbf\xd2\x94\x15\xe3z\x9c\xdd\xb6\xc8vt\xab\xb8R\x9fI\xbc\x11\xa9\x02p\xee\x93%n\xa5\x96?L\x87\t\xf8\xc7j\xdcO\x16\x8e\t\xa8)\x11?/\xbf;\xe3\x1b}x9\xb7Nn\xc1\x93+&gt;\xceT\xce\x86\xe9\x03#\xe2\xcb2\xa7w\x9d\xa2D$\x17\xcf\\3E\xb97\xe2pN\x07\xa0r\xe6\xf8D\xf4\xdd\xe9\x8f-Ub\xfe\x04\x94=\xba\xeeR\x94\xa5\xac&gt;\xc9\x0c\x84\xb3bui\xb3E\xb5\xdc3\xa6!\xda\xb5x\x1c{v\xbd\x19\xcd\xe0f\xe5\x03\xe1y%j\xe7N\x16\xe4\xef2H\xe4Q)\xbd^\xd8\xbd\xcc\xf5\\\xbe=\xb1\x19\x80\xc2z\x87\xa7d\x8dj\x1e\xc6#\xb6/\x18\t\xa0fN]\x11\xd0\xa6E3F\xca\x8e\x12\x00\x9b\x96E6v.\xb2)\xd4\xef\x1b\xf0\xf7=\xd6\x03\x16\nR\xdej\\8\xfd\xdd\xcf\xb6\xab\xa3,\x1a\xd1\xc9NF\xf8\xc9F,?\xd2\xb5j\xe8Y\x1c^\xde\xb6\x97Bp\xf8]i/\x88\xe8}A\x9941\xd4\x16~\x14\x9c\xd80\xc7g\x8f\xb9o\x85\x9f%;\x8f\xae\x9di\xbcpIDT&gt;\x83Z\\&lt;\xc23\xab\x7f\x0b\x7f\x17\xc1W\xd8\xb3\x92f\x8c\xfchwX\xcb\xcan%\xabn\x88_}\xba\x02\xf8\xa7\x98uY\x7f\xf5\x00\xe3\x04\x00\x9d*\xe7u3E\x15\x814\xef\xd7E\xbdm\x1a\x08F\x8a$\x8a\x86\x9f\xc8ze\x95\xc6=\xf0\xf7=\x9f\xe55\xb9[\x03\x1b\xb1^?&lt;\xefV\x01&gt;\x9a\xd8;@&amp;\x10\xbe;\xee\xf0\x14=\xf9z\x1f\xd0\xbaLv\xb7\x92\xca&amp;[\xff\xfe|\xf9\x80[\xc9\xba\xce\x9d3\xdbx\x82\xb5,\x95\xd5\xeb\x92\xe8\x01\xfc\x19\xf8S\xb5\xaaY\x9d\x89^Za\xc3\xf4\x81D\x94#\x06\x15\n\xa2\t\x9d\xebz\xd4\xfbL\xe9\xd1\x10o\x1e\xda\x8b\xcbT&amp;\x0b8\xd7\xea\xe4\xa0z\xf6 "*\x992j\xe1\xc4\xc4?\xa1\x1a\xdb\xa1VR"\x00\xfd\x1a\x94tX\x00\xaf\xcfH\xd8\t\xa1\xf1qq,\xa2\x0e*e@\x81\xc0\x84d\xb2\xd5\xc9\xa3\x8b{\rB\x0eo\xe5\xdaz\xc8\x12#ZWY;\xb5?\xb3\r\x19 \xf3,\x05\x05\x13Q\xfb\n\xb9\x13\x10\xe1\xf1e\xf9i~\x83\x02i\xda\x94\xc9n\xd5J\x07?\x0b\x87u08v\xe2G&gt;\xdf\xfa\xfd\xdb\x93\x8e\xcb\xe5#\x1c&gt;8\x80\x11\xad\xab\xfcz\xe3\xb8\xc2&lt;\x86%\x98A\xd3\x08zH\x1e\x01\xb8\xce\xad\xa9\x1b9X5\xa9\x8f\x8fs\x1c\xd9\xa6\xaa\xf4\xbb\xa9\x07V\x91\xddb\xf5\xe4\xbe{\x96L\xd8&gt;\x7f\xa4\xbf\x0b\xa2$6Q\x8b\x92Y\x00\xfc\xf7\xe8+\xb5\xb0\xe4\xa8\xb6\xd5=\xed\x1a\x92\x11}0\xb4=\xeb\x80\xfcw\xe0\xea\tu"\x82)\x14i\x00\xee\xa8\xef\xa1\xc1/\x94I\xf3\xd6jM@\t_X\xa3\x9b\x8e\xa2\n\x11]\xd8\xbd\x8c\xa9\x81Hd5\x9ck\xd9\xb7\xee\xe6+\xf0\xdf\x8f\x11k\x1e!\x17\x7ftM\xb7\xc7\x87\xc0P\x9d\xdb*\xa5\xd3x\xfe\x9d\xc5\xd1\xd7O\xc4\x1f\\\xba?\xae\x00\xe0\xce\x99m\xef5*\xe3i.\xdf\x1c\xdd\xa0\xe7\x10\xe0\x93\x0fFW\xcd\xea\x93\xdd%""\x02\xb0pxG\xf5u\xdfm\xf9YD\xed\xe9\xc4K\x1bf\x11\x84\xf5\xd3\xde\x93\xff\x99^_|\xfb\xc4\xc69\xddk\x14\xfc\xe7\xc1\xb9\x88\xd5\x1d\xfb\x17\x03\x81\x8aO\x97N\xf4eI\xe4d3\xd4\xf4\xb7\xa1\xb6c\t\x9f\r\x8a\x7f\xdc&gt;\xdd\xb0\xa0/\x0c\xbcv\xa9\x9a\x9f\xd8x\xf3\xfbM\xe2\xd8\x91\xfb\xe7\xc19\xdb\x8b\xca\x01\rK\xeb\x99n\x06\xf0\xef\xc3\x0bv\x13\xb6I\x99\xb41\xfa\xd6w\xdf\n\xbas\xae\xec_\xad\xb8\xa2\xb6\xf2V!\xa3\x7f\xdd\xa3\xf8\x84\xc0\xec\xaf5\xf7\x07\xbd\xb6xS2\xa5\xf9~\xc0\xc5=+\xd4e\xb8~d\xbd7%\xd2\xe5\xc1\xb9]\xeb\xde\x1f\xe0Q\xe2\x00\xe6\rjk;\xae\xbb\x85\xf1\x88LD\x00F\xb7\xab\xee\xb3\x1cMk\x86\xd9\xef\x8aB\xd4\xb2d\x16\xf9\xf5\x10}\x1f_9\xa2+\xed\x8b\x18p~\xd7R\x85\xb1#\xdf\xbc\xac]\x8b\xc7\xfa \x17/H\xed\xef\x02X\xc6\xaa\xb9\xf04D\xed\xca\xe5\xe4\t\x99\x94((\xfc\x95I]=\x9c\t\xea\x1d\x10y*\xc9\xc7#}\xa1Y\xb0\x89]"\x8f\xb5\xe4L\xdc\x86\xe0\x075)\x17\xcb\xae\xda\xf9\x8dc\x1b\xeb\x84\xf0FuKF\xbb\xb0]\xd3\x0c\x00J\xa5\x8efO\x92x\xdf\xf2I\xd2\xeflQ)\xc4\xfa\x9c2\x97{V\x0f&amp;t\xaec\x1c \xf0\xc7o\xdf\xedaED&lt;}\x7f\r\x1d{1\x0c\x89\x1bnP\xb5]Z\xe3\x88.\xba\x15\xfbj\xefJ\xc5\x95\xe6\xc539\xaf\xe4&gt;u\x8b;L!\x10`\xf5 y\x01\xb2\xa4\x1fdI\x02\xa4w\x9d\xa2+\'\xf4\xb2Z&lt;\xadL\x7f\xb6\x17\xf1\x93\x85\xa3\x01\x9c\xdc4\xd7F\xdc\x1a9\x123\xdf\xe2\xc7\xd6\xcf"\x8b\x0f\xee\x9dKE=L\xd5\xe2\x04\x81N\x87\x8ay\xfc]\x84\xc8\x83\xfa[\xf5\xfa\xc8r\xfd\xb4\xf7\x8a\xbb*\xc71\xa6}\r7\x93\x0b#{4b\xe7\x99\xbd\xeb\x14\xf3"}NVO\xee\xbb\xe3\x83Q\xfc\xe1\x15\xf6\x9a\xdc:\xcd\xe6\xdc+X6\xb6\xbb\xa5\x01`\\\xc7Zz\xb7\xae\x1d\\\xa3\xb6\xe0\xd2\xa3f\xa1\x81M\xcaV\xc9\xe2;\x8d\xb7zySV\xcc\x18wD\xeb\xaa\xfe\x12\x99\x19\xd2\xbc\x82\x9fr~\xc7X4\xa2S\xcf\x9a\x85\xfd]\n_\xa36 \xe1\x835\xb2\xfe\x96\xafe\x80\x7f\xddKL/\x0b\x17d\xeam\xdb\x97\x07\x00\xbcr\x92u2\'\x91\xc3\xc3\x0c[\xc9E\t\xe5\xc4"\x8a\xed\xaa\xf0{&gt;\x1d\xe72\x00Z\x94\xf0\xd6!\x884\xf6\xb0g\xa9\x95[\xb7\x16\x99A==\x03\xda6\xc0\xd3\xabr\x8f\x05M\x02X\x08\xdb\x9f\xec]6I\xf3\xba\xed\xb9\xc1\xae\xc5\xe3v\x7f8\xdenl\x0b\x00\xbf\xfa \x17\xc3\x02@\xed\x17\x90\x91\x98\xe8\xe7+\x81\xab\x9c\xec/&gt;\xfb\xf8\x03\x87\xbaE\x00z\xd5.j\xb0E\xa3w\xe2-wY\xea\x96\xf8\x10\x13\r\x92\x04G\x01\xb0ME\xe6\x0c\xc0\xb1\xfa\x18^?&lt;\xaf\x10\xaes\x17&lt;\xb9\xe2\xdc\x1e\xb0\xa9\x83F\x1e\xaaeK\xf4\xf9\xf6E\xd5\xb2%r\xd1\xa7&lt;\xfe01\x8d\x05\xa0A~\x0b\xc7\xb7\x952\x05\xb2\x81sgH\x8d\xb5h2\x020\xb3o\xb3\x8cDU\xb2$\xb0g=\xf8\xd4\xe6yN\n\xc3yz\xc3\xbe1c\xdd.\xfc\xf3\xbd\x93\x92\xd8\xc0-\x0b\xdb\x11W\xb9\xc4;\xf0\xdb\r\xf6\xd2\x8f\xaf\x9fm\':\xfe\x94~\xbbn\x80\x7f\xe1\xb0\x0e\xf2W?\xadW\x13VT\x1bg\xb9r\x00\xa4\xe2\x1e\xb1\x0c\xd4z\x88h\xe5\xf8\x9e\xb3\xfa\xb70\xf6efc\xd0Z;\xb5\xbf\xd5(\x9a\xf9\xae\x99\xd2\xaf[\xf5\x82\xce\x932 X&amp;\x9f\x92\x9e\xa8~\xbeT\x9c\x11\x99\xdc\xa7\xb4\xe3\xca\xd4\xe6#\x15+\'\xf4d?\xe2\x985\x82\xf1\x9dL\xc4\x03\x9c\xd0\xbeBn\x00\r\x0b\x84\x93\xb9~pn\x97f`\x00\t\rK;\xb9[\x83\xec\x1e\xf4\xa3\x1f\x0cm_[\x7f%\xcb/.\xce\xa9\xe7\x927\x1e\xa5\x93M3#\x13^\xa8\xf8K\xfe\xb0\x1a\x15Jw\xef\xec\x0e\x9e28\xcf\xf4\xf5\x0f\xe7\x8b$Q\x0e*\xaely\x11Q\xa7J!\x9cf\x19C\xf334\x97_2\x95\xae\x04s1\x177\xb98\x90\xd7L\x1b\xd9\xfa\xcc79JX\x95\x87|w\xc9\x1a\x85\xfa\xd4-\x0e\xc0E?bj\xf0\xfbM\xf9{R\x7fB\xfd\x1b\x94Z4\xbc#\x11}\xb9s\t\x0b\xa0W\x1e6L\xbb&gt;\\\xb3"\x1d\\\xf5&gt;\xe7\xb7\xad\x17\x8c3\xba\x0f\x96\x9dz\x9b\xd1^\x03\xe0\xc9\xd5C\n\xe9\xf5[\'\xb7\x90\x03\xed66\rgf\xc8xv\xe1\x9c\xbb\td\xce-\x00\xc8\xf7\x98o\x9f\xdajo\x00\xc8\xe4\xa0$,\xbb*Y\x02B\x00\xd2\xf4\xc1\x01H\xfbu\xc7\xd7\xcf\xf6\x81a\xbb,\xaa+\x13\xba\xd4U\xfb:\x16h0\xaam\xf5\xda\xb9}d&lt;d@\xc3\xd2lc\x87\xf9\xd5S\xdc\xd5\xfb\xa8b\x85\x0f3\xa4y\x05\x16\x0cx\xe1z\t\xff\xbe\xff\x05\x7f`\xf5\x1e\xc0\xa7K\'\xc6\xe6\x1e\x00\xfa\xd5/\xc9s\xda\xe1d\xa6Y\x94S\x9e\xdf\'(\x86\x7f\xcd0\x1bg\x0c\xf2\xc1\x19\xbb\x84\xf1\x1c\x11\xf8I\xea\xebK\xa4\x88\x12v\xf1-\xecJN\xbeA\xb6L\xda\x18\xb6mF\xc5\x08sXo\xa0\x11\xe6\x1b\x8c\x97\xe6\x0cy\xe5x\xb1\x16\xe4A\xca\xf4\xa3\x89\xbd\xddJ\x93\x9df\'wUj\xc0w\x9c\xdf\xb5\x94?\xb0$\xce}z\xcb|\xab\x19\xe9\xf9\xd5\x04\x9eKn\x1a\xc9\x99\x06\x00\x00_\xe8\xef\xdb\xc5]w\x0b{\x96Lp15?\x12h3\xb2\t\x9d\xeb\x00\xcf\x0c\x02\xc8\x07\x00\xe9b\xef:\xc54W\x00\xb7Oo5&gt;v\x04\xfe\x05\xde\xd8.m\x95,\tj\xe4\xb4\xe9j\xc1\xb6\xfa\x1bk\xc9\xe3:\xd6\x96\xae\xac\x9a\xd4\xe7\xca\xfeU\xc6\xb1\x98\x8b\xa7\xd0\xdf~\x1a\x00$\x8c\r\x9d\xd9\xc3@672\xc0c` \t\xd1\xdf\xf7\xcf\xb5/\x9fK\xbar\xee\x93\x0f\x8fo\x98MD\x95\x82\xb5\xd7\xde\x8a\xa6\x00`h\x8bJ6\x8a\xc7\x04\xce\xf2\xc4&amp;{+\xe2\x8cD\xadKg\x9b=\xa0\xa5\x8d\xb8&lt;\xe4\x8bo\xff{s\x1dN\x1do{\xb4\xe1\xf3\x00\x91;\x96\x89\xe0\xd9\x80\x86\xa5w,\x18\x15%\xcc\x10\x82o\xc8\x1d\x9b~\xff\xf6\x84\xbao\xfa|\xfb[\xe1\x88\xe77\x8e\xb1F\xeb\xfc\x0c`j\x8fF\xc0s\xd3\xf6*\xff\xa0\xd4\xc4\x0f;^\n|\xfb\x8c\x813k\xd96\x7f\xe4"-\x83t\xef\x04\xb6\xc7\xde\xe2ar\x0f?\x9c\xdf\xf3\xd1\xc4\xde7\x8en|\xf0\xe5n)\xcd\x9b\xc77\xa9?\x80\xd2i\xa2\xebi\t\x0fnV\xbebp&lt;\x16\xe5\xf7oO\xba5#\xb0$1\xc2\x9c\xacj~\xba{\x96L\x98=\xa0\xa5\x8b\xf3\x94Qm\xab)\xae\xcc\xe8\xdb\xcc\xad\xc4y`;\x1b^O\xbe\xe6\xbc\xd7\x9a\'\x98\xe9z({t\xe2\x15\xda\xe0\x86Y\x18\x05\xd0\xa7^q"\xeaP!\xf7\xfd/v\xca\x03\x00\x18\xdd\xd6\xdc\n\xd0\xe7\xdb\x17\x03\x90/\xf9\xf1\xf3e{g\x00.\x02\x00xbZ\x80\x8b{\x96\x07\xdbJ\xff\xc4\xc69\xb6\xe2\xf1\x12DDa\xbd\x13;\xa0nS6\x87\x17\xe7U\xec5\x1dY3C/\x80|\xce\xc1\xe6m\xec\xa4*\x02\xa3\xde\xa34%\x06\xf7P\x91X\x16R1\x9d1\xde\xdd\x04\x00\xfc\x06\xc0\x8f\x96`\x01\xdc;\xbb\x03\xc0?\x0f\xce\xa9o}&lt;w\xb8\x8d\x04\r\xee&gt;\xfb\xfa\x88\xd5\x0491=\xddd\xe7\x10k\xa7\xf6\xdf\xb9\xd0w\xee\xa0\xa5V\x97-\x00\xec\xeb3\x9b\r\x00\xf4lM\x03X.sb*\xbf.\xff\xb3{\x8dB\xd2s-\x1a\xdeQ\xf6m\xfd\xeb\xaf\x01\xa0E\x89\xcc\x00r\xc7\xe6R\xf0\xc6\xf3\xeb\x06ws\xabL\x0c\x95K\x1f\x8b\xe9*;)\xa1)j\xe1\xd7ec\xbay\x91\xa9\x8d\xa1\xda\xbf\x1bV.`\xf5\x81\xeb\xe7O\xfd\xe8\xe2^\x00\xeay\xab\x9a\x8a\xc1q9\x13WH.\x7f8\xaa\x8b|g\x90\xc2\x1f\xedj\xa2\xa7\xe5\xe8\x04y\x83HI\x94\x99\xa8T\xaa\xa8d\xf7\xad\x1b\xc7\xf2Z\xf6\xd9\x18\xe63\xd9g}1\xab\xd5$\xb2\xe6\xe7\x9d\xa5R9\xc6\xf3\t\xe9\x05\xa9\x07\x01VN\xb5\t\xbf\x1b\xc76*\xae\xb0\x0eW\xce\xc4.\xf5\xf8\x1b\x8co\xd6\ne\xd2jO\x9fk[t\x0e\x03 p60\x9d\x03\xe0\xd0\xeai\xf6\xe2fr\xd5\xa4\x98\xe7$\tk\xe5\x97\xf7}d)\xe27G7\xd8\x18\'\xeb\x86\xa4\x98\xde\xbb\x89\xa5\x8cl\xe0nS\x0c\x92\x06\x00\x95\xf9\\\xab\x9f\xa8o\xbejc\x8cM\xf6O\xe8\\\x07\x80\xf1!\xa7\x8b\xbc~x\x81m\x1b\xb2\x9a\xc9\x9f\x80w\xd7\x0b\x80_\xfc.m\x99=\x14@=-\x8d!\x85\x87\x80\x0cD\xf3\x06\xb5\xa9\x93\'\x05\x11\x8d\xedPsD\xeb*\xc6)+:PV!\xf9\xe2k\x88*\xba\xc5\xd21\xdd\x80\xe7\x9e%\xaf\r\x00_\xfa\x96\x91\x13\x99\x15w}\x89|\x0e^18n\xa9T\xd1\xfc\xde\xa9\xf9\x80\x0b\xbb\x97\xed]\xe6\x82\xa3\x15\x00\x7f}\xff9gH\x00\x1e\xacgtazR\xde\xf9\xd4\xd5$Ol\xfa\xed\xa6\xc6\xb1\xaa19\xddP\x84\x0b\x96\xfd\xe64W\xeb\xb3!|\xee\xc0\xd6,\xa3\x80u\x83e\x83\xfc\t(\x13\xc7"\xde/4/\xeeD\xe3B\t\xc2k\x81D\x12X\xeb\xaf\x94)\x9e\xe2\x1bp\xf8I\xf0GOCt\xef\xf3O\x0c\x02\xf4oP*\xc0\x9d\xb1\xf1[\x06f\xb5-\xf7!\x1c\x99pQ\xce\xda\tA\x16\xc3\xf3\x0f\x003\xfa4\xd3\xdb\x15\x01^\x9aFO`\xf8]\x00o~8\xbf\x87\xa7\x18\x96\xa8\x9e=\x88?\xf0\xb6\xf9#\xdd\xec2\xdd#\x9d\xf5(\x81\xb04\x0fP2\x13\xc9\xc5\xa1\x80\xe7\xae\xeb\x94\xb4\xb5\xa2\xf6m\xfc\x9e\x16\x0e\xeb\xe8\x96a/\xbf\xc3\x1ae\xf5\xec\x91ho5L)\x86=Z,\x0e\xd5\x18\xfc\xf7\xc8\xbb\xc2,\x1b\xdb\xddR\xf8\t\x9d\xebZ\xea)\x00\x00\xbf\xab\xaf\xd7\xca\x95\x14?\x1b\x99g\xe0Iy\xfe`\x9b\x9e\xd7\x18/\xef\x9cq\x12=0\xc1\x7f?z\x92,\xfe\xe27\x13\x14\x19P\x98R\xb0!\x15\xee\xfb\xbdE\xf2\xd50\xfe\xdfO\x97\xbc\xce\xc2-\xf4\x1cB\x15N\xe27c\x0f\x8c_\xae\x1f}\xf4\xd5\xbe\xca\x99\xe3\x9b\xee\x8c\x07\x1a\x00\xbe7\\\x83J\xf0[\xf0\x7f\xbfg#\xc7\xe5\xb2\x00;\xe1\x1f\xde\xaa\xb2\xfa\x16\x00{\xca\xfd\xbf\xde8\xa69\xf1\xf2\xd7\xb4:{47\xb3\x06\xfe\x91~K^\x8c"9\xef\xf7l\xcc~D\xa0\xc5\x91\xa9\xc1ju\x80\xf7\x1a\x95\xc9\x11\x9d\x9as\xdb@\x0f\xa8\xda\x08\xa8\xc2\xd8\xc3\xb4\xbb\xe9Q\xb3\x90\x17\xf9\xf6\xa9k\xc1\x17\r\x00\xce\xd3\xc3\xa9\xb2\xae\\\x12\x91p\xcb\x1c\xac\x0f0\xb0ih\x8cfS,\x99**\x80^\xb5\x8b8.\x97\x1dl\x18#\x90sx\xf54\xcd\xe3w\x1e!\xc3\x8a\x19y\x85\x1e\x03\x94z\xf9R\xc5%\xeaT9D-\xf0\xab&amp;0\x1fu\xd7\xe2q\xc6\x01\xf2\xc5\'\xe0W&amp;\xd3mC\x98\xc7\xdd##5C\x9bW\xe4\x0ci\xcf\xdf\xac\x9c\xf7{\x85\x0e\xf6\xfe6\x18c\x0e\xf3,4\xa8I\xb9:!)\xb6\xcf\x1f\xa9\xa93apjj\xc1\xf3d\x18\xa5RE\xc3\xb3\xafy\x82\x11\xd1\x8e\x05\xa3Z\x85\xe9\xaf\xb1&gt;\xd1\xd2\xf6\xa6\x82\xfb:Vo\x03\x01E\xcf\xb0i\xe6`\xf5G4\x7fp[\x00\xf3\x06\xb5\xd1K\x84\xbf\x91\xfb\x1e\'F\xbb\x01\xf4\xaa]\xd4\xb5\xa2\xf8\x00\xf97cU\xec\x0c\x80\xb1Iq\xbf\xf0\xf1\xbcp\xfaY\x9a]&lt;\xfbD\xfb7(5{@K&lt;\x0e\xb7\xb1\xd3\xb4hF\x83\xf9u@M\xbd\xad\x1a\xafmX0m\xfe\xf0K\xa1\x92)\xb5\x05\x7f\xa6\xf5n\x02\xa0\x8eE\x91pc,\x99x\x040\xb1K=\xdd\xbb\x7f\xdd\xb3\xf4\x16\x8a$\xa1\xfd+\xa6x:n\x8f\xebXKrA\x0c\xa0l:;\xb2J&gt;8\xc4\xea\xdf\xb0\x94\xc2\xd4\xf3\xab\x1f\xce[MDZ\x15\x95\xcf\x10[\xefE\xc8\xdd\xd7(\\\xbb4.\x9c\x9e\xc5\x1a\xd0\xa84\xfb\xa0z[Y\x96y\x8d\xa6\xa4\xaf\r\x8e\xae\x9d\x198}\x05\x176\xa6\xc3\xae\xe4\xdb\xbe|\xae\x1f/|\xeaJRj\xa6\xe8\x18\x88\xc6\xdf\xf7\x80\x7f\x98\xec\xb9\xdcF\x90\xb4~\xd7\x8c\x15\xdf\xec\xa9\x81GD\xd4\xb2\xa4r0\x05\xb0e\xceP\x00.\xba^=\xb2v\x86\xba0\x06\xc5\xb3\xd4\'\xf9q\xa8KN\x84\xdfn\xdc\xfb|\x07Q\xa81\xcb\x92\xa9\xa2\xe2\xe7+s\xdek\xe5\x97\xf2x\xcdO\x97\xb4}\xc9y\xc1\x969C\'v\xd5\x1dY\x19\xfc\x9e3\xec5\x12ferp\xd3\xf2\xa3\xdb\xd5`)L\xf5\xf2,\x84}\xdb\x99\xc3J\xbby\xf6\x10\xcd`\x1f\x8e\xec|x\xf5tW\xcf\x0f\x00 0\xc5\xa5\xdebUAB\xbe\xc0q8\xfbg\xb6\x1eC\xe2\xd2\x8f\x17&gt;\x95\xd7\xbb\x8dS\xca\xf2\x19\xb4\x97\xf8q\x88R\x12\xf5\xac\xa5\xbd\x179\xaeS\xed\x01\rKk\x15\x0c\x00\x9c\x88\x9b\xab\xe7\xd5-Kem^&lt;S\x87\n\xb9\xf5\xa28\xf7j\x19?4\x1d\x9b[\xcfe\xd3\x86{b\x00\x0b\x87u\xe0\x89h\xc3\xc3\xfb\x8f\x17\xf7&gt;\xf8r\x97\xc1\xc7\xf6\xf4\xda\xe1\x8d3\x06\x11Q\xc5\xe0\xb8D\x84\xe7\xdf\xb0\x97R.},\xbf(\xf5\x9c\xd88gp\xb3\xf2\x9bf\x0e\xf6}\xd6\x8cZ\xb9\x93\xd5\xc8\x91\xd8\x15\t\xda\x9e\xb5\x8a\xb8\xe2\xfe\xf7\xcf;\x9f\xb9b\xe5\xf8\xea\xc15\xb6O \xb2E\xe5]61\x11v\xe3\xfe=o&lt;\x1a\xd4\xa4\x9ciR\xfc\xeal\xad\xcbd\'\xa2\x8e\x95B"\xdcR\xe0\x7f\xc0\x7f\xde\xa5\x7f\xe3\xd8F\xb9(\xdb?\x0f\xceI\xba\x94\x93\xbaj+\xcd{d\'\x80\x89\x03\x8e\xed\x10\xceX+k(uB\x94\x1di\xe5\xcc\xda\xc7@c\xda\xd7\xb0jA!\xaa\xcc3u\xc1D\xf4\xec\xeb#n\xcd\xb8\x15\x89\x04\xe0\x04$\x98\x08@\xa9\xd4v\xb4\x08cX1\xad&gt;\xb3_s\xab\xe9+\xf8\xfa\xd0Z\xf6\xe3\xd3\xa5\x13\x88h\xe1\xf0\x8e\xcc\x8bV\xb5lA\xbew\x1ee\xe3\x18C\x13\x87\x9e)%\x1c\xb6X)\xba\xe4\x8c\xd7\x95\xf6?\xb9[\x03\xe9\xb7b+\xe7\xe7\xcb\x07\xf8\xb3\xb0\xbd\x11\x14\xc1\xfazM\x00(v\xd2}\x033\xc2\xa7\xd9\xcb*Z[\x97\xaa\xf9\xe4w\x1dJF+\xde\xd9\xb1\xf5\xb3\xd4\x8d\xfb\xda\xa1\xb5\x00R\xeaH\x1c]=\xb8&amp;)Q\xf6h\xd4\x89c\xb4\x07\xb0i\xe6`\xe0\xcd\x17;&gt;\xa40\xc9n\xfevS-{\xd0\xea\xc9}9?c\x00\x8f\xbe\xda\xc7\x99\xb2\x1c\xef\xecB\x03\x00\xfevW\\\xcf#Z\x87\xb7_]K6Q\xbd\x7fn\x17\xa7T\xa8[\x04\x13\xfdr\xfd\xa8\xfc\xca\xc5=+\xec%\x95-*\xd7Q\'\xf3|[:\xb5\xaeu&lt;\xab\xf9v\xadV\x80dJ\x15\x0f\xc3k\xb4\x01\xc0\xdf\xf7\xac\xa6\xa9W\xb6\x8b{\x96\xab/\xf2\x97y\xd9\xd8\xee6\xf4\x96\xd7L\xe9\xa7p.\x9f+&amp;U\xc8\x18\xc7/\xdd\xa9}XM\xd9\xf4%\xe1^\x19:U\xce\xcb^\xd8\xda\xa9\xfd\x15o\xce\xdd\x1dj\x9e\xa4\x8e\xac\x99\x01 H?\x05\x00\x8d\n\xa5KOt\xf5\xc0j\x83t\xd2\x11\xd5\xcb\x9b\x92\x88\xea\xe4I\x91)\xcc\xc7\xb4G\xd86\xed\x10\x8d\x08@\xb7\xea\x05LCZ\x9d(y!4` m\xf2.\xc0\xe9_LN\x83\x02ix\x0c\x8d\x8c\xefTg\xd7\xe2q\xee~h\x85\x82\xecX\xdct%\xeb\xc7\x97\xad\x9d\xb5\x0cnZ\x9e\'X\xe7*\xf9\xf4nIO\x1a\xf8Rv\xe1`\x85\x1e\xdd\xae\xfa\x8b[\xa7L\xd5\x1f\xdcZQ*(\x9d:\xba\xdc\x02O1\x95@\n[\x83s\x1ar1\x86\xa7-\x1a\xbf\xc5\xd8\x14j\xf6\xbdU\xa9\xac&lt;9\xaa\x8dJ\xba\xcb\x9e%\xe3\x0b$\xa4*Yl\x1e9o\x9a5\xb8_\x83\x92&lt;_\xa9\xa5\xfd\xf81\xedk\xfa\xd1\xdb\xb8\x9c\x03\x1fMu\x98\xb2\xc3E\xa7\xdfaV\x13X\x1f\x97\x94Hs\x0b\xf3\xee\xd9\xed^d\xcd\xda\x95\xe2\xcc\xc9S\xaag\x0f\x82E\x01n\xcd\x96#\x1d\x8f\x9f\xdf\xb5\x94\x050\xddf&lt;\xb1q\xce\xcd\xe3\x9b\xf8\xf3\r\x088\xc7g\xab\xdf2^\xdd\xb7W\x1eM\xd2\x10\xd5\xce\x9d\xacV\xae\xa4^O%\x00|0\xb4=O\xc8\xd4&amp;V\\@D\xbb\x16\x8f\xf5\x81\x1b[)\xfd\x1d\x0bF\x9d\xda4\x8f\x88\xaaeKDV\x8c\xa5d\x8b\xca\xd5\x0c\xf8\x1f\xa4N\x9e\xe4\x06g\xe0\x1eY\xbd\xd8m\xa6\x14\x12\xf8\x18\xbb\x8d\xf4#\xff\xfex\xc1j3\x06\x9e\x92\xea\xc8\xcd\x07\xe0\xf9u\xb5`\x9e\xa3\x04\x81\xbe\xf5J\xb8\x98\xa0\xdf\x88B\xa4\xe9,\x97\xe7\xd5N\xe9\xd1\xd0\xf5\xf2\xf0\xd3\xb2d\x16N\x0f\xe6\x8a\x9d\x90\x8e\x95B\xf0\xe4\xea\x97;\xb9&lt;\x1e\xb7(\x91\xf9\xaf{\\&amp;&lt;M\x19\xd9\xba\xaaT\xab6\x06\x00\xcd(/n\x9d\xd4\x0b\xdc\xbeB.":\xbf{\xd9\x07C\xdb\xe7\x8a\x15\xda\x9b\x1fZe\xd3\xd6\xb9\x1ez[X\x002\x879oz{\xf1\xb7\x9b\xee\xe6nJ\xa7J!\x17T{\xc1\xc6\xb4\x939Y\x8c\xc7\xd4\xc1\x02\xfe\xac\x82\x9f\xe8\xb2\xd9\xabC\x92\xa8|x\xe8\xd1\xbcx&amp;\xc9\x12\x94^\x98\x1c\xd1\x8d\x86\xbahD\x83\x9a\x9a\xcb\xe7\xe8\xe1\xaeF\x8b%\xa6\xf6h\x14\xe8\xed\xe7\xc5\xadS\xd3z5\x96\xdb\xaa\xb4jq\xb7S\xa5\x10\xf6\x03\xff\xfe\xd0\xa0@\x9a\x12:\xeaED\xd4\xacX\xb0\x9d"j\x01@S\xe7\xbb\\\xfaX&lt;\xf3V\x00\x9d\xab\xe45\x0e\xd6\xbcx&amp;\x87{\xf4RI2\x10\xe1\xd7o\xbaV+\x10\xe5m\x01~\xff\xfd[\xed\xee\xdbE\xf6-\x9f\xec\xbaYy&amp;\xa0IaK\xc0%\xa3\xba(\x024\t\xd3\xf4\x91S&lt;\x05\xbd\xd7\xa8\x8c:5\xf5\x19\x82\xa6\xb1\x1a{8\xd9k\x06\xb0s\xd1\x98u\xef\xf77\x0e\xb6`H;{\xc7\xec~\x81)\xee\xe2\xaf\xbb&gt;\xce7\x0e\x11\xde&lt;\xd4{\x17\xfd\xea\x1b\xcd\xa6\x03\xbd\x03\x95\xc1$\xb5\xe4\x07]\xbe?\xed\xb0\xcc\xea\xc9}\xff\xb8}\xda\x95R\xfa\xf2QWO\xee\xdb\xa5J\xber\xe9\xec\xd8\x18oS&amp;{\xf5\xec\x89MK;\xb6\xa3\xd3\xb5j^\x9d=\xf25S\xfa9L\xd97p\xaa\x02\xf0\xd0\xaaT\xd6\xcf&gt;\xfe@~E2D\xa1\xc0\x86Q_\xff\x02\xbc\xe0\x17\x03\xd6\x13&amp;6e@#\r\x9d\x15\xdf\x935\xecQ\xad\x9e=;\xef\n\xe3\xb1D\xfe\xfd\xc1I"\x12\xc5=X\x15\xe4\x92M\x9d\x9b\x15\x0bf\x8f\xccd\x88\x03\x17V\xa7\x9e\xf6\xdd\xac"\xfew\xf7\xac\x8bi\x9a\xda\xe6\x94\x04\xedm3\xaecm\xe0\x17\x83\x00\xeaJ\x8bm\x16 b1\xace%\xbd[\x83\x9a\x94[2\xaakz+\x1f\xf6\x86\xe9\x03\xe5\x7f\x02\xb0\xb1\x1d\x0c\x80S\xf0\x08\x80\xde\x00l\x8a\xa6\xaaO\x97\xaa\xf95\x9f\x14@\x97\xaa\xf9\xcfl]\xb00\xcc|z|\xa2=K\xb4?\xfb\xee5l\x1a\xb9\x0b\x84\xb6$/\x03\x00K\ne\xbf\\?\xb2o\xc5d\x87\xb9\x07\xce\x84\xdaT\xb3lz\x9f\xa6\xecn\x06\xa2\xd6av\xa2\x04\xde2\xa2U\x15\x17\xdb\x87=\x19\x1a\x00\x13:\xd7Q_\xa40\x05(\x9eD~\xbc\xb8WO\xbd\xd9\xf7\x18T)\x9b\x94\xcd\x1d\xd8\x9a\x884\xe5\x86s\xc8&amp;\x8arKD\x05\x12\x12\x80\x1a9\x12\x13\x11\xde&lt;\xe4\xb7\xb4{\xeb\xe4\x16\xce\x90l\xa8\x18\xd0\xb0\x14w\xda\xe1\xe2\xaa/\xea-Y\xee\x9f\xdb\xd5\xb3V\x91i\xbd\x1a+b\x05HWe\x89\xc9\xdd\x1aHo\xa9\x7f\x03;U\xe7\x1d\x00\x8c\x8f\xc4WN\xe8U#g\x12\x1fT{\xf6\xe8\x16F\xa3u\xef\xf7\xff\xf6\xc4f\xaf\x8b\x14\xf99\xb0r\nO\xb0\xcf\xb7/v+G\x00W\x0f\xae\xb1\x14%G\x0c\x02\xb0o\xf9$\xc5u\xce\xf3jY\xd6\x8f\xbdh\xc7%R\xbc=\x9e\xe9Q\xa3\x10\x85I\x07\xb9\x02\xf0\xec\xdf\x1f/\xc8\xe7\xce\xed\xca\xe5\x04\xb0o\xb9r\xde\x97\x88h\xc1\x90v\xf2#\xf1R\xa9t7Q\x14\xf5pf\xeb\x02\xb7\nl\x8f\x8f\xe7\x0e\x07\x80\x17\xdfJW$[#\ng\x18N\xde`\x14-\x8bR&gt;F\xaf\xfcx\xf3P/\xca\xe2\x91\x9d\x99\x9d]=\x1a\x15\n\xb8\x1d&gt;~\x17&amp;m\xc2\x14\x03Y\xd7\xcf?kY0\xa4\x9d\xf5ry\x8f\xbff(\xf1B\x17P\x9e\xb8\x8eQ\xcf\x10\xcb\xa5\xb7\xe9\x8bt\xe1\xb0\x0e\xaeW\x91\xe6A\xa8&amp;\x9f|0\xda\x95\x1c%3\x9c\r\x0b\xa4\xcd\x17\x9f\xba\xd7(X/\xef\xdbM\x14&amp;\x7fy\xfb\xd4\xd6Y\xfd[8\x7fX\xb5\x19"\xf9\x94m\xdb\xfc\x11\xd2o\xf9\xec\t\xc0\x83/wI\xbf\x1d\x96A\x81\xeb\t&gt;\xfb\xfa0\xe7\xd4\xafm\xb9\x9c\x96\x06~\xb9X\x9d\xdc\x19\x9fC\x00\xfc\xf7\xd3W\xf6"j^7\xf0I9{@\xcbk\x07\xd7\x02\x90O5,\xb1\xe7\xc3\xf1\xd5s8\x92\n\xfex\xde\xf0&lt;Z:;\x00\xbaV+\xc0\xb3/|r\xe3\xdcy\x83\xdal_0J~qJ\x8f\x86n\t\x04\n(\x9d\xf5I\xb1D|"\x03\xf9\x99\xfa\xf9\xedKN\xab[\xfc{\x8dy\xfbk~\x86\xb7\xd4\x90r\xc9D\x04@n\xb7\xce\x8a\xf9d\x13\xa4\r\xa8\xdfo\x9d,\x9fA\xf9q\x14ON\xb3\x07\xb4\xe47q\xe5)\xb9\xb5\xf6\xbd\xec\x19fa=P\xe3\xc2.k[\x03p&gt;3?\xbdY)\xc0v\xfb\xd4VSW\x16\x8c\xa9V\xc4\xaf\xd9X\xf5\xf4\xda!\xcd[\xfc\xe9\xc4&amp;Z5\xa9\x0fO\xc8\x0fGu\x01\x00&lt;\x02 u\xe4\x9cy\xb5.\x9dm\xe5\x84^\xb3\xfb\xb7\xe4/\x98\x1a\x83\xe1\xf9\xc9\xd5C\xa5\xd3\x18\x19;\xedT9o\x9941\x00\xbc\xdf\xab1S\xb1N$\xd36\x05` \xe2(0G&gt;C\x04\x80\xdfo\xda\x98\xa0-\x1b\xdb}h\x0b\xdd\xc3I\x87(N\xb5\xbcX$\xa9\x1b\xe8_\xf7&gt;\xefU\xbb\xe8\xc5O\xc3\x99v\x99\xd4\xb5\x1e\x11U\xca\x14OR\xd4\xb8sf\x9b\xbd\x1c\xd9.\x0f^\xdd\x7f\xfdP\xc3\xf8{\x8e\xe8\xc4\xccb\xcbKh/#/\xc8\x15\x93\x00\xd8p\x10\xa6\xf7\x14\x0f\xce\xedR\x18\xf9Q\xd0\xb3V\x11\x00\x7f\xdc&gt;-\xbf(I0\x0fhX\x9agE\xf9\xdd\xe9\x8f\xf9\x8ai\x19\x85E \x1e\x98\x05f9\xac\x9b\xe6\xb4\xf8\xc4D\xe6\xf8[\xc5\xa4n\xf5\x89\x08\xc0\xc86U\x89\x08O\xaf\x02\xe0\x99\x99]\xda\xf7\x119n~}\xeb\x95P\xb4gK\x18\xa8\x0b\x03\xc0\xef\xdf\xea\xdf\xd7 \x92\xe9\x91\xbc\xc5\xde\xfc\x1dx%UG\xdex\xd2A\x8a\xcd\xbd\xa0Z\xb9\x93qV.\xfe\xfda|\'\xe5\xc1,\x0f;\x9c\xed\xc3\xcc\xe8\xd3\xec\xf8\xfaY\xf2+\xcc\xee\xdb\xd6\xb9\xe1\xbd\xd6\xbc\xb8%\xff\x93\xf5\xd7\x9bg\r\xa10{\xc8\x8c\xea\xd9\x83\x9c\x14\xe6\xc3\x91\x9dy\xaaK\xefS\x07\xd0^\xa6$\xc5C\xe94\xd1\xe7\xdb\xda\xfd\x9c\xd6\xab\x89T\x86\xdc\xb1\xc29l\xe0\xa7MY\xa3^\xde\x00\xe9|o\xe1\xb0\x0eL\xd0Em\xed\xd5R\x87\xe8.\n\xf3\xe6\xb6\xadk\xdc&gt;\xb5U}Q\xf3\xbbf\x0f\xeb\xc4\x9b&lt;O]\xbdyt\x91\x05\xebS\xaf\xb8\xed\x8clc`\xfa\xcc\x89\xb1\x9b*Y\x12\xa8EB"\x12zk\xef\x1f/\xee\xd5\x8b\xe2\xee\x92\xdb\xa0y\x03xq\xeb\x94\xe2\xa2f\xb3\xfe\xe7\xfe\xb93[\xfcpx\xb8}\xc1\xc8\x1e5\x0b\xcb\xaf\x00?Ce2\xc8\xa0\xc5\x03\xe8S\xd7\x0f\xdf\x83\x1a\x00\xb3\xfa\xb5\xb0\x14\xe5\xf4\x96\xf9\xf2\x8er\xe5\xf8\x9eV3\xb5\xbbMH\xc0\x7f6:hf~J\x1d1\xb9\xea\xa2\x1f\x07\x009q\x88\xcel\xfd`\xd7\xe2qk\xa6\xf4+n\xd7\x07qF\x97\xd6|\x0eM\x03\\\xda\xfb\x91\xd5(g\xb6.\xf8\xee\xf4\xc7\xf6\n\xcf\xb9\xa1\x0f`\x9a\x8e\xf4W\xa4\xa5fN\xf3\xefN2\x95ND\xb1\xb5N\xff\xf2\'\xd0\xd0\xc0\x1e\xdc\xb4|F+%)\x9e\x9c\xc6\xb4\xaf\xa9\'n\xac~\xf1\r\n\xa4\xc1\xb3k.\xaa/9\xa4pb\xb2\xe7\x1dPb\xf6\x80\x96\x01\xe2[\x1c\xc0\x9a)}\x89\xe8\xcf;\x9fY\x8d\x08\xe0\xb7\x9b\'b\x86\xfd\xc9\x19q\xd9\x98n\xd2y`\xb7\xea\x05-e:\xb3os\x00V]\x02XZh\x00hZ4\\snQ"3\xb8\x1d\xe9\xbck\xd8p\x1cd\xca\xc0&amp;e%W"\x0c\xce\xc3\xf3\xb6esp\xb6\xc3_o\x1c\xb7q\xa8\x08\x809\x8b\x8e\xd8t\xac\x98G\xf3z\xb1d6\xa7\x0cM\x8bd\x00\xfeH\x0e\xdb\x00\x00 \x00IDAT`\xa06\xc9V[\xec\xa3\xcf\x1e\x8d6\xcd\x1a,\xad\xc7\x83\xf8\xb2P\x14\xec\xe0G\xef\xcb\xfflP \x8df0/p\xee\xb4\x9d\\2w*\xc7\xb6\xf5\xd6\xba!)\xbf&gt;\xbc\xce^\xdc?n\x9f\xb6\xe4\x13X"\x03Q\xc5\xe0\xb8w\xcel\x93\xde\x97\xc2\x15\x84\x9c\xc9\xe1\xdd\x7f\xb2f\xe3\xd0\x0e\x8c\x81,\xa6z\x11\xd0\xae|.\xd3CB\x8f\xcc\xde\xd9\x86I\xfd[\xfa\x1c\xfeyp\xce8\xc0\xb1u\xb3\xd4\x17\x01\xa4\'\n\x89C\x1bf\x0c$\xa2 \xfe\xfc\xf4Q\xac\x8f\xe5\xc7\xce\x02\x0fY&gt;\xae\xc7\xb6\xf9#\xd5\xd7\x99Y\x98\x8a\xc1q\x15\xe7\x99\x12\xfd\x1b\x96b=\x9a\xda\x886\x00i0g\x1b\xe5\n~\xbby|\xed\xd4\xfe\xec\x05\xe7\x88\xae\x8cKD_\xec0\xd7\x00\xc0\xdf\xdf\x9b\x861fT\xdb\xea\x14\xf6\xf1O\xe9\xde@\xae\xf0Y?_j\x00\xfc\xfa\xc7\x00L\xbbE\xf9\x97iC\xb3y\xc5\xf8\x9eY\xa3\x04\xca~\x85)\xc3[U\x06\x90\xcb\xf0\x8cU\xa3\xdb\xd59\xc9\xe4|j\xe3\x0e\x1b\xc0#\x9d\xddN\x96\xbe|\x84\xd0\xd3\x8b\x95{3\xae\x913\t\x11}\xbat\xa2\xe6\xd0\xcec^\xad\xad\xd9\xc9\xad\xb1$\xbe\x02\xd7g\x18z@&amp;\x1bZ/oJ\xdbJ\xda\x8c\x92)\xa3\x12\xd1\xe2\x91\x9dU\xb9\xfc\xcd\x99\x82\xf1I&gt;\xbf\xd9DfR\x825\x86\xd1\xed\xaas\xc6\x8a\xc0D\xd5\x9f/\x9c\xdf\xbd\xcc8.\x80\xd8:_\xe6\x8a\xb0V\xdb\xa3F!\x16\xe0\xf97\xc7\x88\xe8\xda\xa1\xb5\x8f/\xed\x8fM\x04&lt;{\xfd\xf0\x02\x9b\x0c\xaa\xa5\xe8\\Aqza0W\x96\x1eAa\xd5G2\x94\xc6\x89=[FDt\xfd\xc8z\xe2\xdb\x8dI-;\xd5\xfc`h\x07\xe9z\xd6($\x9dO4+\x16&lt;\xb8\x19\x97\xfb\x0b\xaf\x19\xd7\xb1\xb6\xf4[S\x13;k\x14\xda2{(OR\xa6\x16\xe7Y\xdfg*\xae\x03@\xf3`I\xaaU\xd3\x92\xb0I\x03\xc9\xec\xe7\x00\xbf\x18\xe8\xbe\x19\x17\xc68\xc7\xfc\xf1\t\x00k\x1e\x91\x1b\xe0\xb5\xba*\xda\x95\xcb\xe937\xa8ADc;\xd4\xfat\xe9\x04\xa9%\xd8y\xa3\x11\x11\xe3&amp;X.}\xac%\xa3\xbbj\xde\x9a\xd5\xbf\x05\x8b\xae\x9e\xb5\xa5$\xca@4\xaamuV\x95\x92\xc9\x84TDqd&amp;\xa8$\x13\x1c_\xee\\\xa2\xa7\x14\xaa6S\x153\xac7iT\xd0\x91"\xa24a\xf7\x99\xcc\xbc\x8d\x93=\xbdIP\x8d\xb0\xfdtI\x8cD\xdaaw\xb8Dp\xbd\xdd\xcb\'\x19\x9bg\r\x91\x97M]\xceec\xba9\x91\xd3\x08\x9f\xb8\xd2\x15v\xe1$\x04`Z\xef&amp;\x1a\x11\x7f\xbby\xf5\xc0ji[\xec\xe4\xc6\xb9\xac\x1a3\x115(\x90\xa6]y\xd7|j.\x1d\xd3M\xfa\x1d%\xbcE\rM\x00\xf0\xact\xd9\xa7Dab\x9a\xf2[Q\xc2\x9c\xa8\xd8(\xado\xe0\x1f}]\xca\xee\xb1\xfc\xcf\xf2\xe95\xd4U&gt;\x18\xda&gt;p\xcc\xb7\x98\x13D\xb4\xc2\xbaT\x86Dj"\xe0\'\xcd[\xb3\xfa\xb7\xd0\x1b\x84\rz\x8a\x8f\xe7\r?\xbf{\x19{\xa9\x03\x9b\x94\x95\x16\xe6q\x88\xc6v\xac\x85\'W&gt;\x9a\xd0\x8b]\xc9\x17\x9f\x96\x8e\xee\xcaB6,\xa0\xe9\xce@\xc9\xfai\xef\x01\xd8\xb7|\xb2^w\xda\xb7^\x89\xc0l\xee\xfc+\xe5\xd4|~\xc3\x8b&amp;Uz].\x912\n\x80\x82\x0eLB\xf4\xaa]T\xfa\xad\xdeR\x18\xda\xa2\xa2\xd5\x04g\xf4i\xc6F\xf1j\xd9\x12\xf9w\xffj\xdd\xb4\x01\x8a\xbe\x06x!\xfd60\x967\xa0\xa1;\xc6;\xbf\xff\xfc\x13\x00\x07\xad\xb80\xc3/\xd7yjL\xd2\xb9\xd3\xdb\xb9r\xbd\xda]\x94\x0ft\xd8*\x064*]"\x05U\xcb\x16\xe4uF\x11\x95{gw\x10Q,\xa2\xd9\x03Z.\x1d\xdd5\x86\x96D\xbc\xa2^\n\xdb=\x7fIH4\xb8Y\xf9\xff~\xba\x04\x19\xd2\xdd\xc5#;\x03\xcf\xa12&amp;\x1a\x1a\xee\xf9\xf5T|\x16\x16\xcb\xa4\x8dAD\x13\xbb\xd4S\\\xefW\xbf$\xcfl\xc2w\xfe\xebd\xfcy\xe73y\xa9\x8c\r\xf0~\xf6\xf1B\n3\xb2FD\xbf\xdf:\xc9\x9cn\x1b&lt;\x97B\x82\x82\x9f\xd4D\xdf\x1c\xdd \xfd\x89\xdfn\x10\x91\x9e\x9d\xbb\x96%\xb30\xcb\xac\xb6\x0f\xe8*dTj/g\xf7@\xc2\xa2{\xf5\x82A\xaa\x8b\xaca\xc8E\xef\x81_\x8c\x9b\xca\xb8\x8e\xb5\x88\xe8\xcd#;\xd6\x17\x88\xe8\xdc\'\x1f\xb2\x1f\xb3\x07\xb4$"KRs\x8c\x1d\x0bF\xb9\xd2g\x19\xeciH\xa5\xf2\xc2\xa82\x0f\xce\xfb\xe5\x82\x89LF\xb8\x88b\xb3\xdd\x13\xb6\xcd\x1bAD\xd3{7\xe5\x0c\x0f&lt;\xb5\xd7\x14\x00\x00\xff\xfer\xfd\x88\xd4\x0b\x1f\xfc\xe8}\xa9\xa7`\x1a}l\xbfEa$`\xc5\xf8\x9e,\xfc\xee\x0f\xc7\xf1XX\x07\xa0Y\xc0\xdfn\x9e\x90\xb2^&gt;\xb6\xbbf\xdcZ\xb9L\xe4b\xf1\xdf#\x8e"X\xe6\xe6\xb1M&lt;\xad\x9c\xd5&lt;\xb3Tuh\xd54\x16\x85y\x01\xab\x9b7%\x80c\xebg)\xd2\xc9*\xfb\xb2\xbf&gt;\xb4\x8e\x9ci\x991%\x1aE7\x1d\x9d\xe8\xc9\xd5\x83\xa6\xfb\x156\x88E\xf4\xef\x8f\x17\xac\xc6\x92\xf6\xfe4\xed\xb3\x03\xe8Z5\xbf\xe6u\x86\xf4\x1c\xa76\xcf\x03p\xdb3E_\xb9\x8e\x08\x80\\\xb6\xa6\x1e^w\xcb\x92\x14\x86\x8d\x81\x98=\x90\xdc\xd4\x95\xe6#&amp; 2\xf0\xe2\xfb\xd1\xc4\xde\x9a\xd7\xef\x9d\xdd\x01\x80\xe7d;v\xf8\xc3y\xc1[\xd4\x1e\xd8\xbd\x83}]G\xd6\xce\xd0\x9c\xfe\x1bt\x1f\x13\xbb\xd6\x93G\x19\xd5\xb6z*+\xa6\xd6\xe4\x05P\xfc\x90\x937\x1e\xe1\xc9\x15\x03-A\xc6\x90\xe6\x15\xfe\xbc\xab&lt;\x8fU\'\x98\x8e\x88\xdf\x82`,"\x00\xfd\xea\x97\xd4\x0b\x90\x9c\x08\xf8Y\xef\xee\xc0\xc6e\xaf\x1cX]$\xe9\xdb.,(|\x80f\xc5\x82\xe5\x1bb\xad\xc2L\x96\xdb\x98rj\x92;\x16\x01\x90;\xd5\xc1\x1f\xb7\xed%\x95\x80ht\xbb\xea\xf6,\x02\xbd\xcd\xdd\xd6\x84Qsu\xc89\xfd\xccg\xcb\xf5\x8b\\\xf7;k\x14\xd22k\x16(\xcc\x1b\xd4VqeGx\x03jz\xc4\x97)l\xee\xfep\xbc\x8d\xac\xd5b\x84\x12\xf2\x99\xe8\xf6\x05\x1a\xc2\x8a\x0c\xd7\xac\xe0j!\x7f\x89\x02#\x00\xb0)\x95b\x00(\x9a\x94\xba\xcaD\xe2\xd8\xf5F\x85\xd2\xc5\'\n"\x8a&amp;\xfb2\xc3\xf3\xd4g%_:\xa6\xdb\xae\xc5ck\xe4HBDu\xf2\xa4\xb8\xbco\x95\x93\xd4\n$\xd0\xe8\xa1\xd4\xfd\xce\xb1u\xb3\x8c}\xd40\xe4{;\x9a\xbdU\xd9\xb41\x01\xb4-\x9b\x83\x05`\xea\xd6I\x03~\xc7\x13@\x95,6\xd7\x14\x00\xca\xa4\xb1\xea\xc6\xca\x0e\xe3\xbdT\xfd\x0f\xa8\xb7\x03 \x1e\xd1\xe5\xfd\x8eZ\xbe\xa7\x18\x18\x05b\x82\xa4z8\xa9\xe7\xc6Z.Q\xdf\x15\x14\xba\x91\xa6\xc4$b\x0e)\xe5,\x1a\xdeQ1\xf1\x91n\xd5\xcc\x95\x94\xc2\xbc\xed\xa8q\xef9\xac\xc1o4T\xad\x1d&amp;\x15{B\xe7\xba&lt;)\xe4\xb4\xd8\x89q\xd6L\xa1 Z3\xa5\x9f:\xf0\xd3\xab\x87\xfcR\xb7\x92\xe8\xa4\x1c\'%\x01\x90\xc3\xa5\xfe\x1f\x80\xc1\xee\xc1\x9a)\xfd\x1a\x17r\xd9\x04)\xc37\x03\x18?\x00~\xf8r\xb7\xbf\xbe;\x9e|\xed\xa9\x1f\x92c\xb7\x13\x152F\xfc\x15\xc0\xaf7\x8e\xdb\x88\xf5\xd7\xbd\xcf!\xdbT\x19\xd4\xb4\x9c\xa4)#\x97\x15\x91H\xa45\x97\xdf&lt;{\x88Z\x91zj\xcfF\x00*d\x8c\x13Gg\xfa\xcfS&lt;\x00r\xab\xf4na\xafcb\xab\x87S\x9b\xe7\xb9^\x1e9uCx%I\xdb\x97\xcf\xa5~\x10\xfcuW\xf3\xd1\xfcb\xa0\x82\x89*\xb5\xaf\x90\xdba\xa7\x03\xbcq\x12}\xd5\xa4&gt;\x92qP\xad\xc4=\x1c/\xdd\xda\xa0\xb3\x81\xdeI\x98MM\x16\xc7\x14MjG5\xd2\x121\x88\x96\x8c\xee\x9a\x95\xdb\x02t\xf5\xec\xa1\xc7\x97\xf6LO\xfa\x19\xd6p\'u\xado5b\xbex\xf4\xc5\x8e\x0f\xede\xbaa\xfa@uW^&gt;Cl\xbd\xa3\xaf\x04D\x03\x1a\x95\xd6\xea\xff\xff\x1b\xda\xdcH\xdcP.\xb5b\x15\xc8\xb4\x94\x15H;\x89{\x97MT\x0b\xab\x18\x937\x1eU\xc8\x18\x17\xd6\xadl\xfa\x18fDz\xd7\xe2\xb1\xd2\x95a-+\xdb\xb6q\xc4\xac\x9cZE\xbe \xd82{\xe8\x93+\x07m$\xc2\xa6\x83\xab\'\xf7\x05\xe0\xc4b0C\xf38\x87i0\xec_\xa1\xed\xbd\xce\xb6\x0f\x0c\t\xd6\xd6\'t\xd1^,6,\xe0\xa6b/\x13\x9c\xebT9\xaf\xcfv\xb4-\xe9E*\xecu\x9bb\xc3\x19\x19\xabmM\xe9\x00\x05\xcc}&amp;\xf0\x82\xfdY7/\xffa\xdf\xbb\x81\xde\xd6\xd0\xd69\xc3\x14\x1d\xb9\xe6x+\xdf9\xd9\xbbl\x92\x8d\x15\x80\xbb\x93\xb2.U\xf2\xc5\x0eK\x96\r\x99\xb6\xd3g\x16\xd6\x02\x1c\x1b\xb3\xda6:6\xf7c\x13=\xbbv\xd8\x86\x9b\xb6\xcd\xb3\x860\xeb\xea\xa7\x1d\x1bv\x05\xa0\x90Z\xb6\xf1\xfa`Q&lt;\xdf-\xe4\xef\xc2x#\xdb!\x9bg\r\x89bK\xb0\xc2;:W\xce\xcb\x9e\xbda\xc1\xb4^\x08\x98\xc9\x01\xb0e\xceP\xfcu\x97?\x8a4\xc6DT\x93D\xc3ZVvK\x81\x85\x93\t]\xea.\x1d\xddu\xee\xc0\xd6\xacY\xefY2\x9e\x88\xe6\rj\x03@oB\xcd\xdf\xfb\xe7\x8c\x19.\x96Nj\xaf~\xb9~\xc4\xe1S8\xa1g\xad\xc2\xe6\x81l\x11l%\xf0\x05C3\x1e\xae\xefi0?\xf2\x9ct\xa9\x9a\x9f\xc2\x0e?B\xdf\xf7K\r\x81"Ij\xf0\xa3\x89\xbd\x7f\xba\xb4_\xba\xae.&lt;T\xa7\xeb6\x1e0\r\xd1\xf4&gt;M\x89(%\x99\xd8|\xd5,\xad\x13\xe4\xa55rpe(\'fL\xb6h4o\xb0R\xc8\xc7E\x14\x15\xce)t\x0f\xe0\xe3\xb9\xc3I_y\xcd\x98\x12)\xa2\xc8\xfd\xfa\x1a\x1b\nT\xccQ*erf\xbd(0\x01^\x86\xff\x13xvM~\xc5\xd4\xa0\x8a)\xc3[V\x9eo\xd8\x92b\x11\xa5U\xc9\xdbIk\xe5!\xcd+\xe0\xb7p\x8e\xc3\xcag\x88cu\xfao\x00\x00\xe0\x7fo\xff|\xf9\x9d\xed\xa4\x02\rK\xd5\xc2z\xcf\xfa\x16E-M\x1d\x97\x03\xa8\x90!\x0e\xe9;\x96\xb0\x81\xde\x1b/\x91"\n;$-\x93&amp;\xc6\xceEc\xd5\x01\x8c\xd3\xb4Z\x8c\x9f.\xed\xc3\xef7\x89(\xb3at\xe7\xc2\xe6}\xeb\x95\xe8R5\xbf\x9e\'^\x00\rT;?\n\xc3\xa8\n\xec\xd9+\x18\xd6\xa2\x12\x11\xfd\xfe\xed\t[\xb1C\x91\xdc{\xd8\xfbf\x13\x11\riV\xc1\xe1\'\xcf\xb0\'\xac\x95-Z\xe8\x99\x87\xe2KI\xab\xe3\xcd4\xc23\xba]\r\xf9\x9f\x00\xd8n\x0c\xff;\xe8Q\xa3\x10\xdbL\xd4#iX\xca\x00\xc6u\xac\xad\x96\x9f\xf8\xe6\xe8\x06\x00\xf2\xeb.\x0e\x00\x91\x98F\x85\xd2\xf1\xd7\x8c\xbd:\xac\x993\x89\xf1j\x97%\xdb\xb7^\t\xf9E\xd3a\xc34A\x03\x96\xc9,\xe70\x98\xa3A\xd7\xf9\xe9\xab}\x92\xac\x88\xa7-P\xd1\xc2C\xe2\x90b.\xaa\xde\x062\xd6\\\xb1]ZV\x92\x1f\xbe\xdcm\x1c\xccS\xb5\xf9k\x87\xd6\xfa\xe0\x93\xaf\x14\xac1\xdf\x97\xaf\x17\x00\\\x93\xf9D\xa1\xf0\x82C\xa5RG\xab\x18\t\x04\x81\x0c\x18\xd5\xb6Z\xbd|\xa9R\x93\xb9\xa2Jv\xfd5\xaa|XH\x13\xd6\xbc\x14g\x00\x9d*\xe7\xbd~d=\xf0\x8f\xfc\x85x:\x00xaM\xd0y\t\xad\xca\xd7\x12Q\xf9\x0c\xb1-\r\x00\x9bf\x0e\xd6\xbbe nq\xfd\xf0:\xfc\xef\x8eI\xe2\xff\xe3\xddH}\xfd\xf0\xfceg\xfd\xb5\rYI\xcdZ2U\x83\xef\x12\xa6\x8b\xb4zR\x9fu\xef\x0f\xf0\xb4K\xaa\x9a\xf5\xad\xde\x12\xbfx\x1e\x8f\xca\x88%\xde\xae\xd4\x7f\xfd\xc6 X\xed\xdc\xc9\xf1\xf8\xb2G\x15\xc2|\xbd\xe1\xe7+^$.a`\xf3\x98a\xfc\xc6\x99\x131NKe\x91\x81\xday\x92[}\xdfSU\x0e\xe4\xbe\xdc\xb9\x84\xb5.\xc5\xfcpX\x8bJ\x08o\x0bH.;tz\x8b\x05\xd3\xd0z\x85\x1c\xd8\xb8,\x11\xfdv\xf3DH\x1cOfs\x7f|g"\xb1\x90-\xaa\xc9f\xae&amp;\x93\xbb5\xd0\xbbuf\xeb\x02\xabCc"\xa2\x8e\x95BxB\xf6\xad_\xc2&lt;\x90\x8c\x05\xe1=\x03\xb3\x17\xaaY\xb6Z\xb9\x92\xaaO\x1d\xeb\x84\xa4 "p\xbb\xfbX4\xbc#\x00\xe0\x95\xa5B*\x00`,\xfd\x02\xe0\xfe\xb9]\xec\xc7\xf1\xf5\xb3}\xb3\x0c\x85\xca\xa2\t\x00=+,c\xda\xd7t7wV\xb1&lt;!\xa7\xf5n\xe2Q\x85\xfcx\xe1SV\xed\x1eQ:u\xf4]\x8b\xc7:\x9cVF\x9e=\x89\xda\xb9\xcd}N\x1fY3C\xef\xd6\xf9]&amp;\x1e\x02\x14\xe8M\xeaO</t>
        </is>
      </c>
      <c r="E240" t="inlineStr">
        <is>
          <t>&lt;class 'numpy.ndarray'&gt;</t>
        </is>
      </c>
    </row>
    <row r="241">
      <c r="A241" s="1" t="n">
        <v>239</v>
      </c>
      <c r="B241" t="inlineStr">
        <is>
          <t>steps_per_sec</t>
        </is>
      </c>
      <c r="C241" t="n">
        <v>3500</v>
      </c>
      <c r="D241" t="inlineStr">
        <is>
          <t>3.3466575</t>
        </is>
      </c>
      <c r="E241" t="inlineStr">
        <is>
          <t>&lt;class 'numpy.ndarray'&gt;</t>
        </is>
      </c>
    </row>
    <row r="242">
      <c r="A242" s="1" t="n">
        <v>240</v>
      </c>
      <c r="B242" t="inlineStr">
        <is>
          <t>Loss/object_center</t>
        </is>
      </c>
      <c r="C242" t="n">
        <v>3500</v>
      </c>
      <c r="D242" t="inlineStr">
        <is>
          <t>0.16864088</t>
        </is>
      </c>
      <c r="E242" t="inlineStr">
        <is>
          <t>&lt;class 'numpy.ndarray'&gt;</t>
        </is>
      </c>
    </row>
    <row r="243">
      <c r="A243" s="1" t="n">
        <v>241</v>
      </c>
      <c r="B243" t="inlineStr">
        <is>
          <t>Loss/box/scale</t>
        </is>
      </c>
      <c r="C243" t="n">
        <v>3500</v>
      </c>
      <c r="D243" t="inlineStr">
        <is>
          <t>0.06745288</t>
        </is>
      </c>
      <c r="E243" t="inlineStr">
        <is>
          <t>&lt;class 'numpy.ndarray'&gt;</t>
        </is>
      </c>
    </row>
    <row r="244">
      <c r="A244" s="1" t="n">
        <v>242</v>
      </c>
      <c r="B244" t="inlineStr">
        <is>
          <t>Loss/box/offset</t>
        </is>
      </c>
      <c r="C244" t="n">
        <v>3500</v>
      </c>
      <c r="D244" t="inlineStr">
        <is>
          <t>0.13927662</t>
        </is>
      </c>
      <c r="E244" t="inlineStr">
        <is>
          <t>&lt;class 'numpy.ndarray'&gt;</t>
        </is>
      </c>
    </row>
    <row r="245">
      <c r="A245" s="1" t="n">
        <v>243</v>
      </c>
      <c r="B245" t="inlineStr">
        <is>
          <t>Loss/total_loss</t>
        </is>
      </c>
      <c r="C245" t="n">
        <v>3500</v>
      </c>
      <c r="D245" t="inlineStr">
        <is>
          <t>0.37537038</t>
        </is>
      </c>
      <c r="E245" t="inlineStr">
        <is>
          <t>&lt;class 'numpy.ndarray'&gt;</t>
        </is>
      </c>
    </row>
    <row r="246">
      <c r="A246" s="1" t="n">
        <v>244</v>
      </c>
      <c r="B246" t="inlineStr">
        <is>
          <t>learning_rate</t>
        </is>
      </c>
      <c r="C246" t="n">
        <v>3500</v>
      </c>
      <c r="D246" t="inlineStr">
        <is>
          <t>0.001</t>
        </is>
      </c>
      <c r="E246" t="inlineStr">
        <is>
          <t>&lt;class 'numpy.ndarray'&gt;</t>
        </is>
      </c>
    </row>
    <row r="247">
      <c r="A247" s="1" t="n">
        <v>245</v>
      </c>
      <c r="B247" t="inlineStr">
        <is>
          <t>train_input_images</t>
        </is>
      </c>
      <c r="C247" t="n">
        <v>3500</v>
      </c>
      <c r="D247" t="inlineStr">
        <is>
          <t>[b'512' b'512'
 b'\x89PNG\r\n\x1a\n\x00\x00\x00\rIHDR\x00\x00\x02\x00\x00\x00\x02\x00\x08\x02\x00\x00\x00{\x1aC\xad\x00\x00 \x00IDATx\x9c\xed\x9du\x9c\x16\xc5\x1b\xc0\x1f\x05\x0c@&lt;\x8b\x8e\xa3\x8e\xee\xee\xee\xee\xee\xee\xee\xee\x96.\xe9\xf8\xa1\x80\xb4\nJ( (\x8a\x94 \x12\x82 H\x83\xa4\x80\xc0\xf3\xfbc\xef\xf6\xf66fggg\xe3}\xdf\xf9\xfeq\x9f\xbd\xdd\xd9\x99\xe7\xdd\x9d\x9d|\x02@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xe0\x15Y\xe3z-A\xe8\x91\xf7}\xaf%\x08X\x10\xf1\xa7-\x0bO\xed\\\xdd\xa6lv\x93\x94/\xaf\x00\xc0\x90f\x15\xde\x02\x00\x80ec\xba\xca\x97\xbaT\xcb\x8f\x88\x88H(Eu\xa6N\x9e\x14\x0c\xd2\xca\xf7\xb4*\x95%:\xf3\xe7\x97tJ|uUY(^?&amp;\x1d\x8cm_C%\x8c\xea\xdfJ\x19? \xfc\x10\x00@\xbc\x85/\xfe\x8a\x91y\xcc\xe3Z9\x93j\xefj_!\xe7\xc9\x9d\xab\x00\x00\xff\xf9]\x93!"\xfeM(\x91;\x18\x85\x9b\x85\x86\n\x8bGv\xf2Z\x04\x13\xd6O\x1f\xe8U\xd1\x15"\xc2\xbc*Z\xe0(\xdf,\x9b\xd0\xb2df\xddKFm\xcdO\x9b\x17\x9c\xde\xb3\x86\xdc\x1c\x03@"\xc5qZ\x80\xbf\x8f|\xa9\xbc\xbafr\x9f\x8f{5\x91\x8e\xb7\xce\x1fA#\xea\xf5c;\xc8%J|\xa09\x13\x11\x9b\x94m\x93"\xe9u\xcf\x0fhXZ{\xd2\xe9\xf6w\xf7\xca)\x888g@K\xdd\xab\xe5\xd2\xbd+:\x80\xd0\xc5\xb5\x17\x1f\xcb\x9db\x04&gt;\x00\xef\x9c\x04\x804\xb6\xf3\xc9\xff\xa1I\x82\x17W\x0f\x03@\xb5l\x89\x00\xe0\xc0\xfa\xd9\xd2\xb0Zb\xfb\xe2q\x10\xb3zg~\xcb\xbc\xc4\x12))\x12\x01\xa8r\xae\x98\xf1}\xa9\ruh\xc2\xaf\x1a*\x8d\xefT\xdb\xd2\xedW\x0e\x7fAN0\xab\x7f\x8b\x8a\x19\xde\x03\x80\x11\xad\xaaX\x14M\xe0\x18[\xe6\x0ew\xa1\x14\xc4\xbb.\x94\xe2\x02\xa7\xf7\xac\xf1Z\x04\x01-}\xea\x15\xa7L\xb9\x7f\xedL\xedIDTu\r\xb5r&amp;\xfde\xdb"e\x828\x9a\xba]/oJ\xabrZ"\xc8\x06\xd1K|\xbfz!\x10D\x83x\xc7k\x11\x04\xee\x91\xf9Mu\x83\xab\\:W\xaeiT\xcd\xf2\x11\xc7\xa6\xd9\xff\x13Y\xd3\x1f+\xaf\xce\x11R\xa6\r\xba\xfe,\x12\xda\t\x9e@\x10\xa4\x10\xd7\xae#i[\xced\x13\x98\x92\x9f6/0M\x93\xe5m\x96\x9c\xcd\xf6fu\xaeZm\xd1\xac\xa6\x7f\xd7Rj\xef\xa0\xa9\x00\x02\x81 8\xf1\xc9\xc8\x0e\xf1\x89\xeb%"\xc3\x1a\xd0\xbd\xd3\xdfZzb4\xddY\xbd|\xa9\xac\x0b\xe2\x08&gt;\xa9\x0c\x02\x81 \x84\xc8\x1d\xe6\xb5\x04z\xe0\xc3\xb3^\x8b\xc0\x08\xa1\x1d\x1f\xd0\xb04\xe257\x85\xf1;4\xca\x00\x02\x81 \xd4\x90m\x08\xb8\x8f\x8b_\xe7\x97\x95V6\x9b\xb3\t1\t\x08\x18\xf0\xe6\t\xafE\x10\x08lQ*&lt;\xf8m#\xdfw\xb1UED\x9b\x96\x8f\xa2\x03\x10\x08\x04\x02\xf7\x10m.\x01\x8e\xb3%\x81@ \xf0\x1d7O|\xe3fq\xd7\x8e|e\xe7v\xd1]\t\xfc\xc2\xb9}\xeb\xb4\'\xfd\xa2Q!\x10\xf8\x80\x17W\x7f\xe1\x9eg\xa7Jy\xca\xa6}\x87{\xb6\x02\x81@\xe0 \xfel\xb4\xf2i]\x0bi\xf0\x9bOC\xa1J$\x10\x08\xf8\xe3\xe8\nC6\xdfl9\x0fm^\xc1k\x11\x04\x02\x81\xc0S\x0e~&gt;\xc7\xb5\xb2\x10\xf1\xfa\xd1\xed\xae\x15\x07b5R \x10\x08|\xc2\xf9\xfd\xeb\xbd\x16\xc1\x02\xa3\xdbV\xf7Z\x04\x81 (\x98\xdc\xad\xbe\xd7"\x08\x82\x1c&amp;\x0fF\xde\xd3\xbaLV\xafE\x10\xf0@\xe8f\t\x04\x9e\xb0c\xc9\xf8C\x9b\x16\xbc\x010\xb6}\xcdD\x00e\xd3\xbe\x13\x0f {|\xc0\x1b\xc7\xbd\x16\xcd\x9c\xd7c\x86o\x13\x040\xff^\xfc\xc1k\x11\xbc!\xcf{^K \x08a\xf4]\x8d&gt;\xbd\x88\x88m\xcb\xe5p_\x1e^\\:\xb4\xc5k\x11\x04\x02\x81\xa7$\xf0Z\x00\x9f\x83\x88R\xa0o\xad\xc1\xea\xf8\x8e\xb5\x10\xb1v\xee\xe4\xae\x0b%\x10\x08\x04&lt;H\xab9C\x1f%1\xe8\xe9T9\x0f"\xde\xfdm\x0f"*\xc3O\x02@\xb5l\x89|\x1eYwb\xe7\xbaF\x97\xf6}6\x13\x00r\xf8\xd3hB \xd0R3G\x12\xafE\xe0\x83\x9f\x9b\x0c\xee\x98\xc6\xf8\xf59]\xaa\xe6\xc3(\x94\xe7w\xaf\x9c2\xa8I9\xe9\xfc\xa1M\xf3\xbd\x12\xcf\x0e&gt;\xef\xbd\x04\x02\x81\xc0{\xa4\x86r\xee\xc0V\xca\x93c;\xd4D\x05^\xc9f\x87\x00\x15[\x10\xba\x94K\x17l\xeb\xd5k&amp;\xf7\xf1Z\x04\x00\x80\x05C\xdaz-\x82\x7f9\xbcuQ\xf6x\xea\x93\xca\xd6\x7f\xdb\x82Q^\xc8%\x10\x98\xb1i\xce0\xafE\xf0\x12\x9f\x8fqt\xc5[5\xa1\xa7\xeb\x82\x08X\x08\x94\xe1?\xe2\xfd\xdd\xab\xa6\x18_\xbd\xed\xa60\x02\xf7 T\xcd\xfc\x1f\xb9)H \xb1vZ\x7f\xd7\xca\xf2\x99\xef/\x81!\xbdj\x17\xdd\xbdR\xdd\x86\x06D\xeboJ\x10\xfc\x04\x81\x0e\xf2{M\xa7\x17m\xa1~\xfe\xf0@|\xf1\x887\x1b\x17N\xe7\xb5\x14\x82 \xc4\xea\xe7\x80x\x1b\x11;U\xce\xc3\x9c\x83 \xb0\xf1\xf3\xfb6\x1d\x9b4+\x96!\xe0\xc6/\xc3[U6\xba\x94\xd8\xec\xdeE#:\xf2\x15F \xb0\xca\xa5\x1f7{+@\xfaX\xde\x96\x1f\\h\xb5\xa7\xfd\x03"jv\xad\xd4\t\xa2\xb8\xe1\x92L\xfe\xe3\xfa\xb1\x1d\xe5\xd3\x87y-\x85@ \x10\xf0\x03o\x1c7\x1d\xdd\x07\xba\x06\x1b/\x94??\xc4\x1f\x85)\xe2\xf9\x08\x04\x01\x80\xdc\xb2o6P\x01zr\xf1\xa0\xe8\x00\xbaV+\xe0\xb5\x08\x02\x01\x7fv,\x19\xef\xb5\x08\x02O1m\xdc1&amp;V\xf3\x7f\x0f`b\x17C\x13s;&lt;8\xbb\xcf\x89lU\xf4\xaaS\xd4\x85R\x04\x02\xbf\x11\xdbb\xfa\r3\x07;"\x87\xc0Q\xe4\x96\xfd\xe8WK\x95\xe7\x7f\xde\xb202\xc1\xad\x13b\x06\xc0\x9d\xe6%2y-\x82\xc0\x17,\x18\xd26\xd3\x1b\x10\xc7k1\x04!J\x8d\xec\x89\xc9-;\xe2\xdfr\xeb_$\xa9\xd5a\x81@ \x10\x084\xdc9\xb5\xcbk\x11b\xb0tt\x17\xa3Kb\xf8/\x10x\xcb\x97\x9f\x8c\xd1=/\x1cK\x08\xd4&lt;\xb9p\x90\xe1.\xa3&amp;^n\xfd\xf3}`[2A\x88\x81\xb7\x7f\xf5Z\x04\x81\xb3\x88\xd8KA\x85\xdc\r\x94O\xff\xee\xfa\x19\x03\x11\xf1I\xa8\x86\x15\x13\x10\xa8\x953\x99\xd7"\x08|\x81X\x18\xe0\xcf\xe2\x91\x9d\xbc\x16\xc1{\xea\xe4I\xe1\xb5\x08\x82\x90#\x04\x9b3\x1a\x97\xb9y\xde\x0b\xc5\'\xe3,\xaf\xfe&gt;"\x1f#\xfe\xed\xa1$\x02\x81\x80\x17\xc1:3",\x11\xb7*\x9d\xc5}y\\B\xf4{\x02\x81 \x04Q5}!\xda\x12\x86\xe8\xcf\x16\x08\x04\xa1M\x9fz\xc5\xbd\x16\xc1\x07L\xe8\\\xc7k\x11\x04\x02\x81@ \xa0\xc0\xb9)\xcbk\x0e\xe5+\xf0=" \x90@\xe0 \x88/\xbc\x16\xc1)t}\xcc\x15L(z\x93H\xbaT\xcd\xef\xb5\x08\x02n\xd4\xc8\x91\xc4k\x11\x04\x81\x0c\xe2u\xafE\xe0O\x91$\xea\xd0\x12bg%\x14\x10o9\xe0\xc8\xf2\xb6\xd7\x12\x08\x04\x82\xe0@t\x00AL\xdd\xbc)/\x1c\xd8\xe0\xb5\x14n!\xaa2/F\xb6\xae\xea\xb5\x08|\xa8\x96-\x91\xd7"\x08\x04\x9e\x81\x88b\xb5K \xb0\x0c\xbe\xf8\x8b*Y\x94\xddM\xf3\xe2\x19\x111G|\x87\xc5\nmR\x88A\x9e@ P\x91\xc7]OW\xad\xcbd{r\xe1`\xe6\xb7t.\to\xac!H\x8ew\xbc\x96 &amp;\x89\xbd\x16\xc0cD\xd0\x86P\xc3\xe56\x17\x11\x87\xb5\xac\xa4\x7f\xe9\xc1\x19\xd1\x07\xf8\x90\xab\x87\xbf\xf0Z\x04\x81@\x10\xf8 "Y\x1bXDe\x90x\xc3\xf5\x12+D\x84\xb9^\xa6@ \x08\x19\x8e}\xb5\xcc\xb4e\x17\x1d\x80@ \x080v\xad\x98\xe4\xb5\x08\x01\x80YT\xce{",\xb3@ \x08`f\xf6m\xe6\xb5\x08\xfe%\xaam\xbfE\xbc*\xfa\x80\xa0\xe5\xd6\x89o\xbc\x16A \x10x\x84\xdc\xb2\x0fkQI\xdb\xbe#"\xbe\xbc\xa2h\xff\xef{"\xa4}\x1a\x15J\xeb\xb5\x08~\xe4M\xef\x8a6\x8a^\xd0\xbeBN7\xc5\xf05b\xc0%p\x1a\xb9i?\xbdg\xcd\xea\x89\xbd\x8c"oH\\;\xba\xdd}\t\xddA|k\x02\xdfq|\xc7r\xdd\xf3\xe4\xca*\x9c|QZ&lt;\t@\xd1\xb8/\x18\xd2\xd64\xd9\xa3\xf3\xdf\xbb&amp;\x18=\xe4\xcf!\x9d\xf0\xfe\x17\x8c\xb4*\x15\xbc\xb1\xc0L!+\xed\xf9\xcc\x86C\xe0k\x1a\x16L#5\xee#ZU&amp;$\x13\x03d\x81\xdfP.\xea\xd5\xc9\x9d\xdc39x\xf1\xa1\xd7\x02\x04\x01\xa1n1\xc8\x84\xe9\xee\xae\xd8\xfe\x15\x08\x04\x02\xc7\xc9\xfb\xbe7\xe5\x92\x9b\xf8\x01\x8dJ\xbb)\x8c\xc05\xe6\x0fn\xe3\xb5\x08\x02\r\xee\x1b\x1c\x064bp\xca\x05m\x1f\x10(\x03\x7f=\x0fF\x82\xc0\xa6H\xd2\xd8\xd9\xe3\xe9|\xdaq=\x91F \x08\x1d\xde\x04\xf8~\xdd,\xe9\xdb\x0b\xe2\xb1\x88k\x1a\x90\x9b\xf4"\xd3\t\x04\x01\xc6\x07^\x0b\xe0\x1a\xdf\xaf\x9b\xe5\xb5\x08\x9c\x89\xed\xb5\x00\x02G\t\x88\x89\x9a@ \xe0\xc3/\xdb\x16y-\x82@@\x02\xf1\x91\xd7"\x08\x04AM\x83\x02\xa9\xbd\x16\xc13D\x08YA\x10B0X\xd7U\x0fi]:\xabs\xc2\x08\x82\x00\xb18 \x10\x08\x04!\x8a\xa9\x82\xbf\xa5\xf4\x02\x81\xc0\x17\xac\x9f1\xc8k\x11\x04\x01\x0f\xde8\x9e\xc6k\x19\x04\x02\x81@ \x10\x08\x04\x02\x81@\x10\x8c\xac\x9a\xd8\xd34M\xa0;\x1e\x17\x08\xbcD,\xe9\x08\xfcL\xba\xd7\xf5\xcf\'\xd5\x8b&gt;\x84\x88\xb3\xfb\xb7pW\xc0\x80"\x96\xd7\x02\x08\xe8\xb9xp\xa3\xd7"\x08\x04~Dj\xeb+g\x8aal\xfaf\xd4\xf9\xdfv\xad\xf6J0\xbf\xc3\xac\xb31\xbdw\x13\xbe\x92\x08h\x10\xb1\x15\x05\x02\x15\x88\xcf\x08\x9f\x83\xf8^8\xf0\xe5\'\xa3\xbd\x16!\xd4\xd1q\xb5\xf6\xecO\x8fd\x118\xc8{^\x0b\x10XP\xba"GD\xc4\xbb\xaeI\x150 \xe2\xabkG\xbd\x96B\x07\xd1c+\xf9~\xddl\xdd\xf3\x9e\xc4n\xab\x9cI\x04\x9e\x10\xf0\xc1\xbe\x1fV\xd3\x86BL\x9a\x05\xae\x12\xc6;C\xa3\xea+\x9d\xac\x97/\x15\xef\x02\xfd\x85\x08\xc8(  :\x00\x97\x08\xca\xc7g\xa0P\xe0/\xf0\xe1YU\xf5\x95\x8e\xa3j\xf5=\xefD\x13\x08&lt;\x06o\x9e\x90\x8f\xb5A\x1dU\x1aA\xa4|\x82\xa3}\xebQ\xb3\xb0\xd7"\x08\xf8\xa3\xac\xbe\r\x0b\xa6\xd1\x9e\xe4K\xb8\x13\x99:I\xe9\xd4\xf1\xbc\x16A\xe0\r\xd4\x1b\x00\xa1\xd1\x018\r\xe2\x03\xafE\xf0;M\x8a\xa4\xe7\x9eg\xd7j\x05\xb4\'3\xbf)j\xad \xd41m\xd6w\xad\x9c,\xb5\xfeO.\x1ctM\xaa\xa0\xc2\xa3(\xb3\x81\n\xfe{\xd1\xa5\x82D\xeb/p\x850\xaf\x05 `\xfa\x15\xc8\x1d\x80;\xf2\x04\x0c\xc9\x00\xf0\xfa1\xaf\xa5\x10\xb0P&amp;M|\xafE\x10\x84.\x11~2\x1fmT(-\xcd&gt;p\x84\x88i\'\x10\x08\x046\t\xb8\xa1\xf4\xb6\x05#K\x85\x1b\x86\x82\x7f\xc7MQ\x04n\xf2\xd5\xe2\xb1.\x97\xe8\xe6\xb7\x11p\xdf\xa1\xc0\xe7\xfcw\xe50M2\xa5\x9d\x9aR\x03\xc7\'\xc8\xdf\xc5gS\xfb\x15M\x16G|&amp;&gt;bP\x93r\x00P&gt;\xfd\xbb^\x0b\xc2\x07]\xc5|\xf9x\xe7\xf2\x89k&amp;\xf7qW"\x81\xc0q|\xde\xa4\x1a\x06D\x14\x08\x04\x02\x87\xe8[\xaf\x84\xd7"\x08\x04\xb6ypn\x9f\xd7"\x08\x04\x81\xc7\xf5c;\xac\xde\x92\xe9M\'\x04a\xa1@B8\xbbw\xad\xd7R\xb8\x01"\xe2\xf3K^K!0\xc6\xe7\x13L\x81\x80\x86\x84\x14i\x8a\xa7\xf0M\x0f\xc0\x8f\xb7\x1d\xcb\xb9f\x8e$6s\xf8i\xf3\x02\xd1\xbc\x04?\xceUA\xcf\t\x08\xc7\x15\xc1\x84s\x06\xc6\xf9?\x04C\xc5\x14\x813&lt;\xfd\xf3G\xafEp\x9e\xecBA\xdcE*ft\xdbHn`\xa32.\x97(P\xf2\x91\xd7\x02\x08\x08\xa4\x17C$\x81\'\x18\x99\xc6\x88)\xa7\x80\x19\xe1t\x9b\x12|qE:\xc8!\xb4\xfa\x05&gt;\x84\xe3:\x82\xafz\x94\n\x11a^\x8b@b\xef\xa7\xd3M\xd3l\x9a=\xd4\x05I\x1cB\xd8\x9dX\x05\x11\xb7-\x18\xe9\xb5\x14\x02\x01+\xe5\xd2\x05\x89\x15E\xa0\xf3\xfd\xbaY^\x8b \x10\x08\x04\x02\xb7\xc8\xe3b\xb4F\xa7W\xb3-\x85\xe2Z:\xbaK\xfd\xfc\xe1\x0eI"p\x84\x89]\xeaz-\x82\x9aq\x1dk\xcd\x1d\xd8\xcak)&lt;\xa0{\x8d\x82^\x8b \x10\xc4 !\xc0\xc86U)\x17vN\xefY\xe3\xb4&lt;\x82\xe0G8e\r\x14\x08A&amp;\x7f\xdc8\x8f{q\xed\xcb\xe7\xe4\x9e\'w\xf8V\xddp\x8ey\xb1\xe2\x93\x8f\x11\xf1\x91\xd7"\x08\x14&lt;\xbb|\xc8k\x11\x04\x025\xb9\xc3&lt;\x16\x00\x11\x1d\xf5(\x1cf\xe3\xde\x80SN\xcd\x99\xc0k\t\x04\x02\x81\x11\x88X\xc9u\x13\x07O\xa07\xc6\xcd\xf4&amp;\xfc\xb4y\x81\x83\xa2\x08\x04\x02\x81\x1f\xc0\x7f~O\xed\xb5\x0c\x81\x08"\xbe\xe1\xb5\x0c\x02\x81\x803e\xd3\n\x0b\x13\x01-\xfe1G\xdd\x18\xc8V\x0e\x02\x81@\x10l\xc4\x05\xa8\x97\x8f\xb0\xcb\xee/\x9c\xf2\x85$\xf09|5\x04\x10\x1fs\xcc\xcd5\x98]\x8b\x08?_\x12\xbfl[\xe4\xb5\x08|X7} eJSU\xb7t\xfe\x99 \x04\x14&gt;\xd1Y\x12\x84\x10\x88/\xbc\x16A\xe0\x0bZ\x96\xcab\x9a&amp;C\x1c\x00\xd1N\x05\x14"|\x98@ \xb0K\x98\xd7\x02\x08\x08\x84\x1b_\x12\xbd\xb5@ \xd0\xc1\xc0\xbb\xab\xc0/\x9c\xdb\xb7\xcef\x0e\xa2\xf5\xf7\x11\x88/\xfe\xbbr\xd8k)8 \xb4\x85&lt;\'\xfd\xeb\x81\xf4m{n\xe0&amp;\x10x\x0f\xe2\x93\x00\xfah]\xf4\tFKN\xd1\xf3\xf8\x98\xee5\n\x19E\x8c\x18\xdb\xbe\xa6\xab\xa2\x08\x04\x02\xabx\xe5\x82\xf9\x9f\xdf\xbf\xf3\xa8d\x01O\x820\xf8\xaf\xc3\xd4\xcd\x93\xc2k\x11\x04.\xe2\xed\xf0\xbfS\xe5\xbc\x1e\x96\x0e\x00\x88\xd8\xbatV\xb6{E\x10P\xff\x93\n\xe0\xd3\xa9}\x8d\xae"b\xb5l\x89\x18\xb2u4&amp;\x810\x05\x17\x08\\B\xf22\x16\xc4^\x04f\xf7o\xe1\xb5\x08\x02\x81\xc0gl\x9c5\x842e\x00\xed\x1000\xb2uU\xafEp\x8f\xe0~\x95\x02\x81@@\xa2txH\x1b\xd8\xf7\xad_R&gt;\x0e\xe2I\x8f\xb7$\xf5Z\x00\x81\xc0Y\xde\x06`Y7\x15\x08\x82\x88\n\x11&gt;TI\x13\x04#\xdc]\x98\xc8\xdb\xfc?n\x9c\xcf;\xef`\xa0I\x91\xf4\xd2\x81\xd8\x8e\x13\x08\x04\xde\x93C(\x9b\x0bX9\xbf\x7f\xbd\xd7"\x08\x02\x80\xfc\xae\x877kQ2\xb3\xdbE\n\x04\x0e\xc1k\x8buL\xfb\x1a\\\xf2\x91\xb1#X\xa1\xc4\xc2\x85\xa6\xc0\x11\xe6\x0fn\x83\x88"\xe0\x07\x1f\xe28\x9c\xff\xf2\xb1\xdd\x1c.\xc13\xfc\xb6\xce\xe3+g8\xdc\x15\x87\xfe\xf8\xfes\xbe\x19\n\x02\x17D\xfc\xd0k\x19\x04T\x0chXZn\x0b\x84\x02I\xd0\xe3\x93\xa8\xc4\xc7w,\x0fi\xb5\xad`G\xe8%\xfb\x88\x04V\x12\xe3\xd3\x8bN\xc9!\xe0M\x1a\xaf\x05\xf09\xcc\xda&lt;\x81\xbbx!&lt;d\x08\xec\xe2N\xef\x9d\xee5\xe8^\xb3P`\x8d\x14\xd6\xcf\xa0\rb%\x08t28\xb0\xf6\xbau\xfeH\xfe\x99\xc6\xe4u\x80f\xc53\xfa\xe1\xb3\xf2\x83\x0c\x02s\xf2\x8b\xb5:b\x80\x0b\x15g\xf7\xaeuN\x0c^\xecZ1\x99p\xd5u\x95\x10\xb7i\xc9C\x05%\x99\xfd,B\x8c\xb5\xd3\xfa{-\x82 XP\x85\x81\xbdp`\x03\xc7\xcc\xd9VN\x82\xbe\xdd\xb4\x03\xe2\r\x8a4&gt;\x1a\x12\x8a\xb7\xc9\x9d\x8cN\xeb\xab\x04\x16\xb1\xbd\x16\x80\x12_}\x96\x00\xf0nT\xeb\xef\x9a`\xaf[y\x08\xa2\xe1\xb0\x84\xdfj\x97\x80;\xc5\x93\x8b}\x87\x90\x87\xa3s\x7f\xb9\xf5\xc7\x7f/\xf0\xcb\xd5\x1b\xbeZ4\xc6k\x11|J\xa0\x0c\x8f\x04\x042\xc4\x86\xd7\xf4\xce\x7f\xbfv\x16"\x06\xb1~y\xc0\x90\xcdg\xaavu\xf3\xa6\x04\x80\xf53\x06I\xff\x86\x01\xac\x99\xdc\xc7}1\x94\xae\xd3l\x92\x8ehM5\xb3o3\xc2U\xc4\xffx\x89\xc1\x9d\xd5\x13{\xa5\x10\xee\xcf\x82\x8b;\xa7v[J\xffq\xaf\xc6\xcce\x89\x99\x9f@\x9f\x81\x8d\xcb(+G\xa1Dn\xd8\xa3\xbe\x05p~\xff\xfa\xd1m\xab\xb9PV\xd0\xd0\xbaL6\x9ad}\xea\x15\xb7Y\x90\xee(\x12\x00\x9e]&gt;d3g\x01wh\x14d\xef\x9f\xd9\x9b\xd2qAB\x9e\x01\x8d\xcax-\x02\x0b^\r\r\x10\xb1K\xd5\xfc\x9e\x14- \x10(Q\n\xdf\xf2Z\x00\'(\x15\x1e\xf7m\x07\xb2E\xbc\x97\xd8\x81l\x051p\xb3%=\xb4\x89\x9bo\xd1\x85C\xdb\xf1\xca\xaaw\x9db\xbc\xb2\x12\xb8\x80WQ\xa0\x05.\x90Pq\x1c\xd2\xeb?\xd5\xb3\xfb\xb7\xf3\xcbB\xd7\xdd\xd7\xcb\x97J&gt;\xc6\x7fN[*"9@\x06\xcd\x06\x9fr\xa1\xff\xeb\xa5\xe3\x95\x97d\xf78\xf2ry\x01eU\x8a\t\xde\xfe\xd5\x920\x02\xfb \xa2\x0f\xb5\xfbj\xe5\n`5}\xa9}4Z\xf8r\x88\xb7\x00\xfa7(\xc51\xc3W\xd7\x8er\xcc-x\xd8\xb1d\xbcy"\xdfS:\xb5\xcf\xb6\x8f}\x00\x8d\xe2J\x96\xa8\x95\x82s\xfb\xd69)\x8bK\xc4\x07\xb8\xfb\xdb\x1e\xab&gt;\xf5n\x9f\xdc\xe9\x884\n\xec\xb4\xa1\xdd\xaa\x17\xe4+\x8c%\xec\xec\xac\xda\xe1\xb7]\xab\x1d\x1a\x98\x0b\x07b\x02\x0b\xc8\xb5\xd0\xc85f\xa5\x8c\x1f\x00\xc0\x89\x1d\xcb]\x12\xc8\x97\x94L\xe9\xc4\xda,\x0b\x88\xffX\xed\x00\x9a\x15\xcf\xe8\x88(\x1a|\xe2\xd8. \x98\xd1\xa7iH\xaf\xcc\x08\xf8R%3\x8b\x07\x89y\x83Z\xcb\xc7\xe4\xea\x88\xf8\x84!\x7f\x9b\x88/\x84\x06SS\xb8\xa7\x97BQ{\xe7\xc0\xfa\xd9^\x8b\xc0\x88\xcb\x8bQAK.\xc76\xb9\x8a%\xf7\xdd4\xeb\xf3(]~f\x10\x1f)\xff\xad\x9b\xc7\x82&gt;\x88h\xa9\xbd%\x80\xd6\x07/\x1c\xdc\xa8\xfcW\xd4\x1c-%S\xf9e\xba)p\x8f\xb6\xe5r\x0ciVA{\xfe\xd9\xe5C\xa6\x1f\t\xe2\xdf\xde\x86\xfbI\xa77h\x19\xdf\xb1\xb6\xeb\x82\x08\x1c\x04\xef\xff\xcep\xd7\xd4\x1e\r\x01\x00o\x1c\x93\xfe\x1d\xd4\xb8\xacn2\xdf\r\xa9lS&gt;\xbdP\xb3\x12X\xc1H\x91\x82\xa2\x03`\x1fF\t\xeb\x9e\x00\xa5HR\x8f\xdd7X\xaau\x88h\xc7\xc2\x00o\x9d\xb0q\xb7e\xfe\xbbr\xd8\xcd\xe2\x04\xb6 TD\xff\xc4 D\xbc\xee\xb5\x08\x8e\xf3\xfc\xaf\x9f\xbc\x16!\x1aI\xff\'\x11\xc0\x85\x03\x1b\x10\xf1\xf3\x99\x83\xbd\x96(\xe0Q}h6Wo\xeaXYc\x14\x08\xfc\xc5\xc8\xd6U\x1d\xca9\xae\xe6\x0c\xa5\x0f\x00\x81\x8a\x8f\x94\x9e\xec\x10\x11\x9f"b\xa3Bi\xbd\x96K\x10M\x8f\x9a\x85\xa4\x83-\xf3\x86{+\x89\x87\x08\x17O\x01\xcc\xa7S\xfaz-\x82\xafI\x0bP4\x99e\xd3\xa5\x0f\xec\x15\xda\xa3Va4\xc3^\t\x02\x07)\x93&amp;\xbe\xd7"\x04$\xaa\xa7\xf6\xf0\xfc~o\xe4\xf09\xc6\x96\xad:,\x19\xd5\xd9)9\xec\x11\x94\xbePd\xcctRM\x9a\xef\xd3{\xd6\xe8\xb6\xf2q\x15s\x82\x82\t\x85\xba\x9d\x80\'~s\xa9-F9\xfc\xb1\xf3L\xa7\xf7nJ\xca\xf9\xe5\x15\xe9`L\xfb\x1a\xda\xabs\x07\xb6V\x9dY=\xb1\x17\x8dTF\x8a\x08\x1c+\x87\xca\xcf\xb8\xe7\xd5N\xd5\xf4k\x87\x93r\x1f\xf0\xdd\x9a\x8f\xdd\x15\xcd\x84\xe2)&lt;\x08\xe5\xa1\xda\x9dR\xbd\xbeR\xe1\xda%I\x81\xc0\x07\xd044\xbfl[\xec\x82$\x94l\x9a=\x94\xe1.\xa9\xf522\xd3\x950z\x14\x84G\xc4\xacY\xf4\xe3F\x13?t\xde\xae\x89\xe1\xcd\x13*\xc9\xa7to\xa0\x93,\x8a\x9d\xcb\'\xba%Z\x00\xa0\xea,\xf3}`\xd79h\x0e:\xe5\xe4\x04\x00\xc0{\xe8\xa0\x92\xdc\xf3q\x89W\xec\xfflf\x81\x90\r\x9b\xe7\xab\xb7N\x16fz\xaf&amp;\x88/\xd9\xee5\xa2K\xd5|\xe4\x0c\x0b\'\x8e\xb5pX\xfb\x9c\t\x0cs\x08\'\xe6\x7f\xf7\xb7\xdd\x000\xb4\xb9\x8e\xf9\x82..\xd8+!\xa2\xd2h\xf9\xc9\x85\x83\xda4\tcn\x0e\xff\xbc\xf5\x13\xe7\xe5\xf2\x1dV\xb7e\\\xf8\x94\xc6u\xac\xe5t\x11\x02\x01\x07\x94\x1f\xc3Gz\'\x99\xd1m\xb0L3O\xaf\x17\xc4eD\xab*\x84[\xb4*}w\x7f\xdbc.\x9f\x06\xc9\xcc\xc7\'4,\x94V\xf9C~\xdb\xfd?\xe5\xcf\xecU\xa7h\xde\x0f\x00\x00J\xa4|+\xa6r\xd0\x9f\xdc%\t&gt;\x13 \xc4\x07F}\x06\xe50\x9f\x99\x10T\xdbRnO\x89P\x8e\xfe\xa2MY\x1d\xa5\xcc\xc7\x17\x0e8Z(\xde;\xdd\xb5Z\x01\xfa\xf4\xf7N\x7fk\x92\xa1\x95\xee*P,\xd3#\x1b\xf4\xbb\xa7\x00\xe0\xc4\xd7+\xa2\x1a\xf8\xe7r\x82\xe1-+\xd5\xce\x95l@\xa3\xd2^i\x041(D\xf9\x13_\xcd\xad\xf9\x82x\xdbk\x11,\xd0\xbfai\xafE\x10\x04&amp;\x887\x9c\xcb\xbcg\xad"\x1cs\xfb\xf5\x9b\x954\xc9\xa4\xd6\\\x9a\x94&lt;\xfe\xe3\x80n\xfb&gt;\xb1K]\xd40\xb25i\xb6\x14:\xe0\xd3\x8b^\x8b 0\x87\xec6\xe3\xf6\xc9].\xc9\x11\xacd|\x03\x00\x00\xf1\x01\xaf\x0c\xf9\x9a\xa1v\xa8\x90\x8bcnVq\x7f\xe8\xa7\xbb\xc0\xa5\x8b\xb2\xb9\x97\xd6\x7f\xb4\xd2j[\x7fDt\xceo`\xa8Q"ep\xeb\'\xfb\x82DV\x12g\x8c\x037O|\xe3\x94(\x81K\xe3\xc2\xe9\x00`\xa8\x9e\xff5\xbe\xb4-\x97\xc3\xe9",!\x87\xfaRB\xdf\xac\xe7\xb3i\xa3\xe50\x88\xf8\xa1\xe2X\xb3\xd5q[\xb7\x03\xf0\x8f\xcb\x90\xe0\xa0q\x91\xf4\xaa3&gt;\xaf6.\xe0[\x8b\xa2`&amp;\x8cS&gt;\xf6]\x15\xe2\x8b\xbfL]\xe5\xe0\x8b\xbf\x00 \x8d\xed\xb2\xbc\xc5\xb9\xd1\xf4;\x00\x0b\x86\xb4%\xa7ADe\xeb\xf3\x8e\xe6\xaa.\x0e\x08\xeb1\xed\x99\xa6\x89\xa2\x99v\x081-\xf2\x06\xf2\x84\xd4\xd2\x97\x8f\x88s\x07\xb6j\xc7:\x9c?\xb9s\x15e\xca]+&amp;\xf3]@\'S1\x83N\x1c\xa7\t\x9d\x02\xcf\x93s\x93"\xe9\x01\x00\x1f\xff\x81\x88)\x00\xca\xa5S+\xb7&gt;:\xff\xfd\x91/\x97\xd8\xef\x00\xbc\xf5\xbc\xedO\x10\xffv\xad\xacp\xd7J\n\x10\xc4\xfa%-\x99\x82\xcf\xe9\xb8\x06\x9a\xe6lT\x9bj.H\xc2\x8b\x9a9i\x9de5,\x98\x06\xef\xff.\xb5\xe9\xd2\xc6\x81\xd2\xf2\x00\xef\x9d\x1e\xd8\xa8\x8c\xb6\xf5o_&gt;\'o\x91\xf9\xd0\xa7^\xf1O\x86w\x08\x88p\xd0\xe3\x85\n\x7f  &lt;!\x9a\xe3\x84R3&gt;\xbf\xd4\xb1Rn\x86\x1b\xe3h\x0c\x1a\xd9e\x08\xc6\x85\x0e-O.\x1c\x94[\xf6\x97\x7f\x1f\x99\xd1\'\xd2\xfd\xc6\x8e%\xe3{\xd5.\xea\xed\xe2\x0f\xe5\xe2X\xb7\xea\x05Cd\x9d\xca\x88K?n\xf6Z\x84\x80\xe1\xc2\x81\r\xaa3\x85\x93\xc4B\xc4\xdca0\xadg\xa3\xdfv\xff\xcf\x13\xa9B\x91\x12\xc6q\xc3\xf1\xd19\xc4\x87\x0cy\x0ehT\xc64M\xcfZE&lt;l\x1d\xde\x00\xd84g\xe8\xad_wz%\x80\x16D\xdc\xb5r\xb2\xdcn^&lt;\xb8\xf1\xc5\x95\xc3\xbaM\xaa2$\xb2}\xb2\xd9\xf6\x9a\xa3+d4\x0f\xce\xf0\x103\x90\x10\xd1\x8aL\xd1\x0e\x0e\x064,\x8d\x88\xa3\xdaV\x0b\x89q\x03\xb5\x8a \x80fK\xc0\xe7Og\xd7\x8a\xc9\x9fN\xa5\xf2\xab\xc3\xe5\x87\xe4\x0e\x8b&lt;Hb?/w\x99?\xb8\xcd\x9eUS\x95g\x10\x11\xf1Z\xb5l\x89\x08\xcdir\xaf\xc45\x00\xf1?\xc4\xff\x8a\'\x7f3\xe6\xc9\x18\xec]3\xdd+\xf1\x042&gt;o7\x04\xfa\xac\x9f1\xd0\xe9"\xe6\x0cl%\x1f\xcb\x8b\x0f\xcc8j\xa8%\x93\xc1\xcc\x89m\x9e\xf7\\\x90\x82?\xca\xe1\x0f\xe25UK\xda\xaf~IO\xa5\x8b\x81$\x92\xae\x0b\xfc\xf7\x01\xbe]=-\x86\xe8\xff\x9cv[&gt;\x81\x86\xc0\xea\x03\x02KZn\xb8\xff\xb3)\x9d\xf9R\xfa\x03\xa0\x94\xdf4\x94\x926\x9f\xd0\xac\x10\xe1\xd4)\x11\xffuN\x0c\xbd\xe2\xb0aA\x92\xf6/\xe2Ce\x17`\x98\xec\xc6q\x07\xa4\x13p\xe3\xf6I\x1f\xad\x94\x86.\x81\xa2h\xdf\xacX\x06K\xe9\x11\xb1\x89\xc6\x00\xc7\t&lt;\xd1$H\x0bp\xfd\xd8\x0e\x17\nB|A\xee -\xad:R\x14g\xb2P\x9b5\xaez!\x88k\xf9N\xf1\x9a\x99\x0fs\x893\xdf}f\xbf\xac@y&amp;\xd9&lt;\xd5\xe7\x12\xea\xcb\x91\xac\x9fn\xb8\x16\x94;0\x97;\xacB\xb3\xb8\x94\x89Sl\x12\x8e\x95.\xe0\xcc\x94\xb8|\xefRP\xfb@\xec\x03\x04.\xb0fJ\x1f\xca\x94\xdf\xfeo\x9a\xa3\x92x\x8c4\xaew\xee\xdbhR$\xbd\x88\xdd,\xe0\x82%s\x14\xdd\x1dl\xca{\xbfZ4\x96A&lt;-\xa9\x00\x00 1\x97\xbc|\x89\xbc&amp;\x1bd\x9d\xab\xf2\xe7\xdc9\xb5\xdbCI\xf8\xe3\xa6\xd7VDL\x12y\xf0H&gt;\xa3M\x96=~t\xfa\xb5\xd3\xfa\xbb#\x9b\xe7\xac\x99\xdc\xc7\xb9\xc0\x81M\x8a\xa4G\xc4b\xc9\xec\x9a\xf05+\x9e\x91\x8b&lt;\xdcQ.(i\x1b\xf7^\xb5\x8b\xf6\xaeS\xcc\'3\x80\xac":d@\xd1\xa6l\xb6 \xeb\xcf|\x84\xa5\'\xcb\xcb\x98\x8b\x8d,\xc6\xee\xfc\xcb\xa7w\xd6\x8c\x1c\x1f\x9d\xb3\x9f\xc9\xb6\x05\xa3\xecg\x12\x10\xe86\xee\xf8\xe8\x1c\x97\x0e\x00\xf1\x19\x0f\x19\x01\x00z\xd7-\xc6++\x81C\x88\xa6_\x10\xa2\xb8\xb9\x8f\xc3%TN\xb7\xea\x91\xa1~\xb4\x8d{j\xbd% \xca\xe8\x08ld\xf4\xb1\xbb\x14\xc4\xc7^\x8b\x10\t\xb9y\x15\x8d\xaf\x8fP\xea\xc6\xc9SX\xc2\x1bb\xdb+\xb7\xf3\xca\xb5Z%_,\x1c\xcd\x9c\x9b%\x8a\xa7\xb0\xb6\xd5\xeb\\\xcd\xf6v\x92\xe49\xd2kX8\xac\xbd\xd2b\\z\xda\x88\xb7\xe4\x7f\x11\xb1o\xfd\x12\x96r\xfeq\xe3|^Bz\xcb\xbc\xc1m\xbc*\xda\xd23O(:\x00\xcf\x99\xd8\xa5.\xdb\x8deR\xeb\x9a\xe38\x0b"\x1eX?\x9b\xf9\xf6d\xda\x0co\xd2\xea\x83[\xed\x00\x04N\xd3\xb6\\\xf6Z\xb9"_\xe9\x871/\x85\x01\x00@z\x85r\xa5}\xdf^\xb9\xc3\x02\xa9\xeb\xcd\xab\xe3\xb8\xd6w\x14L\xf4\x1a\xf0p \xcf\x06&gt;:\xefQ\xc9~Bk\xc8S\xe0#\xdd\x84\xb6\xe0\xab\x0fn\x07\xd5\xb4\x9dr\x00\xe2\xf3q\x8a\x91x_/\x9d\xe0\xb2$\xba\xb8\x1c\xfa*\xb0\xb4?u\x03\xec\x04\xb1\x12\x91\x7f@\xc4\x82\t_3O\x17R\xb4-\x9b\xdd\x89l\xa3f\xe8\x91\x9fe\xdd&lt;\x91c\xa9\xc1M\xcb;Q\x9c\x0b\xe4\x0e\x83\xd8t\x9a\xfbx\xebW\xc7\xa5\x11\x00\x00@\xfe\x0f\x01\xa8\x8d\xcc9b\xc7w\xfa7\xcb&amp;\xf2\x13$\xc0\xf0v\x0f\xe5\xca\xcf\xdb\xf0\xf9%OE\xf0\x8e\xab\xbf|\xa9=9\xa8IY|\xfa\xa7\xeb\xb2Xv\xa9\xa6\xb2O\xae\x9e]\x0c\x98B\x9dj\xd9\x12\x9d\xde\xbd\xa6W\x9d\xa2\xce\x15\x91\xc1\xd8)\x89\x9d\xa8D~\xdeI\x06\x80\xfdkg:\x97y\xd5,\x0e\xac6\x08\xc8\x18\xcd\x8e\x7f\xf9b1\xcd\xed~s\x0c\t\x00\x7fh\xdc|\x03\x00\xde\xff\xdd}I\xecC\xe5\xf9H\xe0W\x02a\xe1]\x10\x92\x14K\xee\xf1H\xc3\x92m\xb0\x9bk\xb8\x88\xf7\xb7-\x18)\x1d\x8fl]\xc5\xb5r\xb90\xae\x83\x83\xe1\xa5\xfe\xf8\xfes\xfb\x99\x0cnZ\xce~&amp;|\xf9t\n\x95\xe7p\x06x\x99\x13;G\xd5\xac\t\x1d\xca\xd9i\x95\xe2\xfa\xf9\xc3Ug\x02h\xa7\'`\x08\x9dgZ-kBI\tA\xa0K&lt;\x80\xa6E#x\xe5\xe6\x8ee,\xe2\x03\xe3K\xea\x8a\xbdr|\x0f\x87\xc5\x11\x00\xf0kR\xd8\xf2\xa1\xd1\x86\x1a\xd5\xa6j\xc0\xf9\xcer\x8aAM\xcaz-B\xd0R)\xa3\xdd\x15\x02\xc4\xa7\\$\xa1D\xb2\xba\xaa\x9b7\xa5\x9b\x85\x02\xabS\xbc\x89\x9d\xeb,\x1a\xde\x81\xadD\xe7\xc6=\xfe^\xe1\x0f~t\xdf\xec\xfd3\xdf!\xa22z\x87\xfce%\x01\xd8\xb9|\x92;\xb2\t\xdc \\q|v\xefZ\xd5\xd5i=\x1bq)\xe5\xa4\x93\x16\xa72\x9b\xe6\x0cu\xb3A\xc9\xfc\x96\xc7\xfe\xc0\x8b$1\x0b\xc1\xc3\t\x97\'\xbe\xba\xaa\x9f\xc1\x8a;\xc1\x9at\x19\xd7\xb1\x96\xee\x9b\x8d4\x13\x8fR\x01B\xbc\x13:+\x1f!\x07&gt;\xf9\xc3k\x11\xb8\xc1VM\xff\xbd\xf8\x03s\x89\xbc:H\x0f\x89m\xaf}oR$}\xb7\xea\x059\xca\xe3O\x0em\xa2\xb5\x82\xae\x9dKmO\x99\x02 \x81\x14p\xfb\xe1Y\xe9\xcc\xa69\xc3,\x95\xce\xd1\xf9\x12\x03A\xdb\xfagv\xd5\xfe&amp;\x149\xf6\xd5R\xedI\xe7\xea\x13\xe2\x7f\xae\x95\xe597O|c\xe7v\x8e{\x9d\xc2\\\x88\x804\x98^2\xaa\xf3\xdb\x1a?\xb2\x9eT\xce\xb7\x01,\xad\xe7\x07\xf1\x17\xc4\x81oW\xf3\x0f\x8c\xf0q\xaf&amp;vnw\'\xee.\xe2\x0b7\x8aq\x80s\xfb\xd6A\xa0U\xeb!\xcdt\xec\x01\x9f^\xfa\x91K\xe6\x81e\x18\xec(\xf8\xe0\x0c\xe7\x0c\xa3\x16S\x8c\x12\xcc\xec\xdb\xcc\xf3\x87\x8f\x88\xa3\xdaT\xa3IY3gR\xa1\x1a\x10\x83`Z?\xa1\xc1\xfd86\x19\xe3\x00\x00\xe4\xfb\x10\x00\xe0\xc1\xd9\xbd\xf2\xf9\x91\xad\xab\xb2e\x18\x1c\xed]\xbf\x06\xa5\xc8\tL\x7f\xa3r\xd8^#\xbbU[C}\x08\x01\xf2\xfc\x0f/\x03i\xf9\xc9#\xe2\xc0\xc6e(\xd2\xdf\xe1T2#\x96\x1c\x83\xfb\xc7iM\xc0\xc3+P\xa2.\x888\xa5{\x03\x07\x0b\xb0\x82\\\xb7\x866\xaf\xc8+\xcf\xd0\x08\xb8)\x00\x00\xc8\xc1)\x16(\x17\x87\xdb\x04\xa4\x1eU\xb2\x0e\xb14\xce\xf0vD"\x95\xee\x9f\xe6"\xb4p\xc2\xb4\xb5Q\xa1\xb4\x96\xaaT\xd1d.\x19\xd86(\x10R\xfa\x1d\x81\xcd\xd5\xc3_x+@D\x94\xb3\xd2\xdca^\x8a\xc1\xc0\xb8\x0e\xb5\xacv\x00\xde\xf6\x01\x9d*\xe7\xb5zK\x10L\xa3\xadQ!"L{\xb2T*\x1f\x85\xb6\x93\x9d\xf1"\xe2\xe0&amp;:\xf6\xa5\xf2;\x0b\xd3\x9c\xd7n\x9f\xb2q\xf9\xd0\x16\xa3KR-\x0f\xee`\xc8\x0c\x1e\xc0g\xf4i\xca_\x0e\x05G\xbe\\\xc2pW\xa7\xcay\xaf\x1f\xdb\xc1]\x98\xa1\xcd+\xb0\xdd\xd8\xb5Z~\xbe\x928\x8a2\xe4\x0e\x18\xb7\x95\x9d\xab\xe4k^&lt;\xa3*1\r\xee,\xc4+\xd7\xb2\xa4\x03\xa5\xcbw\xa5/\xf1\x90\xc0\xff=^,\x80\xc2\x89c\x01\xc0\x84\xceut\x13h\x7f\xc2\xfb\x9a\xf3\xf1\x00\x00\xa0l\xdaw\x96\x8d\xe9\xea\xff\x9f\xec\x10x\xf7\xd4\x80F\xa5\xed\xf8\xb0t\x01I\x97\x03\x11o\x1e\xff\xda(\r\xc3\x1bL\x040\xa9k=\x1br9B`\xc5\x9aP\xb6\xe9\xeb&gt;\x1e`\xf4\x16\x10q\xcf\xaa\xa9\xda\x0e`j\x8f\x86.\n\x0b@\x8c\x06\x81\xf8H%\xff\x81u\xb3C\xb4e\x08&gt;Od\xb5s\'_9\xbe\x87\xf2u*\xd7I\x9d\x9e\x99\x0eoY\xa9\x96Fi\xda*\xebg\x0c\xda&lt;w\xb8i\xb21\xedk\xd0\xe4\x96\xc0\x9e0\xb9\xdeuo\xa0 y\x8f \x14\xf7\xd7O[\xdd\x91DI&lt;\x83g\xf8\xea\xda\x11\'\x8aKd\x96\x00\xaf\x1fu\xa2\\\x93B5h\xd3\x94O\xff\xaeQ2O\\\x80\x1aU\xa4&amp;E\xd2S\xa6\x14\x182\xb2\r\xa3\xca\x8aW$\x02\xf8\xf6\x7f\xd3\xdc\\\x9ad\xd6\xa7z\x1d`t[\x92\x12\x9b\xb6\x06\x1b\xcap\x836\xfc\x19)\x13\xd6\'\xf6&amp;S=\xf1\xb9\xb7d\xe7\xf0\xb3\x11\x8f\xb6e\x8f\xa7W1h\xfa\tA\xc0\xd3\xabvQ\xbc~\xcc\xb9\xfc\xed;\xa0\xb6\x14"\xb5q\xe1t\xf2q\x9d&lt;\xd1A\x00M\xd7\xb2U\xf5\x9bK\x18,\xc4W\xb6s\x88\x94\xaa}\x85\\\xf6\xbf@\xf1\x19\x9b2\xb9k}\xd34\xb5r%\xbb\xa0\xe7\xc3\xdc\tv\xad\x98\xcc=O\xd3f\xfd\xabEc\xa5\xef\xc5\x87\x1d@\xe3"\xe9\x8b\xa7 }\x9b\x0eM\xe6\x82\x19\xf7\x17\xf5,Q?_*\xf9\xb8r&amp;\x13;\xc1w\x15\xc7\xf4\xda\xe3\x84\x1d#|x\x8e:\x1b5\xbc\x1c\xb1\xc5\x06\xa8\x97/\x95\xf4\x05&gt;\xff\xeb\'\xe6|Rx4\x7fWA\xd9\x94\xc43\xbed\xba\xb4\xa2K\xef:\xc5,\xa5_4\xbc\x83OZ=\xbe\x14M\x16Gn\xd3\xc9\x8b\x9c\xca\xd6\x7ff\xdf\xe6\xd2Io\x97\x9aM\x15\x19V\x8c\xeb\x0e\x00\x88\xd7]\x10\xc6%\xc8k\x082\xddj\x14\xbc\xf4\xe3f\xf9_\xfb\xeb\xd7dh\x9c\xa7?Q\xf8\xb11r\xc9b\xe7\x1b3U\xdc\x9c\xd6\x83\xca\x19\x8eCj\xfb\x9fM\xed\xe7L\xc6\x8c\xf4\xab_\xd2\xa1\x9c\xdd\xf1\x17\xcd\x0c\xe2\x13G\xf3w\xc2\xe9^\xb9t6w|H\x18\r\xea;U\xce\xd3\xbfai\xf9_\xe5N\x00!\xb7"Ib_\x81}V\x0e\x00\x00 \x00IDAT?\xba\xdd\x11AY\t\xca\x9e\xdb\x84*\x99?\xd4\x9e\xf4\xc4\x18\xd8!#2D|\x03\xe0\xe2\xc1\x8d\x96n\x01\x80\x8f|\x19\nM\x97/?\x19\r\x00\xfd\x1b\x94bVI4\xe2\xde\xe9o\xf9f(\x08\\\xa6\xf6hd\xda\xac\xc7R\xf4\x13\xbbV\x90|,#b\x9f\xba\xc59\x8a\xb7zb/\xb6\x1b\xabeK\xe4\xad\x07\\_\xa0r\xc2\xabj\x8e\x0f~&gt;\xc7EY8sz\xcf\x1aK\xe9M\x07\x02\x94c\x7f\x9d\xae\xd5a\xecD\xa7\xeaX)\xcf\xe9\xdd\xd1\x0f\xaagm\xf6\x98\xb7Z\x10\xff\x01\x00\xa5^^\xf1\x14o\x86\xc2W\xf7\xb7^ \xee\x80\x86\xd0\x07D/\xfd&lt;\xfb\xd34\x9f\xaf\x97N\xe0,\x991\xb9\xde%]\xdd\xbexl\xa1\xc4!\xe9\x0fb\xdd\xc7\x03t\xcf\xdb\x99\x9b\xefX2\x8e\xfd\xe6(2\xb0\xfa\x84\xffn\xcd\xc76\x8b\x9e7\xa8\xb5\xbc\xf7{\xfd\xd8\x8ep\xbd4\xe4\xb0Y^\x05\x1aZ8\xb4\x9d\x9d\xdbw\xaf\x9a\xc2K\x12%\xaa\xad\xb7lQ\x8b\xf4\x1c=wf~\x0b\xca\xa4f\xb0W\xb3\x80\xdf\x8c\xb6l\x1a\x12\xdbwp\x84\x8f\xce5,\xa8\xee\xc1\x95+?\xbaF\xa6^!\x89\xa4mTT\x8f\xf1\xc9\x85\x83\xee\xc8\x13\xb4\xc4\xb1\xb8\xdf\xc8\xdd\xe5."n[0\xcaN\x0e\xf3\x87\xb4\x95\x8f\xed\x8c\nT\xf7\x126\'\x03\x0e\x1aC_\xa5b\x95\x9f\x91\x96@\xe5}\x97\xcfg\x0c\xd2M6\xbe\xa3\x83q\x98\x95T\xcc\x100\x1e\xa1\x16\x8f\xe8X6\xed;\xa0\xa7\xfa\xa9u\x06w\xe4\x0b\x16\xe3m\x9bXu\x07\x18T{\x00\xb3\xfb\xb7 \\m^"\x93\xf6dP\xba4\x98;\xb0\xd5\xb3\xcb\x87\xbc\x96\x82\x0f\x1e\xae\x99\xfc\xb6k\xb5w\x85;H"\xcdNO6\xc7\xb6\xa6O\xed\\%\xb5\x8eM\x8bFp\xb1\xcf\xf0\x0fY\xde\x86\x7f\xff\x8c\x11\x83\xc8\xfd\x88:\xe4\xe6\xdb\xb4q\x7fu\xedHPu\x00l\xa4\xb52&amp;_;\xad\xbfc\x82\xb8\xca\xee\x95\x8e\xac~p\xc7\xb4\x82:\xe7\x97NYt\x89\x94j\x1f\x94\x04wI\x02\x00\xd8\xf7\xe9\x8cS\xbbVO\xed\xd1P\xea\x00n\x9f\xdc5w`+\xd0\xdbVuv%\xcbEh"\xb3;\x01\xb3\x13\xf0G\xe7\xbf\x0f\x86\x0e\xc0\xea\xe2\xf9\xebQ:\xb0\x96\xe8Q\xab\xb0\xd5[L\xe1\xe4\x1fW\xcd\x97\x9f\x8c\x91\x0e$\xc3\x05\xedH\xf6\r\xa2\xf2\xeb\xbcA\xad\x9d\x91\x8b\x1b.\x85\xd0U\xe0\xb4\x0bb\xee\xd8QB_5\xa1\'M2\xa3%\xbeMs\x86\x99\xeaDJW\xf7\xac\x9eZ1\x83G\xad\xa63\x10w^\xf9#\r\xe3\x08.\x80\xc8P:V\t-\xb2\x19/]\x136B\xe5\x17\xef\x89\xe7\x16\x15x\xe7\x94t\xf0\xf3\x96\x85\xd3{7\xa9\x9e-\x86=\x90\xeeF\x96\xf2\xdf@T\x0exq\xe50".\x19\xd5\x99\x9c\x0c\xf1\x81\x7fl5}H\xcb\x92\x99\xedgB\xa3\x11\xaf\\;\xb7S\x96\xdf\xea\xaa\'\x8e-z\xd5)\xcav\xe3\xad_w:hC\xe1[\xf6\xaf\x9d\xe9\xb5\x08\x00\x00\xf8\xe2/\xca\x94\x85\x12\xf1\xaf\xe75s\x06\xd5\xf6\x07"\xee\\NR\xc1\x06\x85ag\xa7\xcay\xec\x97X,\xb9\xda}\x8f\x0b\x8eu\x11\xd1Y\xabE\x1e&lt;\xbd\xf4\xa3i\xb3~z\xcf\x1a^}\x00\x01z\xffQ\x81\xcb:j\xed&amp;\xedsF\xc4I]|\xe72V\xc0H\xa1D\xafu\xa9\xea\x8d\xea\x9e\'c\xea \x1b\xc8?&lt;\xb7\xdf\x89l\xe9\x9d\xe4\x0cm^\x91\xcb#}\xf9\xf7/4\xc9\\\xe8\x00\x9c\x88\xf5\xed7\xe8\x1f`\x0e\xcdfK\x90}A\x00\x06?)\xdcu1t\xe1R\xd7\xcb\xa4y\xc7\xd1Y\x1b\xfes\x9a\xe5\xae\xe7\x97\xb9K\x02\x00/\xae\x1e\xe6\x9e\xa7o+\xbd\xa3\x82\x95M\x9b\x00\x00\x10\xff\xd5^jW.\x07\xc7\x82r\xbd\x0b\x8bGt\xa4I\xa9\xec\x00\x94\xaeY\x08\xc8\xab\xb3\x94\xcf\xca\xfe\x8a\xfc\xc4.um\xe7\xe1,\xd2\x034\xfd\xa5%S\xbd\xad}h\t\x00\x82F]P\x1f]?!\xbc\xbe4|zQ\xff\xbc&amp;\x04\x0fD\xb9\x98GD.v\x00l\xf1\xa7\xc8?\xbcL\x9a\xa0Q\xc7\x08]~\xd80W:p\xae;i^&lt;#\xe1*M\xb9\x888\xb3o3\x8c\t\xbd\x00|{\xac@Gz\x92\x84\x04\x04\x93`D|~\x99\xddgb\x00\xa0\xd2o\xbef\xc5\x13\x93}U\x13\xbc{*\xfaX\xaf\x96s\xffJ\xd3\xfbmS,(0zMa\xee\x8aa\t\xb2O\x0eD\xa4\xa9)\xba\xe6\x01\xcd\x8ag0z \xbdj\x17E\xc4\xfe\rK\xc9\xa5h\xd34)\x92\x1e\xf5\xa0\x10\xc7=\x1c\x95\x07\xef\x9cd\xbf\x17\x11\x00R\xc7\x94\xd0oO/x\xd0\xb5\xdd\xd7:\n\x96\xfaX\xd7^CV\x1b:\x89\x88\x88\xb7N\x00@\xed\xdc\xc9\xfd\\oT\xaaJ\x87\xb7~"\x1d\xf0R\xc7&lt;\xf1\xf5\nN9E\xc3\xcb\xa95G2G\xb9\xb7\xc2\xfb\xbf\xbbP\x9c\xb25\xefV\xbd\xa0n\x05\xab\x10\xf1\x9e\xff;\x00\xca%)\x15\xa5\xc3\x03\xc6\xf8\x9d\xa0\xeb\x18\x90\x14K\x16\xaa\x11\x95\xcc\x08\x8b\xf9o\xd6\xb8\x91\x1d\x15"\x0el\\\x86K\x11\xc3ZT$(\xa2!\xde\xe0R\x8a\xcc\xc9\x9d\xabTg,\xe93!\xde\x07\x80\xceU\xf2\xf1\x93H\xce\xd9\xfbVLw\xba\x9f\xdfbp\x03Y\x9d\xc9\xd2/\xeaY\xabH\x8c\x16\xfd\xd6\tD\xc4\x7f/\xe8&amp;\xd6v\x00R\x87\x9fFqU\x91\xd8\xd0g\xfd\x91/\x19\xdd-X2\x9e\xea\xdf\xa0\x14M2\xd5\xe8\x84\xfc\xf4j\xe7\x8e6\xc7\xb6\xaa\xd9E\xc8\x99\xf2[\xf0C]\x158N\xcd\x9cI\x03\xf1M\x97Nmm|\x82\x88\x96T0\xbfX8\xdaR\xfe&gt;\x84\x97\xfd\x14\xe2}\xc2*\xb0U\x0f\x89\xdaf\xbdJf\xfd\xcegZ\x94=\xb0\xee\x0c`\x11\xdd6\xb2\x1d\\\x98\xaeQ\x86\'a@\xa9\xa9\xc1\xe6+%\xe0\x0c\x1bI4,\x98F\x1b\xc1cL\xfb\x1a\xcc\xfe5-\xe1\xed\\\xca\xd4\x8d\x16\x83\x9f-f\xa7\x95\xed+\xe4b\xbdU\x07\xca\x9a\xbda\xe6`\xc4\xfb\x11\x9a\x1e\x80\xe0\xa04\x13\xef\xe9"CL!\x9b\xbe-\xff\xbb\xf2\xb3\x9d\xdb\x11oQ\xa6\xb4\xe4q^\xd5\xa6\xff\xfe\xed\xa7\xf7\xcf\xec\xa5KL\x8aK\x85\xf8_\n\xc2eVJ\xa6r\xb6\x19d\x18{U0\xf3\x8b\x17\x0f`RWs\xcd}.\x81Z\x83\x01\x17\xfcO\xe1\xf3K|3T6\r\xae\xbdF\xdduX\xc4\x97\xca\x7f)\xd5O\x99\xe7\x1c*u\x85\xaaY\xfc\x10\x96\xd1\x1a\xa9\xcc\x93\xf8\x02\x87\xe6\x85\xbbWN\xd1\x0e\xea\xb5}\xb3R\x0c\t\xf2\x9c\x0f\x11\x11\x1f\xe9\x9e\xb7\'\xaf\xef\xb8}rW\xb8\xd72\x088\x90\xc7x\x82\xde\xacx\x06\x17\x05\xb1\x85r\xb5\xbd@\xc2\xc8\xd5s\xe7\xd80s\xb0\xa3\xf9\xbb\x803\x11\xdeL`t\x04\xc3\x8f6e\xb3+\xff\xd5]\xd5\xd1R4it\xc4\xdd\xc1M\xcb\xd9\x11\xa0\xb2^\x8c?#\xfc\xbc\xff\xd9\xa0@j\xee\xee\xe2Ud\x0e\xf1\xb9\x81M?\x10\xe9^g\x1fwH\xadC\x9fz%\xe43\xf2|\xcf!\xafp\x01\xc7\xfc\xc1m\xbc\x16!\xe0\xf9j\xf1\xd8\xc9\xdd\xea\xdb\x1f\x1d\xe3\xad_\x19o\xa4\xeb\x00\xf0\xf6ImJKK=\xc9\x00\x18\x14\x19hd\xa3\x84\xbb7\x15.\x82\xc9+\xb1\xdaU\xd0\xfa\xf9\xc3\x9d(Q`\x17\xaf"j\td\xde\x01hW&gt;\xa7\x9b%~\xb5h\xacj\x91\xeb]\xeb\n!\xba\x94I\x1d\x9fc3g\x95.\xd5\xf2\x93\xfb\x80\xd9\xfd[(\x16\x8a\xd8\xa7\x95[\xe6\x8d`\xb8+\xb8\x9b\xbc\\\xef\xc2\xd9\xbdk\xe9\xd3\xff\xb8q\x9es\xc2\xf8\x1a\x95\xdb\x1c.a\x1dC\x87\xe0\xfe\x8a\xac\xe2\xc3\xa7\xb1c\xc9\xf8\xc4\\3\xecZ\xad\xc0\xe6\xb9\xc3\xe9\xd3\x1b\xf5\x01\x876\xcd\xd7\xbd\xc4\xddq\xdb\xe3\x0b\x07\xf8f\xc8\x80\xfb\x15\xc3j\x89&gt;\xac\xbaA\xc2\x8d\xe3_{-B$\xc3ZT\xf2Z\x04\xefy\x8dG\xf0\xe4\x00\x02\x11\x87\xb5\xa8\xc81\xc3kG\xbe\xaa\x93;\xb9y:Y\x80g\x7f\xaa6\x84\x1f\x9c\xdd\x17\xf5\xdf\xcd\xd3{\xd6h\x05\xe6(\xad\xcc\x84\xceu\x9c\xc8\xd6*v\xc23\xc8 \xbe\xa0H#:\x00?A\xafoG\xc6\x92\x03\xb8z\xf9\xecj\xa3t\xafQ\xc8\x89\x9aAP\xbdF\xc4\xed\x8b\xa3\'a\xdf\xaf\x9b\xc5\xbd\xf4\xc0\xc2?N=$\xa5Y\x82K\x192\x94\x15\x89\xe0\xc5\xc4\x8e\xe9;\x1b\xfe\xdc(\xd5}\x92\xe3:\xd4\xb2\xe3\x1d2$:\x80)\xdd\x1b\xa8\xce0XH\xd9\x9fP\x0foYY&gt;&gt;\xf2\xc5b\xf9xZ\xcfF\xb6\xf3f\x81\xc1\x7f\xbd\xeeCc\xf3!\xa7\xd2\xdb\x08\x82\xb5H\xc4\xa7V\x12\x9bT\xbf\x11\xad*\x93\x13\xd8\xc4j\xfeR\x9b\x88\x88v&gt;\x84Qm\x9c\xb2\x8d\n\x05t\xeb\xcc\xfb\x06\x86\x934\xed\x1b\xe2\xb3\xcfg\x0c\xe2 \x99\x0fQZ3\xdd9\xb5KuU\xb5\x04\x89\x88\x8f\xfe\xf8\xde\x15\xb9\x04\xfa\x84{-\x00/\xfe\xfca\x93C9\xc7\x01\xf8\xeb\xe7m\x0ee\xae$[&lt;\x98\xdd\xbf\x85\xf6|\xfd\xfc\xe1\x88\xc8\x1c\x81VI\x85\x880\x1e\xd9D"\x05\xe3\xad\xe2\x98\xe1\x08\xe2m\x87r\x16x\x86\x913g\x01\x97\xf5J\x02W\x7f\xf9\xd2\xe1\x12\xbc\xe4\x03\x8b\xd3\xea\xc0\x9a\x83#"\x17;jwvh\xedh\xfc\x1bMt\xb8\xfb\xb62"\x9c\xf5Fr\x8d\xca\x11\xac*\xe7\x88\xf7\xa2\x0eb\xfc\xfe&lt;1\x8d\xab/\x1c\xdc\xe8\x9aH\x0c\xc8\xc2[\xde\xcc\xe1g\x90\x8c\x88\xd3{7\xe1\x95\x9b\x80\x0c\xe2+\xf2\xbbV:4\xe1\xeb\xee\xdb\xa1\xbe\'\x99\xf1\xaa\xbd\xee\xd8\xc2\xb9.\x90c\xce\x11Q\xaf\xc1\xe9\xe1\x91}\xc8&gt;T\\\x08\\\xea\x01\x7f\xfe\xb8\xc9\xc8\xc0\x0fo\x1c\xe3[\x96\xb6V!\xbed\xa8jVoI\xcd\xafB\xab\x96\xbf\xe4\xe3t\xafE\x9e\xf9\xb8Wc\xed]V\x9dJ\xaa\x0b}y\x15\x11\xb3\xf8s\x7f\xcd\x19:V\xca\xd3\xa7^q\x9b\x99\x10^\xfa\xb3K\xb6\xc299\xd4\xf2"\xe2\xae\x95\xb4q(\x9d\xe0\xe6\x89o\xb8\xe7\x99\xde\xd3\x86\x93\x97.\x89"C\x84@\x9b}2\xc2\xfdG\xd2g\xc8\xb1\xe8_\x14\x9b\xc6\xf6)\x9d:\xbe\xd4_\xaa$$\x0bl\xff\xe7\xcc\x19\xd0\x92&gt;\xb1\xe4M#\x1b\xd1!e\xabRY\x8c.Ia\x0f|\x85\xac\x979J\xe3\'\xd2i\xc7dZF\xb5\xa9f\xe9\x85Zr\x0c\xeaN\xcb\xb2s\xc5$r\xe9\x88X-+\xb3oCCt#k\xfa\x90\x11\xad*7,\x98F\xda\xb9Q]\x92\xac\xa0twz\x82\x04KUp\xed\xc7\xfd\xe9o/\x9e\x82\xd6\xe3\x0b\xb35fF\x87\xa3\x1b\xc8R\xd1\xfb\xdd\xc5\x9b\'\xc0y\xc1\x04\xbc W&lt;\xadZ\x84)\x9b\xe7\x0c\xa3O\xecBoFp\x87}n\xdf:\xe9`\x93\x15\x99C\x04Kv\xc2\x81\x07\xe23\xe9`T\x9b\xaav\xf21\xb2\xc8G\xbc.\x7fZ\x92\xff\x06\xab&gt;\xd39"m\xe7t\xa9\x1a\x19\xdb\xe4#M\x97s\xe3\xd8\x0e\xdd\x1b\x11\x91\xcd\xe5\x00\xa5\x87\xeds\xfb\xd6)\xc5H\xc8\xaaX-\x852\x97\xc9\xe2L\xbb\x82\x0f\xcf:\x92\xaf\xb2\x08\x03\r\xd1D\x00\x00P\'\x0f\xbb\xb7c\xbc\x19\xe9\xefV\xb9mCn\xfd\xaf\xb8\xa2J$\x91\x16\xe0\xd1\xf9\xe0\xd4\xafC\xc4\xd4\x1e\x15\x9d\xd9\x86\xd3A\x8c\x8a\xbd#\x80\x9f6/\xbcvt\xbb\xe7\x0baFF\xf3*\xee\x9c\xdaM\x93\x9b\xa9_\xc40\x87g\xe8\x1d+\xe5\xb9\xf5\xebNK\x8bK\xe4d\xf6\xa5\r7\xbet\xf7\xb7\xddE\x93\xf9\x7fcO\x9f\xbc\xef\xeb?\x9c\x97\x7f\xff\xe2\xbe0ZR\x03\x9c\xde\xb3\x86`\x968\xa8IY\xd3L\xdep\xa6\xba\x16K\xfe\x86M\xe5ND4\xf5]\xe8\xd0\x87f\'`\xce\xfd\xb3\x86\x11\x1a\x82\x9f8\x00\xf67\xe58"\x8d\xa7\xa9L6^]E\xc4\x19}\x9a\xb2\x15\xa4Z\xb6r\xba\xcf\xd3\xf6g\xf2\xbf\xb5rrw\xa1h\x8bd\x0e\xc4\x87\x91\x90\x82r\x94\nwv\x86h\xd4eVU\xac}\xb7.\x93\x8d9\x7f\xdd\x15d6\x1a\x14`\x191\xb7(\x91\x89K\xe9\xdc\xe1b\</t>
        </is>
      </c>
      <c r="E247" t="inlineStr">
        <is>
          <t>&lt;class 'numpy.ndarray'&gt;</t>
        </is>
      </c>
    </row>
    <row r="248">
      <c r="A248" s="1" t="n">
        <v>246</v>
      </c>
      <c r="B248" t="inlineStr">
        <is>
          <t>steps_per_sec</t>
        </is>
      </c>
      <c r="C248" t="n">
        <v>3600</v>
      </c>
      <c r="D248" t="inlineStr">
        <is>
          <t>3.3718014</t>
        </is>
      </c>
      <c r="E248" t="inlineStr">
        <is>
          <t>&lt;class 'numpy.ndarray'&gt;</t>
        </is>
      </c>
    </row>
    <row r="249">
      <c r="A249" s="1" t="n">
        <v>247</v>
      </c>
      <c r="B249" t="inlineStr">
        <is>
          <t>Loss/object_center</t>
        </is>
      </c>
      <c r="C249" t="n">
        <v>3600</v>
      </c>
      <c r="D249" t="inlineStr">
        <is>
          <t>0.14519586</t>
        </is>
      </c>
      <c r="E249" t="inlineStr">
        <is>
          <t>&lt;class 'numpy.ndarray'&gt;</t>
        </is>
      </c>
    </row>
    <row r="250">
      <c r="A250" s="1" t="n">
        <v>248</v>
      </c>
      <c r="B250" t="inlineStr">
        <is>
          <t>Loss/box/scale</t>
        </is>
      </c>
      <c r="C250" t="n">
        <v>3600</v>
      </c>
      <c r="D250" t="inlineStr">
        <is>
          <t>0.060558196</t>
        </is>
      </c>
      <c r="E250" t="inlineStr">
        <is>
          <t>&lt;class 'numpy.ndarray'&gt;</t>
        </is>
      </c>
    </row>
    <row r="251">
      <c r="A251" s="1" t="n">
        <v>249</v>
      </c>
      <c r="B251" t="inlineStr">
        <is>
          <t>Loss/box/offset</t>
        </is>
      </c>
      <c r="C251" t="n">
        <v>3600</v>
      </c>
      <c r="D251" t="inlineStr">
        <is>
          <t>0.14017102</t>
        </is>
      </c>
      <c r="E251" t="inlineStr">
        <is>
          <t>&lt;class 'numpy.ndarray'&gt;</t>
        </is>
      </c>
    </row>
    <row r="252">
      <c r="A252" s="1" t="n">
        <v>250</v>
      </c>
      <c r="B252" t="inlineStr">
        <is>
          <t>Loss/total_loss</t>
        </is>
      </c>
      <c r="C252" t="n">
        <v>3600</v>
      </c>
      <c r="D252" t="inlineStr">
        <is>
          <t>0.3459251</t>
        </is>
      </c>
      <c r="E252" t="inlineStr">
        <is>
          <t>&lt;class 'numpy.ndarray'&gt;</t>
        </is>
      </c>
    </row>
    <row r="253">
      <c r="A253" s="1" t="n">
        <v>251</v>
      </c>
      <c r="B253" t="inlineStr">
        <is>
          <t>learning_rate</t>
        </is>
      </c>
      <c r="C253" t="n">
        <v>3600</v>
      </c>
      <c r="D253" t="inlineStr">
        <is>
          <t>0.001</t>
        </is>
      </c>
      <c r="E253" t="inlineStr">
        <is>
          <t>&lt;class 'numpy.ndarray'&gt;</t>
        </is>
      </c>
    </row>
    <row r="254">
      <c r="A254" s="1" t="n">
        <v>252</v>
      </c>
      <c r="B254" t="inlineStr">
        <is>
          <t>train_input_images</t>
        </is>
      </c>
      <c r="C254" t="n">
        <v>3600</v>
      </c>
      <c r="D254" t="inlineStr">
        <is>
          <t>[b'512' b'512'
 b'\x89PNG\r\n\x1a\n\x00\x00\x00\rIHDR\x00\x00\x02\x00\x00\x00\x02\x00\x08\x02\x00\x00\x00{\x1aC\xad\x00\x00 \x00IDATx\x9c\xec]U`\x14\xc9\x16\xbd\xb8C\xd0\xe0\x04\x08\x81$XpIHp\x0f\x81\xe0.\xc15\xb8\xbb\xbb\xbb\xbb\xbb\xbb\xbb/,\xee\xbe\xec.n\x8b\x9c\xf7Q\x99JM\xb5L\x8f\xc4\xf6\xed\xf9\x80IOuuMwu\xc9\x95s\x88\xfe\xc3\x7f\xf8\x0f\xff\xe1?\xfc\x87\xff\xf0\x1f\xfe\xc3\x7f\xf8\x0f\xff!"\x91+AD\xb7\xc0\x12\xea\x16\xc9\x02\xc0\xceJ\x16\x0cnk\xf3\xb9\xdeicy\xa7\x8beg\x038\xb2E\xa7*\x9e)\x89h\xfb\x9c\xa1\x8e\xaa\x93aF\x9f\xe6\xf9\x9c\xac(_(\x85\xd5\x97pQ\x1c\x01\x10]\xadd\xc7jE\xac\xaa\xb9t\x96\x84\xfb\x16\x8f\xa9\x91/=?\x92P\xbbp\xb1\xd4\xd1\xaf\xecZ\x0cst\xf4W\xb9"\xf0\x9a\xb7\x93#\x15\x11\x80\xd5\x13z\xb2\xaf\x0e\xaf\x98\xc8\x8e\xe7O*\x9e\xf8^\xf8\x1c\x02~\xa4V\xc1L\x00\xb2\x12\xe5J@\t\x89\xfa7.\xcf\xbf\n\xc8\x93\xe6\xd9\xf9\xed\xc9\x89\x1a\x95\xc8\xb1{\xe1\xc8dD\xfc\rk^:\xd7\xe4\xee\x8d\x00\x9c\\7\xfd\xf2\xce\x85\x83\x9bWf\xc7\x1f\x9e\xda\xc4*?\xbby\xb6\xf2\xa2Y\x89\x88\xe8\xe3\xbd\xe3\x00^]\xd93\x7fp[v\x9c}\xa8\x91/\xbd\xd46"\x02^\x01\x00^_\xdd\xbd\x84\x1f|{\xf3\xb0G\x1c\x8aI\xf4\xf7\xef\x07y\xe5\xc7\xd7N\x95.\xd7\xc4\xd7\xfd\xc1\xc9\x8d\x00\x80\xbf\xa4\x9b\x19\xc7T\xacC\xd5\xc2\x00\x86\xb6\xf4oS1\xff\xc7\xbb\xc7\x0f,\x1d\xd7\xafQ9\xf6\xd5\xa9\r3X\xe1\xccD\xfd\x1bWh\xe2\xeb\x1e\x98?\xc3\xfe\xa5c\xc7v\xac\xcd\x1b\xe9\x9b1\xaeXm\xfdb\xae=j\xfbm\x9d5X&lt;\x98\x80h\xcf\xa2Q\x9f\xef\x9f,\x97-\ti\xa0{m?\xe9\xd1\xa4T+\x96;!)o\xd1\xbf\x07\xc9\xac,\x1f_\xf8\xacu_\xe2Y\xdf\x8ca-\xabY\x7f\x92\x1e\x9cM\x1f\xd2\x12\xd9\xf9\xf0\xa6\xf5j*\xbe\xdbZ\x18\xdb\xb1\xb6\xea\xf1\xaa9S\xd9su\x86\xd8\xa6\x0f\xc7\xd7L\xb5\xbf6-H/@jk\xce\xd5y\xd3\x18b\x1a\xae*\xbb\x1d\xd3eCo7\xad\xaf\xb2\x98\xff\xc9{o\x87\xaa\x85[\x94\xc9\xadz\xca\xcf\xe7\x17\xd9\x87\x93\xeb\xa7?&gt;\xbb\xf5\xd8\x9a)\xf8\xfa`|\xe7\xba\x00\x86\xb4\xa8\xc2\xbe\x8aO\xb4w\xd1h\x00\x8d|\xb2\xabV\x02\xe0\xed\xad\xc3\x0fNnd\x7f\xe6\x88Ek&amp;\xf6\x12g\x94^\xf5J\xb1\xaf\x12\x10\x01\xe8R\xa3\xb8\xe9\xc4\xe7\x0b\x86\xb4\xc3\xe7{\xad\xca{\xb1#\x0fNm\x02\x80\x8fw\xf1\xe7o\x1d\xfd\x8b\xe0\xafk\xab\xc6u\xe7?\xc4\']l\xf1\xa2\x00\x96\x8f\x0e&amp;\xa2;G\xd7\x02\xff\x00\xb8\xb6oYI\x97\xf8\xbc&lt;\x1fs\x15\x13\x00.\xed\\\xc8&gt;&lt;\xbf\xb8\x93\x88\xca\xbb9\x95\xce\x92\x90\x95o_\xa5P\x97\xea\xc5\xf1\xf2\xd2\xc2\xa1\xed\x1b\xf9dg\xeb\x00\x00q\x89\x00\x94uM\xac\xbc\x03\x8b\x87wd}\xe9\xf9\x85\x1dCZTm\\"\x07\x00\xe0\x83\xe9\x06\xbc\x1e\xd1:\x80\xdf\x8d&gt;\xf5\xcb\x04\xe6\xcfpr\xfd\xf4\xd2Y\x12z\xa75\xeb\ne]\xcd\xfaX\x02\x8di\x1e\xbf\x9e5*\x91#0\x7f\x066m\x00\xd8\xb3p\xa4\xeas\x11\'\x80n5K\xa8UF\x99\x88\x88\xe8\xf0\x8a\x89\xaa\xdfFa\x94H\x1f\xc7\xfeJ\x94c\xeb\xe8\xf65\x0b\xa7\xa4\x9euJ\xda_\xb9C\xc0\xd6#a}\x95\xf9vl\x11\xfeO\xa0\xba\xd2\xe7+&gt;\x115\xbc\xd2Y\xac\xadO\x832D\xb4c\xee0\xe3\r0\xb2\xd6)\x92\x8a\xcadM\x1c\xc3\xf4\xe7\x80&amp;\x15V\x8c\xe9\xbaxxG2\xcd\xc1\x07\x96\x8dkQ&amp;\xf7\xa0f!\xab\xef\xd9\xfd\x82\x8e\xae\x9a\xcc\x06\x91\xbf\xae\x1fPV\xd85\xd0\x07@\x12\xa2_/B\xe6\x92tD\x93\xba6\xc4\xc7;\x95&lt;R\x00\x98\xdd/\x88\x88\x1a\x14\xcfv\xf7\xd8\xba77\x0e\x01X5\xbe\x07?\xdd7c\\\x005\x0bdd\x7f\xb2\x0be!\xfa\xf2\xe0\x14\x80a\xad\xaa\x01\x00&gt;\xcd\x1d\xd8zF\x9f\xe6!\x83\xd9\xe7{b\x87\xefS\xbfL\xfb*\x05\xd9\xb9\x9d\x02\x8a\x1e[3\x05\xa6\xcd\xca\xa4\xae\r\x00\xb0\x13\xc567\xf4v\x1b\xdb\xa1\xf6\xcb\xcb\xbb\xf1\xf5A\xc8T\xf1\xf9^:\xa2\x02\xc9Cg\xcd\xb3\x9bg\xe3\xd3=q\x00%\xa2\xd5\x13z\x88\xcbs\xfe\x19@\xd6h!\x07\xfd2\x86\xac\x0fs% \xe0\xfb\xc5\xed\xf3\xc9|\x18\xe9^\xcb\xf7\xe7\xf3\x0b\x8b\x86u`5\xf3\xa5W\x1c\xa2[\x87W\xd7)\x9cY\xba\xc3\x1b\xa6\xf6S\xae\xdc\x01\xe0\xe3\x1d\xe0-\xfb\xa0|.f%\x81\xda\x85\\\xf4G\x89N\x01Eu\xbe\xfd\xbf\xc6\xa4\xae\r\xac=eHP\xd5\xb8D\x0b\x86\xb4{{\xf3\xb0\x91\xf2\xcf/\xeeHB\xb4o\xf1\x18\xab\x1b\xa7\xbdM\x89rHDDD\x9f\xee\x9f0R\x98\x0fa\x0e\xb4&gt;\x85\x1b\x02\xf2\xa4\x91\x8el\x999(BZ\x92\x92\xc85:\xcd\xec\xd3\x9c-\xa5[\x95\xcb\x9b71\xe1\xdd\xcd\x14D\x81\xf9\xd2\xc7#b\x86\x8e\xfe\x8d\xcbku3\x00O\xcem\x93\xbe\x15\x8dg\t\x85\x92+\xc7u_&gt;:X,\x19\x83\xe8\xf9\x85\x1dD\xf4\xeb\xc5%v\xfc\xf1\xd9-\x00B\x86\xb6\x9fO\x01t\xa8Z\xb8\xa0ihn_\xa5 \x80\xe5\xa3\x83\xeb\x14\xce\x1c\x9fhd\x9b\x1a\xfc\xd2\x002\x10\xdd:\xbc:-\xd1\xe1\x15\x13\xd9/j\xe2\xe7\xc1\xa6\x01"\xcaL\x94\x95\xa8\xa4K\xfc\xab{\x96\xf8\xa4\x8fMD\x9d\xab\x17c\xe3\xf6\x87;\xc7\x88\xe8\xfc\xb6y\x00\xbc\x92\x10\x11\x05\xe6\xcf\x00\xbc\x96&amp;\x80\x82\xc9C\x7fK\xedB.\xfcWt\r\xf4\t\x0e\xf4\xb6\xed\x11\x98\xdf\xcc\xafZ_\xcd\x19\xd0*ob\xaa\x9a+d\xe7\xdf\xd1\xbfH\xb9lN:\xef~Z\xd3\x07\xd5\xe1\xabb\x8edMKz\xfeym??\x92#\xb6\xb2\xd4\x7f "\xa29\x03Z\xd9v"\xf0"\x1c\x86fi\xdb\x18Q`\xafM\xb3R9m\xae\xa1pJ"K\xf3\xd9\xd4\x9eM\xc2y\xb6\xfb\xf5\xe2\x92t\xa4n\x91P[\xcb\xa2\xa1\xed\x89h\\\xa7:R\x99\x0b\xdb\xe6kU\xc8\x06&amp;\xdb\xa0:\xd7\x151l\x81s!"\xa2\x1e\xb5\xfd\xf2$\xd2+\xc6\xeepe\x8f\xd0a\xdc5\x1a\xe1\xd3\xdd=\x0bG\x11Q\xa1\x94*\xcd\x10\xef\xc9\xb8\x8eu\xd8@vp\xf9\xf8\xab\xbb\x17\xf3A\x93W\xae\\\x8f_\xdf\xb7\x0c\xc0\xe6\x19\x03\x00\xe0\xfd\xad\xe4D\xb7\x8f\xac\xe1\x83\xef\x9d\xa3k\x074\xa9\x085\x10\xd1\xa1\xe5\x13\x94\xd6\xb9\xc2)iT\xbb@\xf6\xd9-\x06\xcd\x1b\xd8\x9a\x88z\xd5+\xdd\xb7a9v\xf0\xd2\x8e\x85\xb5\nfjW\xb9 o\xd5\x80&amp;\x15$\x8bA\x99\xac\x89&amp;wk\xe8\xa40\x03\xac\x9b\xdc\'[tb\xb7(\x1eQ\x87\xaa\x85\xf9]\xca\xe1\xa0\xd5\xc8\xcey\xf2\xceo\xe1\xd0\xf6F\x96z\xc0\xb7TD\xc5\xd2\xc4\x00\xbe\x13Q^\x15{\x15\rj^\x99U\xd5\xa3\xb6\x9fc\x9a\x1bn\xd80\xa5oD7\xc1:\xdc8\xb82\xa2\x9b\xe00\xf8f\x88\xab_ \xa8\xac\xba\xa1\xd9 ~&gt;\xbf@D\xbf\xef_\xee\xa8=\x8d\xc5J\xb8\xe5\x81\xa3\xa4K|\xe9H\xe7\x80b\xd2\x91\n\xd9Cv\xed\x99\xb4k\x1e\xde*@\xfc\xb3\xb0\xaa\xf7\xcd\x00\xa4\xb1\x1do~W\x96Q\xfe\xcc\xc4r\x81\xcf_\x1e\x9e\xb6\xb1\x05\x02\x16\x0f\xefx|\xedT\xf1r\x99\x88\x9a\x9bO\xf9u\ngf\x8f\xef\xdc\x96\xb9\xf8\xfe\x18\x80\xe4\xb4\x08\xcc\x9fA\xaavP\xf3\xca\xc0\x17\xbc\xf9\x9d\x9d\xd8\xa5F\xf1\xfa\xc5\\o\x1cX\xc1\xe6\x83\x8dS\xfb\xbd\xbdux\xf5\xf8\x1e\xec[&gt;\xd6\x03\x00\xfe\xb8\xb8}&gt;\x802Y\x13\x11Q\xd5\\\xce\xec&gt;7\xf4\xc9^!\x87l\x0f\x8bK\x84Ow\x9b\x97\xce\xc5\xda_\xb3@\xc6\t\x9d\xeb\xb1\xaff\xf5m\x01\xe0\xc9\xd9\xadW\xf7,\x11O\xa9\xe4\x9e\x02\xf8sP\xb3J|zc\x95~\xbc{|\xaeiQ\x98\x99h\xff\xd2\xb1\xfc\x14\xe0\x95\xa1[\xa9\x81\xdf\x0f\xac`\x1fV\x8f\xefAD\x01y\xd3\x8a\xdf\xbe\xbbuD\xfftv\x8bJd\x88\xa3\xff\x06\xe1\xf3\xbd\xb77\x0f\x95\xce\xa2\x13F\x10Y\xa1\xfa\xab\x8cO\xba\xcay5,\xd0\xb3n\xa9p\xb8\x8a\x16\xbe&lt;8\x15F5[;(\xcb\x83\xab\x01\x94\xc9\x9a( O\x9a5\xa6\xf8\x93\xb0FnK\xaf\xc0\xc2\xa1\xed\x95\x07\xa7\xf4h\xcc&gt;\xa4 \xfa\xe3\xea\x1e\xf69\xa7\xf9\xc4\xc1\xac\xea\x0e\xc7\xe7\x07\'\xa5#\xd5r\xa7\xb1\xf8\\\xe6\x0elm\xd5U\xb4&lt;\xc6D\xe4\x9d.\x16\x1f8\x1a\x97\xc8\xb1qZ\x7f~\xf5\xdf\xf6.e\x9f_^\xda5\x7fp\xdbzE\xb3\xb2E\xa8\x84e\xa3\xba\x88\x7f\xe6\x88M\x1f\xee\x1ekW\xb9\xe0\xa2a\x1dn\x1fYS:KB|\xb9OD\xb9\x12\xd0\x91\x95\x93\xc4\x92xyY4S\x04\x95\xcd\xe3\x19/d\xc8+\x9e&amp;&amp;\x11e":\xb6f\n\t\xf1\x11Jt\xabY\x82\xdb\x8b\x00&lt;&gt;\xbb\x85\x7f\xb5i\xfa\x00\xfcq\x85\xffY\xc9=\xf9\x97\x87\xa7\x88\xe8\xf3\xfd\x93!\xe5\xdf\xdf\x8aI\x14\x9d({L\x95i,\xa4\x91\xa6\xbb1\xa6C\xad\x1eu\xfcT\xf7f\xb2\xf9O\x80\xea^\x9e\x8f\'V\x19i\x12h\xbf\xb0C\x83\xaa\x1eZ&gt;a\xf7\x82\x11\xd6\xd4\xf7\x7f\x0f\x9b\xd7\xa4\xc3Z98\xfeG\x1f\x0ep|\xdb\r6B\x88\xc1\x7f:P\xf5\x9d\x863V\x8c\xe9j\xbc\xb08jl\x9f3$\x0c\x9ac\x05\xb6\xce\x1a\xec\x90`\x07\x9b\xc1\xde\x8b\xe0\x1a\xde\x00X$L\xb9lI\x0c\xce\xfd\xb1\x88&lt;M\x11u\x95=S\x12\x91[\x0c\xda0\xd5\xc2.?8\xd0\xbbM\xc5|!\xc19oo\x02X=\xa1\x87V\xe1|N\x04\xa0\xa2bC \x19\xf7\x19F\xb4\xa9\xae\xac\x01x.\x9eBD\x1eq57\x7f\x15s$\xe7\x9b\x83/\x0fO\xd5.\xe4\x92\x92\xa8iI\xcf\xec\xe6!b\xdc-!\xd5,\xc13.\x15N\xa57\xf2\x00xw\xfb\x08\xdb\xf01\xdfqL\xa2\xf7\xb7\x8f\x12Q\xf2\x7f\x91w0\x14lE\xc6&amp;|\x1dX\xfbB0\x8b\xa8\xce\x8e\xde\xe1\x98\xd5/(\x1c\xaf\xf6\x7f\x01\x00\x7f^\xdbg\xdb\xb9\xd9l\x9a\x85\xfeyr\xce`I\x87\x98\x86\xb3\xeb\xf6z\xd9te=bX.\xa2\x02&gt;\xb2\xaa\x8e\x9e\xfa\x00pi\xc7\x02\xf1HF\xa2hD\xff&lt;9\xcb\xe6\x03#\x88M\xe4\x95\x84\xaa\xe6T_\xf7\xdf9\xba\x16@\x9b\x8a\xf9\xe3\x86\x0c\x88\xef^]\xd9=\x7fP\x1b"\xba\x7fb\x03\xbf(\x833\xd1\xd2\x91\x9d\x8d\xb7?\xa9\xda\xa0\xa1\x15-\xcd\xc0\x1f\x93W\x12\xb3\x91]\xfa\x93\x81\x8d\xfe\xed\xab\x14\xd2\xaa\x8d\x9d\xb2rl7\xd5\x00\xb0\x1b\x07W\x02(\xea\xac\xde\xb9]\x84\xcfU\x1c\x11\xc9\x1d\x1e\x88\xea\x13ZTo\xbf=\xd0\x1fd\x93\xeb}i\x08\x8f\xcfn\xcdiC\x82\x06\x11\x11\xd5/\xe6jU\xf9\xe5c\x82\x89hXK\x7f\xe5W\xc5\xd3\x1a\xcf\x070\n\x8b\xddF+\x88\xbbK\xf5\xe2\xfe\xb9\xe5l\x87\xb9jA\r}\x1a\x94\x15\xc3Z\xac\x02\x00\xe3q\x08\t\x89\x80\x17\xfcO\xb7\x98\x94Ta\xecv\xe0R\xacx\x9a\x98\x00\x0e\xaf\x9c\xd8\xd1\xbfp\xeb\n^\x16\xcbg$*\xef\xe6$\x1e\x11\x9d\xd8\x00\x80oxw\x8b\xffiU\x9a\x918\xcan\x9c\xd6\xafV\xc1\xd0\x1f\x9a\x9e\x08@\xf141\x88h\xdf\xe2\xd1#\xdaT\x9f\x18\\\x1f\x80~\x08"\xf7\xe5\xab\x1a3\xd9\x0e`\x90)\x9f\xee\xdf\x80\x9euKr\xe7~\x14BuS\xdc\xf7\xb5\xbdK#\xb6%\x11\x0e\xb1\xd3\x8b\xb0\xd5K\x1a\n{&amp;W\xe5\xe4$\x8d\x02\x11\x88\xb2\xae\x89\xcbdU\x0b\xe6 ""\xd6\xb1\xbaT\x0fI\xad\x92\xf2\xd6y"\xab\x08\x1eJ\xe8(\x00\x1f\xec9]2\x15j\xa5\x9b\xd9\x83N\x01E\xaf\xef_\xbew\xf1h\xe3\xa7\xf8f\x8c\xfb\xea\xcan"\x9a\xd0\xa5\x1e?xp\xd9x":\xb3i\x16\x8bv\x93#\xf6\xcd;\xe1\xa0f\x95Tkv3_!\xf0\\\xb0\xdfL\x83C\xe6\x90\xaa\xbe\x00\x98\xd1\xbb\x99V\x0ba\x9e\x9b-b\xf1\xf0\x8e\xf8\xf3\xb7\x7f\xa1\t(\xea\x85|\x13\x11\x91W\x92\x10\xf7Nd0\xd0;\x10~\x99,/\xb9[\x94\xce\x15\x0e-!\r\x07\x9a\xcd\xb0\x99\x01\xc4Z\x8e\x07k\xe1\xa1\x1d\x8a51\xb8~P\xd9&lt;\xe2\x91\x0b\xdb\xe6%s\xf4\xbes\xd1\xb0\x0e\xe2\x08\xe6d\xa9~\x17\xb5\x83}\x1b\x96uHc\n$\xa3 m\x975\x83W\x92\x90\xd4\xfd\\\xdaf2\xa5K7\r\x11\xde\xdd\x14\x8f,\x1b\xddE\xffB\xca\x01wp\xf3*\xfa\xa7\xd8\x89K;\x16\xf2+\x16K\x1dj\xc3\xcb\x19\x9f\x86\x06\xf9\xb7\xa9\x98\xdfb\r\xd0\xc8"\xfe\x0f\xff\xc1\x10\xea\x15\xcdj\xc3Y\xaaC\x06;\xe8\xc0\xed\x7f\x84\x84\xb9\x197^;\n|U1\xb3o\x0b\xe9\xabB)hXK\x7f\x00\xd1\xc8a8\xb8|\xbctD\xc9la\xd1\xa0wq\xfb\xfcg\x17v\xa8fK(mVZ\xf0N\x1b+\xab\xf9\x0fs\xac\xf5\xad_\xa3r\xe2\x9f\xc3[\x07\xb0\x1d\x80\x12l_+N\x00R\xe0o\x13?\x8f\xae5}\x88\xc8\xc5\x9a\xf9XZ\xe07\xf5\xf3\xb8\xbcs\xa1xD\xbc\xe2\xd2\x91\x9d\x13\x13\x95\xcb\xe6DD\xc9\x88\xb2\xc74\x9b\x12\xb4\xf0\xeb\xc5E\x9dx\xa1H\x07\xf7\xff\xd2\xd5\xc2\x05\xca|tU\x00om\xab_\xd5\xa6\x11\x15szEl\x9a\xde\xdf`I\x8bc\x9c\x93\x81J\xd8\xcdZ3Q/d61Q\xaf\xba\xa5\x1c\xf8zs\x0f\x87h\x18\xb1\rAe\xf3\\\xdf\xb7\x8c\xff\t5\\\xd86\xafy\xe9\\\xaa\xc3z\xd3\x92\x9e\xd2\x11\xd5\x9f\x19\\\xc3{\xb8Max\xe9\x89\xf0\xf1.\xfb\\"\x83\x85\xad{\xee\x84!#\xfb\x93\xb3[U\x0bd3\r\xc5b\xc6\x9c\xb5\xc8,8$\x94\x99|\xb9\x13\xd25\xe1~r\xb4*\x97\x97\xcc\x17C\xcco\x91\x9cht\xfb\x9au\ng\x96B\x92\xfe\xc3\x7f0\x84\xacD\x9c\xe4\xcb\x1el\x9de\x05\x0b\x82\xcd\x8e\xcap\x80N|\xb7\x04k\xedK\xaa\xa6\x0b6*\xe9\xbf\xba\x19\x89\x80wE\x9d\xa3Wr\xb7\xdf\xcbND\xf4\xf2\xf2n\x8be\x92\x1bXQ\xa6\x13\x16\x01\x87\x96OP\x1d\xfd9\xd6N\xea\xe5)\xd8\x1a?\xdc9\xd6\xc3\x1a&amp;.\x1b\x96\x15\xe3;\xd7\xe5\x9f-2\xc8\xf2e\xd0\x8e\xb9\x86\xf8k\x01(\xb3\x0b\xad\x02\x00|\xbc+\xd9\xff\xbb\xd6\xf4Q\xf6\xab\xf4\x8a#y\x12\x91o\xc6\xb8\xc9L\xdf\xfa\xe7r\xfe\xe7\xf1Y\x00\x9e\xb6\x06PD\x18\xfeM\xf6\xf4\xcd3\x06L\xee\xd60\xa2[a5\x86\x06U\xb5\xe1\xacN\xd5\xcch\xa7,&gt;G{\x16M\xe1\t|\xbe\x17F5\xebL\x18\x95=R\x92n\x0c(\xde\xdch\xe4\x93\xdd\x08\xdb\xab\x0e8e\x82J\xfd\xe6\xe4nD\xd4\xaer\x01\xfcx\xa2?\xc9\x95H\x1f\'\xb8\x867i,\xfcU\xf1\xfa\xb7}\xa3\xda\x05\xe6K\x1a\xca\xe5\x19F\xb0\xb6\xb7\x01\xb0*\xd3\xbbY)y\xef\x12\x160\x1e\xc5\xf0\xec\xc2\x0e\xe0KX\xb6\xc5\xd1\xa8\xe4\x91b\xe3\xd4~\xecs\xd4\xb6\x1aDq\xd8\x9f\xef\xaa\xe3\xd2\x0c7DZ\xc5\x07\x87\xa4\x13/\x1c\xda&gt;\xb8\x8673\x9d\xea\xdb\xf5\xd6N\xec\xa5z\\\x8c\xdaT\xfb\xd6v\xeb\x81\xf1\xd1_\x82\xc1\xfam\x88\x0b\x88#D\xe3\x88\xed\xb4\xbe\xa6P\xec\x9a?\xa2d&amp;\xfb\xf34\xac@\xd5\x9c\xce\xbc\xcd\x8c\xc1I\xc4\xf0\xd6\x01\xe2\x9f\x1d\xab\x15\x91b\x07\xfeC\x98\xa3G\x1d\xbf\x88nB\xa4@\x8f:~S{4\xae\xe4\xa1\xae\xbd\x12\xd5\xbd\x02\x11\x8e\xaa\xb9\x9c\x83\xca\xe6\xb1A\xd9FD\x85\xec\xd6jj\x18\x82\xcd\xa3\xff1\xeb\x15#TI\xfc\xb5pf\xd3,k\xeb\xd7\x07\x00N\xf4\xbbtd\'\xfb+T\x1av\x94\xe0Z7b\x86\xc5\xbd\xe3\xeb\x89\x88\x89\xe4\xd8\xdf\x8c\xc8\x85\x9c\xe1:\xc5:\x00\xd23\x98\xd6\xb3\x89\x9d\x15\x8a\x86\xcb\xf0\x84\xcd\xc3CQ\xe7h7\x0e\xae\x94\x8c\x8f\xf9\x85\xea\xa6\x9aXw"?\x0c9\xcd\x1d\x84&lt;\x89\xa8o\x03\xa3a\x94~\xf6\xad=;\x07\x14\x9d7\xa8\x8dU\xa7\x18\xa1\xa6P\x8c\xea\x1f\xd9\x7fon\x1c\xbcw|=\xf0K\x7f\x0ep\x15\x82\x7f\xdcl\xcb`\x0eG\xf07=5\x91\xaa\xa6\x82\xb5P\xa5\x98\xac\xee\x95\x0e@uSJ\xdd\x8c\xde\xcd\xcaesj]\xdek\xf5\xf8\x1e\xdc@\x15I\x98\x83\xc3\n\x0e\x8cu\x0b\x07D\x86I\x98\x8bWD\x08\x00\xb0\xf8k\xab\xfc\xc0\xe4 \r2\xc7B\xcc\xd7\xd7\'[\xfe\x0f\xe2P\xfe\xe3\xd9\x85\xb5\x13{\xdd8\xb8\xf2\xe6\xa1U?\x9e\x9d\x9f\xdc\xad\xe1\xaf\x17\x17\x81\xe7\xfd\x1a\x95_7\xb97&gt;\xdcV\x9d\x00\xa6tod\xc3u{\xd6-e\xdf^H\x13\xa77jn\x1a*\xba\'w\x11\xfe\xf4p\xa8\xeb\xd27C\\\xbc\xb9\xc1&gt;g1\x8f\n\xe5\x9d0%\x91\xb3\xf9&gt;@\x84E&gt;\xc4(\x03\x89\xc8\xd7*\xb5\xbf\x08\x01\x13\x0e\xe5\x7f\x16H\xe6\x00:\x84(\x04\xe0\x0b\xf0\xcb\xb6s\xed\x8fA\xb4\x1f\xd2\x8b\xc3\x16\x1f\x91aR\x97\xb0dD\xa7\xb0\xdeHq?N\xdbJ\x05\x8c\x94\x17\x86\xff\'\xcb\xc7\x04\xbf\xbbu\x04?\x9e\x00\xdf^\\\xda5\xa9k\x83s[\xe6\xe0\xcfk\xd5\xf2\xa4\xc9\xe7D\xa1*`\n8&lt;4@t\x05Y\x8c\xfb4\x8e\xb0\xde\x1a\xe2\xc3\x1d\xb1\xe5\xca\x00\xeb"\xce\xd1\xd8\x1dc\x1a8\x92\x16]\xf7\xda\xbea\xdc\xc0\xff\xa0\x86N\xd5\x8a\xe6N@\x7f\\\xdd\x1b\xd1\r1\x83c\x97\'\xfa\xe0\xf9\x877\x0f\xad\n\xebk\xd9\xa0vd\xd1\xfd Q\x8bC-/\x9f\x07\x86\xf6\xac\x1ba\x02\xa2\xca9\xe9\xd0\xf2\t\xe1p\xddF%rh}\x15j\xf7\xb9{|\\\xa7:=\xeb\x96\x14\x06\xf6\x7f\xba\x06\xfa8\x13\xb9F\xa3\xeds\x86\xcc\xec\xdb\x02on\xa8N\x00\x1f\xef\x1d\x0f\x87_a?,\xd2\x0c\xda\xb9h`\x91xm*\xe6\x1f\xd8\xb4\xa2\xf2\xdb\xb2\xae\x89\x01t\xaf\xe5;$\xa8\xea\x9d\xa3k\xed\xb9PdA\xf8t\xdf\xb0\xc6\xc5\xed\x0b\x88\xa8Zn\xb3\xd8q-\x9e\x1c\xe30\x18\x8an\xa7\x89\xc2Z~y}\xb0\x0c\xc9\xb0F8$\xe8f\x8f\x15\x19c\xd2:\xfa\xcb\xd4\x14\x8e\xdd\xa6\xfcxv^y\xb0w\xfd\xd2Z^\x8a\xaf\x8fN\x9b\x8f\xe4/\x18\xe9\xcd_\xd7\xf7\xb7.\xefU\xc9=9\xb7]\x0cl\xaa\xae\x02\xc6a\xa4y:\xc5\xd6N\xeaU=\xafeqf\x86\x12\x19\xe2D\x82\x805u\xa4$\x02P4\xb5\xca\\\xf3\xf4\xfcv\x00\xf8\xf5\x0c\xc0\xcey\xc3\xc3\xbfm\xffA\x13\r\xbc\xb3\xf1\xcfCZT%"|2\x0b$\xb7!\xfa\xc2\xf8\t\xf6H\x98^\xdf\xbf\\:\xc2$Dl0\xcc\x030\x9e?e\x0fZ\x95\xf7b\x93\xae\x0e\xfa\xd4/c\xe7U\xbe&gt;R\x11\xder\x88Z\xac\x9d8\xbby\xb6\xf8\xa7&gt;\xb3\xb4\xfd8\xb8l\x9c\xd6WfC\xf8\xafg\xc2\x1f\xdf\x075\xab\x9c\'!\xb5\xa9\x98\xaf\x94K\x82\x8c\x06\xc2\x84\xecl$\xf0\xd2b\x19\x8b&lt;\xe1\x12]\x84\x12:\xbb\xea+\xbb\x17[l\x80A,\x1a\xd6\x9e\x88&lt;\xe3\x924\r\x04\xe6\xcf\x80W\x97\xd9\xed\xd2\x17i\x90\xd4\xd0\xfe\xfd8\xbfun\xc46@u\xc6\xd6\x87\xc5\xf8\nQ\xab\xc48\xae\xed]\xda\xa1j!\x12\xd4M\xff\x95p\xec\xc6\x85\xa1V\xc1L\x06\x83Pz\xd5+\xe5\x9f\xcb\xd9\x06\x954U\xe8\x93\xce\x8b\xe8\x1cP\xec\xf9\x85\x1d\x91\x87\xdc\xd4l\x08\xff|O\x1a\xd3\xf9\xde\xb4\xb2g\xca0\x9d\x00\xf2$\nUz\x91\xe0"|\xd6\xf2\x9d\x8a\xa8_&lt;\x1b\x99\xe7\x1c\x0c\x15x\xc2\xc3S\xae\xa7v!\x17\xe5\x12\xd0t\xb7\xde\xb1?\xb5\xbakT\x0b\xa24\x00\x9e\x99Y\xd2%\xd2\xe6\xfa\xd8\x08i\xe3\xaae\xdd\xb0\x7f\x95\x14\x0eX2\xc2\xea\xc8\xe8\xe3k\xa7\x85EK\x1c\x08\xd5\x11\xca\xc5q\xf5\x1b_&lt;\xb2\x96l\x9e1\xd0q\x177\n\xd5\xfc\x83\xe7\x17v\x84\x0e\xe1\xff&lt;\x12\x07\xf4\x96\xe5B\xd2\x91\n\xa7\xa4\xfa\xc5\\\xc3t\x02\xb0s\xbc\xf3R\x84S\xf2\xdf\xaa\xc3\xdd\x1dF\x18\x12T\x95\xd9\x1e\xa3\x1c\x9bC\x84!,8\xc7\xad\x85\x18\xbf\x9cW\xe83&lt;\xc99\xc2\xc1\x83m\xf4C\xaa\xd6hd\x90\xda\tIL\x9c\x03@\xeb\xf2^\xd6\x06\x7f+sgT\xb9\xf2\xad\x85*Q\x0c\xf0I9&lt;\x01\x1f\x81\x7f\xec\xbf\xa2\xb5xtz\xb3\xc3U(\xa4\xb5\xb3U\xdb\x9a\xc9\xdd\x1a\xbe\xbc\xbc\x0b\xdf\x1e&gt;\xbf\xb8s\xe3\xd4~\xa1\xc3\xf9\xdf\xbfsW\xfd\xb2Q]F\xb4\xae\xee\xd8\t@\xca\x05\xebV\xab\x84N\xe1\xce\x01Eu\xbeu\x08\\\xac?%6\xd1\xaf\x17\x17\xdbV*\xb0{\xc1H"\xaa\x90=$\xea\x80\xdd\x8aR\x99\x13\xe8\xdc\x96\xb2\xaeI\xa2\xc4r\xd0:(\xe7a\xe3\xa8\x91\xcfH&gt;]\xd4\x86\xfe\xed\x89$\xd1\xea\xddj\x95P\xed\x9ab\xf3\x80o\xf6\\\xa2`r\x95\xcd\xd0\x96\x99*\x8bb\xae\xcea\x0f$\xdds\x8e\xc5\xc3:\xd8_y\xd8\xa1\x80\xad\x19}\xbd\xeb\x971\x1e\x929\xa5{#\xfc\xf3\x08\x7f\xfe\xb6pH\xbb\xe6\xa5r\xf2\xd1\xfc\xf5o\xfb\xb6\xcd\x1e2\xbb\x7fK\x9ft\xb1\x89(&gt;\xd1\xfe%c\x1d5\x01t\xaaV\x84\xac\t\x06Sf\x95:6\xc7\xa8P\xca\x90\xa4\xdcp@\xe3\x129\xcadMt\xf3\xe0J\xe5\x1dc\x0f|\xfd\xe4&gt;D4\xb2M\x8d\xf0i\x8f]\x90\x18\xd3\xf0\xf6f\xde\xf0\xdeo9\x0c\xdc\xf4qt\xf5\xe4\x08mH\x08t\xa4GUa\x9b\xa6G\x91T\xf2\xab\x04@R\xde \xa2\x81M+\xdd;\xb1\x81L\xc6\xae"\xa9\xa2\xa9\x12(\xaa\xcepm+Y\xd6\xc1\xd0BG\xff\xc2d\x9fN=\xf0\x97$q\x15\x19p|\xed\xb4N\x8eS\xaa\x89I\xf4\xf1nh\x14&amp;\xd7\xfc1h\x82x|v\xeb\xab\xcb\xbb;V+R:K\xc2\xb1\x1dk\xf3-\x00\x00\xe0\xfb\xcb\xcb\xbb\xf0\xd7\xf5A\xcd*\x03_uF\xffY}[8\x19n\xf0\xe8\xf65\x89\x08\xc0\xf4^M\x8d\x94\x07\xfe\x12\xff\xe4&gt;s\x00\x9f\xee\x9d\x90\nK\x0b)\x1d\r/\xdb\xb0x\xb8\xbcn\xd0_\xa4\xcc\x1f\xdc\x96\xadc\xd6L\xec\xb9g\x91L\x04\xa4\xacD)\x86\x13yap\x90\xcae\xa5\xcd\xff_\xb89\xb2\x03J\xf6(;Q-wj\xad\xd4M\x00#\xdb\xaa/=,.\xfa\x16\x0cn\xab|p,!\xde!\xcd\xe6\xb0H\x08,B\xf5\xeaa\x1a\x1ej0\xd5H\x19\xd0\xf2\xea\xcan\xe5\xca=\x1c\xb8\x02\x1a\xf9d?\xbcb\xe2\xc865\xcadM\xd4\xbd\x96\xef\xa5\x1d\x0b\x00\x00\xef\x80\xb7\xc0\x8fK;\x17\x02\x00~\xea/\xffm\x0b\x07\x97"\xad{\xd7/sn\x8b\xa1`\x90\x1c\xb1\x88\x88\x9a\xf8\xba+\xbf\x12\xf37\x1bz\xbbE\xf8`\x02\xe0\xc5\xa5]Z\xdf&amp;"b&lt;\xac\xff!\x14\x11\xfe\xcc,\xc2\xda\x14\xf6!-4\xb5\xe8\xf4\x03\xd7\x96\x8e\xecl\xe5\xa5\x0cA+\tE\xcb\x88wj\xc3L\xf6\x9e\xffxv\xe1\xde\x89\r\xaas@\xc1\x14\xa4\xba\xa0\xd3\xb2\x0f\xf4\xa8\xed\xa7\xdf\xc8_/.N\x0c\xae\xcf&gt;\x8b;\x95\xfe\x8d+\xe8\x9f\xc8\xe1b\x1e\x89\x1b\x99\xfbU\xa1\x94\x04|\x15\x8fp\x03\x89rV\xd8:k\xb0\x03/\x1d\x8b\xe8\xfa\xfe\xe5;\xe6\x0em]!\x9fk4\xea\xd7\xb0\xdc\x8fg\xe7\x81\x8f\xc0\'\xeft\xb1\xcel\x9a\xc5\x9e\xe0\xb7\xc7g\x7f&lt;;\xaf&gt;\xfc\x7f\xbak\x8f\xf9\xd7\x81P\nT4V\x9b$\x1c\x85bi4\x9d_\x9d\x03\x8a-\x1a\xda\xbe\xa9\x9f\x87\xc5J\xf8F-[\xa4\xa7Qr&lt;\xf0\xe1\x8e=\x1b|\xfb\x91;\x01\x11\xd1\x82!\xedD\'gx\xc6\xa4\xde&gt;\xb2\x86\x7f\xd6\xb1l:\x84\x8b\x98C\x9f\xbc\x81S\x12\xb1\x05\xda\x8a1]\xa5\xa139\xd1\xb4\x9eM\xd8\xbb\xcfcK\x94\x94;L\x03\xafQ\x89\x1c\x00\xf8&amp;\x90Weq\x12\xe5\xa3\xbf\xcd\xd88\xad\x9f\xa8\x90\xce\xa4\xc3\xa3\x04\x00L\xed\x11BG\xf8\xf4\xdc6~\xbc\x85%\xc5]\xdbP#_\xfaC+&amp;\x0chR\xa1T\xe6\x84\x05S\xd0\x98\x0e\xb5v\xcc\x1d\xc6\xf4\x1d\xcbeK\x02|\x07\xa0\xe3\x03\x88&lt;F6\x9b\xe7\xf8Y\n\xfdN\xab\x10\x98O\xb6\xdc\x9c\xda0\x93\xd4\xf2\xfeT\xc1\xfc=\xffE\r9\x00\xe5\xddl\xd1\xda\x10\xfbM%\xf7\x14\x8d\xb5\xf3\xe6\xf5a\x84C\xd4\'}\xec\xe5\x1az\xd6\xc0w\xf6A\xe9\xf5\n\x1f\xa7P\x1e5.*|\xbe/\xbdW\xb1\x89&lt;\xe2\xd2\xf1\xb5S\xb5V\xf7DT4u\xf4\xca\x1e)\xf4U\x99\xe6\xeb\x12[\x9e\\?\xfd\xc3\x9dcZ\xdf\x1a\xc9\x9dJNT(\xbc$\x81\x1d\xcb\xd2\xfc\xe1\xce1\xf1\xc6\xf2q\xa4\xa8\xb3\xbc^\xb2!\x82\xaeTf\x15\x9bl\xf1\xb41\x1bz\xbb\x95\xcc\x14\xbf\x89\x9f{\xbe\xa4!\xfb\x8f\x84D\t\x88*\xe6H\xfe\xea\xca\x1e\x1d\xfb\x8fm\xfa6\xad+\xe4#\x81\xb9\x88\xc3\xb6q0\x03Q\x1a\xa2f\xa5&lt;\xc58f\x83~\xe6,Ds\x07\xb4\xb2\xe9\xb2DD%\xd2\xc7\xd1y\x11\x18\xbc\xd3\xc6\xda\xbfd\xacxd\xe5\xb8n\x9c{F\xb9\xf4\x8f\xb4y\xce*\x88Z\xac\x9f6\xc3\x1eg\xa6U\x00^\x87\x9d\xb1\xc2\xda\x9ac\x10]\xdb\xb7\xacP\njV*\'O^OL\xd4\xa3\xb6\x9f\xd2\n$B\xe9\x9d\xb3\xb6I\xfa\xba\x89\x8cKK\x1f\x83\x9aU6\xd8\x86\x08\x87[\x0c\xb3\x81\xafx\x9a\x18\x00\xaa\xe6rv\x0b\xe3$a\t\xceDM|\xddk\x17r\xf1\x88K\x8d}\xdd\x81\x1f\xf8\xe7\xd1\xddc\xebtF\x7f\xe0\xb3\xcd\x97\xdb\xb3p\xa4A?bu\xaf\xd0d\x1b\x1dJ\xed\xc5\xc3;v\xa9^\x9c\xff\x19\x8bh\xd7\x82\x11\x16]\xcd\xbe\x19\xe3.\x18\xd2\xceH3\xb4\x00\x00?\x9f\xaarL\xcd\xea\xdb\x02\xc0\xa5\x9d\x0b/l\x9b\xe7D\xb4aJ_\xadJ\x98\xc2\xf0\xb8Nu\x00\x84\x7f\xfa\x82\xbd\xb0\xa8\xacm\x10LT/\xf2cr7u?jbE\xa2\xbf\x08q\xb0\xeb]\xaf\xb4V1\xd5[\xe9\xc0\xfbry\xe7"\xe3\x85\x01\x8c\xef\\\x17_B\xf7\x01&gt;\xe9b\x8b\x03\x80\xe3\xdae\xa81\xca\x83\xaf\xae\xec\xd1?+\x1a\xd1\xa2a\x1d(\x12\xb3\xd2\xa6"\xea\xdf\xa8\xbcH\xac\xff\xe1\xce1\xef\xb41\x95\xbfW\xd9\r\x8c\x18\x9a\r".\x91o\x86\xb8\xddk\xfbv\xa8Zx@\x93\n\xf7\xcd\xfd=J\x0cn\x1e\xea\xdcr\xb7)\xc7\xb6TfC\x0c\xc8x+G\xa6\x89\xa8\xec\x11\x92\xa8\xfc\xf9\xc1I\xe9\xabWWv?8\xb5\x89[P\x17\x0ci7\xa8Y%\xb9r|\xebVS/\x11\xc1\x08*\xba\'\x1f\xd7\xa9\x8e=5\x1cY9\xc9\xce6\xfc\x07\xeb\xa0\xb3se\xbdr\xc5\x98\xae\x0e\xbc\\\xf6X4\xa6C-\x9bO\xf7\xcd`h_hD\x10\xf5\xe0\xb2\xf1\x06/z~\xdb&lt;\x00M|\xddS\t\x83\xef\xe4n\r#d\x02\xa8U0\xd3\xf5}2\xf1\xd1\xc3S\x9bt\x86u\x87\xebI9\n\xae\x966\xce:\x9d3L\xd5\x96\xdcbR\x13_\xf7N\xd5\x8a\xae\x99\xd0\x13//i\r\xfd\x17\xb6\xcd\xd7\xafg\xfb\x1cC\x9a\xec6C\xdc\x1a\x01X5\xbe\x87\x16!\x07{!\x98\x99e\xfb\xec!\xca\x04\xc0\xfcIibp\x830h\xe3\xff7\x86\xb7\npTG\r\xbbQf\xc5X\xbd!^\xb9&lt;\x19\xd6\xb2Z\xdb\x8a\xe1d\x0b\x8a$\x00p}\xdf\xf28\xe6\x115\xc3[Us\xc8\x040\xcdX$x\x98"&lt;\x05m\xf4\xdd\x1e"\x9a\x96\xf4&lt;\xb9~\xbaV\x026\x11\x9d\xda0#0\x7f\x18F\x8d\xc7$\xaa\x91/\xfd\xe4n\r\xf7/\x19kJ\x0b\x00\x80\x83\xcb-\xac\x1eD#\x8cU\xfa\xecZp`\x04\x04\x80\x13\xebd\xe6\x12\xf7\xd8\xb6\x8f0\xffW\xaa!\xea\xd0_\xcb8\xe4\xe1\xb1%\xa7\xeaWv\x926\x03?`\xaei\xf7\x1f$\x14u\x8e\x0e\xe0\xd6\xe1\xd5\xec].\x90\x8cR\t4\xc2\xa2MS\x9f\xccW\xf9\x9c\x064\xd1\x0c\xe8\x8c\xba\x19\x85\x0eA\x02S\xf8\xec\x92\x11fFm\x11M|\xdd\x8f\xac\x9a\x04\xfc\xc9\xfed\xf2/\xd2\x84`C\xd4\x90q\xf5\x15g\x8d\xe3\xc3ZV\xbbj"G\x92\xea*\x9a:z\x15\xeb\x99\xc0\xad\xca\xfcPE\xf1\xb41Y=Z/z8[2\x95\x88I\x04\xfc\xf3\xea\xca\x9e\x96\xe5\xf2FlK\xec\xc5\xcc\xbe-\xb2\x86\xc1x\n\xbc\xb0\xaa|\\\xa2\xbe\r\xf5B\xec}\xd2\xc5\xd6g !\xa2\x85C\xdb\x1b\xb9\x96oF\x1b\x9d\xf6,V,\xf2\x83\xaf\xfe\xd8\xfb|n\xcb\x1c\xf6g\xf8pGK\x10I\xcd\xbe=&gt;\x13\x11M\x08\x85A\xc3\xf7\x8d\x83+\x9b\x96\xf4\xe4\x7f^\xda\xb90\xac\x1ad7\xecW%\x846\xd9}l\xa2=\x0bG\xe2\xeb\x83$DI\x88Z\x95\xf7\xb2\xf7b\xc6\xc0\xf5\x8e\xc2\x0e\xf8\xe7\x11\xff\xcc\\\xf7\xa52\'\xe4\xa1\xcc\xa9,\xd9\x93\xc7v\xa8\x05\xa0^\xd1\xac\x00\x16\xda\xe7\x91\xfe\xff\x82\x87\xf6\xd8k\x9bT)\x11\xb5(\x93\xbbw}M\x0f\xadA\x88\xdcF\xa3\xda\x06n\x9f3\xc4\xce\n-b\xd3\xb4\xfe\xd6\x9eb\\!\xef\xf2\xce\x85q\x88\xfa5*\xf7\xeb\xc5E6\xfa77Q\x0eD \xb8\x85A5)T\x84c\xa3i\nX\xb9\xf3\x17\x17\x98//\xef\xb6v\xbd\x19\x98?\x83m\x8a\x8b.\xe6\x7fV\xcd\xa9\xb5j\x0f\x852\xb8\xca\xa8J\x0b\x11i\xe7\xfdY\x85DQ\x90\x0f\xf9\xf3\xfd\x93\xcf.\xec A\x8935\xd1\xd3\xf3\xdby\x81\x8a\xee\xc9\xab\xe5N\xadu\x7f\x1a\x95\xc8~\xfb\xc8\x9a[\x87WG\x1e\xaap\xbb\xe0@uc\xd1\xfd\x98-\x06\x01\xa8S8t\xe0j\xe2\xa73\x05\x84\x1f\x8cok\xdd\xe3\x98-|\xf8\xfbV\xab\x80\xa3\xd8\xe9C\x81\xbf\xaf\x13Q%\x0f\xb3\xa4+\xfb#a\x0e.\x1b\x1f\x16[\xe6*\x9e\xd6\xd9\xe2\x1dk\xff\xf6N\x17+\x05\xd1\xb8\x8eu\xc2"\xf2R\x1aUmP\xa6\x15\x1b\xb5^;\x94\xf0\xef\xdf\x0f\x16\xd1\xbe\x8bF\xf8\xf4\r\xe6.i\x01\x00\xf0\xc6\x9e\x1aB*\xf9p\x9b}^=\xbe\x87\x9d\xb5\x85\x0f~?\xb0\x82}\x18\xd0\xa4\xa2\x18\xcf\xb3i\xfa\x80\x17\x97v1\x97~\x8b2\xb9\xb5&lt;g\x13\x83\xeb\xb3\xe3.jtCQ\x00\x00\xdaU. \xfe\x19\x16\x97P=nyUc\x0c3z7\xebQ\xc7\xcf\xda\xb3\xac\x1d\x86\xb4r\xe6\xc3\xd4\n\xd950\xcc\x85\x1eu^\xd4)\xdd\x1b+\xd75\xaa\xe6#\xab\xd4\x82\x1d\xc2\x15*\xc2\xc7\xb0Z\x88\x0e\xbbK\xd8!\x8c\xd2\x80\x1d\x0b\xbe\xd3uH\xd4\xb2G\xdc\xd0\xf7\xa2^\xd1\xac\xd2\xb7\x91d\x97\x10T\xd6\xec\xb9\xac\x99\xd8S\xfcs\xf7\x82\x11\x00\xc6w\xae\xcb\xfedau+\xc7v\x93*\xd99o\x18\x00\xe61\x8dp\xc3\xa6-\x00\xc0\xd3\xee\xc3\x88\xdbY+\xafO\x7f\xe84\xbe\xda\x92ff.\xc8\xc5\xb7\xc0m+\x15P\x0e[\xd1\x89\x9a\xf8\xb9\x03\xcf\xed\\\x90\x9eX7\xdd\xbe\n\xc2\x04\x16E\xf8l\x83\x927\xc2Zd\x8bNu\x8b\xd8f\x17\xd1\xc4\x8c\xde\xcd\xc3b\x1an^\xda\x01\x14\x14\xc5\xd3\xc6\x14YC\xb4`\xaf\x8c\xb5}\xa8\x923\x95N\x1eo\x03\xed\x88&amp;#p\x8dF\xfb\x97\x8cQ\x06\xa4R\xb8\x90(\x18\xef\xb0\x95\xdc\xcd6\xdc\xc0\x0b\x00GV\x85\xee\t\x8a\xa5\x8e\x01 \x06Q\x99\xac\x91\x84\x03\xde\x11\x00\xc0\x13\xa0\xf8\xcc\xec@C\x90&gt;\xec\xe7\x8d1\x82\x1fOC\x14\xb7U\x87\tq\x03\xa4\x03\x9b\xf7+\x12\xdf\x96m\xd2v\x91\x83\xb3\x8b\xf6/\x1dk\xb9\x90.*\xb9\'\xef\xe0\x1f\xde\x92\x99\xb6Y\xcfD\xa1v&amp;\x84\x12\x9d\xa8\xb9\x01b"qx\xb0\x8d\xee\xdbN8p\xf6O%\x0c\xd3\x03\x9aT\xc4\xf7\xc7\x00\xa4u\xa2N0\x05\x1b\xeb;*8\xb4\xf1\xf3)\x80\xd6\x15\xf2\x19\xb1nE,$%D\x97\x08jFX\xe1\xe9\xb9m\xb6Q\x82\x88Pu7\xd5\x14\x8c\xe3Z!q\xc6\x17n.\xa6\x0f^I\x08\xc0\xaaq\xddu\n\xbb\xd9\xc1\xcf\xb7{\xc1HUc_\xcf:%\xf5I\x0e\x18X\x9ep\\\xa2\xde\xf5J7/\x95\xf3\xc1\xc9\x8d\xecx\xf14\x0e3Qg\x0f3Zdn\x86\x1e\xd0\xa4b\x1b\xb5\xb4\t\xfb\xbbJ\x18A\xdf\x9ftx\xe5Dk+\xec]\xbf\x0c\xef\x03\xe5\xb2%\xd9\xb3hTz"\xff\\\x96\x97\x01\\\xbc&gt;\rQ\xe1\x94!\x04\xc8a\x07\xd9\xbcb\x13\x066\xad\xa8&lt;\xa8\xa5lS#_\xfa\x92\xe6\xa4\x0e\x05\xd5^\x8b\x8a9\x92\xebg\x9c\xe8\x7f\x1b\xfe`\x1cG\xff_\x90\xd2\x02\xdbU.\xa0E\x80\xecb\xf7\xb5T\x9f4;\xc8\xc4t\x8c\xa3N\xe1\xccV\xf5\x1bF\x887\xec\xfe\x00\x00 \x00IDAToi\x10\xad\xca{m\x9b-G\xfeT\xc8\x9eTu\xb3\xf2\xc4\xc4\xf8\xb8lT\x97\xbb\xc7\xd6u\xaa\x16\xaa\x81\xc7\xf6\x89\xc0\xcb\xdcj\xb2\n\xc6\xe5\xc8\xa3\x1c\xe6\xe8\xf2sU\xf6\xb0\x96\x93\x9b\xc8\x80\x8faJ\x8f\xc66T\xab\x0f\x00\x15\xcd\xa7\xfc\x0fwCH\xeet\x02lzi3\x85DZ\xe8\xbcM9\xe3\x11\x11\x05\x07z+_\n\x0e\x16\xb6\xb7s\xdep|\xbc\xcb\xd7\x10\x16\xc7\xf7\x03KChJ\x1f\x9c\xdc8L\xd0\x7f\x8f\x104\xf6u\xb733)J\xa2~\xf1l\x0e\xafS+\x8a\x9f\x9b\xda\'um\xd0PA\x85\x18v\x94\xdag6\xcd*\xe9\x12_\x95I\xd1",RJ\x88\xcdVv\xf7\xb2\xae\x89\xb5\xde\x01\x1es\x16y`\x0f+\xa6\x18\xc0b\xcb\x00o\x8eR\x99\x13F\xb8\xbeR\xc1\xe42\xd1?\x87k4*\xeb\x9aX+\xe5\r\x80\xc4\xfb\xbfy\xc6\x80\xa9\x06\xe8f-\xe2\xf1\xd9\xad\xf6W\xa2\n\x87,\xc3\x01\xe4s"\x00qM\x7f2\xa4!\x92\x92\xa4\n\xa5\xa4\xccD\x15\xb2\'\x0b)\xf1\xe75\xfb\xaf\xee\x100\xfa\xbc\x88n\xc5\xff\x01\x80/\xf6\x9c\xfe\xf9\xbeL\x1d\xa5D4S\xb7\xde1w(\xf0R\xbf\xb0\x8e@\x84q\xc4!z{\xf3\xb0t\xf0\xd5\x95=\x8e%&amp;\x8alHkR3\x8f\xfc\xc6\\\xfb!\x19\x9aT]\x0b\x00.\xefZ$\xee\x05\xc9\x11\xces\xabv\xb1\xd6\x02//\x89\x7f\xb2\xa4b-?\xe0\xc6i\xfd,\xc65eRH\xd1\x89\xdf\x16q\x8e\xa6\xf3m\x04\x82\xbd\xaa\xfb\x97\x8ciW\xb9\xa0\xc5VM\xef\xdd,\xf2\xb4\xdc^\x14K\x13\x03\x1f\xef\x1a\th\xf7\x8c:\xf2\x07&lt;\xc0\xd18\x91\x8b\x03Q \x195\x13\x92H9:\x07\x14\xbbuxu\xf8\xb7\xc7\x08t2\xc1\x1d\xd2\xd7\x1b\xd8\xb4\xe3T\xb5P\x87\x0f\n$\xa3"\xce\xd1\x92\x11m\x999H\xc9\xe9\xaf\xc4\xbcAm\xd8\x92V\xe9+8\xbfu^X\xb4\xd0!p\x11&gt;\x03\xa8\xe4\x91\xa2YI\xcf\xd6\xba\xe9\xbe,\x83/\x05Q\xb9lN\xc3[\x05(\x0bh\r\xf1\xb9\x12\xa8\xc8\x94\xf2o[\x95\xcb\xebH}\x06K\xd0q\xd0\xe8\x93\x9a\xf4\xacS2RM]Q\x0c\x91\x991\xc6Qt\x18\xb3\xfb\x055\xf0V\x1f\xef2\x10\x01\x7f;\xe8:\x8e\x84\xaa\xe3W\x07\x99\x89\x1a\xfaX\x88\x11&lt;\xb2j2\x11\x8dj[CK\xcf2\xdc`\x9c:X\xea\x9e\xaa\x9e_e\xc4\xb4G\x1c\xbast\xad\x8eVh\x950f\xaf\xb3A}\x88u\xc5\x15c\x82\xf9\x11w\x039\x1d\xf1\x88\x9c\x88H\xd7\xd0\xaf\xb3\xc6\xd7\x99\x00l\x83~\xee\x82\xea\xd6ILJ\x95 q\xfa\xabNH\x95\xdcS\x00\xf0\xcf\x15iy\xca\xad\x01\x7f\x00:\xe1\xd9\xcb\xc7\x04;0\xfa\xf5\xed\xad\xc3\xfc\xba:\xe117\x0e\xaed\x1f\xd8D\x1d&gt;\xf9#F\x14Kt\x10%\xb2~T\xe1\x93&gt;\xf6\xe8\xf65\xd9g\x07J\xc5FH\x1cd$\x84m\xbb\x1f\x1d0\xea\xff\x96\xe5\xf2:\xd9Q\xc9\xf0V\x01\x00\xf8XX&lt;mL\xe5p\xa9%D\x9aL\xe1\x0c\x7f~a\x07\xff,\x0c\xef\xdfv\xcd\x1f!\x9dkd\x02\x88\x90\xf5u\xfe\xa4\xa4\x15a\x18\x9b\x08\xf8\xe5X\x91\xd7\x88\x87\xf8\x00\x0e,\x1b\xc7\xf47D\xb0\xc1\xd7\xa0\x00P\xe4\x812b\xdd*\xe7\xe4\x9a\t=\xf5\x0bT\xcb\xa3\x92\x12\x1b/\x12\xd0\x13\xda\x0c\x00x\xa7\'\xdfas\xb5\x0e\xaf\xd3\x08\xf8\x1c\xa6\x1a\xa4h\x0f\\\x8c\x15\x93~x\x9d\xc2\x99Kg\t\xaf\xfc\x1a\x13,\x1au\x01\x88\x0b\xbb]\xf3\x87\xa7\xd2\xb6\xfe\xf3(\x99Qm\x03\x99\xb8\xb4~\xcd\x0cR\xe2\xcb\xb1\xd5S\xf2$$|\xb8\x1d:\xfc\xbf\xbb\xa5ZC\xdf\x86\xe5\xb2\x87\xaf\xb0\x1a\x83\x8e\xa5\x0f\x80_&amp;\xd9\x08\xbe\x7f\xe9\xd8H\x92\xa6\x13%\x11F\x94@\xfb\x96\x8c\x11\xffdC\x9b\xb5\xd4\xa4!\xe7\xe2O#\x01b\x88 \x96M\xfb\xc1z\xb4U#\xb5\x8b\xe1\x926\xc7\xd69*\x10(\xa2f \x07\xae\x99\x96\x8d\xea\xd2\xb6R~Q5\xd7Q8\xbd\xd1\x8c\xd7VbGp\x8b\xa1\x9e`\x81o\x8f\x94+E\t]\x03}\xd8\xf0\xbelTg\xe5\xb7\xfb\x16\x87\xe6\x06[\xdb\xe6pC\xfdb\xaeF\xac\x0eI\x88\xfey|6\xcc[\x13F\xa8\x90=\xa9\xfd\xe9\x9d\x91\x1f:f\x1d\xabVe\xdc*ED\xd2\x0bi\x03S\xd8\x7f\xd0\x81\xc5\xd8\xad\x88\x85E\xe1r\xe0\xc3\xec\xfe-U\xbf\n\xb4\x9es\xc5\xe1\xd4\x1eF\xe88\x00\x889\x95\xbd\xeb\x97f6o\xad\x9f.\xa5(.\x1c\xda\x9e\r\xf1\x8d\xcd9_;W/\xe6@\x07\x80\rP\x15\x01V\xe2\xcfk\xfb\xef\x1d_OD\xf9\x92\xd2\x80&amp;\x15\x99w\xf0\xda\xde\xa5\xff\xb67\xdd)\xa2\x1b\xe0p\x94\xce\x920\x8c\xf4\x19&lt;\x85\x15\x11\xa3\x07\xe0\xb0\xaa+\xff\xbbcCm\x802c\xb6Gm\xbf\\\x91\x846\xcc\x0eT\xf2H\xc1;F\xe3\x129\xc4\xafT]j:\xe2\xe3\x16aU\x0ft\x8fC\xcbFu\xb1\xf9ZJ\\\xdc\xb1\xa0C\xd5\xc2\xca\x99\r\x7f\\e\x03}z\xa2\xb8\xe6\xd6\xff\xe7\x17w\x12\xd1\xfc\xc1m2\x13\xcd\xea\xdbB\xab\xe6\xf0\x13~3\x001\x84OiU\x0e\xbb,\xfd0\x04\xeb7\xc0\xcf0\xa1\x82\x8b (g\xe9\xb0^kl\x98\xda\x97_\xc8\xf1\x0c\xd1a\x03n\x01\x98\xd4\xb5\xc1\x7fvL\x9b\xa1e\xad\xf2\x8cG^IhZ\xcf\xa6\xca\xaf\x8a\xa4\x8a&amp;- \x18T\xa3SF\xb7\xab\xc9?\x8b\xba\xd0\x17\xb7[\x10\xf8\xd5A\xff\xc6\x15\xd6N\xece\xedYu\x8bd\xe1d\x01\xd2\x0b5\xb1K}\x00Z*\xf0"\x89\xc8\x94\xee\x8d\x01\xb8\x9a65V\xb1\x94\xf37\xabG\x1dC\xabx%\xac\re\t*\x9b\x87\x13\x9e\xd7)\x9cY\xdf\xa4)\x11\x07EjHq\xcd\x7f^\xdb\xcf??&lt;\xb5)\xdc\x9b\x13\x1e\xb0\xb8m\xb7\x16b\xf6\xd3\xfd\x13\x1b\xd8\x07\xe0\xb5\x83/\x13\xf6\x18\xd1\xbazD7!\x12A9\x1e\r\t\xaajsm;\xe6\x0e\x95\xd6\xfeD4\xb8ye\xf6!G,J\xab\xb8\xe2Pmj\x84\xf6U\n\xf2\xcf\x83\x9aU\x9a\xde\xab\x99m\xad\x92\xc2\x9d-Z\x84\x9a\x96\xf4\x10\xffT\x1ap\xf2\'\xb3QU\x06\x80U\x1cS\xc0gk/\xa1\x83\xbb\xc7\xd6\xa9\x1e_&gt;:Xy\x10\x7f_\xdf\xad&amp;R\xc6\x89\x06\xc23\x89\xc1^\xf0\x98\xbf\xce\xd5\x8b\xa5U\x8bk6\x0e\xd5P\xceM\xd3\xcd\x84\xae|3\xc6s\xb1\xe3\x12\xff\xc1\xb1hU\xde+2\xfb\xdf"\x16_\x1f\x9daj\xb4\x0c#\xdb\xd6h\xa4\x18\xc1\r\xa2X\xea\x18\xf8\xfa@\xe9g\x92\xa6\x84+\xbb\x16\xf1\xcfUs\xa6\xba\xb0M3kL\xd4\xbd\xc1\xcb\xcb7\x0f\xae\xfc\xe3\xea\x1e\xa9\x0c\xde\xde\xb0\xd80\x00R\xa0\x84U\xe0\x13@2\xf3?\xad\xedT\xa76\xcc\x8c\xa8~\x987\x91\xfa\x8c\xd5\xd8\xd7\x1do~WmU\x12\xa2D\x1a\x92\x18Q\x0c\x8dK\xe4p2}V\xde\x05\xbe\x1c8\xb5a\x86V\r\xd3z5\xc5\xcfg\xc4\xb2\x88\x81\x12\x86E9t\x80?\x7f\xb3\xbf\x92p\xc6\xac\xbeA\xff\x8e\x91T\xc9\xd9k?\n\xdb$/R:K\xa4\xe6[?\xbcbb\x1c\xa2tD\xa3\xda\x06\x8a\x8f&gt;W\x02y\xd9\xc8H\x8f\xa7\xf7j\xaaZ\x0f\x0f(&lt;\xb3i\xb6\xb2\x0b\xf1w\xb0\x91Ov%\xc5H\xe8%\xd4\x860}5\xf6\x9d\xf3\x86\xe9}m\x0c\xec\xba\x9d\x03\x8aIGxc\x0c2W\x84\x7fh\xacE\xfc\xfd\xfb\x01\xb2\xc4/{}\xdf\xb2\xa1AU\x93\x12-\x18\xdcV&lt;\x1e\xa9\xdc\x15\x16\x00\xbc\x0b\xf9\xf0\xe9\xeeP\xf3\x1dn\x82\xd02!\x8f\xb3g\xdd\x92x/\x87\xeb\x8a=/r\x0e\x82\x1f\xef\x1eW\x1e\xb4\xa8Ck\x15\xca\xbb%\xe5\xaar\x1c\xa5\xec3\x05F\x08\xe9\xf2\xa8\xb6V\xe7\x91\xda\x03\xfd\x1d\xe7\xad\xc3\xab\xf5C\xc0\x8d\xf0\xf2\x87\x11\x00x\xc4\xa1\xd4D\x03\x9bV\x92\xba}\xdf\x86eE\xc7\xe0\xb6\xd9\x83\x83\xca\xe6a\x9f\xfb4(c\xd5Ur\x19\xe8Al\xc0\x15w\x0f"Jf\x8a\xdfPM\xcb\xc5\xc9\xaav\x08\x10\xfd\xb4\x07\x97\x8d\x93~{DE\xf5\x84\x8f\xb2,\x80I]\x1b\x88G\x8e\xac\x9cT\xb7H\x16\xf1\'\'!\x02\xfe\n\x97\xe6\x84=\x96\x8f\x0eN\xa1=\xac\xb3\xac\xfa\x1ds\x1d\xb0\x94\x88(8\xc4\x1f\xf0\xee\xd6\x91\xc89\xf3\xfd\x07#p8\xff\xef\x81e\xe3\xde\xdc8\xa4\xfa\x95\xc3#\x9a\xd2\x11-\x1a\xd6\xe1\xc0\xb2q\xaa\xa3\xbc\x16\x1c\x98\xe3MD\xed*\x878$\x80ww\x8e\xae\r\xd3wAkK\x11&gt;/\xe0\xdb\x9b\xea\x8f\x95\xa2\xc2:X\xc6\x87;!\xb4\xe6aGJ\x1c\x95\x9c!v\x80\x93\xa4\x87\xe9\x83\x9f\xd9\xa7y\xd8U&gt;\xb6c\xed\x9e\xb6\x06TX\x8be\xa3\xbaD\xac\x10\x82\xab\xb9\xeb\xd33\x1e\xc5 Z?\xc5:9\n\xe3\x98\xda\xa3\xb1\xfd&lt;\xa0Z\xf0\xcb\x18\x8f\x19\xd8\xaa{\xe9\xc8\x13\x84\x07\xd8r\xd0\xb6\xd9\xb4t\x96D\x06\xb9\x1a\xa7\xd9D\xa9-\xfaZ\xd2\x11y\xa7\x8b\xa5\xafW\xc1\xe0L\x14\x97H+\x8dC\xe7\x12Z\xb4\x19\x91\x0bl\xb4r\n\x9b\xca\xbd\xd3\xc5"ci&amp;Q\x1a\x1e\x0epy\x84\xc2\x88\xc1\xc8H\xa4\x84\xb5\xdcT\xf6\xef\xd9\x0b\xa5 R\xa3;\x9e?\xa8M\x14\xed\x03\x1d\xaa\x166\x98\x84\x9c;\xa1\xde\xc4\x1f\x8b\xa8t\x96\x8468Z]L\x1f\xb2Ew\x00\x8f\xb4=\x000o`k\xfd2\x12\xd1\xc6\xf5\xfd\xcb\xad2`\x02\xc0\x97\x07\x06\x0b\x1b\xf4\xbe\xf2\x04\xe6\xee\xb5|\xadiK(\x16\x0ci\xe7\x1e\x87&gt;\xdd;\x01`\xff\x92\xb1\x7f^\xdb\xa7,\x135\xc6z}\xa8\xf2\x15\xc7$*\x97\xcd\xea\x8db\xd4\t\x7f\xd5\x83\x11\xe1_\xf6\xceW5W\x07\xf4\xcbd\xfb\x0e\xdf\x9e$\xcf"\xa9\xece/\xedU\xaf\x94=\xa7\xfbf\x88{h\xc5\x04\xe5\xf1\x98D\xc0[{j\x0eO8\xd9t\x96g&lt;\xd2\x113\xe9R\xa3\xb8\xe8\xe7\xf0\x88C\xf5\x8aZ-\xe0h\xb1W\x1dX6\xce\xda:\x1d\x8bD\xa6e\x84\r\xfe\xfeZ\x053\xe1\xe3]\xe3\xe5\xc7u\xac\xc3?\xbf\xbf}\xd4\xfa\x0b\x1a\x9aP\xdd\xe3\xd0\xcf\xe7\x17JeN\x80_\xcf\xb4\x1c\x1b\x00$\xf7/C\x94\xb7|\xf8\xe7N\xfd\xfa\xb7\xbd6\xe8gE\xf2\xf9\xb0\xbaW\xba\xc7g\xb6H\x07o\x1eZ%\x1d1H&gt;\xd5\xbd\xb6\x8d+\x0b\x87`j\xcf&amp;\xeeV\xee?2\x1bs*28*\x89\xfa\xd3\xbd\x13Z_EQ\xf5\x18k\'\xf9\xda\x85\\\xf8gq\xe4Q\xdd7\x0ck\xe9\xafu\xe7m\x10Yc\xdb/\x96a\xf0\xe4\\XI\x89\x11Q\xf7\xda\xbe\xfe\xb9R\xf3\x98\xf2\xf0\xc1\xca\xb1\xdd\xc4?\xadR\x8chU\xde+H\x97\xb2\xb7Z\x9e4\xbf^\\\xd4\xaf$\xa9b\t\xc8P\xc8\xa6\xb0\xb7\x88\x87\xd4le"k\x8d|\xe9\xc3\xc1\xbf\xc1s##J\xa0Y\xeaXZ\x90\xf4\x9elF\xa9\xcc\t\x89\xe8\xc5\xa5\x9d\x0e\xa9M5\xa2\xce\xc5\xfaz,\xf6a\xd5\x9e M0\xdc%\xa8\xbaC9\xb9^3\xbc8J@\xb2Et\xf4\xd7\x8c\xa0\xadY #\xf0\x9c\x04\xb1x"\x9a!8uD\xee\x00|{\xc8&gt;\xd8\xe6\xa9]&gt;:\xb8\xa4\x1d;Q{\xa058$7\x89c\xeb\xa3U\xf9\xbcD\xd4\xa1ja\xdb.\xad\xf3\x9b\xcb\xa8\xa5[\xf7\xaaWZK\xb9\x96\x88\xe2\x13=&lt;\xbdY\xeb[\xbe\xf6\x8aNT\xd65\xb1\x0e\x9b}T\x85R\xb6"&gt;\xd1\x90\x16U\xf5\x15\x82\xe6\x9a\xdb\ny\xf4[\xd8\xc1\xe1\xf4XD\xf4\xe0\xe4F#\xc5\xbe=:\x13\x06\x17\x8f\xec\xc0\xab+Dtr\xfdt\xd5\xb7}\xf7\xc2\x91\xe2\xba\xbeY)\xcf\x80\xbciI#\xd3\xb2H\xe4\x88\x97\x1e\xd8\xac\x92\xc52\xaa\x16m\x1bl\xa4\x13\x83\xebk}\xc5\x87\x10~ck\xe4K\xbfj\\w}\xb7\xaaR\x9b/\x05\xd1\xf1\xb5S\xc3B\xe8[\x1f\x11K|\xa2cX\xc3\xa7\xbb\x8e]\xb6&amp;U\xd8\xba[\x94\xc9\xe5\xc0\xfa#\x05ToY\xff\xc6\xe5\xf5\xcd\x0eQ#\xfeI\x01i\xed`\xf0Wt\xae^\xccr!c\xc8\x93\x88\n\xa5 \x9d\xccO}\xd8#\xd0\x19\x9f(\x9</t>
        </is>
      </c>
      <c r="E254" t="inlineStr">
        <is>
          <t>&lt;class 'numpy.ndarray'&gt;</t>
        </is>
      </c>
    </row>
    <row r="255">
      <c r="A255" s="1" t="n">
        <v>253</v>
      </c>
      <c r="B255" t="inlineStr">
        <is>
          <t>steps_per_sec</t>
        </is>
      </c>
      <c r="C255" t="n">
        <v>3700</v>
      </c>
      <c r="D255" t="inlineStr">
        <is>
          <t>3.3434095</t>
        </is>
      </c>
      <c r="E255" t="inlineStr">
        <is>
          <t>&lt;class 'numpy.ndarray'&gt;</t>
        </is>
      </c>
    </row>
    <row r="256">
      <c r="A256" s="1" t="n">
        <v>254</v>
      </c>
      <c r="B256" t="inlineStr">
        <is>
          <t>Loss/object_center</t>
        </is>
      </c>
      <c r="C256" t="n">
        <v>3700</v>
      </c>
      <c r="D256" t="inlineStr">
        <is>
          <t>0.12798646</t>
        </is>
      </c>
      <c r="E256" t="inlineStr">
        <is>
          <t>&lt;class 'numpy.ndarray'&gt;</t>
        </is>
      </c>
    </row>
    <row r="257">
      <c r="A257" s="1" t="n">
        <v>255</v>
      </c>
      <c r="B257" t="inlineStr">
        <is>
          <t>Loss/box/scale</t>
        </is>
      </c>
      <c r="C257" t="n">
        <v>3700</v>
      </c>
      <c r="D257" t="inlineStr">
        <is>
          <t>0.05683563</t>
        </is>
      </c>
      <c r="E257" t="inlineStr">
        <is>
          <t>&lt;class 'numpy.ndarray'&gt;</t>
        </is>
      </c>
    </row>
    <row r="258">
      <c r="A258" s="1" t="n">
        <v>256</v>
      </c>
      <c r="B258" t="inlineStr">
        <is>
          <t>Loss/box/offset</t>
        </is>
      </c>
      <c r="C258" t="n">
        <v>3700</v>
      </c>
      <c r="D258" t="inlineStr">
        <is>
          <t>0.13118452</t>
        </is>
      </c>
      <c r="E258" t="inlineStr">
        <is>
          <t>&lt;class 'numpy.ndarray'&gt;</t>
        </is>
      </c>
    </row>
    <row r="259">
      <c r="A259" s="1" t="n">
        <v>257</v>
      </c>
      <c r="B259" t="inlineStr">
        <is>
          <t>Loss/total_loss</t>
        </is>
      </c>
      <c r="C259" t="n">
        <v>3700</v>
      </c>
      <c r="D259" t="inlineStr">
        <is>
          <t>0.3160066</t>
        </is>
      </c>
      <c r="E259" t="inlineStr">
        <is>
          <t>&lt;class 'numpy.ndarray'&gt;</t>
        </is>
      </c>
    </row>
    <row r="260">
      <c r="A260" s="1" t="n">
        <v>258</v>
      </c>
      <c r="B260" t="inlineStr">
        <is>
          <t>learning_rate</t>
        </is>
      </c>
      <c r="C260" t="n">
        <v>3700</v>
      </c>
      <c r="D260" t="inlineStr">
        <is>
          <t>0.001</t>
        </is>
      </c>
      <c r="E260" t="inlineStr">
        <is>
          <t>&lt;class 'numpy.ndarray'&gt;</t>
        </is>
      </c>
    </row>
    <row r="261">
      <c r="A261" s="1" t="n">
        <v>259</v>
      </c>
      <c r="B261" t="inlineStr">
        <is>
          <t>train_input_images</t>
        </is>
      </c>
      <c r="C261" t="n">
        <v>3700</v>
      </c>
      <c r="D261" t="inlineStr">
        <is>
          <t>[b'512' b'512'
 b'\x89PNG\r\n\x1a\n\x00\x00\x00\rIHDR\x00\x00\x02\x00\x00\x00\x02\x00\x08\x02\x00\x00\x00{\x1aC\xad\x00\x00 \x00IDATx\x9c\xec\x9du\x9c\xd4F\x1b\xc7\x1f\xdc\xe1p\x87\x03\x0ewwwww=\xdc\xdd\xdd\xdd\xdd\xdd\xdd]\x8b\xbb\xb5o\x81\xa2\xc5\xa1-\xa5By\xde?\xe6vnv2\x99L\xb2\xd9\x13\xc8\xf7\x8f\xfb\xece\x93\xc9\xecn2\x99y\xe4\xf7\x00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xd8\xc4\xa4.\xf5\x83\xbb\x0b\x0e\x0e\xf0\xf9\xe19D\x04\x80\xd3\x1bgf\x89*\xd8!\xa5\xeb\x05"\xb6*\x9d\x05\x11\x17\x0e\xf5\xf7\x0b\x03\xf3\x07\xb7\xa5\xfb|\xb8w\x9c4\xa2%CD\xd0\xbeU&lt;E\x14\xf2"_|\xb7\xed\xd7\xf7-\x03\x80\x88\xa2vh#\xadJg%/\xc6u\xac=\xb6}Mv\x9f\x9a9\x93""\xdd\xb3q\x91t\x1b\xa7\xf6c\x0f\xcf\x10\x01\x8a\xa7\x88L\xfem]&amp;\x1b\xdb8\xe2Wa\xff\xb3\xc7\x80%\xc3;\xb0\xcd\x92\xfdk\xe7N^#G\x12\xb6c\xc2\x0e_\xdf\xb7\xec\xf9\xe5=%RF\xa9\x9b7\xe5\xcey\xc3\xfb5,M\x9a*\x90 \x8c\xf0(S\x14K\x1e)\x7f|xxn\x9b\xf0]\xf2\xcds=\x172\xa2uU\xcf;\xe3`\x8e\xccQ\xa0_\xc3R\xda\xed\xd9c\x04}_\xdc8\xbcbb\x9fz%\x82\xf8\xa4\xbb\x17\x8c\x0c\xe23~\xf3\x88\x06s;)\xeb\x17\x8b\xfdW2\x0e"\xfe\xde\xa1R\x1enc\xefz\xc5\x8f\xaf\x99\xba`p[\x00(\x900\x0c\x00 \xbe(\x948\x1c\xdd\'\x16\xc0\xb15S\xd8C\xfc+\xe4\x02\x80\x1e\xb5\x8a\x00\xc0\xe8v5\x9e]\xda]3gR\x00\xb8{t-\x00\x94O\x17[{\xf6\x15c\xbaFa\xba\x17\x0e\xe0\xcd\xad\xc3\xda\xde\xe6\x8c\x05\x00\x90\xcb\x07\xcem\x993\xbb\x7fK\xba\xfd\xe4\xfa\xe9\x0f\xcel\xa1\xffn\x9f3\x84=\xea\xd6\xc1\x95\x82\xcf\xfb\xebU\x9d/!\xe0\x8c\xe9\x02?"L\xe8\\wl\xfbZC\x9aWlQ"\x13\xddX5K\x02m\x0bZ\xf2\xc7\x0f\xe8\xb9d\x88\xefZ\xbd\x00"\xce\x1b\xd8Z\xa5A\x07\x07\x00\x00DL\x1a\xdc}p\x08i\x90\xa1VK\xd6h\x00\x00\x91\x99\x95\x04G\xe1\xc4\xe1\x01\xe0\xec\xe6\xd9\xf2\xf6\xd7N\xea\x05\xfaO\x11\x00H\x0e0\xaam\xb5\xfc\xf1\xe1\xe6\xc1\x95\xec\x9e\x87WL$syn\x86\x8e\x1f\xee\x02\x00\xe2\x7f\x000oP\x1b\xb6\xa9\xa8\x00\xe9#\xb85^*Ut\xf6_\xfa$\xc1w\xb7?\xdc;\x0e\x00\x83\x9a\x96\xeb\\5?\x19j_^? \xf9 \xad\xcbd\x95}N\x11S\xba7d\xff\xad\x9d+\xb9\xcaQ\xed\xca\xe5\xa8\x929\x01\xe2\xdfy\xe2\xc8v#_\xcb\x18\xf7\xa5\x92C(\xe6\xcb\xb3\xcb^\x9d/\xef_2\xc6{\x8d\x07\x01z\x83\xc8\xb8\x8e\xb5g\xf7k\x114}\xa8\x9b7\xa5\xf1Nj\xf4oT\x86\xdbR,y$\xbb\x1a\x97\x10]\xfanx\xcd\x16[&gt;2\xf7\xdb%e6\xbe\xb8\xba\x97l\xfc\xfc\xe8\\\xdbr9^\xdf&lt;D\x0f!\xac\x1e\xdf\x03\xf1\xdd\x97g\x97\x01 \x91\xc6\xb8\x04\x00\xa3\xfdk\xd0\xd7\xe1\xf87UiW&gt;\'\xb7ez\xaf&amp;V\x1b3M\xa9T\xd1\xff{~\xd9\xc3F\x10qh\x8bJ\x88\x7f\xd8\xd2%\x87` Upw $ch\xf1T!\xbdv\x84\x0bU\x08\x8d\x08\xf2\xcb\xa6]\xb9\x1c\x1e\x9e\xb4\xa4oT0\xfa\xfe\x97\x8f\xee\xb2h\xa8?\x00\xe4\x8f\x0fs\x07\xb4\x927\x98=\x06\x10\xb3\x0f"\x96N\x1d\x83Z\xcd\xf1\xed\xed\xf5S\xfa4/\x91\xb1A\x81\xd4\x88_\xe9\x19S\xb8\xce\xde\xaf\x81\xc0\xb8j\x8a\xf7w\x8f\x85\xd5l\x1c\xd9\xa6\x1a\xb7\xa5g\xed\xa2\x1e\x9eH\x82\xd6\x18\xdc\xb5z\x01\xf9!\xf4\xab\x90\xfc\n\x1f\xee\x1d\xf3\xa8[\xdf&lt;]\xaa\xe5\x0f\xee.|\xcb\xd4\xcf\xef\xdd\xe7\x97|E\x1c\x04\x0c\xd0\xcc\xd9Y8\xe3C\x90\xd1\xa6l\xf6}\x8bGKv \xdeQ{)\xeb\x17\x93\xbe\xce\x11\x13\x00\xa0I\xd1\xf4\x153\xc4\x01\xb5\x15C\xd1d\x11\x01\x88\x0f\xf6\x1f\xba\xb1a\xc14\xec&gt;\xab\xc6u\xd7\x1e\xc8\x0e\x7f\x86\xdf7\xd9\xb9P\xe2p+\xc7vc\xb7\xefY8\x8a\xfd\x97,Gv\xcc\x19\xca\xb5\xdf\xb2T\x16\xa33\x04\x0fM\x8a\xa4\x13n\xcf\x17\x1f\xe2\x06qW\x1c$\xa4\x0e\xee\x0e88x\t\xba\x8eZ2\xa2\xa3\x9e\x17A\x91\xdc\x02\x17\xaf.\x88\xc8&gt;{8j\xe5L\x1aMt\xc8\x95\xdd\x8b\xbb\xd6(\x18\xb8\xe5\xe55\xed\xb1\x13:\xd7%/\x0e\xaf\x9c\xa8\xde\x1f\xb9=\x8d\x90\x08@\xdb+\xc2\xadC\xab\xf4\x8e\xeaT5\x9f\xde[\x88\xd8\xa4hz\x853;8|\xdf\x14J\xa4]\xee;\x04\'\x1b\xa6\xf4e\xff\xa5\x8b:\x1bb\'\x19\x07\xc0\xb0\x96\x95k\xe7N\x9e\xce\xf5\x98\xd2\xda\xf7%O\x11\xbb\x18\xd7\xb16\xfb\xef\x87\xfb\xc7\xb5\xfb\xbc\xbc\xbe_\xefp\xe1S\x8a\x10\x16\xe0\x97\xf3;\xac\xf7\xec\xbb\xe5\xd4\xfa\x19\xc1\xdd\x05s\\\xd8\xb1 \xb8\xbb\x10\xbaI\x1c\xdc\x1d\xb0\x0ba \x7f\xf0r`\xd9\xb8\xe0\xee\x02\x0f"\x9aYN\x88Y:\xb2#"\xd2H\xd8K;\x17Zk\'\xab\xfb\xb4\x1f\xf17\xf6\xdf\xf9\x83\xda\xe0\xfb;\xd6ZFD|s\xd3\xda\xb1\x0e\xa1\x89\xe0\xce\x1c\x08\xf5l\x9d9(\xb8\xbb\x10\xa4p\x012\xb6E,\x85*\xcc&gt;+\x9b3\xa1\xfa\x86\xf4oT\xfa\xf2\xaeE&amp;\xcf \xe0\xfa\xfe\xe5\x12\x9f\xd9\xa6i\xfd\xf5\xdeZ=\xa1\xc7\xdeE\xa3\x9ch\x11\x87o\x01\xfb\xbd\x93!\t[\x92BM!t\x93\xfftr\xa37\xce\x15,\xbf]\xb0/\x84\x101\x8d\xf1^\xb6\x9c\xe8\x15ya!l\r\xf1_{;\xe3\xe0\x10Dh\xa3\xdc\xb4\x06\\\xcb\x04S\x9cN0cK\xf8\xac-\x14K\x1e)(2\x1dLb\xca\xbcf\xf8erN\x0e\x13-\xff\xf7\x94\xfd\xf7\xe7\xd3\x9b\xad\xb5\x13\xd8`\x88\xf9\xdd\x1d\xbeS\x82;n\xf3\xbb \x91\xf4\xdd\x9c\xb1`\xe9\xc8NA\xd4\x15\xef\xe0+\xda\xb8uV\xf0\x18\xf7\xbc=\xaa\xda\xe8\xecyw\xe7\x88mm988\xa8\xe3\r\x13m\x15\x1d%\x99\xe02\xf4kc?\x11\xdfx\xe3D\x12\x83x\x90aj\xdc\x1f\xdd\xae\xba\xe5\x13\xd9\x95\xa7\xe8cS;\x0e\x0e\x16If\xfe\x90\xb4N\xd0\xa6\xdd\xcc\xee\xd7\xd2x\'Kxc.\xdc\xbdVa\xcdY^\x05\x99)c\xff\x92\xb1As"OP\xcc\xba\xa8\x96-\xd1\xf0V\x95\xbd\xdd\x19\x07\x07\x07\x07/\xe2\xbd\xd1\x9f\x88\x8f\xda\xc2\x87{\xc7\x82 \xb1\xc0\x90\xef3\xe8\xcb\xc14*\xe9\x8b\xc1\x8e$HNIS\xd1\xe1\x9b hBn&lt;\xa4\x84\xab\n\x82\xe7\xb4+\x9fC\xbbq\xef\xa2Q\xda\x8d\x0e\xdf\x17\xddj\x16\n\xee.\x04\x1d\xe3:\xd4\n\xee.88\xb8\x91W_gGI\xe6\xdf\x03F\xb4\xae\x8a_\x9fy\xf9$\x0e!\x9b\x8c\xc2rJ\xdf(}\x1b\x94\x0c\xee.x\x8a\x13\x84\xe7\xe0!l]\x1e\xbdbjk&amp;\xf4\x0c\xa2\xde8\x04#z\xfa\x7f\xdf6\xf1\x82\xbb\x03\xd6\x08Q\xb2\r\x8ft\xca\nz\x8e\xaf\x97\xda\xfd\xb6\xf0^\\\xc3_\x8f~\x00\x80\xb4\x96\x0b 88\xc8\xe9\xdf\xa8tpw\xc1\xc1fr\xf9\xd8\xd3N\xe1$!\xae\xae\x82\x9e\xe2f\xa8&amp;GL\x10\x06\xf3\xa4\x00X7\xa9\xf7\xa1\xe5\xe3\x9d\x85\xa6\xc3\xb7\t~y\xe2\xedSd\xf5\xda\x98\x91\xd96\xa7\xa0\x83\x83\x98\x02\t\xc3 "\xfe\xf50\xb8;\xe2\xe0\xe0`\x06[LD9c\x19\xef\x03\x00%}\xa3v\xad^\xd0x?\x87\xd0F\xe5L\xf1\x9c\xe9\xbf\x83\r\xb4)\x9b-\xb8\xbb`\x03!\xb3D\xc6\xd3\x8b\xbb6\xcf\x18\x10\x8c\x1d\xc8\x13\xc7qG\x87b\x9c\xdf\xce!D\xe3Q-([y~y\x8f\x87-x\xe3f\xd3\xb6\x99\xf8[7\x10\xed]$\xabO\xe9`\x01D\xbcy`\x85\xf0\xad\xf6\x15s?\xb9\xb03\x88\xfb\xe3\xe0\x10\x14 "\xe2\x17\xc9\x0e\x9e(\x12W\xcb\x9a\xd0\x83\xa3\x1d\x004\xe5\x07\x08!a\xd2:\xabos\x0bG\x95\xf4\rp\n5/\x9e\xd1\xd6\xeex\x91\x85C\xfd\x83\xbb\x0b\x0eAB\xcd\x1cI \xc4\x08\xe8\x07A\x01t\xbd\x19}\xf7\x9anr13\xfb4\xe3v\xe0*\x80\x03@\xdbr9\xec\xeb\x97\t\x9e\\\xdc\x15,\xe7\rzN\xac\x9bF\xc7\xfd\x90\xf0\x00\xa8\x90\xe1\xdb\x14\xa2\xd5j%9\x04\'\x1d*\xe5\t\xee.\x04\x03\xd3{5\xb1\xb7Aal\xe2\xc86\xd5\x0c\x0f\x14F\xc8\ro]E\xbbQ8*\xdd;\xb6\xce\xf0\x14\x0e\x8a\xe4\x08~-\x9c \xa2e\xa9,\xdeh6\xa8\x8b\x0798|?\xa4\x06h]&amp;\xc0\xd7\x9dMM\x0b\xa9RF\xfd\xdc\x7f\x05B\x912\x97\xa4`\x80o\x10v#\xc4\xd2\xb9j\xfe\xe0\xee\x82\xc3\xf7\xcd\xb4\x9e\x8d=l\xa1X2\x8b\xb5\x98\xf0\xf3\x03\x0fO\x1dz\xf1\xa4\xa6\xfc\xc0&amp;em\xeb\x87\x97\xd9&lt;}@-5\x91a\x07E2y`\xab\xcd\x11\x13~\xbd\xba\xcf\xbe\xbe88x\x8c_\x18\x18\x1b\n\x05\xda:V\xce\xab\xb2[\xcb\x92\x99\xbd\xdd\x93\x10\x8e\x8du7\x1d\xc0\xa8L\x9b\x9c\xb5\x13{-\x19\xd1A\xf8\xd6\x87{\xc7A\xb9\xd2\x06\xe2G\x0fz\xe1\xf0=a\xa3\x9e\xadY\xc2\xd8$\xa6\x184\xc2A\xa76\xcc\xe4\xb6\xf8W\xc8\x15$g\xf6.S{4\x06\x80^u\x8b\x05wG\x82\x9a~\rez\'\x88\x88\x7f\xfcT(1/\xb8c\x18\xeazl\xcd\x14O{f\x95$\xc1ub\x07\x87`$\x08\x02\x93\x1c\xbe+\xe6\x0eh\xa5\xb8\xe7\xe4n\r\xbc\xda\x13\x87\xd0\x817\x02\xe0*e\n\xa5\x9a\x98\x0e\xdf\x0e\xdf\xa4\xce\x9a]\xe0\xe7\x07\xc2\x8c\x92V\xa5\xbd\x12,\xe4\xe0\x11j\x02*\xd6\xb1\xdd\x96\x1a\x12\xa2\xaa\x1d\xbey\xca\xa4\x89\xf1\xf6\xf6\x11\xf9&gt;\r\x0b\x86\x94\xf2\\\xcebOBt\x80\x82\x89\x9c\xe2\xdaj\x1c[=\xa5@\x02;\x03p;UQ\xf2:\xda\x82\x85\xaa\xeb\x0e\x9e#\xa9U\x19r\x18\xd9\xa6*}\xed\x03\xf0-%=/\x1b\xd59\xb8\xbb\xe0u\xf2\ts\xac\xd5 S\xc6Pp\x8d~WL\xeaZ?\xb8\xbb\x10\x0c \xbe\r\xee.8|kx\xb8&amp;\x0e\x15\x95\xf5\xf2\xbb\xe2"$U\x17\x10Q\xef\xab\x18\xdb&gt;\xf4\x05\xec}\x0b\x0cjZ\x8e\xbe\xbe\xbe\x7fy\xf0u\xc4!4Q/\x9fopwA\x97o\xcf\x01E\xe7\xd6[f\x0c\x0c\xce~X\xe2\xdc\x96\xb9\xf45\xbe\xbf#|\x00\xe0o?:vcc\xbc\xf7\x1d\tM\xa5\xb6\x9c\xee\xe4\xfa\xe9\x9e7b\nO2\xa1\x1c\x1c\x1c&lt;\x843O#b\xa7*\xf9\xe8\xbf\x8b\x87\xb5\xcf\xf7\xed=\xa2\x83\x00\xff\n9\x9d\x87\xa4\xc3\xf7\x83\'\x89\xa9\xa1\x11gTt0\xc0C\xa5\x179\x05\x13\n\xbc\xf0\xf8\xe9\x7f\xde;\xa3)\xf6/\x1d\xeby#D\x9d4\xf4bK\xf6Y\xd0`v\xb2\xc2\x9a"\x1d\x0ciV,\x03}}`\xe9\xb8`\xec\x89\xc3\xb7\x0c\xfez\xd5\xf4!\x7f\xfe&lt;\xb1s=\xdb{\xc2Z\x12\x1d\xbe=\xd6N\xec\xf5M\x86\x01z\xa2\xafP&gt;\x9d\x0f8&amp;M\x07\x07\x96b\xc9U\x15\xe2\x10\xb1ZV\xfe\x06\xc4/O\xed\xeeQ\xa8!\xed\xb75\xc4jsY\xfd&lt;\x8e\x8e\x16\xaa|{\xc2\x01\x8fW\xae\xd3{5i^"\x93-\x9d\t2|\x82\xbb\x03\x0e\x1eQ:\xb5\x9a\xfa\xb0U|\x00\x00`\xde\xa06^=\x0b\x00\xd4\x08\xe56\x1f\x07\t\x8eK,\xe4\xd3\xc2\xe8\xd1\x85\xf8g\xd0\xf4\xe4\xdb\xc1\xb9\xee\xad\xa1W\t\xc7\x8b~\x15\xfb`\x93\xa4\xbey\x14\x7f\x91\xb5\x13{\xa5\xe5\x15\xcfB4GVM\n\xee.\x84,\x8a%\x8b\xe4\x8cf\x0eAD\xed\xdc\xc9\xf5\xde\xaa\x92%\x14\xb9WM\xe0\x882\x05/\xf9\x13\xc0rK9\xc0\x97w/\x9e\xd1\xbb\xa9\xed\xfd\ti,\x1e\xd6&gt;\xb8\xbb\x10\xaa\xd8\xb7x\x8c\xe1&gt;Om\xaa\xe9:\xbb_\x8b\xef\xa7`^\xc8A\x92E\xe9\x10\xea\xe8V\xb3Ppw!\xd8\xc8\xaa\xaf\xc6\xe7\xcc\xfa-b\xbb\x87*Xh]:kP\x9en\xff\x12\x1b\xe2G\x83\x86\xdb\x87W\xf7\xaac\xa7\xba=\x9b\x80\xe3\x10\xbc(\x96\xb7\xab\x9b7%\xe2?^\xeaC\x08Q\xe2\xda5\x7fDpw\xc1A\xca\x90\xe6\x15\x83\xbb\x0b6p~\xdb\xfc\xe0\xee\x829|\x83\xbb\x03\xdf9A9W@|\xa9\xddX%\xb3\x07\x82j\x0e\x0e\x0e,\x8a\x85\xd4\x1dB;\xa1QI\xd8\xde\xa5^\xa8\xc3Y\x9bZ!\x7f|\x00\xc7L\xac\x8ccj\xfc\xaexxvkpw!\x90\xe0\r+\x08U\xb1Q\x0e&amp;\xe9]\xb7xpw!\x94\x11*\x9e\x04\xd5\xb2~K\x02\xf8!\x94\xa4\xc1\xdd\x81 c`\x93\xb2\xc1\xdd\x05\x07\x07\x07\x07#l\xacm\x94\xd7LNG\xfb\x8a\xb9\r\xf7)\x9a\xcc\xa2\x12\x7f\x8e\x18\xd6\x8e\xb3\x87/O/\x05\xf1\x19g\xf7k!\xd6y~u#\x88{\xf2-s|\xcdTO&amp;\xb3\xf6\xd6\x11\x0b\xc9\\\xde\xbd8\xb8\xbb\xe0\x10\xa4\xbc\xb9u\xd8p\x1f\xf9\xbd\xa3w\xcd\xb4,\x95ex\xab*\x16\xbb\xe5\x19q\x82\xe5\xac6\x11\x19 up\xf7\xe1[#\x1e\xc0\x84\xceu\x85oIj\x9f&gt;&gt;\xbf\xc3k=\xb2\x8e\x8f7\x1b\x0f\x156\x1f\x07\x15\xc8\xa4~V\xdf\xe6\xf8\xf9\x81d7\xbd\xfb\xc2CR\x02,\x1a\xea\x1f\\\xe6\xfc\x10\x12\xb5i#\x13\xbb\x08d"\xf1\xd5\rv\xf8\xd2\xcf\x1fp\xd0![tH\x19\xdc}\x089\xfc\xfe\xd3\xa9\xe0\xee\x82\xc3\xb7\x83S\xcc\xddFf\xf6i&amp;\xdc&gt;\xb0I\xa0\x18\xb83{s\xb0N\x1e\xd7\xb2\xd9\x13\x19\xde\xa0g\xe1P\xff\xe0\xee\x82\x83\x83W\xf86UV\x82\x0c\xa2_S"e\x94`\xee\x87\x83C\xb02\xc6\xbf\xc6\xb7T"\xcc\xd4&lt;\xd7\x94U$M\x18(\x94(\x04\x05\x82\xc6\x01xw\xe7H2\x80\n\xe9cso\x8d\xebX;X\xba\x14\x8c\x98\xceXy\x02\x00\x00\xc7\x7f\xf9lW\x0f:T2\x0e~\x08Q\x8cj[-\xb8\xbb\x10\xfa\xd0\x93&gt;\r\xbd\xfc\xf1\xc7\xa7\xbf\x82\xbb\x0f6\x12&amp;\x8cqD\xc6\xb5\xbd\xcb\xc8\xdd\xfa\xc9L\xcb\x1f\x11\xce\xfe\xfa\x9f\xd5~\xd9O\x04\x80=;v\x96)\x99\xb9D\xe9R\xec\xf6\xfe\x8dJ\x7f\xf9\xf2%\xb8z\xe5\x10R\xd0N\x85z\xd6)\x1a,=q\xf8\xc6xpf\x8bvcn~\x1a\xea\x11)\x01\xd2;^\x02\x1dB\xd02\xe4;!\xbd\x93%\xfc\x1d\xb0fBO\xc3}\xee\x1c^\x1d\x04=\t\x8d\x94H\x195\xb8\xbb\x10raK\r{\x8e\xa2\x1f\xce\xb1n[\xa4a!?\xb3\x87\xbc\xbf{\xcc\x1b=q\x08\x02\x88\x98\xe4\xe8v\xd5\xd5\x0fq\xf4\xbc\xe5\x98J\x1c\xfb\xce\xb1Q\x1c\xbeHR~\xd1\xf4-ywlFR\x9d\xf1\xf0\x8a\tA\xd9\x93\xa0\xc4I!\xd1c\xcf\xc2\x91\x86\xfb&lt;\xbb\xbc\x87\xbc\xe8Z\xa3 \xf7\xd6\xfa\xc9}\xb8-\xce:=4\x92\xd1b\x86\xb2\x9d\xd8x\xe5\xac\x1a\xd7\xcd\xbe\xc6\x1cDL\xeb\xd98\xb8\xbb\x10\x14L\xe9\xd60\xb8\xbb\x10\xcc\xec\x9a?\x1c?\xde\xd7{\xf7\xa7\x93\x1b\xe5\x87s.\x99\x91m\x1c\x0f| 9c)\xedV$\x89=n\x81\xf2\xe9|li\xc7\x14\xa5R\x05\xc6\x1c9\xde\x8d\xd0\xc1\xc6i\xfd\xbb\xd6(\xd8J\xbf\xd0\xca\x9b[\x87\xbc\xa7\x02Q\xd6\xef\xbb\xb64\xb4-\x9b=\xe8O\xda\xafai\xbd\xb7\xda\x95\xcb!9\x10\x11%\x1a8\x88\xc8=\x00\xbe\xbd\xac\x1c\xa5\xb2,\xee4/\x9e\xd1\xfe~0\x84\xf7\xc0\x06\xd2\xa5z\x01;\xbb\xa2\x80a\x9dw\x87\x10\x87\xdem\xbcz|\x8f \xee\xc9\xb7\xc7\xb7\x94\x83\xcd=\x00\xb4\xcf\x83\x10\x05\xbe\xbei\xf9X\xb3\x16m\x1f\xcbgrppp\x08\x15p\x0f\xb3f\xc52\x84\xe4\x07@\xa8#\xbc\xad\xd2\xa7\xdech\x0b\xd5\x82\x80\x87WLT\xd9\xadPb\xc7\xd3\x14\x82\xf1\xc6EY1C\xa8\x962\x94\x11\xd2\xc6\xc4\x7f\x1e_\xf0R\xcb\xeb&amp;\xf5\x0e\xc6\x0f\xeb\x1b\\\'\x0e\x19\x84\x16-\x93\xa9\xdd\x1b)\xeeY A\x88\xbbw\xbe)\xfc\xc2X\xbcgNm\x98aoOB5Y\xcc\x87\x89\xfb\xd8\xdf\x0b\x13xCk\x85\x14\x1dR\xf4y\x06\x19N\xc1\xdc\x90Fn\xe5i\x1e\xe2;DL\xee\xcd\xce8X|\xc0\xd6\xcc\x91\xc4\xf6\x9e\x84^,W\xf2\xb01P\xda\xc1\xe1\x1b#1\x00\x00\x94\xd3\x8fk\na\x93\x8dP\x8bJ\x90\xc3\xeb\x9b\x87\xbc\xde\x0f\x17\x953\x07\xe9\xbc-\xb1h\xe3\xbe\xc5c\x82\xb2\x0fAC\xe5L\xf1\x14\xf7\xac\x9f?\x95W{\x12*H\xabc\x85\xe6\xe6&gt;\xf2\xac\xd4\xe9\xbd\x9a\xb4\xd6\x8f\xb5s\x90\xe3\x04\x95z\x9d\x90\x16\xb6\xd1\xb6l\xf6\x10\xd5\x9fo\x86\x1a\xa2E\x9b^(\xe1\xa0\xa6\xe5\xbd\xda\x19\xca\xe0f\x15\x82\xe6D\x0e\xde \x19\x80\x0f\xc0\xf9m\xf3\x82\xbb#\x0e^#\x8f7s\xdf\xbf\x01U\xac!\xcd\x9d!\xcc:?l\x9d\x1b\xdc]p\xb0\x19\xee\xa6\xb6f\xa8\xc9\xe5\x03{\x16\x8eR\xdcy\xed\xc4^\x96N\xe2\xa0\x0c"\x86R\x01\xa6\x84\xee\xff\n\r&gt;\x0e!\x96X\x00\x8e\xfa\xcew\xc8\x85\xed\xf3\x111\xabZx\xc5\xb7m30]\x0f\x00\xbf&gt;\xf3\xf0\x94y5\xb6\xe20a\xc2\x98-/\xe0_!\xa7\x87\xdd\xb0\x85\x97\xee\xff\xbe\x08\x9e^\x848B\xcb=\xb3y\xf9\x84\xb7\xc1\xdd\x87P\x81\x85t\xe5\x90\xcc\x85\x1f\xce\x03\xc0\xcd?\x8d\xf7\xac\x9d\xdb\t\x142I\x87Jy\xac}g]\xaa\x15\xf8\xf5\xda&gt;\x9b{\x13\xca\t-#\xa9\x83\x83\x83\x83\x1b\x8a\x83W\x08\x90\x11\x0c\xb9 ~\xd5\x15_u\x08\x91\x04\x99\x14\xc7\xfa)}BT4\xd5\xc1e\xe3\xd9\x7f\x97\x8c\xe8(\xdf\x7fF\xef\xa6fO\x91O-\xd0\x0c\xd1T\xc92\x07/\xb0y\xc6\xc0o{\xf6\x9a\xce\xa9u\xf3\xbdR&amp;\x8d\xb9\x0c\x8b\x05\x83\xdb\xb2\xff\x86\x96\x94Z\xcbT\xce\x14\x0f\x11\xf1?Om\xc5\x96\x91\xc8\x0bJ\xe0\xaa\x024(\xe0h\xc0\x7f\x13\x84\xd2\x9f\x11\x7f\xbb\x9f"\x08\xce\xf2\xfbO\xde?\xc9\xf7\xce\x82!\xed\xd8\x7f\xed\x8dM\n\x1aQ\x9bFL\xad\'\xc4\xaf\x86\xfb\xe3\xab\xebI\xbd\xd9\x9f \xa0gm\xa7\x10\xac\x97\xc1\xbf\x1fe\xb7\x9c\xe7\xaa\xa1\x94o4\xe3\x9dL\xa2-\x15\xe4\rZ\x97\xc9V8Ixv\xc1\xd4\xb1r^D&lt;\xb3i\x16\xf9\xb7i\xd1\xf4^:\xb5#\xbfj/\xdc\xaa\x97\x15\xd0\x1f\xd4\xb4|\xc1\x84a\xf1\xdf\xc7\xda\xa3&lt;q\xb1v\xae\x9a\xdf\x83\xa3MP.\xad\x8f\xfa\xce\xdf\xf6\xea\xdf\xc1:;\xe7\r\xf7F\xb3\xff;\xb5)\xfb\xb7k,\x8f\xe3^\x16\xc3.T\xa6r\xdf\t\xd3{5\t\xe23\x9a\x15\xbc\x1a\xde\xaa\x8a\'\xa7\x0b\xaehWo\x08C\xd9\xce\x9c\x01\xad\x82\xbb\x0b\xdf\x07+\xc7\x86\xcaBkY\xed\x1f{\xed\xa4RF\x8bww\xa7*\xf9&lt;?;\xbe\xb8jj\x7fG\xa0\x88\xb0}\xf6\x90\xe0:u\xbf\x86\xa5Tv\xd3\xa6\xe6\x9cX7\xcd\xc2\xa5&amp;\x8f\t\x0c\t"\xbd\x1b\xa7\xf6C|\x8b\xf8&amp;\xb8;\xe2`\x13Z\x05MG2%\x14\xf1=\x84^\x0fhT\x86\xfd\xd7\xd0\x16\x87\x88&gt;\xa2\xed\x9c\x8d\xb2n^/F!\xd9\x12]\x93\xcb\xc7\xf36\x00\xdc\xa5a\x93\x02\xfc\xf1\xbf\xd3z{\xaa\x14P\x0bi\xa25\x0e\xf6\xe3\xc9\\\xe3\x9f\'\xaa\x1a\xf7M\x8a\xa6\xcf\xe6\x05cT\x89\x94\xa14W:Tb*\x02$\x99\xfb\xbf\xb5r&amp;\xe5\xa6\xd8+\xc6t\xf5\xb0?\x88_B\xe0\xf0\xd4\xdf\xfd\x19\xa6H\xdf\x06%\xe9\xeb\x90\xa3\xb2 \xf9z\xbd\xfaL\r}t\xa9\x16\xd45?UX7\xa9\xb7W\xdbOg)\xd8b@c+w\x88\xb7I\x0c\xd0\xa8\x90_\xb1\xe4!7\xbb\xb3O\xfd\x12\xc1\xdd\x05\x13\x0coUY\xbb\xb1U\xe9,\x00\x10\x07\xe0\xd2\xce\x85\xf8\xfa\x86\x87\xa7\x88\x00\xd0\xb3\x8e=A)vE/\x8fj[\xdd\xa6\x96\xec\xa1zvG\x87%H\xb0\xe0\xd5iX0\x8d\xfd\xfd\xf8v\xe9PI\x1c\xc5\x8c\x88\xbe6\x9d\x02_^\xfb\x86K\xa4}\x93\xa4\x15\x89\xb6\x94N\x1d\xb8\xd8\xac\x93G7lxd\xdbj\xe4\x85i\xe1\x97\x10\xc9\xbdc\xeb\xb4\x1b\xf7/\x19\xcbmI\t\x90\x06 O\x1cxu\xe3 h\xe6\xf8e\xfd\x1co\x94%\xec\x8b\xdb\xb4\x81\x10\xb8.\xf6*\xbb\xe6\x8f\xf0\xbc\x91\xe4\x00\x1b\xa7\xf6\x0b\x9a\xf4\x88\x03K\xc7\x91\x17B\xab\x18\xfe\xf74Hza\x8e\xf7w\x8fI\xde\r\xb1Et%\xf1u\xc5\x93\x07(sg\x8a\x0c\x0f\xcfnUl\x90&gt;68z\xd4.\xa2w\xc8\x9f\x0f\xcf)\xd6\xba\xd0\xea\xb0y\x18/\xa4b\xe8\'\x08\r:s\x07\xb4B\xc4o7\x900\x04\xa3R\xb8JX!lP\xd3rv\xf7%H\t\xc6\x92C\xc1\xf5\xe04\xb4:\xcd\xec\xd3,(\xfa!%\x8f\xd7\x96F\xbd\xeb\x157\xdc\'\x83Ui\x14u/\x91\xfc\x0ce\xfdbZ\x9e\x1d\xdbR\x84\xce\x1b.4CJ\xfaF\x9d\xd8\xa5^0\x9c\xd8\xc12\x8e]\x89e\xef"7}s\xb9\xa9\xf7\xf8\xda\xa9^\xed\x0cK\xa5\x8c\xf1\xa8hv\xa1DA\x93\xb8\x1aR\xc8\x1a\rF\xb7\xab\xe1\xbd\xf6\xc9\x13%\x86\xfe\xba\\\xefYV.m,\xc5I\xc0\x91U\x936N\xeb\xaf\xb2\xe7\xe4n\rh\x9bu\x8cD4\x1b\x17N\xdb\xa5Z\x10\xa5\xb0\t\t\x824\xfbo\x9c\x90\x93Ft\xe7\xc8\x9a\xef\xc4\x16\xf4\xcf\xe3\x0b\xe7\xb6\xccQ\xd93&amp;@&amp;ME.\xbf\xa0\xb2_l\x999P\xb8\xbd@\x82\x10kA\xf1\n[g\x0ejY*\xb3-M\x99MFam,\xdc\xdd\xf1\xcf\x93\x0b$\xea\xf1\xcf\x07g\xc1h%}t\xd5$D\\4\xac\xbd\xe1\x19\xd7M\xea\x9d\xc6;?\xaf\xe5p\x85`YL8\x045!*\x86\xd7\xae(\x0b\x1f\x9b\xda\ti\xe0?\xbf\x1c[=\xc5\xb6\xd6\xf0W\xbb\x9a\xf2\x06\xc1{Y\x86\t\xe8\xc3\x1b2\xdaWH\x1f\x87\xf6\x8a\xf0\xee\xce\x11\x95v\xf4&gt;\x85bQ-\x0f-j\x1b\xa7\xf6\xf3\x9eQN\xcb\xdc\x81\xadG\xb6\x11;?\x1cl\x00\xf1w\xfa:CD\x98\xdd\xafE\xf0\xf5\xc5\xc1\x8bx5\x94\x93\xce\xec\xd6M6\x0e\xffE\x0c\x9e\xa2/\xd1\x00\x10\x91\r{\xb7\x8b\xb8\x00\xf8\xf5\xd9\xa1\x15\x13T&amp;\xe6t\xb8\'\xc10\x84\x9a9\x93"\xe2\xe2\xe1\x1d,\x9c\xdd\x82\x97\x82\xaaZ)\xd2\xae\\\x0e[\xdc\t\xd6Hh\xbc\x8b\x83&gt;\xf2P3\x1f\xfdZ\xe1\x10\x1a\xcc\xfa5E\xd5\xcf\x83\x9d\x90\xa60\xec\xc9\x9a\xcc^\xf9=o\xa4\xcf\xad\x9f\xdcGq\xcf\xc7\xe7w\xc8wxvy\xcf\x8d\x03+$;\xd8\xa2:\x8e\x883\xfb6\xe76\x86\xe4\xe2Ks\xfa\xb7\x0c\xee.8\xa8am\x12\x11\xf2\xf1\xaa\x8f(\xe4\x18\xac\xbc\x07"~\xe7\x15\x13\x8a%\x8f4\xdf\xbd\x12\x80\x96#\xab&amp;\xe5\x8d\x0b\xe3;\xd6\xf6F\x07X\x97;{\xc9%\x00@|\xc5\xed\xfc\xe0\xcc\x16o\xf4\xc1\xc1\xc1\x1c\xf1\x15\xf6\xf1\xc6\xb2\xfa\x9b\xa4h\xb2\xef\xa5\xde\x9aD\x11\xafE\x89L5s\x06\xb5:}\x8d\xec\x89A\xd9\t\xb9u\xd6 \xc9\xbbg7+\xb9\xfd\r\x05\x940\x90\x0f\x99\xddWF\xb9c\xab\x9c!\x90o^\x96\xe4\xee\x915\xc1\xdd\x85\x10\xcf\xb7*\x90\xa1h\x82\xc8k^\x17\xd1B\xa1"G\x02\xe8\x9b\xa7p\xe2\xf0\x9f\x1e\x9c\xd1{\x17?\xde7\xe5\xe8f\xe3A\xcfm\x9e3\xb9[\x03\x0f\xba\xa6\x8a\xe2#\xca\x029\x95\x93ej\xe5Jf\xbc\x93\xc37\xc6\x95=K\x82\xf8\x8cZ\xc9\x91z\xf9|\x15\x8f5k\xf9\xc9\x16\r\x9a\x97\xc8\xe4\xed\xd0I\xb3\xb3\xbf\xa0\xe4\xf7\xff\x9d\xf2\xf6)n\x1eX\xe9\x8df\xd7O\xee\xa3\x98\xe7\x8c\x88\xd7\xf6.\x15\xbe\xd5\xaatV\x9a\xc4\x1b\x92\tv}\xb0\x94\x00\x97w/\xb6v,[\xb4\xc7!\x98\xd99wXpw\xc1S\n\'\x11\x98\xbe\xf3\xc6\x83\x17W\xf7}~x.\x08:P(\xb1q\xb2UP\xd49s\xd0\xe7\xe4\xfa\xe9\x00P8q\xc0\xa52\xb8Y\x85\xe0\xec\x8d;\x9b\xa6\x0f\x08\xeds\xe9\x0c\xca\xd7\xb7\x9e\xc8#"\n5\xfe\x1c\x82\x19\xbb\x14\xff\xc8\xb4\xcaB\xa5\x17\xa1cS/Q\x05\xf1/\xc4\xd7\x8f/\xec8\xb5a\x06\xb5\xbf\x9a&gt;e\xe8\xc4\x9a~\xea\xf7C\xaf:\xc5\x00 \x1e\x00\x00\x14\x0b\r\xd3|/1\xb4E\xa5F\x85\xd3j\xb7{R6\xa0EI\xd5\xe4\xbb&gt;\xf5\x05\xde\xc4\xca\x99\xe2y\xae\xe0\xed\x00\xda\xc8\xb3 &amp;\x92w\xe2mT4\x88V\x8f\xef\xc1=*\xfc\xc2\x80\xaf\xcb\x11\xa7\x98\xd98[\x13\x0c\xe7\xabv\xa0\x835\xc6\xf8\xd7\xa4\xaf-\x18\xc6:W5Qa\xad\xb6\x91X\x02hdt3G\x81\x1b\xfbWT\xcdj"N}\x96\xad\xf7\xa0\xbdy\xb5~a\x02\xfd\xd2\xa77\xce\x0c\x99\xda\xe9\x0e\xa1\x1bD\x0c\x16\x1b\xb7\xde\x83gZ\xcf&amp;\xea\xeb\x00o\x84\xa2\n\xa3e|\xbdp\xa2\xd0\xc8\xec~-\xd4\xbd\x8e\xdec\xf5\x84\x1e\xe4\n9\xb4|\x02\xf7\xd6\xbdc\xeb\xa8\xc0*\xcb\x18\xff\x9a\xa1k\x19\x81\xf8\xdb\xfb\xbbG\xc9\xeb/O/\xd1\'A\xaa 9{\xa3B~Ar\x1e\x87\xe0\xa6L\xea`\x90\xaf&gt;\xb4\x82\xbfoY\x10\x7fW|\x06\xd8\xf2\xe8\xda9o\xf8\xdf\xbf\x9c\xf7\xbc\xdei\xc8\x1c]\x82:\xba\xd3n\x84\x1a\x07C[T\xdc0\xa5\xafv{&lt;iS\xa3\xfdkl\x9e&gt;\xc0l\x07\xa6tod\xf6\x10\xcf\xf9\xef\xf9\x15\xed\xc6\xb8\xae\xf5\xf1\xdf\x8f\xcf\x1b\xb6\xd0\xba\x8cw+\xbc~}\x11\xd8\xc3"I\x1c\x97Y\xb0\xe2IMvn\x9c\xf5\xf5\xb0+j\xfc\xfeS@\xec\n\xbe\xbb\xad}\xd7vg\xc0\x97g\x97#\x01\x0co]\x05\x00\xd6M\xee\xfd\xc3\xd6\xb9\xda}\xfewj\x93\xbc\x91\xa0\xd4\x07\r.\xb2\x07S-\x8b\xf6\x15s\x81\x19k\xe4\xe3\xf3;$;#\xe2\xbb;G\r\x1b\xe1n\x9a\x03\xcb\x04\xeb\x06[\x18\xd6\xb2\x92\xa9\xfd\xaf\xea\x84&lt;\x81[\xa6\xc2ky#\xff&lt;\xb9(\xdf\xa1\\Z\xdb\x96r\xddk\x15\xb6\xab\xa9\xef\x94e#;\x99=\xc4\x93A\x9f\xe2\r\x07\x80\xca\x85\xf5\xe1\xde1\x00hY*\xb3\xb6\x03\x03\x9b\x94\xb5\xf6\x00\xa8\x90^w9\xd0\xb4X\x06\x00\xc8\x9f\x00\x00\x02\xb4\x95L\x85\x1b]\xd9\x1d\xd4\xa1\xb4f\xb1\xebwT\xc9L\x16\x1aX&lt;\xa4Jf\x8b\xc5N\xc6\xb6\xaf\xa5\xdd(_\x07\xe4\x17\x9d*\xa6w\x02\x8d\xfc+\xe4R\xd9-\x0b#L\xea_!\xa7\xden\x91\xdd\x1e\x00\xfc/~~\xdb&lt;K}t\x08\xf1X\xd6z\x95LZ\x15\x87\x0cn\xb7i=\x1b[\xed\x8b{\xb3\xaf\xaek\xdb\xdf1w\x18H/q[\x18\xd3&gt;\xc0\x8di8\xe4\xd0\xb5?\x15\x89\xb4L\x01\x0f\x8b9\x99!x\xc3\xa8z\xd6\xb6\xa70\xaf\x96\xefD\x81\x92\r\r\xfb\xeb\xd1\x0f\xf4u4\x80\xfdK\xc6pw\x87\xe5h\xd4L\xae1%\xbd\xc7j$!\xc0%\xe4\xa0\x01\xff}\x0c&amp;\x83\xd9\x83R[P\xb2&gt;\xb5\xf7\x01\x80\xf8\xd9\x9a\xd4\x83\xb6T@\xa8 \x97\x8f\x9b)\xe3\xf0\x8a\x89\xc1\xd8\x19\xef!\x9cY\xab\xd7J\x93/\x11\xb4\xb4-\x97\xc3\xe4\x11\xd6iX0\r\x19\x93\xb5\xd7?\xba\x93@Z\xe5\x98\xe2\xed\x10\x8f\xdeu\x8d\x8b\xb89\x045\x9e\x8c\x9e\x1b\xa7\xf6\x93\xbc\xfb\xf6\xf6\xe1/O/\xa9\xb4\xc3\xce-8U\x0c\xb9\x01\x97\xc0N\x7f\x1cB\x1az\x8f\xd5\xa3\xab&amp;5+\x96\xc1\xdbg\x9f\xd1\xbb)yA}\x16\x8a\xabdz\xe1E\x05\xf8\xf3\xe1Y6j\xb3`\xa2\xb0\xf8\xfa\xa6M\x1d\xb4\xc8\xbfO/\xd2\x1e\x1a&gt;\x00\x10?\x93\xed\x05\x12\x9a\xc8\x84\xb7=\x85\xcd\xc7\xee\x06\x1d\x04\xb4*\x95\xc5\xc6\x19z\xe7\xaa\x01\xa5\xe6~:\xb9Q\x1b\xb9,\x7f\x00X\xa3{M77\x11~~\xc0\xed@\x02\x1b\xe2\x00\xe0_\x0f\xb5\xd3\x7f\xef\x19\x16\x00`\xc7\xdca\xab\xc7\xf7\x000Q\r&lt;\x14\xa1^\n\xdc\x14\x96\xcd\x92\x9esm\xdf2\x0b\xa1\xa8\x88\xe8\xc3\xfc["E\x14\xba\xfd\xc9\xc5]\xe4\xf5b\x85\xe2\x01\xde\x86*\xa9 "\xd1)\xaa\x9b7`\xfaT;wrv\xf8\x7f\x7f\xf7\x98\xb0\x05mh\xacC\x08ebg\x13E\x96w\xce\x1bn{\x07\xd8\xe23\x1c\x9b\xa6\xcb\xca\x9czn\x9fA\xc4Qm\xabs\x1b\xdb\x96\xcba\xd6\xf8\x13\xd5x\x171\x7f\xfc|\xda\xea\xa10\xa2uU\xcb\xc7z\x8eVe/\xb9\xfe/b\xe8\xbe\xb06\xb1\xa0\xa3\x92\xf7\xa0\xd3\x14\x0bhg\x0c\x9c\xef\x97\xe6\x7f\x91\xeb\xcd\xc2\x97\x10\xc7;i(\x1d+\xe7\xa5\x97\xf4\xef\xff;U0aX\x00\xb8\xbck\xd1\xdb\xdbG\xb8\xf9\xbf^\x0b\xf8\xdfS\xd2\x82\xb7\xd3{F\xb5\xad\x86\x88\xb7\x0e\xad\xf2\xf2y\x1cD\xf4kP*\xb8\xbb\xe0\x11u\xf3\xa4\x04\x00DlZ4}\xda\xb0n\xcb\xdb_~\xd8n\xe1\x864|\x12\x90\xfb!k4\xebEuJ\xbbr&amp;b\xda\xe4k\x9d\xd2\xad\xa1\xe7\x8d\x00@\xb3\xe2\x19I\x7fL\xb9\xf4\x9a\x97\xc8\x04\n\x1fDk1\xb7\xe6 \xb1\x16+\x9eOA\xfd|\xdd$\xbe\xea\x19\x17#\xa7\xfd\x8cW\xf7,!\x1a\x82\xe4\x92\x13\xaau"\xfe\x8e\xef\xefH\xce[\xcdL\xca\xb1"\x88\xf8\xe7\xc3\xb3\xdc\xc6\xc8\x00\x88\x1f\xd9{\xe4\xee\xd1\xb5\x86ME\x06(\x95\xca\x8e`A\x1dZ\x97\xc9f\x97\xaf\xee;\xc5\x13G\xe3\x94\xee\xfc\xd8\xe1\xa5\xfa\xce{\x17\x8dB|\xa7(\xdc\xa8\x0eQ\xc2\x89\x00P/\x9f\xaf5\xaf/\xb1\x1a}\xbc\x7f\xc2\xec\xa9\xe7\x0che\xf6\x10\xafb\xcb\xef\xd6\xba\xb4\xb9\xc4\x9f\xc4.\x17\xa2\xbd70\xe2K\x1b[\xb3\x0cW\x00\x8e\\]w\x8e\xac\xe1\x12\\\xdb\x96\xcd\xce^{}\x1b\x94d\x05\xc9\xbd\x11\xfe\xdb\xb1r\x1e\xf9\x0e\xf8\xdb}D&lt;\xb8l&lt;\xb7\xfd\xfa\xbee\xec\x03\xc0\xdb*\xe8tqS&lt;\x85\xecD\xac\x01\xcd\xc14%}-\x1b0da\xef\x16`G\x01\xed\x88\x90.&lt;\xe0\xa7\xff\x91\xd7\xa77\xce\x0c\xb2\xc4?Z\xf5\xb4\xbd+\xea\xa3e\xa9,Asj-*ux\x82\x11\xb3\xc98Kl-Tg\xc1"4\xb0I\xd9\xdc\xb1m6%%a\xec\x1e\xbb\xe6\x8f\xa0\xaa\t\x9c\xe5\x84\xad\xb3mm\xf2a\x8dD\x00\x85\x12\x85\xf33r\xd9~~x\x8e\x18\xf9\xe9\x960\x00\xdbf\x0fQ\xb1\xff\xd8E,\x80)\xdd\x1b\x8e\xebX;\xbd\xf4^GDN\x8e\xc9!T\x82\xf8\xa7\x99\x9d\xed\xbf\xfe\x8e\xad\x99\xc2\xfe\xeb\x17\xd6-\xbeX]73&lt;\xc0\x91\x95\x93\xb8\x8d\xd6&amp;K\xf1\x01\xea\xe7\x0f\x1a\xe5\x15\xaf\xe3\x89rdZy\r\xeb\xe0\xa0Z6\xdd\x1a\xcfT@\xee\xc4\xbaitM\x1c8p~}\xc6\xee\xac\x1dR\x7f:\xb9q\xd9\xa8\xce\x9e\xf4\xadO\xfd\x12\xf4\xf5\xa8\xb6\x16s\x17\xb815\x1a@J\x80\x1ds\x87jG\xff\xfb\xc7\xd7\xf7\xa9_\xb2dJ\xebSI\x0f\xc1?\xf9\x80\x0e\x07\x8b\xf4kX\n\x00&lt;/\xce\xe7kC_\xdc\x08z3\xdf\xadC\xab:V\xce\xf3-\x99\x17\xbdh\x8b5O\xb9\xb4&gt;!\xea\xc9f\xca\x08V$i\x84\xfe\rK\x0b\xdf*\x95*\xb0\xa5$\xccv2nr\xc2\x9f\xa77\xce\x04\x80\x18\x00\x888\xa4yE\xb2qX\xcbJ\xa6\x8a\xb7\xe8\x15\x14\xb3\xd7@\x93T\xdf\xc5u\xf3\xc0\nD\xec\xdfH\xfc\x85x\x15\x12\x8c\xfb-\xdd\xa4\xa1\x06kw/\xad\x02\x11\x94\x89-\x9e\xa0\x92\xda\xa37I\x17\n\xb0\x14L\xa4;\x9b\r\x0fpc\xffr\xb6PFD\x00\xc4\x17\xf2\xb3W\xcb\x96(]x\xa5{``\x13c\x89lO\xa5w\x8a\x8f\x00\x00 \x00IDAT\x10&gt;`\xf0\xf7\x9f\xf4\x94\x1b\x1a\x14H\xfd\xe2\xea^{\xfb W&gt;\x18\xd0\xb8\x8c\xde\x17e\xa3\x98\xcc\xffNm\xd2\xae\x17\x1b\x17I\x8b\x88\x97w-\xd2\xee\x8f\x88\xecWW&amp;M\x0c\x0fmR\x99t"d\xbd\xea\x8f\rJR\x02l\x9e10\xb8{\xf1\x8d\xe2\r\xa1\x15\xef\xe1m\xcd\xd8^u\x8bq[\x9e\\\xd8\x19\xb0b\xff\xed&gt;\xd9b\xd9&gt;\xa1\xd5=\xab\x96-Q\xb7\x1a\x85\xc8\xeb\xc8\x00\xed\x14\x1e\x93\xc9\x00z\xd7-&gt;GS\x96\xc0F&lt;\xce\xd5\x0f:\xb2\x99\x19\xe2\xae\xef[N_K\xe4\xcfX\xb4&gt;3u\x85\xbeh\xa2\xb9j\x9e8\xa0\x12N#\xa1x\x8a\xd0\x942~t\xd5d\xf6_\xb3\x19\xd1=j\x15\xd1n\x0c\xed\xc5\xd1B\x04\xef\xee\x1c\xf1F\xb3d.3\xb8Yyo4\x0e\xee\xeb_y\x05\xf8,6\x99(\xbd\xea\x04\xbb\xcdD4\x1b\xd7"a\x18\xda\xa2\xa2p\xbb7\x92\xb0,\x87\x7fx\xbbr\xb2Y\x16\x0cnK_+\x9a\xb0=\xcf&gt;\xcb\x101\xf0\x12z~y\x8f\xfa\x81e\xfd\x82R*\xc5\x06\x84\x85W-\x83_\x9e\xbe\xbc\xbe\xbf\xb6{Y\xf9\x0b\xdb\xe7#\xe2\x15\xab\xa5\x86\x1d\x02\xa8\x9a\xc5\xfeh\xe2\x90\xc9\x8b\xab\xfb$ap\xab\xc6u\x07\x80\x1f\xb6\x06\x88\x1av\xad^\xb0\xba\xc6\xd7\xc7EGP\xd8\xe8=\x16Ss\x1c[\xc21\xfb\xd4+\x01\xfa\x86\xd1\xd77\x0f\n\xb7#\xfe\x86\x88i\x82d\x886\xf5\x9d b\xe9\xd4\x82/F\xd7\t\xab\x0c;\x9d\xbc\xb1\x7f\xb9\xfa\x81*\x95\xc2\x82\x92\xf8\xa2\xd4\xbc\xe0%!\x00"\x8eTvA\x87\xb1\x94\x06O\x0b\x96\x99=\xd0!\x98\x99\xd8\xc5D\x062\x8bD/\x9e\xbd\x0ej\xe4H\xa2\xbb\x9f\x0e\'\xd6N\x03\x80&gt;\xf5K\xd0v\xe2\x02\xb4+\xaf+\x8dk\x0b\xc5\x93G\x9e?\xa8\r\xfd\x17\xf1\x93\xe7m\xd6\xcd\x9bR"\xd1%\xc9\x1d\xf5\xf6\x8dd\xad\x88k\xd6h\xb0g\xe1(nc\t\xcd\x84\xbdXr\x8ff\xe7\xcbG\x0b\x02o\xf0\xc3]\xfa\xac*\x9f\xce\xc7\x93\xf6C\x1a\xc2\xe9y\x10\xd8\xfaZ\x99\x89\xa2F\xfc[\xbeC\x04\x80\x95Ne\xe0`\xa1m\xd9\xec\xc2\xedvYZ\xf4hR$\x9dp\xbb\xe5\x19\x10\x17\x9e\x88\x88\xf8\xdb\x8f\x16\xdbrg\xe5X\x83K\xd3\x17\xa0s\xd5\xfc\x88\xa8\xf54(\xf2\xdd\xd6\xc5\x96\'\x82(.chY\x1e\xc4\x17\r\n\xa4V9D[\tkj\x0f\xef\x96\xeb24\xb7\xd9\xa8\x06\xf1\xe6\xd6a\xfb\x1a\x13\xd0\xae\\\x0e\xe1\x9a@h\xc4W\x11@w\xa6\xff\xde\xa5pb\xdd9A\x1b\xe6\x01 \x8f\x91G[\x8b\x88\n\xf5\'R\x02&lt;8\xb3\xc5Z\x83m\xcadc\xff\x15^Ol!rE\xbc\xaeS\x03\x80\x88\x8d\x0b\xa7\xf5\xf6Y\x82\xbeD\x97\xfa$Q\xcfb\xa6\x17\xc5\x1c\xcfe\xe5#\x14K\x16I=\xbd\x03\x00\x12\x8b"\x9d\xfa\xd6/i\xa6\x8d\xef\x97_~\xd8\xce*\xe8\x95\x90\xe6\xf7\x02\xc0\xc2\xa1\xfezoM\xeaZ\x9f\xbc\xc0_\xaf\x85\xf0\xec\xc8\x90N\xa9T\xd1\xf2\x19Yd=\x8c\xb4\xc9hM\x0e\xdf\x08"\x15\x97\xd4U\xa5H\xfd\xc0\x18\x9aX\xcc\xb3\x9b\xe7\xd0\x05\x04\xd7\x14\t4~zi\xb7\xe1)\xd8\x1d\xca\xa4\t\xa6\xc2\x86\x1a\xa2\x03\x04K\x80\xb6Y\xe4\xa1,\xb1\xdd#\xe5\rAw\xddM\x02w\x02\xbd\xa5\xa4"\xde+\xdf\xe8%\xc6\xb4\xafY$I\x84\xca\x99\x83h\xc0\xac\x929\xbe]s\xf3\x08\xfa\xb1\x0c\x07\x97\xf3z\x15\x0e&amp;H\x08\x80_\x9e\x04c\x07H\x05.9\x1d\\\xceU\xce\xef\x16\x1d\x00\x11\x97\x8f\xee\xe2\x85~\t 3\xfa\xa4\x00\x11\xd4\x8a`\x04\r\xb3\x18E\x01=&gt;\xfd|\x86\xbc@\xc4b\xc9\x8c\r\xe5\xe5\xd2\xfah7\xe6\xf7\xf2\xb81\xadgc\x89\x01z\xfe\xe0\xb6\x8a\x9dg\xd1\x0e@\xe5m\x12/\x19\xdb\xa1\x16\x91\x13\'\xfevE.\xeeX\x18R\xae\x1bK\xac\x9d\xd4K}\xe76e\xb2\x05\x81q\x86j\xe1\t\xc3C\x1d\x02\xa0\xc5+\x82\x0c\xbd\x90\x18[\xd0[\x91\xe4\x8bgCi\x08D\xf4\x0b\x0b\x00pn\x8b\xa0n;\x00\x8clSu\xf7\x82\x11\xea\rJ\xcc_\x8a\xf6\x07Iy\x13\xad\xe6\x84\x97\xf8\xf2L\xa9\x02\x8f\xf7\xc8\x1e\xdd\xb4\x8f\x9a+\xcb\xae\xae\'!L\xd7\xe2(\x9f\xce\'!\xc0\x8a1]w\xcc\x1d\xaa\xd8l\x9941H\xac\x11\xd1@\xb5\x11\xc3\x18\xd6\xa7\x97v{~\x16S\x85\xbdZ\x97\xce\x8a\x964\xae-P\xcbc\xe5\x02\x07{\xf0\xdc\xf0ac4\xdb\xa3s\xdb\xe4;h\x07\x84\xa3\xab\x03\xb3T$\xc3\xcd\xfc\xc1m\x074.c\xbdg&amp;A\xfc/\xc8\xce\x15\x8a\xd85\xdf\xe01\xfc\xe6\xd6!\xc5\xa6\xe2\x00\x94\xf5\x13Tx1\xf4]q\xe1I\xf3\x06\xb6\xe6\xe2\xa9\xb9\x99P\xa7*\xf9j\xe5J\xd6\xbb\x9en\t\xc3\xa2I\x95\x0c\xa6\xd4\x9c\x95?\x01\xe0_\x0fU\x0e\xe1\xb01}\xacc\xe5\xbc\xa6\xf6g\xa5\x8a\xf4(\x9a\xcc;\x86c\x07\n\xfe\xf3\x8b\xbd\r\xde8\xb0"[t(\x97\xd6z\x89\xe6L\x91\xed\x14\xbc|{\xdb8\xb5M2\xa7a\x1f\x00\x19#\xc2\xf69C\xc8k\x12\x9c \x99q\x99\x9d\xa8f7\x13\xfc\xbfy\xfa\x00S\x8d[\xc6\xf3(\xfb F^\xbcE\x9e &lt;\xace\xe5\x8a\x19\x05S\x8fNU\xf2\x01@\x95,\t\xb4o\xe9\xd1\xabnq\x00H\x17&gt;\xa0b\x01\xe2\xafl\xc7\xf0\xd7\xab\x00pr\xfdt\xc3v\x0c\x05;U(\x948\x1c\xb8\xaa p\x16\xb6\xe0J*[?\xb9O0\x9d\xf9;\xc3T\xa6J\x9e\xb8\x00\xfa\xb1\x13\x1c\xf7\x8e\xad\x93\xef L\xdb\xd1Cn\\\xbe}x57\x9e\x8eh]\x05\x14\xc2\xbf\x10\x11\xf1_\xf5n\xd8\xc8\xb9-n\x95="\x00\xfc\xfb\xf4R\xbd|\xbev\xb5\xaf\'\xab\xb9dx\x87\xca\x99\xe2\x01@\xfd|\xc6QWCE:E,\x8aa\x91,\x9e\xc4\xe1\xfb*\xef\x99\x12`X\xab\xcai\xcd\x84\xef\x14Jd\xb0w\xd1\xa4\x11\x85\x15f\x88-(GLX3\xa1g\x81\x04a\xd6L\xe8ix\xaeu\x93z\x13\xb1\x10\xf2\xef\xa9\r3\xb4g\x7fp\xd6b\xc4\x9ae\xbc\x14\x9c-\x94r*h\xa6&gt;\xb0\xc37\x8b\x9e9\x88\xbb\x14\x8f\xac2\xb0b\xeb=N\x10?J\x8e\x92?\x1e$5Km\xf1\\\x05\x998\xcb"\xa6\x84\xec\xc4.\xf5r(\xcf\xeb\xfc+\x04$\xb8\xd9\x95\x02\xee\xed\xf2 \x94\x0c\x11!\x9c\xdd\x028oo\x8b\xe3\xdfi\x11\x88\x15c\xba\x8eh]\x05\x11\xb3\xaai\r!\xe2h\xff\x1a\xf2}F\xb6\xa9\x06\x00\xb94\x8bP\xc4\x0f\xda\x9di\xdcZU\xfbJ\x80}\x03\x11\xf4\x16\xf2=\xbfG\xf4\xc2\xf9\x859,\x1f\x7f4]\xdf\x8a\xe5\xf5\xcdC\x13\xbb\xd4S\xbcO\x00\xa0\x9fHV7\x83B\xb9\x97\xceU\xf3\x99\xe9\x97\x98\xc7\x17vz\xde\x88\x10\x1a\xaa\xcc\x12\xc4v\x95%#:z\xa3\xd9o`\xe0P\x84\xfb\xa4\x88hmz{\xeb\xd0*Dd\xcb8\xd3LxjZ\x94C\xcfjj\xe9\x13\\\xfc\xf1?\xb7b\xd7f\xf3\x1c\xd5\xd3\x86B\x99:RH\xc0\xac\xfc\x9e\x1e\x89u\xb6\xb3\xe6Rk\x85[\t\xf8\xee\xb6\xbc\x9d\x90&amp;~\xe2\r\xfe\xfa\xe5\x87S\x1bf\x06w/B\x19\x1d*\xd9\x16\x816\xacUe\xbb\x9a\xe2hR4=y\x114OS\x15\xbf\xab7\xb8\x7f|\xbd\xd9C\x067\xab \xdc\xee\x03\x90/&gt;\xb4,\x95\x19\\\xc5\\\x1d\xac\xa3\xf2L\xf6\xb0nm\x9d&lt;)\xb6\xcdV\x9a\xdd\x18\x12\xc9&gt;K\x85\x87 \xfeJ^\x9c\x96\x8e\xcb\xe9\xc2\x0bdU,\xa7\xad\x0fh\\\x96\xdb\x92/^\x80\xd8\x96\x97\x8a0[F\xe5\x03\xe2\x87\xbbA\xd0\x13\x07u\xbc\x94\xb5\xc8\xda\'\xed\x05\x11?\xdc?\xee\xa5\xc6\xbfS2\xbbL\xb8\x92\x185\x8e\xc1\xcd\xca\xb3\x11?$=\xea\xbe\x91\x8b\x98\x03\x11\xed\xb2\xe7\xb2#\xacv$\xa2%\xee&lt;W\xf4\x05\x80?~&gt;m\xb8OXeQ\x1a=\xf6-\x1e\r"\x83X\x8d\xecI\xc0\x95\x9b\xa6R3 \xe4\xe3mE\x1d\x8eAM\xdd\xf4\xc9CN\xe6\xb6\x9cf\xc5\x05\x19!Y\xa2z*\x07\xa4&gt;/\t!\xd6?\xc4/\xe7\xb7\xcd\x0b\xee^\x84x\x82\xd2?R(Q8Cw.\x85\xad^\xb2~r\x1f\xceb\xc8\x82\x88\xf8\xfaF\xbex|\x90\xdf\xb6Y\x83\xf1\xaf\x87Z\xc7c\x1c\xf6@w\xd1\xe6p\x00\xed+\xe6B\xc4\xc3+&amp;jO\xb4z|\x0f\xc9S\xe8\xe7\xd3\x9b\x85\x97\xfe\xac\xbe\xcd\xa7v\xd7\x1d\xb9\xec\x1aT\xbe\x87\xf5\xae\x7f\x85\\v\x99\xf4T\x82,Y\xee\x1cY\xb3u\xd6 \xfa\xaf\xb7\xc78R@\xe6\xe4\xba\xe9O.\xda\xe3\x7fb=\xff\x1d+\xe7\xfd\xf1\xc4\x06[\x9a\r\xf9 "\xa9\xa9\xe9`\x85G\xe7\xb6\x85\x84\xe7\xf9\xdeE\xa3$\xd1u\x8b\x86\xfa7uYKYj\xe5L\x8a\x7f\xfe,i\xd6/\xac \xa5\xe0\xc9\xc5\x9d\x88XI\x14\xf1M\x14\xebZ\x94\xcc\xbcj|\xf7y\x03[kw\x10\xce\xe5\xbf\xbe\xb8\xf2\xcb\x0f\xdb\xc9\xebn5\x0b\x01@\xe5L\xb2\xb0V\xa1\xc5\x86x\x86=\xf1\x978hQ\xd1\x92\xd4\xc2\xce\x1b\x10\xff0{\xf8\xe2\xe1\x1d\x88v\xde\x8d\x03+\xf4\xf6\t\x0f\x80\x88\xd3z6\xb6\xab**W\xbd=\x84\x18K\x83\x80\rS\xfa\x82M%4\x1cl\x83\xae\xa6+d\x883\xbdW\x13\x00\x98\xeb\x99/\x01\x11\xf1\xe3=nc\xb9t&gt;\xf8\xe9\x7f\xf2\x07\x98\xa9\x809D\xbc\xb0}&gt;\x00 \xbe\xecR-?"\x9a]?M\xeb\xd9\x04\x11\rC\xce\x03N\xa7,\xc1$\\\xaf\x98\xc2\xdaP\xc8!\xccK\xda\xb7x\x8cvc\xfe\xf8\xb0}\xce\x90\xdeu\x8b{\xbb\x94\x82\xf7 \x8a\xa1\xbb\x17\x8cP\xd1P\xb1\x90\xba(\xbcn\x17\x0fk\x0f\x00\xd7\xd4*Sz\xce\xe8v5&lt;\x17\xacM\xe7q\x01\x81\xbd\x8bFM\xed\xd1hB\xe7\xba\x1e\xf7\xc5\xc1\x9d:\xfaE\x8bl\x94\x06\xc2/O%\xef\x16L\x14\xf6\xc0\xd2\xb1\x88_Z\xba\x04~\xd9)\xf0\xd6Y\x83\x87\xabEY\x9c\xdd&lt;\x9b\xdbBr\xd6\xc8\x8d\xa4\x174\xc6M\xb7[\x97\xce*9\x05"\x92\x12\x19\xac9X{\xa3\x92\xa0\xbd\xc7\x17v\x88\x0b\xa0\xeb&lt;\x90L\x15\r\xa6\xa5\x86\xed\xc2F\xbd\xbcAM\xdd\xca\xca\x87u\r[Z2\x84\xf8L\xfe\xd2\xa9L\xcc\x1d3Ev\xfbq-\x04\xb7\xe8\x11\\j\xc6\xea\xab\xff\xb3\x9b\xe7\x18\xefd\x86\x8c\x11\xa1C\xa5\xc0\xaa|lA$\x02\xbd\xb9\xd8N\xea\x85\x1d:\x04\x1d\x92\xdcP\x0fC\x86\xd4a\r\xeb\x9c+O\x8e\xa1mT\xe07\x16M{\x89\xa9F(\x1d#\xc1\x94~\x1c\x00|\xb8w\x1c\xf1\x15\xb7Qr\xd3\x9a\xad\x8bm\xcb\xed\xd4F\xa7(P\xa8 GL\x98\xde\xab)\x00\xbc\xbc\xb6\xdfpg\x12}\xe8\r&amp;t\xae\x9b\xda\x95\x8a\x1fz\xb1+\xf7w\xe3\xb4\xfec\xda\x07\xd4\xde\x10f\x08\x8d\xedP\xcb\xa6S}\xc7\xccgja[\xa0j\x96\x84f\x9d\x07QD#f\x9fz%\xa6\xf5ll\xa1\x03\xec\xf4\xc1FL\x08\xbe\xb8\xd0\xea)\xe5\x89\x03\xb5r&amp;-`\xa1-\r\xdc\x98n\xf8\xab\xb1\xe7\xec]W5\x94\xcb\xe1\x1b\xab\xf5h\x0b\xa6\xf4\xa9\x84\xc8s\x1e+e\x8a\'4@\xa5\x04\xb8\xb8c\x81\xe4\xc06e\x03\xcb7\x15J\x1c.$x1C%\x86\xc2\xae\xe4\x9b\xf55\xd3\xe6(Q\xb1\xb7\xd9\xfa\x82\xf5\x88xf\xd3,\x95\x96i\xc2\xf7\xd0\x16\x15s\xc4\x04\xad\xaeN\x18\x00\xc4\xcf\x8a\xfd\xe4\xa8\x9d;\xf9\xda\x89\xbc\xd0\xb9\xe2\x85\xb5y\xc6\xc0\x9fOo\xe66\x06o\xd0\xce\xbaI\xbd%\xefJ\x0c\x0e\x03\x9b\x94\xd3\x7f\xd3:\n9\xdd\xd6\t!\x9e\xf3\xfe\x8dxi\xd8\x9b\x07W\x06KO\xec\xc5\x07``\x13&gt;\x07E\x0f\x89\xdf\xdbv|\x83\xecL\xdf&lt;ct\x14K*f0\xf6\x1dn\x9a\xd6\x1f\x00\x86\xb54\xb6\xe3O\xe8\xa4\xeb\xe4AD6*T\xb8\xc3\xa2\xa1\xfe\xf8\xf9\x81\x8du%\x83\x86^u\x8ayc\x86\xf2\xe3\x89\r\xf8\xfe\x8e\xde\xbbA\x1c\x141\xcf\xdd\x80\x1b\xec!(\xb4\xfa\x8d:\x86\xbfQR\xf3\x8et\x12\xeb\x19\xc2\xb1\xf7\xc7\xe2\xaa%w\xb2C\xa9E\x0f\xae\xa2\x9f\x83E$\x81.\xf8\xfa\x86\xe1\xec*,@&lt;\x80AM\xcb#b\xf3\xe2\x19Y1}\x0e\xce\x1f;\xb3O\xf3\xc0\x13\xa9\r\x91\xf8\xfe\xce\x94\xee\r\xf5\xde-\xe5\xab\xac=d\xc4l\xf7\xa7Q\xa1D\xe1\xf0\xcd-\xcb\xad\x8dj[\xdd\xd4\xfe~F\x17v\xc1\x84\x06{\xa8\x17\xd4\xb5\x06\xe2K`~5E\xd1Y\x1fou\x87\xa7n^\xaf\x17c&amp;Q\xc24\'\xdcs$*\xbc\xec\xdd\xd1\x94\xa9\x0bd\xaf\x16^\x90\xe1k\xfe\x10\xc5\x84/\xb3&gt;0\x07\x00\xcdmIM+f\xb5\x8b\xd7O\xe9+y7O\x1c\xe8Y\xbb(\xbb\x85^\xbc\x9bg\x0c\xb4\xd1\x91\xf8\xfa\xe6AVo\x8b\xa2\xf7\x8ciV,\x83PZ\x99\xa8\xc0{\x827\xf4pm_L\x8ch#\xf8\xae\x141\xe5~\xf7\x10\xbd\xccm\x15\xc5@o\x90#&amp;TH\x1f\xdb\x0e/\x0f\x00\xc0\x0f[\x03\x068a\x96o(\xc2\x94\xfe&lt;\x8b\xb0\xc0j\x14\xa3\xdf\x97\x9b\xf1]\xdd\xb3\xc4\xea\xf9\</t>
        </is>
      </c>
      <c r="E261" t="inlineStr">
        <is>
          <t>&lt;class 'numpy.ndarray'&gt;</t>
        </is>
      </c>
    </row>
    <row r="262">
      <c r="A262" s="1" t="n">
        <v>260</v>
      </c>
      <c r="B262" t="inlineStr">
        <is>
          <t>steps_per_sec</t>
        </is>
      </c>
      <c r="C262" t="n">
        <v>3800</v>
      </c>
      <c r="D262" t="inlineStr">
        <is>
          <t>3.3560867</t>
        </is>
      </c>
      <c r="E262" t="inlineStr">
        <is>
          <t>&lt;class 'numpy.ndarray'&gt;</t>
        </is>
      </c>
    </row>
    <row r="263">
      <c r="A263" s="1" t="n">
        <v>261</v>
      </c>
      <c r="B263" t="inlineStr">
        <is>
          <t>Loss/object_center</t>
        </is>
      </c>
      <c r="C263" t="n">
        <v>3800</v>
      </c>
      <c r="D263" t="inlineStr">
        <is>
          <t>0.13237436</t>
        </is>
      </c>
      <c r="E263" t="inlineStr">
        <is>
          <t>&lt;class 'numpy.ndarray'&gt;</t>
        </is>
      </c>
    </row>
    <row r="264">
      <c r="A264" s="1" t="n">
        <v>262</v>
      </c>
      <c r="B264" t="inlineStr">
        <is>
          <t>Loss/box/scale</t>
        </is>
      </c>
      <c r="C264" t="n">
        <v>3800</v>
      </c>
      <c r="D264" t="inlineStr">
        <is>
          <t>0.0499909</t>
        </is>
      </c>
      <c r="E264" t="inlineStr">
        <is>
          <t>&lt;class 'numpy.ndarray'&gt;</t>
        </is>
      </c>
    </row>
    <row r="265">
      <c r="A265" s="1" t="n">
        <v>263</v>
      </c>
      <c r="B265" t="inlineStr">
        <is>
          <t>Loss/box/offset</t>
        </is>
      </c>
      <c r="C265" t="n">
        <v>3800</v>
      </c>
      <c r="D265" t="inlineStr">
        <is>
          <t>0.15606245</t>
        </is>
      </c>
      <c r="E265" t="inlineStr">
        <is>
          <t>&lt;class 'numpy.ndarray'&gt;</t>
        </is>
      </c>
    </row>
    <row r="266">
      <c r="A266" s="1" t="n">
        <v>264</v>
      </c>
      <c r="B266" t="inlineStr">
        <is>
          <t>Loss/total_loss</t>
        </is>
      </c>
      <c r="C266" t="n">
        <v>3800</v>
      </c>
      <c r="D266" t="inlineStr">
        <is>
          <t>0.33842772</t>
        </is>
      </c>
      <c r="E266" t="inlineStr">
        <is>
          <t>&lt;class 'numpy.ndarray'&gt;</t>
        </is>
      </c>
    </row>
    <row r="267">
      <c r="A267" s="1" t="n">
        <v>265</v>
      </c>
      <c r="B267" t="inlineStr">
        <is>
          <t>learning_rate</t>
        </is>
      </c>
      <c r="C267" t="n">
        <v>3800</v>
      </c>
      <c r="D267" t="inlineStr">
        <is>
          <t>0.001</t>
        </is>
      </c>
      <c r="E267" t="inlineStr">
        <is>
          <t>&lt;class 'numpy.ndarray'&gt;</t>
        </is>
      </c>
    </row>
    <row r="268">
      <c r="A268" s="1" t="n">
        <v>266</v>
      </c>
      <c r="B268" t="inlineStr">
        <is>
          <t>train_input_images</t>
        </is>
      </c>
      <c r="C268" t="n">
        <v>3800</v>
      </c>
      <c r="D268" t="inlineStr">
        <is>
          <t>[b'512' b'512'
 b'\x89PNG\r\n\x1a\n\x00\x00\x00\rIHDR\x00\x00\x02\x00\x00\x00\x02\x00\x08\x02\x00\x00\x00{\x1aC\xad\x00\x00 \x00IDATx\x9c\xec\x9de`TW\xda\xc7\x9f$$!\tq\x88{\x88\xbb\xbb\xbb\x0b\x11B \xeeF \x04\x08\t\t\x04B xpww-\x85\x16+\xd4\xa8\xbbwk\xdb\xadl\xbd\xbb\xddn\xfb\x9e\xf7\xc3\xc9\x1c\xce\\\x9b;\x93\xd0\xad\xcc\xef\xd3\xcc\x9d;w\xee\xcc\xdc{\xces\x1e\xf9?\x00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Q\xa2D\x89\x12%J\x94\xfc\x1ey\xf9\xea\xfe1&lt;\x9a\x85B\xef\n3SeoD\xbf|\xa4\xc0\xa1\xf4%\x0f\xb6v\xd7\x08\xeff\xc9\xf3R\xb4\xb5&amp;y\xac!\xfas\xd3\xdc\x8c\x19[N\xae_0\xc5\xdf\n\x00f\xe5G\xca|\xbb\x8f.\x00\x806k\xbb\x99\xf4\xd3\x8f\xef]\x10y&gt;NjRO#\xcc\xc7\xe1\x07qv\xec\x0f\x01\x00\xe8(\x88\xa6\x9f\xba\x8f\x87\xf7\xee\x9eb\xef6\xdcY&amp;\xf2\x04\x00 \xdf\xcfr\xdb\xc2\xba\xd2\x08\'\xb2\xa5\xb38\x8e&lt;\x1e\x07\xe0&gt;~\xe4\xf1\x94\x00\xeb\xc3+;\x10B\x08\xa1\xff|\xf0\x14B\x08\xfd\xf4\xbe\xb3\x1a\xe3x\xf0\xe8\xfe!\x15\x00=\x00\x84\xd0\x8bW\xf6"\x84\xde\xbds\xb2=?\xe2\xad[\xc7\xf0\xa7LV\x01|\x10\xf2ubl\xc6w\x95&amp;\xe2\xc7\'\xd6\xceG\x08}\xf0\xe4\xd9T\x17#\xbc\xa5"\xd6\xfd\xdd;\'\x0b\x02m\xc2LU\x17Ug\x86\x9a\xa8\xe0\xed&gt;\xbapzC\x8f\x87\x16\xb4\xe7E\xacn/\x99\x11\xe5\x12k\xab\x85_\xea\x99\x91\xf2\xeb\xdf\x9f\xfb\xf4\xf9\x87\x8e\xad\x9e\x8b\xd0\xbf]\xd5\x01\x00\x8a\x82\xed\x10BA\xc6\xb0\xbd\xb7\x1e\xef\x96\xe5e\x8a$L\rupR\x05\x84\xd0\xdd\x13\x1b\x86Z\x8b\xf0\xc6%\xb59\xef\xdd=\xd5\x90\x16\x80\x9f\xe2w\x99\x01\x14\x87\xd8#\x84\xd0\xf7om[X\x877\xc6\xdaj]?\xb0*\xd3\xd3di]\xeeKW\xf6\x91\xc3\x1a\x03h\x01\xe0\x9d\x7f\xfd\xfbs\xb3\xa6D^\xdd\xb3\x1c!4#\xca\x85\xfe\xd1l\x01\xbe{\xeb6BhQU&amp;Bh\xd3\xfc\xca\x95\xad\xc5\xcf^\xd8\xd1Y\x1c{d\xe5\x1c\xfc\x1b\xe2\x9f\xc8\x00\xa093\xb86\xd9\xb76\xd9w\xc3\xdc\xf2\xbe\xca\x8c\xd3\x1bz\x00`j\xa8\x03}\xc0\xf6\xbc\x88\xcax\xcf\xb3\x1b\x17&amp;:\xea\xe2-!\x93\xa0\xab4\xe9\xf4\x86\x9eCC\xb3W\xb6\x15\x93=\xe9[b\xc3\xdcrr\xe6\xf8 \x8c?\xd7\x12 \xdf\xdf\n\xa1\x1f?y\xe6"\xf3\x8fW\xc2\x07s\xd4\x91\x13Om \x17\x1f\xcd\xfci\tr\x1d\xe7\xd2\xf6~\xc6\x16?}\xce\x1d\xa1*\xc1\x0b?\xf0\xd5\x93qL\x84\x90\xcc}\x00\xc0\x81k\xe3\xca\xb6\xe2d\'}\x00Ht\xd4\xe5\x9c\x93,\x01\x96\xd6\xe5p|\xe8\xd7\xaf\xe1\x07:\xb2?Y\n\xf2G\x84\x99\x8e\x0c"\x86\x00M\x19\x81\x8c\xdd\xc4\xcf(\x9c,\xa9\x95:g\xc6\xad\xce\x87\x06@A\xa0\r~\x1cn\xc6\x1aV\x01\x00 \xc5\xd9\x80~\xea\xa1\x05i\xae\xc6V\xac\xdd\x18\xb3&amp;\x99W\x08f\x00.\x92m\xc1\x13\x01\x00\xa2\xac4R\x9c\r\xd9\x9f\x18g\xa7=\xa70\x86\xde\xf2\xea\xb5\x03\xdbzj\x01\xe0\xc8\xca9A\xc6\x00\x00\x0e\xd2\x17\xd2\xda\xd9\xa5\xe6\x00\x00\xb0gI\xcb\xf2\xe6\x82\x1b\x07W\x1f\x1e\xea\xd8\xbb\xb4\xf5\xc5+{\xc97]T\x95\x81\x10\x9a\x95\x1f\x89\xbf\xa7\x93\xda}\xa3\x04\x8f&gt;\xf7\xcem\x9b\x04\x00\x00v\x00\xa7\x87\xbb\x11B\xdf\xbdu\xfb\xeb7n\xe0\x1bafnX\x84\xf9\xb8_\xff\xfe\x1c~:\x1e`\xcd\xaci{\x97\xb4|\xf3\xc6\x8d\xae\xd2$\x00\xb0\x02@\xe8\xdf\x08\xa1\x864\xff\xbb\'6&gt;uf\xcb\xb9\xcd}\xf8\xc8Y^\xa6m9a}\x95\x19\xcej\x90\xee&gt;\xf1\x93g/!\xf4\x05\x00\xf4\xd7d\xd7&amp;\xfb\xa0\xef\xde|\xf7\xce\xc9\xeaD/\xf4\xcfW\x11B\xee\xe3\x01}\xfb\xc6\xe3\'7\xe2\t\x8f|\xc7u\x1d\xd3\x11B\x06\x00\xe8\xabW\xdf\x7f\xfct\xb8\xb9\xda\xd2\xba\x9clo\xb3\x9b\x87\xd7\xfc\xf2\xc93\xf5\xa9~\x8bk\xb2\xbag$_\xdb\xbb\xe2\xf8\x9ay\xae\x1a\xb0\xb5\xbb&amp;\xd9I\xff\xc3\xa7\xcf\x95\xc7\xb8\xe1\xd3#,\xa9\xcb\xc1G\x8e\xb7\xd7\xd9\xd3\xdf\x9c\xe3c~`\xb0\xfd\xfa\xc1U\xf8lg\xe5G6\xa4\xf9?qj\xf3\xa5\xed\xfd{\x97\xb6nYP\xfd\xf8\xc9\x8d\xc7\xd6\xcc\x1d\xee,\xab\x96\xdc\xa4\x00\xb0\xbd\xb7&gt;\xde^\'\xc3c\x12\x00\x04\x19C\x94\x95\x86:@\x88\x89\xd4_\xb9\x7f\xd9\xcc\xd5\xed%\xedy\x11\xef\xde9I\xcfg4o\xdf&gt;N&amp;\x80&lt;_K\xfa#\x00\xc0\x12 \xc4\x04\x92&amp;\xeb\xb9i\xc2\x8e\xbe\x06\xf6\xdb\x95(\x02\x9f\xb9G3\xbb \x8a\xb1\xa5&lt;\xd6]\xf8-1\xd6\xe3\x85w\x18=\xd6\x00\x08!\x7f\x83\x07u\xfcU3\xa7\x02@[N\x98\xfdX\x1fy\x92\x9c\xfbk\xca\xdeE,\x9c\xd6\x80\x93\xf4\xe2*\xd0\x08\x00 \xc2\x9c9\r\xb8\xb2\xa6\xa6yS\xe3\xe9\x8d\xd6\x00*\x00\xd3\xc2\'\x0b\x9c\xc0\x9aY\xd3@pZ\n4\x92z\x1ag+\xe3\xfaLp\x98\x90\xe5i\x1ae9r\x1e\xc3\x9deGWu\x9e\xdf\xdc\x17m\xa5\xe9\x08`\x0f\xb0an\xf9\xb2\x86\xfc@#0\x07\xd8\xdaS\xbb{q\xd3\x0b\x97\xf7 \x84\x10\xfaLK\xfaP\xaa\x00\x9f\xbdxeYc\xfePk\xd1\xba\x8e\xe9\x00\xa0\x07\xd0\x9e\x1f\xb1\xa2\xa50\xdf\xdf\xea\xed\xdb\xc7\xb3\xbcL\x01\xe0\xc6\xc1\xd5/&lt;\xb4\xe7\xf8\xday\xf4(\xe6\xa5\x03o\xdd:\xd6\x98\x1eh\x0f\xe0\xab\x07o\\?\x82\x10j\xcf\x8f@\x08\xf5V\xa4\xe3A-\xdf\xdf\xea\xda\xde\x15o\xdd:v\xf7\xc4\x06\x84\x10\xfa\xfcEu\x00\x008&lt;\xd4qh\xc5\xec\x13\xeb\xe6o\xed\xae\xb9\xbag\xf9\x89\xb5\xf3\x9f\xbd\xb0\xb32\xde\x13\x00z\xcaRNo\xe8\xde\xdd\xdf\xfc\xd6\xadc\xe4\xb3\xa2\xac4\x11\xfa\xa2 \xd0\xe6\xe0\xf2Y;\x175\xda\x03\xdc;\xbf\xdd\x1e\xe0\xfc\x96E\x08\xa1=KZz+\xd2\x9e&gt;\xb7\x8d\x0c\xa6\x11\x16\xe3\x00\xa0\xaf*\x03\xaf\\3=Mr|\xcc\xf1zt\xfe\xb4D\xf4\xcd\xeb\x92\xc3\x8e\xfc\x86\xc9N\xfa\xcf\x9c\xdf\x91\xee&gt;\xb1,\xda\x95L\xc0\x93\x00\xb6\xf5\xd4\xce\x9e\x12\xb5\xbd\xb7\x1e!\xe4-1\x7f\xe6OK@\xe8s\x17j\x96\x1f\x0f`\t\xd0Y\x14K\xff\xb6)\xce\x06\xbf\xfe\xfd\xd9g/\xec@\x08\xa1\xcf^\xe0[[\';\xe9#\x84.n\xeb\x7f\xff\xf1\xd3\x9b\xbb\xaa\xe8\x97\xc6\x03\xf8L\x00\x00\x084\x82\x05\xd3\x93x\x0e\xf0WB\xe57\xfc\xac\x0f\x9f:\'\xd7\xfeS\xfc\xadbm\xb5o\x1d^\xdbW\x99.sgOm\xd0\x00\xf0\x94=\x13Iqx\xa8\x83\xd3\x8e\x18\x13&amp;K\xff\xb8\x1c\xd6\xe9\xe8XX\x9ef\x05\xdcK+\x00\x98_\x92\xd0\x92\x15Bo1\x03\x98\x12`=\xfa\xcfe\xac\xbaT\x01r},\x183\\\x08k\x82\xd2\x04\xa0\xe7sz\x16\x19\xee,\'\x8f\xd3\\\x8d\xf0\xacI0\x01\xd88\xafB\xde\x93d8\xfb\xbc\'0wPc=\x98S42Na\xf3\xd6\x11\xa0\xab4qV~\xa4\x1e\xc0\xe2\xea\xcc\xf3[\xfa\xd2\\\x8d\xe7OK\xa8\x88\xf3\x00\x80TW\xa3\x9f?|\xfa\xf0\xca\x0e\xfc\x16\xe2\xbe\x88\xb5\xd1z\xf9\xea\xfe}\x03m\xf4\xffR\x1cbo\x05`\n\x904Y\x0f{\xdb\xbcu\xe0\xad[\xc7\xaa\xe2=\xe9\xdd&lt;\xb5\xe1\xf9\xcb\xbbu\xf0\x1a\xe2\xdb7g\xe6\x86\xbf}\xfb\xf8KW\xf6\xfe\xfa\xc9\xb3\xe8\xfb\xb7\x11B;z\xeb\xebS\xfd\xf1\x88\xfc\xd8\xb1\xf5\x08\xa1\x03\x83\xed\xff|\xf5\x11\x1b\x00\xf4\x8f\xe7\xdf\xbaulfn8\x00X\x00\xd4\xa5\xf89\x00\xec]\xda\xfa\xc8\xfe!\x00\xc8p\x9f\xb4\xa04iU\xdb\xd4h\xeb\xf1O\x9c\xda4Y\x05N\xac\x9d\x9f\xede\xe6\x000%\xc0\xdac&lt;\x00\xc0\xad#\xeb\xac\x01\xb6,\xa8^\\\x9d\x85\xaf\x92\xc6\xf4\xc0g\xceo\xdf\xd6S\x8b\x10\xb2\x00\xd0\x00Hv\xd2\x8f\xb0\x18\x97\xefo\x85\x10Z5s\xaa\x93*\x18\x00l\xeb\xa9]\xdd^\x92\xe6*=\xebJ\x98\xcc\xe1ve\xe2\xa3\x0b\x83MS8_Z\xd9V\xbcgI\xcb\xd5=\xcb\xc9_\xd3\x92\x15\x82\x10j\xc9\nf\xef\x9c\xebk\x81\xff8|\xeb\x91\xff\\\x05\xe0\xa3{\x17v\xf65\x90_;\xccT\xb5(\xd8N\xf6\x99\xfd\xe9\xc9\xf16\xe3\xdc.r\xd5/\x17\xd8p\x03\x80\x19\xd1lCp\x04\xc6}:wj\xdc\xceE\x8d\x08\xfdk\xccOF$\xc9\x94\xcb\x82\xcf\xe2\x10\x868\x82\xd98\x8f\x83i\xe1\x93S]\x14\x9c\x1a\n\x02m\xaa\x12\xbc\x10Bt8\x81\xc6\x14\xe0\xb3\x17\x1f\x16s\xa8G\x0f\xac\xc4\x0f\x06\x1a\xf2\x00\xc0\x00 h"\xaf{\xad5;\x94\xb1\x08(\x0c\xb2e\xec\xd3\x98\x1e\x80\x1f\x10\x13\x8c\xf15\xef\x1c\x1b&amp;\x8f\x15\xfba\xf1y\x12\xf6.me\xf8\xd3\xb6\xf7\xd6\x931\xbd93\x18\x00\xdc\xa4\x7f\xa7k{W\x00\x80\xa9\xe4i\xf7\x8c\x94X\x9e\xb5\x02B\x881\t\xb9k\xc2PK\xd1\xd3g\xb7V\'x\xbdK\x851\x18\x8bV=\x80\xa7\xcfnE\xe8\x8b\xc2@\x9b\x9b\x87\xd7\xbcz\xed\x00&gt;\x13\x0c{\xfeNt\xd4{\xed\x91\x83\xcd\x99Ax\x94\xafN\xf4\xea\xabL\x7f\xf9\xe1}\xef\xdd=\x85\x10\xbaux-\x9eZ\x10B\xcf^\xd8\xb1\xa3\xaf\xe1\xb9\x8b;\x11B\xeb:\xa6\xb7\xe7G\\\x97\xfc\x89\xc4\xb6%w\x1c\x00$M\xd6\x07\x80\xd2\x08\xa7\xab{\x96\'M\xd6S\x05X\xde\\py\xc7\xd2\xb5\xb3K\x01{\x84\xbey\xfd\xf2\x8e\xa5E\xc1v\xe4G\n5Q\xf9\xec\x85+\x9d\xc5q\xf4\xd2\x01\x00\x9e\xbd\xb0\x03_\x00*\x00\x9d\xc5q8\xc42\t`\xc3\xdcr&lt;s0.h\xe6\xc5\xc1b\xa2d\xc0\x99\x08\xb0\xbc\xb9\x00\x00\xeaR\xfc\xf0\xd3\x9a$o\x84\xd0\xee\xc5M\x02oG\x08-\xae\xcej\xcb\rC\x08e\xb8Od\xfb\xfdC&amp;\x01B\xe8\xe1\xdd\xcb\xe8\xe1\x8e\xef\xae\xf9k\xf1\xc5\xcb\xd7\x18[~\'\x13ce\x9c\x07~\xc02\xdd\xfe\xf7\xb0/\x1d\x81\xa0\xf4\xbc\x92x\xe1\xa31\xde\xcb\xf4v\xf3S\x11\xeb\x9e\xedev\xef\xdc\xf6\xfe\x9a,\xc7Q,\xe5\xa6\x86:\xec_6S`\x87\xfe\x9a,\xc6-M\x9f\xb3\x87\x16\xdc&lt;\xbc\x86\xf1\x96\x9e\xb2T&lt;\xc7\x17\x87\xd8\xe3eY\x82\x83.\xbd\x03\x1d\xb2^?g\x86\xdc\'\r\x00\x00\xee\xd4\xffpe\xd72\x86\xe7\x07}\xf5*c1A\x96)\xde\x13p$p\xb4\x8b??}\xd84\xbf\xf2\xdb7o\xe1\xa7\xfe\x06pm\xdf\n\x1ci\xd7\x05XR\x9b\xe3\xa5\x03\x7f{\xe2\xcc\xc7\xf7.\x1cX\xde\xfe\xf6\xed\xe3[\xbak\xf2|\xa5\xe6;\xc6huz\xb8\xfb\xca\xae\x81\xaf_\xbf\x81\x10\xda\xbb\xb4\xb51=0\xcaJ\xa3\xb3(\xf6\xfd\xc7OW\xc4\xba\x97F:EYj&lt;sa\x07B\x88\xcc\xce\x08\xa1\xcaxO\x84\xd0\x85\xad\x8b\x02\x8d\xa0\xab4q^I|\x9e\xafE\xaa\x8b\xe1\xf4Hg\xfa\xe0\xa1&amp;*\xaa\x920\xe9\xfa9eaf\xaa\x1b\xe6\x967\xa4\x05\xb4d\x85\xd4&amp;\xfb\x1eZ1\xfb\xe2\xb6\xfe\x15\xcd\x05\x00`\x06\x10c=~u\xfb\xb4%u9]\xa5\x89\xcf_\xda={J\xd4\x93\xa777\xa6\x07\xaa\x02\xa4\xbb\x19\x9fX;\x1f\x1f\xf3\xd1\xfd+I\xe0z\xef\xd2\x16\xfc`&lt;\x00^\x8b0\xe0\xbbH\xcd\xa9k\xc0\x12\xc0\xdf\x00\xd2%\xc9\x0e\x9a,G\x10\x83\xeaD\xef/^\xbe6\xa7(&amp;\xc5\xc50\xd2B\x9d\xedj\x06\x80\xfe\x9a\xac\xb3\x1b\x17n\xed\xaeYX\x9eF6\xe2\xd0\xd1_\x9d\xd7\xaf\x1fV\xe0]*\x00;z\xeb\xb3yV\x0f\xc2\x908\xa1\\\x08D\xa1\x15;\rN\xd0\x97\xaf\xd0OK#\x9cL\xf9v\x15\rm\xf1\x81$^\xa2\xcb\xda-\xcaJ\xc3\x14\xa0(\xc8\x8e}\x04\xc6\x85\x1af*\xb5\xa8\xc6\xcb^\x851\x10\xf1\x12\x89\xc5EZ\xaas\xee\xc9\xb8\x97&lt;\xb5\xe1\xc8\xca9\xf8\xf1\xfci\x89-\xd9!\x00\xd0\x96\x13\x06\x00\xd8\xdb\xa0!=\xaf\xb3\xf3p\x14\x80\x11\xc8\xd1\x07@\xe8\'F\x9c\x89\x84.\xc7q\xcd\xd9v\\\x87%\xae,&gt;\xe7b\x94\x95\x066\x81\x975\xe4%8L \x11\xd1\xc7\x8e\r\xe3\x07u)~SC\x1d\x8a\x82\xed\xd8cb\xa0\x11d{\xdd\xbf\xc4\xb6v\xd7\xa4\xbbM\xcc\xf11\xc7Q\xfd\x87v.\xfd\xf8\x99\x8b\xd8\x8f\x8f\xc1\x81\x96\xb2\x187\xfc\xd4S\x1b\xe6OK\xec\xadHOt\xd4\xc3\xcb\x02\xfc\x15\xd8\x16w]\x8a\xdf\x9aY\xd3H\x9c\x06g=&lt;{q\'B\xe8?\x1f&gt;E\xe6\xc5\xe1\xce\xb2\xbb\'6\xdc\xff85\x98\x00\x10g\xa7\xbd\xb2\xb5\xb8$\xcc\xf1\x9d\xc7N|\xf3\xc6M7M\x98\x11\xe5\xc2N^\x084\x02\xf4\xc3;8\xadc\xff\xb2\xb6+\xbb\x06f\xe6\x867g\x06\x97F8ey\x8e|\xc7\x04\x87\t\xd1V\x9a$]\n\x00\xae\xee\x19d\x9fme\x9c\x87\x0e\x00B?\xb2s\xde0\x1b\xe6\x96\x933\xc4\xe0\xa0\xfd\xc2\xf24\x84\xd0pg\x19\xe3b\x18\xa8\xcf\xabO\xf1#\xd9D\x981w\xc9\xfe!\xc1\xc31c\x90"T\xc6{\x8c\xf9\'\xbe\xf8\xd0\x1e\x05\xde\xf5\xcd\x1b7\x19[\x84\x8d\xd6\xdf-\xc2\x0b\x9a,/\x8e\x19\xa75;tl\xcfaj\xa8\x03#;B$\xf4\xad+\x9chD\xf6lL\x0f`;\x81-\xa5\x83\xd2\xa3\xcc1\x8b\xb3\xd3\xe6&lt;\x02\xb6\x91\xad\x00\xb8g-i\xf8\xbe\xce\xac)\xb2\x93ki\xa6\xf8[\xe1\x11\xed\x87w\xee$:\xea\xe1\xd3c\xa79\xd1x\x8c\x87\xeaD\xaf{\xe7\xb6\xcd/\x19I\x8a3\x06\x08\x99\x04\xfd5\xd95I&gt;\x0f\xed\x1a0g\xbdE\x1d\xc0\x14 \xdc\\-\xdf\xdf\n\x07\x1fJ\xc2\'?vl}]\x8a\x1f\xa75\xb4\xb9\xab\n!437\xdc\x0e`w\x7f\xd3\xd6\xee\x9a\xd7\x1f=\xb4o\xa0\xed\xce\xb1\xe1\xd3\x1b\xba\xe9=K#\x9c\xf8\x02E+Z\n+b\xdd\x01@\x8d2\xf0\xf1r\xc7Sk\xc4\xed\xbe\xa46\x1bo\x9f\xac\x02\x05\x816\x91\x16#\xbf}\xa8\t\xb4\xe7G\x00@\x98\x99\xea\xa9\xf5\x0b&gt;z\xfa&lt;9\xe6\xf9-\x8bn\x1fYG\x7f\xd0dU\xa8K\xf1C\x08qN\xba\xbb\x167!\x84"-\xd5\xcfn\xea\r\x9e\x04\x00\xe0\x00\xb0i~e\x901\xe8\x01|\xf9\xca#7\x0e\xad&amp;\x8b\x12\x0c\xb6O\x9c\xd5\xc0Ur)\xc4\xd9\xc9\x9b\x7f\xf7\'\xe5\xc1\x85@\xc7\x10\xdaB$\x1e\xaa\xe2\x901\xcf\xac\xf9\x1f`\x0c\x90\xe9i\xc2\xf9\xd28\x96C\x99`\r\xf0\xc8\xbe\x15\n\x7f\xe8GO\x9f\xdf\xbc\xa0\x9a\xb1\xd1N\xf2@ h\xc7\xf6\xf5\x0b\x90\xe5i\x02\xd2\x99\xbb\t\x0e\x13\x00\xc0V\\`P$\xcb\x1a\xf3\x01@\x83J\x15\xa5\x87K5\x80Y\xf9\x91\xec\x0bexnyk\x8e\xd4\xb4\xca9\xea\x1d\\&gt;\xab\x8a2\xc0E\xb2ma]M\x92\x8f\xc84\xade\x8d\xf9=e)\x00`\x04pz\xb8{\x1c\x80\xa7\x16\x00\x00\xceL\xf6\xd3\x87EU\x19\xc2G\xe0\xbez\xa4\xd9\xdd\xdf\x8c\x10\xda0\xb7\xbc\xa7,e{o\xfd\xd4P\x07\xfc_\x10J\xc2\x1c\xf1\x83\xce\xe2\xd8\x93\xeb\x17\xf0M\xc9\x08\xa1\xd9S\xa2z+\xd2\xc9S3\x80\t\xd2\xbf9;\xde\x8e\xc1s\x86!\x801\x00q\x9a\x01\xc0\xf6\x85u\x08!\xfcs\xa5\xb9\x1a\x15\x87\xd8\xbf\xff\xf8i\xf4\xed\x1b\x9c\x89\xd7\x13\x00\xfc\xf4\x00\x9f+\xed\xe0"\x99\xdcx%4{\n\x87#\x88&amp;\xd6VK\xde&lt;\xba?\'O\x9f\xddZ\x9f\xea\xff\xbf&gt;\x0bn\x9a3\x83\xf0\x03/\x1d\x00\xc9\xe8c\x05@V\x94\x7f\\\xd8\x89\xed\xf2\xe2(\xf8\xaa\xf0\xecxx\xa8\xa3:\xd1\x9b\xde\x82o\x06\x1c\x9a\xe7\r\xd0\xb3N\xdb\x90\xe5x\xa1\t\x9e\x08\xea\x00c\x90u\xc4O\x9e\x9f\xe5Sg\xb6\xe2\xc7.\xd2v\xbe\x1e\x80\x0e\xc0\x89\xb5\xf3cm\xb4\x00\x80\xd4^\x01\x80\x97\x0e0*\x03\x00\xe0\x99\xf3\xdb\xd9\xc7\x17Q\x1f\xc2\xc1\xd9M\xbd2\x03?\x0c\xac\x00\x0c\x01&lt;\xb4\x80a\x8f\x1f[3W\xcc\xdbq\x8e\xa60\x81Fph\xc5\xac\x8d\xf3*\x9b2\x82\xe8\xed&lt;\x91~\x00\x80\xeaDoG\x80\xe7.\xee${"\x84\x16Ug~\xfb\xe6-&lt;/\xd6$y\xd3\x16\x01B\x88\x8c\xda\ri\x01\xc2\x97(\x00\x0c4\xe4\x8d\x07pR\x85\xd7\xaf\x1f\xb6\x068\xba\xba3\xdf\xcf\xcaG\x17\x10B\xe8\xf3\x97\x9cx\x1c\x83\xdf\xbcq\x03\x97\x0b0\xa8I\xf2\xde\xda]\x83\x10B\xdf\xbd9\xda\xbb\xeb\xafC\xc0\xef\xcf\x13F\x0c\x08\xfa\x96V\x050\x93$\x17\x8eI.\xe3\xff\n1v\xc7\xf15\xf3\xe8\xa7K\xb8J\xc9\x14@\xb1\xf0&gt;=\xe8\x8fI\xd8\xccc&lt;3#H\x01\xb0\x89\xea\xa7\'uJ\xec\x00 \x1e\x9e\xf4\x00\xde\x7f\xfc4=\xaf\x9d\xdf\xd2\x17n\xa6\x86\xd0\xdf\xc9\x16N{S$\xc4%\r\x00\x96\x00}\x95\xe9|\x01F-\xaeU]M\x92O\xba;\xf7\x1b\\y\xbcWZ\xac-+Z\n\x85Or~IB\x80!D[\x8f\xe7[q\xd2\xce\xaeq\x00\xae\xeap\xf7\xc4\x86 \xe3\xfb\x81\x93 c!\x07\xe6dU@\x08\x91uU\x82\x83\xee\xa6\xf9\x95\x8c}pn\x0f\x1b\x17\xe9\x01[x\xf8\x8e\xb7\xd7\xf9\xfe\xed\xdb\xf8\xbfnL\x0b\x00\xc9\xca2\xcb\xd3d\xef\x92\x969\x851\xc2\xa9\xe0\xe76\xf7\x9d\xde\xd0\xed"\xc6-\xa8\xe4w\x88\xb5\xf4z\x93\x81\x98\x92\xb4\x07J\xb9$@\'`\x1a\x9b\xc92-iU\x03\x0cB\x88\x91A\x91\xeef\xdc\x90\x16\x00\x8a\xaab\xd0\xf8\x1b\xc2o\xb9\xa4Jq6\x08\x1a\xddL"p\x01\xd04\xa6\x8f\x14H\xb3\x1d\x02\xedy\x11+Z\n\xc7\xca\xff\xb9\xa7\xbf\x99\x1e\xb3Z\xb2B\x18\x8b\xa8x{!\x8fs\x98\xa9\xea\xc9\xf5\x0b~x\xe7\x0e~J\xa72]\xda\xbeD\xcc\t\x0c\xb5\x16\xd1\x85x\x9c\x9e:\x05\x92\x05:\x8bb\r\xa8\xa7\xdb{\xebO\xae_\xc0\xde\rga\x9c\xdb\xdc\x8b\x10\xb2\x01\x88\xb5\xd1\x9aKIqh\x02T%x\xe1u\x06B\xff\xe0\xcc\x01Q\x95\xb6-\xe8\xefb\x0b0\xa7(\x16\xe7\xaab\xec\x00pe\x1c\x00T\xc6{\x96\xc7\xb8e{\x99\xf6U\xa6;\x00,\xa9\xcbYX\x9eJ\xfcW\x9c\xce(\x84P\xbc\xbd\xce\x1f\xc2\xf5\xfd[0f\t4\x7fv\xc4\x14%\xe7\xf8\x98\x8b\x11\xb7\xd84\xbfJ\xe6&gt;\x0ch7\x1d\xbe\x8f\xc7"qf\x04F\xc4\xec\xc1qO\xe2f\x11\x8e$\xd8\xc9:\x8e\x98\t@_:\x0b\x9eAi\xa4s_e\xfa\x98\x8c\x02\xd5\x89#Yh8\x81\x1d\x00TXu\xd1\xd8\xc2\x15\xb8\x846\xce\xab\xbcqp\x95b\'\xb0\xb4.\x97\xb66\xfa*3\xd8a\x83\x81\xfa\xbc\xe9\x92\xca\x1e\x91\x15\xb0\xe3)\xb3#\xdf\xdfJ\x1d8\xac\x04\xfc\xb95I&gt;\xf5\xa9\xfe\x1b\xe7U \x84&lt;\xb8.%rz\x0b\xa6\'\x8915\x18S\x84\xaf\x1e\xe0\xb2/_=)W\x1e\x00\xc4\xdb\xeb\xac\xeb\x98\xceX\'iH\x92\xc8{\xcaR\xd5\x00&amp;\x028\xa9BSF\xa0\xab:\xcc\xca\x8f\xec\xaf\xcd\xee\xaf\xc9\xfe\xfc\xa5\xab\x7fx?\xb2\x12\x0c\xc94\x18s\xcel\\\x88\x10*\x11\x94%\x90\tm\x85h\x02t\x95&amp;2D\xaf\xe4\xe5\xe0\xf2Y"\xf7\xec\x95\xae\xa0\xe6L\xcd\xfe-q\x16\xe7\x9a\x95K\x99#\xc0\x10B&amp;\x81\xfb\xf8\xfb\xa6\x8c\n@GAtcz\xc0\xfeem|\xefZT\x9d\xb9j\xe6\xd4\x14\x17CF,\x94\xc6\x87\x9d\xab\xcb\xc5\x0e\x89.\x1b\xc1Kz\x15j\x0e\x80\xbey\x9dO\x1c\t\x00\xbct`f^\xb8\xf05\xb1fV){\xe3\xe7/]m\xce\x0cfT\xbf\x07\x19sd=\xd5&amp;\xfb\x92\xc7bl\xbe\xda$\x1f\x92\x829\xd4Rd\xc7\xbfga\x90\xed\xe9\xe1n\x00\xd0\x01\xf0\xd5\x83\x18\x1b!K\xe9\x85\xcb\xbb9\xb5\xff\x08\xa4x&gt;\xd4\xf4\xfe@O\x16\x07\x08\xa1\xe3k\xe7\xd1\x05\xf6\x13\x00\xb6\xf6\xd42\x0e\xd2\x90\xe6\x8fs\xcc\x82\x8ca\x1c@\x96\xa7im\xb2/\xf6:\xbaj@[N\xd8\xd5\xbd\xcb\x05\xca\'\x95\xfca\xc0\xdeI[\x003\x80W\xaf\x1dT\xb8\xa0\x94\x0f\x9cQ\xa0*\x89d\x8e\x89\xc1xd\xe5\x1cN\xff\x8f\x80E\xff\xc8\xbe!\xfai\xbc`\x06[e\xbc\xa7H\x0f\x89\xbc\xe0\x10\x02\xc3\x04\x93\x0b\xa2\xe0\xe84\xba, \xc6\x0f\xc8y0\xe1\x0c\xe6\\\x1f\x8b\xb7o\x1f\x9f=%J8\x99\xd5\x14 \xdf\x9f#\x87S\x95*T$\xa4\xba\x1a\x01@\xf0$\xe6u\xe2\xa7\x0f;\x1752\xbc@\xfa\xd4\x03g5\xb8qp5\xe3h\x99\x1e\x93\x886\x11\x00\xcc\x9d\x1a\xc78\x8f\xc6\xf4@\x84\xd04\xca[\xd8=#Y\xf0\xdb\x88%\xd9I\x7f\xee\xd48z\x8b&gt;\xff\xb2l\xef\xd2V:\x04"\x8c\xcc\xe4\x1cNpx\x1c\xe3\xce5\xbf\x18\x00\x00\x80\x03\xc0\xfci\x89t\xfe\xd2D\x804Wc=\x90\x9a\x96&amp;\x00\\\xd9\xb5\xec\xab\xd7\xae+p&amp;\x7fZ\x88\x10\x07\xe7\xe5\xfe;\x84a\x9c\x8d\xde\x0f\xce\xe6\x8b\x97\xaf\xe1\t\xc0g\x02\xe8\x00\xbc\xf0\xd0\x9e1\xf2\x18\xc8H\xc0\xf7\x14\xf4\xc7`\xc5\x95\x99y\x8a\xd8\xf2\xa3\x0c\x90\x8c~^\xe1\xd3\x96P\x00,\xc2\xca\x80Ws\x83Ei\x84\xd3`\xd3\x14|\x90\xe2\x10{\x92\x04\xc9\xa6\xa30\x9a\xbd\xf1\xf2\x8e\xa5\x8c-\xb4neY\xb4+\xe3U\xf64#&amp;\x0b\x9d\x9e3\xd8y\x99\x08\xa1\xff~|O\xc4a\xee\xa7x\x1a\x88\xd9\x1b\xe0\xd8\xea\xb9\x8c1}4\xc3\xc2\x98\xdc5xQ\x18i\xa1NG2\x18\x13\xff\xcc\xdc\xf0s\x9bz\'\x02L\xa4\xdc\\\xd8t;\xbcr\x0e\xfd\xc6\x08\x8bq\xca:\x80?&lt;s\x8ab\x1e\xa8\xeb\x1a\xfd\xf3\x15\x84\xd0\xc2\xf2\xd4&lt;?K\x13\xc9j\xe0A~\xa0(\x9e8\xb5iw\x7f3]\xb8G2\xa2bl\xc6\x13\xb1eru\xf3\xe5\xd2\xc9\xa4C:Qr\xf4\xabe\x15\xae\xe0\xf6\x98\xa3".:\xd2W\x99\xee1\x9e\x999*\x125\xe0U.\xe3Cx\xd1\xa6\x00\xa9.\x86\xff\xf7\xe9s\x0c\xa1\x8bt\x9e\xbaY\x02I\x99\x15&amp;d\x12\xaf\x9a\xb7\xbc\x18P\x13\xc0\x9e%-^\xa3\xb0@,\x00\xe8P0\x81Hk\x18\x03,\xa9\xcd\x99\x08\xe0&gt;\x1eJ\xc2\x1c\xb1\xe3hYC\xfe\x86\xb9\xe5\xa1&amp;*\xe8\xfb\xb7\x14\xff\xec?7\xf4J\x93\xc0(\x93\xf9\x8d\x11i)\xd2#\xb2\xaa\x9c\xbec1\x98H\x8aH\xdfy\xec\xc4\xd8N\x00\x02\xd64I]`\xbb\xa0;\x8bc7\xce\xaf$\xc9-l8sL\xd9!A1\xa5Cc\x02=\xc0\xd2\xad`\x0c\x1e\xcc\xc7\x19\xf3\x8c\x11l\x12\x1ct\xc5/\x17\x188\x00t\xcfH\x11\xbf\xff\x98\x08]0\xd0aEJE\xe2\xa9\r\xc1\xd2W\x89\x02i \xec\xf1\x82/\x8f\xa02\xce\xe3\xec\xa6\x85\xf81B\x9f\xcb\xffQ\xf7\xd1\x91\xe4\xac\xabQ\xba\xad*\x00\x08\xa1\x97\xae\xec\xc3O\x9f&lt;\xbdyy\xd3\x94m\x0b\xeb\xd6uL\x0f\xe4\xf9\x83\x19J*\x7fu8G\x7f\x00\xd0\x17\x94\xb1\xfc\x9d\x80\xd0W\x1f&lt;y\x96&lt;]\xdd^2\xe6\x1f\x91\xebcN$\xd1;\x8bc\xc7\xe4\x98|\x97&amp;\'^\x12\xdb1\xdb\xcb\x0c!\x84}\xa0\x08}%\xfe\x08o\xdf&gt;.\xc7\xe7\x8d)y~\xf7\xe32I\x93\xf5\x00 d\x12\xd4&amp;\xf9\xe0\xc7\xff[\xda\xf3"\x18\x0b\x00\xb7\xb1\x0b\n\x922&lt;\\\x86\xc6\x80\x1dw\x1e\xfd\xcf\x914YO\xa4\x9b\x86/\x86\xc3\x18\x08\xc6D\x84\x11g*c\xc6\xce\xff\x07\xcb\x1a\xf3\x93\x9c\xf4\x01@\x07`~I\x02B\x08\xdb\xfb\xc4}\xea\xaa\x01\xcf_\xda\xc5h\x06\x80\x99\x1a\xea\xa0\xf2\xc0L\x90?\x0fd\xde\xc6\xfc&gt;#\x03\t\x0e\xba/\\\xdeM\x9en\x90_5\xfe\x8f\xc2d\x158\xb8|\xd6\xd1U\x9d\xc0\xe3\xfe\x96\x99X\x8f\xad~\x99&gt;\x0f\xce\x02b\x85\x83\x07\x08}G\x1e\xe3\xe4\x8dQ\xca\xfe\x08`/O\x9d\x9a\x1e\xc0\x13\xa76\x8b\xe9\x04\xa7\x00g7\xf5\xe6\xfa\x98\x03\x80\x01\x95\xf0J\xab&lt;\x8dI\x13\x0e\xcep\xe8\xe8\x91Y\xa1GN^\x8c\x03V\xb8\xec\x91.\x17\x90\x0bS\x80\x1f\xde\xbdC\x9e\x92\xb2;\xf2\x93\xbc\xf4\xf0\xbes\x9b{\x1f\xd97\x14f\xaa2Y\x15\x1cU\xeeO\xb1\x0fB\xe8\xfe\x8f\r\xa34\xfc\x8fB\x80!x\xeb\x88\x95\xc4\x11\xe3\xec\x15\xe9.7\x90~\x8a\xb3A\x1e\xf4o8\x0e\x80\xa8\xf7\xa0\x1f\xde\x96\xb9?\xa7\xa8\x9c\x18\xf2\xfd\x1e\xd4\\\xefo\x08]\xa5I\x8c!\xb7&gt;\xd5\x0f\x00&lt;\xb4F\xabi*/s\nc^\x90\x16%D\x08\xc9\x94.\x10\x80\xd4\xb2\xaap\x8d\x8c\x0e\x00\ric#\xb8\xe2\xa3{?\xd6-r%\x19n\xa6vfC\x0f\xe7K\xa9.\x86!\xe2\x1c\x82\xf1\xf6:\n\xd8\x01\xc2?\xe9(\x0b\xc2\xf7/\x9b\x89\x10rU\x07\x0b\xe9\xe9\xf0\xdf\xef?\x81\x10\x9a?-\x11\xa1\x9f\x14K\x97\xf8k\xb1\xb8:kl\x0f(2\xdd{\xf4L\xa7&amp;\xf3\xde\x8a4\x00\xb8ux\xad\xc2G\xb3\x06)m^&gt;\xe8n\xd4\xe2Iq6`\xeb\xf3\x9c\xdf\xb2\xc8[G\xbe\xf8\xea\xfb\x8f\x9ff\xc7\x06\x88KtL\xe8\xaf\xcdfK\xe5\xd0\x8c\xc6\xd5\x86\x10b\xcc0\xe5\xb1\xee\x9c\xdd\x9d\xe4B\xb1X\xb7\x1a\xe5\xa0\xd7\x19]\xaeKM\xd2\x88\xb6\x12\xf1t\xd3S\xdd\xceE\x8d2\xd3gI3Ea\x14\x0b(\x90/\xc6\xf8\x8e7\x0e\xad\x9e\xe2/JX\x85\xcf#$|\xd2\xb8\x0b\r\x1b|\t)\x9c\xa1\x00\x00\xaa\x00\xfb\x06\xda\x8e\xac\x9c\xe3\xa9\r\xc5!\xf6\xf4\xe4\xd4U\x9axq[?v\xdb\xe2\xc9\x983\xe4V$\x8f\xb2\xe1\x9f\x16\xc5\xb2\x13\x18#&lt;\xed\xe9\xfb-\xa1\x9d\xe9|R\xf54D\xa7\x81\x93\x8e\xc2h\xfa\xd7\xe0\xd3-\x01\xaa\xf4\xec\xe0\xf2Yn\x9a0\xe1\xc14\x97 \xf7%m\x1b\x8f\xe7\n\xe1\x92\xb1C\xde\x8e\x984\xe4\xb0+\xdb\x8a\x85\xdd\xb5\xf2\xeaG\x91~~\x00\xc0Y)\x8d\xa5\x197wU1Z\xc6+\x06\x16\xd7\x94\x89\xc7xx\xe9\xca^\xfa\x073\x1b\xd3\xce\xc94\xb4\xe3\x8bo\xd0\xfbMW@\x12\xd0\xcf\x1fr\xd6d\x90\x9e\xcc\xb8i\x1a\x1fj\x00\t\x0e\x13\x965\xe6\xd3#,)\xc06\x03Hw\xe3\xb81\xb4\xc64\r!\xdaZ\xaa\xc1\x00\x00\xe4\xf8\x98\xff\xf3\xd5G\x11B\xb8\xd5h\x901\xf7\xdf\x8a\x9b.(\x11K\xa6\x87\t\x8c\xa2{\xdf\x03Bf.\x04\xa7\xdd\x15i\xc9\xdd9\x88\x90\xe7kA\xf7,d\xc0\x97\xf30#\xca\xe57\xa8/\xe7LF\x12X\x9e\xf7\xd7\xc8\xb7\xc2[\xdeT@?\x9d\xcc\xfa\x05]\xc6b\x85\x87\xd0g\x8c/\x12e\xa5\xc1)$ /\x9f\xbdxE\xe6&gt;\x11\x16\xe3\xd0\xcf\x1f \x84\xc4U\xfb\x8e\x01\xb6\x822\xab\x0c\xc6+\xd4\x06Y$d4T\x17t\xd1\x08\xdf\xe9}\x95R\xa9e\xe3%\x1d 2xT\xed\xc6\x1c=\x00\xdc&gt;\x81\xf3GU\x05X3k\xdao\xe6\x8a\xf8K#\xbe\x0ep\xcc\xa1\x07b\x92\xb7:V\x91\xbd\xa9\xfc\xc5A\xc2\xf6\xcb\x9aY\xd3p\x82y\xb4\x15\xd3\xf2 C\xe7\xbe\x01^\x95\x021\xb0\xa7\xbd9\x851\xec\x91\x1a\x00\x10B\xb8\xcd\xafH\xf4\xa9\xba!L}\x8a\x9f\x05@\x90\xa2\xd1[7\xd6\rj\x06\x80\xfb\x8c3\xb63\xb6\x90\xbf\xf6\x01-\xd4_\xba\xb2W@,\x08\xafr,D\x07\x96\xef\x9d\xbb\xaf&amp;\x9d\xe00A\xaeD\xaf\xdf\x00C\x80\xc9*037\x9c\xae\xc5\x9b\x1e\xe9\xbc\xaec:~\xccv@\x95\t.\x97\xe5\x85^"\xcc`\x15\xca\t3\x11\xe0\x91}C}\x95\xe9\x87V\xcc\x9e\x12`\x8d\xd7\xf1SC\x1d\xbe{\xeb6H\nt8=\x19s\x8b\xe3\xe8\xffE\x89l\xc4\xf4Xa\x9b\x9a\x83MS\x88\xffE\x01\x03 X\x8cD\xf2o\x8e\xc0\n\x91q{\xcb\x95I-\xbe\x1a\x16\xef\xc86\x1b\xfb*3\xe8\xb12\xd6V[\x1b`\xb2\xcaH\xa7bCV\x9bO\xbe\x06\x1d\xa9.\x86\x8c\xbe`QV\x1a[{j\xcfo\xee\xa37n\xee\xaa\xb2c\xbd\x97\xee\xe8K\xc3)k\xcc\xb6\xb2\xfbk\xb2\xd9\xf9\xc7{\x96\xb4p\x9f\xe8\x18\xa1X^\xa3\xbb\xfc^\xa1q\xa2\x03E\x86\x00\xce\xe3F\xe5\xb8\xe3d\x12\x95\xd2\x8a\xcd!\x1c"\xdd\xb6\xb0n\x12e\xf5\xb3/E\xdaxb\xdc\x948\xcdA\x07 `\xd4s\xdb\x91UsD\xba\x80\x18?\x8c5\x97\xcb\xdaC\x8b\xa3\x00\xa8\xb3(\xb66\xc9\x07!\xf4\xda\xa3\x87\xe8\xed\xb9\xbe\x16\x8e\x00\xc3s\xcb\x01`\xa0&gt;W\xec\x19\xff\x89at\xbcSl\xda\xff_\xc9\xf3\xf7V\xa4\xe3\xeaG\xc5\x02\xb3c\x05\xa3 S\x00\xb9\x1cD\xf8\xa6m\xc9\n\xa17:\xa9\x01B\x88\xee\xa2&gt;#\xca\xc5\x00`u{Iu\x82\x97\x01\x00\x00X\x01\xdc&lt;\xc4\xec\xd2\xce\x0e\xc7\xd9\x88.hb\xcfpX\x0bA1/\xea\xb9\xcd}[\xbak\xd8\xdb\x05t\xd9\x14F\xa6\xe8\xd0\xc6y\x15\xa3Q\x05 \xbfjOY\xca6J\x95\x0c7\xab\x12\x93\x82\xc2^Y)\xb0\xd8b\xafz9\xab\x82\xc3\xcd\xd4\x10\xfa\xf9\xa93[\x84%\xdb\x00\xa0kZ"#/\x0b\xcf(\x1f\xdf\xbbp\xeb\x88T\x9e\x05#\xbe\xda[\x91.\xf3\xf4E\x96\xb0\xb9i2\x0b\x92q\r\x17\xe7_:5\xd4\x01\xff\xfe\xeb:\xa6o_X\x87o4l\x8e\x90\x0ek\xba\x00\xee\x9a`\x02\x90\xeab\xf8\xe0\xd2\x91\xff`\x881\xd8\xc5\x07\xfd&amp;\xfe\xb6=&amp;E\x1a\xd3\x81F2D\n\xc7\x84}\x03mW\xf7.\x97\xbd\x9f8n\x1d^[\x97\xe2\xcb\xde\xfe\xdf\x8f\xef\xd1\x9d\xf00s\nc\xa6G:\xe7K\xaa\xae\xaa\x13\xbd\x19\xff\x82\t\x00\xfa\xcf\xdf8\xf5d\xd8\t\xa3I\x93\xf5\xe4U\x02\x08\x9e\x08\xae\xea\xc0\xd7\xc2\x9b\xf5\xa1\xbf\x90L\x14\x9c\x84S\x11\xe7\xce\xbf\xbb\xe2\x88\x14/\xc2\xbe&amp;\xe2h\x9aS\x18\xd3\x9e\x17\xc1\xd8g\xcc\x8dt\x9a,\x9e\x0e-\x18\xf6E&gt;J)=F\xaaSm\xb2\xaf\x98\xb5W\x8a\x8b!p%J\xd1\xaa$X1%\xc2\xfc\x01\x94&gt;K`\xcctaf\xaaV\x00\x95q\x1e\xc7\xd7\xce\xbfwn\x1b\xe7[\xcc\x01V\xb5MU\x86|\x7f#\x14\xabP\xff\r\x90\x19\x9e\xf2\x96\x18\x82\xb9&gt;\xdc\x19\x19\x8c\x12\x12\xef\tRm\xa4\xf2$\x16\x13]\xfa\xaf\xf0r9x\x12\x1c\x1e\xea\xa0\xb7\xe0;\x8f\x8c\xd6D\xee\x8a\x96X\xc0\xbcq\xe3\x08cKSFPCZ\x00\xbb\xbd\x14B\xe8\xdf\xef?!\xd7\x89\xa9\x02&lt;{a\x07\x1e\xb1\xe8\x98-\x19\xc5p\'t&gt;\xc2\xcd\xd4r},\xc8Dq\xe7\xf8\xf0\x83\x08\xd4)|\xcci\xe1\x937\xce\xab \xb1\xa5\x1co3,\xb7Y\x97\xe2\xcb\xb8*\x0e\xad\x98\xcdw\x10/9W\x14\xec\x7f\xf0w\x85\x80Nu\xbe\x9f\x15n\xf5Nx@}\xba\x89\r\xcaX\x8c6g\x06o\x9cW1\x7fZ\x82\xb0\xa3\xae93\x08\x1f \xdb\xdbL\xd9\x01e\xccx\xe2\xd4\xa6\x1c\x9f\x07\xa4=,\x046:\x10B[$\xb5Q\x13\x14\x15\xbb\x97+\xa9\x89\x94\xf5\x9bS]\x1b\xd9\x8e\x8b1I\t\xb5\xe6\x8a\xb5\x10\xbex\xe9*H\x17m\xaaKf\x88,/S&gt;\xc9\n\xac$\x8aq\xd7\x84\xc2 \xdb\xd6\x9cP\x84\x10^\xdd\xf7V\xa4m\xee\x1a\xf9=\x85;\xa1\xfb\xeaI9\x82\xd9\xe6\xab@\xb6\xcb\xc2\xf2\xb4/_\xb9F\x9e\x16\x07\x8f\xfd\x881\t\xc6F\xcb\xccK\x07\x10B\xc3\x9de\xe1\xe6j\x00\x90\xe3cn\x0105\xd4al\xf35C\xfe\x17\x01\xb0L\x8fI\xa3\xa9F\xc6\x0f4\x1e\x0e\x00\x00 \x00IDATN\xaa\xe6\xcc\xe0\xfe\xda\xec\x9d}\r\xc4\xe2\x110\xfe\xe89\xf1\xa5\x87\xf7\xb1w \x0b\x1d;\x80p\xfe5\xc4\xee\xc5MtG\xd8)\xfe\xd65I&gt;\x99T\x8b`\xbe\x88\x17\xbb\t\x87\xd2\x0b\xf4\xfb\xa2O\xba{\x89\\4g\x06w*ZVN\xc3\xb8x\xbc\xb4!\xceN\x9bS\xc3\x12\xbb;\xd2\xdc\x8c\xc9\xa0\x89)\ts\x1c\xfd\x00\x81/b\xb6\xe2&lt;\x03\xce\x9c\xc9L\x8fI2\xf3\xa0\x10\xfa\xcc\x9a\xd5y\x98\x81\x87\x16d\xb8OdW8;\xab\xc1\xb7o\xde\xf2\xe1\xb9\xcd\xf6-m\x15\x1e\xd0\xb4\x00\x92\xb8\xa4,\xc6\x96\xc5\xd5\x99\xf8\x81\xbc\xd98\xf8\'%3\xf8C;\x97^?\xb0\n\xcf\xacF\x00u)\xbe\xc6\\&gt;\x99\xf2\xd8\x11\x17V\x82\xfd\xfd\xdf\xe5\xb7\xd4;\xb2\x11]\xc1\x80\xfd\xe0=3R\x18\xc1m\x05*\xb1\'\xab@E\xac\xfb\xea\x99%\xc4\x8b\x18&lt;\x11\x96\xd4\xe5\xc8\x8c#\xeeZ\xdc\x94\xe1\xae\xc8\xbcwx\xa8\x03\xfd\xf2\x11\xa7\x93\xd9S\x1b\xae\xecZ\xb6a^\xc5\xc5m\x8b\x01@\x1b \xd0\x08\xbag$\xdf&gt;\xba\x8esZZ\xd9Z\\\x93\xe4\xa3\xc09(\xf9#!3E\xd5YMF\xb5:\x1f\xd8\x08\x19j-j\xcd\x1e{\xd9\xd4\x89\x00\xba\x94\xe6\x8f\xc2\x0e\x8d\xf1\x00o\xde8\x9a\xed\xcd\\\xf5V\xc4\xba\xcb\x0cG[\x03\xacl-R\xf4\x93\x85 \xf1\x18\x17u\x98\x04P&lt;\xba\xfehc\xcb\x8a\xe6\xc2\x05\xa5IDou\xa0!\x0f\xfd\xf3\xd5\xfe\xda\xec\xe1\xce2z\xb7PS\x15:\xaa\xa4\xcf\xe5\xf6\x917\xa6M\x1f\xc0@\xaewJ;\xe2\t|\xf6xKvH\xbc\xbd\xce\xb1\xd5s\x85\x8f\xb9\xbb\xbf\xb9J\x92$\xc6^\x11\xea\x00l\xed\xa9=\xb9\xbek\xff\xb2\x99\xf4\xf6\xc3C\x1d\xef&lt;v\x82\x98\xe1;\x1752\x82oZ\x00\xf2z\x1d\t\x8e*\x10o\xafsl\xcd&lt;vf\xb0\x1a@a\x90\xed\x9c\xa2\x98\xde\x8at7M^\xed\xb2\x8d\xf3*\xe3\xec\xb4\xfbk\xb2\x11B\xff\x93\xb5\xd7\xef\x1a\x91=\xf0\x04\xe0\xbc\x10\x85\xf9\x1f7q\xe7gJ\x805B\x9f\xe2\xc7\xb1\xb6\xda=e\xa9"\xdfH\x04\xca\x15F\x0b \xdaZ\xf3\xce\xf1a\x00\x18l\x9a" 4$\xfcIV\x00\xff\xfe\xdb\x93\xfd5\xd9\xec\x97\xd8\x7f5\xf6\xe4\xd0\xd3\xa1\xf8\xe4.\xb6Qvj\xb8\x9b\xaf\\\x0eOl\xf6\x00}U\x190v\xc9?\n_Hi\xaeFY\x9e\xa6\xc0\xd3\xf4\xaa-\'4\xcf\xd7\x828\x1b1\x89\x8ez8\x1c\x8a\xd5l\x1e\x84\xc2p\xb4\xb5\xe6\xb9\xcd\xbd\n\xbcQ\xe4\x9aG\xa6\xf2\x04=!\xa9\x02DYi\xd0j\xfe\x08\xa1O\x9e\xbd\xf4\xaf\xf7\x1egX\x12Y^\xa6\'\xd6\xce\xef\xaf\xc9\xc2VKoE\xda\xee\xfef\xc6\x91\x1f\xde=(\xee\x1c\xb9\x91\xb7\x19\x83\x12\x190\xca/\xc9\xc2\xb5\xbf&amp;+h\xd4\xee\xec\xb6\x9c\xb0\x07\x9e\x7f#\xc1{\x02\x87\xe8\x9b\t@\xa8\x89|r\xbb\xfa\x00\x8e\x00\xf2\x867\x88\xd4\xcf\xa6\xf9\x95r\xbd\xf1\x81\x82~\xfe@\xb17\xa68\x8fJ\xa8\xab%+\x98o\\\xafJ\x90\xd1\x13may\xdah&gt;Z\x0c\xdaT\x85\x1ag\xed\x02!\xcd\xd5\xc8]\x93\xd7\x9a^\xd6\x98?\xe6r\xff\x8c\x05\x9f\x83\x08g \r6\x17Fo\xdd\xce)\x8aa\xe8c\xd3\xc7\xcc\xf5\xb5\x90\xe9tr\xd7\x04\x84\xd0\xf2\xe6\x02\xc6\xf6\x1b\x07W+P\xa3k \xf7;\x94\x88\xc3@\xf0\xd5QN\xd7\xc7\xd7\xcc#\x8b\xcd\xf5\xd4:\xba8\xc4^\xe1\xfc\xeb\x0c\xf7\x89\x08\xa1\x08\x8bq\xec\x9a\x94\xdf2\xd9\x8b-\xee6\x86\x88\xafg\xae\x14\x0c\xd8\x92\xc3\x08\'A\xe1\xd7.l]L\xb6\\\xd8\xba\x88s\xcfQv\xb4\x17\xe6\x81\xb6\xea\x10-\xc40\xc28\x80\x00Cx\xef\xee\xa9\x1f\xde\xbd\xf3\xc6\x8d#l\xd7\x7f\xb6\xb7\xd9\xde%-\xa77\xf4\x90\x8a\xe2\xa9\xa1\x0e\xf1\xf6:\xf4\x9aF\xae \x84\xa76\xb7V\x12\x1b\xce^f&gt;\xba0\xa7(\x06;\xa3\xe8\xb8(\x00xh\xc9\x17\x93\xb0\x96ha\x15\x04(\x92\xd6\x87\xd5\xfdf\xe6\x86\xed\xe8k`\xbc\xd4\x90\x16\x80\xbe\x7f\xab&gt;Unm\xd41\xb96\xf2\xfd\xad\xde\xbds\x12\'LG\x98+\x95"\x002=M\x14\xeb\xd4,\x1e\xacb\xcf\x86m\xa4\xa8\x028\x02d\n\xa6E[\x00\x98\xf2\x0f\xber\xd9Jr137\xdclt\xfa\x85\x0f\x1a\xfa\xdc\xd8w\x0b1TGy\xd5\x8b\x19G\xe4\xba\xa2D\x96\xda\x8a\x91\t"b\x7f|\xd2\x9b\xba\x00\xf9\xfeV\xb4\n\xb1\xcc\x0f\xcf\xf40\xc9\xf1\x16Z\x0b\x86\x9a\x8c\x88\xd2\xe0\xe33BJ\xf2\xeaX\xd0\x99Z|\xf0\xfd\x83~\xfa\xf0\xf4\xd9\xad\x9c\x11\xf6\x99y\xe1GV\xce\xd9\xbflf\xbc\x9d\x8e\x02~Z\x06\x9cs\x02\x9d\xbas\x9aG}\x9a\xa0pz\xb4!\xc0\xc2\xf2\xfb\xce\xd8\x89\x00\xa9.\x86D\x08K\x1f`]\xc7\x0c\x9e\xb7B\x9a\xab\x11B\xe8\xd1\x03+\x8f\xae\x9e\xdbU\x9a\xa4\xe8)\xfc\xb5\x91W\t\x12\xf8\x8d \xbe\x0e\xb1\xa7\x86\xbb\xe5:\xbe\xaf\x1e\x98R\xc5\xc02=\xca\x9c\x91\x0er\x8e\xaa\x00kg\x97n|\x90n\x1c\xe1\xc2\x1f\x06\xb1\xb6\xda\xa3\x99t\xf8\xb2\xe2\xc6\x1cZW`EK!\x00\xb8\x8f\x97\x91\x15N\xd7UL\xe4Ij\x12\xe3\x83,\n\xb6co\xe4\xfb\xd1\xe8p\x05B\xe8\x95\xab\xfbE|\x02\x00@\x80\xa1"\x15\xef%a\x8ed.R\x05\xa0S\x189a\xff_\xc4N\x12\xee\xf1`\x0b\x80\x10\xfa\xf2\x95G\xf8v\xb0\x01\x88\xb3\xd3n\xcf\x8b\xe0\xab4\x9e\x1a\xea\xa0pzV\x84\xc5odM\xbbi\xc2\xbbwNb\x1d\x11\x1c\x7f\xd6\x06x\xf3\xe6\xd1B\x89\xb6s\xf7\x8c\xe4\x86\xb4\x00\xce\x06\xae\ri\x01W\xf7\x0c&gt;\xb4k`\xee\xd4\xb8B\xa5\x16\xb40c\x12\x9bU\x078\xb8|\x16\x89e!\x84\x8e\xad\xb9\x9f{\xc0\xfe\x87\xd2\\\x15\xcc\xcdU@]\x96\xad\xd4FC|\x94\xbb\x167\x92\x8d\xbd\x15#\x89\xaat\xe6\x8f\\\xfa\x95\xb8D\x80\xb1\xc4\xc1&gt;\xf1\xbad_z\xa3\x9d&lt;\x87\x1d%2\xffk1m\x120n\x9aRc\xc1h\x9a\xcb\xe0\xbc\x8e\x81\x86\xbcx{\x19\xaeB\xf6_ \xf0\xd7\xd2\xb3\xaf\rOO\x92@\x9e\xcb\xd0C\x0b\xbag$\xe3\xc7|C\xb9\x85d`\xe2\x84\x91,\xc4\x9e\x9d\xc9bB^\x1a\xd2\xfc\x11B\xa3\x99\xee\x11B\x07W\xcc\x02\x00K\x11\xfd\xe5\xff\'}u]\xd5!\xd9\xc9\xe0\xf2\x8e%\xf8\xe9\x81\xc1\xf6\xa6\x8c@\x1c\x9an\xce\x0c\xbe\xb0u1\xbe\xb3p\x93H\x84\x10\xa3\xadEQ\xb0\xdd\xf3\x97v!\x84\x1a\xd2\x026\xcc-\x1fU\x8c\xebO\t="\x9f\xd98\xb2\x88S@\x0c\x8b&amp;\xc8\x18\xac\x00\xd0wo\xb2_\x12.\xc9\x139\x03\xadn/\x99]\x10\x85\x8509\xc7b\xf1\xe2k\x9ctMKdo\xfc\xf8\x99\x8b\xa3:(\x0fc\x1b=\xc69]$\x02\x9f\xecdP+=\xc7\x00\x80\x03\xc0\xca\xb6b\x81.\xf3\x848;m#\x11\xdd#&lt;\xb4\xa01=Pd\x93)\x99\x10\x1dS\xe15\xd0\x9d\xe3\xc3\xf2\xea\xe7(\x96\xa7U\x9d\xe8EwOb\xf4\xe6|\x80\x11!\x11\x94E\xbb\x12\x85&gt;\x85\x8b\xbc\xfc\rF\x1a\xad\x1c\x18l\x8f\xb1\x1e\xcf7\x1b\x85\x9b\xa9\xfdO\xe4N\xe9\x16\x92\x93U\xa5\xda\x904g\x06#\x84\xb6\xf6\xd4\x02\x801\xc0wo\xddF\x081|\x0c\xd3#\x9d\x11B\xdf\xbdu\xdb\x08\xe0\xda\xde\xe5\xf2\xc6\x84\xfe\xe4\xb8\xa8\x03B\x08\xff(\xc9N\xfa\x05\x81#\x8e&gt;\xc5~&amp;;\xe9\xa7|R*\x8f\x1d[\x0f\x12\xc1K\xda\xd0Kp\xd0e\'\xe1p:b\x7f\xfe\xe8\xe9O\x9e\xbd?\x1c\x13u3&lt; \xd8R5A\x84\x86\xb4\x80\x9a$\xef\x83\xcbg\t~\x03!\x1e\x90\x02\xb6bS\x95p=\x0b\xa7F\xb40\xa9.\x8a\xdf\xdc\x89\x8e\xba\xb5\xc9\xbecukm\xea\xaab/\x13\xe5\xca\xb9dh\xd7\x90&gt;\'\x04:\xbbW\xe6O\xb5~\xce\x0c:N\x0e\x00\xfa\xacq\x7f\x11\xebz\xa3ak\xa0\xf2!o\x82\xc4\xe6\xae*l\xaa\xb1\x17\x01\xfd\xb5\xd9\x00\xa0\x05r+b\x11\xe3\xaf4\xd2\x99\xb6\x12\\5`i]\xae\xc8\x83pz\xae8\xfbZcD\xfa\xd9\x18\xbe\xb2y%\t\x08\xa1S\xc3\xddx\xf9\xe9\xa8\x02\xc5!\xf67\x0e\xad\xaeK\xf1#\xd7\xc0\x03\xaf?\xfcC3kJ$B\x88\xf4\xd5\xc2\xff}\x8c\xf5\xc8\x15\xe39\x16\x9d:\xd84\xa6\x07\x08\'\xb1\xd0\x98\x0b^7\x9c\x10\xb9c\x84\xbe\xa5\xb7\xa78\x1b\x8al\xb8Q\xc2\xdf\x15\x80@\xab\xd1ZK\xd2\xdbA\x12\xac#\x02\x12\xe2\x11\xf3\xa1\x0c\xe8\xdf\xc5\x80o\'\tl\x8d~\x1a&lt;++F[NX\x8f8\x85\xd11A^\x15\x9d\x97\x1e\xdeG\xd2gf\xe6\x86\x07\x18\xc15\x11=\xa5\x89\xe4g\x94\xa5\xc6o\xd6@F\x01\xf0\n\x80\x1e\xe3\x03\x0caz\xa43\xb9\xa9\x17LOB\x08\r\xb5H\xd5\xf7\xb5\xe7E\x88q\x1c\x1d_3\x8fn\x04\xd4_\x93\xf5\x80T\xdcG\x93V\xab\xca\xb2\x87~g}\x19~\xc7l\x98[\xfe\xd2\x95\xbd\xe4)g\xd7\';\xc1#\xb0\xf3C\x18\xa6\x1a{\x8dl\t\x80\xd0\xcf2\xcf\x8d\x1e\xb0\xf0:N`\xe7\xf5s\xca\x04^\xe5\xa3$\xcc\x11!\x84~\xfd\x98\xdexq[\xbf\x9f&gt;0&lt;\'\x8cD#\xa2}\xf6\xc8\xfe\xa1 c\x18\x9e[\x8eM\x98\x04\x87\tv\xd2w\xa3bg5\xba\x03HQ\x11\xeb\x0e\x94\x82\x10g|\xb8YD{\xde\x15\xcd\x85\x02\xaf\xd2v\xb4\xb0\xda\x84\x18\x84\xed\x03\xb9R\x1b\xb1\x89\x83K[\xd6\xcf\x99qpy\xbb\xcb8\xa9\x88\x851\x97k\x9b\xb4L\x19\x9e[N\xba\x84\x8e2\xb4\xceN\xe2\x1c}LrYC&gt;cK[nX\xac\xad\xb6\x1e@\x9e\x9f\xa5\x8b:,\xa9\xcd\xc6\x8e/FYom\xb2/\xce\xb0\xa2\xcf\x00/\xff7wUm\x9c_9=\xca\x19\x00\xcac\xdcv.\xba\x1f\x0f\x8b\xb6\xd6\x1cM\x80g\x94\x94\x8492t\xec\tb\xfe\x99\xd1W\xbc\xfe\xd98\xb0\xbc\x9d6\xaemde\xf2)\x16?y\xff\x893\xec\x8d\x0b\xcbS\xe5]^\xfc\xf2\xc93\x02\xaf\xa6R\x89tr\xa5\xea\x93\x1b\x83\xdc\t\xe76\xdd/\xc5$s\x10Q\xff\xc7m\xad\xe8z\xd78[\xed\xb9S\xe3&gt;|\xea\x1c\xfb\xe0l\xe7\xc3\xef\x90\n\x89\xa6\r\x81\xf3V\x11\xa8L\xde\xb5\xa8Q\xd8\x83$\xbbq\xb34r9\xd6\x85\x07QU\x80W\xae\x1d\xc0\x97\x04\x1e\nK#\x9cHv)\xdfL\xd3S\x96\xc2Xu\xb6\x8bP\xf9\x17Fd\xffw\x8c\x18\x1b\xb6\xb7"\xfd\x9b7o26\xea\x00xO\x18\xd1\xf1\x1f\xa8\xcf\xe3+\x91\xf1\x9e\x00\xc9N\xfao\xdf&gt;\xfe\xc3\xbbwpvC\xaat*j\xa8\x89\n~\xcen\xa0\xb6o\xa0m\x94\xda\xd4\x8a\xe1\x080\xbf$a\x02@2\x7f\x13\xe9Q\x06/\xffZ\xf0\r\xe8|\xaa\x8a2-/\xe1\xb8\xe2\x17/_\xfb\xf4\xb9\xcb\xa2\xce\x8c\xc5\x81\xe5\xed\xc2;\x1c\x1e\xea\xc0\x86\xf3\xcc\xbc\xf0#\xab\xe6(\xd0\x9f\x80\x04\x1bd\x06\x90\x11\xfa\xf4\xb9K\xbb\xe8-o\xde&lt;\xfa\xed[\xb7\xe4\xfd\xc41D8\x1a*\x1cx\'\xf9\xd4\xf4\xbd\x13c=\xde\x1c\xa05;\x84,\xf9\x1b\xd2\x02\x14H\x12\x0b5U\xf1\xd1\x85\xf9\xd3\x12\x85\xa5F\x1f\x1c\xcd\x99\xc1\x9c:\x94\x00\xf0\x7f\x9f&gt;\xcf\x10\xdf\xc6\xc4\xdb\xeb \x84\x0e\x0fu\xe0\xaf&gt;\x01\xa0&amp;\xc9\xe7\xd1\x03+\x15&gt;\x87\\_\x8b&lt;?Ka\xe1B\x05\xd6\x02\x1eZ\xc0\x10\xab\x10\xa0.\xc5\x97\x1d\xed\xe8*M\x8a\xb0\x18\xd7\x94\x11\xf4\x07\x1a6\xeb\x92}\x11\xfa\xc2\x16 \xd3\xd3\x84\x1d\xeac0\xa7(Fx\x07%#\x1c\\&gt;\x8b\xb3a\x13\xcd\x03-\x82\x95\x89L\x15\'\xdc\x07.\xd9I\xffe\xc1,o\x99\xba\xcd\x06\xb2\xce$x\xe2H/l\x01\xbaJ\x13\x07\x1b\x99\xcb\xf3\xff!\x02\x95\x9d\xec\x86\x01\x00`\xc9\x95\x06\xfa\x9b\xd5\xc3\xb9=\x98\x01)\xd5\xc5p\xb8\xb3\x8c\x1e\x14hq\x02R\xeb\xdc\x9a\x1d\x8a\x10\xaaO\xf5\x1f\x93\x10X\x8c\x8dV\xa6\xc7$\x01\xadcv\xc2+\x99\x92\x05\xb0\x07\xe8*M$\x92\x7fI\</t>
        </is>
      </c>
      <c r="E268" t="inlineStr">
        <is>
          <t>&lt;class 'numpy.ndarray'&gt;</t>
        </is>
      </c>
    </row>
    <row r="269">
      <c r="A269" s="1" t="n">
        <v>267</v>
      </c>
      <c r="B269" t="inlineStr">
        <is>
          <t>steps_per_sec</t>
        </is>
      </c>
      <c r="C269" t="n">
        <v>3900</v>
      </c>
      <c r="D269" t="inlineStr">
        <is>
          <t>3.3571377</t>
        </is>
      </c>
      <c r="E269" t="inlineStr">
        <is>
          <t>&lt;class 'numpy.ndarray'&gt;</t>
        </is>
      </c>
    </row>
    <row r="270">
      <c r="A270" s="1" t="n">
        <v>268</v>
      </c>
      <c r="B270" t="inlineStr">
        <is>
          <t>Loss/object_center</t>
        </is>
      </c>
      <c r="C270" t="n">
        <v>3900</v>
      </c>
      <c r="D270" t="inlineStr">
        <is>
          <t>0.24397045</t>
        </is>
      </c>
      <c r="E270" t="inlineStr">
        <is>
          <t>&lt;class 'numpy.ndarray'&gt;</t>
        </is>
      </c>
    </row>
    <row r="271">
      <c r="A271" s="1" t="n">
        <v>269</v>
      </c>
      <c r="B271" t="inlineStr">
        <is>
          <t>Loss/box/scale</t>
        </is>
      </c>
      <c r="C271" t="n">
        <v>3900</v>
      </c>
      <c r="D271" t="inlineStr">
        <is>
          <t>0.06118914</t>
        </is>
      </c>
      <c r="E271" t="inlineStr">
        <is>
          <t>&lt;class 'numpy.ndarray'&gt;</t>
        </is>
      </c>
    </row>
    <row r="272">
      <c r="A272" s="1" t="n">
        <v>270</v>
      </c>
      <c r="B272" t="inlineStr">
        <is>
          <t>Loss/box/offset</t>
        </is>
      </c>
      <c r="C272" t="n">
        <v>3900</v>
      </c>
      <c r="D272" t="inlineStr">
        <is>
          <t>0.1441494</t>
        </is>
      </c>
      <c r="E272" t="inlineStr">
        <is>
          <t>&lt;class 'numpy.ndarray'&gt;</t>
        </is>
      </c>
    </row>
    <row r="273">
      <c r="A273" s="1" t="n">
        <v>271</v>
      </c>
      <c r="B273" t="inlineStr">
        <is>
          <t>Loss/total_loss</t>
        </is>
      </c>
      <c r="C273" t="n">
        <v>3900</v>
      </c>
      <c r="D273" t="inlineStr">
        <is>
          <t>0.449309</t>
        </is>
      </c>
      <c r="E273" t="inlineStr">
        <is>
          <t>&lt;class 'numpy.ndarray'&gt;</t>
        </is>
      </c>
    </row>
    <row r="274">
      <c r="A274" s="1" t="n">
        <v>272</v>
      </c>
      <c r="B274" t="inlineStr">
        <is>
          <t>learning_rate</t>
        </is>
      </c>
      <c r="C274" t="n">
        <v>3900</v>
      </c>
      <c r="D274" t="inlineStr">
        <is>
          <t>0.001</t>
        </is>
      </c>
      <c r="E274" t="inlineStr">
        <is>
          <t>&lt;class 'numpy.ndarray'&gt;</t>
        </is>
      </c>
    </row>
    <row r="275">
      <c r="A275" s="1" t="n">
        <v>273</v>
      </c>
      <c r="B275" t="inlineStr">
        <is>
          <t>train_input_images</t>
        </is>
      </c>
      <c r="C275" t="n">
        <v>3900</v>
      </c>
      <c r="D275" t="inlineStr">
        <is>
          <t>[b'512' b'512'
 b'\x89PNG\r\n\x1a\n\x00\x00\x00\rIHDR\x00\x00\x02\x00\x00\x00\x02\x00\x08\x02\x00\x00\x00{\x1aC\xad\x00\x00 \x00IDATx\x9c\xec\x9de@\x14_\x17\xc6\x8f\xdd\x8a\xdd\x8aJ)(v (\xa5\x82\x84\n\x8a\x8a\x81\x80\x82bw\x83\x88\x81\x9d\xd8\xd8\x1d\x88\xdd\xdd\xdd\xdd\xdd\xf1\xb7\xfby?\\\x18\x97\x8d\xd9\xd9\xd9\xd9\x05|\xe7\xf7E\x9c\xbds\xe7\xee\xec\xcc\x8ds\xcfy\x0e\x91\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8c\xcc\xff\x0b\xfdZ8\xe9T&gt;\xb7\x81\xda\x91\x88\xbf\x9d\xd9\xc1\x95S\x96D\xf7\xe0\x8e\xe4T)3\xc0\xdf%\x9d\xee5\xa7\xd1\xa3U\x8cj\xf9\xf4\xaeB\x81\x90\x06\x95.l_(\xe2\xc4\x91\x1d\x9b\xe4\xd2\xf4Qh\x93\x88 \x0f=\x1a%\xa3\x17[\xe7\x8d\x98\xd6/`r\xef\xd6\x17\xb6/\xac]8\xbd\x91\xaf\xbepDW#_Q\x89=K\xc6%o\x03dt\xa6\xabwM!\xc5\xaa\xe4&amp;"\xcaM\xf4\xfd\xc1\x89:\xc53\x19\xb4Iu\x8bg\x9e=4$/\x11\x11-\x1e\xd5\xfd\xc5\x85\x1dDdBT\x98\x88\x88&gt;\xdc&lt;\x08\xc0\xcb\xa6@\xadBi3\xebR\xed\xde\xa5\xe3\xb7\xc7\x8e\xd4\xb513\x06\x06\x15\xd0\xf5\x1c\xc18\x96\xc8\xa2\xe9\xa3\x12D\x9a\xee\xb3k\x99\x9c\xd3\xfa\x05h:\xf1\xf7\x933\x12\xb4\xcc\xf0\x9c\xdb:_\xcf\x1a\x9cL\xb3J\xd2\x12"j[\xc7jH\xdb\x06#B\x1a\xebY\x0f\xf0+\xbc\x9d{\x8f&amp;\xb5\x81\xef\xf3\x86u\x92\xa2i)\x8b\xfcD\x004}z\xe7\xf0Z\t\xafU\x82\x08\xc0\xd7{\xc7$\xacSF\x10\x11\x81\x1e~\xd5MU\x8f\xe7$:\xbfmA%M\xf3O\xa9)B\xb4g\xc9\xb8)}\xda\xb0\xff\xba\x94\xce^\x90\xe8\xf7\xd33C\xda6`G\x1cKdq\xb3\x14\xba&amp;\xa9S&lt;\x13\xf0+\x8fAZJ\'\xe3gO\x1f\x10X)\x17y\xda$\x8c\x17\x1a\xbbva\x9cX?\xf3\xd1\xc9\x8d\x9a&gt;\xdd1\x7f\xb4\xa6\x8f\x9cKe\x13q9\xc9\xbaRad&amp;\xca\xa1w%\xcd\xaa\x95\x14wb\x8d\x02T-/\x11Q\x0e\xa2\xc5\xa3\xba/\x1f\xd7\xfb\xdd\xb5}\xd1aM\xf5l\x8fU\x06\tF5\xe3\xb0qF\x04\x7f\x81\xbc\x1a\x8e\xd7\xc8O\x00\x96F\xf7\xd4t\xe2\x00\x7fW\x00\xff\xdd8\xa0k\x93\x94~\xcdW\x97v}\xbe{\x04\x00~?\xae\x94\x8b\x0c7\tK}d7p\xfdc:7\x05\x00\xc0h7=\xa3\x86\xe3\x05\x89\xf0\xfa\xd2\xcd\x03\xabx\xce\xb5+\xccg\rj^\xa3\xd4\x98\xce\xcd\xda\xd6\xb1Z1\xbe\xcf\xe3S\x9b\x00\xac\x9c\xd0O\x8f\x96\xaa\xc7\xcd27\x80s[b\xd9}\xfb\xf5\xe4tO_\xfb\xd6\xf6\x16"\xaa\xb2J\xbc\x17c\xbb\xfa\xdd&lt;\xb0\xaa\xb4\xba26Y\xe9\xd1\xc9\x8d}\xfd\x1cE7X\x954d\xbcw\xac$\xd1\xd1\xb5\xd3\x8du\xb5$\x94"*FdJ\xc4\x8cy\xe9\x89\x00&lt;8\x1e\xff\xf9\xce\x91\x165\xd5\xdel\x1dp-\x93\x83g\xcc\xfeghV\xad\xe4\xfc\xe1\x9d\x07\xb7\xae\xaf\xfa\xd1\x8b\x0b;\xd8+ b\x16\x02\x80{*\xbc\xca\x17\xc4_^\xb5s\xb2\xce\x95\xf8\x93\xfd\x1f\xc1\xdd\xc4\x8a9\xa9n\x89\xccE\x89\x1a\xd9\x166\xc2u\xe7Etd7^\xda.F\x1c\xc0\x7f\x9a\x96\x9c\xa5\x88\xcc\xd3R\xb7F\xb5\xf8N\xfft\x9b\xf5\xc9o\xae\xecyqa;\x80\xa2\x06h\xe4\x82\xa8.\x00\xb8\xfb\x06\xe0\xc2\xb6\x85\xe2\xaa\xe2\xcc\xb8\xbb\x16\x8d\x010"\xa4QZu\xc5\x9aV-\xe1S\xb9\x98\xc8\xe6&amp;7}\x9a\xd5\xe51#\x18\x08\x0f\xeb\xfcx}\xe9\xe8\xda\xe9;\xe6\x8f\xb2/\x9a\x81[\x9f\xfd|tjp\x9b\x06\xb5\x8bH`\xaf\xafU0-\x80\xd5\x13\xfb\xf3\x94\x991(X\xff\x0b\x89f\xc5\xb8&gt;\x06\xad?\x03\xd1\xb8\xae\xcdmuY\xdc\r\x0b\xf2,\x9f\x8d\x88\xe8\xed\xd5\xbd\xab\x12\'g9\x89\xcem\x89\xbd{4\xae\x8bWu\xbbB"\xf6\xfb\xfe\t\x00,\x1b\xd3+\xa4A\xa5\xcfw\x8f\x00\xdf\r\xb7\xa3\xe4Q.\xff\xb4~\x01\xc0\x1f\x13""Z&lt;\xaa;\xeb\xc5v-\x1cc\xb0k\n\xa5\x81\x85\x89Z[j\x9d\xe2\x99f\x0c\x0c\x1a\xd2\xb6A\x11\xde\xd3Om\x98\r\x00\xbf\x1e\x19\xa8y\x8c]\x0b\xc7\x00X4\xb2\x9b\xc2\xb4Ed\x07\x07|\xa8g\x96\x93\x88\xf0\xe2\x02\xde\\iZ\xb5\x84\xb9\xba\xe7\xbf\x10Q!}Z\x9c\x1c\x8c\xe9\xd2\x8c\xfb[\xeb\xd8\xf5\xee\xda\xbe\x1a\xf9%\xbbt&gt;\xa2\xc3\xab\xa6r?M\xb0Ky\xee#\x00\xab$Z\x14\x0e\xef\xe0\r\x00\xef\xafi*\x90\x95hl\x17?I\xae\xf5ope\xf7\xd2\xf5\xd3\x87\xe4"\xaa[&lt;\xf3\x83\xe3\xf1k&amp;\x0f\xf4._\xb0a\xd9\xbc\xfevf\xbb\x16\x8e\tv\xad@D\xc6\xb27\xa7&lt;\xd8\xc3\xca\xf6&lt;\x81\xef\x06\xba\xca\x9c\xf0\xd0\xb7W\xf7\xbe\xbd\xba\x17\xc0\xa6Y\xc3\x88\xe8\xdd\xb5\xbd\xec\xd2\x93z\xb5\x92\xe4\x12\x03[\xb9\x1ab\xe5R.\x13\xedY\xac\xc5\xeb\xa0\x08\xd1\x8f\x87\'\xf7.\x19o\x80\xeb\xff\xc5\xa5T\xf6uS\x07\xbd\xbf\xb1\x9f\r63\x07\x05W\xd1\xc3Y\xaa\x14\x11\x115\xa9T\x94\xc7\xe9hCL\xf8\xe5]K\xc4_\xc3\xe8\xd4,\x98\x06\xc0\xc4\x9e\xfe\x8a\x07\xfb4\xabk\x9c\xab\xdbd\xfdk\x9d\xc0\x9b\xcb\x12\xee\x1e+rh\xd5\x14\x00_\xee\x1e5D\xe5\xa2\xd1d_M\t\x00?\xd8\xcc\xe9\xe6\x81U\x00\xe6\x86\x87\xce\x18\x18\x04\xe0\xca\xee\xa5\xf8|\xfb\xf6\xa15n\x96y\x88\xa8\x9eY\xce\x94\xfc-\xa4$\xbc\x9d{ldX\xad\x82i\x89\xe8\xe7\xe3Sl;\x05@g\xcf\xea\x86\xb8\\F\xa2\x1f\x8fN\x02x}y7\x80\x17\xe7\xb7[f\xa0q\xdd\x9a\xe3\xe3\xadZ\x05\xf5w\x9b$"\xcaI\x04`\xdf\xd2\t\x92\xd4\xc6\x91\x97\xa8j\x1ezq~;\x7f+\x991\xd1\xd0\x03\x00\x11m\x8b\x1d\xc9\xba\x97\x93\xf1\xb3g\x0f\r\x11\xbd?\xa9\x15\xdb\x1c\x94\x9b\xc8\xa5tv\xab\x0c\x06\xba\x82\xf4\xb8\x96\xc9Y:qB\xa3x|\xc6\xc0 \xa3\xb5!\'\x91yZjR\xc9\x10&amp;\xc0\x04\x02\x9dm\x94\xbec\xdd\x12\t~j\x02\x8d"\xe5trk\x13\x00\xdb\xe1\x10w\xae\xa7u\xfe:\xc54\xfa\xfb\xd5\xd4\xd6?h}\x05\xa6\xf6\r`\xb7+\xa4A\xa5\xb5\x93\x07\x02\x98\xda\xb7m\x06\xa2\x05Q]\xbax\xd5\x98\x1b\x1e\xda\xb5\x91 \x07\xc5\x14\x8d\xae3A\x9b\xac\xb4\x7f\xd9\xc4\xc8\xf6^\xd5\xf2\xd1\xabK\xbb\x80\xa7\xa3\xc3|y\xcag%R\xeb\xae\xc3\xe1iS vX\xa7\xeb\xfbV\xa8\xfd4#\xd1\x97\xbbG\x9f\x9d\xdbzb\xfd,\x00\xbd\x9b\xd6\xd1\xad\xb9\x02\x18\xd8\xca\xf5\xfd\x8d\xfd\x0e\xc5$\x1e\xc2=\xca\xe5+N\xb4o\xd9\x04\xc7\x92|\xee6\x13z\xb4\xd4\xc7 #\x90~-\x9c\xd9U&gt;\xdf="\xa4\xbc\xa1\x06\x07\x19]0\x84ma\xdf\xd2\t+\xc7\xf7U:\xe8P,\x93\x89\x80s\xf1\xfc\xbc\xf1\xb7FxhU\xdb|{\xec(\xc3\xd5\xcf\xd6dW\xf7,+M\xd4\xc7\xaf\xee\xbbk\xfb\xd8q\xe6\xa7\x17\xe8dm\xaev\xfb\xeb\xdf&amp;7\xd1\xbca\x9d\x807\x9bg\x0f\xdf6o\xc4\xa5\x9d\x8b\xbbx\xd5\xd0T8\x03\xd1\xccA\xc1O\xcfla]\xa0\xaa\xc9\xde\xcd2OD\xa0\xc7\xf9\xad\xf3\x81\xa7\x0fN\xc4\xab\xad\xc4"\x1d\x99\xa7\xa5\xe7\xe7\xb7K\xf2\xf0m\x9f\xaf\xfc\xc4\x00oy\x86\xa8\xfd\xcb\'&gt;?\xbf\xcd\xbb|A!\x95+\x9a\xfb\xab\'\x9aG\xf8M\xe1-k\x95\xd1\x7f\x00p)\x9d\xfd\xc5\xf9\xed\xfcM\xb4\xd4e&gt;&gt;\xc0\xdfE\x9f\xf6\xc8\xa4dr\x10)m\xd7\tq\x9b\xfe\xf9\xe8\x14{P\xa5\x9d*\x89\xf1\x08N\xa4\xba0\xb7\x1b\xb6F\xd0u9\xeaW\xdd\x14\xf8\x0c\x00\xdf\xee\xb5\xa9c\xc5\x1d\xcfL\xf4\xf3\xf1)\xf6w\xcd\x02i\xac\xf5t\xa6N^\xda\xd6\xb1\x1a\x19\xdaXx\xf9\xf7\xd7\xf7\x01o\xf1\xe5\xce\xf5}+VN\xe8KD\x97w-\x01\xa0\xd4\xb9T\xc9\xf3\xf7\x91\xda2g\xf8\xce\x85\xd1\xec\xef\xe5c{\xb3?2\x10\xc5\x0c\x0c*E\xd4\xa9a\xd5\x19\x03\x83\xdb9Y_\xdd\xb3\x0c\xf8\xces7\xd3\x10\rR\xe7\xd7\xa5+O\xcfn\xd5\xa9\xfc\xba)\x83\xfa4\xab\xebZF7\xa7\xf0\x91\xa1M\x14\x17\xb6\x95M\xf8\n\x03\xf8rO\x8bYV[\r\x7f\xa4]F\xd8\x17\xcdP\xd9\x84*\x18\xc0\x9f\xd7\x18^b*H\xb5Y\xfb\x7f8\xe1\xe3\x00\x9e\xb1g\x8cg\xc2\'\x90LD1\x03\x02\x89\xa8\xb4~\xae\x93B\xd6\xa9\xf3\x87w&gt;\xb8r\xb2\xc0\n\x9f\x9c\xd9\xc2\xfd\xcdm\xc8\xdf:\xb8Z\xd3\xf8\xd8\xab\xa9\xc3\xca\t};5\xac*\xb0\xfe\x14\x87\xbf\x9d\xd9\xc8\xd0&amp;\xc2\xcb\xaf\x9f&gt;\x14\xc0\xd7{\xc7\xb8\x9e\x9a\xdd\xa3uS\x06)\x16\xdb\xb3x\x1c\xbe\xdfg\xbe1xqa\xeb\xdc\x11\\a\xf6G\xeffu\xc2&lt;\xaa\xe5%*Ntl\xdd\x8c\xa9\xfd\x02\xf6-\x9d\x80\xb7W\xa6\xf6m\xab\xff\x97R\xc5\xa1\xe8\xdf9\xcb\x94\xbem\xcb\xeb2\xebhY\xabL\xadBiyL\x8dj\x19\xd2\xd6\r\xf8\x99\x97\xa8lF\xcaN\xb4k\xd1\x18\x1b\xcd\xbbz\x87WM\xf5\xae\xc0\xb7N\x08r\xb1\xb9\xbck\t\xde_\xd3\xe4\xb9\xcfvb\xfa6wT\xfd(#Q\t\x9d\x9aNDD\x86\xf3l;\xb6.fR\xafV"\x9a\x94\xec4\xafQ\xaa\x8d\x83\xa5$3&gt;\xfdC\xcc\xf4\xc1T\xdd\xc1\xacD\xcc\xa7\x85\x88\xda\xd4\xb1T-P)\x17\x01\x18\xe0\xef\xaa\x7f\x03n\x1fZ\x03@\x9a\x1d&lt;^\xac2\xa8\xd9\xd7\xe1!\xbas\xd3\\D\x0bGt\x1d\xe0\xefr\xefh\xdc\xdd#\xebB\xeaWl\xa4\xe1\xdd4%\xc2\xbb\xabl{R\xb2\x16\xa7|\xee\x1eY\x07\xfc\xc7\xfdw\xcb\x9c(\x00\x0fOlP,\xd3\xd9\xab:\xf0\xfc\xc1\xf1x\x8b\xf4\x04\x80\x8b\x93\x9a\xd0\xc3?\x1d\xd1\xf0\xf6\xdeC\x03\xdc\x89(#\xd1\xc2\xa8.\xc0\x97\x8b;\x16U\xca\xa5\xbc,\xd5\x1f6\xd9,M\xf4\xfd\xe1I\xf6\xde\xb6q\xb0\x04\xe0i\xad\xc3\x8c\xf0\xd1\xa9MGVOc\xcf\x10\xbfC\xa7\x12\x15\xb2Sz\xa2\xc6\xb6\x85\xa7\xf7o\x07\xa0E\xcd\xd2\xaa\x92A\x02\xf1\xa9\\l\xcd\xa4\x01{\x16\x8f\x0bv-\xaf\xbdtR\xd2\x13\xd5)\x9e\xe9\xff3L1\x07\x91uf\x8a\x0c\xf6\x94\xa4\xb6|D\xa3:\xf9\xa8v\x07l&gt;\xa1\x93H\x83\xb4"&lt;SUT7L\xc4V\xb5q\xe60|\xbc\x89\xcf\xb7\xf5kQJ\xe1\xda\x9e\xe5\x00\xc4\xe9Y\x11Q\xb5|4kp{\xf6\xb7Rx\xe6\xd6y#\x0e\xaf\x9e\n\xe0\x9f\xb9WBQ\x1dQ\xa3;7Ur\x88n\\\xb1\x08\x80\xb3[b[\xd56\x07\xb0sA\x82\t([B\r\x9f~&lt;:\xd9\xca\xde\xfc\xe9\xd9\xad\xac\xb6\xd1\x9d|$la\xb0K\xf99CC*\xe5\xa2\xef\x0fN\xec[6\xa1\xb3g\xf5\xfb\xc7\xd6\xb3\x00\x93\xc9\xbd[\x03\x10d\xceO\x04x\x8a\x1f\x0fD[Wl\xb2R\xa8[%\x00\x1e\xd6\xf9K\x11m\x9d7\x82\xa7p\x03\x0b\t\x84\xec\xcag%"\x1a\xde\xdekj\xdf\xb6\x06t(!"\xa22\x06\xae_\x12:{V7KCm\x15\xcc\xb8\xa2\x99\x1b\x1e\xda\xb4J\x92\xd5K!\xa2\x80\xbae\x89H\'\x0f\x85\xa1\x01nqS\x07\xeb\xdf\x1e\x06\xf0\x93\x93\xf7 \xa2\xb5S\x06\xe2\xe7C\xe0\x8b\x88\xaaVO\xec/\xb97\x84\xe4\x8c\x0cm\x02&lt;{ui\xd7\xc9\xf8Y\xfc%Y\xf7\xc2\xbf\xe2\xe7\xf7\xb7\xd5\xf4\xe2\xab]\x07\xa6\xc6u\xad\xce\xb0{\xaa\xd5\x18\xba=vTT\x87F[\xe7F\xe1\xf3\x9d6\x0e\x96D47\xa2#&gt;\xdc\x88NTq\xe0\xf8pSgQ\x0e\x1e\xce&amp;\xa8\x1d\xbc\x1e\x1a\xe0~\xf3\xc0*\xe0\xcf\xe4\xde\xad\x99\xdb\x16\x11\xed\\\x10\r\xc0\xdf\xceLx\x85\xe3\xbb\xb7\xf8\xfe\xe0\xc4\xf8n-\xf4i\xd5\xe06\t\xd2@\xadj\x9b\x0b)/\xda\xd7n\xf6\x90\x0eS\xfa\xb41KC\xd7\xf7\xad\x00\xf0\xeb\xc9\x19\x13\xb1Ui\xa5C}[#\xac\xe2y\xb0\xcc@\xf3\x87wn^\xa3\x14\xb3\x05kz\x93\xbf\xde;&amp;|\xe9\xc6/\xc4\xb4pDWM\xae\nD\xe4U\xbe`;\xa7rB\xae2\xa1G\xcb\xeb\xfbVT\x94\xc8\x12\xb4sA\xf4\xec!\x1d\xb8\xffvobwa\xfbB\xe0\x9b\xda\xc2\xc0W\xd72j\xd6\xa2\xe1\xed\xdc\xeb\x99\xe5\xea\xdb\\7\xe5]\x92B\xc2VW\xb8\xaecnDGw\xab&lt;j\xf7$r\'\x94\xfc\xa6\xa7\xfc\'\xbf\x8e\xcb\xff\x0b\xfdZ8q&gt;\xdd9\x89\xb6\xce\x8d\x12x\xe2\xe5]K\xae\xeeY\xc6\xfe\xfet\xe70\xd4!I\xc4KA\xa2\xc2D\x19\x15\x1e\x8e\xa3k\xa7\x03\x00^\x0elUoCL8S\xadX1\xae\x0f\x80*:\xca\xad-\x1b\xd3+"\xb0\xa1\x14\xcd\x14\x8a\x85\xd8\xa7\x0e\xf8\xf5\xfa\xf2\xae\x86e\xf3.\x1e\xd5\x1d/.\xa8n\xcf\x18\x13\xc9_\x1d%\xcbI\xcbZe\x9e\x9f\xdf~u\xcf2\x00xuQ)\x86K\'\x04nM[\xa6\'\x00V\x9a\xa7\xc8\xeeV\x9a4\xca\x920\xc0\xdf\xe5\xe9\xd9\xad\x03\xfc]\xf8]\xa8\x85\x90\x8d\x08\xc0\xfdc\xeb\x15\x0f\x96":\xb6.Fmy\x00\xc0s=/\xcaQ\xb7D\x96\xa5\xd1=U\x95\x15\x9aV5\xecl\x18\xf8\r\x80M\xa7\\JgW\xf5b\xcaH\x94\x8bh\xf1\xa8\xee\x06m\xc6\xbf\xcc\xfc\xe1\x9d\xd9\x1f\xb6\xd9I\xd7Y3G@\xdd\xb2,d\x8c\xf1\xe7\xd99\xe0MB\x0f\xfd\xfe\xba\xa9$\r%""\x87\xa2\x19w-\x8c\xaeon\xc2\r\x00L\xa8\xef\xfb\x83\x135\xf2S\xcbZ\t\xb6\x8a\x8f\xb7\x0f\x01\xbfu}:Y\x85M\xab\x96\xc8\xa2\xcd\x1b\'\xd99\xbfm\xc1\xaa\x89\xfd\x1aX\x984\xafQ\xaan\x89\xcc\xfd[:\xf3,\x7f\x0b\x12\xb5\xafW\xc1\xd0Mj^\xa3\x94TU\xb9[\xa9\x1f\xbag\x0c\x0c\xd2\x14G\xa2\x8a\xda*\x84kX\x890\x06n\x9e=\xdc"\xa9\xcd?&gt;&amp;\xfc\xca\xee\xa5\xba\xd6\xa3\t\xa5gr|\xf7\x16\xdb\xe6\x8d\xfct\xe7\xb0\xda\xc2\xc0\'\xbc\xbe$\xd5\xa5m5\xf8\x89\x856\xa8\xa4\x93\xa1Ur,\xd2\xd3\x84\x1e-\xdf^\xdd\x93\xac\xadHmt\xf1\xaa&gt;7\xa2ct\xe7\xa6\xc3\x82=\x010\xbby."\xad\xf3\x14\xf3t\x94\x95(7\xd1\xf3\xf3\xdb\xf1\xf5.\xde_\xb7/\xaa\xd1\xef\xd6@r\xc7\xbb\x17\x8f\xdd\xbdhLB\xf7\xff\xfd\xfe\xdd#\xeb\xf0\xed\x9e\x92\xa7\xf0\xdd#\xeb\x00\x00\xdf\x96\x8d\xe9%\xbcf\xfc|\x08\x80\xd3|\x96\x04#\x0c$E\x89B\x1aT\xe4)\xb0zR\xffM\xb3"\r\xde\x0e\xe9\x10\x98\x19B-\\\x87\x18\xdd\xb9iTH#\x89Z$\x88\x87\'6\xbc\xbd\xba\x17\x1fo\xea_U\x17\xef\x1a;\xe6\x8f\xde2\'\x8a\xc7\xa8\xb5|l\xef\x01-5\x86q\x04:[\xeb\xdf\x0c\xad,\x8d\xee\xa9\xafriRt\x8a\x89Cbt\xf1\xe06\xf5\x15\xad]FP\xeb\xe4\xe9\xf7R4\x99\x89\xec\n\xa5\x1d\xe0\xef\xb2aFx\xcc\x80\xc0g\xe7\xb6\x01\x98=4D\xa9\x98Zu\x97"Do\xae\xec\xd9:w\x04\xbe\xdc\xe1&amp;\xe0j]\x12\rJ\xa0\x935\xf0\x8d]}\xe6\xa0\xe0\x86e\xf3\xaa:M~\xbcu\x88\x15\x906/\x84\x08\xf4\x89\x7f\x91\x8a\xb6u\xacFw\xd2\xd7\x04\x91Z\xd8\x9c8\xd4\x01oEo\xe9\x8b#\xa4~\xc5^M\x1db#\xc34\x15\xe0w\x02Vd\xed\xe4\x81\xc0\x17UW\xd4}\xcb&amp;\xcc\x8b\xe8\xc8\xfe.o\xac\xcc\t\xba\xfaF\x8b\xc66\x07\ro\xefMD\xde\x15\n\x99h+\xdc\xb6\x8e\x15\x80\xd7\x97w\x19\xbe]\xff.\xb9\xd4\xc5\x82Z\xa4#\x00\xaa\xebG\x160\x1d\xe8d\r\xfcb\xd6\x97\xc9\xbd[\x1b\xab\xa5I\xc0\xb7{\x00\xd8\xbe\x8d\xda\xad\xa1\x8cD\xc0\x17\x00\x92\xf8\xdb(\x91MG?Q\x19\xadL\xef\xdfN\xda\ng\x0e\n\x06\x80\xb7W\xa5\xad\xd6\x98D\x04\xaaI\xa8\xb9qf\x04\xf0\x82\xfd\xcd\x13q\x92J)\xa6\xcb\xae\x98}\xd1\x0c\x8afg\x81\xb4w5\xb8-451\xa5O\x1b\x00\xaa+n\x007\xf6\xafT9\xf8\xeb\xda\xde\xe5D\xd4\xb0\xac\xa0\x1d0\x83\xa2uV\xb2aF\x04\xff&gt;\x9e\x10\xd4\x1ap\x9bT*\x1a\xeaVY\xafz\x13\xd1?\xf5G\x8aE\'\xed\xa9\x8a\xa2C\'4\xa3\x7f k\xf22\xaa\x93\x8fjNM\xa39 \xa6!*C\xe4]\xa1P\xdd\x12\x99\xbf\xdc;\x9aZ\x13&gt;\xc8\xf0\xc3\xe6\xf2\xaa\xde&gt;\r,r\xa7\xf0]P!\xe8\x1f\x15\xf5LG=\t]\x89\ni\x14\xfb/\xe6k%"\xe0?CG\'\xc8\x18\x8e g\x1b\x8fr\xf98K\xef\xe1\xd5\xd3\x8cp\xd1A\xad\xeb\x8f\xeb\xd6|itO\xe0\x8f\x81.\xd1\xc3\xa7\xb6\xfe\x95\xe4\xa0\x84D\x9e\xa9\x9e\t=\xfc\x9f\x9f\xdf\xb6~\xfa\x90\xe4nH\n\x85\xc7\'\xea\xde\xb18I.!0b \xb5\xd0\xb7\xb9#[e{\x94\xcb\xc7\x9f"M\x08\x96\x19\xe8x\xdc\x0c)\xda\xa5\x05\x03\xac@\x92\x19\x00,j\xb3}=[\x16\xf3\x95I\x17\xf1\xd7u\x89\xf1kg6\xcd\xfbv\xff8\xbf\xd0\xaf\x08|*\x17\xf3\xadR\\\xf1H|L\xb8\xa2\xd7\xb8\xb4\x97\xe3!\r\xd1\xa1US{5u\xe0\x8e\x8c\xeb\xd6\x1c@\xbf\x16NDT\xf3\xff3\xb6^F+\x7f\x9e\x9d\xfd\x7f\x96\x0c\xd3Dd\xb0\xa7\xaa\xf1P\x1f\x1e\x1c\x8fOu\x19\xc7\x92\x9df\xd5J\x02X\x10\xd5\xa5\x97\xaf\x03\xebO\xe7\x0f\xef&lt;\xa5O\x1b|\xbf\xdf\xbc\x86\xf6$\xb9\x99\x89X\x0cA\x93\x8aE\x80\x9f&lt;\xdb\xda\x12\x92]!\xb8gh;w\xad\xe5\x1bW,b\x99\x81"\x82&lt;8\x01\x02q\x94&amp;\xc2\xd7\xbb\r,L(q[\xc5\xdf\xcel\xd9\x98\x9e\x86Nx\x9e\xca\xd82g\xf8\x92\xd1=\x92\xbb\x15\x1a\xc9e\x00\x87KEih\xae\xf2\x98\x01\x81\x1e\xbaH\x0c\xc9\xc8\x18\x99\xe1\x1d\xbc\xe7\x0c\r\xe9\xe3W\xb7\\f\x16\x10\x03\x00c\xba4\x1b\x1a\xe0v\xe7\xf0\xdak{\x97\xb3t{&lt;X\xa4\xa3_O\xce\x14\'\xf2\xadR\x9c\x9dn\x9c\x00\xc9\xd5\x93\x06\xd8\x17\xd1\xe2^\xc9\xb6\x96\xac\xb3\x90\xa5t2K\xdc\x82clW?yV\x97Z\xe9\xe9k/\xb0\xa4\xda\xd4\xbe\x0c\xbc\xba\x08\xc0,\ry\xd9\x14X&gt;\xb6\xb7\xa2\x1b\x1e\x0bk\xf8\xf1\xf0\xe4}\xb1\x89\x8dR)\x90B\x19X\x86\x07\xc9"\xe8\x88\x88\xc82\x03-\x1d\xd3s\xe1\x88\xae}\xfc\x94\xf3\\6\xadZb\xf7\xa21C\xda\xbai\xadd\xfe\xf0\xce\xcc\xd5\xcd\xaf\xba)\x8f/u;\'cD\x1bp\x14$\x02~z\x97/\xf4\xeb\xc9i\xfe&amp;\xb5s\xb2&gt;\xb2F\xfd\xbe\xc5\xa2\x91\xdd\xb8\xbf\xd3\x10\xd53\xcb\x05\xa0\x9d\x93\xf5\x98\xce\xcd\x04\x06x\xff\xcb\x8c\xeb\xd6\\5\x01o\xf2\xaa\xdaJ\xcb\xde%\xe3\x01h\x1a\x03\x12\xd7\xa0\xef^]\xda5\xa4m\x03\xd5\x02\x9fn\x1fV2PZ\xa4\xfb\xa7\xee\x8f*\x00\xfa\xfa9\xfe\xfff\xc4\x16F\x87\xfa\x15\x93\xbb\t\x7fi`ar\xfb\xd0\x1a\xb5y.=\xca\xe53\x11P\xc3\x969\xc3U\x85\xaa\x8c\xe6\xfd\xcccx\x07\xb0lL\xaf`\r\xde\x9c,\x9dT\x03\x0b\x93\x93\xf1\xb3\xd4n$0\xe5\x98\x0f7\x0f\xb2\xff\xe6 \xea\xe2U\xe3\xc0\x8aID\x14\x1b\xa9\xbeO\xd88s\x18\x80\xf9F\xb1\x83%3\x9d\xdc\xab\xb0\xfe\x8f\xdd\x11"\x1a\xde\xc1\x1b\x00\xde\\\xd6\xbfrw\xab&lt;m\xeaX\x19.E\xad@\x0e\xae\x9c\x0c\xe0\xed\xd5\xbdj\xed8//\xee\xe4\x0c\x91g6\xcdS[\x83\xb3v#\xaaPn\x1eX\xa5\x98\x16\\\x9f\x04\xee\xfa\xf0\x9f\x06\x9d\xbe\xc9\xbd[\x9b\xa5\xa5\x1d\x0bF\x1b\xb9=)\x8d\xb8i\xea\x15=\x95\xa6\x8b\xf5-L\x0c\xdf\x16#\xb14\xba\xa7j\xfej|\xbe\xa3))\xca\xd8\xae~D\xa4\xa7\xd7\xb5\x10\x00&lt;?\xb7\x8d\xa7@\xb0\x0b\x9f\x94:g\x13\xd3\xe9\x8a\t|\xbb\'\xfc\xac\x94\x85&amp;7^\x16w\xc7\xc1\xa5-\x04&gt;0=5\xc6\xc9\xf8\xd9\xa2/=\xb5o@\x95&lt;tn\xcb\xfc\x87\'6\xdc:\xb8\x1a\xc0\x99MsE\xd7\xa6\x13\x99\x88\x9e\x9d\xdd:\xa8u=\xc5\x83i\x14~\xd1n\x8d\xd5\xb8\xa9\\c\xa2c\x00\xde^\x91\xbcIJ\xa1\x9d\xb7\x0e\xae\xe6\x92(\x10\x91\xa2\xd8\xaf1\xf9|G}\x02\xe1J\xb9\xa8Z\xde\x7f9XAOX\xba+\x0eCD3$#\xf5\xcds\xe5#\xf2\xa9\x94\xa4\xf3\xd0\xe4\xb4\xc6\x99\x95\xb2\x10]\xd9\xbd\x94{btJ\xca$\x04\x00\xb7\x0e\xae\xd6\xe7t\xfe\x01`X\x90\x87Rf\xb1d\xf1M\x92\x18\xff\xda\xe6\xe6i\xd5\xcb\xd0+\x99/\xd8\xf7\xdc\xc5\x89\xed\xe0\x15\x17\xa5\xa9k\x10JH\xfd\x8a\x9f\xef\x1ea\xdb\xeb\x8e%\xb3,\x1a\xd9m\xc5\xb8&gt;xy\x11xg\x9c\x1eeR\xafVj\x7f\xb6\xbf\xbf\xa7\x14\x91\xa2:\xe5S\xac\x9e\x8f\xba5\xae\xa5I\xec,\xb9\x88\x08R\x13t*\x1a\xa9\x06\x0cY\x9f7\x05\xc2e{\xe5\x01\x00gL\xef\xdb\xdcI\xf8\xd3\xee^6/\xf0\xbav\x11\xbe\xed\xdd\x07\'6\xf4\xf2u\xd0\xf4i\xa0\xb3M\xc3r\tR@^6\x05\xc6v\xf1\xe3t\x81\xd2&amp;\xb6\x8dQN\xb0\x14\xbb\x9bU\x9eG\'7\x02\x1fRqh\x94]\xa1t\xad\xed-\xcel\x9a77"\x94\xbf\xe4\xf3s\xdb\x00$\xaa\xedC\x1f\x11\xb1\xca&amp;\xecv\xbf\xcfOT\x90\x88I\xce\xf1\xe0\xa5a\xfek&amp;vc&gt;Q\x91\xf4\x87\xca\xf1\xe7\x00~&lt;:\xa9\xff\x90\xce\xd4\xf4L5\x17PT\xa9+BT\x90(\xa0n\xd9T\x91_\x85\xe1U^g\xb5G\xc5\xc4\x9cB\xd0$A\xb8v\xf2\xc0\x943\xa7\x16\x92N=\x05b_4\x83\xb4\x86{\x00\x8e%\xb5d\xcbdyAx(\x9b\x89\x004\xa9\xa4&gt;R\xb0\x9a\x1eZn\xef\xae\xed\x03\xbe\xd4\xc8O\xaeer$\xf4\xf4\x9fn)\x168\xb5qN\x87\xfa\xb6B"\xf9\xe3c\xc2\x8d\xe3\xffj$\x9cL\xb3\xe2\xed\xd5\xbbG\xb5\x87/\x8d\x08m\xbczb\x7f|\xba\r`X\x90\xbei\xf6\xf0\xf5\xaeR\xc4\x87&amp;\x82\x9cm8mj\xfd\xa9\x9a7a\xb4\xe7\xea4!\x02^\x94 \x92\xd0\xaf\xdc\xc94+\xbfE\xabN\xf1L\x81\xce6\xd2]0\t\x86\x16$4O\xabQn^B\xcae\xa6\x05Q]\x96\x8c\xee1\xa4\xad\x1b\xf0\x1c\xdf\xef7\xadR\xc2\xd3:\xff\xae\x85\xd1\xf5\xcd\x05\xf5\xbb\xe1\xed\xdcw\xcc\xd7a\xa3B\x84\xa5\xbaj\x1e2\xd7\xb0$\x91\xd0q\xa4\x80\x86D\xbe\xc9\x85j\x14\xde\xd1\xb51\x11\x81\x1e}\x9a)\xfb\x17\xe9\n\x80s[\xe6K\x9e\x95\xec\xf2\xae%\x17\xb6-d/\xfe\xd3\xb3[\x00\xf4o\xe1,\xae\xaaQ\x9d|\xfe\xb54\x03\xe6iIm\x92 M6\x0c\xe1\xe2\x85R\xa1iq\x07\xbc\x9b\xde\xbf]&amp;]\xac\xe4\xf8~\x9f=\x07.\xa5\xff~?MV\xac\x86\xe5\xf2\xa5@i\xad\xac\x9a\x13\x9803\x8bs)\x83G\xab\xe8\x93}E-j\'\xf5\x97v.V\xb4\xb4\xda\x15J\xdb\xd7\xcf\xf1\xee\x91uZk\xeb\xdb\xdc\xb1v\x91\xf4\xdf\x1e\x1c\xe7Y\xcc=:\xb5\x91\xfd\x11\xdd\xb9)\xdb\xc0\xe7\xc9\xf6%\x9cBR{\xc5\x84yT\xdb\x16;RU\xda6\x19\x01\x10\xe4\xa2f\xfa2\xb8M}\x9e\xb3\x14\xb5\xc2L5\x94Y&lt;\xaa\xfb\xaa\t\xfd\x0c!\xaa&lt;\xb6\xab\x1f{\x8at\xcd\x11\r`B\x8f\x96\xdc\x7f\xcbg3\x94\xa0}\xca\xa2e\xad2\xc7\xd6\xc5\x183\xfc\xa1\x94\xee"\xc9\x89\xbf\xa8\x97R\xe2\xb7M\xb3\x86\xbd\xb8\xb0\xe3\xe8\xda\xe9J\xee\x07M\xab\x14\xc7\x97;\r,L:\xb9W\xd1\xb7\xb9DD\xa4\xbf\xfa[\xa3\nBS\x91\xfc\x7f\xb2n\xca \xe0\xd3\x969QL@"\x0f\xd1\xf2qZ\xcc\xcd\x9f\xef\x1c\x01\x107m\xc8\xd5\xdd\xcb\x98\x17\n\x0f[\xe6\x0c\xc7\xd7{\xed\x1c\x05\xa5rL\x16No\x9c#a\xf6\x18\xe3P\xcfL\xcdx.\xd0\xcf\xef\xce\xe1\xb5\xfc\xdb\xb9i\x89\x04\x1a\x0f\x14\xf1\xa9\\\x8cu\x17\xba\x9a\xec\xd9Y\xc5\x89\x86\x05y\xfcyv\x0e\x80\xe7?\x19\xf2\x99\x99h\xf5\xc4\xfe\\p\x87\xb3i\xb6\xc3\xab\xa7\x06\xbbV0\x9a\x0bJ\xf7\xc6vJ\xf2sZ-\xbd\xadj\x9b\xe3\xf3m\xa5\x83\xdb\xe6\x8d\xe4\xe6\x8c\x9bg\x0f\x97\xb4\x8dI\xf0\xb73\x03\xa0\xa71\xc4[\x831\x9d\xdb\xb3J\x994\xa9TT\x9f-\xeb\x9a\x05\xd3\xbc\xbb\xbe\xcf@\xce\x81\xe9\x89\x00\x1c^=\xf5\xcd\x95=\\28M\x98\x1a\xa6\r\x12\x12\xe4R~CL\xb8\x84\x15\x1a:t\xbf\xb4\xa8\xbci\x1cV\x19I\x93;?#7Q\x16\xa2i\xbaK\x85\xf7\xf2u\x08\xf3\xa8*p\xe8\x18\x11\xd2xX\xb0g\xa9\xc4\x04\x12\x8e%\xb3\xdc&gt;\xbc&amp;f`\xd0\xf4\xa4.^\xff\x0e\xdd\x1a\xd5\x1a\xe0\xefzp\xc5\xe4\x81\xfe\xae5\x0b\xa4\x99?\xbc\xb3\xf1\x8d\x1f\x92\xac\xad\xda\xd7\xb3M\xec\xff\x7fA\xa2\x9c\xc3D4\xa4m\x83\x85#\xbar\xff-\x93\x86\x80\xb7\xf8\xef\xc6\xde\xa5\xe3\xd7L\x1e \xba\xdaQ\x1d}\xa4h]*@1s,K\xde\xa9\xd6\xddV*\xe6\x84\x87~\xbasx~d\x98\xa9\xe1\xae\xa1\x07fi\xc8\xc4(\x17Ru\x9eQ|\x8cy\x10\x98\x7fm\xe1\x88\xae\x0e\xc52V\xcfG\x87WO]?m\x08\xdb\x9e\xb1+\xa4\x83\xaf\x96N\xea\xb0~\xd5M\x01t\xf6\xac\xbef\xf2\xc0\xd7\x97w\xebr\xaan\xe0\xf5\xa5\xads\xa32\x10\xa5\'jd[\xd8\xa1h\xc6\x15\xe3\xb5\xb8\xab\xa4n|*\x15{zv\xeb\xdd#\xebf\r\xe90\xb1\xa7?\xde]M\xa6\xf0#e\xf4\x89\xa3\xe9P\xbfb\x1a\x89\x9a\x81\xd7\x97\x00\x00\x7f\xa2:4""S"\xe0\xe9\xbbk\xfb\x9aV-\x11h\xdc\xc0\xf7\x7f\x80\x1cD\xf8\xf3D\xedG\x1bfDT\x97h\xf1S1\'\xf5o\xe9l\xa1\xb78\xcc\xa0\xd6\xf5\xeb\x14\x17\xec\x1e(\x80\xbe~\x8e\x06\x9d]\x9d\xde8\x97\xc5"\xa4\'\x9a?\xbc\xb3\x88W`h;w\x1e\x0f\xf7r\nI7\x98\xdb4g\'\x11Bx;\xf1\nBY\x88\x80OD\xd4\xa3Im\x00\x92;\x8e\xbbY\xe5iY\xabLa"\xe0\xe5\xb0 \x0f.\xd8a\xc5\xb8&gt;\\LC\xee\xe4\x0b\xcd1,w\x0e\xaf\xbd\xbck\x89{\xd9\xbc%\x88\xa4uI\x14\x9et;\xc6\xc0+\xac\xbe\xcd\x9d\xb8\xbfu\xea\x19\xf2\xa8\x8b\x16\x11\xe1\r)\xc3\x83)QJ6\xc7\xa744\xe9L4\xaaP\xa8\x8bW\r\xb3\xb4\xd4\xd3\xc7\x9e\xa5\xe7\x13\xa1S\xdf\xbbi\x1d\x00\xeb\xa7\x0fU:\xaed\xfff\x9e\xd3\xe3\xba5\xef\xa8\xb0\xafvt\xedt\x9d\xaf\'\x98Y\x83\xdb\xb3?\xf6-\x9d\xc0_\xb2\xb2\t\xb9\x94\xce\xfe\xf2\xe2N\x81\xa2u\xaeer\xec\x98?z\xd3\xcca\x94\xd4\x05\xc66\x07\x8d\xeb\xd6\\Tce\x88\xb2\x13)9N)\xea\x1c(\x11\xe6QM\xf5\xe0\xd0\x007M\x12N\xc6\xc42\x03\xed^&lt;\xd6\xd2\x88i\x9f\xff\xaf\x82\x9eJ\xf0&gt;\x18)\x19=\x1b].3\xbd\xbb\xb6\xaf\x9d\x93u\xbcJo\xcb\x0f\xf7x\xe4 *\x9e\xd4\x93*\xbas\xd3\xe65J\xe9\xe9j|a\xfbB\x00\x83[\xd7\xaf\x96\x97\x82]+\xb0\x95\xaeI\xd22v\x85\xd3\xe9o\xca\x93$\x1f\x8b"\xed\xeb\xd9\xeeY2\x0e\xef\xae\xeeY&lt;\x0e\xdf\xef+\n\xbdq\xa4%\niP\x89\xfbobx\xd0\x0b%/G\x13u!,e\x8d\x94\x0e9\xb9\xe9\xea]#\xd0Y\x02\xfbFg\xcf\xea\xdc\xdf\xfd\x9a;q\xf9KU)\x97I\xf9\xbfM\xab\x96\xd8\xb3x\x9c\xfe\xc1Y\xa9\x11\xf3\xff3\x15\xdaJ\xb9t\xb3\x08\'/\xf8\xefz\xf3\x1a\xa5\x88\x08\x80S\xc9\xac=\x9a\xe8\xdc\x8bU\xcfG\xfdZ81\x99\xfe?O\xcf\xc6M\x13\x9f\x82\xa9\xb5\xbd\x05\xf0W\x97f\xed\x94\x81\xd5\xf2\x91\x92z\x81\x08Z\xd4,\x9d\xb0\xec\xfd\xf1@\xad\x0c\xa2Z\xf8\xdd\x909\xeb\x89_uS\x87b\x99J\x13\x01\xef\x88hR\xafV\x87VM\xd1Z\xb9\x95\xb0\x19XH\x83Jw\x8e\xac\x03^i2L)\xae\xe6;5\xac\xca\xfe\x1b\xae\x92r@\xa7\x90\xfe\x7f\r\x7f;3\xc9\'\xbc\xfb\x96M\x00\xa0un\xbbq\xe60\xa6?\xca\xbc\xaa\xd5F*\xa4d$I\x97*\xc4emr\xef6\x8d+\x1aI\x90q\xe1\x88\xaeS\xfa\xb45\\\xfd-j\x96\xae\xa7.\xc8\xab\x10\x91W\xf9\x82\xf6E3\x08\x9c\xd2\xaa\x9d\xf1I\x0e\x9e\x9f\xab]8=%Z\xa5\xa3:4\x02&gt;\xb2\x8ft\x9d!\xe2\xfd\xb5\t=Z\n\xb7\x94\xaa\xe2P,#\x00\xa5d\xa5\xab\'\xf5\x17]\xa1\x11\xa8o\x9e\x8b\x99\xa6tr\xcd|ui\x97\x90b5\x0b\xa6\x99\xde\xbf]tXSM\x05n\x1eX\xc5\r\x00\xaa\xd6]\x19*H\xd4\xb4\xaa\xf4\xe9\xa6\x1f\x9d\xda\x08\xa0\x86\xb6M\x14\xa6\xcf,\xf9\xd5\xc5\xb1eN\x94\xaat\x04\x0f\x19\xf5\xf3\x84c\xb4\xb6\xb7X\x1a\xddS\xcfJ$\xc4\x84\xe8\xfe\xb1\xf5\x87WO5\x9cp+\xcfSQ!;\xb9\x96\xc9!\xd0s\xf4\xee\xd18~qVC\xc4\xf2\x94\xcbLq\x89\x19\x13\xb5\xba\x9f\x1a\x82\xbdK\xc6i\x15VIQ\xb4\xaam\xaeh\x1b\xd0\x13\x11\xb2\x1c\x8a\x8a\x90\x00\xca\xa7J\x03\xa4\xd4(\xa6\xa1\x90d\xf6\xcfe\xd0e.\xb4]\xbcj\x00\xaf\x88(#\x91\r\xaf|\x88\xd6y\x81V\xe5&amp;\xe7R\xd9;\xd4\xaf\xd8\xd5\xbb\xa6jP\x98N\xb0\r1\x00\xc2\xf3$;\x96\xd0"\x8d\xa2\x15\xe0;\x00#\xe7\xd6H\x15h\x9d^\xb7\xaamn\xd0\x10\x10~Ji\x0e\xd5\xd6\x84$\x91E\xf3\x86uj_\x8f\xcf\x83^\x13;\x17F?:\xb5\xc9\xd3:?\x00M\xdeY)\x99o\xf7\x8f\x03\xefN\xc6\xcf\xba\xbagYr\xb7%\xf5#\xee\x19\xd2J)\xa2s[b\x89\xc8\xb9T6.KW@\xdd\xb2B\xceU\xf5\xe4\xfb\xf1\xf0\xe4\xeeEc\xeb\x14\xcf\x94\x89\xa8\x88f\xb3`\xf5|\xe4P,\xa3m\x8e$\xbb=\xa2Y&lt;\xaa;\x00}\xfbu\x014\xaeX$=\xd1\xe1\xd5S\x01\x1cZ5E\xdcVp\xdf\xe6\x8e\x8e%\xb2\x98\xa7\xa3K;\x16I\xdc&gt;\xfd\xb0+\x9c.\x1b\xd1\x9e\xc5\xe3\n\x11\xf5hR[\x84\x1f\x95y:\xaaUP\xcb\xf6\x08\xf0V\xf1\xbfu\x8ag\x02\xd0\xc027\x11\x1dY3M\xda\xd0*\xfda\xb9v\x95\xd0\xe9IKK\xf4\xf5\xde1q\xc3\x1e\x8b\x98i^\xa3\x14\x9e\x9f\xfb\xf3\xf4\xacT+&lt;\xada\xd8\x1cm\x85\xf5\x03\x9aP\x90\x0b\xf9\xa35\xb1\xa5!X?m\xc8\xbfcA\x9a\xd2\xa7\x8d\x81\xc3\xa8\x14}\x00\x00 \x00IDAT\xf6\x1e\xc7umNDl\xdfL\'\xae\xed]\xae\xb8\x93\x93\xb81\xf5\xd5*\x03\x854\xa8xz\xe3\x1c\t\x07-\xa9\x85\xca\xc5\xd3\xaa\xb69\x80U\x13\xfa\x89sd\xdf\xb3x\x1c\xcb$\xf3\xfe\xfa~Me\x92\xd1\xcb\xe8d\xfc\xacr\x99\xe8\xcc\xa6\xb9J=\xb5@\xb4&gt;\xa2\xdf\x1f\x9eP:\x02\x80m6\xe2\xc3\r\x00w\x04h\n\x19\x07\xb5\xbb[\xa76\xcc\xd6i\x94jd[\x98\xf9\xb1\x88h\xc0\xf4\xfe\xedX@{\x1e\xa21]\x9a\xad\x9e\xd8\xff\xf1\xa9M&gt;\x95\xf5\xdd\xc6\xc2\xcf\x87z\xd6 \xf4B\xbf\x1f\x1f\x8f\x9b\x99\\I\xa5:\xd4\xe7"O!p\x83:eQ\xbbpzESJ\xdd\x12Y\x84\x8bb\x8b\xc0Z\x97\xcak\x16 "\x02^\r\r\xf8\x9b\xb0\xb4B\xf6\x841\xdf\xb9T6\xfc|\x08\xfdR\xd3(\x01\xdd\xd5B\x0cDtX\xd3\x93\xf1\xb3\x98\x95L\xc4\x0f\xc2\xe9\xa5\x0clU\x8f\xbfd\xf2\xc2\x13\xf5\x95Ms\xa2\xe6)}\xda\xf0\xfb\x0b\r\xf0wU\x92\xfd\xc2\xfbk\xac\x7f\x1c\x19\xda\x18\x9ae\x87\r\x8dcI\x1d,\xcd&gt;\xbc\x8d\xec\xdf\xd2y\xd6\x90\x0e\xdc\x7fw.\x8c~\x7fc\xbf\xe8\x86q\xa4\'\n\xf3\xa8*\xabT\t$G\xc2\xdc\xe2+~?N\x95~\xdb\x17\xb6/\xdc\xa2\xb0r,\x9b\x89*\x9b\xd0\x9aI\x03X\x08I\xf2R)\x97\xfa\xcc\xbal\x00\x88\xee\xdc\x14x\x01\xbc\x9f\xd4\xabU&gt;"\xfdE\xaa\x19\xc9\x1e\xe4\xc7\xa6\xb7\x9e\xd6\xf9u\xf2\x8b\xd7\xb4v\tu\xe33\x7f\x19.q\xb1\x90\xc6\xe7\xd5f\xfe\xd6\xf4\xa9\x88\x04\x9c}\xfc\xea~\xbb\x7f\xdc\xb5Lr\xa6j\x9e\xd8\xd3_\xa7\x0c\x82Z\x07~\xc5\xd5\x03\xcbR\xab\xb6\x98\xb8um\x06\xa2\x87\'6\xe0\xe5\xc5\x8e\xee\xfa\x8a\x1e\xfe\xdbT\xcbK}\xfd\x1c\x8d-\x92,\x15\x95M\xe8\xd7\x93\xd3\xb3\x87\x86\x10Q\x01"\xe7R\xd9\xdc\xad\xf2\xb0\x1e6\xd9\x07\xb4\xca\xb9I\xad\'\x0c\xcb*\xd3\xaf\x85\x13s\xddu\xb7\xcak\x93\x95\xb6\xcd\x1ba\xfc\x16\x1a\x0e\xeb\xccZ\xfc\xa9\x95Pz\xc9\x15\xc5\xd95\tD\x9b\xa5\xa5k{\x97\xeb\xde4}\xe9\xe9c\xcf\xf2\x87\x844\xa8d&amp;\x95X\x876\x06\xb5\xae\xbfun2?!O\xcfn5\x9c\xa58+\xd1\x9c\xa1!\xd2\xd6\xc9\xfa\x81\x95\xe3\xfb\x8a8\xb7\xa3\x06\xcd\xdd,D#C\x9b\xe8\xd7.-\x98\xa5\xa1\x8d3#\x0c\xad\xa7\xc8\xf9\x95\x94\xcbD\xb1\x91\x9dR_\xb4\xb0m\x0e\xda4+\xb2\x9dc\xb9\xe5c{\x1f^5\x95\x88,\xd3\xd3\xf8n-&amp;\xf6\xf4\x17\xb8\xa7\x91^\xd2\xc4\x17"\xb8upu\x1f\xbf\xba[\xe7F\xcd\x1b\xd6\xc9\x08YJ\x0c\x8d\x84\x93\x88\xbe~\x8e\xdc\xdf\xab&amp;\xf6\xdf2G\xcd\xf6`\xa8[%E\xadsi\xc9E4"\xa4\xb1\xda\x8f,\xd3\xd3\xea\x89\xfd\xf1\xf6\xea\xedCkR\xeb\xbcIw\xac2\x10^\\\xf8G\xb6\nyaZ\xb6N\xa6Y\xd5\xca:\xad\x9a\xd8\xcf\x08\x11\x8e:\xef4\xeaH@\xdd\xb2\xdc\xb8\xd8\xadQ\xad)}\xdb\xfaU75\xf05\xa5\xa6y\x8dR\x00^\x9c\xdf\x9e]A\xad\xbb\xb3g\xf5\xdfO\xcf\x08\x19\x00\x1a\x96\xcb\x07\xfc\x01\xc0\xef\xcc3\xa8u=}\xac\x89\xd9y\xd3\xc9\x16$Z8\xa2+\x80/w\x8f.\x88\x92,qXr\xf1\xee\xda^\xee\xef\x8a9\x89\xcb\xa1\xaa\'_\xef\x1d\xbb}h\rO\x01q/$\x7f\xe2\x0e\xe0)\xcf6 \xa7\xcf\xae\xbf\xf8\x8f\xce\xda\xf0\x92\xc2TN\xeb\x99\xe5\xd2*\x9e\x18\xe6Qm\xe6\xa0`\xad\xf9\x0c\xfe\x01\xcag\xa5J\xb94&gt;\xbde\x84\xad\xf9D\x98\x1fZ)\xa4\xcd\xe12\xb5\xe5!\xc2\xcb\x0bxy\xf1\xc7\xa3\x93Z\xc3\x8f\x84\xb0b\\\x9f\x06\x16&amp;\xb3\x87t\xb8\xbag\x197\xcc\xf4\xf2u\x90\xca\x04m&lt;\xfa\xfa9\xb2\x97P\xe9\xf5\x8f\x19\x10\xc8\xa2\xbf\xf9\xa3o\xed\n\xa7\x03pi\xe7bM\x86\xdaI\xbdZ\xedX0\x1a\xf8\xa2\xb8\x85\xab\x13Y\x88v\xcc\x1f\xfd\xe7\xd99~\x91\xb8\xb3[b\xaf\xec^*\xd0\xa94\xb5p\xf7\xc8:N\x80PO\x02\x1c\xcb\x1990)\xd4\xad2\x80\xe3q3y\xca\xdc&gt;\xb4f\xe3\xccav\x85\xf524\xce\t\x0f];e\x90&gt;5\xe8\xc9\x8d\xfd+\xff\xbbq\x00x\x16\xaba\xbf:y1D\xee\x92 \x97\xf2\xdc\xdf\x9d\x1a\xaa\xb7\xf3&lt;&gt;\xbd\x19\x00\x0b\xe67&amp;^6\x05\x9bV-1\xbc\xbd\xd7\x9c\xf0\xd0\x95\xe3\xfbN\xec\xe9\x8f\xdf\x8f9/\x9d\xf1\xdd[\xe8Y\xbfs\xa9l\xc1\xae\x152\x11\xcd\x1e\x1a\x02\xbc\xe4noF\x839\xd0\x1b\x909\xe1\xa1\xec\xbe\xf4hb\xa7\xf4\xd1\xab\x8b;\xf5\xf7\xa8}\x7f}?\xab_t\x0cV:\xa2G\'7\xfez|\xfa\xec\xe6y\xfcZ+\xb9\x12S\x95V\xccI\xc0\x97\xe4\xda\xeb\xb3\x95\xe8\xb2E\x92{b\xab\x0fE\x89&gt;\xdc&lt;\x18\x15\xd2\xc8\xd0\x0b}\xe6\xd8\x03\xfc6\xf0u\xf8\xc8B\x14\x1d\xd6\xb4f\x01)\xb728\xfd\x15\xfd\x83N\x0c\xadZ\x06\x80m&gt;)\r\xe3\x0eE3\xae\x994\xc0\xa0\xb2\xa0jq(\x96\xf1\xfe\xf1\xf8_ON\xe3\xf9y\xa8\xa0g\xe5k\'\x0f\xbc\xbag\x99\xa2\x1eI\x8d\x02\x94\x9b\xa8n\x89\xcc+\xc6\xf7\xdd\xbdh\xac\x9e\xf5\x1b\x9b\xe9\xfd\xdb\x19:~a\xf1\xa8\xee\x1fn\x1e\xd0\xa7\x86:\xc53\xed\x98?\xfa\xf5\xe5\xddxyAS\x02nE\xd8\x0ev\xff\x96"\x93&gt;\xcbH\x82q\\i?\xdc:\x08\xe0\xe5\xc5\x1d\xc6\xb8X\xea\xa1VAcm\xac\x13\xf5\xf1\xab\xcb#\xc1\xa0\xda\x12\xfd}K9\rvM\xd3J\x16\xd7\x86wW\xb9~\xff\xcc\xa6\xb9U\xf5P\xff\xc8\x9e\xa8H\xb6k\xd1\x18\x00\xa3;\xf9\xfe\xbd\xd6\xf7\xfbe3\x12\x11m\x8f\x1d\x95*wwlsh\x89\xccJ!;\x1b\x8e%\xb3\xce\x1c\x14,\xf0G\x946U\x90@\x87q\xc5M\xd7d\xc1D\xa2zR\xa0"\x8a\xd2&gt;\x81\xa2Y\x03\xf8/\xe5\xb5799\xbfm\x01\x80\'\xa77\x03\xa8\xafNY/y\xd1\xbf\x97T\x14\xf0!\r\t\xc5\xe6\r\xeb\xd4\xb6\x8eU\xa8[\xe5\xd2D&lt;\xb7@\xe0\x02+\xaaC#6\xd8D\x854\xfa\xf3\xf4,\xf0E5\xbf\x02\x13\xe3\xd3\'{\xd5\xff;\xb5\n\xa6\xc1\x87\x1b\xc9\x9b\x0f\xa4\x87O\xed\xa8\x0e\xdeJ{\xce\xaaj\xe0jI\xde\xf1\xbf\xb3g\xf5\xea\x12\x99{C\xdd*\x03\xbf\xf9U\x00Oo\x9c\xa36s\x83\x81\xe0:\xb2\xc8`/\xa3]4\x95\xb2xT7\x00\x97v,\x1a\xd4\xba\xde\xeb\xcb\xbbUSB\xa6\x04Fv\xd4\xcb\rT1\xe4\xf7\xcd\x15\x03&amp;\x86d\xe4#\xeaP\xbf\xe2\x83\xe3\xf1\xdc\x92B\xado\xfat\xdd\xd3\x14\xcb$\xe1\xd2\xce\xc5G\xd6L\x1b\x94\x1c\x91\xab\xeeVy\xbcl\n,\x19\xdd\xe3\xdd\xb5}\xc0{\x96\xf7Q\x15\x1e\x8b\xaa1\x07\x00\x97\xd2\xd9k\xa8t\xf7\xbe\x95\xa5\xd95`\xbea\xcf\xcem\xe5)\xf3\xf0\xc4\x86\xb3[b\x95\x0eJ\xe8\xdb\xd7\xa8B!\xd5\x85\xe9\xe06\xf5S\xe5*;\xb9I\x89#\x80\x1e\x0c\xf0wQ\\\xe2\x03\x90v\x03F\x952Do\xaf\xeeM\xec\xfc\xbf\xcc\t\x0f5\xe8\xe5R\x07\xe6\xe9\xc8\xd3Zb\x17\x83lDQ!\x8d\x1e\x9f\xdel\x08\xb5^\x81\xcc\x1e\x1a\x827\x97\xaf\xef]\xa1t\xdc:3\xb5\xacU\x86G$C\x93\xe4\x8e!\x02\xea\x7f&lt;&lt;\t\x80G\xe4G\xcf\x8cE\xc0\x17\x1e#\xbeY\x1a\x16\x1f\xf4V\xb1\x8f.!i\xce\x86c\xebb\x8e\xc7\xcd\xa8g\x96\xa4\xc2\x03+&amp;%\xef\x00P\x9a(\x9b\x80$\xe6\xd3\xfb\xb7\x0b\xa8[\xd6\xbf\xb6\xf9\xad\x83\xab\x93A\x15Z\x85\xa3kS_|\x8c\x97\xe6\xa4\xbb\xab&amp;\xf4\xc3\xafG\xdc\x7f\x15c\xc2G\x87\xf9\x1aA\xab\xf1\xdf\'?\xafB\x0b#\x17Q\xab\xda\xe6D\xd4\xc5\xab\x86T\xd7-\x93\x86f\x0en\x8fwW\xa7\xf5\x0bX&lt;\xaa\xbb\xferT\xd2\xc26\x82\x84(Nq}D&gt;"\x16\xf2*-k&amp;\x0f\xd0\xb4{_=\x1f\rj]\xef\xeb\xbdcw\x8f\xc6\xf1W2/\xa2c\xff\x96\xceuy\xd3\x9d\xab\xd5\xb5\xbf\xb8}!\x00|\xbd\xabx\xb0$\x91N\x1e\xee\xfc\x01\x0e\xefo\xec\xe7\x92\xab\x10Q&amp;\xa2\xd5\x13\xfb\x0f\x0b\xf2\xd0\xeak\xaf\x88&amp;\xcb\xdd\xe0\xd6\xf5\xf1\xe7\xc9\xe1\xd5Su\xa9,\x81\x05Q\x9d\x01hz\x06\x98$}x;\xf7\x9f\x8fOe&amp;jR\xa9(7\x10\x97!\x92*\xd9\xbd&amp;\xb2\x12\xd5-\xa1\xe6\xd7\\=\xb1?{U%\xe1\xc9\x99-D\xb4k\xe1\x18\xb5\xd6Z\xa9\xb2d\x8b\xdb\xd7q-\x93s\xd9\x98^)\\\xfc*\xc5\xa1\xea\xb9\xb8jB?\xa5\xcc\x12\x9e6\x05\xf6/\x9f\xa8\x9a\x8f)\x1b\x91\xaa\x13\x9eY\x1a\xda0#B`$\xde\x8a\xf1\t\x17r.\x95-62\xec\xde\xb18E\xb7\xad\xe5cSP\xd4L\x994$$\xf7V@\xdd\xb2\x0f\x8e\xc7\xb3\xbf5yI\xebI\xed\xc2\xe9\xd9\xfdi`\xa1\xdc%\x9e\x8c\x9f\xdd\xadq\xad\x0e\xf5l\xb5\xa6\xda\xc0\xab\x8b\x00\xa6\xf4i\xab\xa9W\xed\xd4\xb0\xea\x8b\xf3\xdb\xd5\x9c\xf8\xdfu\x00\x8a\xd3\xff\xb2\x19\xe9\xc4\xfaY\x9fn\x1f&amp;"C\xb8~\x06\xbb\x94\xefP\xcfV\xaa\xda\x9e\x9f\xdf\x06@\x9c\x97\xf3\x81\xe5\x93\x00\xe0\xf9\xf9\xcd\xb3#]J\'ys\n\x10M\xe9\xd3F\xd3\x89\xf3\x86u\xba\xb6g\xd9\xce\x05\xd1J\xc7\xcbg\xa3\xb9\xe1\xa1;\x17D\x0f\x0b\xf2\xd84k\xd8\xa5\x9d\x8bE\xb4J-\xe9\x14&amp;"N\xa6Y\xeb\x16\xcf\xcc\xef\xeeQ\x94\xe8\xe8\xda\x980\x8fj\xb69hP\xebzJ\xa9q\x19v\x85\xd2\x02\xe8\xe8^e\xc9\xe8\x1e\xaa\x9f\xeaik\xe2\xcf\\\xafj\xf3T\xc5\xb1d\x96\xd9CC\xaa$&gt;\xd0\xf5\xccR\xdc\x1exJDq\x9b\xc86\x07\x85yT\xbd\xb8}\xa1j\x1e\x92\xb9\xe1\xa1j\x13\xf2\x01P\xb2\x05u\xa8g\x0b\x00\xf8C\x1a\x8c\xe6\x0e\xc52r\xd3\x07\xee-\x02&gt;(v\xfdK\xa3{p\x86\xa0r\x99ibO\x7f\x9d\xbeTF\xa2]\x0b\xc7T\xcd#\x99\x1ftW\xef\x9a\xb1\x91aB\x12\x84\x06\xb9\x94\xdf\xbfl"\x11\ro\xef\xcd\x046\x0cA\xb7F\xb5\x00\xa8\x0eH\xc2\xadg&amp;D\x00No\x9c\xb3^s*Z=\xa3\xb4$at\x98\xaf\xfe\xf1;\x8a\xec[:\x01@ld\x98\x88s5\xf9\x95\xe3\xe5E\x00\xbd\x9b\xd6\xd1tbq\xa2\x93\xf1\xb3\xd5\x8e\x10\x99\x89:5\xac:\xbe[\x8b\xc4A\xddDD\xc3t\xa2\xa3{e\xa5\xa8\x1a\xb3\xb4tc\xffJ\xc5\xaf\x16\x11\xe8\xa1\xf6\xdc6\x0e\x96\x86n\x9e\x12\x9bgG\x8e\xee\xe4\xd3\xdeUP\x98\x95\x93i\xd6@\'\xebBD\x85\x88\xa6\t\xdb\x95}vn\x9b\x08+Yv\xa2\x0c)\xc6IR2\xbaz\xd7\x1c\xdb\xc5OS"M\x81\xeb\xbb\xea\xf9\x12\xde\x13\xf3\xb4\x14\xd2\xa0\xa2j\x81\x1b\xfbW\xb20\xf1,D=|\x12\x1e\xc4r\x99\xc9\xc94\xeb\x90\xb6\r\xd4\xae\x94\x1b\x96U3=\xe0y\x16\x1bU($a\x88C\x16\xa2\xab{\x96m\x9c\x19\xc1_,\xaa\x837\xfb\x83\r\x9f\xef\xaf\xef_3y\x80$\rP\x0b\x00\xe0\xa9\x9e\x95\x04:\xdb\x00\xdf\x92W\xd0\x89\x07\xff\xda\xe6\xaa\xb3f=\xe9\xe2]\x03\x80\xb8\x0c\xec\xdf\x1f\x9c\xe0\xba\xc8\x0f7\x0fr\xc7\x81\xcf\x00\xf6/\x9bX^\xb3\xf0f\x17\xef\x1a\xb6\xbc\x13\x88\xa7g\xb6\xb4V\x1030\x1c\xbd\x9a:\x84\xba%\x11\xf8\x1c\xe8\xef\xaa\xd8\xfb\</t>
        </is>
      </c>
      <c r="E275" t="inlineStr">
        <is>
          <t>&lt;class 'numpy.ndarray'&gt;</t>
        </is>
      </c>
    </row>
    <row r="276">
      <c r="A276" s="1" t="n">
        <v>274</v>
      </c>
      <c r="B276" t="inlineStr">
        <is>
          <t>steps_per_sec</t>
        </is>
      </c>
      <c r="C276" t="n">
        <v>4000</v>
      </c>
      <c r="D276" t="inlineStr">
        <is>
          <t>3.3520641</t>
        </is>
      </c>
      <c r="E276" t="inlineStr">
        <is>
          <t>&lt;class 'numpy.ndarray'&gt;</t>
        </is>
      </c>
    </row>
    <row r="277">
      <c r="A277" s="1" t="n">
        <v>275</v>
      </c>
      <c r="B277" t="inlineStr">
        <is>
          <t>Loss/object_center</t>
        </is>
      </c>
      <c r="C277" t="n">
        <v>4000</v>
      </c>
      <c r="D277" t="inlineStr">
        <is>
          <t>0.18880603</t>
        </is>
      </c>
      <c r="E277" t="inlineStr">
        <is>
          <t>&lt;class 'numpy.ndarray'&gt;</t>
        </is>
      </c>
    </row>
    <row r="278">
      <c r="A278" s="1" t="n">
        <v>276</v>
      </c>
      <c r="B278" t="inlineStr">
        <is>
          <t>Loss/box/scale</t>
        </is>
      </c>
      <c r="C278" t="n">
        <v>4000</v>
      </c>
      <c r="D278" t="inlineStr">
        <is>
          <t>0.08748109</t>
        </is>
      </c>
      <c r="E278" t="inlineStr">
        <is>
          <t>&lt;class 'numpy.ndarray'&gt;</t>
        </is>
      </c>
    </row>
    <row r="279">
      <c r="A279" s="1" t="n">
        <v>277</v>
      </c>
      <c r="B279" t="inlineStr">
        <is>
          <t>Loss/box/offset</t>
        </is>
      </c>
      <c r="C279" t="n">
        <v>4000</v>
      </c>
      <c r="D279" t="inlineStr">
        <is>
          <t>0.12588108</t>
        </is>
      </c>
      <c r="E279" t="inlineStr">
        <is>
          <t>&lt;class 'numpy.ndarray'&gt;</t>
        </is>
      </c>
    </row>
    <row r="280">
      <c r="A280" s="1" t="n">
        <v>278</v>
      </c>
      <c r="B280" t="inlineStr">
        <is>
          <t>Loss/total_loss</t>
        </is>
      </c>
      <c r="C280" t="n">
        <v>4000</v>
      </c>
      <c r="D280" t="inlineStr">
        <is>
          <t>0.40216818</t>
        </is>
      </c>
      <c r="E280" t="inlineStr">
        <is>
          <t>&lt;class 'numpy.ndarray'&gt;</t>
        </is>
      </c>
    </row>
    <row r="281">
      <c r="A281" s="1" t="n">
        <v>279</v>
      </c>
      <c r="B281" t="inlineStr">
        <is>
          <t>learning_rate</t>
        </is>
      </c>
      <c r="C281" t="n">
        <v>4000</v>
      </c>
      <c r="D281" t="inlineStr">
        <is>
          <t>0.001</t>
        </is>
      </c>
      <c r="E281" t="inlineStr">
        <is>
          <t>&lt;class 'numpy.ndarray'&gt;</t>
        </is>
      </c>
    </row>
    <row r="282">
      <c r="A282" s="1" t="n">
        <v>280</v>
      </c>
      <c r="B282" t="inlineStr">
        <is>
          <t>train_input_images</t>
        </is>
      </c>
      <c r="C282" t="n">
        <v>4000</v>
      </c>
      <c r="D282" t="inlineStr">
        <is>
          <t>[b'512' b'512'
 b'\x89PNG\r\n\x1a\n\x00\x00\x00\rIHDR\x00\x00\x02\x00\x00\x00\x02\x00\x08\x02\x00\x00\x00{\x1aC\xad\x00\x00 \x00IDATx\x9c\xec\x9ds`\x1c]\x17\xc6O\x8d\xafH\xed&amp;uj\xdb\xb6\xed6\xb5\x8d\xd4\xb6m\xdb\xb6m\x9bo\xfb\xd66\xdf\xf6\xf9\xfe\xb8\xd9\xe9d\xb4\xc3\xddM:\xbf\x7f\xb2\x99\xbds\xe7\xec\xee\xcc\xe59\xcf!\xb2\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b1\xf9\x9b\xc0\xafGpF(w\x1bi\x90\x90\xee6\xc0F-E\x93Fv\xb7\tn\x06@\xfd\x02\xbe\xee\xb6\xc2\xfd\xfc{z\x93\x9ab\xb5r%\xb5\xda\x92`\xce\xdb\xb7N\x8bL\xef\xd7\xc2\x05\x86\xd8\xb8\x99\x11m\xaa\xb9\xdb\x04\x97\x92#\x96\xbb-\x90\x02\xc0\xab+\xbb\xddm\x85,.\x1b\x0c~{p\xc2U\x97\xfa\xab\xd9:k\x90\xd3\x19\x00\x80\xbd\x8bF\x95H\x11\xd5\xdd\xc6\xda\xd8\x04w\xf6.\x1a];w2w[\xe1\x11$\xd6u\xd6\xad\x83+M\xb6#X\xd3\xa1Rn5\x1d\x00\xc3\xdd\xc6\xda\x18\xa0n\xde\x14\xee6\xc1\xc6&amp;\x80\x82\x89\xc3[W\xb9_\x91t\xd6U\x1e\xcc\x08I\x84\xb7\xd7\x95\xdb\xfdG\xa77\xdb\x1d\x80\x8d\x8d\x8dQV\x8d\xeb\xa1\xbep\x87\xcay\xac\xb3\xc4\x86#!\x91r\x07\xb0j\\\x0f\xbf"\xe9\xec\x0e h\x13\xc7\xdd\x06\xd8\xd8\xd8x&amp;\xc0/\x85\x0e\xa0X\xb2\xc8\x91\x88\n$\x0c\xe7n3ub{\x01\x11\x11=w\xb7\x01\xea\x19\xd2\xbc\xa2\xbbM0Jr\xf3n\xba\x06\xb6S\x90\xbb\xe9R\xad\x80\xbbM\xb0\x963\x9b\xe7*\xbd{\xf7\xe3\'\xa2p\xe1\x83j\x07\xe0\xb9\x0cjZ\xc1\xdd&amp;x"\x00\xd6M\xea\xedn+\xf43\xd5\xdf\xcf\xdc\xf9r\x9e\xb8A\xdd\x15;X\x91-\xba\xf4\xf1\xa0\xbbH\xb2s\xdep\x85\x19\x00\xf3\xfe\x19\xd5\xb6\xba\x9b\xad\xb4\xf9K\xb8\xb2k\xd1\x87[\x87\xdcm\x85!\xaag\xf76\xb7\xc26\xe5r\x98[\xa1\x8d\rG\xeb\xb2\xd9\x15:\x80\x12)\xbc\x88ht\xfbZ\xee6\xd3\xe6\xef .\xd1\xe1\x15\x13k\xe4\xf0q\xb7!\x9eE\xd0\x1d`\xba\x85\xb1\x1dk\xbb\xdb\x84 \xc3\xae\xf9#\xe4\xdb\xff7\xf5\x0b\xf8\xe6\x89\x1b\xea\xe0\xf2\xf1\xee6\xd3\xc6&lt;\x065-oVU\xf1\xcd\xaa\x88\x87\x7f\xddb\x153\xc6\xb3\xa0b\x1b\x1bwR2\xa5\x97\xbbM\x90\xe6\x9f\xe3\xeb%\x9b\xffms\x86\xe4\x8cM\xf1\x88\x06\xf8\x95u\xb7\x8d6A\x870\xee6\xc0\xc6\xc6\xa3\x98\xd3\xbf\xa5\xc2\xbb3z7s\xef*_2\xa2w7\x0eH\xf6\x01\xbd\xeb\x97\xf0&amp;*\xec\x13\xd1\x8d\xe6\xd9\x041~=9\xf7\xf9\xeeQw[\x11\xc4(\x92\xe4\x7f\xee6\xc1\xc6*V\x8c\xed\xe6n\x13\x9c0\xadW\x93\xc9\xdd\x1b]\xdc\xb1@\xdc\x07\xac\x1c\xd7\xdd\xdd\xd6\xd9\x04)\xea\xe5K\t \xa6\xbb\xcd\x08B\xb0\x8d8w[\xe1N\xec\x11\xa6\xdb\x89E\x94)\n\xf5\xaaW\\\xdc\x07\x8cn_\xd3\xdd\xd6\xd9\x04)\xf0\xf2R\xab2\xd9\xdcm\x85\x8bh^2\xb3\xc1\x1aJ\xa5\x8a\x0e\xbc2\xc5\x18\x1b\x1b\x83\xa4\x0cM\x19#\xd1\xaaq=\xf8}\x80\xbb\x8d\xb2\xb1\xb1\xb1Q\x87\xdd`\x19\xa7v\xeed\x00f\xf7o9oP\x1b\xc0\xb9p\xb4\x8d{\xf0\xaf[,\x89\xbbm\xb0\xb1\xf1\x1c\x92\x87\xb0\xaa\x03\xf0\rkE\xad66\x06\xc0\xafG\x83\x9a\xd9A\xc566\x7f\xb8\xbck\x91\xbbM\xb0\xb11\xcc\xe0\xa0/\x8cccc\x9c\x92)\xbd\xe2\xba\xdb\x06\x17P*U4w\x9b`\xe3\x0e\xe46\xd9#XvE\x19E\x13\x1b\x1b\x1b\xb7\x91+N\x08w\x9b`\xe3r\xb2F\x93]\xb2\xb4g\x006\x1eB\x10\x1d\x80\xd7\xcf\x9f\xca\xdd&amp;\x04\x07Z\x94\xca\xe2n\x13\xfe\x02r\xc4$"JF\x14\xda\xdd\x96\xd8\xd8\xf0\xd9\xb3pTP\xf4\xaba\xfe\x8bM\x8bgp\xb7!&amp;\x10\xc9\xdd\x06\xd8\xe8D\xe5\x933\xb2mu\x00i\xc3\x13^_]0\xa4\x9d\xe0\xdd\xf2\xe9b\xcf\xea\xdb\\\xee\xdc\xf77\x0f\x1eX6\xce\x90\x9566\xf2\xcc\xec\xdb\x1c\xcf/\xba\xdb\n\xcd\xb0\x0e\xe0\xc5\xa5]\x92\t\x91\x8e\xae\x9a\xcc=\x9b\x9d\xab\xe6w\xa5a&amp;2\xa1K=w\x9b`\xa3\x9a\x8c\x91e\xdf\x9a\xd5\xaf\xc5\x9d\xc3\xab\x8b$\xd1\xd3\xd3\xc7\'\xea]\xbf\x84~\xb3\xcc \x7f\xc2p\xf2\x1f\xce\xc6\xc6Z$\x83\x95&amp;t\xa9\x07 GL\xaa\x94)\xbe\xb8\x0fHJ\x04\xa0|\xfa8D\x94-\x86K\xac$\xca\x97\xc0\x16\xca\xfa[\xb9\xbckQ\xdf\x86\xa5\xd8\xebQ\xedj\xf4k\\\xc6\xbd\xf6\x98\x0b\xf0\xc1\xdd&amp;\xd8\xfc\xbd\x00x|v\xab\xbb\xad\xb0\xb1\x91\xe7\xfa\xbee\x9d\xab\xe5g#\x91;\x87W\xe3\xf5\x157\x1bdc%L\xdc\xc6\xdc\x84\x82-Kg-\xe4m\x9dk\x98\x13\xfc\x8a\xa6\x0f\x8a;\x0166\x1e\x07\x80\xdd\x0bFV\xc9\x92\xd0\xdd\x86\x98I\xe6\xa8\xee\xb6\xc0\x93\xe8X%\xaf\xe9u^\xdf\xbb\xf4\xf9\xc5\x1d\xa6W\xab\x9e\x81ML\xcb$\xa1@\xbc`\xa7\xe5`K\xdd\xd9\x04\x82-Y\xee[2F\xa1L\x1a;\x0f\xb3\x9b\xd84}\x80q\xf1\x93`\xd5\xb7\xdb\xd8\xd8\x98\x8b\xbde\xea\xb1\xd4\xcb\x97\xd2\xdd&amp;\xd8\xd8x\n\xc1l6\x16\x94xwc\x7fx\xf9w\x9d\xb6SV\xb86\xb8\xca]\xc2&amp;\x80\xca\x99\x13\xb8\xdb\x04i\xcc\x92 \xf4+\x9a\xde\xa4\x9a\xac\xc5C\xa2s&amp;uk\xe0\xb2k\xb1\xa6\x1f\xf8\xe6\xb2+\xda\x04b\x80_Yo\xc5\x02\xf5\xf3\xa7\xca\x1b_\xf6\xceL\xab\xd0{\xe8\xa2i\xf1\x8c%R\xd8+\xfdj\xf1\r\xd6.\x7f\xf8r\xd7\xdd&amp;\x04\x90-:5)\xe6\x89\xd1^c;\xd6!\xa2\xf6\x15s5(\xe0kV\x9d\xacQ\xce\xeaB\xd1 \x0f\x1d\x80\xfc\r\x1cX6\xee\xfc\xd6\xb9\x0b\x06\xb7\x15\x1co\\$\x1d\xf7\xfa\xde\xd1\xb5\xae5\xea\xaf\xa0Q\xa14\xc6+\xf1\xaf[L\xc7Y\x9e\xdf\xc16)\x9a\xdex\xfa\xcax&amp;\x18\xa2\x9f\xc8D\x05\x12\x05\xc9M6{A\xe6\xef"E(\x02P,Y\xe4\x9eu4\xb7&amp;\xf6\xbd\xe2^\x82\xe5\xd0)\x1c\xd1\xa5\x9d\x0b=\xe7\xd6:\xb3iVb\xedg\xd5\xca\x95\xd4|S\x886M\xefoE\xb5|6N\xebg\xf5%l\x82\t[g\x0er\xb7\tn\xc6\xbd\xa3\xe9Z\xb9\x93\xb9\xf5\xfaV\xb1|tW\x0f\xe9\x00\x80\x8f\x00\x96\x8d\xea\xe2\xb4\xe4\x9a\t\xfe+\xc6\xda\xc9\xcd\xff:lyU\x1b\x1b\x93\x19\xdb\xb1v\xf4\x181N\x1d?1}\xdb\x19w\xd9\xf0\xf3\xd1\xe9\xd0a\xc2P\xec\x8cD\x14"\x84\xfd\x98\xdb\xd8\xa8\xe6\xfb\xc3\x93\xba\xcf\x05\xfeSP4\xfa\x0b\xb9sdM\xcaP\x9a\xcf:\xb5af\x8fZE,0\xc7\x15\x00\xd86{\xb0\t\xfb\x00\xc6l\xf8\xf5\xe4l\xef\xfa%\xddi\x84\x8d\x8d\xe94\xb1\xde+n\xee\xc0\xd6\xfaN\x8cD\xd4\xa7A\xa9b\xc9\xec\x1e\x80\x88(C$"\xd7\xfacx\x08\xf8\xf6\x8f\x87,\x01)\xd0\xa5\xba\x99"\x1c66.\x02\x80\x87\xa7\x9ev\xa3\x1c\x8d[\xd0\xed\xcc\x19\\\xdd@\x97\x8d\xee\xc2T6\x831\x7f_\xb7n\xe3\x19\x00\xa8-\xda&lt;\xcc\x97\xc0\xc3;\x05\x0f%*\x91\x1b}\xfdv/\x1c)&gt;X.]\xec\xa0\xbe5\x9c2\x14\xbd\xba\xb2\'\x8d\xae(\x13\x85\xd9\xa7&gt;-t\x1b\x9b\xe0\x0f\x80\xe3k\xa7\xba\xdb\n\x1b\x13xxj\xa3\xbbM0\x81\x8f\xb7\x0f\xb3\x17)B\x9aS\xe1\xe33[\xf0\xe5\x9e9u\xe9"\xa3\xdd\xfb\xd8x,W\xf7,\xb9\xbag\x89\xbb\xad\xb0\xd1L\xb3\x12\x99\xdcm\x82%t\xa8\x94\xc7\xf4:\x87\xb5\xac\xa2\xb2$\xd3R\x0c\xa2i\x8a\x05T\xca\x14\xdf\xdd&amp;\xd8\xb8\x89(\xaaK\xd6\xc9\x93|\xcd\xc4^\xca\xea\xa1\x7f3#\xdbV\xbf\xb0m\x9e\xbb\xad\xd0\xcf\xc3\x93\x1b\xf1\xe2\x92\xbb\xad\xb0\x96\xfb\xc7\xd6\xb5\xaf\x98[\xa1\x80z_\xaa\xa8D\xc9CR\xd3\xe2\x19\x8d[ec\x13\x04`\xb98&lt;\xdf\xf5\xc2]\x9cX7\r\xc0\xd8\x8e\xb5\xddm\x08\x11\xd1\xe8v5\xb5N\xd7\xf0\xe9N\x9d&lt;\xc9-\xb2\xc7\xc6\xc6&amp;hS;w2\xd6\x01\x94J\x15\xdd\xdd\xb6X\x02K\xcd\xaa\x9b\x98D\x1b\xa7Y\x1e\x85\xaf\x12\xe0)\xf3\x94w\xb7!6\x84\xdf\x8f\xddm\x82\x8d\x8da\xde\xdf&lt;\xc8:\x80Ve\xb2\x1a\xaf\xcd3\xfd\xf7\x80\xdfFN_?\xb9OJ\x9e.\xea\xc1\xe5\xe3\x8d\x1ad\x00M\x1b\x8afk\xb6\xdaH`\xcf\x9em\x820p`J\x08\x16\x80)=\x1ay\x9ac\xe9\x80&amp;\xe5\x88h\xe5\xb8\x1e\xbak\xd8&gt;w({1\xb0I\xb9Y}\x9b\x9bc\x96\xc5\x94\xf6\x8d\x1et\x17\xf7\x0e.\x1f?\xa8\xa9+\x92D\xda\xd8\x04m\xc2:\x1aq}\xa7\x1f^9\xd1\xc46bb\xd7\xfa~E\xd39/\xe7\x0e\xf2\xc4\xd5\xae\xab E\xe7j\xf9M\xa9\xc7j\x86\xb5\xac\xc2\xf5\xeeY\xbc\xdcm\x8d[\x89\xecn\x8dhO\xa3N\x9e\xe4E\x93\xdaQ\xf7A\x1f\x16\xf8cp\xa07\xcd\xdf\xcf\xac\xd4\xd2-Kg\xdd&gt;g\x88B\x01s\xda`w\x10\x95\xc8,\x8d\x9a\xb6\xe5s\xa6\xb3&gt;\x99wT\xde\xf4N\x87\xac\xb1\x8d\x8d\x8dG\x13\x82h\\\xa7:D\x04&lt;\x03\xbe\xea\xaeg\xc1\x90v\x00\xcem\x9dk\x9ei\xb2&lt;8\xb1\xc1\x05W\t\x96\xe8\xe8\xe3\x01xNv-\xd7\x10T\\\xf8C\x1a\x1e\xb7\xb9\x8c\xb4\x7f\x97&gt;K\xd0\xe1\x7fDw\x8f\xacQ_^\xce\xcf\xa7V\xae\xa4M\x8be\x18\xdd\xbe\xa6Ivy\x10\xc1\xd5\xb5I=\x7f\x9b\xbe^\xf6\xa0\x93Z:\x84\xbd\x81lc\x84%#:i\xda\x90\xf4QQ\xc6\xee\xecml\\O\xa7*\xf9\xd6M\xee\xedn+l\x82\x14Y\xa3\xd3\xbd\xa3k\xd5\xb8\xfa\xfd=\xee\x80I\xdcm\x80\x8d\x8d&gt;\x82\xcal\xe0\xef\x9aQz8l\x19\xf1\xf0\xca\x89\xc6\xab\x8aEtr\xfd\xf4*Y\x12\x1a\xaf\xcae\x04\x89tM\xdf\x1e\x9cp\xb7\t6FiP\xc0\xb7k\xf5\x82\xa3\xdb\xd7\x8cm\xd9%~\xfc{JSB$\xad\xa3\xbaD\x1a\xcb\xdb\x04\x0187\x0f\xe3U}\xfd\xe78\x00\xbc\xf4P\xdd\x18\xe6\xd3"\xd8\xe2\xf3\xfc\x0e\xa0_\xa32Aed\xe7z6L\r2Y\xc8/\xed\\\xd8\xa0`j\xbc\xb9\x9a*\x0c\x915N\xa5Z\x1f\xe4\xfe\x8d\xcb(\xbc\xab\x9c\x99\xbedJ\xaf"I\xdc\x9aw\xcd\xc6\x14\xca\xa4\x8e\xf9\xf5\x9f\x13\x00\xc6t\xa8\x95!\x12\x9d7 [\xb6y\xc6\xc0_O\xce\x99h\x9b\x8d\x8d&gt;\xbc\x8c\x9d\x1e\xd5\x14#\xa4\xe8V\xa3\x90eu\xd3\xb15SL\x1c+8M\x19\xe4!\xcd\xbf!\x9d\x16\x9b\xf1\x9d\xebr\xaf\xc3\x10\xad\xe2\x05\xbb\xe2\xd9\x057\x18\xe4n\x8a&amp;\xb5\xc5\xd7\x830L\xd4S\x1cI\x9eA\xcb\xafZ6\x8dg*\x928G\xeb\xdd\x9b\xf6\xef\xd9\xdc\xb3\x91\x84\x7f\x034(\x98\x9a\xc9\xd8F%\xea^\xb3\xf0\xe5\x9d\x0b\xdde\x95\x8d\x8d&gt;&lt;MD\xc4\xd3P\x19?\xd8\xb8\x88\x87F\xe3\xdb\x98I\x9ex\x81\xe2j\xb9\xf9\xe3\xa8v5&amp;uk\xe0\x0e\x8bl&lt;\x0b\xcf\xdf#\xb1\x91#E(\x9a\xe6\xef\x97;\xaeD^4\xcf\x8f\xed0)\x99\x9b\x8d\x16b9^L\xea\xde\xd0\xdc\x9a/\xefZdn\x85\x8c0D]k\x14\xac_\xc0\xd7\x8a\xcaml\x04\x14\xf2V5~\xfe\xf7\xf4f\xe5\x02\x8b\x87w4\xc1\x1aE\xaaeK\x0c\xbc\xb9}p\x95\x15\x95\xbb\xa6\xf70K7\xc5F3\xfarj{\x0e\xc0\x07\x00\xc0kw\x1bbc#\xc1T\x7f?\xab/\x91:\x1c\x1dX6\xaer\xe6\x04V_\xc8\xc6\xc6\xe30\xd1\xb7\xd5R*d\x08*\xc23A\x89j\xd9&lt;]\xb9\xee\xec\xe6\xd9\xc9\xdcm\x83\x8d\x8d\x8dM\x90\xe1\xc4\xba\xe9\xdc\xeb\x01~\xe5Z\x97\xcd\xbeaj_\xa7g\xcd\x1b\xd4F\xdf\xe5&lt;j\xf4\xb0{\xc1Hw\x9b`\xf3\x17\xe0Q7\xbd\x8d\x8d\xe9\xac\x18\xdb\r\xbf\x1f\x03\x18\xd5\xae\xc6\xfb\x9b\x07\xdce\x06\x80\xfa\x05R\xd9.\x986\x9e\xc5\x88\xd6\xd5\xdcmB\xb0\xa5t\xea\xa0#2i=&gt;n\xba.\x80\xbbG\xd7\x1cY5\xc9@\r\xef\xcc3\x87\x88h\xd7\xfc\xe1\xba\xcf}qi\xa7\x89\x96\xd8\xd88\xc7\x9e%\xd8\xb8\x11&lt;;\x8fWWt\x9f\xfe\xee\xe6\x81\xe1\xad\xab:-6\x7fP\x1b\xc1}\xce\xa4\xce\xc3{\xd8\xfd\xef,V\xd7\xc6\xc6l\x98cx\x9br9\xdcl\x87\x95\\\xdc\xb1\xc0\xbd\x06T\xc8\x10\xb7c\x95\xbc\xee\xb5\xc1c\xb1t\xe7\xfc\xc3\xadC\t\x1cN\x04\xbd\xea\x15g\x07c\xf1\xda\xfd7\xd7\xf6\x11Q\x08\xa2(25X\'#\xe1\x94a-\xab\xd4\xcd\x9b\xe2\xc4\xbaiNK6.\x92\xce\xa3z2\x1b\x1bi\xbaT+\xa0\xe3,\x8bn\xee\xd2\xbe\xd1\xad\x93r\xe4S?\x7f*\xfb\xf9T\xc3\xcfGgL\xac\xadH\x92H\xc0+\xf6Z\xf0\xfd\xf7\xae_\x82\xbd\x90\x8c\xab\xf2\x1cn\xec[&amp;\xbes\x00X\x91\x93\xcb`\x9ahM\xe2\x1c66\x1a\xb0\xa8\xf5\x04\xd0\xa6\\v+j\xe6\x93/A\x18|\xba=\xaa]\r\xab/\x14,)\x96\\nh\xee\x9c\x8e\x95\xf3p\xaf\x95g\x19\xe1\x1c/\xb2Y\x90/\xee\xc3\xadCj\x8ayK\x1d,\x97Nb\x88\xc2\xd7\xfb\x92#[t\xaa\x91\xc3G\xcdu\xcd"\x02\xd1\xedC\xab$c\xca\x1a\x16J\x8d\x8f\xb7]i\x8c\x8d\'\x12\xcby\x91 \x0f\xd3\xd0\xce\x1eT\xc5\xc7\x02h]\xf6O\xbf\xa8idg\xe4\'\xbe\xb1\x7f\xb9X\xd2\xc0H&gt;\x9f\x8d\xd3\xfas\xaf=\x7f\x06\x16\x8c\xe3d\xf1\xec\x02^^v\xb7\x156\x1e\x89\xa6\x94\x17\x1e\x85d\xb2\xd9\x0e\x95r\x07\x89\x985\x8b\xb8}H\xbfV\xc1\x95\xdd\x8bM\xb4D\x13\xa5}\xa3?9\xbbud\x9b\xea\x03\x9b\x94s\x97\r\xc1\x18\xef\xa0\xfc\x98\xdb\x98\xc6_\xa2\xf4}\xff\xd8\xba\xbf\xb6\x03\xe8\xd7\xa8\xb4\x9ab\x92\xb9\xa8z\xd6)*Y8\xb9K\x14\xec\x00\x0cnV\xc1\x15W\xb2\x91\xc2\xaf\xa8\xadW\x1a\xac\x19\xd2\xbc\xa2\xe9\xcd\xa2\xbd\xefdc#I\xfe\x84\xae\x10\xd2\xae\x93\'9\x00|\xbb?\xb3os\x1d\xa7\xc7&amp;\xba{d\x8d\xe9V\xd9\xa8\xa5V.\xe5&lt;qf\xa25n*\x1cQ\xf7\x9a\x85-1\xc5&amp;H\x917~hw\x9b\xe06\xc29/\xe2fr\xc5\x0e\xb1bL\xb7\xe4\xba|\xa9v\xcc\x1bf\xb696\xc1\x08\x1fw\x1b G\x93b\xe9\xddm\x82\xeb\x18\xda\xa2\xb2\xbbM\x90\x80?\x9b\x9c\xde\xab\t\x80\x02\t=\xbf\xb5\xd4\x8c\x82\xc6\x9c\xfa\x05U\xff\xba\xc5L0\xc5\x02\x1e\x9e\xda\xe4n\x13l&lt;\x15\x83^\xc9\x96\xf2\xf2\xf2.\xf1A\xb9\x95\xea.\xd5\xf5\x84&gt;\xd8(S%s\x82,^\x94\xd1\xb1\x06\x18\x9e(\x9a\x8a\xb3,\xf0\x9e\xd7L\xd5\xac\x92; \x7f\x05=\xeb\x14\x8d\xcf\x8b\xad\xcb\xf17\xf8\x05\xba\x9d\xa8D\xf5\xf2\xa7r\xb7\x15\x9a\x99\xd4\xad\x81\xe4\x9e\xc1\x90\xe6\x95\xcc\xba\x84n\xcf\x04\xf5\x9dStG\x18\xaa\xce+\x05#^]\xd93\xb6cm\x97]\xaezv\xef\xb3\x9bg\x0b\x0eZ\x11s\x1c\xd23\xfa\x15\x13Q\xa3\xaeQ\xca7\xba\xbe\xbb:&lt;\xd1\xad\x83+u\x9ch\xa3\x8d7\xd7\xf6r\xbf\x90\x9a\xc1\x91\xcb\xe0\x823U\x94\xb4\xb6\xdd|va;{a\xe9N\x88+;\x80F\x85\xd3\xba\xe6B:\x000\xa6C-\xc1\xc1\x15c\xbaYzE\xfe\xbf)C\xc9\x15\xd4F\xee8\x1e\x1d&lt;l\x9c\x02\x89\x82\xe1b\x9a\x8d%hm\xda\x0e\xaf\x9c\xe8k\xaa{B\xd1\xa4\x1a&lt;\x81\xf8A\xa5\xfb\x97\x8ce\xc6G \xc2\xf3\x0bf\xda\x14Xc\x92u\x00\x9e\x90\xc9\t\x80 k\xb4kH \xdf\x0b\xfa\xbaJ\xff\x8c/\xd5\x9c\xd5\xa3\x06D&lt;\x8a\'\x8f\x82\x8f\xb7\x94\xcb\xa4\rO\xae\xd1/\xb1\xb1q\x8e\xa6\x0e`\xf3\x8c\x81\x00\x9a\x16\xcb`\x9d=\xea\xe9R\xad\x00g\xbc\xa5\xbeh\xc0o\xf7.\x01u\xac\x1c\xa0CgD6\xd9"\\\x90H\xab\\\xdaX_\xee\x1dKi\x99\'\x91\x89\xd3\xc7\x1e\xb5\x8b\x00\xc8\xa9qe\xbcn\xbe\x94\xe6\x99`\x1a\xcdJd\x02\x90\xda\x15\xce\xa86A\x87)=\x1a\xb9\xdb\x84?p\x8bQ\xb9\xe3\x84\xac\x90!n\x9d&lt;\xc9-\xbb\x90\xbd\x07\x10&lt;)\x9f&gt;\x0e\xf7\xe36/\x99y\xdf\xe2\xd1\xee\xb5G\x81\x84DE\x92X\xa571\xb9{Cn\x9cA\x81s\xb8\xaaQ3\xb5\xf1,\xca\xa6\x89ED\x952\xc6\xfbp\xeb\x10&gt;\xdd\x06\xbe\xb8\xdb"\xcb\xc1\x9b\xab\xc7\xd6Lq\xb7\x15\x7f)\x1e\xdeAn\x999\xd0\xac\xaa\n$\n\xd7\xa9J&gt;\xfe\x91R\xa9\x02-He\xb3,\xcfPa\x9f\x88\xf5\xac\x99+l\x9c\xd6\xff\xfb\xc3\x93\xfc#*\x93x\x03\xdf\xf2\xc5\x17.\x02z\xf8\xcd\xf0\xd7\x91\xc5\x8b\xf2\'P\x9a\xc8E\xd3\xabc\x85\xf77F\xb5\xf5\x14\x8d\xcc\x90D\x16-\x12\xd8^@\xba\xf1\x10W\xe0\x12)\x0c%\x05\xe8\xdb\xb0\x14\xf7\xbaT\xaa\xe8~E\x03\x05\x91\x08\xf6d\xb4F3,\x1f\xddU\xbfe\x86ILtm\xefR\x00\xcdKf\xd2q\xfa\x86)}%\xc5\xaeM\xb0\xcc\xc6\xf3\tG\x14\xcfX\r&amp;.\xda\xe4K\xe0d;\xd2\xbf\x8e\xceh\x9aF\x85\xd3&gt;=\xbf]\xdf\xb9\x7f-^\x8e\x17\xf1\x88R\xbb\xd5\'e\xcb\xccA\xfat\x0e\xe4P\xeeL\xf49\x18U\xce\xec\x1e\'\x03\xfcx`\xfa\xf8\xc6\xee\x00l\xd4\xb2tTgw\x9b\x10\x84q\xda\xe7\x19\x01\xefo\x0clR\xde\xba\xfaM\xe4\xc0\xd2q\n\xef*O\x7fM\xe1\xe7\xbf\xa7\x01\xec]4:[t:\xbby\x8e\xd5\x97S\x83Jo1\x00GWOn[&gt;\xa7\x89\x97\xb6;\x00\x1b\xcdD4\xaf\xaa\xf0\xce\x8bh\xc6\x05\x8d\x88\xa7Q?\x7f\xaa\x95c\xbb\x1b\xac$\xbe)\xa6x6\x9b\xa6\xf7g\x83\xe8\xc5\xc3;\xde9\xbc\xbaY\x89L\xee\xb6H\x03\xca\xf9\xd4\x00\xdc\xd8\xbf\xdce\xc6\xd8\xd8\xe8\xe4\xea\x9e%O\xcfo\xd7\x94\x0c\nx\x8aW\x97\x8d\xa4+\xf1L\x8c\x7f"6\x82Kl\xac\x92\x04Dxw\xc3\xc3\xf35\x9a\x85\x152\xe9\xe6F\xdb\xe8\x03@\xee8.\xd1\xf2\xb61\xce\xc4\xae\xf5\xd5\x17\x06\xf0\xe1\xd6\xa1~\x8d\xca\xe8\xb8Pa\x9f\xff\xe5\x8a\xedY\xb7\xc5\xce\xf9\xc3\x01\x94K\x1b+\x95\xea\x8d`6jK\xa1\xa2\x812ev\xe2\x82\xd4\x95\x8c#+\x8d\xc6\n\x00\x88F\xd4\xb0P\x1a"\x9a\xdc\xbd\xa1\xbeJ\xaadI8\xb6cm\xfe\xf6\xa9\x80\xfb\xc7\xd6\xa9\xf41\xaf\x96-Pg\xa4\xa6\x87+\x988\xbc\xfa\x06\xf4\xe0\xf2\xf1\x82#\x952i\x98\xba\xd8+\x1e6\x1e\x81\\[&amp;)\xd8\xf4\xec\xc2v\xdd7\xee\x9c\x01\xad&lt;\xf0\xa6\xc7\xaf\xc7\x9aO\xc1\x075\xc5L\x89;\xf5\xc0oL\x8eY\xfdZ\xf4o\\\xa6a\xa1\xd4Dtv\xf3l\xddS\x8a$\x8e\x18+\x81b\x13Sp\x9a\xea\xefw}\xdf2\xfdV\x9a\x87\xe0\xa7\xb9{d\r\xe7\x04\x89\xdf\x8f+dp\xa2?\x14\x84~Y\x9b`\x8e\xe4$\x00_\xee\xa9&lt;]}Kg\xdf\xf4Z\xe9]\xbf\xa4\xbbMPE\xeb\xb2\xd9w\xcc\x1d\xfa\xe0\xe4\xc6\xf2\xe9b\x1btM\xe9\xefW\x96\xd3\xea\xe0\xa3\xde\'(\xbd\x89[CZ\x80\x08\xe5\xc2.3\xcc\x14F\xb6\xad\xae\xb2d\xd7\x1a\x05-\xb5\xc4\xc6df\xf4n*&gt;X;\xb7\xdap\xfd w+kb\xf7\xc2\x91\xee6\xc1m\x14O\x1e\xf5\xdc\x16U\xde)I\x89\x00\xa41\xc3q\xb3a\xc1\xd4\xcc7\xa6O\x03\x89\x85\xa0r\xe9b\xb7,\x9d5\xa6\t\xd71\x1fq\x07`]\x08\xae\xebQ\xff\x98+\x97\xd4\xa4\xe2e\xe36\xf0\xfa\x8a\xe9u\xcae\x7f\xd5\r[\x0e6+\xeft\xd94\x12\r\xcb\x88\xd6\xd5L\xaa\xde\x13Q\xb9\x9cED\x05\x13;\xf1\x93\xf26l\x8c\x1a\xba\xd5(4\xbb\x7fK\x83[\xcd\xd6!\xe8\x00\xdc\x9b\x11\xfd\xf1\x99-\xc7\xd7N\xd5z\x96\xd5y\x0b\x82\xbd\xa8j\xd0\xe3\xd1\x99-\xe2\x83s\xfa\xb7t\xbd%*akV\xc0\x1bs\'\x1fm\xca\xe50\xb16\xd7sd\xd5\xe4\xd0D\x1fn\x1fR\xdf\x16\x03P\xa9\x13`\xcaW]1\xa3\xc1\x10@*\x95*\x9a\xbb\xe2\x84\x8b%\x8b|f\xd3,\xe52\t\x88\x1e\x9e\xdc\xa8R\x11\xe1\xf1\x99-\xe22Wv/\xce\x11\x93\x88H\x109\xac\x12\x00:\xb2\x14X\'\x99g\x13\x04H/\x9a\xa7\xeeZ0\xa2\x7fc=\xae&gt;\xae\xe1\xf3\xbd\xa3Y\xa3\xd9Z\x0b\x7f`\x83s\x00\xf8p\x13\xdf\x1f\xa8\xf7\xec\x02\xa0\xf2\xe1\x07\xbe\x95\xf6\x8d^&lt;y\x14\xe0C\xfd\x02\xbe:\x8c,\x9a4\xd2\xe6\xe9\x03\xd8k\xddR\x9a\xad\xcad\x03^)\xa8I\x97O\xa7Y5y\xc5XU\xc9\t\xb6\xcc\x1c\xd4\xbb~\t\xad\x95+\xc0\xf5\x13\xfc\x1c\xdd\xec\xc8\x8d\xfd\xcb\x01\xa4\x8bH\xab\xc7\xf7T_aBc\xe3w7(\x86\xdb\x98\x82\xa4\x8e\xac\xfa\xf6Q\x1c\xafd\xb5pz\x14g\x05\x94\x07\x8a\r\n\xf8&gt;&gt;\xb3\x85\x88\x12\x9ae\x90\x14e\xd3\xc4&lt;\xbcb\xa2\x95W0\x99\xff\x1e\x9f\xd11\xe5\xd7\xc4\xd2\x91\x9duw\xba\x93\xba5\xecV\xb3\x90\x91\xab\'$\x02\xf0\xf1\xf6a\xc1q\xce\xbd\xd8\xd2\x0c?\xa6\x03&lt;\x13\x7f\x99\xec\xb1-\x9d:\x86\xe3\xdf\xd7\xd6\x190\xbcU\x15\xc9\xe3\xc5\x93;}@\x03\x11\x8fh\xd9\xa8.fXdc*\xc3[9\xcf\xf1\x96/A\x98g\x17\xb6\xff\xf7\xf8\xac\xe0x\x95,\x16\xb6\xaeGWM&amp;\xa2J\x19\xe3\xc9\xad+\x8f\xebTWA\x1e1\xbe\xabv\x9e\x07\xf8\x95s\xc1U8,S\x84\x94\xe6\xeb\xfd\xe3\xae\xbd`\x00N\xb7\x1341\xb5gc\xd6h\x8e\xedX\x1bxe\xe4\xaeu\xb1\xfaP\xb3\x12\x99\xc4s)\xf6Y&amp;uk`\xb0r#iw\x17\r\xeb\xa0\xbe\xf0\xd4\x9e\x8d\xabeKlo\xec\x06a\xfa4(\x05\x80\xbf\x1f\xe8\x1b\x96v\xce\x1bf\xbc\xe6\x8d\xd3\xfa\xe98\x8b\x1b\xfe\xe8 H\xfb]h\x1bwy6\xc0;+"]\xc5\xec\x9c7\x9c5\x9a\xdeD\xe5\xd3\xc5\xcel@\xc1\x93\x9f\xd0\xcd]8\xdd?p\xcd\x16j\xde\xf8j\xb7\x05\xe2\x04\xbb\xdc\xc8\x7f)\xdc\xeaa\xafz%\x00t\xae\x9a\xdfx\x9d\xa3T\xfb\x0es\xa4\tGk&amp;\xfa\x1b\xbc\xae\xa6\xf9\xc1\xd0\x16\x95%\x8f\xabw\x84\xb5\x11\x03\xe0\xcd\xb5}\x00\xac\xce\xfe\x98*\x0cm\x999(\xa3{\x1dnL\xe5\xd2\xce\x85\x00\xca\xa7\x97\xe8@\xfd\x8a\xa6\x17+\xe9\xcba\xa4]\xb6w\xd7\xfej\xb8H\x9a|\t\xc2\xf0\xa3j\xe6\xf4o\xb9dD\'\xf5\xf5\x88\xb3\x81\x07!&lt;\xca)\xc8\xd2\xdd\x0e+\x987\xa8\r\x11}\xb9w\xcc\x90\xa6\xbe;H\x15Z:!\x81\xf1e\x99\x13\xeb\xa6\xbd\xbc\xbc\xcbi\xb1:y\x93\x03hU&amp;\x1b\xff\xe0\x9c\x01\xad\x88\xc8Ix\xb1yp\x1d\x80\x9a\xa5\xa4\xa0\x12\xaeh\xa3\x99\xca\x0ey\x13\xb6\xc6\xd7\xbdfaM\xa7\xa7\rOMLJ\x05\x9c\xd8\x8c!\xb9\xdcVU6M\x82p\xc1\x17\xce#\xa8R\xa6\xf8]k\x14\xe4{\xa7h\xc2\xa3\xd2\x97k]\x14*\x992\xda\xedC\xab$\xdf\x1a\xd4\xb4\xfc\xbb\x1b\xfb\xf5\x991\xa5G#\xe0\xf5\xaf\'\xc2\xcd6I\x80\xcf\xfc\xf0\xcc\xec1\x9c\x0f\xc9\x0f.\x1f\xdf\xacD\xc6\x1e\xb5\x8b\xe83O@\xbb\n\xb9\x9a\x95\xc8tv\xcb\x1c\xbc\xbbN\xbc\xfc\xd2\xf9\x12\x84yuy\xb7)\x97\xb0\t\x02\xdc=\xbaF\xeb\xd83\n\xd1\x86\xa9\xfd\xea\xe4I\xbeaJ\xdf\x0b\xdb\xe6\xdd;\xba\xd6\x14Kf\xf5m^*U4\xb6&lt;Z%KB}{\\\x15e\x14Z\xea\xe5Oe\xc46\xaba\xa3iW\xa2i\x1bPL\xf2\x90\xc1\xd0\xb5\xfc\xd4\x86\x99\x9a\x16Fb\x11\x9d\xdf:\x97\xbdN\x10\xb0\xb8\xffmB\x97z\\\x81\xbbG\xd6\x8c\xef\\W|\xe2\xe8\xf65\x81\xa7\xfc#\xb1\x89\x8e\xad\x99\xa2p\xf54\xe1\xe9\xda\x9e\xa5\xed+\xe5\xfet\xf7\x88z\x0b\x9d\xb2{\xc1HvQ|\xbb\x9f?aX"J\x17\x91\x80\x0f\xf8\xf9\xd0`\xcd\xfd\x1a\x95\x19\xdd\xbe\xa6\t&amp;\xdaXJ\xb3\x12\x99\xc4\x9bNi\x9d9q\x00\xc0\xc7[\xe6Z\xf2\xe1\xd6\xc1\xc4\x7f\xb6\xc8\x9ek:wz\xaf&amp;\xec\xc5\xfdc\xeb\x98ZY\xd0"\x8d\x15\xc9\nx\xe0\xcb]|\xbc\xc5\xcf2xl\xb5\xa1&lt;\xc9\x1d\xab\xe4Uh\xad\x82\xd3z\xbd$l\x02\x14\x95\xa8F\x0e\x1f\xee`\x90\x9ed\x02xw\xf3@\xfd\x02\xbe\x00\xae\xef[\xd6\\&amp;{\x81\xfa\x18\xbdb\xc9\x82\xfbM\x10\xbcQ\x8e\xc5?\xb3i\xd6|\xb3\x07\xad\x85}"f\x89F\x00\x16\x8f\xe8\x98I\xaf\xbb\x8c\xdc\x12j\x91$\x1e\xe7\xc6\x16\x9b\xe8\xe1\xa9M.\xb8P\x1c"\xe0\x1d\x00\xc9\xd1\xa8&gt;\xae\xef]\xfa\xd7\xee"V\xcf\xee}u\xf7\x12"\x02\xc0VN\xcem\x99;\xcd\xdf\xaf|\xfa8\xe9\xdc\xa4R\xa7\x9e\x01M\xcaU\xc9\x92Pn\x84\x87o\xf7G\xb6\x91u\xeb\xc8\x97 \x8cx\xdag7\xf3\x1eD\xed\xdc\xc9$u\xdftP3\xa7\x92\xdc\xef\xa33[\xb4\xc6\x92\xa8\x81s\x8fso\xb6X\xd7\x10[\xe4\x89\x11\x84\x9e\xa5\xa1-*\xbb\xab\x03p{\xc7\x03|zue\x0f\xb3dV\xbf\x16D\x94\xd8\xd9o7\xa2\xf5\x9fx\x9d2\xa9c\xb81\xc4\x1d\x00\xf0\xcb-\x97\xb6\xb1\x9c\x92)\xbd\\s!+\xee\xe0\xdb\x87V\x01\xb0\x95\xa4\x82\n94*v\xde;\xba\x16\xf8\xcf\x1a[\\\n\x80\xb2ib\x11\x91J\xdd\x88xD\x00\x98\x93\x0fW\x03\xf0\xc5\xed=\x99\x1a\xf0\xf9\x8e\xbbM\xb01L\xd7\xea\x05\xcd\xd5h\x05\x80\xafj\xd3\t\x08N\x1c\xd1&amp;8\xabo\xdaH\x12\x89\x08\xc0\xe7{G\xddm\x88Q\xba\xd7*\x02@\xd3\xa6}\x95,\t%\x07L?\x1f\x9d6\xd5\xb4@\x00\xc8\x1b\xcf#\xb6\xe9\xf7/\x1d\xebn\x13l\xb4\xb0g\xe1(\xa7ez\xd6)\xaa I\xe5-\xe3&amp;x~\xdb&lt;\x00r\x1ex\xae\xc7\xa3|\x19\x83=F6!2D\xb2J\x8b\x06\x80\x8f\x96\xf2S{6^;\xa9\x97\xdc\n\xe5\x9eE\xa3\xdaW\xca-y\x15\x85\xf1\xbe\xe4\x8e\x17\x80k{\x97j1Mx\xfa\x7f\x8f\xce\xe8&gt;\xdd\xc6s\xe1\x9a\xad\x81M\xcb\xab\x8c\xe6\xcd\x1d\'\xe4\xd8\x8e\xb5u\\\xeb\xdd\x8d\x03:\xce\xaa\x941\x9e\xa5BC6\x9eL\xda\xf04\xab_\x0b\x8b\xdd\x9a\xcc\xa1Y\x89\x8cf\xad\xc3T\xcb\x96x\xe5\xb8\x1er\xb5\x01\xa8\x96U\xd6\xaf\xe2\xc6\xfe\xe5\xe2\x83\x85\xbc\r\xe9/\xe0\xd3\xedNU\xf2\x19\xa9\xc1\x14\xf0\xf6:\xd9!\xf7\xc6a\x9b\xa2\xab\xc6\xf7$\xa2|\xf1\xc30\t\xb3k{\x97\xaaL\xc0\xb2k\xfe\x88WW\xf6\xa4\xd4\xae\x06\xcbnh\xad\xd1a\xea\xd1\x90c\xfb/C\xa0\x12\xc0\xe2\xb5v\xce\x1b\xae\xe6\xdc\x1e\xb5\r\xa5\xe59\xe7\xf0mg\xac\x1c\xd7\xfd\xf4F\'*\xf9|&lt;\xc7\x07\xf4\xd0\xf2\tC[V\x96\xcc}\xcd`\xceQZ\xab]2RU\xa8\xbc{\x1d\x82\xf6-\x19\x03@\x9f/&amp;\xf0U\xfd&amp;_\xae\xd8!\x9e\x9c\xdb\xa6\xe3*6j\xa9\x9a5\x11\xf02\n\xd1\xfcAm\x8a$\xf9_2\x87\xa6\xd8\xda\x89\xbdT\xea\xc2G$\x92\x14\x1eq\x17\xe3:\xd5a/^_\xdd\x1b$\xb6\xc2$Qv\x942\xd8\xb7\x19I\x8abD.\x8d\x88\n\xfb\xfc\x8f?\x81\x0bO\xb4z\x82\x84v\x93\xca\x90W7\xe2\xb4\x15\x9b?\xb8\xad\xcb\x8cq1\xd7\xf6.e\x1f\xff\xf5\xd5=Z\xcf\x15\xcb\xd5\rm)\xad\xa6U+WR7z4\xfd-t\xaa\x92\x0f@\xafz\xc5\x01\xf0wrG\xb4\xaeV6\xad\xda\x80\xd95R\xcf\xb0\xbb\x00\xc0\xec\x8eC\xf4\xe4\xecV7[c\x8cs[\xe6\x94\xf65?\x06\xc8\x8b\xa8]\xc5\\\xfa\xce\xedP)\x8f\x91\x1d\xff\x99}\x9b\x0b\x8e0gG\x01A\xe2\xb1WV\xabuAv\x81AM\xcb\x8b\x0f\xb6,\x9dU\xeb\xe2j\x89\x14\x9a{\xf54\xe1\t\x00^]\xd6z\xa2\xa66\xfd\xe3\xed\xc3\x8b\x87w\x14\x1f\xbf\xbag\x89\xd6\xeb\xdaH\xc3:\x80\xf1\x9d\xeb\xe2\xf9\x05\xfe\xf1-3\x07m\x9d5Xe%\x00\x064q\xa9\xf6\xbdqT\xe62t\x19\xe9&lt;U\x15\xf7\xd6\xc1\x95J\x93\x11c\xd4\xcd\x9bB\xf2x\xcb\xd2YM\xbf\x96dOc\x05M\x8bg \xa2\x1dsMPD\x97#cd\xd6\x92\xbe\x15\xbf\xf5\xfd\xe1I\xad\xdd\xe7\xfb\x9b\x07utW\xa6(\xfe\xda\xb8\x99\x96\xa5\xb3\x1c]=Y|&lt;`\x9e\xf6\xfb\xb1\xebMr\r\x929\xdc\x83\x16\xa9B\x13\x11\xf9\x15M\x0f\xbc\xb0\xee*\xb7\x0f\xad\xaa #\x82\xa4\x06qc$\'\xa9\xe4\xf9\xa8\x89N\x1c\xdd\xbe\xa6{\xa7/\na\xf6\x8f\xcflab\xd0Ab\x82e\xe3f\x00\xa4\xf5\xd4ai\xf0\xc0\x14\xc93\x00\x0b\x86\xb43\xa1"WQ$\xc9\xfft\xb8\x0c\xd8\x04\x15\x94\x87\x0b\x00\xf8\xb2QR\x05~\xc8\xbdU0Q\xf8&gt;\rJ\xb6\xab\xa0s\xf5\xd2F\x1b\xab\xc6\xf5\xd0wb\xc3\x82AO1\xcd\xc6:\\\xe9#\x905\x1a\x9d\xdd&lt;\xbbr\xe6\x04.\xbb\xa2[\xf0d\x0f\xb7\x0e\x95\xf2(\xbc{l\x8d\x93\xbc\xd3l1Jr\xd5\xb1t\xea\x18\x06\x85fm\\Aja\x96\xf8\xbf\x91*\xc1\xbd\r\xf2L\x98\xeb\xc8\x02\x0b&lt;p\xc6v\xac\xbd{\xc1H|\xb8\xd5\xa8P\x1a\xd3+7\x11&amp;\xbc\x1ct\xc9\x16]\xa9\x01\xb1\xe3+\x83*\xfd\x1a\x95q\xb7\t\xae\xa0C\xe5&lt;\x06}\xd5\x0f,\x1b\'\xe9\xf9\xf0\xf7\xd0\xb7a\xa9\x00\x1dy|\x7f{}\x1f\x11\xa9\x11\xc2\x1c\xde\xaa\n\x11Y7\xf6\x17\xfb/*\xa0\xaf\x9d\xda5?P(\x06\xf0\xd9\xac\x84HA\x88\xb2ib\xf6o\xfcW\xb4\x15\x7f\x0b\r\n\xf8\xba\xdb\x04\x9b \x83oX"\xa2\xff\x11\x15I\xf2?\xae\xc1\x8dI\xd4\xb8H\xba\xdcqB(\x9c\xc8\xa4 \xd8)\x153\xc63\xdd0\x17\xc4\x9brQ\xbbn\x9c&lt;\xaaO\xc2\xbcu\xd6`~w\x18\x85\x08\x00\x97\x1b\xdc&amp;x\xd2\xa7\x81t\x02O\x85\x91Q\xb0q9\xf8p\xeb\x90\xbbM\xf8+\x88!5h\xf0qv\x167\xe8\xf6\x96)\xf0?\x03&amp;9\x85\xdd\xe4\x92\xcb\xdf,\xafK\xf2\x10$\x960\xc9\x137\xd0n8\xf0lL\x87Z\xd1\xcc\xb6\xadzv\xb9\xaf$\x101\x888\xc7\xb8\x14!\xe9\xfa\xbee\xca\xe5\x05\xf3\xa1r\xe9b\x1b\x8f\xdb\x8aBtd\xd5$\xc1A;\xfd\x8b\xa7\x10V\xa65O\x13.\xe0n\xd8&lt;c\xa0\xf8]|\xb8i\xbdi\xae\xe0\xe2\xf6\xf9\xee6\xc1F\x96\xf2\xe9\x84[\xcd\xbd\xea\xa9RT6\x05\x00r\xd2)\x00r\xc5\t\x91\x98H\xacE~c\xffr\xb6\xc6\xa5\xa2\xfe/Z3\xd91\x04\xe3t9R\x84\xa4\xf1\x9d\xeb\x02\xb8\xb1\x7f\xf9\xf8\xceu\x0byGP\x0e\x9b`\xcf\xfb\xc0\xc0\xd1?\x00\x94\xd7\xea\xd8Ym\xcb\xe7PH\xca\x04\xfc\xf6+\x9a\x9e\xcd#\xf0\xf6\x9a\x1d\x0c\xecY\x008\xbev\xaaxD\x81O\xb7-\xfa\xa9\x065\xad \x18(YJ\xb6\x18.\xbb\x94G\x10\x9c&gt;n\xce\xc0\xa1\xeb\x07\x97\x8d\x17\x97\xb1HM\x08\x80\x0e\x07\x15\xf5\x8f\x8c\xa6\x1d\x88@\'\xfex\xb0d\x84*}\xa1\x05C\xda\xcd\xe9\xdf\x12\x00\xf0\xaaf\xce$\n\xf1\x04\x9d\xab\xe6\xd7gL\xcf\xdaE\x01T\xc9\x9c\x10\xc0\xb15\xd2yC\x0f\xaf\x9c\xc8\xbd\xc6\xeb+\xf8\xf1\xc0\xee\x00\xdc\x06\x80g\x17v\x08\x8e\xd8}\xb2M0 "\xd1\xe9\x8d35\x9d2w`+\xb9\xb7\x9a\x97\xcc\xccO\xe1\xab\x12\xf5\x8f\xd2\xac~-\x008\x95\xe7\xba\xbeo\x19\x80-3\x07q\xde\xf4\xefo\x1e\x04\xa0\xb4y\xe2\xa0O\x83\x92q\x1c&amp;9\xdd|\xd6\xd7\x08\x94K\x1b\x1b@\xdc\xc0\xad\xbc2\x99\xa3\x06\xab1J\x10\x03"\xe1\xef\x95\xe3z0\x99C}\xae\xdd\xe5\xd3\xc5Y8\xb4\xbd)\xb6\x05K\xd4\xeb/\xd9\xa8A\xf7\x8ed\xbd|)Yf.\xe3p\r%\x00\x81\xc8]\xd3\xe2\x19\x9d\x9e\xaeI\xfb\xda1&lt;\x0b\xc8\x08\xd6\xb7ai\xad#6\xe0\x1b&gt;\xdd\xb1(\xdb\x0b\xb3$sT\x1a\xd6\xb2\x8arI\xff\xba\xc5\xec\xb1\xa6\x9b\x99\xdd\xaf\x05\x00N:\\\xe5VRp%\x85\x05\xd9$\xf3\xc6\x0b=\xa8i\xf9\xccQ\xff\xb4\x11j\x92!_\xda\xb1\xc0|S\x82\x0b\xf5\xf3\xa72\xab*\xb3\x9a\x9e\x02\xc9\x933\x00\x00 \x00IDAT\xa2I#\xe1\xd7#\xbc\xbc4\xb1[\x83\xee\xb5L\x13?\xe7\xa7\xb6n[&gt;\xa7c\xe4\x9e\x1e\xbf\x1eq\xed\xe6\x83\x13\x1b&lt;\xa7\x19\xe5,Y0\xb8\xad\xd3\x9f\t\xf8\xe6!f\xff\xa5\xc4&amp;\xda8\xad\x9fBX\xb6\x8d)\x00\xef\xdaW\xcc\xcd\xdd\xe8\n\xbb\x1d\xa9BS\xee8!c\x13)\xaf5s\xb9\xfa\xdc\x986\'\xba\n\xa7\x1d\x8b\xb8\xb1O"\xff\x89&gt;J\x98\x97\x04\x1bx.)\xdc&amp;S\x18\xb9b\x07\xac\xd98\xdd\xb1\xb8}h\x15\xf0\x9bk[\xe3\x10\xe5\x8d\x17\xfa\xd5\xe5\xdd\xc7\xd7\x06\x04\xdc&gt;&gt;\xbbU\xcf\xce\x01\xa0\xacN\xa8\xb5\xce\xf0\x8e\x0e`\xf1\xf0\x8ej\x92\xc9\x00\xb8\xe1\xcc\r\xc9\xc6\x1c\xd8\x0f\xa3u=\xd4)\x92\x1eA\x7f\x1b\xaa\x9d\xaa\x9d\xf3\xe5\xde1\xe0\x95S\xd5\xc6\xec\x1e\xb0b\x9a\x8c\xa8Y\x89L\xee\xb6B\x88\x0e\t:|\xbek\xca\xa5\xf1\xf5\xbe\xfa\x14\x8c\xc0;\xe0\x19\x11\xb5-\x9fSY\x9171\x11\x00q\x80\xc2\x9c\xfe-\xb9\x85#}\xe3\xe8\xca\x99\x13\x88\xdd1\x8d\xc0F9\xcc\x92\x0e\x95\x95\xb4"\x18v\xb2_\xd7\xe1\x18=|7\x98(\x8eO!\xef\x08\xf3\x06\xb5)\xed\xeb\x01\xad\x91[\x01\x9e\x98[a\xe5L\xf1\x83\xbd\xd0\r\xa9\xd3\xddT\x89\x15\xb29\xdf\xfe9\x11\x9a(y\x082\x92\x1aA\x0c\xe7y\x19\x93H\xcd\xb6\xad\xd3l\x88\x01\x0b)\x81\x95\xdeU\x02`j\xcf\xc6:N\x94$\x84LW\xd4\xdc\xf3\x06\n\x7f/\x06W\xb9\x01\xe0}\x80\xcb\x7f\x9f\x06\xa5\xc6w\xaeg\xdc\xa4\xa0\xce\xa5\x9d\x0b\xc5\x07\r\xa6 7"\xd1ji0\x94\x0e\xd4\xc7\x9d\np:\xb0\x05\x10\xcf\xb2 DN\xd7\xc4\xc4\xfa#\x11\xd5\xc9\x93\x9c\xfb\xb7R&amp;\x13z.\x00\xea\xb3z\x881=\xa8\xb7o\xc3R\x82#\x17\xec\xd8\x9a`\x03^^\x86(6\xc4\xc6\x86#\xad\xa9\xd9\xdc\x81\x8fi\xe4+\xdc\xb3h\x94{\x13\xe7\x12Q\x81D\xe1\xcel\x9e\xad\\&amp;e(\xeaX9\xafe^7j7\x1e\\F\xbe\x04\x01}~([6\xd8\xc6&amp;H\xd3\xb3N\xd1\xd1\xedk\x96J\xa5G\xbc\x80K\xa7\x9eJo\xe3\x97"\x14\xedY4\xca7\x0c\xd5/\xe0[\xd8\xdb\xb4\xd6^.I\x99&amp;\xf2\xc6\x0b\xbdu\xd6\xe0R\xa9\xa2I\xce\xd6n\x1eX\xc1^,\x1d\xd9\x19\xc0T\x7f?\xe3W\xf4(\xb2F\x0b\x98\x81)\xfb|\xb7-\x9f\x93-;\xcf\x1b\xd4\xdaU\xa6\xd9\x04SL\xdcn\xfd\xab`\x8b\x18\xf8t[\xc7\xb9\xc3ZV\xc6\xf3\x8bSz4\xd2z\xe2\xf0\xd6U\xf9\x8b\'FRN\x16\xf61y\xa0o\xd6\x14vz\xaf&amp;\xddk\x15\x11\x1foW!\x17?2\x00\x80)\xf3"\xa7\x8bQ\x83\x9bUp\x99W%\xfb\\I\x896L\xed\xabPl\xc5\x98nw\x8f\xac!\xa2\x93\xeb\xa7\xbb\xc60\x1b\xabX=\xa1\xa7\x9ab\xa5S\x07\xbdm\xe19\x03d\xe3?]\x8c\x0btU3kN\x0f\xae\x93Y\xa2\xec\xf0n\xc7eKF\x95\x1cb\xa5\x00\xcc\xca\xac\xeb\xb4q/\x9f&gt;\x0e\x80\x07\'6\xa8\xac\xd0\x88\x9ej\x91$j7\x9b\x067\xab\x98&lt;\x04\xf1\'\x81\xed*\xe4J\x1fQ8D\xb0q\x1d\x95u\xed&gt;\x01?\x00T\xcffU\xb0\x18\xbe\xde?\xb3i\x96E\x95\x07\x15\xf4\xfd4\x9e\x89\xd6\xbc%\xcc\xab\x18\x80\x07&amp;\x14\x8eBtq\xfb\xfcj\xd9\x12\xff\r\x0eZ\x96ry\xd7"\xfcx\x08\x80I_l\x9b=\xc4\xdd\x16\xd9h\xe1\xdc\xd6\xb9\x16\xd5\xdc\xa5Z\x81\xa08"`\x11\x8f\x87V\xa8U&gt;Q&amp;F`g\xf6i\xfe~\xec;\xe9\xd3\xa0\xe4\xe6\x19\x03L\xb9\x84\xcb\x00\xdeh,\x0f"\x1a\xdc\xbc\xa25\xe6\x18"Uh\x020w`\xeb\n\xe9-\xef\x9e\x8e\xad\x99ry\xe7BO^4_;\xb1\x97\xees\x01t\xaa\x92\x0f\xc0\xf2\xd1]\x83\xe2\xf3nc\x15\xf1\x88T\x8a\x1arX\xe4Y\xa1\x83{G\xd7\x9aU\x95\x7f\x9db\xdc\xeb8\x8ef\xb1a\xa14\x1e\xf2\xb4d\xf1R[\xd2\x88\xc1\xa9B\xbbn\xa9\xca\xd3\x00\xb0zBO\xe0\x83B\x99\x9e\xbc\x9bD\x1f\xbeaMX\x10K\xa9]\xc3\x97m\x1e\x18\xf4\x93\xb6\xb1\x1c\xd7\xef\xb8&amp;\xb7@\x8a\xc7\x13\x10/\x99yi9\xddD\xe9\x1b5\x94M\x13\xd3y!y\xf8Q\xca\x1e\xd2c\x059\x14"\xbd\xb3x\x11\x00|\xba\xb3w\xd1h\x85\x1a\xccO\x96\xc6#\xb9\x9a\x006\xa25\x13\xfc\xcb\xa5\x93\xc8\x9b\xc9:\x80\xb7\xd7\xf7\x9bl\x96\x8d\x8d\x185\xcak\xa6`\xdde&amp;vk`Y\xddB\x06\xf8\x95\x9d\xdc\xbd\xa1Y\xb5\xe5R\xcc\xef\xa8\x12\x8f\xd5\x0b\x0b\xe7\xbc\x88\x8b\x18\xd7\xa9\x0e\x89\xba[/\xa2\x0e\x95r\xab\xf7\x9dU\xf9%\xe3\xf9\xc5\xbc\xf1B{\xce\xcc\xdb\xc6&amp;\x80M\xd3\x07X}\tI\xbf\x87dDk\'\xf5n^2\x93\xd5Ww\x01\xeb&amp;\xf5V\xefC\x12\x84\xd0\x1d\x8d\xecJ\xf8*\x81:&lt;\x01$[p\x00\xe5L\x95\x1f\xd7\x14\x0frz\xd3\xac\x13\xeb\xa6\x99xu\x9b\xe0\x8cz\xc72I\x9e\x9e\xdbf\x96%\x92\xe0\xd7#\xd9\xb7\x00;\x97\xa4\x87\xa0#g\x8bAr\xc5\x0e\xb1lT\x17}\xd9\x1c\x19L\xfeop\xb3\n\xe2\xe1\xba\xfa\xc6[&lt;#\xc9\x14\x858\xc5P#L\xed\xd98\xba\xf6\xb3R\x86\n\x98\xbd5-\x9e\xb1y\xc9LE\x93\x9a+\xaad\x13\xec\x10\xab\x88x\x0e\x85}":M\xd5\xa4\x83\xd3\x1bgY\xba\\\xcbgz\xaf&amp;\xbd\xeb\xbb.\x83\xae\x0b\xe8\xd3@\xe2\x86\xb9\xb6gI\xfb\x8a\xb9-\xbd\xae\x7f\xddb\xb1\x88\x12\x13}\x7fp\xf2\xcd\xb5\xbd\x00n\xec_\xae{\x9dJ\x9b\xab\xack\x01\x00|\x00\xa0/&lt;%`\xb9\xff\x86\xd2r\xff\xf4^M\xf4Zg\xa3\x1a\xcf\\E\xfd\xcb\xd92s \x00\x17\xedQ\x04G\xdc\xa5G]9S\x82\xe7\x17v\xec_:\x16\xf8\xca\xda8#\x99\x94\xd4$0nQ*\x8b\xee\xfaus\xef\xe8Z\x00g7\xcf\xd91oX\xf9tz\xd2\x036,\x98\x9a}?U\xb3&amp;\xb2\x9b w\xe29\x91\xae6|\xf0\xc5\x1c1zO\x06@\x99\xd41V\x8fW\x15Fn\x05\x97w-2\xbd\xce\x90D)CQ\x08\x03\xe3w\xb9\xc5\xf4\x04R\x12\xd0u\xf2$\x9f\xdd\xbf\xa5\xdeKQ\x9d&lt;\xc9\x1f\x9e\xdc\xa8\xf5\xac9\x03Z\x01\x18\xd3\xa1\x96\xee\xeb\x8e\xebT\x07&lt;t\xd7c\xe3j\xc2\x10ir\x06\x94\x9c\x8c{ 9b\xd2\xee\x05#\xe4\xdem]6\xbb\xd5\x06x\xf2|\xdf"\x00\x14\xf2\x8e\x10\xc7\x98\x1c\x90q\x0cF\x15d\xd3\xb1\n\xae\x9a\xc2&gt;\x11!\xc5y\x99\xa0\xcb\xcd3\x06.\x1e\xdeQ}\xfd&gt;D\xc7VO\xd1a\xd8\x7f\x8f\xcf\x0ci^I\xc7\x89\x1cxv\xc1\xee\x00\x82$\xd3z5\xf1\x90\xd0S\x133\x15GW\\\r\x9b\xde\xbb\xa9\xd5\xbe}\xf6c\x10\x84\xf8r\xef\x18\xf7\xbaU\x99l\xe6V\x1e\x96\xa8DJ/\xe0\x13\xbf\xc5\x7fs}\x1f{1\x7fp[\xee`:\xd1\xd6p\x9br9\xfe=\xbdIp\x10\x1fn-\x1d\xd9Y|\xa1\xb5\x93z\xeb6\xb2h\xd2H\xd1\x89\xde\xdd8\xa0\xbb\x86\xc6\x85\xd3\xb2O1w\xa0\xfe\xc0\xe6a-+\xbf\xba\xb2G\xf7\xe96A\x1b\x85\xe1CjSG\xd4l\xb1\xc2\xac\xda\xa2\x12\t\x94\xe2#\x11\xd5\xcc\xe9\xbaq\xf0\xf7\x07\'\x15\xde=\xb4b\x02\x11u\xad^\xd0E\xd6\x10\x91\x0b\xb5\xd84\xd1\xb4X\x06\xc9\xe3\xa76H\xa4PMm\xc6\x18\x81\xa9\xb6\xf1\x91[\xe5\xaf\x9a%\x11+\xd0\xab\xde\x9f\r|\xe0\xc7\xdc\x81\xad\x05\x13V\x00\xc0\x7f\xfc#\xad\xcad\xe3\xc4J\xd3\xffO\xe7\xe0#\x82\xe1Q\x0b\xb3\x7fp\xb3\nF*I\x1e2P.\x1d\x9b\xbf\x08\xc9\x0e E(\nE\xd4\xb6|N\xa5\x13?\xdf\x95\x0b.\xce\x1dG\xf8\xce\x86\xa9\xfd\x04W)\x9b6\x96\x89\x194\r\xd2\xb1r^\xad\xcf!\x80=\x0bG\xa9/\xefW4\x9d\xd8]\x9e\t\xba\x99\xe9In\x0c\x00jvM-E\xbb\xfc\x81\x10A\xeb_\xd2Ynz\xbc\xbf\x01\x80s\x18\x9b,R\xe7\xde8\xad\x1f\x80E\xc3:H\x9e\xde\xbfq\xd9\rS\xfb\xaa\xbc\x7f\xe6\xf4o\xc9bA8\xb7\xb7\xc1\xcd\xf4\xab3\x85s|\xd8\xa1-*\xeb8=Y\x08b\xbb\xcf\x0b\x87\xb6\x7fva\x87n3l\x88\\\xa5\x03\xccZV\x13\xbb\xeb\x10z\xc7 \x00j\xe5r\x9ab\xdd\x15\x18w\xf5)\x9a4\x92B \x82$\\\xfb2\xa2u5v\xe4\x7fD\x0fO\t\x97\x0e8*f\x90\x909\x8b\xcc\xabJ\xd3\xd5\xf5Q=\xbb7\x80\x9d\xf3\x86\xb3\x9d\x03q\x01\xe3\x8d\xaf2\x9ab\\\x9d\xf6\x8b\x92_\xda\x9eE\xa3\xf8\xad\xff\x96\x99\x03\xd5\\\x8b)h*\x14p\xfap\x9fu\x96\xb9\x8cx\xf7\xcc\xfa)\x81T\xfe\x87\xb6\xac&lt;\xa1\x8b\x1e7\xe8u\x93z\xe3\xf5\x15\x00\xfd\x1b\x97\xd1q\xba\x8d\x99\x18|\x86\xd3FP\xba\xe3\x05Q\xff\xe6\xce\xd7\x80\xd7\xba7\xe1\xac\xf6\nwJ&amp;\x93&lt;=\xb5:\xd28\x9e\xe5\x17\xfcF\x13\xdf\xee\xeb\xd0gH\xac\xfd\x14}\x00\xbf\\\xd6\xd9\xb8\x0b\xc1\xf0_\xbd\xea\xa7\xfao\xa6\x89\xcc\xa2\x96\xcaK\x18\x11\xfb\x14\x93?A\xd8b\xc9\xdc&gt;m\xb3\xf1T\x1a\x16L]*\x95\x85&gt;\x16\xd7\xf7-+\x9a\xd4\xf9\xfd\x17\x9e\xe8\xce\x915\n:\\\xfa\xf0"\xc2\xd7{\xe2\xe3F\xd2\xbekB2g\xbd$\x17\xb7/P\xbf\xdf\x1e\x93\x88\x9f&amp;\xec\xc3\xadC\x92\xc5th1\x01\xef\xdf\xdf&lt;\xa0\xf5,\xb3\xb0:.\x0f"\xf6.V\x92u\xe3\xd3\xb9j~\x00c:\xd4\x96\xab\x99/\xa6\x9bF\xef^\x85\xa6\'@\xc1\xa7\xaee\xe9\xac\xca\xe7\xbe\xb9\xb6O|P\x9c\xe0\xfeo\xd5\x84\xfdk\x00\xbe\x8c\xed(}O\x07c\xb6\xcc\x1c$\x99M\xd0&amp;\xb8\xc2nrq\x07\x00|U_\t\x80\x19}\x9aI\xbe\xe5b/[\x1f"\x00&gt;\x8e\x7f\xcb\xa46$"\xab\x80\xb9\x8e\x1e6\x81\x18\xd4\xb4&lt;\xf7\x1a\xf8\xed\x16\x1b\x8e\xac\x9a\xac2\xc7RD\xa2\xda\xb9\x93\xd5\xcd\x9bb\xf5\x04\x7f\xa7\xe3\x0b\xeb\xc8\x19\x8b\xb6\xcc\x1c\x04\xe0\xf5\xd5\xbd\xee\xb2\xc1\xf5d\xd0.\xe5\xf2\xfd\xc1I\xe3\xfa\x19m\xca\xe5\xc0\xf7\x7f\x88(\xa1\xc1\x8a\x88j\xe6L\xc2\xd6\xb2\xf2\'\x0cgu\x00\xf6\xa2a\x1d\xc4\xa1\x03\xf8\xfdX\xaa\x03\xd0\xb0\xde\xe5\xfa\xf51M\x03p\x00\r\nZ\x9e\xd3\xd4\xc6\x1c\x067\xabh\xc4G\xd8\xf5\x14L\x1c\xbeb\x86xY\xbc(\x8b\x17\xe9\xd8\xdb5$5\xc7\xdb#\rC\xd4\xab^\xf1\xcfw\x8f\xb2\x86)x\xd0\xb0P\x1a\x85w\x13\x11\x01\xd89\x7f\xb8\xa6:\x8f\xac\x9a\x84g\x17\xd8\xeb\xa6\xc53\xe6\x8d\xafMExp\xf3\x8a\\\x13\xb9hX\x87I\xdd\x8c\xeaT/\x18\xd2\x8e{mVZ\xafB\xde\x11\x00\xe0\xc3M57\xa4d\xeb\xaf\xb1\x03xez\x07\x10\x85(M82E\xaa\xcdN\xe9\xea\xd1\x94L\xe9\xd5\xa1r\x1e\xee\xdf|\x1a\x1f\xc8 J\xc1D\xe1\xcd\xaa\xcaD=C\xbf"\xe9\xcc\xab\xccC\x89\xeep\t#\xa2\xc6\x85\xd3j]\xe8;\xbaz\xb2\xbeVR\x921\xed\xf5K\x1a(\xe0\xb0\xee\x1b\x80k{\x97\x8a\x0bL\xed\xe9W0qx\xb6\xde\xad\xa3\x03\x98\xdd\xbf%\xbf\x80\x97\xbc+G\xdd\xbc)\x14\xea\xa9\x93\'yb\xa2B\x89=\xc5\xad\xd9\xc6\r&lt;\xbb\xb0\xe3\xca\xee\xc5\xd6\xd5\xdf\xdf\xaf\xac\xf2\xd6\xd3\xe1\x15\x13-\x9d\xc0\xb2pM\xee\xb9\xaa\xe4\xa6\x04\xeb\x05\x129\xdf\x80\x03P Q\xb8\xfdK\xc6\xba\xc0\x1e\xebPX\xe1\xa9\x90&gt;\xae\xc1\xd4\x02\x07\x96\x8d\xcb\x16\x9d\x00\x0c\xf0+\xcbR\x0f\xe6K\xe0"]\xff\xa5#;k\xbaQ\xdf^\xdf\xaf\xa6\xbcd\xeb_F&gt;\x05\xdb\xf4\xdeM\x05=\xc4\xe9\x8d3\xd9\xbfi#\x04\xf4\x04*W\xc8\x01\xbc\xbfy\xb0c\xe5\xbc\xa4\x98\xa8g\xeb\xacA\xea\xe</t>
        </is>
      </c>
      <c r="E282" t="inlineStr">
        <is>
          <t>&lt;class 'numpy.ndarray'&gt;</t>
        </is>
      </c>
    </row>
    <row r="283">
      <c r="A283" s="1" t="n">
        <v>281</v>
      </c>
      <c r="B283" t="inlineStr">
        <is>
          <t>steps_per_sec</t>
        </is>
      </c>
      <c r="C283" t="n">
        <v>4100</v>
      </c>
      <c r="D283" t="inlineStr">
        <is>
          <t>2.8148613</t>
        </is>
      </c>
      <c r="E283" t="inlineStr">
        <is>
          <t>&lt;class 'numpy.ndarray'&gt;</t>
        </is>
      </c>
    </row>
    <row r="284">
      <c r="A284" s="1" t="n">
        <v>282</v>
      </c>
      <c r="B284" t="inlineStr">
        <is>
          <t>Loss/object_center</t>
        </is>
      </c>
      <c r="C284" t="n">
        <v>4100</v>
      </c>
      <c r="D284" t="inlineStr">
        <is>
          <t>0.21891609</t>
        </is>
      </c>
      <c r="E284" t="inlineStr">
        <is>
          <t>&lt;class 'numpy.ndarray'&gt;</t>
        </is>
      </c>
    </row>
    <row r="285">
      <c r="A285" s="1" t="n">
        <v>283</v>
      </c>
      <c r="B285" t="inlineStr">
        <is>
          <t>Loss/box/scale</t>
        </is>
      </c>
      <c r="C285" t="n">
        <v>4100</v>
      </c>
      <c r="D285" t="inlineStr">
        <is>
          <t>0.0504543</t>
        </is>
      </c>
      <c r="E285" t="inlineStr">
        <is>
          <t>&lt;class 'numpy.ndarray'&gt;</t>
        </is>
      </c>
    </row>
    <row r="286">
      <c r="A286" s="1" t="n">
        <v>284</v>
      </c>
      <c r="B286" t="inlineStr">
        <is>
          <t>Loss/box/offset</t>
        </is>
      </c>
      <c r="C286" t="n">
        <v>4100</v>
      </c>
      <c r="D286" t="inlineStr">
        <is>
          <t>0.14049223</t>
        </is>
      </c>
      <c r="E286" t="inlineStr">
        <is>
          <t>&lt;class 'numpy.ndarray'&gt;</t>
        </is>
      </c>
    </row>
    <row r="287">
      <c r="A287" s="1" t="n">
        <v>285</v>
      </c>
      <c r="B287" t="inlineStr">
        <is>
          <t>Loss/total_loss</t>
        </is>
      </c>
      <c r="C287" t="n">
        <v>4100</v>
      </c>
      <c r="D287" t="inlineStr">
        <is>
          <t>0.4098626</t>
        </is>
      </c>
      <c r="E287" t="inlineStr">
        <is>
          <t>&lt;class 'numpy.ndarray'&gt;</t>
        </is>
      </c>
    </row>
    <row r="288">
      <c r="A288" s="1" t="n">
        <v>286</v>
      </c>
      <c r="B288" t="inlineStr">
        <is>
          <t>learning_rate</t>
        </is>
      </c>
      <c r="C288" t="n">
        <v>4100</v>
      </c>
      <c r="D288" t="inlineStr">
        <is>
          <t>0.001</t>
        </is>
      </c>
      <c r="E288" t="inlineStr">
        <is>
          <t>&lt;class 'numpy.ndarray'&gt;</t>
        </is>
      </c>
    </row>
    <row r="289">
      <c r="A289" s="1" t="n">
        <v>287</v>
      </c>
      <c r="B289" t="inlineStr">
        <is>
          <t>train_input_images</t>
        </is>
      </c>
      <c r="C289" t="n">
        <v>4100</v>
      </c>
      <c r="D289" t="inlineStr">
        <is>
          <t>[b'512' b'512'
 b'\x89PNG\r\n\x1a\n\x00\x00\x00\rIHDR\x00\x00\x02\x00\x00\x00\x02\x00\x08\x02\x00\x00\x00{\x1aC\xad\x00\x00 \x00IDATx\x9c\xed\xdde\xa0\xd4\xc6\x16\x00\xe0\x01\x8a\x15)\xe5\xe1\xee\xee\xae\x17www).\xc5\xdd]\n\x14(\xee\xeeV(N)n\xc5\xa5\xb8\xbb\xb5\xb8\x9d\xf7#\xb0w\xefn\x92\x8d\x8ce\xf7|\x7f\xb8d\x93\x99\xb3\xc9d&amp;\x9bLf\x08A\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88\xab\x94a\xacl\x95-\x1a\xe50\x9c\x02\x00D\x87\x80\xfcV\xc6H\\\xb3\x8b\xcb57\xe4X\xde\xb5\xde\xe3\xd3\xdb\x84D\x12\xc8\xd2E\x10\x1d\x01BHb\x00\xd0\xb1r&gt;\xd1Q\xd0V(!\xd6|\x0811gp[\xf7\xff\xd6\xc9\x97\\T$\xc8\x08\x00\xf8r\xff\x84\xeaG\xb5r\'\x05\x80\x16%2\xb7,\x95u@\x93r\x00\xe0W\xb7+\n\xc4\x0b{b\xd3,\xd1Q \xe4\xcf\xfc\xaa\xca\xf0G\xfbW\xfc\n\x00;\xe6\x8f\xf6\xfe\xa8f\xae$\x00\x902\x0c\xe9U\xaf8\xc0k\x7fk\x00\\F\xb7\xab!:\x84\x80\x13Kt\x00\x08\xc9,\xa6\xe8\x00\x90\xd4\xfc\xb3)\x0e0\xa9,u\x97@\xc2\x15J\x14\xc1o/\x87\x11B\x08\xf9\xf4\xe9\xee1\xd1!\x88\x01\x005r$\xb2\xb2\xe5\xc3S[u\x12\xb5\x1e\x11B\\`)E\x8c\xc4\x11\x1d\x00\x0f:\xe7O\x9e\xd8\xa1xF"Vx\xd1\x01\x98U+w\xd2\xff\x89\x8eA\xb8,QI\x9f\x06\xa5DG\x81B\xa8n\xedRT2\xcb\xc7w\x17\x1d\x02%K\xc6t\x11\x1d\x82\x83\x1d\\=\xe5\xdc\x8eE\xa2\xa3 $dS\x9d1\x12\x99\xd6\xb7\xc5\xa4n\r\x05\xc6\x83\x02J\xcf\xba\xc5\x0c\xae\xb9`xG\xa6\x91 \xc4O\x8aP$\xfb\x8f\xa2\x83@\x08\x05\x0c\x7f\xf8\x01\x85\x90p\xb7\x0e\xaf\x17\x1d\x02\xb2"g\x0c\xb2nr?\xd1Q \x84\x0c\x08\xf0\xc7\xb0e\xd2D\x17\x1d\x82\xe3\x05x\x11\xb2\xcc\xafz\xbef\x8e"K90\xbb[\xa3Z\xcd\xc5\xd2v\x08!D\x08!U\xb3%\xa0P\x8dD\xa6\x11\x8aM\xae\xaf!C\xb5(C\x0c\x08\xd1\x05\xefo\x88\x0e\x01Q\x03\xaf.s\xcfR\x8ej\xf1\xd0\x9a\xdfD\x87\xa0G\x92\xbddM\x994\xb2\xf4,e\xb1\x1b\x9b\x14\xcd\xf0\xe5\xfe\xdf\xd4\x93E\x88?G\xd73\x08!\x89\xf8Mmb\xfc\x8b\xf8\xcdWF&amp;\xecZ4Vt\x08\x88\xb7Ow\x8f\xeb|\xda\xb3nqn\x91 \x8a\xba\xd5,lgsl\x00\xcc\xb9\xbcw\x85\xfdD\xe6\rmo?\x11\x84\x10]\xf0 \xb0\xee\x8c\xa5\x0c\x13\x90\r@ ~g\x84\xcc\xa8\x9d\'\x99\xd9Mb\xb3\x88\x83\xafp\xa2\x03\xe0\xcfqc;S\xa8\xbd\xad%\xb1c\xc1h\xbfl9\x96\x8c\x0e1B\xc6\xd2\xb1\xdd|n\xf2\xfc\xc2nf\xe1 \xeb\xea\x17H%:\x04\xb6\xb2X\xebh\x8c\xfc\x08\x00\xac\x18\xdf\x83m\x1e\xe98\x8e\x88\x06\x008]5B\x08\x19\x11\xd3\xcf^\xfb\xf2\x9fo\x82\x02\x0c\xa3\xa2\x8b\xfd\xf4\x11BHv\x1e\r@RQq8\x10^\xf6q\x13Zt\x00\xce\x86%\x15i\t\x15*\xc4&lt;\x19y\xf2&amp;\x17\x15\x89\xe3x\xec:$\x06\x0e7*\x9bQ\xedj\x88\x0e\x01!\xe4?\xd4\x7f\x01(\x17\xb6\xc9\x93Dr-I\xc8)\x1ey\xc9p\xb1\x1f6l\xb8Z\xb9\xf0^\x82iA\t#\x88\r\xa0\\\xba\x18b\x03@R\xd9\xbbl\x82\xe8\x104\xdc8\xb8Vt\x08\x9av.\x1c#:\x04\x91\xe2\x10\xf2k\xf7F\xa2\xa3\x10\xc9\xe0OR\t/V\xe0\xf1i\xd1!\x18%\xc3\x85\x0eS\xb1x}\xc7\xc7\xa7\xb7\t\xdf\x99\xbd\xea\x16\x877W\xc5\xc6\x80\xe8H\xfd\x9d\xe8\x08\x84\x02\xb8\xe7\xf3t\xeaQ\xbb(\x00\x00\xbc\xd1Z\xa1\x9e\xbf\xbf\n\x80\x8c\x983\xa8\r\x87\\J\xa5\xa69G\xe0\xcbK\x7f\x06\xfaC\xa4F\x85\xd22M\x1f\x00\xaae\x97\xf0\xf21X\xfe\xb8\x81\xdb\x08\xc0\x7f\xff&lt;:\xbd\x95n\x9a\xe9\xc2\x93*Y\xe3\xd3M\xd3,\xbc7\x84\x8c\x00\x804a}\xac\x00\x00m\xca\xe5\xf0X\xfe\xe6\xfa\x01\xef\x85\x9a\xc6u\xaa\x93\xf5\x07K\x01:\x1f\xbc\xb8(:\x04\x1fr\xc7$\x07VN\x16\x1d\x85\xffX=\xb1w\xf7\xdaE|\xae&amp;\xfc\x87&lt;\xa2\xeb\xc9\xd9\x1d\xa2C0\xa7H\x92\xef\xf5\x0b!\xb8q-\\0\xbcc\x1cB\x00\xa0m\xf9\\\xecc4O\xb6\xf3J\xb6x\xb4$\x16\x1d\x80\x05\xba\xd7.\xc2\xb4)\x9f\xd3\xc8jJ\xc10=\xfa\x0fR\xb3y\xe6\x10\xb1\'\x9aSNs\x0b^]\xdd\xe7\xfe\xed\xe6\x0cn\x0b//\xfa\xf1\xf7\xa5\x8f\xf90\x1a\x88\xa5Y\x03[O\xeb\xdb\x82z\xb2x\nQ\xd4\xbcDf\xb1\x01\xa4\xb7\xd4#l\xeb\xdc\x11\xb4\x03a\x0e\xde\\-\x94Hp\xff7\xdf\x9e\xca\xf4s\xac{\xed\xa2\xaa\xcbS}\x87\xb5\x80u\x00\xff\x89\x0e\xc1\x16xtJt\x08\x08\x99\x06\xef\xae\x8b\x0e\xc1_\x14K\x16\xc5\xf5\xb7VK\xf0\xdf\xe5\xbd\xbc\xc2q\x18&gt;m\'\xbc\xb9\x9a%\xaa\xf5\xbc&amp;\xf7hB7\x1eg\x89B\xc8\xc2\x11\x9d\x94\x9b\xc8\x0bGt\xb26\xde\xe3\xcf\xd5\x0bR\x0e\xcb\xb0\x00\xb9&gt;\x8bG\xc8\xb5\xfd\xab\x8d\xac\xa9\xda\x17.o\x1c\xbf\x18\xfa\xc1\xe6,?6y\x14\xb5\x9b\x87\xd6\xa9.\x0f(\x00\x8fu&gt;\xad\xc3e\x14\x84\x07\x7fo\xf1\xabq\x109\xeaT5?\xa8\xfa\xef\x9f\x1d\x0bF\x1bO\x87\xcf\x81V5s@+QY\xf3d\xb3\x84\xe3\xd9A\xbe\xdc;A7A\x80\x17\xd9i\xf6\xf7\xf5+\xfbVL2\xb5\xbe\xcd\x02\xca\xad|O\xec\xda\x80OF\xacU\xce\x12\xafV\xee\xa4\xea\xb5\xbf\x9bA\xcd*\x88\x8e\xf4\xab\xa5c\xba\x8a\x0eA$\xd7\x11yrf\xbb\x85\xcdS\xb0\x18c\xe9\xafe\x13\xcd\x8eNP0A\xf0\xe4B\x9c\xdf=\x06x\xc23;Z\x02\xa4\xe9\xce\x1c\xc5\xf7:\x88"\xb7J\xfe\xf1\x99m\x0b\xba\xd6,\xa4\xbcI\xf7\xfe\xd6axx\xca\xa3\x19\x18\xd7\xa9n\xd3\xa2\x19\n\'\xfe^l\xb4\xa2r\x97\x01\x00\xbc\xbe\xba\xdf\x1f\xf6\xc3\xe0\x16\x15\x95?\x1c\xffM\x10\xe2k\xf9\xb8\xeeT\xd2q\xd5\xec\xf9\xe3i\xbe`x\xf7\xd8&amp;\x8ff\xa0y\xf1L\x952\xc7\x8d\xa4\xb5\x01b\tkK\x84\x02QD\xb7\xbf\xd3\xd1\xe8\xda\xa7\xd4\xe6w\x8en\xf4\xf9\xf3\xfd\xc6\xc1\xb5\x1em\xc0\xc7\xdbG\xc7v\xacM!\x08d\x9e_\xb5\x01\xfe\xf0[\xc6\x0c\xf9\xbf\xac\xfc\x11Z\x06\x00\xa3\x05\x8d\xa7-\xdb\xab\x98;\x17\x8c\x06\x00\x83o\xe75*\x94\xd6\xfb\xa9\xc0\x8c\xfe?\x15M\x8a?\x03\x04\x88\xac\xfb\xa9\xad\x1a\xf5\xec\xf6\x85:\x9f\x9e\xd9\xb6\xc0xR\xf3\x86\xb6\xb7\x18\x84_\xebX%\x9f\xe8\x10\x9c\x81\xfa\x95A\xc5Lq\x8c\x8c\xfa\xe0 qll\x0b\x00\xc6\xdf\x98\xcb\x14\x89x7\x00\x00\xd0\xbebn\x1b!\xf8\x039\x9fX\xad\xfc\xa5\xa7\xf2\x87\xe9\x93(\xd0\xae\xc7E\x81\xd7W\x03p?\xe7\x8f\xfb\x1d\x00T\xccd\xa8\xe2\x02x\xc8:\x1e\xa7\xcb`\xe3Y\xac\xa9\xe2\x97\x80\xa87\x00\xfeW\x86\x1d\xf1\x8d\x0c\x8e\x07\x99.\x82\xd5\x06@\x92\xbdP,Yd\xe2\x90Cb\xdc\xe4\x1e\x8d\x19\xa5|j\xcb&lt;\xc9\xf7\xd5\x8b\x8b{\x9e\x9d\xdf\xe9s\xb5]\x8b\xc6r\x08\x86\x8a-\xb3\x86\xe9\xaf\xd0\xb2TV&gt;\x91\x98rm\xff\xeamsG\x9a\xda\xc4Y\r@\xa5Lq\xfc\xfe\xf6T\xafz%|\xae\x03\xf0\xc9\\\xa2\x97\xf7\xae\xe8Z\xa3\x90T\xc7\x95\xe9\xb4\x94\x9c\x0bq\xdf\x86\xa5:W-\xc0.}xx\x92]\xe2\xf6}\xb8}\xc4\xe7:\x83[T\xb4\xf6\x0e\xaa(\xfa?g\xe0\xd5eNq\x98\xe1}\xeb\xbfK\xf5 \xfdM\xa6\xf5i\xae\xda\x00\xc8y\x0f\x04\x00\xa6\xf6j\xaa\xfe\xd1\x87\x9b\x9c\x83q\x8cx\xdf.\xb7\xa5j\x00\\\xe4\x8c\xca8\xd6\xf1Ge\x96\x05&lt;\x94t$\x1c\xe1\xc3\x8a\xf9\x81\x0c\xdf\x7f\xbd\x0c\xd2\x19\x03~p\xf3\nZ\xbf\x00\xfcb`\x01d\xcc\xb3\xf3\xbb\xbc\x17N\xf1ji\x0f\xac21`=\xc0K\xd5j+e\x18S\xa1I\xc7\xfbK\xb1n\x00\x94\x13r\xdd\xe4~LsAv\xac\x9f\xd2\xdf\xda\x86\x14\xaf[\x7f \xa4aP\x1a\xd7\x7fg\x0fj\xa3\x94\x9c\x9f\xab\xa9\x0c\xe3\xd3\xa4h\x06BH\xafz%Tk\x7f\xad\xabl\xc4\x1f\x8f\xeb\xe3\x8c\x0c\xee\xaaE$\x04^\xf2\x9b\x86\x85\xdb\xcf\x08%\xa3\x14\xa1\x88\xf2\xc6s\x95,\xf1\x987\x00O\xce8\xfdGR\x00\x92a\x9a\x04\x80\xfftJN\xaa0\xe4\xf5\xb5\x03\xea\xd7\xff_\xee\xf2\x8c3pX\x18\xb0!6\x830\x0c\x19\xd4\xdc\xfa !Zc/\x13B2\xe9wv\xb5-wL\xb6\xe9\xf37{P\x9b\xcaY\xe2\x89\x8e\xc2:\xcb\xad\xd7\xa7;\xc7\xe8F\xa2\xcf\xf2U\xbc*\xa5"M\x13\xce\xf7\x9a\x14=&lt;\xf5\x87\xf2\x87\xf2\xa4t\xef\xb2\t\xe7v,\xd2Z9o\x9c\xd0Z\xf7\x7f\x02\xed\x82#\xaa\xe8\x00\x04\xf3\xa7\xc7\xea\xee\x0f\xaf\xfc\xa3\x1c\xef43j#\x0b\x81~z8V\xc6HDg\xac\xb7\n\x19cc\x03\xa0\x00\x80T\x81;\'\xb7\x86\xea9\x12\xb9\xca\x81C\x0b\x04\xadY\xc0\xcc\x8e\x88gS\x8f:\xc1\xbf\x9f\x8e\xac\x9f\xce7s$\xde\x9e%\xe3\xa9\xa4S\xaf@*\x9dO\xef\xff\xbdY\xa7\x01p\x1f\xd5Q\x1e\x11\xd9\xdc\x12\x01\x00\x07\xf5Q\xe6\xc7U\xef\xf7\xac[Ll$b\xdd;\xf1;\xbb&amp;\xf0\xd0\x9a\xa9\x8cRFHK\xeeX\x04\xe0\xbdV\xed\xbfpD\'\xd1\x01\xf2\x03\xf0\x82\xff\x05\xae3.\xa9\x9d\x11%\x17\xc76\xced\x91l\xd1$\x91~\x9f1\xc4c\xe1\xf0\xd6UY\xe4\xa5\xa3q\xe1tZ\x1f\xb5)ghvud\xc4\xf3\x0b*\xdd\xed\x84hQ2\x8b\xf7h\xa0.\xfetO\xd8\xa7&lt;\xb1X\x0c\xa5\xef\x17\xb0\x01\xa0\xce\xa3\x13\xac\xfc{\x98g\x84\x00`g\x18\x1cdJ\x81\xf8a\x95\x91K&lt;4.\x92\xdelR\xd1\x18\x84\x87\x88\xc0\xfa\x01\x00\xfeZ&gt;\xd1c\t\x8bh\xf6\xaf4\xf1n\x01B\xdcX(\xed\xf0\xee\x06\x83@\x18\xfa\xdek(\x88G\xa7\xb6\x8a\x0e\nI\xa0W\xbd\xe2\xa2C@&gt;\x14Ibe\xcc0\xd6\xddp%\xe4\xaa\xca\xfd\xaf\x8b\xb0&gt;\x9d\xee[\x1d*\xe5\xcd\x15\x83\xc0\xbb\xeb\xdfj\xfe\x87\x000gp[?\xbe\x1b\x12 s\x0b#\x84B\x00\x89\xc7Aa\xa4|\xfaX\xcak\x98\xc9\x08Y&lt;\xea\xe7\x88\x84\x94O\xff\xb5\xf5\x0b\xa36\x00\\\x18B\x92\x88\x8c7\xe0\x18/\x8d\x00\x8f\x98F\xe2l\xc9ll\xdb\xb3\xae\x93~\xe5x\x97\x98\x80\xaa\xd1\x90Y\xde\xb5\xfc\x0f\x84\xc4PY\xfe\xc1\xfd$\x8a%,^j\x1e\x9f\xd9&amp;:\x04\x9ap\x90;&amp;\xcc&gt;\xd2\xb0v\xbf\x85\xa2;\xc76y/\xbc}d\x83\xea\xca\xca5\x1d\npE\x93F\x02\xf8\xec^\xd9\xefX0\xda\xfd\xbf\x13\xba\xd4\x17\x1d#\xe2E\xa7\xbe;\xb6a\x06\xcfH\xf8\x03x":\x04&amp;\xf2\xc6\xc6A\x1b)\xcb\x10\xd1\xf7:\x96\t\xf9\xd1\xb6zR\x1fW\x8d\xef\x16\xc9\x03\x80OY\xf1%oA\x16\x8d\xec\xcc;K\xd5\xc2\xa7U"\xb3\xaa\x8d!\xdb (u\x994\xff\xa3\x1b\x95\x13e\xb61Vz\x8b\x92Y\x00\x00_;\x97\x8d\xdf7\xa5{\x97M\x10\x1d\x02W\xc9E\x07\xa0\xcfU\xf1.\x19\xdd\x85_f&gt;\xcd\x1d\xdcV\xf9\xa3U\x99l\xcc\xc2q6x|Z\xb9\x98Z:\xa6\xab\xc1M\x1a\x14LM\x08\x01\x80\xe2\xc9\xa20\xeaM\x8b\x10B\xd6\xe9\x0f\x1b\x82\\,\xd4\xe0\x91\xbemx~\xe7bB\xc8\xcd\xc3\xeb\xe8\x87\xe5L\x00\xcf\xb19D\x01\xabF\xce\xc4\x96\xb7\x05xE1\x12\xaeb8\xa7\x07K\x85\x0c~\xd0-"\xd0=4\xf0r\x13\xff_f\xeeC\xfe9H\xd7\x9a\x85\x12\x8a\x8e\xc1o\xd8)uN\xa9B\xd59%\xfa&gt;\rJ\xd6\xcd\x97Bt\x14\xce\xf0\xe0\xe4\x16\xd1!X\xc7\xbf@\x82\xac\xf3\xee\xea\x9b5\xb05\xeb}U$I\xa0\x8cE\xa44\x00\xad\xcb\xe6\x10\x1d\x88\x01t\x8f\xba\xd8\x06\x00\xe0\xa1\x90|\xf3\xc6\x0e\xed\x94\x96\xcf\x82\x0b\xbb\x96\x88\x0e\x81\x90o?\xda\xf4\xf73\x8epG\x08\xd9&gt;\x7fT\xfb\x8a\xb9EG\x11\xd0\x94\x06\xa0v\x1e+\xaf3\xd9\xaaI\x94\x8d\x7f$\xa4w\xfd\x12\xd6SAH\xa8\x16%\x1d&lt;w\xbc\xb5a)\xa6\xf7ma9G?\xbe\xf8p(\xec\x12\x82\x90\t\xee\'L2\xd15\x9a\x90\xdc\x9f_\xd8\xcd?SD\x8b\xc7\xd4Rf\x1b\x00l-\xd0W\xf9\xe2\xe0\xab\xbe&amp;\x00&lt;\xa0\xfe4_y\x1d\x04\x00~\xd4\xc9\xf7\xcd\xd5\xa1-+\xd1\xce\xd9\xdfHR\xaf\xbd\xbe\xb6\x9fz\x9a)B\x91\x0f\xb7\x8f\xb8\xfe\xeb\xf1M3D\x14\xf7\xddS}G\x9a\x15\xcf\xe8\xfao\xb5\xec\t%9\x0c(\xa0P\x99\x00 [\xb4\xe0\xbf\x05\xbcc\x89\xec\t\x9c\x9a\xa7i\xb1\x8c\xfa+\xe4\x8b\xcb\xeb\xc2\xaeq\x91t\xae\x1f -Kf\xd1?\x06\x7f.\xfd\x85b\xd6\x92\xf7\xabY0\xbcc\xc3\xa04L\xb3\x80\x87\xa7\x98\xa6\xaf\xa3\\z\xbf\x1d\x13\xd9\xc1=\xa3i\xc8\xed_=\x96SZ}5[\xda\xe6\xc4\xfd2\x85\xba\xb4\xe1I\x8d\x1c\x89\xccm\xe3\xdaS\xb7\x0e\xaf\xe7\xb9\xd7\xdaW\xcc\xed\xb3%T4/!\xe6)\x1f\xc0\xbf\xde\x0b7M\x1f\xfc\xec\xfc\xce\x91m\xaa\xf1\x8f\x07).\xedY\x96.\x02\xbf\xecX&lt;\xa3c7\xd6\x90\xf7\x80?\xae\xe5\xac\xb2\xd4\xb5t\xac\xd1W\xe5U\t\xecv\xf8\xe5\xfe\t\x16\x91\xb0&gt;\x10\x9a\r\x00\xc0s\xa6\x19\x07\x0e*\x87\xf0\xe0\xea)\xf6\x13\xf1K-Ke\xe5\x90K\xae\x18\xf2^$\xda\x01\xf0Ft\x08!\x94\x97\xe9%\xca\xee\xb5\x8a\x88\x0e\x81\x00|\x11\x93\xb1\x9dA\xf39\x08\xb4Y\xe8\xfc|\xd41\x1b$\xac\x97%\x0c\xc9\x82\x14~&lt;\xd1\x97a\xefo\x1e\x16\x98;\xc0k\x91e\xc9r\xdeK\xc7t\xf5\x8fs\xc0\xc5\xda\xd7\xa9\x9a-\x81\xcf\x1b\x02~\xb6\xa3\xf8c\xb7\x03\x03\xf6\xd0\x14J\x18!`\xbf\xbb\xbb\xe7\x17vS\xbc\x05?\xa9[CjiiX?u\x00\xeb,|\xe8T%?\x00\xc0\xb3sZ\x05\xc8\x9f\xde\rF\xfe\r\x00\xaafK :\n\x01\xdaW\xcc\r\x00\xff\xfe\xb3Wg\x1d&lt;\xf5LI\x128{L\xe7\x19\xac\xd6\xd4\xe2S{7c\x14\x0cB\xde\x0c\xce\xf3\xfe\xf6\xc6!\xc6\x81\xc8k\xd7\xc2\xb1\x9cst\xc6\xe06V\xc5\x0e\x9c\x06@G8\xb5\xbd\x906\x9c\x90X4-\x1b\xd7Mt\x08\x88\x1a\xc9\n\x97\x7fR\x9b\x08\xca\x9c\xf0X?rT ~X\xd1!H\xac}\xc5&lt;\xa2C@L\x14K\x16ez\xbf\x96t_O\xf1\x10h\xb5\x18\xad\xf9\x81\xfd~|\x1b\xa6\xdfnz\xbf\x96\xca\x1fq\xd9\xe5\x118\x1cZ\x10\x1d\x1a\xb6"6\x97\\F\xb4\xa9\x06\x00\x97\xf6,\x8bg/\x1d\x1cO\x830x\x98\xe7\xdf3\r\xa7ay\xcd\xad\x1c\x0bQ\xc3\x153\x01\xf0Ht\x08\x88\xec[&gt;\x89bj\xd1\t\x11&gt;\x96=\x00\xc0\xc7[\x87\xd6L\x15\x1d\x08\xfa*O,\xf2\xe8\xf46\x99/_\xfe\xfe}\xb6\xe8\x10|\x00\xff\x9b0\\\xe6\x02\x118\xf0(\xd0\xb2x\xd4\xcf\x92\xec\xcc\xa4\xbeW\xa1\x0f\x1e\x9d\x16\x91-\x1d\x92\x1c8\x1d\xacn\xa0\xc5\'d\xcf\xe2\xf1\xf4\xd3EH\x90Ve\xb2\x0b\xc9\xf7\xfa\x815\x00\xff\x11\xd1\xb5\x89\xf0[\xed\x92\x8f\xe8%\x03k\x8fUdo\xa5\xf2\xc4\x0eU&lt;\xb9\xf0\x1b\x00&gt;\xc8\xb6\x13\xdb\x96\xcf\xc54\xfd$\xf66\xcf\xe4\xc09\xf8d;\xc42\xc0}"\x15k\x87\xe3\xc3\xad#\xbeW\x12K\xfer\x06\x00\xaf\xae\xec\x13\x1d\x85\x1f\xc2q,\x9cE\xaa\x01y\x02\r\x00\xd4/\x90J\x7f\x05n\xc1\x98S4\xa9\xd6\x9b^\xbeu\xabY\x98^ \x16\xc1\xcbK\xa2C\x90\xd4\xb0\x9f\xaa\xd8\xd9\x1c\x00.\xee^j|\xfdNU\xf2\xdb\xc9\x8e\xa2,QI\xce\xffQKM\xf8\x1d\x18$?\x00\xd8&gt;o\x94\xce\nSz6\xf1\x99\x02\xd5\x88\xfc\x91\xea&gt;*\x9a\xd4\x8175\x02O\xe7\xaa\x05D\x87`E\xce\xffa\x03\x80\x90\x1c\xda\x94\xcb):\x04\xe7Y6\xb6\x1b\x00\x8c\xebTGl\x18r\xd6\xa1{\x97M\xf4\xb9\x0e\xb7\x06\xe0\xe2\xae%\x1crqwn\xc7"\xce9jI\x85\xafi U\xf9\xe3\xe9u\x965u\x8f"\x90\xd9\xaf\xc2\x94\x14b\xe8\xaeS.\x9d\xfe\xe7\x8e\x04\x00\r\n\xa6\xe6\x90\xd1{\xf9\x1f\tR\x92\xd5\xc00\x14\xd1\x98G!\x05\x00(\x92\xe4{\xd1Qx\xd9\xbdx\x1c|\xbe\x93\xd0\xd7j\x83[T\xe4\x11\r\x12-&amp;!\x00P&lt;y\x14\xcb\xef\xfa\xc1\xbf\xbc\x1f\xd5\x00\x00\xc5\xa7\xa2\x7f-\xf7\xfd[\x81\xbaec\x05\x8fp%\xe7\xef6\x7f\xb2zRo\x83;\x99\xf7\xb1\x00x\xc25?\xe4_F\xb7\xafid\xb5\x81M\xcb3\n@p\xe7\xfd\x0f\xb7\xaae\xf7y\x05%\xbb\xe4\xa2\x03@\xd4(\x8f\xb3&lt;\x16\xea\x9c$c;\xd6&amp;\x84\x88\x9aV\x9c\xe2\x8dW\xfb\xa3\x1e\xfa\x9f2i\xe8\xf5\x92Q\x13\x8e\x90\x9d\x0b\xc60\xcdB\x9f\xf0\'\xb7\x89\x9d9\xfa\xd0\xfa)\xfdE\x87\x10\xcc\xe05\x84@\xae\x01\xddx\n\xa33\'\xb0\xbe\xceU\x0b\xb8\xce{\xad3\xc4\xc8i\x03\x00\x11\x08\x19\xd5\xae\x86\x95 \x0c\x83\xb7\xd7L\xac\xac\x1d\xb6\xa9\x8a@\xf295\xa9\xf0\xfb\xdf\xf5_gL\xff\xef\xb2\xf00\xc4\x06\xe0\x01\xe0^J\x03/wx\x84-\xf0[\xcc\x1b\xda^T\xd6\xc2\x8d\xe9Pk\xf3\xac\xa1Z\x9f\xe6\x89mu\xe6\xcf\xb9\x83\xdb*\x7f\x00&lt;\xf1&gt;\xb4\xc6\xa7\xean]6\x87l\xe5[\xcb\xddc\x9b\xa8\xa7\xa9sl\x1c*\x02!5r&amp;6\xb2\xe6\xe5\xbd+X\x07c\x13\x95\x92\tO\xce\xdaOD*\x00\x9f\x8d\xad\x06\xee\x7f\xc3\xc7[\xcc"B\x9aVN\xe8\xd5\xacx&amp;\xca\x89\x02@\x95,\xf1\xdc\xffk#\xa9\x8f4"B\xc87S#;\xd2\x1a\xbc\xe4\xe8\xfa\xe9T\xd2q\x9cOw\x8f\x8b\x0e\x01\xa9\xb3{e\x03\x00\xf0\xfa\n\xa5`\xec\xea\\\xad\x80\xcdWU\x1d*\x85\xd5_o\x02m\x9d;\x82\x10R"\x05\x93\xe1\xdf3\xb9\xbd\x8a\x9e\xd9\xeb\xb5\xf4NU\xf2\xab\xde\nP=\x19:V\xceG32\x84d\x02\x00\xb6\x9e\xdd\t\x7f2\xe6\xd2\xa6\\\x0e;\x0f!\x1cm\xde\x90v\xa2C\x90\x8b\xfe\x11\xd7\x1fb\xc5)\xbe\xcd\xfe\xc1\xb6l\xf3l\xff\xf6\xad\xa09\xed\x84\x0ek\xb5\x96\xd8\xae\xf5\xf0\xfc\x02\x93dm\xf6l\x06\x80\xcaYlN\xacD\x07\xc0\x07\xf7\xe3Z2\xe5\x0fn\x1fY9I\xee\xff\xbdE\x7fC\xbfoW\x9cK\xe7\xd0\xbc\xba\xba\xcf?\x0e\x1c\x9foQ3W\x12\x0e\xb9pvl\xc3\x0c\x0b{\xaf|z\xeb\x1d\x18\x17\x8e\xe8dy[\xc5\xcd\xc3\xebl\xa6\xc0\x84&lt;\xe7\x12\xc0G\xd5\x86\xbdP\xa2\x08\xf2\x04\xe9\x97\x98\xcerg\x8dT-\xb7&lt;\xbf\x92M\x89#:\x00\xe4\xe1\xde\x89\xcd\xa2C\x90\x1b\x00\xfc1{\x98\xear\x0bI\xd1\x88\x88\x13gE\xbbq\xda \xb1\x01\xf0n\x00^_\xb1\x7f\x01h(#q\xc5\xc0Y%\x10\xf9\xadR\xa9~\xa4\x92\xce\x98\x0e\xb5\x8c\x97\xe9\xd0\x84\x00@\x9f\x06\xa5\xa8dm\xca\xe6\x99C\xf8g\xeat\x9ck\xab\x88\x84\xfc\xd6\xbb\x19\xcf\x1c\x11\x07\x96KQ\xe1\xc4\xe2\x07\xeaar\nD\xa4\x9f\xa4H\xefn\x1e2\xb8&amp;|\xc34\x1eD\x8blG\xaaI\xd1\x0c\xa2C\xf0s\xb2\x1dq\x8a\xfe\x983|D\xeb\xaa\xa2\xa3\xf8f\xfe\xb0\x0e\xa2C\x10cF\xbf\x96~\\\xc8\x141\x08\x01\x00\x19f\xec\xb1\x03|M\xb4\xe4\xa1}\xc5&lt;\xec\x82!\x84,\x18\xde1\t\xd3\x0c\x10\x92\x84\xdfW\x91~\xef\xf0\xdai\xa2C\xb0+\n!\x93{46\xbe\xfe\xbb\x1b\x87\x9c[n\x1b\x04\xa5\x11\x1d\x82\x034.\x92^t\x08\x88*\t\xcf\xd8\x1e\xb5\x8bJ\x18U\x80\xb0\xbc\xe7?\xdc&gt;\xfa\xf5\xee\x1e\x9b^\xd8\xac\xe5\x8dc}\x1af\x00\xe8XE\xe5%\x00\x00\xd8&lt;\xd3\xdf\x86-\xb1\x80\xd6\xfb\xe1HS\xbd\xfc)E\x87\x80\xfcA\xe1\xc4\x16\x9fO]\xd8\xb5$`\x9b\xed\xea\xd9\x13\xbe\xb8\xb8\xdb{\xf9\xc0f\xe5\x8fm\x98\xc1?\x1e\xd9\xfc\xb9\xf4\x17\xd1!\xd0\xd1D\x86\x1f@\xaa\xf3\x0bV\xc8\x10\xbbV\xee\xa4\x84\x908\x1a\xf3F)\x93\xcc\xa8&amp;\xb8}\xfe(B\x88\x03\x87H\xf0\x13\'\xb7\xcc\xd5\xf94[4\x8bW\xe5m\xcb\xf3\x9e\xc2\xb3N\xde\x00\x1d\xc1\xde\xc8\xf3\xbcG\xa7\xb6z/\xdc:g\x84\xf2\x07\x00\x00&lt;\x999\xa0\x15\xe5\xc8\xe4s\xe3\xe0Z\xfdy\x069[4\xb23\xc0K\xd1Q\xd0\xa0\x8cr\x93Zm\xdf*?\xcdu\xa6Uz|f{\xb6h\xac\x02\xb3\xec\xdd\xcd\xc3\xbd\xea\x16\xf7X\xf8\xec\xfcNZ\xe9c\x7f$d\xdf\x80&amp;\xe5\x065\xab`aC\xf7\x19\xc7\x94\xa2X;\x0f\xbf\x01\xd17N\x1b\xc8g\xaeMw\x8bFv\x96\xea\xa4\xb3|u\xa5G\xe0\xd7\xd3\xb9\x8b\t\x00\x83\x9a\xd9\x9d\xfeI\xeb\xab\xf19\xa8\xcat\x19;\x17R\x9b\xea\x84C\xcc\xca\xb4\xc9\xa6\xde\xb6MB\xc8\x03_Ck d\x93r\xce\xb6*\x93]g\x9d\x98\x0c\xce\x11W\x82a$x\x00\x99.\xbc\xd8\xfc9\x02\x80\x05\xc3;r\xce\xb4J\xd6\xf8J\xd6F\xe6\xa1\xf6K|\x86!\x0b\x04\x9d\xab\x16\x10\x1d\x82\n\xfbG6WLa\xc5\x03\x8b\xa5A\xf0\xe5.\xe5}\xc5\x7f\xd7\x03\x00\xc0\xc3k\xfbW\xb3\x8e\xa4L\x9a\xe8\xae\xbf\xc7w\xae\xcb"\x0bwq\xd9%M\x036\x00\xfe\xcd\xe6\x91M\xa2\xf6\xeb9}\x04B\xf7a\xc0\xdb\xeb\x07\xbd\x17F\xc4b\xc9\x8d\xf7\x10\xa0\x8d\n\xa5u\xffo\xe9\xd4\xd1\xbdV\xb1e\xff\xca_\xbd\x17n\x9a\xae2\xb0\x0c\x00l\x99\xa52(\x90\xc2}\x84[#\xc5eR\xb7\x86\xc6\x02\x94B\xb3b\x19E\x87\xe00E\x93F\x12\x1d\xc2W\x19\xf9\x06\xf2\xe4\xec\x0e\x8a\xa9)\xa7\xc9\xe2Q?k\xdd;=\xb6q&amp;\xc5\xecT\t\x1d\r\xe9\xe5\xb4&gt;\xcde(I#\xdbV\xe7\x91\x8d\xb2\xafs~\x9bM\x80\xc9\x93\x87\x90\xd2\x863\xba\xa6\x8f\xdb\xd3_\xee\x8elS\x8dB@\xb2\xea\xdb\xb0\xb4\xe8\x10L\xb3\xd3c\x1dyX:\xa6+\xffL\x95\x9e\x1aJ\xed\x7f\xe3\xe0Z\xfe\x01\x10B\xbc\xe6\xfe\xe1G\x9e\xe7\xc0\x92\x84\xe1\x00\xc6\xef\xb4\xf0y\x03\xb6b\xc6\xd8T\xa6V\x90\xa7,R\xe1O\xdf\xc5),\xd7\xa4\x17v-\xb9\xb0k\t\xcdP\x0c\x0b\xc3 \xcd\xbf\x7f\x9f\xe3&gt;\xb3\x08\x92\x9a\xd9\xc9\xa6\x8d\x0fd\x0f\xf0\xc1t4\xe6\xb9j\xba\xd6es\xb8/\xef\xa4\xf6B&amp;B\xeeZ\x94\xccB+)\x00\xb8\xf2\xd7J\xb3[-\x1a\xd5\x99V\x00\x08}\x05\xf0\xc5\xcc\xca\x8fi\xe5;\xbcUU\xf7\x0bOx}\x95V\xca:\x00\x9ey/l\xc8}8\x97\xf2\x19b\xe5\x8b\xeby9%\xf0\x06\r\xc0#*\xe9\xd0\xbd\xe5-\x1b\x00\x10\xfb\xce\x1a\xfeP\x03\x80WW\xf7\x89\x8eB&amp;\xce*\x13!j|x\x1d\xf2\xbf0{P\x1b\x11A\xc9"\x83\xb8\xc1\xbe\xfd\xec\x8e\x96_\x02\x00\x80\xa7\xa2\xa3\x10\x0cK)\x13?\x95\xce&amp;:\x04\xe7\xa1\xfe"\xb8\xb5\xf7BQ\x80X1\xbe\x07\xfc\xf7\x8f\xfdt\xa87\xf6\x03\x9b\x96\xa3\x98\x9a\x16ka\x03\x00&lt;?\xcf"\x1eB\xc8py&amp;\t@\xb2Q\xda\xd4\xbe\rK\x03\x80\xe5\xf7\xf4-\x9f\xa8\xa66dtUU=G"\xfd\xec\x9c&gt;\xed\x81Y+\x7f\xe9\xe9\xfa\x1b^]6\xbb9\x95\xc3\x04\xf0H\xc2_{\x9d\xab\x15\x08\'\xd9,\xd3\xfe\xa0C\xa5\xbc\xa2C \x84\x90b\xc9"\xa7\xd2\x1e\xc4\xc9\xd4q\x1d\xd5\xae\x06\x85\x80\xa8\xeaV\xabH\xeeXz+\xd8)\xb8\xee\xdb\xaa\x8e\x1b\xac%\x81\xd5\\,\xd09\xb8L\xf3E\x16\x18\x9f\x86\x9e\xe7\xd1\x01\x80_~\xae\xc7-;d\xc5\xbc\xa1\xed\xad\xf5\x82X\xf3k\xdf5\xbf\xf6\xa1\x12\x03\x9fB\x19\x93M\xb2\xaa\xad\x97\xfe\xe5\x98\xeb\xa3\xa0\x04\xe1\xfb6\xd4\x9b\x0f\xd9#\x11\xef\'\xcc\xa2L\xeb\xd3\\\xeb\x0b\x16\x8co\xf8\xad\x13\xa7\xb1\\P\xa3Q\r\xc3\x11r\xc7"s\x02\xfb\xe1\x9fc\x08\xbfd\x13\xf5*STB\xba\xd7.\xc29\xd3\xed\xf3Fm\x9c6P\xf9\xdb\xfd\xbd\xeb\xde\xf5K\xb0\xc8\xce\xf5\xbe!]\xeb\xa7\x0e\x10^l\xac\x99\xda\xabi\x91$\x16\xe7\x16\x87\x97\x97\xacm8\xbcuU\xc3\x1d\xa7\xc5(\x96L\xe0\xab`\x88\xa3:\xf9R\x88\x0e\x81X\xe8+mJ\x89\x14Q\t!w\x8fm:\xb7}!\xd3\x8c\x90\xb3,\x1b\xdbm\xd7\xc2\xb1\xfc\xfb\x07\x13\xb7\x1f\x85yc\x7f\xbd\xdc\xe9T%\xbf\xa9F\xb4Ce\n\xf7~\x01@g\x9c\x19\x83\xb7\x92\x00\xde\xd8\x8f\xc4\xff\xe5\xb0:\xa2Ob\xaaa\xf8T1\x93\xf1[\x88\xe6&lt;&lt;\xf9\xc7\x8c\xfe?y/\xe7v\xf1\x18Acy4\xaf%\xe7v,b\x1a\x89e\x96\xf7U\xa9T?\xdaI\xf3\xf5\xd5\xfd\x9e[=;g-\x12\xd9\xa8\xde\x0c\x04\x80$&amp;\xd3\xb1vh\\\xaf\xfb\nyl\xcbzx.k\xdf\xe8\xc8\xfa\xe9\xd4#\x11\x0f\x00LM\xa2\xad\x9a\x02\xa5X\x98S\xadl\xbc\xe3O\xafU%\xb3\xa1\xfa\x82\x98\xcajO\xcf\xc9\xb3\xabe\x88$\xda\xb7\xeaI\xffZ\x84\xd6\x8bf\x920\xf5\x94\xc8~\xf5m&lt;\x85\t]\xea\xdb\xc9H~2\x94y\x19\x19\xdf/\xbb\x17\x8d\x83G\xa7\x98\x06\xa3\xef\xe4f\xcf\x89\x0c\r\x96\xef\x02\xf1\x83\xef\x8e\xcaV\x0eF\xb6\xadn!\xa4]\x8b\xc6\xda\xa9\x1d\xa8\xec\x84Q\xedj\xd0\xea\xa7\xe4\xb2||\x0f\xef\xd5~\xaeV\xd0r.\xd4\xf1\x9ck\x9c\xef\x95\x8cEo\xae\x1d\x10\x1d\x02\xb2jF\xbf\x96\xde\x0be\xab"]\xec\x07\x16\x87\x90,Q\xa9\xc4B\xcd\xaf\xdd\x1bQ\xafF\xb9\xb1\x96{f\x9e\x95(b\xccr\t\x0cex\xdbt\xe1I\x9eX\x16g\x10\x1f\xd0\x84\xc7\xbbf\x08Yg\xffg\xbe\xcd\x00VO\xecm-\x11&gt;\xb7\x98%|\xff\xc8Y\xb8\xed\xbd\xfa\x05R\xf1\xc9\xc8\xff&lt;8\xb9Et\x08\x86\xf1)O\xba\xefH\x89\x07\x00\xddj\x15\x16\x1d\x05}\x00\x90\xc9\xf0\xc4\x19\xb4\xaa\xe6\xe3\xba\xb3\x91L\xec\xda\xc0#\x17\xcdG\xcf~\xed\xe4\x16\xcf[\xa0\x06\xb1\xebQ\xc3\xbf\x8b\xb3O\x92\xfd\xc2WQ3W\x12\x8f\xf2\xbc~j\xff\xc0\xbd\xc4qU"\x1e\xbb\x80\xf3\x1e\x19\xde\xaa\n!dL\x87Z\x06\xd7w\xe2e\xe9\xa5=\xcb\x8ct\xc6\x1a\xdf\xd9\xe8\xab\x95\xa7\xfe\x98g#\x9c\x10\x1e\x9c\xfcC\xeb#\x00\xa8\x9e#Q\x8b\x12\x99}&amp;\xa2z\x7f\xcf\xe6\x04,&gt;\x8fr\x0c\xd17\xe2\x90"\xaaC\xce\xca\xcaY&lt;\'\x16\x01\x80\xd7\xd7&lt;{\xc4\x05\n\x80\xb7&lt;\xb3\xa3\xfb`M\xbf\xb49q\x8c\xd2\xb5\xbf\xf6e\xf1\x98\x04\xe0\x89\xebo\xd5\xce\xa3:\xc5\xc0\xfb\xfa\xa0`\x02No\x02\xb7,\x95\xd5g\x85\xe2\x88J\x87:\xf8pS\xb6o\xbd~J\xff\xads\x86\xcb\x16\x95\xdf\xca\x18\x89T\xce,\xf9\x04\xe9\xd4d\x8bfe+G\x94E\x80g"\x07\xaa\xff\xa6S\xd5\xfc:\x9fN\xeb\xd3\xdc\xfd\xbf\x07WOq\xfd-\xc3\xc0p\x00\xb0~J\x7fZIQI\x875\x00\x80/w9\xe7\xe8\xb1Dk\xd0@\x7f\x92\x9b\xd1\xf02\xd6\x94N\x1d\xdd}T\x1f\x00\x80/\xf7\xbaT\x0f\xca\x15#xI\xf1\xe4\xfe\xd3\xc9\xc3)g\xa3\x1d\xd1D\x07\xa0\xb0\xbc\xab\xe9N\n\xa8\x84a\xf6a&amp;\xc5\x1f\x01N)rT\xe2\\5\xa1\x97\xc15e\x98\xcf]\x88Y\x03Z\t\xcb;}\xc4\xaf\xaf/}\xf3o\xf0\x9f_\xee\xc1\xbf\x97 \x84W\xfd\x1b\x97\x95\xb9\xf8*76\xee\x9d\xd8lvC\x00Pz\xa1-\x1d\xd3u\xff\xca_\x89s\xceR\xcb\xcag`\xf2\x0c~\xb1\xc6\xc4\x84\xaa\x15(\xc0\xdb\xeb\x07\xd6\xb0\x08C\x8b\x9d1\xe6\x02\xaa\x01(\x93&amp;:\x95\xd7\xda}v\x08N\xc3k\xd0?\xf7[\x94\xf6\xd9|\xec$\x05x{\xcdU\xb5?9\xbb\xe3\xaf\xe5\x13\x9b\x16\xcd\xf0\xc7\xec\xe1`\x80\x9d|\xd7O\x1d@\xeb+\xa8\xb2\x10\x9e\xfb\x08\xc9\xf0\xe1\xa6\x92Hx\x87\x9c\xabB\x00&lt;T]\xae\xf5 7uX\x956`\xde\xd0v\x9c\xf70\x1eP\xfb\x9c\xf8DD\xb9\xba\x15\x1b\x80\xc0\xdcU\x04W\xf4O\xce\xa8\xae\xb0m\xeeH\x9d\x06\xa0B\xc6\xd8\x9c\x03\xa6\x05\x1e\xfc\xad\xbfB\xbd\x02)\xc9\xb7R.\xf0\xb0IWb\xbe\xc9`q\x10L\xf5\x8a\x03_\x19C\x88\xab0\x84\x00&lt;uUpZ\x83\xcd\xe5\x8eI\xe0\xe5E\xad\x06\x80b\xef@\xcb\xbc\x7f\xce\xefZ8\xc6cI\xafz\x16\x87G~}u\xbfj\x15\x0c\x0fN\xaa\xae\x0f\xefoH[e\xbbsD\x90&lt;\xc99\x18C\x80\x1c&amp;\xfb_3@v\x14\x1d\x00\xf0\xc7\xeca\xaeJ\xdcg\xe7\x8a\xa0\x84\xe1\xe1\xf9y\x16w\x81\xec8\xbei\x16\x87\\^^\xfa\xd3\xf8w\x8cF\x08\xa8M[/\xe1\x8fe\x00\xe8\xdb\xb0\xb4\xe5\xcdk\xe4L\x9c\x82\xea\xb4\x0b&gt;\xf7O\xf6\x80|%\xec\xc5\xc5=\x952\xc7\xed\xd7\xc8\xfa\x91B(\x84\x1c\xd1\xc9\xf6y\xa3^_\xdb\xff\xb5\xfe66\x1br\xd6\x1f\xc8\x93\xb3\xdbU\x1b\x80/\xf7OX\x8b\x04\x00\xe4\xea\xf9D\x03\x00D\xf4Z\xb8u\xee\x08\x01\xa1\x18#v\xd4?\x97\x8a\xba\xf7\x12\xdbW\xcc#[\x0b\x8a\x90#u\xac\x92Oy\x87Ba|\xae\xd6^\xf5\x8a\x1b\xff\x11\x00\x00\xec&amp;\x06pe\xc14}\xd6$\x89\xff\xafe\x13m\xa6\x00\x003\x19\xf7`\x03\x80\x86\x85\xd22\xcd"\x0e!O\xcf\xed`\x9a\x85\x96\xe9j\x035\x06 \xf8\xef\x1f\x00\xe8Q\xa7\x98\xc0\x18&gt;\xde&gt;*0w\x1eNo\x9d\x7fr\xcb\\\xa5\xe2\xfex\xe7\xa8\xf1\xceW\r\n\xa6\x86\xcfw\xa8\xdc\x05rm\xd2\xaaLv\xb3\xdb\xba\xd0\xbd\x05\xc1\xda\xff\x08\xa9\x96=\xa1\xf2\x07-\x97\xf7\xae\xb0\xb39\xad\x16H\xc2\x1b\\\xd6(\xf79EG!\x0b\xce\xef\xed\x13BX\xb7\xf1\x81E\xb5(\x8fj[\xc3Uk\xaf\x9b\xd2\xcfl\x9a\xbb\x17\x8dSm\x008w\xe2\x96\x93\xfe|\xb9\x12\xd6,\xd6*n\xd7\x14\xc4\xee\xe9PIY\x06\xf0\xfa\x8a\xf1\x95\xbb\xd5\x92n|4ZJ\xa4\x88\x9a\x89\xea\xb4\xbe\x92\x94\x07\x8f\xf7\xcc\x85\x00x/2\xfb?f\x0f\xdf0u\x00\x00\xbc\xbfy\xb8L\xda\x10\x95\xd6\x886\xd5\xcel[\xa0\xb5a\xca0\x04\xe0\xbe\xc6M\xa0\x17\xcc\xe3\xe6\xae\xbb4\xa7w\xa5\xccq\x19\x9d?Fj\xea\xa7\xe7v\x9aM\xf6\xd8\x86\x99\x03\x9b\xda\x1d\x9c\xfd\xd3\xddc6S\xb0\xef\x8f\xd9\xc3E\x87`\x8b\xfdbC\xf7\xb5\xa9\x00\xf4\xe7\xd2_&lt;\x964+\x9eIH$\x84\x10\xb2g\xf1\xf8oU\xf6\xa3\x9eu\x8bU\xcd\x16\xfc\xe6\x93\xd2\xdf_k\xc3\xd0\x84\x94L\xf9\x83F\xed\xef\xd4\xcb=\xba\xd8\xed\x04\xf8|WI\xdc\xe2L\x19\x8e\xe2\x1ak\x84\x03\xf0\xd5\x85\xc1\xc2\xdb\xf96\x8b\x81Tg\x93T\xc1|\xbew\xdccI\x87J\x14\xe6\xb5w\xaa&lt;\xb1}\xd4\x06\xaaG\x0e\x00\\}\xff\xbd&gt;\xfa\x00\x00{\x96\x8cWM\xadH\x92\xef/\xedY\x16P\r@\xad\xdcIM}/;;\xc1}\xc83\x1d\x0f\xfe61\x95\x04|\xbe\xa3\xbf\x82\xb5G\x08)\x0c\xb4B}\x1a\x94\xb2\x902\x7f//\xfd\xd9\xba\xac\xf5\xa7P\x8c\xc8s6Iuj\xaf\x9e\xd4[\xff\xf9Yj\xe3\x1dZ\x02G\xad\xdcI\xdd\xff\x0b\x00I\t\xd9\xb9`\x0c&lt;&gt;\xed\xbe&lt;\xd9\xb7\x83]7_\n\xd5tz\xd7/\xa9S\xfb3*%c;\xd6f\x91\xacA\x8fNmeZ\xfa_\\\xda\xc3.q\x05\x95\xf8G\xb6\xadn?\x11B\xc8\xc7;&amp;\xfaW$#\x84HP\x15&amp;\xe4\x9e#\xc0C\xe3\xdf\x1a\x00\x1a\xb1|p\n\x9fn\xb3K\xdc3/\xd1\xc7: \xac\xfc\xa5\'!\xe4\x8f\xd9\xc3^]\xd9\x976\xfc\xd7\x85\xd1\x08yv~\x97~=\xde\xbebn\xdd\xfa\xff\x03\x97\xf0\xf9q\xca/\x1b\xf8t\xdbB\x90f7\x01\x00\xcb\x03?\xb8\'rd\xdd4\xfdu\xf6~\xeb\x93\n\x00\xb1\xf8V\n\x87\xd6\xfc\xc6-/Z\x00\x80\xe7\x1d3F\xa6\xf7k\xd9\xa1r\xde\xdd\x8b\xc7\xd9L\xc7\xf2d\xc2f\xc9_-\xf8\x00\xf0i\xcf\xe2\xf1\xee\x83Q\r\xee\xb9\x00\x00 \x00IDAT@\xeeX0\x1a\x00\x8em\x98\xa1\xb5I\x91$\x91t\xaa\xff\xed\xf3G\xb1\x8b\xb6F\xce\xc4U\xbc&amp;\xd6\xe1@\xfe\x06\x00\x9e\x9e\x05\x80\xc4\xcc\xd2w\xcd\xb2Me?\x98\xdd\x9f\xd9\x7ft\xfe\x99\x86\x0c(\x9d: _\xf2\x16\xa8D\x8a\xa8\xc3ZU\xf1\x18w\xfb\xf8\xa6Y\xb5\xf3$\xd3\xda$\x8c\xdbE\xb1\xb7q\x9d\xea\xb0\x8e\x99\x9d\xceU\x0bx/,\x96,\xb2N\xed#C\xc5T ~\xd8\xa2I5\xc7NWm\x15\xb4\xc2n\\$\xbd\xea\xf2yC\xdb[\x89L\xcdw_\xcb\x0f\xab\x19k\x91l\x00\xe0\xe2\xae\xa5\xd66\xa4\x1e\x8c\x16\xef)\x1b\x03ETB\xccv\xf3];\xb9\xafV\x03\xd00(\r\x93(yI\x1f\x91\xfc\xb5&lt;\xf8\x85X\xa7\xdc\xff\xd1\xa1\x1a|X\xaaY\x98m\xf5\x8b%\xa3\xda\xb1\x1c\x11R2\xe5\x0f\xac\'\xca\xfa\xb9z\xc1M\xd3\x06\x01\xbc\xc8\xf0\xbd\xb9\xaa\x19\x00&amp;uk\xc8.0\xbf\x11\x8eJ\x9b\xa7$a|v\x82\xb8\x84\x98\x9d]\xe9;B:V\xce\xa7V\xff\xbf\xcdA\xf1\xf5V\x96\xea\xe5O\xa9\xba\xaf\xabd\x89\xe7\xb1\xfc\xee\xf1M\xca\x1f\xbf\xcf\x1c\xc2#2\xaa\x96\x8c\xee\xc2\xe1\x8d\xf6v\x15r\x19_\x19\x00&amp;\xf7l\xa2\xba\\g\x13xtZ\xebS\x0e\xde\\; 0wI\x00\xc0\xe33\xdb\x94\xbf}\xd6\x18\xae\xa3\xa9\xfc2\xf5\xffY\x1ci\xa0s\xad\t\x00\xac{,\x0cjV~\xc5\xf8\x1e\xde\xd5\xff\xe9\xad\xf3\x19\xe7L\xcd\xe1\xb5\xbf\xa9^\xdd\x7f[\xf6\xc5{\x93\x88r\xdc\xf0q\xa15\xfd\x02\xc0\x7f\x94RB\x8eQ+w\xd2\x85#:\xb1K_\xaa3\x05Q\x96&gt;\xa2\xfac\x80\xba\xf9S\x8a\x0e\xcd(\xf77\x99\xdd\x16\x82\xf7BI,\x1e\xf53\xa3\x94\xb5\x1a&lt;\x97\'g\xb7S\xcfqD\xebjt\xd3\x94\x04&lt;=ky\xdbc\x1bg*\x7f\x04%\x08\xaf\xbf\xa6}\x02K\xb8\x9d\xf3+\xc1\xd7\x14&gt;Q\x8c\xc7\x8e\x00\x9d\xbbh\xf5\xa4\xde\xaa\r@\xb6h\xb6\x92mQ23\xb7\xcaw\xeb\xdc\x11\xdeu\xfd\xf4\xbe-dk\x00\x94\xee\x92e\xd2\xfeO\x9e\x90\\,\x87\x04\x00\xc5\x92\x05\xe8\xb9\xa3\x03\x9e_\x10\x1d\x02\x0f\xf6K\xb2\x84\xe7\x82&gt;\x83\x01;\xe3{5.\x9cN\xb5\xf6\xa75\xd2=\xdd\xe7\x93:\x00\x9e\xaa-\xf4l\x00Nn\x9e\x9b%*\xaf\x98\xb4I\xd5,Yvt\xfd\x8cE#;\xfb\xc1\x17\xf1K:}\xff\x9c\x05\xe0\xb1\xd15\x9f\x9d\x03xm3\xbb\xf4\xde\xf3~\x84\xe4\xde\xafD3\x92w7\x00`r\x8f\xc6\xbe\xf3{qq\xb7\xa1\xb8\xd8X2\xba\x8bw\xed\x7f\xe2\xf7\xd9F\x06\x06\x90\x1f&lt;&gt;\r\x00\xa9\xddZ\xa1\xd1\xedkRK\xdcW\xc5\xa73)\x8e\x7f4\x00\x84\x90\xcd3\x87\x8a\x0eAR\xa1\x08\xb9\xb0s\xb1\xa8\xdc\x0b\xc4\x0fk\xf8B\xf5&gt;\xeb`\x02\x90\xe9{\x0f\x00\x9fY\xc6\xf3U\xf1\xe4Q\x94It\xabeO\xd8\xa8P\xda\xaaY\xe3{\xd7\xfe{\x97N\xc8\x1f\x97\xc2\xe8\x1b\xf7\xcd\x8co\xc3\x88\xc7\x8c\x1c5r$\xea\\M\xe5\xe5\x00\xea\xe0\xf5\x15\xfd\xa9h\x01\x9e^\xd8\xb5\xc4\xf5\xdf+\x7f\xadd\x1d\x12"\x84\xd8\x1f\xca\xd4\x940&lt;3\x0b\xc9g\xed\x13\xdb\xf0\x9a\x84\x90\x8b\xbb\xadt\xfc\x0fX\x00\xf0\xe1\xf6\x11s\r\xc0\xa5=\xcbt\x92\xa3\x13\xd7\xb7\x81\xe1\x00\xfe\xf3\xaa\xf6\xdf\x00\x00\xc0\xab\xaaY\xe3kM"\xef\x1f\xf8\\w\x8flCg\x98\x1d9\xa9\xee\xc3v\x15r\xbf\xbdq\x90\x7f0\x0eum\xffj*CR\xeb\x94g\xfd\xa2\xbe||\x0f\x83Y\x0chR\xceY\xbfV{\xd4.:\xec\xa7\xca\x02\x03\xc8\x14\x99t\xa8\x9c\x97\x10\x02\x00\xbd\xeb\x97\x10\x18\x89\n\xcf\x9a\xff\xf9ye\xe8\x88D\x84d\x8dJr\xc7\xf2\xb19#\x1eC_\xb1+pM\x8a\xa4\'\x844(\x98\x9aQ\xfa\xde\x94\xefbd\xf8-\x9eQ\xd9\xe1}tL\xff\xe0eI\x920\x08!\xa9\xb5\x9f\x80Q\tR\xe9\xbf\xf7\xe6:\xdb\xd7\x1a~\x94i\x97J\xe5\xf4\x1f\xf3t\xa6W\x1b\xdf\xb9\xae&lt;\'\x85\xa7\x1f\x08)\x9f!\x16\xc0\x97#\xeb\xa7\x8b\x8eE\x9dC^A3\xc4H9\x00\x00\xe3\x97-\xee\xa9\x19/a\x92\x96E\x1bT\x87\t\x13\xfb5\xe1\xdfK\xae0~\xd3\x9e\xa6j\xe7\xc21\x0e:\x1cN\t\xb5]\x85\xdc\x06\xd7T\xa6P\xb4\x93\xd7\xd69#|\x9e\xd76\xe7v\xf5\x7fB\x1e@\rnQQ\xeb\xa3\xfa\x05RYN\xd6\xf037\n\xbd\x9e]y\xc9{\x89a\xd5\xc5\xddK\x1d\xf4\x8d\xb4\xa6\xd9\x10\x8en\xc1\xb8st#\xad\xa4\xd8q\xbdoap U\xfb\xfb\'2!\xfe0^\xf2\xa0f\x15D\x87\xc0\x95\xd6\x10iv|\xb8u\x84z\x9aF\x00\x00\xbc\xbcd|e\xa6\xc1\x98R*U4\xfb\x89\x18nt\xbf\xae\x96)2\xa1;%:\x00x&lt;\xed\xff\xef\xf2_&gt;\xb7J\xa7\xdfC\xc0\xb6\x17\x17\xf7Hu\xac\x8d\xfb\xa9t6\xd1!\xf8\x05e\xf4\x08\x87v\xe5th\xd9\xe5/E(\x02\x00\x1eO\x0e,?\x15t\n\xf7\x81\x1e\x8d|\xa3\t]\xea+\x97\xc3\xae&amp;\x87\xe2~08\xe3\x9b\xd3e\xc6\xf7\xfc\xd4\x00\x00&lt;:%:\n\x14\xc0\xa6\xf6jj|\xe5\xd0\xec\xe2\x10\xc4\xf8/\x009\xef\x95-\x1c\xd1\t\x0cL\xa7c\x8d\xf0\xef;\xbcuU\xb1\x010\x05\x9f\xef\x00\x80\xfe\x98.\x9f\xee\x1ec\x1f\x87\xd5\xc3&lt;\xb2\x8d\x7f\x8e\xdf"\x9b3\xdb\x16H\xd2+\xd4\xda\xa3c\xff\x00\xec\x07U$n{\xd5\xe0\xe4\xc9\xc5\x93\x07\xc4\xa5\xf5\xb1\r3\xed\x94\xb7n5\x0b\xd3\x8b\x85\x1a\xfd\x07\r{\x97M0}\xcda\xad\x80f\x0c9wH\xd3b\x19\x8cl\x05\xf0\xd1Rn\xe2\xf1y\x93\xcb\xef\xd9\xef\xee;wH;\nq\xf8\x9dY\x03[\x13\xa1\xa5T\xa7\xef\xa9\x10\x9b\xa6\r\xb2\xf9\xf3K\xe6\x8b\x15\x9d\xaf\xd6\xa1R^\xce\xc1\x18\x85\xf3w \xc4\x88\xcc\xb5\x15\x7f\xaf\xaf\xeeW\xaaH\x8fw\xf2M\xe1\xbfK\x8d\xbf\xc2-\xe7\xadE=\xa7\xb6\xcc\xa5\x18q\x85\x8c\xb4\xc6\xb1\xf7[\x7f-\x9f\x98G\xd0\xebuT\x00&lt;\x14\x1dB@\xe0v\xe5\xce\xb9\xce\xca$\xf1\xf5\xe6\x95}v\x87`\x01\x80\xfe\x8d\xcbR\tF\x93\xd6\xdb\x04\x83\x9b\x9b\xee\xbe\x99\xdd\xf0,\xcdW\xf7\xad\xf2\xb9\xce_\xcb\'\xf2)I;\x17\x8e\xe1\x90\x0b#\x00\xaf\xbf\xbe\x0c\xec\xac+\x05\x87\xe3P\xcdQL\xdfx\xb4\xd7\x0f\xac\xa1\x95WV\xb3s\x07\xfa\x92)\x12q\x1f\xe1*\x10\xe8\x1f51\xbf\x0f\xfc\xa9\xa2a\xb1\x07\x87\xb7\xe2\xdd9\x01\x00\xe6\x0f\xeb\xa0|\x97\x8d\xd3\x06r\xc8Nu!\xbb\x82![\x91;\xb8z\xaa\xc1\xef+[\xe4&gt;Y&gt;\x8e\x000gp\x1b;) \x0f\x00\xf0\xe8\xf46\xd1Q0\x00\x00t\xdf\x97\td\xa3\xda\xd5\xd84}\x10!\xe4\xa7RY\x01\xde\xb0\xc8\x02\x00\xd6O\xed\xef\xfa\xef\x96Y\xc3x\xde\x98+\x91"\xaal\x15J\xd5\xac\xf1E\x87\xc0\x9c\xd6&gt;\xbfwb\xb3\xcf\r\xaf\xd9\xfe\x19\xc1\x94\xf7W\x93\xad\x80\x11Bz\xd4)\xe6\xbc\xa6\x14\x00\xa2\xd1N\xd3\xf0]\xa5\x00\xd5\xb4XF\xa6\xa5$\xc3\xf7J\x83\xfdR\x7f\xb5?\xe6\x0c\xa7\x15\x86T\xe7\xa7\x9d\xd1;(R\x06\xd7\x84\x97\x17\xdd\x17\xe6\xb4:\xa0U\xc3\xa04\xfa+\x00@\xad\xdcI-\xa6\xee+e\x16\xc9\x1a\x17Y-\x06\t/\xb4S\x7f\xc7\xe0\xb7T\xbe\xb8l\x87\x10oT8]\x1c\xa6\x19\xa8i^"3\xa3\x94Om\x99\xcb(e\xba\x92\xdb\xd8vR\xb7\x86\xee\xff\x05\x80}+&amp;\x99*v\xca\xcam\xcb\xe7\x04\x80\x9eu\x8a\xd9\x88\xe5\xab\xbf\x7f\x9f\xed\xb1\xe4{\xc3\xdb\xa6\xa34?\xee\xcc\x01\xad\xe8$\xe4L\xeb\xa7\x0e\xd0j]\x00\x9e|\xbc\xe3\xfb\xfd\xa3\x96\xa5\xb2\xf8\xdf]\xb2\xa0\x84\xe1SQ\x98\xca\xc4(\x07\xfc\x02poOf\xf4\xff\xa9h\xd2H\xd3\xfb\xb6\xb0\x9c\x9a\xab\xf1\x98\xd4\xbd\x91\x9d\xa8\\l\xbe)\xe7&gt;*\x80K\xde\xd8!\xdex\x1d\xdb\xa1\xb6\x9d,\x0cJ\x13N\xef&lt;\xb1v?\xe2\x97\x9f\xeb\xa9\x96\xb0q\x9d\xeaXK\xb0H\x12\xe3\x155\x13\xf0\xf4\xac\xa1I\xf2\x8c$\x05\xe0\xaf=\xd0\x0e\xad\xf9\xcd{\xa1\xab\x18&lt;8\xf9\x07!$\x91\xbd,\x00\xe0\xf1\x99\xed\x06\x07MC\xee\x0e\xae\x9e2\xa1K}\xd1Q\x98\xc4\xb4\x17\n\x00\x04%\x0cO\x08\x81\xb7\xd7X\xa4oV\x063\xb5\xdc\x9e\xc5\x92\x8e\xe6\x18\x85\xd7\x95\x17\xad\x1a\x99\x91U\x13zQI\xa7W\xbd\xe2\xf0\xec\x1c\x95\xa4X{rv\x87\xf7B\x00\xf8\xf1\xdb\x1f\x9c\xe3\x11\x08\x00^]\xd9\xa7\xfaQ\xb1dQ\x16\x8d\xec\xec\xbd&lt;\x01\xa5\xac[\x94\xcc\xe2\xdeK\xea\xdf\x7f\xf6\xbaB\xd2\xaa`&amp;ti \xe9o\x02\x19c\xd2\x00\xf0\xc2~"\x12\xcc\xfa\x8e\xe80\xdeqY\xdfo}\x9a;\xe8,\xe0&amp;\xb1\xe8\x00\xf4q\xaeOu&amp;\xf1\xf6i\xdd\xe4~\x84\x10\x80\xfb\x00\xd0\xab^qZ!\x192\xb6\xa3\xb9\xbb\x1c\xb4\xbb\xff2\x14\x8dv\xeb\x15\xd5\xf0\x90\x1b:\xb3y\xf8\r\xf8pSt\x08\xbc=\xf8{\xcb}_\xfdddv\xe5\xaf\x95&gt;\x1f\x11{P\xaaQx|\xc6cy\\B\xea\xe4KA/4\xfa87\x00\xf6\xf3J\x15\x86\x00\x80\xa9\x9b\x10\x14\xb4*\x93\xdd\xd4\xfa[f\x0f\xd3\xfa\xe8\xb1|O\xdb\xcb\xa4\xa199\x98\xcf\xde2\x06-\x1a\xd9\xb9F\xce\xe0\xeb\xa7\xea9\x12Q/\xa9\x1c\x8a\xfe\xaeEcYg!\x1b\x00\x80\xd7WEG!\x1d\xfcy\xa4E\xf6=\x93\x84q\x88\x1e=\xdb\xec\xe8\xd7\xa8\x0c\xad\xa4\xfc\x1e\x87b\xb7e\xd6P\xd6Y\xb8kR\xd4\xd00\x85\x8c\x18\x99\x93Y\x94\x13\x9bf\x89\x0e!@\xd5\xce\x93\xec\xed\x8d\x83vR\x00\x80\xffy.yo\xe5\xe4\xad\x96=\xa1\xe5s\xfe\xe9\xb9\x9df7\xf1\xf9\x063\xd1\x1eE\xfd\xc3\xad#\x11\x08\x817W\'vm\xe03\xa3"\x89C\xfc\x1c\x1a\xdd\xbe\xe6\xda\xc9\xfd\xccF\x1b\x80\x94\xce\x1eL=\xbf\xb0\x8bu\x16\xee\xd8\xf5A8\xbc\xd6\xf7x\xfa\xb4~\xf9!\xbf\xa1U\xbfQI\x96\xf0\xbf\xbf\x1a\xd1\xe4\xfa\xdb\xe6\x8d\xb4\x93\x9d\xb5\x1d\xa7&lt;(\xb7\x93\xaf\x0e\xf8|\x87\x10\xb2i\xfa`F\xe9\xf3\xe7\xba\xc7\xd4\xa8pZ;\xe9\x94N\xad\xf2,\x95\xee\x81\xb8}d\x83\xfe\n\xa3\xda\xd50\x92NP\xc2\xf0\xc6\x03SN\xb6\xday\x92\x19\\\x9f\x0f%~\x8e\xfd\xd1\x83\xd1\x9d\x03p\xee\x90v=\xeb\xfa~q\x04\x00R\xca4\xd9\x10\x00\x8chmh\xb2\x93\x95\x13z\x19\x1f\x83\x8f\xd2\x1b,\xb6\x15J\xa4^\xd5/\x19\xdd%\xb9\xc4s@\xce\x19\xdc\x16\x9e\x9e%6\x1e\xb5\xbf\xb9v@\x7f\x05\xd9\xef\xd69Vj\xdb\x95Y\xd5l\t\x8c\x1f\x1d\x9f\x07Zr\xf9\xe3~G\x08\xd9\xb5P\xd8\xf3\x15\xce\x03\xb8\x16N\x1c1Ol&amp;U\xcf\xfe\x15\xbfZ8\xa9\x01\x80\xc3d\x15\x15E\xbd\x86\x02p_uy\x87Jy\xbf\xdc?\xc19\x18\xe3b\xda\x9e9\xdd\xe7O\x1c\x9d\xe1Q\x01\x00^\\\xd0\xfat\xdf\xf2IV\x832gL\xfbZ\x06\xd7\x9c7\xb4=\xd3H\xf8s\x7ff\xee\xa1sUGN\xf2\xd3\xb1r&gt;\xd5\xe5\xca\xe8\x14\xf7\xff\xde\xc2!\x86\x93[\xe6z\xcf&gt;\xe67WB\xb7\x0e\xafo^&lt;\x93\xe8(\xf8*\x94(\x82\xf7B\x00\xd8\xf0\xdb\x00\xfd\rg\x0fj\xe37\x07\x9e:\x9a\x1d\x89\x18;\xb2n\xba\xa9\xf5\xcb\xa4\x89n-\xa3r\xe9c\xce\x1e\xd4\xc6\xda\xb6t\x01\xc0I.\xa3zp\xeeSh$\xbbn\xb5\ns\xc8\xc5\x89\x94\x9b\x81\x8e\xfev&amp;\xba\x83\xba\xc6\xd6\xb7\xf6\x85\x8d?\xd0\x10&lt;\x1a\x80?r]\xa4\x18&lt;v7\x0e\xae\xa5\x92o\x81xa\xbd\x0f\xba\xa9\xf2#\xc9\t\x96\x8a\xed\x08X\xc2\x00\xc0\xd0\x96\x95T\x97[K</t>
        </is>
      </c>
      <c r="E289" t="inlineStr">
        <is>
          <t>&lt;class 'numpy.ndarray'&gt;</t>
        </is>
      </c>
    </row>
    <row r="290">
      <c r="A290" s="1" t="n">
        <v>288</v>
      </c>
      <c r="B290" t="inlineStr">
        <is>
          <t>steps_per_sec</t>
        </is>
      </c>
      <c r="C290" t="n">
        <v>4200</v>
      </c>
      <c r="D290" t="inlineStr">
        <is>
          <t>3.3566456</t>
        </is>
      </c>
      <c r="E290" t="inlineStr">
        <is>
          <t>&lt;class 'numpy.ndarray'&gt;</t>
        </is>
      </c>
    </row>
    <row r="291">
      <c r="A291" s="1" t="n">
        <v>289</v>
      </c>
      <c r="B291" t="inlineStr">
        <is>
          <t>Loss/object_center</t>
        </is>
      </c>
      <c r="C291" t="n">
        <v>4200</v>
      </c>
      <c r="D291" t="inlineStr">
        <is>
          <t>0.2404971</t>
        </is>
      </c>
      <c r="E291" t="inlineStr">
        <is>
          <t>&lt;class 'numpy.ndarray'&gt;</t>
        </is>
      </c>
    </row>
    <row r="292">
      <c r="A292" s="1" t="n">
        <v>290</v>
      </c>
      <c r="B292" t="inlineStr">
        <is>
          <t>Loss/box/scale</t>
        </is>
      </c>
      <c r="C292" t="n">
        <v>4200</v>
      </c>
      <c r="D292" t="inlineStr">
        <is>
          <t>0.042581942</t>
        </is>
      </c>
      <c r="E292" t="inlineStr">
        <is>
          <t>&lt;class 'numpy.ndarray'&gt;</t>
        </is>
      </c>
    </row>
    <row r="293">
      <c r="A293" s="1" t="n">
        <v>291</v>
      </c>
      <c r="B293" t="inlineStr">
        <is>
          <t>Loss/box/offset</t>
        </is>
      </c>
      <c r="C293" t="n">
        <v>4200</v>
      </c>
      <c r="D293" t="inlineStr">
        <is>
          <t>0.17857789</t>
        </is>
      </c>
      <c r="E293" t="inlineStr">
        <is>
          <t>&lt;class 'numpy.ndarray'&gt;</t>
        </is>
      </c>
    </row>
    <row r="294">
      <c r="A294" s="1" t="n">
        <v>292</v>
      </c>
      <c r="B294" t="inlineStr">
        <is>
          <t>Loss/total_loss</t>
        </is>
      </c>
      <c r="C294" t="n">
        <v>4200</v>
      </c>
      <c r="D294" t="inlineStr">
        <is>
          <t>0.46165693</t>
        </is>
      </c>
      <c r="E294" t="inlineStr">
        <is>
          <t>&lt;class 'numpy.ndarray'&gt;</t>
        </is>
      </c>
    </row>
    <row r="295">
      <c r="A295" s="1" t="n">
        <v>293</v>
      </c>
      <c r="B295" t="inlineStr">
        <is>
          <t>learning_rate</t>
        </is>
      </c>
      <c r="C295" t="n">
        <v>4200</v>
      </c>
      <c r="D295" t="inlineStr">
        <is>
          <t>0.001</t>
        </is>
      </c>
      <c r="E295" t="inlineStr">
        <is>
          <t>&lt;class 'numpy.ndarray'&gt;</t>
        </is>
      </c>
    </row>
    <row r="296">
      <c r="A296" s="1" t="n">
        <v>294</v>
      </c>
      <c r="B296" t="inlineStr">
        <is>
          <t>train_input_images</t>
        </is>
      </c>
      <c r="C296" t="n">
        <v>4200</v>
      </c>
      <c r="D296" t="inlineStr">
        <is>
          <t>[b'512' b'512'
 b'\x89PNG\r\n\x1a\n\x00\x00\x00\rIHDR\x00\x00\x02\x00\x00\x00\x02\x00\x08\x02\x00\x00\x00{\x1aC\xad\x00\x00 \x00IDATx\x9c\xed\x9dux\xdcF\x13\x87\'I\x9b4I\xd3/\xa508\xcc\xcc\xcc\xcc\xcc\xcc\xcc\xcc\xcc\xd003336\xcc\xcc\xccL\xb6\x1aj\x9a\xf9\xfe\x90}\x91u\x82\x95\xb4\x92\xce\xce\xbcO\x9f&gt;g\xddjwb\xdf\xadvgg~\x03@\x10\x04A\x10\x04A\x10\x04A\x10\x04A\x10\x04A\x10\x04A\x10\x04A\x10\x04A\x10\x04A\x10\x04A\x10\x04A\x10\x04A\x10\x04A\x10\x04A\x10\x04A\x10\x04A\x10\x04A\x10\x04A\x10\x04A\x10\x04A\x10\x04A\x10\x04A\x10\x04A\x10\x04A\x10\x04A\x10\x04A\x10\x04A\x10\x04A\x10\x04A\x10\x04A\x10\x04A\x10\x04A\x10\x84\x93\x94H\xfe\xdb\xec\x01-\x11\x9f\xff\xbdl\xbc\xc5\xae2\xfd\ne\xd3\xc60t\x0bb\x80\xc5A\xb5\x99;\xa8\xb5\xec\xca\xcb\x8b\xbb\x10\x05|w5,\xc0\x98\xf65x\r\xb4fB\xaf\xe2\xc9~kV&lt;C\x92\xb0\xfa\x8d\xff\x04(\x95\xf2\x0f^C\xbbNL\xb7\r\xb0\xc2\x0f\\{\x8b\'y\x1d\x0b`\xd5\xf8\x1e\xe6\xfa)\x92\xe4\x7f\\\xec\xd1f\xfe\x90\xb6\x85\x12\xfe\xdc\xb7~\t\xdd\x96\x88B$\x00\x008\xb9a\xc6\xb4\xdeM\xbc\x1b\xfc\x040\xbamu\xc4\xe7\xdeo\xb5)\x9b\xcd\xbb7\x13\xd6*\xd2\xb4hz\xe1\xe6A\xe9\x95k\xfb\x96\xa5\x88\x00\x00\x10\t@\xfc%\x8ei_S|\xebO^\xa3\x1a\x04\x03\xae??\xbf\xc3\xa5\xc1\x19\xe8T9/\xa2\x7f\xae\x98\xaa\xdf\x85\x9f\x00F\xb6\xa9*\xbeN\x1d)\xf0bT\xa5\x96\xbd\xea\x14\xd3\x1dN\xfa\xd1\xbe\xb6oY\xbd|)X\r\xe5A\xc6\xa8\x80( \n\xe9\xa2@\x89\xe4\xbf\xf1\xed\xbcJ\x96\xf8\xb5r\'\xd5h\xd0\xb9j&gt;\x00H\xc8w\xd4\xef\x86\x83+&amp;\xd8\xd1m\xba(\xfc\xfb\xfc\x05\xe0\xd9\xb9\xedo\xae\xec5\xddC\xda\x9f\xe1w\x8e\x06Y\x06_^\x18\xd7\xa1\x16\xa2\xa0\xf1\xad\xb9{d\xad\xe2\xf5\\1\xc3\x05\xebJ\xe99a\x8el\xd1 B\xf0+\x83\x9b\x96+\xe0\x17)\xe8u\xf9\x94\x11x\x0eg\x88p\x00\x8fOo\x01\x80e\xa3\xbb\xac\x9d\xd4\xdb\x15\x1b\x98\xf8\x99\xb9e\xeb2Y\xdf]\xdb\xcfw\xf4\xf1\x9dj\xf3\xedP\x97\xdc\xb1\x7f\xc4\xf7\xb7\xcc\xdd\xbbdd\'\x13w\xc5\xd3oB\x042op\x9b\xc4\x0c\xbb(;\xe05\xec\xa8\xb6\xd5\x10\x03\x10\xfd\xadtR4\xc9\xfflx0\xc9\xc1\xff\x1e\x16O\xf6\xabn\xb3\xf0\x00\xf8\xf1\x0eK\x87\xf9\xe3G\xac\x90!\xb6e\xbbt\x18\xd1\xba\xca_\x9d\xeb\xda\xd1sk\xaf\xfd\x8au\x9e\x9d\xdd\xc6q\xd3\xc3\x1f\xcf\xa2\xde\x15\xda\x94\xcb\x1eG\xe9\xfa\xa4\xee\r\xb8\xf4\x1f^\xfd\xad\xdb\x87V\'\r\x07\x00P$1\xeb\x8e\x1b\xf1\x19\x07\x9b\x00,\xce\x0e\x8a\xb0x\x9f\xbe[\x8ak\xee\xf6\xd6N\xec\xed\xee/\x0f\x85\x1b\x8d\n\xa5iR4=\x00\xe0\xb3s\xa2\xad\xf5\x0b\xa4\\;\xa9\x8fb\xfb\x8d\xd3\x06x_\xdc\xbbx\x8c\xd1q\xf7,\x1c\r\x00\xe23 g\xf0u\xba\x94\xf0\x00U2\xb3.c\xc2\x02\\\xd8\xbe\xc0\xa8%\x86\x98=\xa0%\x00\xa4\x8e\x04\xd9\xa3\x87\xe1\xdbs\x97j\x05\x0c\xb5\xbf\xbc{\xb1n\x1b\xc4\x97f\xcdq\x04\xc4\xe7\xd5s$r\xdb\n\xf3\xa4\xff\x05&amp;u\xab\xaf\xd1 \x7f\xbc\x88\x8a\xd7\xf1\x9f\x9bs\x06\xb6\xb4\xc5&amp;=\x10\x85\xaf\x8fO\x9b\xdbO8L\x02\xe6\x96\xe1\x01f\xf4i\xbas\xde\xf0\xd6eL.\xa3\xd2D\xe6\xe9 \xf6F\xed9\x9f\xfe\x17\xf9\x95\x1f\x01\xf0\xbfG)\x7f\x92_\xaf\x97/E\xf6h\xdc\xed\x02\x00\xf0\x9c\x9eI\x17\xe4\x83\x9b\x96\xb7e0\x00\x00\xb8}h\xf5\xc7\xbbG=?\xe2\x7f\x8f\xe6\x0fi\xcb\xa5\xe7\xfdK\xc6u\xa8\x98\x9b\xa5%\xe2[\xe1\xe6\xc1\x0cf\x8f&lt;\xee\x1f[o\xf2N\x83\x88\x8bT\x8d\xd5\xa4!\x8a$\xfe_\xc7Jy8u\xa6DmMO\xb4\x8c\x9d\xf3\x86?9\xb35q\xf0Gi\xee\xd8?r\xb6\x897\xb9b};\xb4Hj\xea,\xef\xc2\x8e\x05\x88\x82\xfe\x06\x98\xf0br\x8f\x86\x1a\xefzM\xa7\x06P[\xf3\x9a\x83qf\xf9\r\xc0{%\xe9\xeb_\x00\xcb,\x1f\xdb\xb5{\x8dB\x9e\x1f\xf3\xc4\t6\xbf\ri^\xc1n\x03\xe6\x0cl\x95$,\x0chT\xda\xdc\xedm\xcaf\xefS\xaf\x84\xe9\xd5\x867\x11\xf4\x1apY\x9d\xcc\x1d\xd4\xfa\xc2\xf6\xf9i"[\xefI\x85\xec\xd1\xc2\xe0\xd3\xb3\xec\xed\xfd\x00\xa2\x00 \xfa\x8fh]E\xa3\x99\xf5\xbdV\x95,\xf1Y\x9a\xb1l\xc6\xd1\xff\x1a\xa2\xd0\xaatV+\xf6\x0ckQ\x11\xbf&lt;4t\xcb\x87\xbbGR\x07m\'n\x1d\\eet\xd7\xe9SO?\xfcC-P\n\xf1\xb5x\x18X3gb\xcef\x05\xc1\x12\xb31\xb1k\xbd2\xa9\xa3\x1b\xed9\x1a\xc0\x91\xd5\x93\xa5W\xb4\x1dDR\x9a\x16\xcb\xa0\xdb&amp;,@\xd3b\xe9\x8dZ\x15\xe2P\xdeV\x07\xd1\xb6\\\xf6\xe6%2\xe9vbe\xfaN\xe5\xb5?\xb3\xce\xb9m\xf3\xcel\x99\xd3\xa6\\v\xfe]\x07\x81O\xcf\x8chU\x19?\xdd\xb5o\x08\x03\xa4\x8e\x04,\x7f\'Da\xff\x92q\xe7\xb7\xcfw\xc0$\x91\xb4\x9aO\xc8NU\xf2\xa1\xff\xb5\x1b\x7f\xafp\xca\x1c\xc3\xe4\x8e\xfdc\x99\xd4\xf68\x0b,\x90\x88\xed1&gt;\xa4y\x85\x92)\xfe\x00\x00\xc4\xa72?\xd5\x8a\xb1\xddNm\x9a\x85\xf8nx\xab\xca\xe2\x15\xc5u\x93\x95\x00\x18\xc47\x9bg\x0c4}\xbb\x1a\x9e\x07E\xd5\xac~o\xaf\xee\x93\xbeU7_r\x96\x1e\x8a\'\xfb\x15Q\xd85\x7f$\x00t\xad\xae\xe0,fw\x979\x03\xfb&amp;\xc6\xff\xfa\xdf\x00\x90E)\xf0(\x92\x0f\xc4\xad\xc5\x06\xc0\x80\xeb\xec\xed\xa3\x9a\x1d\x08?\xdc\xb6\xfb,m\xdb\xec\xa1`!D\x983\x07\x96\xff\xc5\xd8\xb2^\xfe\x94\x88\xc2\x81e\xac\xedMS,i\xd4\x99\xfd\x9a\xdb=\x8a\x1dD\x06\xf0\xbf\xf1\xb7\xdbVXE\x1a\xc5\x81_\x1f!\n\xde\xa7X\xe2\xfa\xa5b\xc68\xb2\xf6,\xe8\xe6@\xb0\xc4\xa5|\xb3\x04\xdfy^\xe7\x89\x13^\xf5\x1c\x13 G\x8c\xb0\x1e\x9f\xbe\xff\xf5\xbfs\xc6P\xfe\xa2\xdfT\xda\xd8-\x18\xdaN|\xf1\xe8\xd4f\rc\x9e\x9c\xde\xa2m\xad\x93\x0ckY\t\xbf&lt;`l&lt;\xb9{C\x00\xe8U\xa7\xa8\xf7[\x88\xc2\xd4\x9e\x8d\x8c\x8e\x9e?\xbe\xf6\x0e\xc1\x18\xf8\xe62c\xcby\x83\xdbp\x1c7\xf4c\xf4i\x177\xe8\x85b\xe8\x0e\xa8x\x8a\xf6,\x1a-\xfd\xd1X\xb6\x98)\xf2\xc6\xd1u\xe8i\x91"\x02h\x87\x8aV\xcb\xae\xbc*:\xbaf\x8a\x95q\xb9P0Ad&amp;_\x9b\n~\x92\xd7\x1b\xa7\r@\xf4W\xfbU\x94O\x1f\xcb\xc28N\xd3\xb9J\xbe\xafON\x03\xc0/\x00\x88\xc2\xc8\xd6U\x15\x9b\xbd\xba\xb4[6\xdf\xdd;\xba\xce\xe2\xd0I\x82?\x97\xeaz\xe5\xbet\xafY\x08x\xf3\xf1\xdeQ\xb5\x7f\xa3!\xccmc\xad\xb8\xcb{\xd6\x96?\x87\xd4\xe28\xbe\x17\xecN\t\x89\xab\xdfDN\xcd\x9c\x89\xbbU/(\xbbxf\xf3l\xed%\x92\x87\xf1\x9dj\xf7\xae[L1\xa9\xe4\xd2\xaeE\xec1g\x8a\xe4\x88\x1e\xc6;\x07X\x8d\xfc\xf1\xbf\x85\xc1\xc6\x03\xf8\x11\xe0\xd5\xe5\xdd\xdbf\x0f\xad\xa1\x19\x19\xe5\xd9,\xcb\xb2(&amp;v\xadg\xc4\xd2@\xf6.\x1e\xf3\xe6\xca\x1e;\x1c\x08\xd6?9\x017\x0e(\xfa+\x8f\xae\x99\xbau\xd6`\xcb\xdd\x07\xa3\xba\xcac\xd5\n\xe8\x7fM|Q&gt;}\xacS\x9bf\x89\xaf\xc3\x19\xf1\xfb\xf31\x03\xdf4/\x91I\xed\xcf\xb1|LW\xf1\x84\xacs\x95|yb\xf3\n6q\x13\xbe\x91\xa0\x85\x13\xd9\x95\x14Q9S\xbc\xcc&gt;\x95q\xa7\x08\xcb\xd1\x93iL,\x95SE\x84\x7f\x1f\x9e\xf4\xfc8\xbdOS\xcf\xeb"\x89\x7f\x19\xdf\xa9v\xa9\x94\xe6\xf3\xae\xf1\xf99\x8bA\xa9e\xd2D\x8f\x0b\x90\x89\xcd\x91\x80\x18\xf0\xe2B`\xa26~\xb8\r\x00\xf8\xdf\xc3\xb1\x1dj2\x8e\xb5g\xd1hC\xcb\xe0\x7f\x1f\x9c\xf0\xbe8op\x9b\x8d\xd3\xfa\x9f\xd9&lt;\xdbHO\xac\xbc\xbf}\xd8b\x0f\x7f\xaa\x04P\x9e\x0e\x9aO\xcdQ)\x93\x89\x85\x87*c;\xd4\xf45\x17|\xfd\xfc)eW.\xedZ\xe4\xdd,\x7f\xbc\x88\xef\xae\xed\x17\x8f=z\xd4,\xcce\xe8\x9f\xbc6\xf7\x7f/\x1b?\xa8I9\xef\x966\xa5\x01\x8dnW]\xfa\xa3\xad\x0b\xf8gg\xb7\x99\xbe7K\xc8\xd5d\xd1}&amp;\xd6\xcd\xcbt\xb4\xb5r|w\x13\xc7\xe9\'7\xcc0~\x13\x13\x1an\\F\xf0\xed\x15`vP \n\xf8\xe2\x82\xf8Z;\x9f@\xf5v\x95\\\xf3t^9\xd6\r\x0b\xa6\xe6u\xfa\x9f\xecG(\x940\xf0# ~\xd59j\xf2h\x1f\x15G\x05H\xa6\x19w\xfb\xf4\xec6DA7\xc7\x1b\xf1\x89Q\xc34\xc8\x1e-\xcc\x97G\xa7&lt;\x0f*\xc5\xf3L\x87A\x14X\xfe\x8d\xab\'\xf4D|eq,o\xb7j\xb1\xa4QeW\xf2\xc6\x8d\xd0\xbeB.\xe9\x95j\xd9\x12(\xeaq1N\x1d\x1a(.t|\x07\x0c\xb8\x8e(l\x98\xda\xdf\xb3\xdb\x12\xcff\t3\x18\x0e\xc43\x85\xd1\t.G\xf4\xb0\x9e\x99]\x83\x07\'6\x9a\xb3G\xa4{\xcdB\xf8\xf9\x9ev\x9b\x82\t8\x04\xfd\x0ekQ\xd1z\'\xd6\x89\x0e\x80\xf8\xf8\xea\xde\xa5\xb2\xeb\xa5R\x05\xee\xf9\x8a$\xfe\xdf\xd3\xb3\xdbNo\x9a\x85(\x98\x964\xdb0\xa5\x9f\x05\x1b\x01\x00\x10\x1f\x9b\xbb\xf1\xc9\xe9-2}1\xb6\xe1\x94]\xde\xaf.\xed6g\x86\x15V\x8c\xed\x06\x00m\xcb\xe5\x00\xbdh\x93\xee5\x0b!\n\x88oe\xd7\xbd\xaf8\xc3\x9d\xc3k\x18\xf3f\xbf&gt;9cEam\xce\xc0V\xb2+\xa6\xf7\xdf\x8c\x9e\x86\xd0\x0c\xfes\x93\xa5\xd9\xc5\x1d&amp;\xdd\x82\xcf\xcen\x8b\x0b\xb0tTgs\xb7\x1b\xa5N\xded\xe2\x8bd\x9cr\x81\xd6L\xece\xe5\xf6)=\x1b\xf9\xf11\xc40\x8a\x8e\xbc\xc3+\'\xc9\x92\x86\x0e\xad\x98\xe8\xdd,UD\x00\x80w\xd7\r\x8bG!&gt;\x95\x85i\x1a\xc2Dv\x88\'q\xf2\xf9\xf9\x1d\xe64b}J\xec\xc5Pv\xcb\xae\xf9#\xbc\xf5\x0f\x10_p\xb5\xc8\x00\x8aQ\x98\x8bGt\xf4&gt;\x93c\x8fq2\x8d\x1fC\x1b\xeb:\xca\xb6\x90\xdc\xd4I\xd2\xe6\x19\x83x\x1b\x12\x8c\xbf:\xd7al9=\xb8\xeall\x06\x97\x97\tF\xb4\xae\x92;\x96|\x9a\xcf\xe6s\xe1\xfb\xae\xe1\x9d\x11s|\xdd4[g\x87\x82\t"#\n\xd3\x954\x87\xb59\xbaf\xaa\xa7\x07\xf6\xbb&lt;\xa7\x10\xf3\x87\xb4\xbdupU\xcbRY\x0c\r\xea\xf9\xf2\xfb\xd4\x03 \x89e/\xeaP\xdf\xd8nz\x18\xd2\xbc\x82b\\\xe9\x05~\x99I\x8ay\x9d,s\xce\xb21]t\xdb8\xe3#\t\x86\tw\xb6\x0cw\xb76eRG+\x92\xf8\x9b\xa6\xc0\xf8N\xb5u=-\x86\x10\xd3\xdf&gt;\xdd;f"\x171qX\x05\xf5\x18\r\xe6\x0e\x92\xef7}\x04\xddUB\xeaH\xf26\x88\x82\'\x05\xcc\x9b\x9b\x07VZ4I\x14\xebV\x0b2\x96Q\'\xef7\xeb\xecPuf\xc7\xe8\x93C\x91Qm\xabY\xef\x04\x00\xaae\xd3?\x0e7zD\xa2\xd1cek1{"\xe7\xb6\xce\xd3x7\xb3\xcd\x11[\x152\xc46!\xa5\'rf\xf3\xecv\x15r\xf2\xb5\x87?9\xa2\x1b\xceoC\x14\x10\xdf\x0ckYiH\xb3\xf2\x8c\xb7\xcc\xea\xdf\xc2\xe8(j\xac\xb7\xec\x05V\xa3N\x9ed\x9e\xd7\xe9]\x9d54\xd0\xdd\xc5[9\x12X&lt;\xa2\xa3\xf8B\xea\t\xc5\x7f\xef\xeb\xde\xd8\xbfa)\xfctWq\xcf\x1b\r\x00\x9f\x9dS\x8cr\x91Q.\x9d\xcei\x0e\xfbjZWMoD\xeb*v\xac\xcd=\xd1\x05\xd25\x8aE\x8a$\xfeEt\xc77/\xa1\xbf\xf4\x12\xe3\xa4\x8b%\xfd\xd6P\xea\xac\xf3\xa4\xadi`hJE|\x85o\xafz~&lt;\xbdy\xf6\xb9\xads\x11\x9f#\n\x1a\x1a\xa2\xdc\x11\xd3\x89\x1a\x15N\xcb\xb1\xcf\x89A\x0b\xe5\xceU\xf2\xa9\xb5\xe9\xdf\xb0\xb4\xb8\xfb\xb0\x12n\xe42\xd3z56z\x0b\xe2k\xc4\xe7\x88O\x8b%\x8d\xfa#@V\x07\xe3\xa5\xbc\x03\x18@| \xbd\xd4?\xd4u\x1d\xc5\xb5\x92\xa1\x1dC\xa3Bi\xc4\x925\x1a,\x1d\xd5\xd9y\xb7\xc3\xbbk\xfb\xef\x1d]\xa7xL\xd7\xb7~I\xc4\xd7\xda\xb7\xf3\xdd\xc3\x89\xf6(^\xe7\x19^\xca\x8fn5\n\xe6\x08J?\x96\xado\xf2\xc5\xfd\t\xbf&lt;\xc8\x17\xd7\x06u\x1b%\xd2p\n\xfd\xc4\xd7\xac\t\xba\xbe\xcc\xdd#k__\xde\xd3\xbcD\xa6\x7f\x1f\x9a\x8c\\\xba\xb8c\xa1\xc6\xbb\xa6\xb5Ny\xc2K\xb4K\xe6\x1c\x8c\xa1\xe4&amp;\xb6\x89\xcf\xf7\x8f#\n\x8a\xd9\xea\xbe\x83\xe2\xe4X.]L\xb10\xdex\xb6#\x90\x9d\xf3F\x98\x98\xdc\xb9x!D\xf6/\x1d\'\xbeH\x1e\x1e\xbeH\x12&gt;\x1a\x17I\xdb\xa8p\xda\x99}\x9b\x81\x97\xceL\xd7\xea\x05\x8e\xaf\x9b\xe6\xfdYoP0\xb5\xe7\xb5,\x06\x91\x0bR3\x10\x85\xday\x92\x01\xc0/\x00;\xe6\x0e\xe3&gt;\x96\x15:W\xc9\x87o\xafl\x9a\x1e\xa8q\xe4\xf9E\xe9\ni\xd8Q\xa2\xc4g\xf9\xdd\r\x11\xd6\xf2\xe9cM\xd1\xd4\xba\xd0=\x91\x9a\xc7\x9cv\xea\x1a\x8cNU\x13\x14I\xfc\xcb)\xb6\x84\xa0\xeds\x86I\xa7\x03\x13 \n\xb2\x04\x13_Cm\xe26\xf4\xb1F\x14v-\x18\xc9\xde\xbet\xaa?5\x866\xc1\x9a\t\xfaaKm\xcb\xe5\xf0\x1c\x9fT\xcd\xeawl\xed\xd4w\xd7\xf6\x0foY\x89\x97\r&amp;\xb8\xb8c\x81\xc7\x1f\x1d\xc1H\xa9;\x0f\xa94\x13\x96\xac\x97\x1f\xe9\xd7\xa0\x94\xb9\x1b\r\xad"M\x04\x1d;\xa3\xe9\x81\xf8X-\x0c\xa4I\xd1\xf4\x953\xc7\xc3W\x97\xca1\xd4\x15\x17\x0b\xc2\xf8\x02!F\x12\x98%"\xde:\xda.\xd1k\xfb\x96Y\xec\xbfw\xddb\x0f\x8eo\xb0\xd8\x89}$\n\xc3\xa7d\x18\xa2 u\xef\xb2\xb3r\\w\x08z\xd8WHo\xbe2\x9f\xaehhL\x00|~~\xd9\xe8o\xf1\x0f\x99~\x03\xfctW\xed!dG\xe1xsqn\x8a\x88\xd2I~\xeav\x8a\xa5\x9e\xa5Y\xa3\xa6\xb7\xf5\xda\xcf\x98\xdeu\x8b\xe1\xabK\x000\xb1k=\xb1\x94.\xe2S\xf1-\xef\xea4j\xdc;\xba\xce7k\r\xe1\x7f\x0f\xdf]\xdb\xf7\xf0\xc4F5\xc5M_H\xdf\xd3fP\x93\xb2\xd2\x1f\xcfn\x9d\xab\xd8\xec\x7f\x92b5\xadJg\xcd\x19\xc3\xb9\x93\x12e\xf0\xcde\xb7\x92;\xa4\xb0,\x84[\x94\xcc\xcc\xdd\xbb\x1dU\xf2\xdat-\xf8\xaaY\xfd8\x98b\'\xd2\xc8h\x13\xeb_v\xea\xe5O\x81(H\x0b&lt;\x88\xd1;\xa2\xda\x9a7w\x0e\xaf\xf1\xbe\xe8\xd9\x95\x9a\xfb\xd6\xdb\xf4\x0flQ2\xb3\xa8r\xea\x8d\x15\xa1\xa2\xa6\xc52\x88\x0bs\x8dM\xc0\x88\xd6U&gt;\xdc9\x82(4)\x9a\xde#\x88\x8b\x1f\xefJ\x85\xefY\xca\x97"\n%R\xd85\x95\xea&amp;-\x97O\x17K\xf1\xd77\xa4YyD\x01?\xdcA\xffk\xfb\x96\x8cS\xbcw\xfb\x1c\x0e\x8e;\xb5\x85\x01\xaf\xea\x91R\xe5\x9b\xd0F\x8b\x92\x99m\xed\xbfP\x02\xd5\xaf\xadb\x99S^\x94\x96H\xf33*\xc6x\x9f\xc1\xfa\xc2Y\x8e\x8fp}\xff\xf2\xd5\x13zJ\xaf\xe0\xab\x8b\x88\x82\xec"#\xa2\x04\x93\x15\x96\x8f\xedf\xc5w,K\xfcx\x7f\xfb0\xaf\x1c@\x00(\x9eLa\xc1\x91\x00 m\xf0\xafB\xf8\xa0\x87(\xbe\xb9"\xae\x8f5\n4\xe9\x8a\xce\xee]\xa4\x15\xd4\xe8\xfd\xd9ft\x01y\n=j\x075\xc8\x96\xc9\x1e&lt;\xa1G&amp;&lt;\'\xbey\xb0\xcf\x08\xc7h1n(\xfe\xc9\xef\x1eYk\xe599\xa9[\xfd\xe4\x9a\xdf\x1c\r\x898m\xf5Mw\xf9\r\xa0i\xb1\x0cw\x8f\xae;\xb8b\x82\xdb\xb6\x04\xc3\xd6J\x1d)\x9cR\xa5||\x9aIAV\x91[\x07WI\xeb\x1a\xba\x88\xa2\xb6]$\x00D\xa1\xab$\xd5v\xeb\xac!\x00\x90*"x\x17\xe0\x8dm\xea \xa7f\xae$\x00\xd0\xa7^q\xe9E\xef\\\x8d\xf2\xe9bZ\x0f\xd7\xf7|\xbb\xffp\xa3\xfaM\xfb\n\xb9\xcc\xa9\xed\x12\n\xd8\x91[\xa1=\xfbkS\x83!Nit[\xd7N\x80\xf1\xeb\xa3Y\xfd\x9a\xf3J\xd5\xe1\xc5\xb0\x16v\x1d\xba\xee]&lt;F#!zL\xfb\x1a;\xe6\x0e\xb7\xd2\xbf\xf4\xe1\xc2(\xff\xa2\xc8\x83\xe3\x1b\x1a\x17Ig\xc5\x12^,\x1a\xde\x01Q\xf0\x96EA\x14&gt;\xde;\xaax\x8b7\xf6\x85\xf6J\xeb\x84\x9b\x0e\t)\xa9W\xcc\xc7V\xaaf\xf5S,\xc4F\x98\xa1_\xc3R\xdeB\xd0\x9e|k\x96\xb3x\x0f\xab\xff\xea\xe9\xad|\xcb\x1d_\xf6\xc0X\xaa&gt;c\x01\xfb\xf2\xd8\x10\x85W\x97v\xa9\xbdk=I\xbcg\xed"\x16{P\x13au\x06E\x19\xe1\xb1\x1djN\xf5J\xb8A\x14\x1e\xfbR\xa50\xd1\xbb\xd5\xa3\x96\x19\xddi\xdd\xe7S\xc6\xa8&amp;z\x85\xae\xd5\x0b0\xea\x89\xd9\x8dg[\x13\x07``\xe32\x1eE\xdb\x07\xc770\x96S\xd5\xc6\xae\x89\xa2A\xc1\xd4|\xd7\x0ebb4\xa3\x87A\xf4]\xce\x1fb\xb8\x18\x9b\xd1@\x8e\xc9\xdd\x1b\xb07.\x9a$\xaa\xb1\xde-\xb0|LW;\xba\xd5\x08\xed\xff\xfc\xe08{\x9d&lt;\x13\x8c\xebX\xcb\xd6D3\xf13#\xbe6\xa7\x95\x8a\x1f\xefH\x7f&lt;\xbbe\x8e\x89N\xe6z\xa9B\x1a0@\x92\xf8\xf6\xf9\xfeq\xb0\'\xd8\x89;k&amp;\xf4J\x1d\t\xa4\x07\xf8\x8c\x14L\x10\xd9\xe3\xe6R\xfb\x97\xb6*\x9d\xc5\x13\xb6d\x02]\x01\x9b\xdf\x83g\xf2\xbb\x82i\xd1\x11\xc4\xb7\xff=&gt;\xc5\xd5\x96 n\x1eX\x89\xf8\xd6S$=&amp;@\x02\x00+\x0ekC\xcb\xed\x1a9\x12E\x95\xa8q\xd9G$\x001 \xe2\xcb\xa3\x936\x15\xb2\xb0\x82\xdd\xdb \x8f\x8f\x19\xf1\xdd\x95=Kl\x1dK\x8di\xbd\x1a\x8b^lCT\xc8\x10[\xf6\xf7\xc2Ow\x0b\xf8Y\xfa\x13\xfe\x0e\xb0m\xceP\xc4\xe7,j\\\xde$\x04\x90i\x9aZ\xa1jV\xbf\xd4\x11aF\xdff\xe2\x8f\xd9\xa3\xc9\x97\x8b.\xc8\x81\xd9\xc0\x81\xe5\x13\x00\xa0X\xd2\xa8\xbb\x17\x8e\x12\xaf\xf0]\xd2\x1e_?\x9dk\x7f\xdf\r\x93\xba\xd5G|+-\xc7\x88//\xec\x9c?\xc2\xf3c|\x00\x148o\xb2\x8c.\xdc^_\xde\xe3y\xdd\xa1Rns\x83\x8a\xa7\x0c\xed\xca\xe7\x1c\xd0\xa84K{\x99\xd8\xe7\xd2\xd1\xf6jJ\x87U\x8fB\xd3\x85]\x96\xce\x8e\r\x87\xb6\xc6\xa7\'\xea\xa3\xba\xa9\xb3z\xe9z_D1\xa3;\xaa\xe4\xf5\xc7{\xc74:L\x1c\x06&gt;\xdd?\x8e(&lt;f+A\xea\x8d9g\x856w\x8f\xacU{\xcb]\x87\x95O1\x7fH\xdb\x95\xe3\xbb+\xbeue\xf7b\xd3\xdd\xee^0\xca\xf4\xbd\xceP\xd2\xb6\xd8\\\x00\x90\xa7 Y\x0f\xe8\xf4.\xfaT8Q\xe04\xc01H\xce((\xdc\xb8\xb0cA\x994&amp;WT_\x1f\x07\x06\xaa\xa7\xb5\x16F\x9e7N\x84\xe2\xc9~\x05\x80\xbe\rJZ\xeaH\x894J\x8fV|q^\xe3\x16.\xd1\x11\x1a1Z\xa76\xce\x14_l\x999\xc8\x84\xfb~\xcf\xa2\xd1F?2\xb9c\xeb\xdc\xf1\xe9\xfeq\xbe\xba`"\x88\xfe|;\x147\xd3\xa9\r\x16E4Q\x94\xc6\x979\xbcj\xb2\xe7u\x8f\x9a\x85\x03n\x1cp\xd8\x00C_w.\xb1\x1e\xb2\xe4\xaf\xfc\xf1"Zq\x8e1\xa1XG\xc9\xd0\x93@z\xb8\';\xf1\xcf\xf0?\xc0gg\xb5ow VW\\K\x16Ib\xd7\x910\xe3\xb1\xc7\x97G\'\xad\xb8\xc8\x15\xeb\xf0\xb1\x13\xdek\x9fa\xb70\xdc\xf1u\xd3\xc4\x17u\xf3&amp;\x1f\xd7\xb1\x96\x1dC,\x1e\xd1\xc1\xfb\xa2vi\xe9\x88\x00/.\xec\xe4e\x80\x98\x86z\xeb\xd0j\x8d6\xa6%\x13\xf6/\x1d\xc7\xee\xbc\xfe\xf2\xc8\x1eOq\xa8\x06\xdf]\xd3\xf6Gi\x17G\x93\xd2\xa5Z~\xc6#_|s\xf9\xfa\xfe\xe5\x00\xf0\x07\xc0\xc3\xe0\xb5\x05\x15\x15-}\x08Y\xa9&amp;Q7@\xa3\x98F\x9b\xb2\xd9w\xce\x1b\xa1\xf6.\x00&lt;&gt;\xbd\xc5\x81\x07\xc0\xae\x05#\x11\x85\xa9\x9a\xe2M\xa6\x19\xda\xa2\xe2\x86)\xfd\xb4O\x17\xc4\xcd\x07\xa2\xbf\x1d5\xdc\xd9\xb5t\x9a\x14M/\xfd\xd1P\xd4\x96Q\xf0\xe3\x9d&lt;\xb1\xc3\xe7\x89\x13\xf8\xfd\xd2\r nV&lt;\xa3\xf7E\xcf\x01\x95\x93\x88\x95\xd6\x19Y4\\\xe1\t$%"\xc0\xfb;\x875\x1a\xdc=\xbaN\xed-\xc4w\xec\xb9@n\x95\x97\x99\xde\xbb\tK-\x01\x1f\x04\xf1\x99\xae\x80U\xa1\x84\xfc\x93\xc7\xffpL&amp;\xf9\xb4\r\xd3\x8d7\x07\x95j\xfb\xb1\x83_\x1f\xc9&amp;&amp;;h]&amp;[\xd3b\xb6\x8c\xf2\xfe\xce\x11\xc47,-\xbbT\xcd\xaf\xa6El\x05\r%xo\xbd~\xc7\xf6\xd1\xa2\xec\xbbx|2\xb6C\xcd\x7fn\x1d\xd2mou\xc4\x0f\xb7\xf1\xc5\x85\x14l\'\x8cY~W\xd5\x19\x8d\xaar\xcb\xfe\xa5\xe3\xbc\x8b\x80\xe7\x89m\xec\xf8fl\x87\x9a\x86\xda\xb3#\x96\xe2\xd0\xc8\xb65\xa7,\xc3R\xb9\xc5\x8e8\xc5\x8f\xf7\x8e\xfe\x1a\xf4\xd9V\xf3\x1e\xdf9\xa2 \x16b\x02\xc6\xcf\x8c\x88\xb7\x97[\x97\x87\'6\xfa\x19\xbf\x8b\x03=j\x9a\x89\xdb5\xca\tk\xa7\xf0\x8fOm\xfe\xfc\xe0x\xc8M\xdaf\xafX\xe9&lt;\x86\x0b\xfa\xf0\x03Q\xf8\xabs\xdd}K\xc6\x8a?j\xaf\xa3^]\xda\x8d(\xb0+\x97\xa9\x8d(\xbe\x10\x0fZ\xf4\xdb??\x0f\x00\xec\xc7\xd3\xf8\xe1\x8eO\x15q\x94\x81(\xec\x98;\xdc\xa6\xd8b\x9b\xe0R\x17\xcc&amp;\xb8\x7f\xaf\xed\xd8L\xf0\xc7\x9c0K2\x83\x8f\xc5N\x95\xf3\x9a\x18e\xcf\xa2\xd1&gt;U\xdd\xc5\\(\xfaw\x82\xa1L]\xc4\'\x88\x82\x95\xf8z\x00@\x14\xda\x96\xcf\x01\x00c\xda\xd7Pt\x9d+N7\x88\xcfX\xb2\x01\x1e\x9d\xda\\2\xe5\x1f{\x16\x8d\xfep\xf7\x88\x15#\xad\xa3V\x1c\rQ\xb8\xeal\x98\xef\xcc~\xcd\xdf^\xdd\xeb\xe4\x88\x1a\x18\xaa\x9ed\x9d)=\x1a*^\x9faA\xf4m\xd3\xf4\x016W\xb1\xb4\x8dt\x06\x9fmq\x01\xf0\xd3]\xa3\xa3&lt;9\xb3E\xba\x04\xd3\xae\xb5&amp;\xeaHg\xf8\x1fD\x00\xe8n\xe7N\xc8\xe2\x06\xe8\xfb\xa1R\xc68\x8a\xa1J\x00\x10\x1d\x00Q\xb0\xf2\xe5\x91b(n\xee\xed\xd5}\x9e\xc3!\xd1\x93\x1d\r\xe0\xbf\xa0\xb8/7E\x0c\x8c\x83(\xe0\x87\xdb\xbe("f\x9c{\xc7\xd6\xb9m\x82*6\x89[h\xe4`=;\xb7\xdd\xc9\x1cU\x1f\x05\xff\xbd\x8f\xf8\xd23\x9b\xe3\xbb\xabZ\x8d\xf1%\xe2S\xc4g\x1a\x8a\xf3\\p\xec\xfckxK\xd5\xba\xea\xbe\xc6\xcf\x00\xf8\xfe\x16&gt;=\xa3\xf8\xee\xf9\xed\xf3\xbd\xf7\x07M\x8be\xd0\xf83\xc9\x1c\xed\xdb\xe6\xc8}\xf1|\xf9p\xe7\x88nd\xa7\xae\xc4\xb1\xf3 &gt;\x11\xcd\x0e\xa9\x0bI\x1f@\xb1\xda\x9aF\x9c\x8b\x8c\xbcq\xdcRxq\x1b\xed=@\xb2\x1f\xb5\xce*\r!:\xa9*\xa4\x8f\xa5\x1b\x80\xe1\xe1\xea\xde\xa5\xb2+Q5\xdb\x87\xdc\x03\t\xdf\xe1\xe0\x8a\tg\xb7(\x17\xbe\xf0fV\xbf\xe6\x00\xf0\xee\xda\xbe\x0b;\x16\xd8g\x12\xbb\xc7yV\xbf\xe6=j\xe9$.\x0c\x0b\n\xbe\x8aj\xc5&amp;f\xd4b[k\xe6L\x8c(8 \xab\xe50?\x18\x99v\xb90\xa8I9`\x08F\xf0\x16d\xf50\xaec\xed\xb6\xe5rh\xdc\xab\x18\xea&amp;\x85c\xc1"_a\xde\xe06\x00\xd0\xa6\xac\x99"\xc01\xd4\xff\x1e\xb6\xca@\xe3\xd7G\xceT\xda\x96\x96*3T:F\xf7\x93\x14\xb2\xe8S\xaf\xc4\x81\xe5\x7fi4\xa8\xac$\x9b\xac\xc1\x98\xf654\xde\xbd}x\x8d\x1d\x9bBo\xcf\x8b\x1f@\xd5,\xf1\xad\xa4\x08\x85\x08\xa5 \xa3\x94eK\xc9L\xff\x0bL\xe9aK\xe8\xb6\x06ju\xc7X0\xe4\x0cP\x1cg\xc9(~E\xd9RD0\x93\x81\x92=Z\x98\xc2\x89\x0c\x08\x17\xe9~/\xc5\xf4\xa5\n\xe9Mf\xc3\xb8\x12w1\xb0qYg\xaa\xb1I\xabq\xf1%o\\\x1f\xdd\x8a*\x1e\xd6\xfd\n\x80(D5\xde\xdb\x82\xa1\xedL\xd8\xc0\xa5\x86\x947\xfd\x1b\x96\x16s\xdf\xb6\x07y\xa8\xaaf\xf5\xab\xc9\xa0X\xee\x18\xba\x99\xd2\xbc\xe8X9\xcf\xc9\r3\xb8\xd4:\x15\x89\x05 V\xbb\x0c\xa1\\\xd8\x1elk\xbbaj\xff\x86\x85\xd2\xb8e\x8c\x0e\x153\xc6\xc1Ow\x19\x0b\x02\xdb\xea\t\x8d\x02\xe0@=w;\x04^\x18\t\x91\xf936P?\x7fJDA\xb8u\x90\xdd\xad\xe7k\xe0?\xb7\x10\x9f\xcd\x1b\xdc\xda\x99\xe1\x14\xd5%_]\xda\xad}\x97}\xcb)\x99h\xc5\xf4\xdeM\xae\xec^\xcc\xb7\x1e\xaa9E)\xbeT\xcb\x1a\xec++F\x9d\xb1 ;\xb0\x8c\x1bT\x19\xd8\xa6\xe4$\xe7\xa8\x9b79\xc7\xde\xbc\xff\xc2\xa6\xcbP\x00\xc0\xb2\xd1]j\xe6J\x0c\x00\x13\xba\xd4UkS;ORD\xc1&gt;\x89|\r\xde]\xdb\xbfm\xb6a\x8dLF\xb2kTf\xf1U\xee\x1e]+\xd5"\x0cY\x9cX?\x03Q\x10c\xcf\xbc\xf1\x04\x95+n\x08\x185\n=\xf4kXJ1\xf3&lt;\x91^\x0e\x84G\x9d\x89\x17\x19\xa3B\x8a\xf0\x90#z\xd8q\x1dk\xe7\x88!\xf7j\xf0:\xf63\n\xa2`\xa5\xcc\x94\x1ayb\x87G\x14\xb2G\xff&amp;\xf8P&gt;}\xac\xf3\xdb\xe7k\xdf\xd5\xbdf\xa1[\x07WiH\xfe\xe9\xe2\xf3E\xef]\xe2\xa6f\x8d\xd0\xe3\xeb\xa6!\n\x17w.\x04\xcd\xca\x91\xd9\xfe\x04D\xc1\xb1\xad\xb1\x94m\xb3\x87\x9aP\x97ST\xc4\xd4\xc5\xd75F\xbc\xf0\xe5\x14!\x00\x88\x04P%K\xfcp\x00\x88\x8f\xc5+\xb1\xf4\xd6\xd7y\xe3F8\xb2z\xb2\xe2\xb1\xa6ZP9;\x9e\xb3\xc3\x81\x8d\x95+\xeb\x8a\xd8]\xbe[\x06\xbe\xba\xa4\x11\x91\xcae^\x1b\xd5\xb6\x9a\xf7y\xcf\xf3\xf3;\xa4?ZO\x87\xdc\xb7d\xac\xda\xa3]\x17C\x1euE2\xfd\n\x88/r\xc5\xfa\xa1{M\xfb\xeb\x98\xd6\xcc\x99x\x9aW}"\xb7(\x9b6\x86\xc6y\x91\xf6\xca\xbdN\x9edi\x7f\x0e\x14\xaa\xd3\xf0\xf9f\xfeMA/A\xe4\xf1\xa9\xcd\xcbT\xf2*\x075-\xa7&gt;r0\xee\x1cV\xcdV7W,\xa8e)\x9e\xdf\xe1\x12\xb6\x8a\xcd2\xd0\xa4H:E?\xbe\'\x12_\xc4\xb4\x92\xab\x88c\x95\x8a\xb5ys\xc5\xde\xb4\xa9tQ`\xe1\xb0\xf6\x1a\r\x0c\xd7s\xb1\x86[\xfa\xbf\xed*\xe4\x94\xad\xf9\xfc\xd8n\xfc\xe7\xb6\xb2`I\xaf:E\x97\x8e\xea\\9s\xbci\xbd\x1a\xdb\x94\xce\x9b4\x9c\xce\xa2\x07\xf1\x8dw4\xa3a\x1a\x16L\xad\xdd\xa0T\xca?\x864\xab\xc0\xd2\x95\x95\xd4;\xc6d}m\x0c94\xeb\xe6K\xa1\xf6\x96bvR\xe6\xdf\x00\xf1\xadu\x85\xc5\xcd3\x06\xa9}\'k\xe7NZ+W\x12\x8b\xfd[!\n\x00\xa2\xa0\x96Y\xea\x0cG\xd7LA\x14\x10\x03djq\x9e\x95\xb5\xcf2\xacEE\x8dw\xb7\xcf\x19&amp;\x96\xdfa\xfc\x94Z\xf9$\x88\xd3\x06~\xbc\xb3|l7\xddX\x8b\xf8\x00\xadJg5\xd4\xbf,g\xf3\xf5e\x9d\x93\x06_\xc3\x90\xd4\x8f"\r\n\xa4bl)\x15\x04mT(M\xbb\xf29Y\xee\xea\xd7\xa0\x14\xbe\xbf\xa5\xdd\xc6\x84\x06\x91\x9c\x8b;\x17*~\x1cs\xc5T\xe8\xbcu\x99l\x9e\xa9\x81\xbb\x96\xef\x8a\xb1\xdd\xc4\x17q\x00~3\x1b\xd4\xe8@&amp;N\xfe\xf8\x11K\xa60\x9f\xf57\xbeS\xed3\x9b\xe7\x1c^9I\xf1\xdd\x9d\xf3G \n\x03\x1a\x95\xd94}\x80\xf4\xd1\x1f\xd6B\x019\xa3\xf8_\xff[&amp;\xe5\x98\xedO\xe8Z\xcd\xfd"\xdaSxH\xb7j\xd7\xab\xf1P&gt;],\xcf\xf7\x02QH\xcb\x16}\x8e(h\x9c\xe1\xb7-\x9f\xe3\xcb\xa3\x93\x8c*\x81\\\xf8\xdd6\x9f\xbb\xb6\xa0/_\xac/G\xbe&gt;QN?t\x05\x8d\xd3G\x19\t\x00\xee\x1f[o\x9fV \x00\xc0\xdaI\xbdY\xca\x0b\xec]4\xa6N\x9ed\xbfh\xa6&lt;\x18Ew\x125Z=\xb9l\xda\x18\xd3z71k\xce7\xd2F\x06\xc47\xb6\x06\x9b\xd6\xce\x9d\x94\xbd\xb1\x98\xef3\xba]umQ{+\xa8m\xdd\xdaU\xc8\x19\x19 \xdb\x9f0\xac\x05\x93\xbe\xf4\xb5}\xcb\x10\x9f\x17I\xfcK=\xf5\xdd\x95\xbb\x88\xeb\x0c\xdd\xf5_\x83\x02\xa9\x10\x85\xa2I\xfe\x07z\xe9\xe5,0V*7\xfdlP+\xe33\xa4Y\xf9\x11\xad\xab\x98\xeb\xd3\x1cw\x8f\xae\xab\x937\x99\xb6\xd0\xb7\xe9Z\x08\x00P!Cl\x13\x99`\xf8\xe1\xb6\xf7E\']\x80\xf8\xf1\xae\xe7u\xef\xba\xc5\r\xdd\x9b\xcd\xbe\xaf=\x18q:[\x89\xedI\x13\x19\xe6\x0f\x0eV\xea\x9d\xe5_\x953F8\xb7tW\x12\x02\xd8Z,\x97\xa5\x1c\xael\xce\xdd9o\xc4!\x95}\x83Q\x16\x8f\xe8\xe8\x89\x0e|zv\xdb\xa8\xb6\xd5\xb4\xcfx\xc4\xccRCCx\x87g\xab\xe5a\xd9T\x92A\r\xfc\xfa\xc8;4E\xb9%\n\x93\xbb7\xe05.\xcb\xb7\xb8p\xa2(|\x13\xce\xd7N\xea#\xfd\xb1Y\xb1\x0c,\xcbI\xe9\xdfN;R\xa0y\x89L\xe6\x0c\xe3N#\x9f\x8d\xa0\x07\xc8\x19\x92\x93\x15,aQ\x80*\xb1\xf1#\xd1\x9b\x07V\xfal\xac\xe3\xc86U=\x8a\xa7\xe6\xdc9\xab\xff2#\xcb*\xa3N\xded\x0fO\x06\x96\x1cB\xf4\x17+\xa3\xb5*\xa3\xe3\x02F\x14\xb8\x87\xe08\xe6\xd4\x92\xa2\xa6\x1d[-[\x02\xd9#\xdf\xbb\xfep(\xe0\xdd\xb5}\xbc\xba\xeaQ\xab\x88\x03\x199\xbch\\$\xed\xe5\xdd\x8b\xff\xe4\xe1\xfd\xd7e@\xa32\xb6\x8f\xe1\xb3\xcc\x19\xd8\xca\xe3A\xd6-\xf9$#\x8c$H\x00\xff\xd19\x00\xb1\x15\xf4\xbf\x06\x00]\xaa\xe57t\xd7\xf8N\xb5\xd5\xdeJ\x1d\xc9\xcc\x84ri\xd7"C\xed\x8d"\x9aT\x8aA\xc8\xd0\xf7\x0f`\xd5\xa8\x96-\x81T\xc6\xddPZ\x19/\xffy\xbf\x06%!\xc8}z`\xd9_\xb9c\xb9W\x0b\x9b\xf0%:T\xca-\xfd\xd1\xa8w\xc8\x17\x89\x03\xb0hx\xfb\xb2i\xccT\x16D|\x8e\xe8o.\x95\xdf\x0e\x8c\xaeyu\xbd\x93\x8c\xe79\xa2b\xda\xdcA\xad/\xa8d\x94 &gt;7f\x99\n\xbc|J\x1c\xd1\x88\x915\r\xe2[\xc9k\x7fpJ\xacM\x86x.2\xb3o\xb3.\xd5\xf2\xf3M\x88\x15\xb1\x1e]\x1e\xd2\x11n\x1dd\x8f\xc6\xf6\xd0\xbdf!\r\xd5eE\xb2\xfc\xee\xc4N"D\x92+\xd6\x0f\x88\xc2\x9a\x89\xbdM\xdc\x1bp\xe3\x80\xb8&amp;\x9d=\xa0\xa53\xa5_\xed=a7K\xd3b\x19\x00\x00\xdf^q\xdb\x10_\x01\xdf^\xb1\xe2\x80\xaa\x17\xeat1\x1d@\xdc\xa4l\x999\x88W\x87\x1c\xbdO\x1a`\xc0u\x00\xd0\xcd\x10\x99;(\x98&gt;GR\x83\x01\x95F\x9d\xfa\x8bGv4xGH\xe6\xeb\x93\xd3kM=\x00\xe2\x02\\\xd8\xbe@|\x06\\\xdf\xbf\x9c\xbba2\x86\xb5\xa8\xb4\x8a\x87W\xdd&amp;\x0e,\xd3\xd2\xc24\x07{\xf0\xb2\x87|\xf1\x82\xa9\xa0F\xe5f\xcbwJ\xda\x9fud\xd2}\x8a\xa4\xe1\x00$!\xda!\x82\x15\xe3\xba\xfd\xbdl\xbc\xd1\xbb2F\x95g\x0b\x8b\xc8\x16\xfa\x9e\xf8\xf8\xfc\xf1\x95\x947B\x16?\x00\xec[\x1cX\xa0\x95K\x90\xb5\x06\x86\x0e0\xf3\xc7\x0b&amp;$\xf5?\xdeKu\xf1\xa0X|\xd2\x84\x030\xa1\xbe\xc0\xce\xb8\x8e\xb5\xceo\x9boN\xfb\x9a;F}\xcf-Ke\xb6\x98pk\x14\xc5\x04\x145\xa6\xf7i\n\xcc)\x9d\xaes\xe7\xc8\xda\xec\xd1\xc2|\xba\x7f,D\x9c-WH\x1f\x1b$\xa7 \x0e\x04M\x1e^5\xe9\xf4\xe6\xd9\xd6\xfbA|v\xef\xe8\xba\x02~\x06&amp;h\xb5\xcf\xdc\x90\xe6\x15&lt;\x07\x81\xb2\xf2\xd4\xeb\xa7\xf43e\x9d\xdb$\xfb\x11\x00\xc0\x0f o\xdc\x08\x88o\x11\xdfl\x999\xe8\xee\x91\xb5\x88\xaf\x9f\x9d\xdb\x8eO\xcf\x9c\xde4K\xbb\x07QKG\x03\xbebp\x00\x90\xe9W\xfeyg\x00\x80\xcf\xce\x89_\xc5?L\xe5\x9du\xaa\x92\x17\xf1\xb5n3?\x00DA[\x8c\x9e\x91\x14\xe1\xcdk7\xeaVj\x15\x1f\x87\xbe\x13\xc0\xf0\xe2\xfc\x0eCQdq%\xff\xd7\xe0\xe0\x8a\t\xba\x1f`\xee\x84\x05\x10n\x1eD|ze\xcf\x12\xc4\x00\'\x1f\x00\x8d\x8b\xa4\xd5x\x971\xc1\r\x00\xa2\x02\xec^8\n\xdf\\\xb6n\x92\x1a\xa3\xdaT;\xbaf\x8an3\xfc\x97\xb3^zd\x80\xa1-*\x1a]\xa2}~p\x9c\xaf\x19"\xf8\xf1\x8e\x1d\xdd\x06c\xe7\xbc\xe1\x88O\x11\x05|z\x06\xf1\x89\xec\xdd\x12)~\xf7\xb8_\x14\xd3\x1a\xb5\x8f\xaa+f\x88\xdd\xb7~I&gt;\x86\xda\xcc\x83\xe3\x1b\x10\x85\xba\xf9R\x9c\xdd2\xf7\xf6\xa1\xd5\xec7\x8a\xa7m\xaf/\xefV\x93\x0cR\x1b\xce\xb0\x89^\xe8\x1e\xff\x9e\xdb6O\xf1\xfa\xcc~\xcd\xf5z\x16\x10\x05m1\x03\x0f6\xad\x07\xa59\x01\x88\x01//\xee\xe4&gt;\xc4\x91\xd5\x93\xff{,\x17\xf3\xb8up\x95gR\xce\x1d\xfbG;t0\xc4_\xef\xfe\xa5\xe3\x84\x9b\x07\x0b\'\x94\x9f\xd6*\x16\x1d\xe4\x82F\xcaC&lt;\x80\x7fn)\x0b\xdd\xf8 \x03\x1a\x95i\x9eiy\xd0\x00\x00 \x00IDATR$]\xe5\xcc\xf1\x10\xdfYLG\xbdy`%/\xab8\xc2\xfd\xc1\xa6\xc0\xb6\xd9C\xc5\x0f"\xa2\x80\xf8JC\x07J\xacba\x02\xc4\'\xb2\xf3[D\x01__\xfa\xabs\x9d\x0b\xdb\xe7;\xac&lt;\x05z\x8f+\xff\xeb\xfbM\xf4yt\xcd\xd4\xfb\xc7\xd6k\xb7\xf9x\xef\xa8\x86/\xe3\xe4\x06V\r\xde(\xc1\xff\t\xfd\x1b\x96b\xbc\xd1\x04%S\xfc\xde\xa8p\x1a\xd7\x13)\xc4\x002Da\xd9\x98.\xd2\xeb2\x81\ns\xbc\xb9\xba\xb7}\xc5\\\x97\xd47\x01\x9f\xef\x1fG|a\xdf"\xfd\xd9\xb9\xed&gt;\xe2\x02\x9a\xd4\xad\xbe\xdb&amp;\x04\xa3?\x9b\x02v\xc0\x8d\x03\x1a\xef^\xde\xbd\x18\x00:T\xcc]={B&gt;fIh\\$\x9d\xda[M\x8a\xa4\x13\xab\x1d\x98\x16\xab\xb7"\xa4\xc6\x8ad\xf6\xf7\x97\x85\xa0\xb2\x10Q\xbf\x89\xf2\xa6\xe1\xea\xde\xa5\xd9\xa3\x99S\xba4F\x8a\x08\x81!4\x1e&amp;v\xadwxU\xb0`GDAw9,\xe2\xbdT\x14\xa9\x981\x8e4\xb2P\x11\xed\x922j\x06\xc86"\x8bGt\x04\x00\x0c\xb8^*\xe5\x1f,\xfb\xaa&gt;\xf5t\xe2\x88w/\x18\xa5\xdb\x897\xf8\xe2\xbc\xf8\x82\xe5\x08\xe1\xe1\x89\x8d\xda\r\x18\x85Y\x10\xdfV\xcc\x18\x07\x00\xca\xa6\x89\x9e\xe9W(\x9c(\x8a\xf5y\xb3t\xaa?\x11\x85\xe7\xe7\xb67*\x94\xa6K\xd5\xfc\x8am\xfc\x00\xb2\xfc\x01\xbdj\x07S\xd8\xfe\r`\xc3\xd4\xfe\xd2+\xa6\x8b\xd3Z\xd7y\xe6\x85\x9a?\xc7\x8e\n&lt;U\xb3\xfai\x07\xf8r?Q}\x7f\xfb\xb0\xe9{\x93\x19WY\x9b\xd8\xb5\x1e\xa2\xa0+\xac\xe92\x92\x07\x00\x93\xea\x88\xf8\r\x14\xc9\x17\xef\'\xd3\x82\x9d5\x1dQ\xb8,\x940\n\x00\xa4\xd2{L\x89\xc2\x06\x88\xc2\xa6\xe9\x03\xb4[\xd6Q?\xcc\x10+\xdb\xf5\xac\x1dX%\xfc\x9f[\x87~\xf2z@\xee\x98;\\\xd7\xe6\x10A\x87\x8a\xb9\x01\xe0\xc5\x85\x9dj\x1f\x1bY\xb5d?\xcd\xde\x9e\x9c\xd9\xca\xc7,\xe3$\xfb\x11\x10\x05Q\x16\x98]bE&lt;+\x92\xe6\t\'\x04xzv\x1b\xbe\xb8\x90\xd2x\x9dh\xb5\xbdut\x00;\x16\xad\xda\xcc\x0b.\xd0"\xe2\xc9&gt;1\xb1d\xe3\x12Oa4(\xd3\x9b\xf7\xb7\x0fo\x999\x18\x82\xea\x83\x96N\x1d\xad|:+\x12D\xfa,\x18\xda\x8eQbD\x9b\x96\xa5\xb3x/t\xbc}\x92f\xd2\xac \xf8\x0e\xe0\xd1\xa9\xcd\x86\xee\x15\x85\xb1\x14)\x94@\xe1\xcf~n\xeb&lt;q\x01\xeb&lt;\xf5\xd9\xe2\xbe\'[X\x8b\x05\xca\xed\xa2\x10\x1f`|\xa7\xda\x8a\x8b\xd3O\xf7\xf9\x1f\x13\x95\xe4\'\xd6\x1f\x86A\x13MJ\xd7\xea\x05\xd4&lt;x&amp;$\x01J2\xa4\x1f\xfb2{\x16\x8eF\x14\xd0\xffZ\xfb\x8a\xb9\x00 \x0b\x8f?\xcb;S\x0eIo\xbc\xe5\x95&lt;Sy\xed\xdcI\xcb\xa6\xfd6{(\xfe\x15\x9e\x9f\xdfnet5\xe9\x9b\x91m\xaa*^O\x1d\x11\x864\xafpm\xdf2O\x83AM\x02+\xd8XI\xfehY*3\xa2\x7f\x96\xdf\xe1\xcc\xe69\x16\xba1\x83i\xff\xb9\x88\xf7d\xd2\xa7^\t\xd9\x95riM=\x02$\x0f\x00A\xcd\x89\xa1x\x026\xadW\xe3\x02Jq\xaf\xf8\xdf#\x99\xcbE\xa4z\xf6\x84\x88\xc2\xfa\xc9}\xcdX\x19B\xd8\xb7d\xec\xae\x05#\xeb\xe6M\x9e\x00@\xb1,\x83\x89\xa4D^\xb0,L\xcb\xa5\x8b\xc9\xc5\x19]-[\x02\xbb%+\xcc!-\xb9g_p\x85\xa2\xef"\x9d\xab\xa1\xfe\xec\xcf\xf5\xd7\x97\xf7x\xcf\xd6&amp;W\x97f\x11\x0b(*N#\x16ypb\x83\x9f\xe5\xa2\xc7\xc9\x7f\x84B\t\x7f\xbe\xb8c\x81~S\x80\xe6%2\xe5\x8c\x19\xce\xa0\x02N0\x92\x05\xb9Y\x7f\x03\xb8\x7f\\\xe7\xa0\xd10\xc1\x1f\x00\x82}\xb9\xe3u\xf3&amp;g\x0f)q\x98\xfc\xf1"z\x9c\xda\x1e&gt;\xdc9\xf2\xf2\xe2.\xef`\xd0\xae\xd5Uu\xf0\xeb\xe4IV!Cl\xc5\xd21\xe2W\xc8\xcf\x92\x99\xac\xc8\xe6\xfaF\x85\xd2\xe8z\x12&lt;\xbe\xaf%#;\xf15\xa6\x81\x8f\xf9@[\x97\xc9\xe6\xb6\t\xb6pt\xcd\x94\x93\x1bff\xfe\x1d@\xaf\xba\xe1\x81\xe5&lt;\xd3\t\xfd\xaf\xff-\xf5\x9c\xb9"\xd8\x15FSt\x0b\x00\xf0\xd5%\xf1\x05K\x11\xe06\xe5\xb2{\xef\xde\xca\xa4\x0e\x16\t1{@K\xf60-|v\xce\xbaHj\\\xbd?\xab\xc9\x89;\xf8\x03\xc0\xbfs\x95|\xbd\xea\x14\x93\xb5\x19\xde\xb2\x12b\x80\xb9\xfe\xa5\xdc&gt;\xb4\xda\xa7\xaa\x90w\xa9\x96?\xab\xa6\xd7a\xd7\x82\x91\xda\x01\x062\xaad\x89\xafv\xa0\'\xfe\xbbG\xb6\x96\xefy\xdd\xad\xb4\x05\x00\x89\xc2@\xba(V\xd7D\xeeb\xc8?&lt;\xa6}\x8d&amp;E\xd3\xdbd\t\x00h\xa8\xa8\x9a\x90\x00n[.\x87\xe7u\xb9t1\xe7\x0ejm(\x9bI\x91w\xd7\xf6\x17J\xc8g?\x82\xf8\xceP\x1d\x0b\xee\xec_:\xde\xf3\xfa\xc3\x9d#j\xcd\xb4K`\xca\x10\x03\x14\xbd\xaf\x97H\xfem\x1do\xc8\xb5\xdf\xb8H:\xd5j\xe3\xfc(\x9f\xde\xd4\x91\x86d\xf6\x0f@|\xa2\xb8PD|\xeby\x00\xa4\xfc\t\xe6\x0eje\xceD\x8dg&amp;\x17\x87\xa9\t\xfa7d\x8a3\xb3\x83\x9b\x07W\x9a80\xe4\x8b\xc7S\xefy\x0e\xda\xa1\xbc\xc6\x82}a\xef\xdel\x9a&gt;\xd0\xbe\xce/\xefZ|d\xd5d\xfb\xfa\xd7fH\xb3\xf2n\r\xcd\xce\xea\t\xbd\x067+\x9f?&gt;K\x08\xa1*a\x01F\xb4\xaa"\x9d\x94\xd5\xf8\x11\xc0P\r\x1c\xc4\x17\x07WL\xf4\xfc\x98/\xae\xdb\xdfR[\x91.\xff\x15k\x92\xcc\x19\xd8\n\xf1\x1d\xe2\x9b\xa4\xe1 \xac\xe6\xc1\xaf6)\x7f\x82\x86\x85|\xcb\x1b\xe0S\xb8\\v=\x08\x96\xad\xc0\xd33[\xf1)\xe7\x8az\xd2\xacK+\x13\x03K\xfe6\x06\xdc\xb00\x82\x16\xadJg]7\xb9\x0f\xbe\xb6196\xe4\xd2\xa4H\xba}K\xc6z\xc21\x9a\x14MW\xc0/\xd2\xd2Q\x9d\xb5\xef\xc2W\x17\x17\x0ek?\xb2M\xd5{\xc7\xd6I\xaf\xa7\x89\x0c\x88\xfe\xf8\xe9\xaeX\xbbXc\x1f\xed\x7f}\x7f\xf6\xe8\x06\xc2\x97\xc4\xec&lt;\xf6\xf6\x1e^^\xdc%\xbbbTR\xd4\x05&lt;\x0f\x80k\xfb\x96\xa9\xb7y\xe99\x1fnU:\xabp\xf3 \x00\xbc\xbe\xbc\'\x16\xc0\x90\xe6L\xa5\xe1\x01\xa0R\xa6\xb86\x157G\x14tcQ9\xba8\x064*=\xa3o3^\xbd\xe9R\xd0/\xf2\xee\x05#\x01\xe0\xd4F\xd6L1+\xb0hf\xe1\xabK\x88\x82b\x8e~\x12\xaf\xbd\xf1\x99\xcdsX\xa4\xaa\xabeK\xd0\xaeB`i\xec\xb3[\xe6D\xf5\x1e\x14\xfdu;a!\xd9\x0f\x80/\xce{{\xea\xacHK\xbd\xb9\x12(\xaa\xf1\xf4\xec6\xf3\x96\xf9\x06\xc2\xcd\x83\t\x01\xcci\xf7j\xf3\x0b\x00\xa2\xb09HL\xb4G\xad"\xb2M@\x93\xa2\xcaIU\x88\x82\xe2\xd4\xb1i\xfa\x80\xa6\xc52\x88\x99.\x8d\n+\xeb[\xb4,\x95\xc5\xa8\xcb\x8c\xa3\x0e\x18\xa2\x907\xce\xb7\x03x\xa9g\xa9\xac\xb3\x82Z\xaa&lt;&lt;\xb9)\xf0\x19\x10$5\xec\xed\xa9lU:\xeb\xf0V\x95\xc5\xd7\x1b\xa7\rX3\xb1\x17\x00\xe0\x97\x07~F\x06\xeaT9\xaf\xda,l%\xfao\xf1\x88\x8e\xa2\x90\x0b\xcb\xa4\x1c\xd5\xc2@\x000\xab\x7f\x8bf\xc52\x0cl\\\xd6Z7r\xfa\xd6\x97GtI\xe9R-\xff\xd9-s\x00@\xbbF\xa3\xc3t\xae\x9a\x9f\xf1\xb8\xf8\xc2\x8e\x05\x1b%\tS\x1a\nN\xb2\x8f\x87\xac\x86\xf0\xf3s:\x91\x88\xf7\x8f\xad\xb7#_\xc9\n\xba:9\xd63\x99=\xdf\xd6\x16%3[\xecJ\x8a\x98\xba\xaf\x16a\xfc\xe9\xfe1\x13}\xd6\xc8\x91H\xccjD\x14r\xc5\xfa\xa1]\x85\x9c\xb2TP\xd7\xcb$\xe2\x97\x87\xde\x17\xd7O\xe9g\xfa\x98\xee\xeb\x933j\xeb6\xdd\xe4$\xa3D\x06\xc0\xe7\xe7\x00\xc0\x90\x1a\r\xe0\xe7{\xe2\x03\xe0\xdd\xb5\xc0\x88\xe3J\x99\xbe\xc9g\xc9*C\x15I\xfc\x8b\xe9\xd3\xe0k\xfb\x96\xa9}\x1f\xf2\xc4q\xb2\x1a\xb32\x8a1g\xd2\xb3\xb2\xf2\xe9c]\xda\xb5\x08\xf1M\xb2\xe0\x81\x04\x87VNL\x08`\xd2/\xc6@\x83\x02\xa9\xc4-\x97\xd4/\xe9\xa1p"\xce\xd9\xe2\xb6z\xa2\x9a\x16\xcb\xa0\x91\x8di\x87\xd8\xb5+\xa8\x15\x1b\x90\xc5b\xb6,\x95\x85\xb1C+r)\x1a[:\x8d\xef\xb2\x987\xa0\x16:f1\xa6\x05\xf1\x8dt\x92\xb1\x89n\xd5\x0b\x1a\xbd\xc5\xb3\x04\x89\x1a\xfc\xfa\xb1u\xd3L,\xd7\xc5\xc0wDA\x14\xd0\xf6V+\xca\x104L\xee\xd8?\x8a\x8e,\xd3l\x9e\xf1\xadH\x831\xe1\xeb\x05C\xdb!\x06 \x06 &gt;\xeb\xac\x92\n/\x92\xf5\x0f\xc0\xcf\xf7L\xeb\x13\xfd\xfb\xf0\x04\xa2\x80\xf8\xd4\xdc\xedV0WkIQ\x85X\xb6\x15\x8d\xe6\xb5n\xfd\x89A~R\xa4{\xcd\xc2\xd2\x1f\x15\x8f\xb3~\x0c\xf2\xd1\xc5\xd5\x8cu\x89\n\x00\x96\xab\x15n\x98\xda\x7f\xe7\xbc\xe1\x9e\xad\x9e\x1dL\xeb\xd5\x18QH\xf9\x13\x0cnV\x1e\x00\xc4\xfc[\x19vW\x84o^"\xd3a\x86CZo_\x16\x00\x9c\xd92\xa7h\x92\xff\x15I\xfc\x0b\x00\xa8\xc5u\xb4-\x97c\xf6\x80\x96[g\r\xe1\xa2Sd\x1d\xc5\xec\xe6\xd9\x03Z\x96H\xfe\xfb\xa8\xb6\xd5\xd4\xee\x8a\x0e\xf0S\x90\xf4\xbfM\x88\xd1\xd2\x1aZ:jX\xcf\nV\xa4N\x9ed\x88\x82vm\xce\n\x19b\xe3\xd7G\xb2\x8b\x9e?\xb4\xf7\xf3rz\xef&amp;\xf8\xe1N\xa9\x94\x7f\x02\xc0\xd6Y\x83E!\x80\xec\xd1\xc3t\xa8\x98\xbb{\x8dB\xd9\xa3A\x8fZ\x85A)\x05\xbdn\xf0\xed\xaf6o\xae\xec\x95\x86n\x1a\x9b\x07~\x03\x98;\xa8u\xe7*\xf9\xae\xee]zA=\xb5\xa1A\xc1\xd4\x88o\x10\x03d\xd3\x16;e\xd3D\xe7RS[\xdba\xe2\xcd\xad\x83\xab\x0c\xe9zz\xf0\x1cY\x1b\xaa\xdd\xb3m\xf6\x90ck\xa7\xb2\xb4\x14S.\x06\x04\xc9]).\xc7:T\xcc\x8d(\x0cl\xec\x9c \xb3\xf7Q\x10_\x810w3\x01E\xc9[\xf1[\xc7\x82T\xedg\xe1\xb0\xf6\x88\xc2\xadC\xab\xbb\xd7,\xe4\xdd\xb2A\xc1\xd4\xd2\xe7\x99\xb6B\xdf\xfc!m\xeb\xe6\xd3\x12HO\xfa\x03D\x01\xb8\xf1\xf7\nqgie\x8b\xec\x1dy\x1cB\xb1\x182\xd7\xba\xacN\xfe\xc7\xaa\xbfz"&gt;A\x14\x8cj\xd7\xf7\xa8UX\x9c\xd6\x10\x05\x16i\x9c,\xbf+\x97\x16\x97\x9e\x87\x7f\xb8sd\xdf\x92\xb1\x86\xcc\xe0\x06\xe23\xcf~d\xcd\xc4^\x88\xfe\x88o\xc40!f\xad\x14eF\xb4\xae\xa2(\x99\xa9q\xea\x82\xf8BQC\xad\x80_$Q{\xc7&gt;\x8c\x96w\xb8y`e\xc6\xa8\x80\xff=2\'-[:\x95\xc5\xdf.\x0cnV~\xa8\xe5&lt;;\xa7\xa5g\xf40\x99\xe0\xae\x82g\xed\xe89\x97\xd6\xde\xae\xc9\xdc}O\xcelU[\xc1$\xfb\x11\xfe}x\xc2\xa2y"w\x8f\xae\x9b\xd5\xbf\x05\x97\xae\x00\xa0\x94\xfa\xe7\xca\xb9\xc0[\xb7A\x0c@|!\xf5\x93X\xeb\xcd\x9fQ9\r\x00\x065)\xa7\x98U\xa0\x8d\xae\x86#72FU\x95\xd7\xe8]\xb7\xb8\'Fh\xd1\xf0\x0e\x8a\t\xaeF\x11\x8f\x1c\xd8\xdb\x7f}r\x1a\xf1\x05\x87\x81\x8dc4,\xe4\xfd\xed\xc3\x13\xba\xd4}yq\x97\xbb\xa91\xa1\x15\xeb^cD\xc1\xb3hx}y\x8fLk\xf7\xe8\x9a)\xfb\x97\x98\t\xfe\x93\ra\xb1\x07\x00X5\xbeG\xee\xd8F\x0b\xb5\x99\xc7G\xca\xc6\'\x04(\x92\xf8\x7f\x00\xa0\x16\xd8/\xfd\x8d\xc4\xb4\xa0\x15\xeaq\xee9\x93\x93*\x16Yqd(S&lt;8\xbeAC\xad7\xe8x\xe0\xc5\xf4\xdeM\xb8\x0c\xb7hx{DA7y\x03Q\xf0\x0bz=\xb9{\x03\xc6\xce\xbd\xfd\xb6\xce}\x8d\x00\xaagO\xd8\xb2T\xe6\xb8\x00\x11\x00\x1a\x16J\xe3\xe0\xc8:\xb0\xd4T\xb2\x1bY\x19a\xd0\x0c\xdc\x96\x82B`\xcc\xbe\xe8yG\x14ts\x7f\xd4\xb245f\xe79\x03Z\xf6kP\xd2a\xc5\x1b\xc7\xb0\x12p\xd2\xbeB\xae\x12\xfc\xd4\x065\x10\x853\xb7\xcf\x19\xe6\xb9\xf2SP\xe4[\xf6ha\x1a\x14L-M\x81~rf\xab\xf4S\xdd\xa2df\xfc\xf2\xc0\xa8\xa6l\x8a\x08\xd0\xabNQ\xfdv\xd6\xd8\xbft\x1c\xc7\x18t\xfc\xef\xe1f\xbei\x8c/.h\x95X\xba\xf1\xf7\x8a\xb9\x03M\xe6\xfd\xaa\xf1\xf9\xc1q\xc4w\x8a^0\x0f]\xab\x17(\xe</t>
        </is>
      </c>
      <c r="E296" t="inlineStr">
        <is>
          <t>&lt;class 'numpy.ndarray'&gt;</t>
        </is>
      </c>
    </row>
    <row r="297">
      <c r="A297" s="1" t="n">
        <v>295</v>
      </c>
      <c r="B297" t="inlineStr">
        <is>
          <t>steps_per_sec</t>
        </is>
      </c>
      <c r="C297" t="n">
        <v>4300</v>
      </c>
      <c r="D297" t="inlineStr">
        <is>
          <t>3.3508778</t>
        </is>
      </c>
      <c r="E297" t="inlineStr">
        <is>
          <t>&lt;class 'numpy.ndarray'&gt;</t>
        </is>
      </c>
    </row>
    <row r="298">
      <c r="A298" s="1" t="n">
        <v>296</v>
      </c>
      <c r="B298" t="inlineStr">
        <is>
          <t>Loss/object_center</t>
        </is>
      </c>
      <c r="C298" t="n">
        <v>4300</v>
      </c>
      <c r="D298" t="inlineStr">
        <is>
          <t>0.23596042</t>
        </is>
      </c>
      <c r="E298" t="inlineStr">
        <is>
          <t>&lt;class 'numpy.ndarray'&gt;</t>
        </is>
      </c>
    </row>
    <row r="299">
      <c r="A299" s="1" t="n">
        <v>297</v>
      </c>
      <c r="B299" t="inlineStr">
        <is>
          <t>Loss/box/scale</t>
        </is>
      </c>
      <c r="C299" t="n">
        <v>4300</v>
      </c>
      <c r="D299" t="inlineStr">
        <is>
          <t>0.07198676</t>
        </is>
      </c>
      <c r="E299" t="inlineStr">
        <is>
          <t>&lt;class 'numpy.ndarray'&gt;</t>
        </is>
      </c>
    </row>
    <row r="300">
      <c r="A300" s="1" t="n">
        <v>298</v>
      </c>
      <c r="B300" t="inlineStr">
        <is>
          <t>Loss/box/offset</t>
        </is>
      </c>
      <c r="C300" t="n">
        <v>4300</v>
      </c>
      <c r="D300" t="inlineStr">
        <is>
          <t>0.1482288</t>
        </is>
      </c>
      <c r="E300" t="inlineStr">
        <is>
          <t>&lt;class 'numpy.ndarray'&gt;</t>
        </is>
      </c>
    </row>
    <row r="301">
      <c r="A301" s="1" t="n">
        <v>299</v>
      </c>
      <c r="B301" t="inlineStr">
        <is>
          <t>Loss/total_loss</t>
        </is>
      </c>
      <c r="C301" t="n">
        <v>4300</v>
      </c>
      <c r="D301" t="inlineStr">
        <is>
          <t>0.45617598</t>
        </is>
      </c>
      <c r="E301" t="inlineStr">
        <is>
          <t>&lt;class 'numpy.ndarray'&gt;</t>
        </is>
      </c>
    </row>
    <row r="302">
      <c r="A302" s="1" t="n">
        <v>300</v>
      </c>
      <c r="B302" t="inlineStr">
        <is>
          <t>learning_rate</t>
        </is>
      </c>
      <c r="C302" t="n">
        <v>4300</v>
      </c>
      <c r="D302" t="inlineStr">
        <is>
          <t>0.001</t>
        </is>
      </c>
      <c r="E302" t="inlineStr">
        <is>
          <t>&lt;class 'numpy.ndarray'&gt;</t>
        </is>
      </c>
    </row>
    <row r="303">
      <c r="A303" s="1" t="n">
        <v>301</v>
      </c>
      <c r="B303" t="inlineStr">
        <is>
          <t>train_input_images</t>
        </is>
      </c>
      <c r="C303" t="n">
        <v>4300</v>
      </c>
      <c r="D303" t="inlineStr">
        <is>
          <t>[b'512' b'512'
 b'\x89PNG\r\n\x1a\n\x00\x00\x00\rIHDR\x00\x00\x02\x00\x00\x00\x02\x00\x08\x02\x00\x00\x00{\x1aC\xad\x00\x00 \x00IDATx\x9c\xec]u|\x1bW\xd6\xbdf\xb6efffffff\x88!\xb6\x13;\xb6\x03\x0e335i8i\x92\xa6I\xd3\xa6\x9c23\xc3v\x0b\xbbe\xda\xb6\xfb-tw\xdb\xfb\xfd\xf1\xec\xc9hH#Yv\xb2[\x9d?\xf2SF\xa3\x99\xb14\xf3\xde}\xf7\x9e{\x0e\x80\n*\xa8\xa0\x82\n*\xa8\xa0\x82\n*\xa8\xa0\xc2\x7f7\x9c\x01\x06K\xe2li[t\xb9v\xf3\xd7\xe3=\x82&gt;\xc0\'\xcf]\xf6\xd5\x01\x1d\x80\x91\xaad\xb21\xd6ZM\x83\xb5\xa7\x1a@\x82\x9dV\x84\x99\xa8\x0b\xd3\x04\xb0\x040\xe0y7\xd8\x88c\xe3\xbe\x896Q\x87\xfeoC\x82\x9d\x96\xc0\xbb\x16\xca;\xd1\x86\xde\n\xea5\xff\x0f\xfe\xdf\x84\x05\xe5\x89\xe3u\xe9\xe4u\x8e\x8f\xd4\x9d\xe7\xa16\xbb\xa7v\x04\xf0\xd5\x9e\xddS\xa8\xf0\xbb\x86-\x00"\x8a\xdc9\xdbK\x12m\xc5\xdc\xa8\x05\xb0\xbe\xb7\xbc0\xc0jAE"}\xbb\xf0\x8d[\x10`\xd5\x9b\x1fI\xdf\x12i\x0e\xa6\xd2\xfb\xb4\xa6\xfas]\x83\xa9\xf8\x0b\x16\x86-k\x8b\xb5&lt;\xdf\x86\n2\xd1_\x18]\x1b\xeb~\xb3\xafbF\xf0T\x97\xfa\xaf\x8e\xf4\xbb\xe6\x00\x00\xe0:W\x17\xa3\x82\nJFA\x80UE\x84\x13\x008\x01\x18\xcb\xda9\xdbK\xc2\xbe\xd7\xf3\xfc,^\xbf\xffX\x9a\xabA\x92\xa3\x0e\xc7g\x00\x00\xa0)\xd9\xc7W\x07\xe8\xd1\x921\x80\x9b\xf4&gt;\x88\xb8}A\xbd\x98k\xce\xf3\xb3\x18.K\xb8}u\xbf\x0b\xeb-\'\xd6\x16s\xc1Cq\xaeT\xfe\'a\r\xcc\xf9un\xb0\xac9\xf7f\x9c\xf6w\x81L\x0fc\xc9\xcd\xbe\x061(\r\xb5\xa7^G\xb2\x1eHc\x80\xfe\xc2\xe89\xbd \x15\xe4\x82\x04@\x07@\x9f\xe7\xdd\x14g=\xc4\x1f\x1b\x13\xbd\x05\x8ephY\x17\xfd\xbf^\xec\xcc\x0e@]\x9c\xc7/\x9f&gt;ON\x97\xebcf-xI\xf5\xf1\x9e\x88xh\xb2\x9b\xb1}\xac&amp;\x8d\xfe\xdf\xddc-\xbb\x175\x1f\\\xda\xe9\x04\xe0\xa5\t\x97v/\x11&lt;\xea-\x8dT\x17\xbeT\xd6\xad\x02\xe1\x9f\xec\x7f\tK\x1a\xb3\xff\'W\x8a\x88\xdf)=$R\x03\xf8\xf8\x99K\xd4r\x7f\xfb\x82\x06\xe1\xfd5U\xab\xf0\x9b\x82@\xfe\xe1\xa5:\xdaU \x9d\xa3\x05p\xf5\xc0\xca\xab\x07V\xe2W\xaf)\xff\xb2h\xf0\xd2\x80L\x0f\x13\xea\xbf1\xd6j\xf4\x9b5P\x1f\xdc\x01\xd2\\\xa5\xfe\x8cX\x1b\xf5\xf3\xdb\xc7J\x82\xed\xc8\x7f\x19\t\xdc\x9b\x8e\x02\x7f\xabP\x13\xd9\xbb\x01@\x94\xe5,_\x8a20//\xe2f_\xc2\xac\xa0$\xc4\x8e\xbd\xd1S}\x16\x7f\x94\xa6$\x1f\xce\xed\xf9~\x16\xa9.|\x91\xd8-\n\xc6h~`i\'c\x87@\x03\xc8\xf7\xb3\xa8\x8ct&amp;\xff\x1d(\x8ay\xff\xb1sstq\xbfO\x08\x8c\x826\n\x1d\xb0.\xde3\xcd\xd5 \xc7\xc7l\x96KbBH\xb4\xd7\xfe\xec\xa5{\x92\x9d~?I\x1d\x15n2\x10\x7fiM\x0bP\xee1oJ\x9an.qtU\x1f\x00$\xd8\xf3R\x12\xaa\xa3]U+\x80\xff2D[\x02\x00\x84\x9a@\x88\xcc2\x82\xf2\xa0\x07P\x16\xe6\xc0\x99MR:\x92\x1cu\x08O\xa6!\xc1\x8b\xf1\x96\xcb\\\x9c_&gt;\xc4\xd9j\xcc\xcb\x0b\x17\xe0\\\xcd6\xe6\xe5E\xcc\xc9\xcfr\x03\xf6\xb2wQ\x1a\x1e;\xb3\x8d|\xb5\xfa\x00W\x0f\xac\x9c\xc33\xdf\xd2P\x91\x95n!\\\xd9\xb7&lt;\xd3S\\rA\x19\x10?\xec+k\\\xf0\xd3\x05S\xfe\xb2\x04\x855\xdd%\x15\x11N9\xde\xf2\xc5U\xca%\xde\xcd\xf1P\x08\x00\xc6\x00E\x81\xdc\tyg\x9e\x8f(\x97\xa93X\x12wdeoq0\x9bf%\nz\x00M\xc9\xbeJ\xbd"e\xc2\xf9w\x10\xa7\xcb\x04\'\xf1)\xd2\x1c\x82\x8d \xd0\x00\xb8\xf8\xd5*\xcc!\x92\x1cu\x84y\xdfJ\x87\x98p\xd3\x19`ae\x12\xb5\xa7\x03\xc0\xcc\x13\x9a\xb9\x82i}D\xec\xc9\r\xa7W\x0e\x14\xc6-U=\x10\xa66\xf1a^^\x04_\x9d\xd6K\x03&lt;\xd59\xd67\n\xa3%\xc5\xcfEY\xc7\xe2G\xba\x9b\x1cCM\xba\x9b\xa1\xb2\xce\xcb\xb8k\x975\xe7\x90\x17\x88\xa8\xd8O\xf3?\x89\xeah\x15?\xf6\xbf\x19&amp;\x00\x89\xf6\xda\x00\x10g\xa3\x01\xb2\xca\x03T\rG\xb9\xa0\x97\x8c\x02\xf4\x99,\xcfD\x07mGYG\xd83\xd6J\xae_\x85E\xd5\xa9\x12\xfew\xdd\xf8\xdf\xba\xb9\xd8\xb5\xa8\xb9*\xca\x85\nh,n\x81\xfe2N\xbe\xb3#\x80\x97\xa6\xa8\x8f;\x02td\x04)\xf5\x8an2\x18\xdd\x12\x04\xd9^\xa6\xc0"\xe6\xa9\xf0\xdf\x04\xfc\xe1\x9d\xca\x88Y\x19\xd9\xe9\xe8/\x8c\xe6\xa3 \xbdp\xf9\x00\x9b8\xec0\xfdb\x0e+\x0eL\xcc\xe9\xf2J4\x84W:\x9dY!r15\x1dd\xef\x02\xa0Pd]\x14\xa4\x18\xdb\x00\x00\xa0&gt;\xdeS\xb1\x0f\xcev\x14 W\xc2\x8b\xb3\x85x\xeb`-{\xe3`I\x1c\xe2\xdf\xb8\x06Xe"\xdf\x7f\xa6\x94&amp;\xa5-\xafT\xb8u@\xa7\xd4\xd0[\x80\x0b\xfc\xad\x9aS\xfcfrdJ{\xc0\t\x80\xd1BL\x87#mO{\x80,O\t\x00\xd8\x00$\xdak\x0b?\xcf\xec\x044\xab\x85\xf9\x7f\x10\x8b\xb8\xa2-\xb3\xe9\xbf\xfd\xc4\xba\xc1\xc5\r\x99\x8c\xb4\x89:@\x8c\x15\xc7hd\x0fp\xdb\xf2\x1e1\'\x95\xc8\x7f\x9d\xf4\xb3s"\xc3]\xf9i\xe4\xddc-\xe4\x85\xe7,L\x05\x1cDQA$:\xdcZE\xd3\xd9K\xd6\xb0{3\x19\xf0T\x87\xa6d\xdf,/\xc9\xac]\x82\n\xca\x83&gt;@\x7fa\xf4\x97\xaf^\xe3\xa4[\x8ay\xb4&lt;\xd4\xa04\xd4\x9e\x9e2\xba~j\x8b\xc8\xb3\x93\t@1\xf0\xa58\xdcEsW\xcb\xc2D\xc6\xc47\r\x9cA\xa8#\xc0\x82\xf2\xa9)6\xd5Y?\xceV\xeaG\xca\xf11\xf3\xe7\xfa-\x9d\x01\x8e\xaf\x1d(\t\xb6\x05\x00\r\x00\xfc\xfa5\xe5^*[SD\x00\xe22+7\x13I\x8e:r\x8d\xe9D!\x83\x93np\x13\xd7\xb53G\x8c\x95\x1ac)P\x10`%\xfc\xf3i\x02\xd8\x03\xe4\xfb\xfd7\xb4\xba\xfc\xafB\xe4\x18(\x01\xc8R\x06\xb9h}oy\x90\xac\x15#\xe9\xbeIq\xd2S"\x99i\x86\xe9H\x06\xf7\xc3C\r\xd2\\\r\xfe\xf9\xc9sH\xc3\xb15\x0339\x85H$\xd8i\x91\xb9\x961\'\xad\xee,\xe2\xdc\xbf\x91\xd6X\xe4#=\xe8D\x98\xf1\x86\xf0.\x00\xf8\xfd\xdb\xf9\xfe\x96&gt;Zr\xab\xc5\xf9j\xdfr\x04\xd9,O\x93\xd3\x1b\x17\xcc\xd2\xc1\xa9U\xacD\xdc\xfew\xedY:KWrKa\xcb`\xcd^q\xea\x8a*\xcd;eB\xe6\xb2\x8b\x81\x99\x0c\xeb\xf4U&lt;=]\x9f\xefoI\xc8\x85\x9c\x11\x8d\xc8\x1c\xb0\xbc\x7f\x08\x1f\x942o\x11\xe8\x01dz\x18\x9f\xda0\x8c\xbf~\x8e\xdc\xf8\xe7\xc6\xfeJe\x9d\x8e\x0f\x9c\xdf\xeaD}\xc6\xa6\x81*\xf6v\xfa\xb4\x84\x88M\xc9&gt;"\xd7=\xdd9a\x8b\x1b2\x15\xbbBe\xa1.\xde3\xd5Y\t\xed\xaf\xf2fi\xc4\x80j\xe4V\xd1\x0c\x18\xa0\x98Q"\x81_\xbe:KW\xf2{DK\xaa\xbfxZN\x80\x9e\xdcbLQ\x16\xdc\x0cNNv\xc4L*~3\x04\xaf:\x9dB\xd0\x04x\xff\xb1s&lt;\x83&gt;\x17\xbe\x7fK\xa9\xe7\x97\x02g\xb7\xe4\xca\xf6\xc2{d\xb5&amp;!"\xfe\xf8\x1eQ\xee\xb3\x9c\x9daQ\x0cH\xd2YOV\xe1\x9a\x13\xb7\x0e\xd5r\xd3@\xd5-\xc5\x0f\x16\t%\xaa\x7fs"\xd3\xc3\x981\xfa\x9c\xd9\xb4\xf0\xbf]\x17\xf6\xbf\x12\x02\n?J\x81:\xc0\xa9\r\xc3\n\x7f\xbc0\xd0zIc\xf6\x95}\x93\n\x90\x1c\xcc\xb8\x94\x05g\x0fGW\xf6\xca1\xf4OC\xaeSL\xd4g(|y^\x9a\xb0\xb8&gt;\x13\x11\xbf{\xf3!\xe1=\xb7/\xa8\xbfk\xcf\xd2\xba8\x0fj\x0b\xbbg8\xc3\xdd\xe8\xd6\x94\xd4\xd8\xbd\xa8\xe5f_\x82l\xb8\xdc\xec\x0b\x90\x899n\x12\x02\x80\x8a\x08\'\xc6\xe3\xc0I\xce&gt;\xba\xaa\xaf--@\xe9\x02\x1b*H\xc1\x9b\xab(S\x13\xc3\xac\x92\xca\xa4\x0c&amp;\xd8k]\xd8&gt;&gt;Z\x9d\xa2\xd8eX\x02 \xa2p\x13\xbfp\n\xc8\x97\x16\xe1\xcb;\xda\x8a\x04\x99\x99\xcem\x19\x153\xdc\xbf\xf3\xc8i\xc4_\xe8[\x9a\x92\xb9U\xbd8\xc1&amp;8\x96\x85\xcaQvnJ\xf6\xc5o^g$\x97\x7f\xfe\xc3\x13\xc0j\xd3wbU\x02\xe8\xd0\x038\xb2b\x9e\xf8\xf3\xce\x1c\x88(\xb3&amp;\x04\x00F\x00K\x9br\x80\x96/\xa6\xc2\x9b\xfdK:f\xe7\xd2\xa4 W-Z\x01\x1a\x93R\xece\x04\x1e(*\x1c\xf4S\xc6\xd2\xb8*\xca\x85\xb1\x05\x11\xa3\xad`\xd7h\x13{\xe7\xa2 \x1b\x99O\xa8)\xc0\x9b\x0f\x9e8\xb6f\x80\xb2\xdfQAqP"9\n3W\xc4\xb0\x11f\xc8\x1e\xbb\xef\xb6\xb5\x9c\xdb\x15X\x10\x8cV\xa7D\xcc\xce\x82\xc0\x9e\xa4M\xb80\xd9\x92\x1b&amp;\x81\xdaX\xf7x;Mo-\x18\xadNIu\xd6Oq\xd6\xff\xc3\x13\xe7\xa9}n_\xddO\'Gq\xae\xc9\xf8rd3\xcf}\xcfv \xaf\xf0\x90E\xcfB\xb8\x88\xfe\x94\xb7\xe8\xc8uV\xd5\x1a$&lt;\xdb\x15\xd3C]\xdc\x905\x83kQ\x1c\x8c\xef2\xc5y\xa6\rv\xc6\x00F\x00\xcd)L\x19\x0f+\x80@\x03@\xc4}\x13m\x02!\xdd\xcd\xcaF\xfeo\x82\x1e\xe6_=\xb02|\xd6\x1e\x08\'.\x89468\x9f\\\x81\xb8\xafN\x9e~\x1fS\x80t7\xc3Yj\x10\xe5\x1b\xfd\xff\xf9\xc9s\xd9^\x12\xea\xef\xd2\x9c\xfe\xd7G\x1bt\x01\xb2&lt;M\x8e\xaf\x9d\xafX.\x88 \xd7W\x99\x13\x9a0I\xd1BQ9\xa0\xbe\x82(\xc5\xaeGY\x100\x07\x9d{!\x02\xad\xffr\x8b!6\x8d\xd8|Zb}\x0e\x18\xd0;\x16\xca\xb0\nP\xe1V\xc4\x82\xf2\xc4\xcaH\xe7\xaa(\x17\xe1\t\xbc&lt;\xdcQ\xe9\xf5\x08+\x11zp\x0cD[B\xa1,b2\x1do&lt;p\x9co\x02`dl\x92\x1ctF\xabR\xe8\xd7\xe3\xab\x03g7\x8f\xccd\x0e\xb8\xff\x08\xf7\nI&amp;\xe4\x95\x02ED\xc5\xcaEt\xb3\'\xf1X\xd7S\xca\x99\x87T\x00\xf8\xb7\x0f\xf9V!\xb9\xbe\xe6\xf4\x11\xed\xa6\xf0\xccg[\xad\x96/l\x9f\r\xef#\x01\xef\x8a\x0f\x9f\xbc0\xf3\xe3\x1f]\xd9;\xf3\x83\xa8\xa0\x1c\x10\x15 \xb9`4\xad\x98\xc6)\xbe\xd6\x90\xe8=s\xc7(B=\x8a\xb5\x91\x9d"\xca\xf16\x8b0\xe7X\xaa\xbbNkT\x89\x89\xae\xbd4x\xc3\xff}\x8b\xdb\x19yT*\x8ds|\xed|jc\xb0\xd1\x8d#(\x10C\xc9l\x88\xd5Q\xd2\xc2\xf9\x9b\xd7\x1f\xa0\xa7to\x1amK~\x0c\x97%\xb07\x92\xfb\x83N;\xc9\xf62\x1d\xaf\x93Qc\xf7\xd1VD\xcf&lt;\xcfW\xf9\x9c\x1a\x91\xd3\xb7\xc0\xd5f\xd3\x1ak\x95\xd5u\xcc\xf7\xd4\x95\x86\xda\xcf&lt;x7\x02\x90\x00\\\xdc1\xa1\xea\x07\x98S\x94\x86\xda\x8b\t\xe1\x0cn\x01\xdfN*\x00\xe1\xec\xe9e\xc7\xaf\x1b\xfb+3\xdc9\x1e\x91&lt;?\xb1O,\xdf\xe8\x8f\xff\xfc\x98\xaa\x99\xeb\x00l\x1d\x92\x92p\xf9\xf4\xf9\xcb\xd4X\x1fi\x0e\xbf\xfc\xe9\x05\xf2\xa1?&lt;q\x9el\xb4\x02\x90\x88\xcb\x9b\xcd\x10\xe2U\xf0j\xe3\xdc\x8d\xa4cdeE\xe8t(Vz\xec\xca\x0eMw5lK\x0f\xe4|\xd7CM\x94\x8eM\x8e\xb7\xd9\xce\x91F\x85\xce\xcf\x84@\xfd\xfc\xf7\x89d\'=\xf1\xed\xf4|\xf8\xea\xb5\xfb\x15[%\xab \x07\x8c\xb9\x06J\x05 W\xccS\xa6P\x96\x00d\xa5w\xa2,\x98\x15HR\xe6\xa8\x8f\x9fj\xfa\x12p\x1d\x12\t\xde\t\x00\xf1\xae=\xcb\xf8\xbe\xc9$G\x9d%\x8dY\x1ej\x10e\x01{\xc6Z\x1e=\xbd\x95\x91\x05Jt\xd0\x16Cz\x999\x8ao^\x07\x86\x12\xd1 h7\r\x00\xed\xac\xb9\x81s\xfd\xbae\xb0Fi\xd7\xa4\x02\r2\x07ns\x11u~D\x9c\xa1\xbc\x98\n\xb2\xa1\x94\xb6\x80\x1c\x1f\xb3\'\xef\xd8\xc9^\x0f\xb2Y\xf9\t\xf6ZE\x81\xd6\x854s\x92\x08sHr\x14\xaa\x93\t\x9b\xcb\xcf1\x04&amp;\x80\xbb\xf7/?\xb1n\xf0\xa9\xf3\xbb\xd8\x9fJw3$\xfbL\xd4gf{I\xda\xd2\x02\xa8O\xcd\x86\xb0*\xdf\xec\x1ah\x00\xeb{\xcb\xe5\xaa\xa5\x03\x806\xc0\xa9\x8d\xc3\xca\x8d\xfe[S\xfd\xa9\xd7\x19\xee\xc6\xb3\xdd\x85\x04\xca\xb6\xa7\xafO\xf0\xa2*\xcd\x0c\xe9S\xa5\x1079\xa1Xfoc\x7f\xe5\xdcke\x07pEj\x88\x18o\xab\x19o\xab\x91\xe2\xac_\x1d\xed*\xcc\xe7V\x9b\xdb\x9e\x1e\x15f\x8a\xf9\xc5\xb1\xec\x8d\xe64\rN&gt;J\x89\xcc\'sE[\xfe,=SV\xf2\xeb\xc8\x0bL\x00\x888P\x1c\xf3\xc2\xe5\x03\xa3U)d\xe7\xdaX\xf7\x14g=\x17\x00\xfc\xc7Gd\x87\xb3\x9bG|u\xe0\xfc\xf61y\'\x00\x17\xe9\xff*\xfch\x9c\xda0\x8c\xf8=\xdf\xbb\x1a\xd3\x04\x0f6\x16\xd5\xa4fz\xfcW\x8b\x92q@\xa6\xfa\x9c\xcc\xcaR\xba\xabawN\x18}\xcb\xfe\xc5\xed\x8c}\x18\xd4#\x1f\xaeU\xa8r\x1b\xd4\xe9@\xc4u\xf3\xca\x84\xf7\x99\x03\xfbLy\x1fa\xf2t\xec\x1am\x9e\x95\xab\xf9=\xe3\xa60\x1f\x9c\x016\xcf\xaf\x16\x88"\xe5z\x00\x94\xe2m\x1bo+_PK\x06?\xe1\t`yk~\x8a\x93\x1e\xa5\xbd\x83_\xbfNJa\xd4\x0e-)~\x9e\x1aph\xb2\x1b\xf1+\xb2\x85s8\xb8Y\x10\xd6`\xb8\xb0c|\x8e\xae\x83\x06%(\xfe\xf0\xc3\x18\xa0;\'t6\xcf0\x05\t\xed5gZC\xa6\x8b\x11\x1dr=\xc2(\xab\xb3\x92\x133\xa7\x88\x0b\xc4(\x12\x80yy\xe1\x9c\xd58:\x82\x8d\xa0:\xdau\xa2\xfe&amp;\x0bO\xa9\xa0\x04\x04\x1bq\xaf\x004\xa7W\x06\xca\x92x\xe3D\x881S5Z]\x1e\xc5i\x02{\xa2\x81,\x88\xd7\xae\x1d=\xbdq\xc1\x86\xbe\n\xfa\x07\xdb\xd2o$|.\xedZ\xe2\xab\r\x0f\x1e\xdb@mQ\xd8\xcc\x84\x0f\xb3\x96\x81P\x02\x16V$\xcd\xcd\x89$ss\x1aA\x98H\xbf\xf6\xd6\x9a*9P\xd1\x8b\xbf\xde\x94\xc0\xad\\\x086\x82\x81\xe2\x98\x99_^{F\x90R\x04\xf5Db\xb2%\x17\xa7\x0b\x03.&lt;~a*\xdcL\xc4\xdb\xcd\x8a\xc4\xba\x1b@]\x9c\x87@bTY\xfdh\x12\x9e\xedA\x86SQ\xa4R\x96&gt;\xc2\x13\xc0\x17\xaf\xdc\x8b\xf8\xcd\xe5\xbd\xcb\xba\xb2C\xc8\xfe\xa77.\xa0\xef0\xbf8\xd6\x1e\xe0\xf6\xd5\xfd\xd4\x96\x7f\xfd\xe9\x05e\\\x97\x921\xdb\\u\xa5#\xc2\x8c;\xef\x0cJ\xe28\xcc\x10\xbd\xf9\x91\x9dY!\xec\xed\xbf\x1f\x85\x03r\xb7\xdf\xec\xabPa\xceQ\xe0oY\x13\xe3\x16&amp;\x99\xc5S\x08t\xa3\x00@\x94%\x04\x1a(M\xecPx\x02@\xc4\x1d\x0b\x1b2=\x8c)\x01\x00\xc6\xbb\xf1v\x9a\xc6\x00{\xc7[_\xbbv\x94l\xe1\x1c\x17\xe6\x18\xec\'\x13\x11\x83n\x85\x81\x93\x0b\x15\xe1\x8ef\x00N\xd2\xf5\x9b\xba8\x8f\xb1Z\xb9\x07\xd393\xe1\x9a\x1b\x8a\x97\x07WX-^\xf6\\\xf8\x199\xb8\xacK\xee\x0b\x12\x81?&gt;u\x91\xbc\x08\xd0\xbb%\xd6m*(\x19\r\t^\x9c]`J\x01\xc9\x9f\x0b\xf4\xf7\xbb\xabMM\x0f\xca\x1a\xcedN\x00\x88H\x17VLw3\xec/\x8cB\xc4\xef\xde|\x08\xf1\xc7\x96T\xbf8[\x8d\xd1\xea\x14j\xe7\xb9Y\no\x19\xac\x11Xh!~\x07\x00\xf7\x1eZMm9\xbby\x84sO\xc3YV\xd4\x11\te\x15-\xed\x00\xf2|\xcd\xd9\x12fs\xc0J\xe2CK\xaa\xbf\x99&lt;\x05*\xfa\xb2G8\x12bCO\x84i\x81\xbf\xde\xd4\xd2\xaa\\\xdahH\xe4\x12q\xdf\xe2vD\x14\xa8sud\x06\x89;\x92\ns\x05N;@\x99p\xe6\xf1GLu\xd1\xa7\xdf\x97J\xa9\xdf\xca\xc4\xe1\xc9\xeeXk5\x00h\xcf\xe0\xee\x15"\x880\x93[\xa7\xf7\x81\xa3\xeb\xf9G\xfe\x9f\xf1\xeb\xd7\x10\xb17?r\xb2%\x8f\xde\x9b\xe6\x0e\xe0\xae\x06\x81\x06\xe0\xab\rw\xeeZ\xbc\xbe\xb7\x9c|\xe0\xf3\x97\xee\x91\xfbo\x9b\x05TD\xccj\tf\xae\xc1\x18\xbe\x05\xe2\x8ft7\xc3\x8b;\x17\xbft\xf5\xb0\xc2\xe7\x9al\xc9U\xf8\xb3\x02\x10\xb9b\x98{i#N\xf0\xcd\x97\xbd\xf9\x91\xef?v\x8e\xde|\xe3,=\x02\xe8\x08Vkr}\xcd\t\xd7V\x0b\x14)\x96\xa8\xc0\x017\x80\x89\xfaL\x17\x1e\xd6&amp;\x81b\xc1\xb2&gt;@M\x8c\xdb\xca\xf6\x02\xc6\xf6\x18+5\xea\xf7W:\xd7-\xd6F\x9d\xf3b\x9f\xbbs_U\x94\x8b\xcc\x99L1+\xf0\x1f\xdf{\x8co\x06\xd8:TK\xff/#\xf1\x15&amp;\x01\x7f=hH\xf4\xa6vPJb\x80\xe8X\xa8\xc0\x87\xf2pG&gt;\xf3\xe7`\xa3\x99.&amp;|\xb5e\xd4\x96\xc4\x8c[\xe2\x7f?:gZ.\xe2\xd0\xad\x03\xea\x81\xa5\x14\xbc\xd9\xb5\x1b\xb2\x8f\x05\x00\xe2\xbf\x11\xbf\xac\x8duWY\xc7(\x07\xc9N\xba\xf2\xd2\x1fg\x1b\xe2\x9d\xc0\xeb\xa7\x95\x12\xc8G\xfcu\xe1\xc0\x92\x0e\xe0!V\xcbD\xb6\x97$J\xa1\xa5~K\xaa\x1f\xdf\x04pe\xdfdwN\xd8\x99M\x0b_\xb9\xf7\xc8\x13\xe7v\x90\x1e\x88\x07\x8e\xae\xef\xca\x0eU\x07\xa8\x88p\xda3\xd6B\xdf_\x91\xd3+\x04\xce\xe4\xc0L( \xff\xa5\xa3\xcf\xccQ\x1e\xce\xfc\xd3g\x18\xd6\x94\x87;\x0e\x14\t\xb1z\xd8z\x9c3\x07\x95x\x9c\xa5^+\x99\xdc\xb6\x04;MF\x03\x1d\x1b\xee\x00\xf3\xf2"\x10\xf1\xe9\x0b\xbbE\xda\x08\xab\xa0\x08f\x9e\x01\x88\xb5VZ*\x9b/E4R\x95\xfc\xe0\xb1\r\xd5\xd1\xae\xea\x00}\x05\x91d\xe3\xa3\xa7\xb6\xc2\xcd\xe8\x18d\x8c\xe37\xf0\xebg\xab:\x8b^\xbez\xb8.\xce\x83\x8c\x0b\x84\xf0\xf3\xc8\xc9\xcd\x88?^;\xbc\xe6\xfa\xc9-\xd4\xbe\x05\x01\xe2\xe7&gt;\xf9 &amp;\x15\xac\x80\xc6\xd9\xec\xa1&lt;\xdcq^^D\xa6\xf2\\\x9a\xe5\xc5\xa1e]\xcf\xde\xb9W\xcc\x9e\xb3Q\xce\xcd\x93V\xf9\xd6\x04\xc8\xf40\x9e\xa5\xb6\xbb\x92`\xdb0\t\x0c\x95\xc6S[\xf8\x96G\xca\x02\xe7\x1a\xdd\x16 LV5\xc9\n\xa06\xd6=\xcaR\xb5\xc6\x9de\xd0\xc7\xa1pSE\x86\x86\xb20\x07\xa5\x0cf\xae\x00O_\xd8-\xe1y\xd7\x0e\xe0\xda\xe1551n\xf7IK"3x\xf7\x00\xe00\xcb\x94s;\x80\x03K;\xb9\xe7\x80\xef\xdf\xea\xcc\n\x89\xb3\xd50\x05\xb0\x04\xc8\xf7\xb7\xc4\xaf_g\xef5\x1b\xa3\xbf@Z\x0f\x00\x8c\x15\x15j\x9e\x03 "E\x9cU"\x9cE7\x04\x90\x1f\x85\xa1\x17\xb4\xa6\xabd~q\xac9\xc0\xf2\xd6&lt;\xb2\xc5\x88?\xa5\xa3D\xa7UDd\xeb\xdcm_P\xaf\xac\xe3\x0b\xf8%\xcc\r\x1cE\xf3_gC(E\x05&amp;\xe8$\xfd(\x0b\xb0\x07\xc8\xf1\xe6\x98\x9d\r\x81Wdq\xd3@\x95\x1f\x7f\xc2]|\xd2\xc9K\x13\xac\x01\xec\x01\x02\xf4\xe1\xfe#\xeb\xd8"\x8b\x7fz\xfe\xca\xb2\xe6\x9c\xf7\x1f;G\xdf\xd8_\xc4!J\x8a\xf8\xb3\xb7&amp;/7|\x86\xc8\xf16-\xf0\xb7\xa4\xbay\xf9\xf0\xf13\x97\xb86\xffxx\xb2{\x86k\xae\x0c7\x0eQ\xe85]%\x00\xa03\xb7\xfe\xae\xb3\x91\xa0\x90\t\xba\x94\x90b@\xc4\x0f\x1e\xbf\x83\xf6\xdf\xbf"\xe2\xe1\xe5=\xf4\x00\x9f(v\x8c\xd5\xa4Q\t\rvfC\xde\x86\x89X\x1bu\xc5~\xfa9\xab\x81\x9e\xdd2\x12o\xa7\x89\x88\xeb{\xcb\x05v\x1b,\x11\x8a6\x84\xb1k\xb4\xe9\x9e\x83\xab\xe8[*X\x895\x15\xe6\x0e\xf4\xb1\xc4\x10\xc0\x0e`\xac&amp;\rx\x1c\xbb8!@\xf3\xef\xc8\x08R \xd9\xed\x0c\x80\xf8Ec\xa2wq\x90\r\xfdA\xbdE0Z\x9d\x9a`\xaf\x85\x88\xff\xf8\xf8Y\xe19\x80\x8d\x1coS2\xaf\xcdV\x02H\x04r|\xccr}\xcc\xf8\x9a\xf3\x84\xd7\xdb\xb3G\x03\xfd\xf1\xfd\xc7\x94x4\xe1\xb9\xff\xce]K\xe8Q\x89Hc\x06F`d%\xa7\'0(d\x0b\xac0\xd8\x9e\xdeb\xd0\x9d\x13\x16d\x08\x88_\x0b\x7f\x98\xb3o\x94\xac\x82"\xccD%!)\x0c\x96\xc6\r\x96\xc4\xf1\xbdK,?]\xe49\xa0\n\xf2\xc1\x89\xc5\xb2\xea\xce\ts\x93\xe7\x06\x12\xb8\xad\x93\x9dt\x15P;\xb0\x04\xa8\x8b\xf7,\x0fw\xdc5\xdat\xef\xa1U\xb3\xd4\xa5\xac0*#\xa7\xd6\xa6\xd1VP\x16\xe6pn\xcb(~\xc3\x91\xe7\xe1\x04u\x90`\xe5e\x93\xa3\xe5\x9cL\xee\xd8\xba(\xc1^K\xe6\xea\x88s\x01\x8e\x88$Z\x13X\xf3)\x800\t\xbc\xff\xd89\xa5\x14\x01\xca\xc2\x1c\xfe\xf0\xe4\x85[\xca\x881\xcbSB\xad\x9d\xbd4\x98U+\x81\x1bA\x0c\x99\x8d\x8dpe$y|y\xaa\xdb\x1a\xf2\xdfo2a\xc5U]WA\xf9\xe0\x93d\xe0\xbc\xc7zr\xc3\x0cYso\x86\xbb\xf1\x99M\x0b\x19#~\xa0&gt;\xc4\xd9r/\x86\x07\x8ab\xf0\xfb\xb7v/\xe2U\xf5\xa3\'O]\x00r}\xa4n\xde\x07\x8e\xaeCD\xba\x99\x11\x85\xd2\x10\xfb@\x03\xe8\xc9\r\xe7;\xf2\xdc\xc0\x1c\xc0\x00 \xcb\xd3diS\xce@Q\xcc[\x0f\x9dD\xfc\xed\xb3\x17\xaf\x1eY\xd9{a\xc7\x04c\xf4\x9f%\xe7\x10\xc4\x7f\xca\xfc\x1elhv\x08\xbd\xf9\x91\n\x9f\xcbn\xd6\x94vd\x9a\x9dq\xa28\xc8&amp;\xc9Qj\xac"\xe2"\xb7\xf8p"~T\xf7\xd2\x04\x90\xb37\x8d3)J\x87\x1b\x80\xe6t\x08R\x11\xee\xa4\x03\x10-\x8fRJ\xce\xf4C\xaaDz\xfe\x9f^\xb8\x9b\xfe\xdf[j\xfe\xfe\x9d\xc2\x19@\x8f\xa7]\xbe*R*:,\x08\xb0\xe2\xcb\x0c4\xa7\xf8\x1dY\xd9\xfb\xc3\xbb\xd7\xe9\xc4\x03:\xe8\x0c\xc5LO\x93\x1d\xa2M\x9a\xd6v\x97.o\xcdc,\xde\x0b\x02\xac8\xad?\x14f\nI\x00\x16\x94\'\xca\xdcm\xb0$\xee\xf8\xda\x81\xf9\xc5\xb1}\x05\x91\xe9n\x86&amp;\x00!F\xb0\xbc5\x1f\x7f~\x1f\x11\xf1\xabW/\xee\x98P\xf0\n\xa4\xc19\xae\xe5q\x99\xc5\xdb*Ub\x8f\xe1q6\xab\x90I\x10d\xe3\xe8\xaa&gt;\xfa\x7f\x93\x9d\xf4\x18\xb3\x02\x03\xca*\x92\xc8\x143\x0f2\x04[Y\x95\x12\xbeR\xa7\x12\xc9u\xdeZ\xd0_\x14\xad@2V\x00\xb3ZK\x9e=}l\x15\x94\x86\x1co3\x00\xd0\x92\xc5\x8d\x1b\xa9Lfd?\x04`(\xda`oYs\xee\xd1U}\xcd\xc9\xbe\xf4\x0e\xe4\xe2`\xdb\x8a\x08\xa7U\x1d\x85\xf4=\xed\x01jc\xdd#\xcd!\xc5I\xeeF\xe4=\xe3\xad\x93-y\xf2~J$\xe4\n\xbb\xe8`\x84\xca\x9c\xbc\x0e;\xe9\xda\x0c\xe3T\n\x9b\xb2\xcd*\\\x01B\x8c\xe1\xc1\xdb7\xcc\xf6Y\xf6\xcd2\xaf\x9c\xb4\x98\xc4Z\xab\xef\x1am\xca\xf3\xb38\xb2b\x9e\xc0\xce|\xd3\x03"\xfa\xe9@\x9c\x8d\x86\x02\xde\xd1l\x04\x19\xc2\xfayBu]P\xb45R\x85\xff\x05\xb4g\xc8!\xcaa\n\x10g\xa3A\xef\xce\x10P!v\x05@D\xf1\xd1hs\xb2\xaf\x98\xdd6\x0fT\xff\xf0\xceu\xc4\xaf\x97\xb7\xe6\x93-K\x9br\xc8\x0b\xf6\x03sl\xcd\x80\xc0\xa1\xc2L\xc1\x12`^\x9e\x92\xb3IJ\x97z\xe6\xc3HU2g\xf6\x9c\x9e\xaa\xa5\xa7\xd1\x8c\x01\xea\xe2=e2\x179e\x87g\xd5\xffvyk\xfe\x83\xb7o(\x0e\xe6\xc9\'*\t\xc2|Y\n\xcf]\xda\xaf\xf0)\xae\x1eX\x01\x003\xb4\xdf|\xf1\xcaA\x81w\x15\xa8\x97\xf0\xa5\xf5\x19hI\xf1;\xba\xaao\xe6\xaa-\xec\x12\xe2-\x9e\x97\xfb=\x82\xca\xb5\xf9\xea\xdc\xa8m\x82,\xf3X\x1b\x80\x9d#\x8d\xf8\xf5\xeb\xd4\x96l/\xc9|\x1e\x99r3\x80GNl\x16y=\xf2\xd6\x82*#\x9d\xc9\x85Z\xd3\x9a\xcb\xd9 \xc6,l\xc8,\x84\xceA\xbf\x14g\x85\x83`\xa0(F)\xc9\xd0L\x0fc\xfa\x97\x93\xed%a\xbb\xc3\xcb+%\xc6@\xb6\x97\x12\xf8A\xdb\x174 \xa2\x98~\x05&gt;A\xf9\x08\xc1\\\x9f\x87:\x90r=\xdf\x0e\xef&lt;r\x9a\x0c|3l\xd4P\x98kO\x8f]\xf8\x12@\x12\x00\xe0\xc9\xfb\xd1\xc1&amp;N\xdcZT\niPObs\x8a\xdf\x1b\x0f\x1c\xa7\xb6\xabrA\xcaD\xbe\x9fP1\xe9\xe4\xfa\xc1(\x0b\xb8\xb0}|\xac6\xfd\xdb7\x1f\x12&gt;\xd4\xd1U}l\x19E\xbe\xa2\x10{\xcf9\x80\x8f6\x10I8:\xa8b\x80\x04\x00\x00d\xf6[\xf6\xe4\x86\x0b\x7fi\xb7&gt;\x92\x1cu\xd2\\\r\x18T]\xf6p?//\x82\xb3|2\x978\xb8\xac\xeb\xc4\xba\xf9{\xc6Z\x1ci\x95F&gt;\x18\x02\xf8\xc9\x1a\x1e2=\x8c{r\xa7,\x1b\xd3\xdd\x0c\x7f|\xff1\x9c\x05\x13\x1eyA\'\xda2\x9a6z\xf3#\x95\xa2\x9d\xce\xb9\x84\xda&lt;\xbfZ\x81C\xd9\xcc\x1aeYf\x9f\x97\x96*+5K\x10\xf8VW\xb4\x17l\x1d\xaa\x95\x99\x9d\xbe\xef\xb6\xb5\xb7\tf6\xc5 \xd4\x04JB\xec\xe8\x91\x8c\xcc\xc7&gt;\xcb\xd3\x84/\xfa\xb3gq\xd8\xf5\xf9\x97\xe1\xf8\xf7\x8f\xb4\xa6\x17@.\xfc\xa7\xcb\xf16{\xf5\xde#5\xb1\xee7yhT\x14\x9dY!\xd9\xde\xa6\xadi\x01\x9c\xefFY\xc0\xb6\xe1:2\x17p\x8a\xb9\xce1\x1a\x12\xbd\x10\x91NR"\xa3!\xdf\x8a \xd5\x85c\t\xc7\x17\xe7VF:s.\xb6\x12\x1d\xb4Ef\x1d\x95\x05\xe1\x1a\xb7x\x05\x7f\x85O\xc1\x07\x17\x00\x1di\xae`i\xa8\xfd\xbe\x896\x8a\xe3\xd70\xad\xc7\xc5\t\x01\xdf\'\x99\xe0\xfc\x9b\x1dg\xd9+\xf0\xf7\x8b\xbe\x82\xa8\x19\xaa\x9a\xec_\xdc^\x1e\xee\x98\xe6r#\x91\xac@\x7f\x93%@kZ@gf0\xb5%\xd8\x88\xd7\x97\x9c`\xf7\xa2\x16\xbe%\xbcLJ\x86\x020\x04Hs5\x10C\x04\x9a\r\x18\x8a\xee\x86\xb7\x02\x88\xb7\xd3\xdc\xbd\xa8E\xcc\xce\t\xf6Zti\x01\x12FK\xe4\xbd\xb8Y\x80\x04\x00\x11\xab\xa2\\\xc4h?\nk}S\xa8\x8f\xf7\x14\xe6\x80%9\xc8\x91f\x98%\xfd\xe7\xd9\x86x1\x9d\xc2\x00+F\xd6\xf1\xe2\x8e\x89\x9f\xde\x7f\x9c\xa4\x10\x191B\x9e\xafya\x805\x95N,\x0c\x90\xf1\x08\x0e\x14\xc5\xc8%\x99\xa1\xd2\x80V2d\x86\xb1^\xd2\xe1\xd3F\x96\xcc\x0e\x03O_\xd8S\x19\xe9\x1ci\x0e\x9b\x06\xaa\x04\xe4wv\x8f\xb5\xf0E\x07\n4y\xad\xee,\xa6^wf\x85\xbcp\xf9\x80\xbcG\x98=(\xb7f\xd0\x91\x19,&amp;\xfd\xa4\x03\x90\xeef(\xbe3+\xdf\xcf\x82\xaa\x9c\x03\xc0\xb15\x03DW\x95\x8e\xd2\x9b\xa4\xc0\xfe\xf8\xd9\xedQ\x16\xbc\x9d\nT\x81\xa8&lt;\xdcq\xac6\x8d\xfeV\x8c\x95\x1a\'}h\x86lEM\x80\xbax\x0f\x97\x99\x1d\xe4\xe6\xc2\x00\xc0\x1a@]D\xd9\xc0i\xba"\xc5\x98\x12\x975\xe7T\xf2KF\xaa\xa4\xdanuP\xe5\xb9u\xf3\xca\x8e\xaf\x15\xe2\xc3p\x0e7\x11\xe67j\xc5\xec`\xaa\xbf0\xda\x08`\xa4*\x85\xef\x98Z\x00\x7fy\xefQa\xd5\x94\x18+\x05W\x8f\x8b\x1b2\x1f\xbc}CwN\xa8b\x1fW\x00\x81\x06B\xd2\x17s\x06\x1b\x11\xd39\x1f&lt;\xd4\xe0\xe0\xd2N\x81\x1f\xa4"\xc2\xe9f\xb9\xc4l\x1a\xa8\xe2\x0c#\xd5h\xb9\x9dx[\xcd\xde\xfc\x08\xc6\x0eV\x00{\xc6[9\x8fY\x9f\xe0\x95\xe5i\x82\x88w\xee\\\xac\xbc+\xe5\x85\xc8\x06\xfa\xd1\xea\x94Y\xbd\x0c\x05`\t\xa0\x05\xb0\xa1\xaf\x02\x11S\x9cg\xd1\xbci\xee\xdc\xe8U`\x80\x9dRhM\x0b\x88\xb1Vc\x0b\x10\x12\x94\x86\xda\x17\xf8[\xceP\\\x13\x11\x85\xbd\xdfbX\xd5Z\n\x81\x06\xd0\x9c\xe2\xc7\xf7nY\x98\xc3\xe9M\x0b\xf0\xc7wgryl\x8cV\xa7\xf2\xbde&lt;k\xcc\x84\xeahWD\x9cm\xffX\xe2RP\x1cd\xc3\xd9\xbcm\x0e\x90\xed%A\xc4[a\xf5\xcd\xa6&amp;\xeb\x02x\xa8\xc3\xbd\x87V\xb3\x1b\xeb\xf4\x05\xbdq\xbc4 \xc4\x18\xc6k\xd3\x95\xee\x03\xcc\xfe\xa2\x94\xd8\xc0uS@\xbav\xfe\xf5\xa7\x17n\xf6\x85\xa80\xfb\xa8\x8b\xf3(\x0bs(\x0e\xb6]X\x91\xc4G\xc0\xb4\x97N\x10+P\xa2\xe2\xfc\x08\x19\xe9\xc8\x91e\x92\x08\xddx\x98y\xc9Nz\xa4\xdbv6\x06\xe5\x99\xbb\x10ue\x87\x88\xa7\xb5Z\x01\xbc\xf3\xc8i\x8a\x8c\x9b\xe4\xa83\x83\xa2\x1a7\xd4\x01\x10q\x96\x0c\xbeo.\xfct\xc4\xf2\xdc\xd9\xf3^\xa4904\x07\x83\x8d\x14/?2fp\xaasB\xb93{c\xa27{c\xbe\x9f\xe5L\x96\xa7\x84\xbd\xbak\xb4Y|\xe7\xa6\n\xff\xdd\xe8\xc8\x0c\xfe\xe7\'\xcf-\xaaI}\xe9\xeeC\xd4\x92/\xd1^[&amp;\xc1\x8e\x81e\xcd\xb9c\xb5i\xaf\xdf\x7f\x0c\x11\xa3,\x85\x1a\xaf\xa8\x1c\x92\xa7:\x8cV\xa7d\xb3\xa4\xa7\x1b\x13\xbd\xcd\x00L\xb9\xac$\x0cY\t\xc7\x8e\xcc`r\xb3\xca[I\xf8\xee\xad\x87\xe7\xc0h\xd4G\x0b\x10\xd1SC,A\xe2\xf8\xda\xf9\xf3\xf2"`:\x0c\x9f\x8dK\x12XN\x01@\xa49\x9c\xdd\xc2\xed\x08?\x97 \xca0r\xe9w$\xd8k\xcd\xfc\x07=\xbfml\x86G\xe0\x041?\x99!IA\xe9\xd1\x80x\xc8\xabz\xcd\t\xf28\x9f\xdf&gt;^\x17\xc7$_\x0b\xdc\xea\xb3\xbd VA\n!\xc6P\x13\xe3&amp;R9\'\xcd\x95\xf9\xe3\x14\x06X\x8dT&amp;\xfbh\xc3D]\x06};5\x9b\xf4\x17F\x97\x84\xd8Q+\xe4\xf3\xdb\xc7\xd9\x87\xb5\x06X\xd7S\x86\x88b\x080z\x00\x88X\x18(\xdf\xc3\x15e\to=t\xb2==\x90b\xbbR\x974\xc3\xeeM6\xac\x01\xd2\\\r\xc4\x07\xdd\xed\xe9\x81\xee\x00\x0b*\x127\xf6W\xcau"\xbeGE.\x89\xb5\x83\xcb\xba\x10\x11\xf1\x17\xb6\x08\xe5\\\xbas\xc4\xd9\x08eQ\xf8\xaa\xddD\xe2\x94\xaf\xea;V+\xca\x84\x84\r\xc2S`_\x90\x8b\xb8\x8f\xcf\x17-\x9d_\x17\xe71\xc3v&lt;:\x94~\'\x0b\xc0\x85g;\x896\x84\xff\xa6\x9f\xff\xf0\xc4\xa6\x81*e_\x91\n\xd2\xd85\xda\xb4\xb1O\xf6\x80b\x0e\xf0\xf2\xd5\xc3\xf4-\xae\xfcm\xb4\xb3\x01s\x80\xb5\xdd%\x8f\x9e\xde:\xdb+P\xfc\xf9\xfd\xee\x9c0\x86\xfdY\x8e\x8fY\x9c\x8d\x86H\x1dl\x91\xea\x95\xf2\x06\xa5%!v\xfd\x85Q\xc9N\xf2\xb5\x00o\x1d\xaa\xed\xca\n\xe1|k\xdd\xbc\xb2\x02\x7f\xb1\xec\xdcE5\xa9\x88\x88\xdf\xbc^\x17\xef\xc1x\xeb\x16\xb4gJu\xd1\x0f\xa6\xfd\x08\xdeJjue\x0fX\x85\x81\xd6t\x89\xba7\x1f&lt;\x01\x82\xc2\x06"\xc3V\x86&amp;]q\xb0ms\xca\x8d\x8e\x84P\x13f=Y|:\xd1\x9d\xbf\xc3\x9c{\xeb\xec@\x8c\x965{q\xac\xc4YP\x85)\xf8j\x03"\ns\xfbH\xc8P\x1abG7\xbe\xf0\xd3\x81\xcd\x03B\r\x84\xca\xfd\xb5\x9c\x00\x1e:\xb6\xa10\xc0\n\xff\xf6!\xdf&gt;\xd4s\xfe\xdc\xa5}\x8cy\xa2"\xc2\x89\xc1^\xe0\xeb\x1a\xa3\x83\xbe\x8b\x18\x9e\xb2\x03\xebS|\xa8\x89q\x13c\xee\xaa\x14qJ\x99$\xbf\xc6$\x9f\xbf\xbc\xf7\xa8\xf0&gt;\xa1&amp;\x80_\xbd\xe6\xad$\xb5\xccYr\x8f\xb1\x03\x08\xd4\x07\x00\xe8+\x88\x92\xf7\x14J1C&amp;YGu\x9e&gt;\xd5\x86Do\x05D\xfc9A\xd7\x89\xcbp7\x16\xe9\xa4(\x1e\xc2~\xf43\x870\xf5C\x859\xc5\xf2\xb6|\xe1\xd1\x90\xc4R\x85\x81\xd6tN\x8e\x05\xab\xdf2\xc2l\xaa\x8c\x86\x88\x96\xe2FX\x98\xde\x9f\x88\xf4\n\xb85m\x1b\xae\xbb\xe7\xe0\xaa$G\x1dN\x0e\x9a\x1a\x805\xc0Herq\x90-\x00\xfc\xf2\xe9\xf3Dl\x99\xbc\x9b\xefgy\xb3\x8aW\x9dY!\x84]\x0349\x1a\t\xc0PY|w\xb6l\x8a*gAO\x05\x06B\x8c!\xd8H\xaa\x0b\xe4\xa6c\xb2%\xaf\x93g\xe1\xa5\x00\xdc\xe7\x9cSo \x0f\xa7C\x0b`Qu\xaa\xf8UHC\xa2P\xdb0\'"-TN\x00\xb7\x12\xd6t\x97\x9c\xd9\xbcp\xdd\xbc2\xf2_S\x80\xd5\x9d\xc5\x0b+\x93\xe8\xdd[\xeej\xdc\x01l8+6C\xc4\xd7\xae\x1d=\xbc\xbcG\xe0\x8c\x0e\x00\x88\x7f\x1b\xaf\xcb\xe0lk\xcap7\x8a\xb1R\xa3\x8cM\xf0\xfb\xb7\x18#\xbe\xf0\x04\xc0\xe7I@ o\xdd\x9b\x0e/\x8d\x1b\x86\xc9\xa1&amp;J\x93\x9b\x17\x86J\'k\x86\xf0\xd3\x81\xa5M\xd9\xf4-uq\x1e\x84J$r\x98s\x13,`\x12\xf8\xc8\xba\x1b\xc6\xa7\x0bf\xe2\x058\x1f9)V]Q&amp;t\x01\x8c\x00\x82\x151\xe3Q\x02\x18\x13\x9e\xaa\xe2;+(\r\xb1\x17\x16\xf1\xa0\xc0H\x80\xb4\xa4\xf8m\x1a\xa8\xda:TG\xdf\xa8\xc5\xa3\xc1\xc2\x00\xa7\xad\xc7\x95}\xcb\xef\xdc%\xd4\x8c\xe30=\x88\x8b\xe9\xb9\xff\xf5\x8b\x97\xe5\x9a\x00\x14@\xb8)pZ\x8bTD8\xd1%N7\rT\xcd\xb1\x92NI\xb0\xed\xadC\xd4c/\x02\xc5\x8f\'\xcb[\xf3g\xcfgX\x00\xd5\xd1\xae\x0f\x1d\xdf\xf8\xa7\xe7\xafdz\x9aL\xd4g\x92\x8d\xc22$\x0c\x90I\x82S]\x8ej\xa33\x0184\xd9\xcd\xfel\x08\xd7\x17\x14&amp;aj\xc3\xcd\x10t\xc6\x97@dm\xc0O\xb8BD\x81\xee\x8a\x19\xc2@\xc4\xf4\xa9\x82\x120\xf75\x15\xcbi\xc3\xb9\xae\xec\xd0\x16i\xde\xe1=\x13\x05\xef\xfc\x00\x00 \x00IDAT\x07W\xd6\xc6\xf22\xec%\x00\xab\xbb\x8a\xc98\xfe\xd0\xf1\x8ddc\xb2\x93.\xdfG\xc8\x9eTo\xcf\xc2\x8a$\x81\x83+\x17\x03E1\x9c\xec\xa3\xbe\x02\xc5\r\x17\xc5\xc3\x05@\x81NM\xba\xd0\x98"\x96\xe1\xf2@1\t\xc9pS\x18\xafM\'\xeal.\x00\x1b\xfa*\x00@\x17\xa0-=\x90=\xcd\x98\x01\x0c\x95\xf2\xfa\x89\x8b\xc1\xa1\xc9n\xc6ZS\xbc\xa1.I\xf4#"]X\x89\x80\xee\x9a\xeb\xad\xc5\xf1U\xf3uV\nSw\xa8u\x89\x84\x7f\x1f\xbe\xcb\xf7\xd6\x84\xa6$\x9f\xd9\x1b\xcd9\xb1\xb8!s.O\xa7\xc2\xdcA|\xaa\x8e]h\xa2\xf8\t\xec4\x11\x00\xec\x9bhs\x030\x03\xd8:T\xab\x05\xd0\x98\xe4\xf3\xc8\x89M=9a|\xc7\xf7\xd1\x865\xdd%\xa2/G\xf9`,\x102\xdc\x8d\xe6&amp;\x05\xc4\x07&gt;&gt;(U\x1e\xd7\xe2\x1fAn\x8a\xae\x8b\x9f\xceT\xd7U\xa49\xcc\xcb\x8b\xe8\xa0\x89\x03\xd2_s\xa2(p\xa6t\xc7 \xe9\xa0_YY\x88\xbe\x82\xa8$G\x1d\x92\xaed\x84$\x95\x11N|+$\x17\x00`\xd9\xb7\xd1!,\x9ab\n\xd0\x90\xe8\xed0\xe3\x9e\x031t*\xb6l\x0c\xbb\x1cBRUb\x12\x06*\xcc)&amp;[\xf2\x04|JEvT\n\xc3\x8b\xe7&amp;\xf2\xd4\x80\xd2P{&gt;\xe3\x8e\\\x1f\xf3\xa1\xb2x \xc2\x90\xdf\xbf\x05\x00\'\xd6\r\xae\xee\x92\xa3\xeeGuB\xce0\'#2\x1b0\x07\x92\ts3\x9d\xb4Ok\x81\x88\xe7\xad\xcf\x06\x14\x10\x07\x14\x9fn\xe2#\xd7*e\xd0_\xd1\x96\x7ff\xd3B\xba\xf2v\x94\x05\xf7\x9f3\\\x9e\xd0\x94\xe4\xc3y\x90\xb5\xdd% O1\x80\x8d\xf6\x8c CZ\x0ej\xe6`Di\xe6\x00\x8dI&gt; \xab\xa3P\xb9\xb8\x95\xadl\xfe\xfb\xa0\x0f0R\x95LlK\xa9\x82*\x1d\x86\x00&amp;\x00\x86\x00=\xb9a\n\xab\x93\xff\xf2\xe9\xf3\x1f&gt;u\x91\xbd\xd4%]\x05\x99\x1e\xc6\t\xf6Z\x86\x00\xa1&amp;\xcc\\\x01\xc57\'\x8f\xe5\x9e\xb1\x16\xc5.`\x86\x1d\xad\xdb\x86\xeb&amp;[\xf2R\x9c\xa7\x82\x17{\x80\xd6T\xff\x99\x1c\xf0w\x02\x99\xd2\xd9"SO\xe2\xc3F:\x87\xca_\x17\xf8T\xad\x00`\xfb\x82z\xb6\xddX\xbc\xadf\xae,\x17\n1g\'\rt\n\x1f\xc7\n\xa0\xaf R.\xa1"N\xdf\xb1yy\x112\xcd&lt;\x0e.\xed\\\xda\x94\xad\xa8#\xf5\xac\x80s\xc6\xb2\x00\xd8\xb1\xb0\xa1=#hV\x95\xe9~\xa7\x10\xe0b\x8eT%/\xacHr\x03\x88\xb7\xe5\x9dz\x93\x1cu\xfct\x99\xcbg\n\xba\x00\x88xb\xdd {\x85\xbe\xa2-\x7f\xcb`\x8d3\x00"\xbe\xf3\xf0\xe9\x91\xaadj\xbd\x91\xe9\xc11\xd9\xf4\xe4\xf2Z\xf5\x86I`Ic\xd6\xdcX\x06\xe14\xe6\xe4l7pe\xdf\xf29&gt;\xe3\xdc\x83~\x93\x1d_;?\x94F\xd5\x97I\xa1\xe1\x84\\\xc3\xf9dk\xde\x96\xf95\x9co\x95\x87;\xda\x00\xe4\xb0\xd4J\x08n\x1d\x95\x02\xb6\xc1\xa7\x00\xaa"]\x10\xf1\x81\xa3\xebo\x16\xf3\x87\x0e"|"\x133\xd4\xf4VA\x0e\x98\x00\x14\x07\xd9\xf2\xa9\x7f\x10\xd6\x7f\xa8\t|\xf9\xea\xb5\x13\xeb\x06\x05\xc2=\xc4\x1fW\xb4\xe5s\xbe5T\x16o\x05\x80\x88w\xeeZL\xef\xcb\x89\xb5V\xa7\xee\xc94W\xc3\x04{-\rA\xa1P\x91P\n\xb3\xb8\xe5&amp;\x85\xff\x92\x9br\xd6\xd9\x04\xe2\xbf\x00\xc0\x08\xe0\xd8\x9a\x81M\x03Ua\x12(\n\xb2a\xcc\xfc\xf6\x00GW\xf5\x01@\x8e\xb7\x19\x00\xec_\xdc\xde\x93\x1b\xce\xd9R\xf7\xf0\x89M\xd4k*^\xf1\xd2\x90\xa3\x07mmOi\x7fa4\xe7\xfe\xe3u\x19\x9e\x1a\xb0\xb2\xbd\xa0\x9b\xbf\x04\xa5D\xa48\xcdE\x9c\xeb\xa7\x0b\x88xn\xcb\xa8\xc8\xfd9%\xe2\xado\x06\xb5D\x05\xe5\xe0\xd8\xea\xfeyy\xe1|\xa1U\x86\xbbQ}\xbc\'\xa1FP\x9c\x01j\x06n\xcf\x08\xcc\xf51\x7f\xf3\xc1\x13\x87&amp;\xbb\xf9\xaao\xda\x00n\xd3\xb9x\x81V\xc3+\xfb&amp;\xdf|\xf0\x04\'\xc9\x92\x00\x11\x1d\x018\x97\xe7\xb7\xec\xcd7\x93\x0b\x0b\x93@\xa4\xf9\xad(\x13/\x1e|F.\x0c\x88\xff\x96\xdc\x00L\x01\x10\xf1\xb3\x17\xaf\x1e\\\xda)\xe6#\xa3\xfc\xd6\x14\x9c\x084\x98J\xe3\xcc/\x8e\r4\x10\xd5*|de/\xf5\xda\x92\xe5\xeb{\xeb\xe3(\xed\xfa9\xb1\xb02\t\x00\xf2\xfd,\x0c\x01V\xb4\x17\x08\xef\xec;\x9d\xb7\xe2\xcc\'\x0b#\x8a\x96\x87\x8a\x15\x14\x80RAiHu\x11*o\xe2\xcf\x1fPM\x03\xee\xd3\xfbwd\x06\x918\xda\x0e\xc0^\x96\x97\xfa\xc6\xfeJ*[\xc2\xf7\xa8\xb7\xa4\xfa#"\xe2\xb7"\x85w\xa4\xae\x10\xb14\xd4\xde_\x0f\x96\xb7\xe6\xc9\xfbYN\xb8\xd0^\x0b(\xfc\x04\x19\xc0XM\x1a\xdf\xbb\x04\xa1&amp;\x90\xefg!\xd2\xad\x90\x81\xae\xec\x10\x99\xfb8s\x99\xf7\x06\xca\xe5\xb3w\x0b\xa0 \xc0\xea\xc7\xf7\x1e\x13\x99\xe5\x8f0\x07\xfc\xbf\x0f\xd9\x7fu{F\x90\x11\xdc\x08f\xcb\xc3\x1cv\x8d6\xcd\xcb\x8b\xf8\xe5O\xcf[\x03\x94\x04s\x97\xe79\xf3\xe6\x04d\xd1+\x86\x07\xb5\xa0\xe2\xc6\xc2\xb78\xd8V\xa0\xc1\x90\x8fv\xc9\xee\x9fW\xa2M\x01\xe3\x89\xea`\xd9*\x9cX7\xf8\xd8\x99m"\x8f\xb6H\xda\x1b\x83\x9d\x94\xdb\xd0W\xa1j\xdf\xfd\xdf\xc1\xfb\x8f\x9d{\xfe\xae\x03\xb6\x00\xd6\xd3\x81\x7fE\xb8\xa33-\xb8[ \xcb\x1c&amp;L\x02\x88xr\xc3\x10\xe7\xbbF\x00\x8b\xaaS\xb3\xbdLG\xabR\x14\xceB\xba\x01L\xd4g\xae\xea,\x92\xebS\x9cg\x13\xe9\xa4\xf8\xc3;\xd7\xc7j\xd3e\xca\xa4\x92J\x16I_\xd01^\x97\xc1\x9e\xe8\x18\tP6o\x8a$\xbf\xeaiM|\x91\xe6\xf0\x97w\xa5\xf4|\xf8\xf8Ts\x06\x0f5\x8e\xc1K&amp;\x9b\x9e\x9a\xb3\x96)\xe4\xb2\xeb\x02\xf0\xd3\x07\x8f/o\xcdCD\xfc\xc7\xc7\x00P\x1f\xefyz\xd3\x02/Mx\xf6\xce\xbde\xa1\xf6}\x05Q\x8c\x8fP\xaeA\xd5\xd1\xae&gt;Z\x1c\xdavd:\x92)}\xec\x04\xd0_\x18M\xfdw\xf7\xa2fze\xa8\xc0_\xaa\xb6*\xa6hDF\xd4hK\x00\x00\xca\rB$re\t@q\x82T\xe0D\x92\xa7\xf9D\xe5\xd8p\x02\xf0\xd6\x84\xee\x9c\xb0\x92\x10;v\xd9V\x80vHaqC\xa6\xee\xf4P\x93&lt;\'\t1\x15\x98\xf0\xd2\x84,O\x93\xe5\xady\x89\xf6\xda$\x8dS\x1e\xeeH\x0f\xe4\xb3&lt;%d\x85\x08\xd2\x1b\xc5\x1c\xdc\x16 \xdeN\x93\xaf\x0b\x86\xf1\xf0\xc8\x045\x7f\xf8h\x83%@\xb0\x91T\x03\x8eH\xf4\x17F\xc9\xf4\xdd\xb5\x9bY\xcb\xa2\x15\x00\xe2\xd72\xfb\xd36\xcf\x97\x12\xdd\xf3\xd6\x82D{\xed\xa2 \x1b\x92\x07\'@D\xfc\xfa\xb5\x99pO\x15X\xa73 \x9c\xc01\x06\xc8\xf6\x92\x08\x90\xc7\x18\xcb\x15\xd2FK\xe2\xe4\x95\xed\x85\xf4\xe0Z\x00\x05\x01V\xdd9a6\x00\xd6\xb4!\xdb_\x0f\xcc\x00\xb2\xbd$\xd9^\x92\x8e\x8c\xa0@\x03\xc5\xe9\xf0\x93-\xb9\xa4Y\x97\x1d4\xc4X\xab\xd1\xef\x7fo-\xb8vx\r\xf5\xdf\x86D\xef\xb3\x9b\xb9\xe9g}\x85Q\ns\xea@:\xae7\x040\x06\xd83\xde\xcaX\x04/\xaaIe\xdb\xa8q\xc2\x06\xa0&lt;\xdc\x11\xa4\xd5\xf1\xd8+\xc9\x0c7\xa3S\x1b\x86).\x9cH b\x91t\x8f\xa4\x02\xf7\xdc\xfc\xe2\x9bIG\xfe\x9fE\xae\x8f\x99\\\x9d\xf7\xab:\x8b|\xb4Eu\x06\xf0\x8d\xbd\x0ciIz\xc0\x1dmyC\x08\x05\x00\x9c\x01\xaa\xa2\\\xc8k2\xc6\xd1\xc3\x9bx.\x0b\xc3\x99c\xff\xe2v\xea\xb5\x05\xbf.\x1b\xe3\x0b\xb0\x050\x97\xc7\xa3C.\x1a\x03}a\xd4\x9a\xea\x8f\x88\xcb\x9ao\x84\xc9r\xc9Y\xd2\x97\xff\x91\x16\x00\\\xea\xbb\xe2q~\xdb\x18\x19\t\x04:&lt;\x9d\x00v\x8e4fz\x18\x8b!\xa2\xc7\xdbj&gt;&lt;\xdd\xef\r\x00Y\x9e&amp;\xf9~2\xa7c\x00\x80`# \xe6\x8eC\xa5\xf1l\x1f\x18O\r\x08\x93\xdc\xc8U*w\x8dd+=\x89\x8a\xe7\x02Q_\x88b\xd3\x005RS=\x04M\xc9\xccf\x02Dd\xbbt\x08\xa3&lt;\xdc1\xd5E?\xc9A\x87\xef\xc6h\xcf\x08z\xe0\xf6\xf5\xe4\xb5\xf8\x00\x8d\xfd+\x9a\x01\xac\xed)eo4\x04hM\xf5\xcf\xf40Qu\x8b\xcd\x05\xb6\x0e\xd5\n\xc7\x80\x8c\x9c\xa5\xbe\xe8.\x0c&gt;+\xd4\xd2P{\xf6\x1d_\x1e\xe6\xe0\x0e\xd0\x90\xe8E)\xcd\xd1a\x07\xb0\xb1\xaf\xc2T\xda\xbd/\xc9A\x07\xa4C\tz\xc0\x12g\xa3\xaeXdKY\xe3\x06\x1a@S\xb2\x0f\x83\x8a\xcawL\xc2P\x12\xdf\xb5\x94\xe3m&amp;2\xd7\x04\x00\x0f\x1c]O\xff/""~#\xf6\xc3s\x02N?a\x98\x9e&amp;\'[r\x05\x1c\x08\xe8\xfc\xe3\x14g=\x86\x88\xff\x92\xc6\xacx;M\x86F\x9b\x02@\xfc\x9a\xb1\xa2R"\xe8\x8dZ\xec\xd9e\xb2EFiJf{3\x1d\xc3e\t\x8c-\x02w\x9d=\x80\x9f.G\xd2&amp;\xd5E\x9f\xbe\x8e\x94\x17\x0b+\x93\xc2$\x80\xf8U\xa0j\x90\xfeoG4\xd7$\xee2\xfd\xe2\xc0\x92\x8e?&gt;uQ\x81\xc3\xfah\x819@\xa6\x871g\xa2\xc3\x10\xa01\xc9\xa70\xc0\n\x00JC\xed#\xcc\xa6\x96\x0b\x15\xe1\x8e\xect9\x00\xe8\x0b\xfa\xf1R\xf7w\x86\xfbTP\x14e\x01UQ.\n\x88*\x1f]\xd5G\xcf\xed\xb0\xefo\x03\x80\x8a\x08\'F\xfa\xd2\x01\xa04\xc4n\xb04N|\x83"\xfb1V\x16\xe6\x9e\x10\xa5)X)\xcd\xf16Mu\xd1\xaf\xe7\x17\x1f$\x99\x87\xff\r\xc8\xce\x1e\xd2@\xd5\x8a\xe9%\x04\x00`\xf7\xa6\t \xc2\x1c.\xed^\xf2\x87\'\xce?D[9\xb1A\xadK\xc8\xed-\xbe\xd6\xc6\xb9\x0cP\x07Hv\xd2ED\xc5\xe6\x90\xe6\x14\xdfQ\xe9J\xb2H(&amp;\'\xa5\x82|p\x07X?\xaf\xac;\'\xcc\x00\xe0\xd4\x86aa\xcdd\n\xae\x00\x13\xf5\x99$/\xa9&gt;}\xc3\x89\xa7\xa3X\x03H\x00\x9a\x92|n_\xdd\'R\xa9\x94\xc2\x92\xc6,\xb9\xf6\xf7\x9d\x01\xc1\xc2\x11\xe0\xd4\x86a\x91\x15\x8e\x19"\xc2\x0c\xe8B\x02\nC|\xd5N\x01\xc4X\xa9\xd5\xc5y\\=\xb0\x02\xf8\x93Q"\xc9\xa0\x9c(\n\x92b\x17#\xfe\x0c\x00n\x00\x93-y\'\xd7\x0f)|X\x99p\xe5\xe9C\x94\t;\x00F\x97@q\x90\xedj.z\x02\x91\x0e,\x0bsP,\xbbMO\xd14\'\xfb\xca\x1c\xd3M\x00,\x00\xd6\xb1\xb2.\x04\x12\x9a6\x14"&amp;;\xca^\x9f\x8ai\xc7\xe5\xa3\x86\xb3\xa3\xa8\x99\xacHTP2\x0c\xa6m\xb6F\xaa\x92\xc9\nA\x80\x9e\x0f4\xb1\xa0\xb6\xb4\x80yy7:u\xc5\xa7\xa7CM`\xefD\x9b\x87:\x94\x87;\xf2\xd5\x84\xf90\x97\xee\xd8\xc9\x8e\xba\x0c\xae\x8e+\x80\xb9&lt;\xc9P1\x880\x9b\xa2\'&gt;~v;}\xfb\xf2V\xa9N:S\x80\xdbV\xccc|v&amp;\xd3\x9bbh\xcf\x08Ju\xd6/\t\xb1\x9b\x03C\x82\xdbW\xf7?~f;\x00\x14\x06Zo\xec\xab\xe4\xabE\x8dK{P\xcb\x052f\xe5\xfa\x98q\x0e\x81\x8e\xe2,Q\xf9rbl\xe8\xca\xe3\xecH\xe0!\'?~c\x7f\xe5HU\xb2\x05M\x96\x83\x9d\xa7ZP\x9e\xa8\xdc\xb6\xf6u\xf3\xca\xf8\xfe4\r\x95\xe5\xd1-\x88\xe2 \xc5e\x14%\x82\xef\x8eV\xa7\x14q\x1d\xbc1\xc9\x9b\x1eb\x15\x04\x08\xad\xf0\xd6\xcd+\xdb2X\x13&amp;\x81\xbd\xe3\xad\x8a\\\xa2,\x84\xd1J\xe1]\xfc\xa6]\xf6,\xfe\xcfX\xad\x8cV\x00\x98\x1e\x94\xa93\xd8\x01\xb4\xa5\x07&amp;\xda\xcb\x1e\xaa\x85\x83\xa2\xab\x07V"\xa2\xb2$v\xe5\xc9^0\xe1\xad\x05\x01\xf2\x90\xf4\xd4\x01\x10\x91J\x1c\xe9\x03\xc8\x91\xf5\xe0\x02"\x92u\x865\xc0\x8a\xb6\x02&gt;m5&gt;P\xf3H\x9e\xaf9\x19\x9b\x94\xd8\xca5s7\xf6\x13\xeb\x07\xed\xb9\\\x16\xfc\xf5\xe0\xd3\xe7.\x8b9\xc2pYB_AT&gt;?\xad.\xdbK\xc2.\xc9\xce\x10|s \xfe\xf3c\x81GL\x00\xcd\xc9\xbewl\x1b\x9b\xc9%\xa9\xc0\x8dd\'\xdd\'\xce\xed\xa4\x0fm\x13\xf5\x99\xc2J\xb3\x0c\x14\x07\xdb\xf2\xa9\t5%\xfbr\x0e\xed\x8f\x9f\xdd.2fT\x03X\xdc\x90\xb9\xac9\x07\xe4\x97\xdbd\x8cK\xcf\xdf\xb5\x9f\xbd\x8f\xb7\xe6\x8d\x9b\xb5,\xcca\xdbp\x1d{\x1f\nuq\x1e\x9c\xec\xechKf\xfe\x9d\x9c\xba6n\xcaN}\xbcv\xca\xc1\xf5\x95{\x8e&lt;u~\xd7\xfc\x92\xd8\xa6\xe4)\xcbo\</t>
        </is>
      </c>
      <c r="E303" t="inlineStr">
        <is>
          <t>&lt;class 'numpy.ndarray'&gt;</t>
        </is>
      </c>
    </row>
    <row r="304">
      <c r="A304" s="1" t="n">
        <v>302</v>
      </c>
      <c r="B304" t="inlineStr">
        <is>
          <t>steps_per_sec</t>
        </is>
      </c>
      <c r="C304" t="n">
        <v>4400</v>
      </c>
      <c r="D304" t="inlineStr">
        <is>
          <t>3.351198</t>
        </is>
      </c>
      <c r="E304" t="inlineStr">
        <is>
          <t>&lt;class 'numpy.ndarray'&gt;</t>
        </is>
      </c>
    </row>
    <row r="305">
      <c r="A305" s="1" t="n">
        <v>303</v>
      </c>
      <c r="B305" t="inlineStr">
        <is>
          <t>Loss/object_center</t>
        </is>
      </c>
      <c r="C305" t="n">
        <v>4400</v>
      </c>
      <c r="D305" t="inlineStr">
        <is>
          <t>0.085069805</t>
        </is>
      </c>
      <c r="E305" t="inlineStr">
        <is>
          <t>&lt;class 'numpy.ndarray'&gt;</t>
        </is>
      </c>
    </row>
    <row r="306">
      <c r="A306" s="1" t="n">
        <v>304</v>
      </c>
      <c r="B306" t="inlineStr">
        <is>
          <t>Loss/box/scale</t>
        </is>
      </c>
      <c r="C306" t="n">
        <v>4400</v>
      </c>
      <c r="D306" t="inlineStr">
        <is>
          <t>0.054780554</t>
        </is>
      </c>
      <c r="E306" t="inlineStr">
        <is>
          <t>&lt;class 'numpy.ndarray'&gt;</t>
        </is>
      </c>
    </row>
    <row r="307">
      <c r="A307" s="1" t="n">
        <v>305</v>
      </c>
      <c r="B307" t="inlineStr">
        <is>
          <t>Loss/box/offset</t>
        </is>
      </c>
      <c r="C307" t="n">
        <v>4400</v>
      </c>
      <c r="D307" t="inlineStr">
        <is>
          <t>0.12451073</t>
        </is>
      </c>
      <c r="E307" t="inlineStr">
        <is>
          <t>&lt;class 'numpy.ndarray'&gt;</t>
        </is>
      </c>
    </row>
    <row r="308">
      <c r="A308" s="1" t="n">
        <v>306</v>
      </c>
      <c r="B308" t="inlineStr">
        <is>
          <t>Loss/total_loss</t>
        </is>
      </c>
      <c r="C308" t="n">
        <v>4400</v>
      </c>
      <c r="D308" t="inlineStr">
        <is>
          <t>0.26436108</t>
        </is>
      </c>
      <c r="E308" t="inlineStr">
        <is>
          <t>&lt;class 'numpy.ndarray'&gt;</t>
        </is>
      </c>
    </row>
    <row r="309">
      <c r="A309" s="1" t="n">
        <v>307</v>
      </c>
      <c r="B309" t="inlineStr">
        <is>
          <t>learning_rate</t>
        </is>
      </c>
      <c r="C309" t="n">
        <v>4400</v>
      </c>
      <c r="D309" t="inlineStr">
        <is>
          <t>0.001</t>
        </is>
      </c>
      <c r="E309" t="inlineStr">
        <is>
          <t>&lt;class 'numpy.ndarray'&gt;</t>
        </is>
      </c>
    </row>
    <row r="310">
      <c r="A310" s="1" t="n">
        <v>308</v>
      </c>
      <c r="B310" t="inlineStr">
        <is>
          <t>train_input_images</t>
        </is>
      </c>
      <c r="C310" t="n">
        <v>4400</v>
      </c>
      <c r="D310" t="inlineStr">
        <is>
          <t>[b'512' b'512'
 b'\x89PNG\r\n\x1a\n\x00\x00\x00\rIHDR\x00\x00\x02\x00\x00\x00\x02\x00\x08\x02\x00\x00\x00{\x1aC\xad\x00\x00 \x00IDATx\x9c\xec}ex\x14I\xdb\xf5\x8d\x04\x97\xe0\x0e\xc1\x12\x82\x05\xd7\x10 H\x02A\x82k\x08\xee\xee\xee\xee\xee\xee\xee\xee\xee\xbe\xb8,.\x8b,\xb2,\x0e\xe7\xfbQ\x99JM\xb5L\xf7\xccD\xf6\xf9\xde\xf3#\xd7\xa4\xa7\xba\xba\xa6\xbb\xba\xe4\x96s\x88\xcc`h\xf3\xca\xa6\xca;\x1d\xed+\x17\x0e\xff\x8b\x02\xcf\x81w\x8e\xd7\xe3\x9d\xc6\xc5\x91\xd3\xe3\x13M\xe9\x1e\xc4&gt;gs\xa8\xa6\x10\xcc\xe9\xdf\xe2\xd4\xfa\x19D\xe4\x1e\xdd\xe8)Q\x89\x88(\xa9\x81\x92\x93\xba6\xfc\xf2\xf0\xb4\x9d-3\x8c\x02\x89\xe5#\x05\x93\x10\x00\xd5\xc2\xfd\x82\xca\x9b\xad\xbfz\xbe\xb4\x1f\xef\x1cM/\x1c\xc9H\xd4\xbc\x9c\x97j\xe1\x8eU\x8bl\x9f3\x14\n\xe4M(\x97LBth\xc5\x04"JE\xb4`H\xdb\xcb\xbb\x16\xb1\x92\xec\xdb=\x0bG\xb2\x0f\xd1\x89x%\xecH\xffF~u\x8bd\x02\xbe\xf3\xaa\xa4\x02D\x945\x1a\x01\x98\xd1\xa7i\xa5\x9c\xc9\x89\xa8q\xe9\xecD\x94\x96\x88\x88\xe2\x10\x95H\x1b\x83\x97\\1\xa6kE\xcf$\xfc\xdc\x91m\xaaw\xabU\x12\xc0\xbb\x9b\x87v\xce\x1b6\xb0q\x05\xf1*\x9d\x02\x8b\xe1\xeb\x03\xfe\xdb\x01\x00\xdf\xc4K\xb3\xcf\xdb\xe7\x0c\xdd5\x7f\x84\xf8\xf3\xe7\x0el\xc5&gt;$\xb0\xd4\xe6\x936&amp;/\x7f\xf7\xe8Z\xf1*\xf3\x06\xb6\x92~\x17\x80Gg6K\x07\x8b\xa5\x8c\xa6\xfc\xe1\x0c\xe9\x89\xb6\xcf\x19\x82WW\xfe\xd8\xbb\xb4S`1\x00q\x89\xc6w\xaa\xfb\xe8\xf4\xe6\xe4\x96J\xbe=&gt;\xd3\xa8\xa4\'+_\xc13\t\xf0a\xef\xa2\xd1s\xfa\xb78\xbcb\xa2\xa5\xd6\xf7Dtf\xd3,\xa9\xf2fes5.\x95\x1d\xf8+\x93\xf5\xf1dDY\xa3\x91\x12\xb5\nf\xe0\x9fw\xce\x1b\xf6\xe4\xecV\xd56\x8b\x18\xd7\xb1\x8e\xcd2\xff\x0b\xf8\x0f\xfd\xc2\x8e\x81E\xf1\xf3\x89\x83\x95(\x06\x01u\x94\xcb\x92\xc0v!\'!w\xbc\x90\x0f\x8e\xff:%b\t\xf5\xdb\x872\x99\xe2\xc5\xb2Ufl\x87\xda\xd2\x91\x14DA%&lt;\x94%[\x94\xcfc\xf0\xa2F\x8a\x89\xe8U\xaf\x8c\xf8/\x1f\x98f\xf7k~}\xdf\xb2.5\xbcU\xcf\x92\xc6\xcd\x10\xbc\xf9\x03\x00\xf0:\xb4\xd8\xc7\xdb\xec\x9b\x98\x1aW\x07\xf0\xf3\xd9\x85\xe6\xe5r\xf3#\x13:\xd5\xe3\xa3\xd8\x9f\'6\x88/\xda\x98v\xb5\xd8\xbfi\x89\xfa4(\xf7\xfd\xc9\xd9\xaa\xb9S\rm^\x85}\xeb\x11=\xa41\xeb&amp;\xf5\x060\xa6]\xadK;\x16$%\xc2\x9bk\x00\xf2\xb9\xca\xd7e\x18\xd9\xa6z\xd329Y\xcd\x00J\xa4\x8dQ\xbb\x90\x1b\xfb\x9c\x82\x15\xfb\xfa`\xe1\xd0v\x00\xb6\xce\x1a,\x9d\xee\x19\x93Z\x94\xf7\x1a\xda\xbc\n[\x81$!Z3\xa1\'\x00\xfcs\xa7r\xae\x14\xca!\x1e\xc0\x86\xa9}\x01\x1c]=\x99\x88~&gt;;\x9fV\xed\x9e\xdc&lt;\xb8\x12\xc0\xb8\x8eu\x80\x17\x00\x80\xbfY=o\xaf\x1f\x10o\xf6\x80\xe0\n\xfa\x0f;\xa5\xf5\xbf\xb1\x89\x92\x10u\xa8RD\xba\x0fc;\xd4&gt;\xbev\xea\xd5\xdd\x8bY\xb5\'\xd7OW\xadM\xbc4)\xeaa\x88AT8\x19\xe5\x88\x1d\x89\x87\xc7\xd8N\xaaG\xf5\x17\xf6iP\x16\xc0\xa7{\xc7\xcd\xd6\xd6\xa6b\x01S\xe5\x1b\xaa\x8d\x11Z\xf8\xf9\xec|\xf8&lt;\x8ffer\x95\xca\x10G\xf5\xabc\xab\xa7\x84C\x03\xc2\x14\xe2\xda\xd3Y\xe8\\\xbd\xb8t$w&lt;\xaaU \xbd\xb2\xa4o\xc6\xb86kcs\xaf\x87\x0byZ\xb7\xf4\xd5\xd5=:g\xe5R&lt;\xb1AM*\xb2\x0fi,G\\\x88\xbcS\xbbd\x10\xca\xe4I@|\x15\x19\x90#\x19\x115+\x9b\xbbd\xfaXw\x8f\xae\r.\x15\xb28u%\x1a\xd6\xb2*\x80\xcd3\x06\xa8\xde;6\x9a\xf4mX\xfe\xcd\xb5\xfd\xecHt\xcbx-\x8d\x9e\x00\x96\x8f\xee"\x8d\xa7\xb1\x89\x80\x9f\x00\xf8B\x95\x15\xa8\xe8\x99\xa4y9/6\xb4\xf1z\xea\x17\xcb\xc2f\x08V\xacI\xe9\x1ci\x84\x96\xc4\'\x1a\xdc\xb4\x12\x80\xe1-\x03\x17\x0fk\x0f`\xfd\x94\xbe\xbcB6\x01\x88-/\x9e:\xfa\xb2Q\x9dI\x18\x16\xb3F\xa5\xf6U\n\x13\xd1\xbe\xc5cx;K\xa4\x89q\xff\xf8z\x00?\x9e\x9e\x9b\xda\xa3\x11;wJ\xf7F\xc07\x95\xbb\xf1\xf5\x01\xbfJ\xd32\xb9R\x11\x11Q&lt;\xa2\xcf\x0fN\xb2\nc\x12\xe1\xfd\xady\x83Z\x13Q*\xa2n\xb5|\x9e_\xd8\xa1\xbcWD\xd4\xbcln\xbc\xf9\xc3\x8d\xc8\'\x9d\xd5\xcc\xdb\xaf\xa1\xbc\x89\xcc\xe7J\x00No\x9c9\xbceUV\xc9\xf3\x8b;\xd5\x9e\x15e\x8fE\x9f\xee\x1fg3Q\xd32\xb9\xbe?&gt;\xabZ\x8c\xc1\xec\x80\xf6\xff\x11\xdc\xa3S\xae\xb8DD\x15=\x93\x18&lt;\xa5L\xa6\xf8\x8e\\Q\xea\x1c\xe1\x80\xc8;\xffG2\xa4\xd18\x9e\\q\xa4h\x8a\xa8\xd2\x11\xe5\xeaO\xab6\x11\xce\xb0\xbd\x11\x11=:\xbd\x19\x9f\xef\xe3\xfb\xa3\xf9\x83\xdb\x10Q&amp;\xa2\xc6\xa5s\xcc\x19\xd0rb\x97\xfaDT"m\x0c\xbc\xfect\xbb\x9as\xfa\xb7\x00p~\xeb&lt;\xfcsGY\t\xf0q\xf3\x8c\x81[g\x0e\x12;L,\xa2\x9cq\x88\x88*\xe7J\xc1\x97\x99\'\xd6M\x030\xb0qE\x00\x85\x92\x85\xd60\xaceU\xb6\x8b\x8aI\x94?\x11\xf9\xb9\xbb\x02\xc0\xdb\x90)\xe4\xe2\x8e\x05\x00\xd8h\x0b\x00\x1f\xef\\\xd86\x7f\xdb\xec\xc1\x00\xcagu\xb5\xb4!t\xf4\x040\xb8i\x00\x80\x19}\x9a\x96v\x8bCDq\x88\xfa4(\xcb\x06\xc7tB\xcbYK\xd8\x0f\x1f\xdc\xac\x12\x11m\x9e1pt\xbb\x9a\xbc\xc2ck\xa64\xf5\xcd\tk\xb0s\x8b\xa5\x8a\x96?\x11\x11Qj""\xba\x7f|=;\xde\xbdv\xc9\x07\xa76\xaa\xde\xed\x81\x8d+\x12Q\x9e\x04\xea;\xbc\xd8D_\x1e\x9c\x12\x8f\xf4\xae_F\xf5\x1d\x94\xb6A\x96;\xf0\x91\xb7\xb0X*5K\x90\x05-\xca\xe7\x01\x90;\x1e\x01\xe8]\xbf\xacN\xc9\xc2\xc9t\xbe\xfc_\x81#\xc3\x1c\xbb\xddM|s\x18?\xe5\xf1\x99-v_+K\x14\xfbNu&gt;\x8a$wBS\x065\t \xdd\xfb\xef\x93.\xe6\xca\xb1\xdd&amp;wk(\x1d\xcf\xa4ZZ\x03Y\xe4!\xd7\x10\xf0\xfa\xaa\xce\xb7M\xcb\xe42RI\xfd\xe2Y\xc5\x7f\x9f\x9e\xdb\x96Hy\xa1p\x9fe\x07\x04WP\x1ed\xb7\x94\xadi\x00\xa4!jP&lt;k2\x8b\xbb\x85\x88\xf6,\x1c\x85w7yyq#su\xf7\x92\xf6\x95\x0bK?\xa4v\xc1\x0c\xec\xdc\xda\x85\xdc\xf8\xc1\x8cD\x03\x1bW(\x9c\x8c\x00\xa4\x16\n7\xf4v\x7fz~{\n\xcb\x0b\xb5aj\xdf\xc7g\xb7\xf4mX\xee\xf2\xceE|P;\xbcrb\xfdbY\xa0\x06":\xb6z\xca\xbf\x7f\x9ePZ\xba&gt;\xdc&gt;\xc2\xb7\xf2\xa3\xda\xd4\xf8\xfc\xe0$\x11\xf9\xa4\x8b9\xb2u5"jX\xc2=\x16\x11[]\xe7I@D\xd4\xbaB\xfeI]\x1b\xd4)\x9c1{,\x12\x07\xd1AM*\x8e\xefT\x17\x80\xe8\xf9 \xa2\xa8D\x00\xea\x17\xcb2\xaam\r\xf6\xef\xe4n\r\xcbgM\xe8\x93\xce\xa6\xe1\xd066N\xed\xc7?+\x97\x05\xc0;\xe5\xa2\x10@\xd5\xdc)\x15e\xad\xa0\xec\x84D\x94Q\xcd\x91c\xa3"\xe7"\xa7\xba\xd5\x81\x88(\xbfj\x93\x9d\x04\x7f\x8f\xd0\xda\x83|L\xd8d\x88(\x9b\x0b}\xba\x7f\x1c\x9f\xee:\xbbQ\xf6\xc0\xe8N\xc4\x00\xb4L\xbd"\x8a\xeb\xae2\x8c\xc0\x8d(!\x11\x80\xb5\x13{\xe9&lt;\xfd\x07\'\xd5\xd7S\xaa\xe0\xbbr\x0f\xc3\x8bd\xd5^\xae\x9ccj[\x0c\x14Q\xb5g \xe3\xdbA#\x90n\xc9\xbb\x9b\x87\xa4\x02\xf1\xac\xe7\x0fq\xa8\x15!\x8d\x11Wv-\xce\xac{]\x00\xaa\xbeD\xfcs\xa7]\xa5B\x0fNmT\xdd\x07pp#~\xdb\x80\x027\x0e\xac\xc0\xe7\xfbc\xda\xd7\xd2o\x12\x11\xfd}\xe3\x00\x80jy\xd3\xb0s\x0b\'\xa3\x89\x9d\xeb_\xdd\xbdx\xef\xa2\xd1|`:\xbby\x0e\xff\xdc\xa7A\xb9a-\xaa\xb2\xcf\xfe\x1e\x89\x067\r\x00\xbe\xb2\xaa\x12Z\xe6\xa7\xe4D\xad+\xe4W\xb6p`\xe3\x8a\xa77\xced\x9f\x1bx\xbb\xe3\xfb#\xb6\xeaw\x8fNC\x9aU\x06\x80\x9fO*\xe7\xb4\xda\xbf\xb5(\xef\x05 \x9b\x0b\x9d\xdd&lt;[\xfa!\xc1\xa5\xb2\xf3\x7f\xf7/\x19\xc3?\xb7\xabT\xe8\xe8\xaa\xc9:7\xca\x08ZX\xdc\xdd\x9bg\x0c$\xebw\xdc;\x8d\x0b\x00\x9bc#\x80\xa9=\x83\x8b$\x8f\xc2\x07\xf7\x80\xec*\xf1\x13\xec[n\xe0\x8a\x00\xa8.\x85\xfc\xdc]\xc3\xbd!\xb6\xa1\xdc\xda\xff\x1f\xec\x80GtJA\xf4\xea\xca\x1e\xef4.Wv-r\xbc\xc2\x0eU\x8a\xb0\xb0\x16\x1d4\xb0^\x95\xabB\xb5+\xe6\x11\xfc\xe2\xc3ZTe\x1f\xf4\x9d\xea\x1b\xa7\xf5\xb7y-\x1dxX\x87E)[\x95\xd6\xc0\x06\xc2=\xba37\x19\xec\x8a\xa2a\xe0\xea\x9e%\xc3Z\x84\xf8os\xc5\xa5\xfa\xc5\xb2\xe4\x8akYK\xbe\xbd\x0e`\xe9\x88\x8e\xca\xd9}\x88"\x90\xef\xd7\xf3\x0b\xcf\x04S\xf8\xa9\r3\x88\xa8[-\x1f\xbc\xbf\t|OFT=_\xda8DGVM\x02\xd0\xb5f\tvVj"\x00|t\xcb\x1a\x95\x88\xc8;\x8d\xcb\xe6\xe9\x03\x88(\x95%\xeeHB\xa9\x0c\xb1\xe7\x0eh\xc9G\xcf\xb9\x03Z6\xf1\xcdY.K\xc2F&gt;\xd9\x88h\xd5\xb8\xee\x00D\xf3w\xc7\xc0\xa2\x13:\xd7s%\xc2\x87\xdb\xad\xfc\xf3\x9d\\?\xfd\xe7\xb3\xf3&lt;\x14P\xbc\xbd\xc0\xdf\xfcs\\\xa2\x1a\xf9C\rN\x1d\xab\xaa\xb8[\xf5\xd1\xa7AY\xc9\xe9\xc2C\xb9r\xc4""j\xe8\xed\xae_C\xb7Z&gt;\x00z\xd6\xf5\xcd\x93 d+\xec\xa6Qr\xef\xa2Q//\xed\xc2\xf7Gf\x1b\xe948\xd8M\xab\xe4J\xa1\xea\x931\x08w\xc3\xcbYW\xf3\x95\x17Om8\xc2\xd10\x9c\xf8V+\x91\xcev\x11+$7\x1c]\x1a\x85\xc8\xd3z\x7f\x11\x90=\x99\xb3,\xda\xceBF\xb5\x83\xb7\x0e\xad\xe2\x9f\xb93&lt;\xd0+\x95X\xc6\xe6\x0b\xe9\x08\x94\x0f%\xa5\x81n`\xc4\xed,\x81\x1b\xd6U\xf1\xf0\xf4f\xf6\xa1G\x9dRu\x8bd\x8a\xa5\x08%"\xa2\x86%&lt;\xbc\xd3\xb8$%\x9a\xd63X\xb5\x12iO\xf0\xe7\x89\r\x85\x93\x93wj\x17\x16P\xcb\xc2@\xfb\x05\xf9)O\xccf="v\n,6\xa1s\xbd\x94\xc6&lt;d\x83\x9bV\x12\xffe3:^\xb3\x90\'\xdc&lt;\xb8\x92\x7f\x05`\xff\xd2\xb1b\xe1\x99}\x9a\x12\xd1\xd5\xdd\x8b\x89\xe8\xfa\xfe\xe5\xf8p\xeb\xe1\xa9M\xb9to\xed\xd9\xcdsn\x1f^MD\xb9\xe2\xd2\xd0\xe6U\x00\xa4%\xca\x9f\x88\x12\x11\x89\xce@\xb6\x015b\xe3\xe0A\x05v\xbf\xfb\xa2\x83ZD*\xa2\x06\xde\xeeu\x8b\x98\xb2\xad\x86;\xc2"~\x83c\xe7\xbca\xaa;#\x83\xd84\xdd\xa1\xb5\xde\xff\x00\xdaU*\xa4z\\\\\x04E*\x04\xe6Im\xbb\x90\x80ckB#\xa0z\xd4.\xa5,`0\xc4\xd6\x89\xf8c\xcf\x92p\xbf\xa6\x8c8D\x07\x97\x8f\'"|\xb8\xc5\x07\x17)\xd6H\x07{\x17\x8d\xe6\xd6\x18\x8e\xec\xb1\xa8P2JC\xa4\xf3\xc2\xaf\x1c\xdb\xadB\xb6\xd0\xfc\x8b\xe3k\xa6\x02\xc8\xac\xed\x99*\x96*\x1a\x80\x91\xad\xab\xb3\xd5F\x8d|i\x03r$\xbb\xbag\t&gt;\xddU\x9d&lt;2\xaby\xda\xb9\xf7\x95\x9f\xe2\xaa\x96\x05BD\xa52\x84\x04*\xce\xea\xd7\x9c}\x18\x10\\!\xd0+u2kk~\xbd\xa2\x99\xc9b\xcc\xe13\xd0\xe7\x07\'\x81\xefZ\xe6D\xfd\xa9\x8e}\xdb\xc47g\x8b\xf2^\xac\r\xf1\x89Z\xf9\xe7{w\xf3 \x11U\xcf\x97\x16\xc0\xc3S\x9b\xb4NW\xfb)\xe1\x05\xf6\xab\xc2\xc2\xcd\xc9\xecH#ZU\x0b\x83\xba5\xe1\xa8\x81\xfc\x7f\x1dU\xad\xd7\xcev`@\xb0\xff\xb7\xc7g\x95\xc9hY\x8dy}\xed\x9e\x97\xb4^?e\x84O\xf8 \t\x91Vt\x00\xf3L\x1a\x81\x9bv%F`\xf6\xd4\xd8D\x05-\xe3\xdb\xe4n\r\xe7\x0fj\xcd\xbf\xe2\x13\xf3\xef\x17\x17\xab\xe7U5\xe1h\xc2U\xfb\xab\x9f\xcf.\x00X5\xae{\xf1\xd4\xd1\x01\xe0\x9f\xbb\xcbFw\xfe\xf5\xfc\xa2T\xacG\x9dR\xec\xc3\xe33[\xba\xd5\xf2\xd1\xb9V\xef\xfaV\x89\x17\xaeD,oK\xbf\x19:\x80\xc2\x9d\xab\xeci\x00\xf0\xee\x86N%?\x9e\x9eg\x1f\xa4\xc8Q\x86\x98\x96j\x8d\x84\xd1;\xfa~\x9a\x05\x00\xe3\x8e\xbbH\x051i*\xca\xffEO\x12\x11Q\xb5\xbcF\xa2\x19\x1d\xc2\x82!mU\x93\xad\x0c\x82\x05&gt;\x8a\x88j\xfd\xec\x8a\xa7\x8e\x0e\xbc\x14\x0b\xb0\xa0r\ta\x1a\x99\x05|\xe5\x19RZ\xd80U\xa5UD\xe4\x9b1\xde\xdb\xeb\x07\xa4\x83}\x1b\x96\xcf\xa6\xb6\xaeN\xea@n\r\x0b(4\xe5\x18\xcb\xe6B}\x1a\x94\xe3\xff&amp;$z\x7f\xfb\xb0T\xc6\xdc\x06\xcd\x00\x00l\x9b=d\xc5\x98\xae\xfa\xa6\x1b\x0ee\xd6\xde\xa6\xe9\x03\xc4\xda\x18\xea\x17\xcbBD#\xdbT\x17\xf3\xe0\xcc"\x8d\x90\xfd\xb7o\xf1hV\xff\xa3\xd3\x9b\x89\xe8\xee\xd1\xb5\xfd\x1b\xf9\x9f\xda0\x83]N\x0c\rR\x82\xfb\x84U\xcd\x98\x85\x92\x11\x80\x9b\x07V\xd8\xdd\xce0DF\x93\xe1}\x91\nb\xbaiDz\xd2#\x1fZ\xf9\xe7S=^2\xbd\xa3\xc9|~\xee\xae\xc3ZV\xb5\xfb\xf4V\xfey\xa5#\xfc\x95\x16\x8f\xd8]\xbfS\xd0\xb4LN\xf1_\xd5-\x06\xe7E8\xb4\xdc\xca\x01\xde\xad\xa6\x0f\xdbf\xed\x9a?\xc2\xe6\x85Lm^\x94F\x8fI]\xe5P]#\xd0Yc\xaa\x86!9\x8e"\xc9\xa3\x1c]=y\xfb\x9c\xa1\xfa\xc5\xa4\x84\x9d\xa5#;\xb1\x9eP\xafX\x16\xa9d\xc9\xf4\xb1\x9a\xf8\xe6$5H}iB\xe7z\xaa?\xaa\x81\xb7zT\x82W|\xf2\xb2\xce\x16\x00\xb0O\x882R\xbdbN\x8d\xb7\xaaT\xfa\xd8\x00\x02\xf3\xa4\x06\xe0\x9d\xfa\xbf\xb9\xd0\x8e\x0c0\xb2*)\x9b\xd9\xa1\x84\xaf\xc8\x89&lt;\xc6\xb8!"O\xa6\x82\x1d\xf8\xe7\xde1\x00\xd7\xf7-c\xff\x1a\xf1+\x8a\xd0\xcf\xd4\xb5\x03J\xf3\x87\xce\xa8\xe8\xe7\xee:\xaa\x8d\x95\xc1\'\x03Q\xedBn\x8c\xd5\x80\x1ft|_\x96%\n\x1dY9I&lt;\x92\xc6\xd6L\xd9X\x08\x94\x14\xf1\xf4\xdc6\x9d\x80c\xe3\xb1\xdf.D\xf8\xc7v(v\n\xa2")\xec\xe9\xa0e2\xc5\x93~\xc2\xf3\x8b;\x94\xdcJ\x12\x00\xe0\xe5%;.g7b\x13\x8dhU\r\x80+\x11\x1116\x88\x14\x96o\xbbT\xf7^:\xb2\xd3\xa1\xe5\xe3m\xd6\x03\xe0\xfb\x93\xb3N\xdf\x81\xfd\x1f")\x8c\xaf\x07\xec\xb3\x9b\x03P2\xa0\x01\x18\xd7\xb1\x0e\xa9\xe5\xb5\xdb\x8d!\xcd\x1ce\t\\5\xbe;\xfb\xa0\xdc\r\xd8\x84\x96\x1b&lt;L\xc1\xb7\x9e\xbd\xea\xf9*\xbfm\xe8\xed\xcex\x14\x9cx\xc5\xfa\xc5\xb24)m\x95\xf9\xa8:-Iq\xf4\xaa`\x0c\x10\xaaK\x0be\x9c\xa8\x0e\xcem\x99#\xfe[2\xbd\x13\x92\xb0D\xb8\x11\xad\x1e\xdfC&lt;R6s\xfce\xa3:\xa9\x16f\x16\xa1\x89]\xea\x03hX\xc2\x83\r\xa3\xd2\xb4\xb3iz\x7f\x16r\x9aJw\xee\x94fGe\x8cJ\xb7Z%\xf1\xf5\x81x\x84e\xab\xb1\xcf]k\x96\xe8Z\xb3D\x12\xa2I]\x1b\x10QM\x057I\xe3\xd2\xea\x19\xac\x13:\xd7\xa3\xf0\xdf\xfeF\xa4\x03:r\xc0\xc9\xdd\xd6\x18\x8c\xc7V}\xb8s$L[\xe28\x9c\x92\x87\xc5\xbcg\x1b\xa7\xf6\x03\xe0a |\x97\xbf\'F\xd2\xe6M\x8dk6qx\xc5D\xfd&gt;3\xaec\x9d\x85C\xdb:\xf1MN x\xef\xab\xe5\t\xddN\xd8\xb7\xb1h_\xb9\xb0\x14\x9ai\n\xc5RF#\xb5E\x89\xea\xefm]!\xff\xf69C\xf8\xbf\xa6\xe8\x0e\xbb\xd5\xf4\t\xb6\xd0v\xea{\x86\x19\xaa\xe4JQ\xb3@z\x00Qm\xad\xaeX\xac\x94\x91\xbcKU\xa4\xa3\x10\xc2\xa8\xf4\x1aq\xd8KFtT\x1elW\xa9\x90+\x11\x11\xb1I\x88\x88R\x11U\xce\x95"\nQ\x96\xa84\xbdW\xe3\xa6er\xb6\xaf\\\x18\xf8\xf4\xf2\xf2n{\x9b\xf6\x7f\x10`\xf7\x03\x8e&lt;h\xe9\x97\xd7Y\xc4 /4h\xaaT\xd1\xae\xb2\xbc\xac\xd6r*8\x1daA\x88j\x87e\xdb7\xa3\no\x8c\x9f\xbbk4\x03k4\x00\xd9c9\xb3\xfbm\x9e1\xc0v!\xcb\xa5m^\xb7^\xd1\xccy\x0c\x98K\xf98%"\x96"%\xcd&amp;\xecp:%\'j\xe9\x17\xea+\xd2NW\x0f\xc1\x84\xce\xf5\xb8\x83\xa1\x90\xb1\xc6A\x9b\xb9\xd38\x00\x00_R(\x8e\xabN\x00C\x9a\xc9\x93n\x06\xa2\xbc\tC\x82\x97\x12\x11\x95\xcb\x9a\xf0\xcb\xc3S\x00\x16\x0em\xe7`\xc3\xfe\x0f\xa1\xd84\xbd\xff\xfe%cm\x97\x8b\x94\xb0\xbb+\x1c^9Q:"2\xbc\xab\xa2Eyu\xa6\xfb\xb0\x80\nc\xa7I\xac\x9b\xdc\xc7\t\xed\xd0\xc6\xc86\xd5\xb5\xbeb\xb6\x0e\x9d]\xca\x92\x11\x1d\xbf&gt;:m0"K\xc7\xe6\xae\xe5Zd\x00 \xa5\x9b\xe5s%\xe0[~[\x9bz\xe0\x85\xf2\xa0\xabbQ?\xd7\xc2\xce/]T\x9a\xff\xc2"\x84D\x99\xd9\xa7\xef-\x07\xb0t\xa4\xbaiH\x0bZ\xba\x0eF`v=\xa1\xd5\x13\x94\x8e\x91\x87\xa77GL\x04\x84O\xba\x98/.\xed\x8a\x80\x0b\xff\x1ft\xa1\x95\xd2i\x07\xb2F5d-\tSp\xfe\x1f\xe7z\xad\xcdE\xad\x87=.n_pe\xd7"\x96m\x94\xdd\x96\x85Q\x8b\xb8b\xcb\xccA\xfa\':}\xa4\x90r\x80\x1fYr\x8f9\xda\x06\x14\xb0\x19\x11/\xc2\xbe\x1c\xbd\x1d\xf3\x861\xbeB\x11\x8e\xff\xd8\x0fw\x8e\x84\xbf\x7fu\xe3\xb4~\r\xbc\xdd\x17\x0f\xef@D1\xd4\x98\xb2$\x0fV\xd32\xb9\x94\x0cN\xff\x07\x13(\x9e*\xda\xff\xb9\xd1\x95\x98\xdc\xada\x83\xe2Yw\xcd\x1f\xae\xfa\xed\x7f1\x0e8\x87\xb3\xb4)\xc2\x00\xf8\xfd\xcc\xa6\xd5\xc2&amp;T\xd9C#\x16f\xfd\xf3"\xfa7Ra\x98PE\xfeD\xb4hX{\xfb\xae\xa2\x03\x00\xbcZ#\x11\xbaF\xe0j\xf4\xd2\xcfI\xc1\x0e2\xb8i\x001\xed\x81\x88\x0ez\xfe\x1f\xc4_\xd6^\x14\xc6(\xe2 \xfe&lt;\xb1Ay\xf0?\x11~\x89\x9fO\xd3(\x0c\xa9\xe2\x1a\xdc)\x9a\x97\xff\xdb\xf0u\x8bk\x9cZ\xcan\xeeq\x0e\x17"\x89\x15\xc7\x08D\xbb\xb9\xd3\xe1B\xd4\xc0;k\xdf\x86\xe5\xa4\xe3\xa69\x8f"\x08\xc0G\xfeY\x99\x8alo\x9d\x7fk\x1c\xc7\xf5\xfd\xcb\xf9\xbf\x7f]\xd9CD\xc7\xd7L\xe5\x07S\x18skG0\xa2;\x95\xeb8&lt;\x11y&amp;U;^c\'"\x16Q\x99L\xf1\xf8\xdd\xb0\x83v)\xfc4*mA4\xbc\xba\n\xb1[\xe1\xa3\xa3\xe9\xf5?\x98d\x12\xdeX5\xae;\x97Kc`V2\xa7 \x8d\xae\xd2\xdf\xe2a\xedy.\x82g\x0cu\'\xad\x83\x902\x19\x014\xf5\xcdID%\xd3\xc7\xca@\x943\x0eU\xf5J\x15O\x91\xec&amp;\xa2x*\xe7\x93W:\x04F\x1b"J\x1b\xffW\xc0\xd8\xcc\xf9\xbf\xee\xd1\xa8N!\xd5$\xed\xffq0a\xf1\x85C\xda\xb2\x7f\xdb\x06\x98\x93\x9a\xab\xe8\x00O_\x98\x82\xbb\x04#\xcfL/a\xd5\xb8\xee\xe1y\xb9\xca\xb9\x94\xa1(\xe1\x81\xb0\xf3*\x19\xcc*PrR\xa9"\x1c$V\x1a\xf9d\x13\x03\xfcU\r\x06\xbd\xea\x95\xd11\xa3)\xc3\x84"\x18k\'\xf6\x8a\xe8&amp;\xd8\x83=\x8bF\x11\xd1\x93\xb3[#\xba!\x11\x8f\xfa\xc5\xb2\xcc\xe9\xdf\x82}\x0e\x1f\xd7\x88}\xfeX\x9b\xf6|\x89\x80\xd3fX\x97\x13\x97R^*\xe1\xa06\xc0R:\xa5\x83N7\x95\xb4\xabTHu\xfd\xac\xcaG\xe6,\xb8\x85]\xd5\x11\n%7\xaaYps\x90\xd6\xa6\xa6R\xce\xe4\x00\xfa4({}\xffrUQ\xf8\x08\x83\xb3\\"\x91\x04\x7f\xecY\x92\x80\xa8k\x8d\x12N\xaf\xd9\xf8\x18\xca\x89\r$\x843wq\x0ea\x15U0\xbc\xccy\x8e\xfb?\x8d@5=B\x95"8\xfc\xa1\\\xe2m\x98\xda\xcf\xe9+\x12Un\xb5hD\xcd\x8c\tg\x86\x0f\xf0\xf3\x89\xd6Wy\x13\x9a\x9b\x14\xbd\xe2k\x8e\xad\x91\x07:\x0b|\xf6\x153N873\xd1QT\xcf\x17\xd9\xe2\xe8\x1c\x85H\x0c\xc7H\xa3\x9ce+08\xc2h\xc9\x04\x1a\x84\x92\xa3\x91\x1cVQ\xb6\xbf5&amp;1w`\xab\x8eU\x8b\xda,\xe6\xf8\x0c\xad\xfa\xa3J\xa6\x8fe\x84\x0e\xc1 \x9c\xb8lwJ\xe4k\xeb\n!\xe9x\xe7\xb6\xccQu}l\x9c\xda\xcf \xe9f\x84\xe3\xe3\x9d\xa3\x8eS\x13\x1a\x84\x8e9i\xd9\xa8\xceN\xbc\xd0\x97\x87\xa7\x18\x03Dz\x85\xb4\xdc\xf1\xb5\xd3\x80\x1fF"\xa9\xfe+OP\x05\x06\xc9\xcb\xc2\x1ab\x9e\x91\x13[\xa44\xec\xe2\x9b\xa6\x96\x9bh\x9c\xe495\xa5\xdd\xc2g},\xe3\x8f\xbdK\xc3\xf3r\xc0[\x9be\xec\xd8\x91\x94v\x8b3\xbb_\x0b\xfe\xafV\xa0$s\x17\x8f\xefT\xd7qjK\x91z\xcc,\xd7M\xa4\xf5OD\x12\x00h\xa2\xc1\x8a\xc3G@\xafx\xb6\xe5w\xaa\xe7M\x13\x9f\xa8s\xb5\xe2:et\x08P\xc3\xc2^\x16U-s~\xee\xc0Vl\xf4\xbfwl\x1d;\xa2\xe5\xb9\x89\xbc\xa9\x00\xff\xdd\x99\xc9\x14\xb2\xc5\xa0b)m3\xf5\xea/\xf3%\xe5\n\t\x8e\xa7\xc2\x9a\x85\x1d\xe3Q\xd32\xb9\xcc\x1b\xc0#\x00\xd1\x89\xf0\xea\x8a\xf2\x07*S\x99\x1c\x81\xf1\x1bxz\xe3LGB\xe6#\x04\x1b\xd4D\x17\xc2\x14\xc5R9\x9f{\x9aG\xfaG\x8cO\xdc\x16\n&amp;!\x00\xe1-\xf9b\x1fl\xae\xe5Ee\x89\xc8\x06-AD\xe3I\x8c\xd2~\xbd\x82\x1a\xdf\x99\xe3\x83\xe3\xc4.\xf5u\xbe\xe5\xca\x18a\xba\xaf\xd2\xaa\xbbW=_\x00\xf6\x11\xf9J\xe7\x84u\x062\x00\xa5h\x0c,b\xe5\xe1\x8fN\x81\xc5\x008\xa2\x95\xad\x85u\x93z\x1b)\x16Q*i:\xe0b\xee\x0ci,d\x99Z\x88t1\x91\xd6\xd88\xad_\x81\xc4\xc4\x94\x7f&lt;-\xbc\x8e\xaf\xff\xd8\xcbf}\x9b\xd3\xbf\xb3\x08\xbe"\x0b\x06\x04\xfb\xb3\x0f-\x15j&gt;\x11\x0e\xa7d\x81\xd9\x07Q=U\x0b\xf8\xf5\xd4f\x99\xdc\xf1\xa8m@A\x07\x1bS8\x99:s\xb2\x18\xbb&amp;\xd1\x0f\xf4\x0b\xf2\xb3#xV\xd9\xf5\xf1\xf6Zz\rr1\xc7\x11Scm\x0e\xe0\xc4:G\xd9\xbe\xc8\xc2\x1ci\n\xf1\x89ZW\xc8\xef\xf8\xa5%\xb8)\x8e\x8cl\xadIX\xa4\x850W\x8c3\x86\xa6j\x9e\xeafe\xed\xd7\xf6\xb2\x0fJ\xca,\x83(\xa4\x1b \r\xe0\xdf\xfb\'T\xbfb\xfa\xc0Z\xd3C\xcf\xba\xa5\xedk\x8f\xd3\xb0w\xf1\xe8J9\xfe\xc7\xa6\xa7\xb0\x82\xc1\x18d\x0eU\xe6\xd8\xb0\x802\xe0$!\x11\x80k\x82\'\x80\xf9$\xfb4(7\xbec]"*\x91&amp;\x06\x11\x1d_;\xcd\xf8U\xcae\x91c\x9a~\xbf\xb8HDg6\xcd\x96\x8ek\xe5\xdd8\x85~*\x9c#\xeeM\xc1\xdf\xc3\xc9aI\xa9\x88D\x05\xf6\x91\xad\xab1e\x02\xe3*.a\n-\xe7;\xe37\x06\xa0\xec3Z\x18\xdf\xa9\xae\xf8o\xb3\xb2\xb9[\x94\xf3"\xa2\xbe\r\xcb;\xcb\xb6V2},S^\x1d;2\xa2\x82-\x826+\xc7v\xabS8c\xb5\xbci\x12\x11\x01P\x9aOX\xc0\x1es\x8c\x85kT\x0e\xf0Z\xfc\xb7Kuog\xd5\x9c?\xe2z%&gt;\xdcb\x1f\xa6t\x0f\x8a\xb0F(\xc0\xe9k2\x11\x95\xca\xe0|o\xb0\x8e\xdd\x13\x00\xd7&gt;\x151\xbb_s\xe9u\xd2ZM\xab\x1e\\k\xcc"\xa1\x85"\xc9\x1d\x8d\x8cY9\xae\x1b\x00\x89\x17(w&lt;\xfb\x85v\x9d\x8b\\qhD\xebjN\xacP\n\x1f\xfco\xa5\'\x03P\xda&lt;U}\xb0\xc5SG\xd7R\xfe\xfa\xfb\xc6A%Swuk\xba\xcd\xae5J|{|\xc6\xdefj\xc2\x8eQ\x99\xbf8%\xd2\xc6P]\xfd\xb1X\xb8\xff"\x19\x97mh\r:\x91\rZ\x0e\x830\xc2\xa86\xd5\xed\xa0d\xb0\x89\xa8\xbaFU\xd5\x11\x9cE#\x04\t\x96\x19\xe0\xfb\xa33\x9b\xa5bESFU=}@\xb0\xbff\xc8\xf3w\xcd\xe0(\x9b\xd0\xd7_\x95/\xf4\xe5\x81\x98\xeb`\xc4\x9e\xe6\x14\xb8:pn\xc4:\x87\xeds\xdd\x85]\xec\x9aq\xff\x96\xd6\xf6"\xa9"\xbd\x06\xf8\x10\x8179\x13Q\xfdbYf\xf7o\xb1~r\x1f\xe0\x97\xce\xae\xdf\xdf#qXx\xc2#\x00\xff=\xb2\x08k8w\xc7ewm\x0e\xae[\xef\x1d[g3\xb4rV\xdff\xec\xc3&lt;u\xb6\xf7\x7f\x94\x07;T)\xac\xa5\xa0\r@\xd4\xc6\xb3I}\xccqp\xf9xi\xeb\xa9\x84\x91`\x89\xd6\xfe\xf9D\xc3Z\xa7\xc0bF[\x10A\x88a\xad\xf1\xd0\xc47G#\x9fl\xcc\xe4z\xe3\xc0\n\xa9\xb0{4\xe7\xcb\xd5\xd5-\xf2\xbf\xb6\xdc\xcc\x9b\x90\xdc#\x93\xc3x\xd3\xf4\x01\x9d\xab\x157\x9b\x8f=\xb6C\xed0jO\x98\xc3=\x9a\xb9U[\x18\x81\xdfo)\xd0\n\xf8\xcb\xee:\x8f\xae\x9a\xec@\x8b\x08_\x1fp\x1b\xb0\xb2\x8b:\x98,\xa6\x84\xcdDee\x0c\x89\x18\xd7\x9b\x98H\xa9!\xac\x05\xb6{\x10\xddY\xc9\x84\xb5-K\xbe\xd3\x87\xbb\xc3K\x9f\xacQ\xc3{5\xed\xf4dj\x00\xd7\xf6-c\xf6\x8b8\x96\x0c\x86\xff\xb5\xb4Lk8\xfe\xdc\x19Xx\x82\xbfGb\x00~\xeev\x9a\x9b\x81\x7f\x1dl\xc6\xf2\xd1]\xf6.\x1a-\x1e\xf1I\x1bS\xb9\xad\xd1Y\xcd\xfc\xd7W\xcf\x91\x1a\r\xbd\xdd\x9b\x96\xb1=\x189\x82\xacQi\xe3\xd4~\xfae\x12\x13\xad\x9b,\x0f\xbe\x07\x97\x8fwV\x1b\xb6\xcd\x0e\x91]\xd5r\xdf7\xb68\xa3t\xa0\x1a\xea\xaa\xc4\xa1\x15\x13\xc8\x88,\xe2\xeb\xabDT\xb7H&amp;\xd5\xb0\x93\xce\xd5\x8b\xeb\xd7\xa0%\x9c-\xa1O\x83\xb2F\x8a9\x0bf\xdd\xfe6\xb1hX{\xf1&gt;\x8cj[C\xa7\xb0\xd6\xe2]g\xc2\x88$\xbe\x10\x862\x99\xe2\x13Q\x80Z\x8c\x89#3k\xe3\xd29$n\xa8\xfe\x8d\xfc&lt;\x8dIn\xcf\xee\xdf\xc2\x91[4\xa3OS\xb6\x06\xda1o\x98j\x81\xe5\xa3\xbb4/\x9b{\xc9\x88\x0eb@Z\x83\xe2Y\x81O\x13:\xd5S=%\xd0+\x95\x96\xff\xe3\xff\xe0L\\\xde\xb5(\xac/\xd1\xb3\xae/\xfb\x00\xa0W=\xbd\xbc0\x07\x11\x16\x0ba\xe0\xf7\xb0\x16U\x94\xa1\xf4\x8dK\xe70\xf2re\x0c\xa9D\xbda\xce\xd2Q\x90\x94C"g\xfa\x8f\x08\xdf\x8cq\xeb\n\x1c\xc8\x95s&amp;\x070\xbb_\x0b&amp;\x0f"\xc1_\x08#v\xfa~\xd1\x110e+;\x1c\x03\xa77\xce\xf4\x8aO\xeb\r\xc8yJK\x84\xacj\xfb\x06\x17\xa2\xc0&lt;\xa9\xc7\xb4\xabur\xfd\x0c\xf1\xf8\x98\xf6\xb5n\x1d\\\xd5\xbdv)~D\xa2\xa1f(\xed\x16\x17\xf8m\xb8\xed\xea\x18\xd2\xac\xd2\x9a\t=\xb7\xce\x1a\xac\xfa-\x80\x8a\xd9\x93\x9e\xdd&lt;gx\xcb\xaa\x05\x93\xe8\xcd\xc7\x07\x97\x8d\'K\xb6\xf0\xd8\xf6\x11d\x0e\xba\xa6Aaf\x07\x1c\x91\xdc\xfc\x0fALgOA4g@KS\xa7;7]\xe7\xe4\xfa\xe9\xc5RF#\xa2J\xce \xc3\x01\xe0\x9d\xda%\xa7\xb3\xdd\x7f:q\x91\xaa\xf1\xd1\r\xbd\xdd\x8dLo\xad+\xe4gQ\xe4\x91?Y]z6\x9d\xab\x15cA\xba:\x81\x01,\x98\xa2O\xfd\xb0\xdd\xeep\xe2\xd8\xb0\x86\xc1xJ}[Q\x96\xa8!\x1dF#D\xedk\xc7\xaaEx*\xe5\xcc&gt;M\x95\xf2\xda\x83\x9a\x04\xdc&gt;\xbc\xdaHK\xf4\xe1\x19\x83\xd6Nr\x948\xd9\xe9/Zd\x84k\x04]\x97\xa9y\x0co\x15\xe8\xdcj\xa3\x1a3\xad\xe8`\xf7\x02g\xf2\xb0.\xb0\xf0\xfe;\x05\xe1\x1fG\xd1\xa1J\x11\xe5\xde\xf7\xe8\xaa\xc9:\x1c\x9f\\=&lt;\xd2\xae\xfdU-\x1e""If\x96\x83\xc8\x16\xc3\xc9:\xcf6\x81\x7f\xef\x8flS\xbd\xa9\x01o\x13\x11\x01xv~\xbb\xf2\xf8\x99M\xb3\x9c\xdd\xae\xff98\x91\xbf\x0c\xc0\x1f{Bs\x91D\xc7\x8dS\x14\x1b\xf0\xe5O\x9doW\x8c\xe9*\x1da\xa6\x8c\xff\xbd\xb8\x08\xa7\xa0{\xed\x92fO\x91\x06\xbb\xab\xda4^\xff\x13\xb1o\x9aPj\x7f\xeb\xa0S`Q\xfc}=\xd0K\xd3M\xf8\xf4\xdc6I\xeb\xd1)\xbeh\x9d\xe1\xda\xec\xfb \x86Q;+5\x81\x0b\xaa8n\x0f/\x95&gt;6\x80 \x85^X\xfeD\x04\xc0\xdf\xc3N\x07\xb2\xa9\xa7\x1c\xd9\x11\x16\xec\xf9J\xc4"\x1a\xd7\xb1\x8e\xeaW\xe9\x9c\x11\xfc\x00\xe0\xe0\xb2\xf1\x12\xebH\xf8 r\xb0\xa0:\x07JW\xe7\xea\xf1=\xccV\xd2&lt;\xdc\xd3\xfa\xff\x8bHc1|5*\xe99\xb9\x9bf\xd2\xe2\xd0\xe6Un\x1f^\x8d\xf7!\xe9\x8d\xf5\x8be)\x95A\xb6\'\xf3\xcd\x90)\x94vFB\xe2\xa4\xae\r\xb5rPJ\xa4\x89\xd1\xc8\'\x9bGD\x84i\x16LB,:H\x87\x83D\x14\n\x8e@$!\x02~\xe0\xef\xeb\x8dKe\x8f\x14k\xa3\'\xe7\xb6\xde:\xb4*,j\xc6\x9bkv\x9cuj\xc3\x0c\x9bet\xd6P\x0c\xd7\x9cG\x89\xac\xb5\xcci]!_\xf8\xd3|\xfe\x8fa\x91`\xab\xc5_W"\xb0%\x1c\x06#\xba\xf3&amp;\xa4\xc1MCU\xfd\xfe\xba\xbc;\xf2o-\x1d\x8fk\xf2N\xe3\x02 \x8f\xf6\xca\x7f\xed\xc4^xw#\x15Q\x8eX\xb4`p\x1bG\xafg\x18\x95s&amp;\x0f\x1f%g\xd1X\xca8\x82R\x12\xd5+\x96yz\xaf\xc6\xec\xe0\xbcA\xad\xf5}\xf8\x13:\xd7\x030\xa9k\x83[\x87V\x01\xef\xc2\xae\xa9NCXx,Zh\x13\xc9\xbdt\x804&amp;\xb8T\xf6y\x83Z\xdb}:\x87\xa8\xd2\xd0\xad\xa6\xcfB\xa7\x1a\xdcu`\x9c\xc1\x94\xa3x\xea\xc8\x94\x18\xe3\x00\xf8\x0blD.\xd5\xa0\t\xda8\xd1\x95oFs\x1e\xe5\x95c\xbb\x89\xff\x020\xbb\xc0\x9c\xd2=\xa8\xa0\xbdI\xe2\xd2\x06\x9a\xf9\x8dYP\x80\x0e\x94\xd6$\xb3\x1bq\xe3\xc4\xd7\xfaM\xf9\xef\xfaBNm\x98\xc1\xef@\x95\\!\xc6l)\x1b\xa9_\x90\x1f\x0bgP\xbdW\x8dJf\xbb\xb0}&gt;\xf0"O\x82\xc8\x15\xb9\xebd\\\xda\xb1\x80\xff~\xe5\xbd\x88$\xdb1\x86|\xae&amp;\n\x8b\x9c\x82N4}h\xd9&amp;\xef\x1e]K$S{\x1a\xcf\xc2\x8dX\x18\xdf!9=\xeb*{,\xca\xe7J=\xeb\x94nP\\=\xb1\xd9A\x18\xa7\x96\xd4wY\x1b\x1c\x02~&gt;;\xef\xf8`1\xc2\xb1\xc8\x88\x96~y\x018\x85\xf5\x0b\x00wu8\x91\x91,\x1cpe\xf7b\x16\xa6\x907!\xad\x1e\xdf\x83g\x81\xa5"\x02\xfe\xe2\x03\xc2\xd2\x11\x1d\xd9\xa0\xa74\x97\xb1\x1d\x00\x80\x8a\x9eI&amp;t\xd6\xa3\x88\x0f[L\xecR\x1f\xf8\xc5\xff]&gt;\xba\x0b\xfb\xe0\xea\xd4\xab\xe0\xdd\r\xael\x17v\x18\xde*\xb0|VW\xfd2aj\xae\x89\x19\xf6\xa9\x06\xa2\xf2\xa5\x13\xa1\xea\xcf\xf0swU\x1et\x8f\xa6&gt;Z\xe9$\n\x18\x14\x18Hk\x1d\x05\xef,\xf4\x10b\xc3mBr\xbd\xda\x84\xb3r\\E;R$G\x91\x14QzY\x92]\x1c\xe7\xb7b\x01\xb2\x87VL\x00^\xb1#\xe1F\xa0k\x1f\xcaf\xb6\xb21\xb5\xa9X@\xfc7\x81b\x99\xcb\xfe\xf5Vl\xd0\xf7/\x19\x03\x80\xc9\xca\xdf=\xba6\xc2\xd6r\x9f\xee\x1d\xe7\xcdM\x1a\x11\xa1\xa9\xfa{IS\t\xdf\x00^\xff\xb1\x97\xff\xabJ\x85\x7fq\xfb\xfc\xdc\n\xb6:\xaf\xf8T0\x89m!:#0b\xb8\x88(\xe4\x0f3\xfd\xf4rY\x9c\xe0\x11\xef\xdb\xa0\x9c\xa9M\x98A\xcc\x19\xd02\xec\xc2[\x95\xe4\xa6v\xbc\xc9[g\r\x02&gt;\xd9,f0\xd35\xac\xb1s\xdep\x9do\xed\xdb\x19\xa8R3\xfa{$\x92\x96\x1a\xceZ\xbd9\x91\x97Q\xba\x1b\x19-#&gt;\xcf\xa6\xf4sw\xedT\xad\x18\x00\x97\x08%K\xd6\x844_\xf1\x8dj\xb8M\x04.D\xf5\x8be1uJ\xdb\x80\x02\xf6u\x05\xef\xd4!\x8b\x0b\xe0\xa7\xf2\xdbAMT23\x9d\x0ei\x8a\xfdOX\xeem\xaeO\x07\xa9%\xb5\x9aE2\x85\xa6v\xb8A\xb9&amp;0\x08\xe5|o\xc7d\xf3\xbf\x14\\\xc8w{\xed*\x15:\xb6f*\x00)\xa6\xdc&amp;{\x95\x08\x89\n;\xa3y\x95f;\xe0\x14;\xa4\xd2\x99\x14\t\x85\xb3\x88\x88F\xb7\xab)\xe90Hpb\xe6\xaa&amp;\x93\xb0]\x0b\xb4\xa4Dx\x15\xb6\x11#\xfd\x82\xca\x03Pj=\xaf\x18\xd3\xd5\xe0d\xceM\x04ERD\t\xc8\x91,bi\x81\xedC\x0e\xeb7N\xd5\x98\xbek\xbe\xa1\xec\xb6\x8a\x9e\xce\xe7\xc4v\n\xecx.L\x95\x8c3\xad\x06\x95\xf0\x98\xd63\x98\x8c\xe9\x1a\x8aF\x84x\xe1\x15\x90\xed,\xa4\xb7\x16\xa8a\xc8h]\x80\xa3q\xa9\xec\xcd\xcaZ\t\x81\xe5\xd6\xf0\xb2\xf3q\x06@r\xe1spIO\xb1Xdc\xd0\x8c\xe42\x966\x9036I\xc1\xc5Zo\x82\xab\x99ju\xc6F\xd5x\x0cvQ;\xe2\xb7\x00\xa8\xb2\x19;\x0bx{\r\xff\xdeS\xa6\x8dh\xdd%\xbe\x7fJE\x04\xbc\x15\xbbF\x81\xc4T*C\xec\x95c\xbb\xf1\xdd\xee\xffo\xecO\xd5\xf3\xa5]:\xb2S\x84\\zJ\xd88N\xc4\xdd\xf3\xc6\xa9\xfd\x82Ke7(u\xb3\x0cN\x00\x00 \x00IDATp(\xd1\x19E\xd2YQ\r\x03\x82\xfd?\xdd;.\x1dLm\x89#b}\xbbg]_\xbc\xbc\xa43.^\xd9\xbd\x98\x88\xf0\xfe\xe6\xab\xab{T\x0b\xf4\x0b*\x9f\xd4\xc2 \xa2\x11B\xe3\xa9&lt;\x18\xfe\xe8\xdb\xb0\x1cw\x9a\xfe\'\x11F\x0bR\x9dH:\x1e\xf1\x1anN\x0f\xbe6a\x92,v\xef\xef~=\xbf\xc8?\xab\xba\xfe$&gt;X\x00\xe7\xb7\xce\x93\xcah\xc5\x84\rkQ\xd5\xdev\x859\xf4\xd3&amp;G\xb5\xd1#\xb34\x05#\xbdqT\x1b\xd3\x8a\xb8a\x87\xb1\x1djK\xbc\x02\\\xf6\' {R\xc9[(\xe2\xfd\xed\xc35\xad\xad\x98~\x1e\x89\x9e\x9d\xdf\xee\x04:\'""\xda\xb3p\xa4\x93j\x92qy\xd7"\x9b\x8f\xa9z\xbe\xb4\x05m\xbdfq\x89\x00\xecY8\xb2\xb7]dG\xa3u)T\xc3\x19\x1e.tv\xb3,\x89\xfa\x1f\x83\xb4\x1a\xcd\x12\xc5\x9c\xa9\xce\x0e\x00\x00\xbe:R\xc3\x95\xdd\x8b\r\xd2j\xb35K\xf3\xb2\xb9\x8d\xc4/\x172\x104nD\xb7\xe4\x8f\xbdK\x95?\x90\xfb\xfd\xff\xe7\x11\xcbB\x0eXM\x90\xee\xab\xe0\x8c \x9f\xaa\xb6\xb2\xff\xc2\r\xc0\x1b\xcd\xaf\xfe\xbeQ\xafX\x16R\xeb*\xd1-\xeb\x00Q\xbb4\x1e\xd1\xb5\xbdN\xa0e\x0c\xebT\x95\xc4&amp;\xd5\xf4\x1a\x97\xce\xd1)\xb0h\xd8\xb5\'2`l\x87\xdal]\xdb\xa6b\xfe3\x9bf\xd9\xe4G*\x9f\xd5\xf5\xcb\x83S\xe1\xd12S\x00\x80w7#\xba\x15\xe6P,\xa5!\x0fEh"\xc2[{r\x92\xed\x83q\x8b\xd6\xcey\xc36L\xed\x1b\x96m\tC\xbc\xbd\xbe\xdf)\xf5\xd8\xbd33\xb2j\x0e\x07\'\xab\x9b\xe1\xfdt\xa5\x9c\xc9\x01\x9c\xdd&lt;;W\x18\xb0\x98*\x05x\x9d\x88l.r\xfd\x00j\xe4OW2}\xac\xca\xd6d\xb4"\xa3x\xdd"\x99\xa2[\x82\x1dJ\xa4ur$Sr\xa2\xccQ\x9c\xc9]f\x10J\x1f\xef\x81\xa5\xe3\xd2\x12\xad\x9f\xdc\'0\x8f\xde\xe2\x999\x02#\xa3/\x10/.\x19,\xf9\x9f\xe3\xc0\xb1\x99\x1c\x10\x0e\x00^&gt;9\xbbU\xf5+\xe3\x9a\\\x11\x05\x9d\x91\xaau\x85\xfc\xaa\xc7m2b\x8a\x18\xe9\x80a\xa7\xa6\x9d\x11a*0h\xc1\'\xb5\xbc\xad6\x15\xd5\xef\x83\x84\x86\xde\xee\xc0?\x006\xcf\x18\xa0\xfc6o\xc2p\xd2|/l\x97\xb1\xa9\xb4[\\I\xe2\x82\xb1\x1d\x14K\x15M\'=\x8d\xdf\x99\x98\x96\xad\xcf\x84\xce\xea\xba(\xaa\xe09\x07\xe1\t\xe7r\xb6\x8b\xd8&lt;c \x001\xf5*\xe2\x91\xd9v\x11""\x9e\xa9\xe1\x14p\xbe_g\xd9=\xc3\x02\x87W\x18\xcd\xf3\xd4\x82\xc1\xf79:Qa\x13\x03f\xb8\xc2\xbeu\xaa\x11[O8\xaf\x83\x9c"\x99\xa0\x849\x1dX[\x08\x8b\xd0\x80\xf1\x1d\xebf\xd2`\xc05E\x02!-]+dKb\x8a\r\xfa\xf3\x9f\'\x97\x8e\xec\x94KX\xac;\x9d\xbf\xe4\xc5\xa5\x9d\xce\xadPB6\xed\r\x8c\xbe\x1b\xe0\xdd\xcdC\xceo\x8dS\x90+n\xe8{\x987!5(\x9eu\xc9\x88\x8eb\x81\xc5\xc3;\xb0\x0f\xa3\xdb\xd6t\xee\xa5\x19\xaf\xb7\xd9Q\xe0\x85\xc0\x11\x14Y\x8c\xc1\xda\xc8\xee\xdc\xe1!\xdcQ\xbb\x90[d\xdc\xaeFz\xf0\xb7F\x1f\x9d\xab\x15\x17\xff\xcd\x157T\xe9\xd3\x89\xe0&amp;\t\x1d\x95\x05#8\xb4|\x82\xf8/~&gt;\xd1!\x16\x95D\xdb\xd7O\xee3\xb4y\x15\xa9\x8c\xd3\xc3\x9fNo\x9cY2}\xc40\xeb\x9c\xdf&amp;G|p\xb0\xad\x8fr\xfau\xf0q8\x07\xc0\x97\x8a\x9e\xa139^]\x8d\xc8\xd6\x84\x01\xa4\xf1\xabd\xfaX3z7QM=\xd3rQ\x8a\xd6\xfc,f6\x87\xfd\x1b\xf9\xfd\xa7GO\x17\xa2\x8fw\x8e\x86\xd1Oxqi\x97\xbd\xd9WN\x00g\xd4\x08gI\x13\t\xca{\x1b\xec@\x80c\x98\xa6\xf1\x1f_;u\xef\xa2Q\xfc\xdf\xfe\x8d\xfc\xaa\xe5IM\x06d\x1e\x02\xf3\xa4\xd6\xb1z\x1b\x9c)\r"\xd2\xben\xaa\r{xz\x13\xbe?\n\xff\xc6\xc8\x08\x1f\x02U\t\xfd\x1b\xf9\x8b\xff\xea\xf0w;\x17\xec%\xa9\x96\xc7N"B\xee\xddJD\x94B7;?\xd2\xf6ES\x18\x10\\\xc1\xec)\xa6\xd8;\xecFd\xa6\xdc0\x85*\xb94i\xe2\x94\x19\x886q~\xeb\xdc0\xeax\xaf\xff\xd8\xa7_\x00\x80\xb8\xc6Oh\x89\x96\xde2s\xd0\x7f\x84\xb4\xd09\xa8\x90-\xf1\x91\x95\x93xvw\x1aK`\xe1\xda\x89\x8eJH\x86\x15\xb4\x92\xd9\xfe\xe3\xd6\x8bpE\x87*E\xa4#\xff\x1b\x13\x80#0\xbe\xb6\x16CE\x8d \x1d\xd1\xe9\xff\xac\xb0\x9f\xe8\x8ah\x1bP`\xee\x80\x96$pa6\xb4\x88X\x95\xcd\x1c\x86\xc1\x16\xa6\xac$\xaa\xea\xeaJ\xe0\xd3]\xf1_\xb6\xaa\xd4\x0f\xd4\xb6O\xd0\xb4J\xee\x94DT3\x7f:7\xed2\xd5\xf39\xae5%#\xab\xb1\xdd\x7f*\xa2\x81\x8dC\x96M\xee\xd1\xa9[M\x1f\xf6Yu@p!\xaa\xe0\xe9t\x0e\\3\xc8\x15\'\xa4e}\xea\x97\r\x0b\x83\xb5#\xdb\xfc:\x853\xda.d\x0ba\x97\xaa\x97\xd9Z0@\x82\xa9\t\x00\xf8\xd7\t\r\xfa\xdfE\xa4\x90L\nKh\xf5\x16\x9ft1s\xa8\xad\x9f\x1f\x9c\xdc\xa8&lt;hp\xccKb~u\x82\x1f\x8f\x95\xb4w\x8e\xc3\xbeE\xd2\xf4^\x8d\x075\r\x98;\xb0\x95\x1d\xe7\xae\x1a\xd7\xdd\x8e\xb3\xec\x83d\x1d\xd0\xe7\x02\xea^\xcb\xb4\x1a\xab\xd3\xc0S\xae\xffC)\xe9\x8e\xe0\xcd\xb5\xfd\x9c\xc2%\x1c\xf0\x9f\xdb\n\xe0\xef\xeb\xec\xc3\xd3s\xdb\xfes!\xbf\x91\x16\xfaQ\xff\xaa1$\x89,\x1a\x15\xe5\xb3&amp;$\xa2\x8cD3z7e_\xa9\xc63I\xb4\xdb\xa2"\xd5\x9bk\xfb\x1cI\x86\x98\xdc\xad\xa1\x1dg5-cH\xbd\xdd\x0eD\x92wJ?~\x92\xc7\xbf\xae\x1e\xdf\xa3\x7f#\xffHG\xfd"1/\x8a\x14\x1f\xfabf\xff\x07%\xaa\xe4N))Z\xb4\xaf\\\x88\x88\xcaf\x8e\xef\x94}L\xb8\xc1\xc3%\xd4&gt;`S[\xea\xff[\x00P\xba\x7f\xd6N\xeamw\x85\xe3;\xd5U*\xa7z\xc6\xa0\x06\x16\xd5_\x8f\xe8T9W\n|y \x16\xf8p\xfb\x88V\x85\xf5\x8aZ\x8dN\xc0K\x89\x80\x88a\xb0\x01\x1a\xd7\x12ic\x98\xdd\xc7\xeb\x0b\xabI\x96\x1f\xb3\xb9ax}UGKY\xfd\x14\xa7N\x18L\xcbE5n\x1b\x1fn+\x8f\xf7\xaa\xeb\xfb\xeb\xf9\x05\xd5\xc0\x13\xce)\xe9|\x8b\x95M\xe0\xdf{!\x1f\xf0\xa2g\x9d\xd2F\xc6\xa9&amp;\xbe\xf2\x94\x1ed1Y\x1aq\xca1\x1bZ\xb8\xc5\xbb\xbb\x85\xd7\x85\x18"6\x9e\xc4)H\x1di\xd6V\x8e#\xecry\x18\x9c\x95\xd4\x9a\x8e\xe8\xd4\x86\x19k&amp;\xf4T\rA\x13\x03\x9d\x0f-\x9f\xf0\xf1\xceQ\xfeo\xeex\xb4\xc4\x12B\xe3*\x1cd\x10\xd9xb\x12es!\x00J;\xc3\xc5\x1d\x0bt\xda\xc6F\x04\xe7f\xae\xa6"\x1a\xd1\xba\x9a\xdd\xa7W\xf4L\x12\xb1]4q\xc8\r\x91\xf5\x1bV\x8c\xe9\xfa\xf9\xcf\x93\x00T7\xcd\xae\x96\x0f\x91\xc5\xb1:\xadgc\xfe\x99=`U\x89g\xfd{=\xbce +p`\xe98\x00\xa5\x9c\x14\x81{\xff\xf8zg\x85\r\x18\\\xc1r\'\xa4\xab\xc3W\x8c\xa4y\xde\x91\x0f\xf6\xbd\t\xb5\x9c\x97\xf7\x1b\xa6\x00\x90+.m\x9a\xde\x7f\xf1\xf0\x0eb\x7f\xf0N\xe3\xb2o\xf1\x18\xa9$\x80\xad\xb3\x06kU5\xa3O\xd3T\x96\x92\xd2\xb9D\xc49\x182\x10\xb5\xae\x90\x8f\xb3\xd1IHD\x04@i\xc9IL\x14\x83(\x86\xc6|iV\xa8\xc3\x08\x98f\x96\x9b\xd3\xeb\x8dh4/\xe7ed\xd4\xfa\xf7\xfe\x89\xcd3\x06\x06\x95\xf0\x00&gt;d\x13\xacru\x8b\x1a\xcc\xc7u\x1e\x80\x0f\xecC\xd5\xdc)\xf3(\xa6\xad\xca\xb9R\x10\x11\xbe=\xdac\t\xfe=\xbfu\xee?w\x8f\x89e\xf2\xb9Z\xcd\x10\x91y\xe0\x1b\xd6\xa2\xaa\xaaEr\xeb\xccA\xce\xbdP@v\x95\x1d\x8e}\xd1\x0e"\x92\x1bV\xd2p\xba\xb3\xaeo\xc3\xf0f\xaa\x98\xdd\xaf\xb9\xce\xb79b\xd9\xdel\rll(p%\x8c\x90\x84\xa8V\xc1\x0c\xb9\xe2\xd2\xc4.\xf5\x03\xbdRK\xef\xc5\xd4\x9e\xc1\x8c&amp;\x8f\xc1#z\xe8\xc6:0O\xeack\xa68\xbd=\xf8\xf5\x94M3Z\x01\xa79bQ\xbf ?\xd5\xaf\xb2\x9a\xb4\x02\xf21m\xd1\xb0vZe\xcen\x99c\xb06\xad\xcc\xdb2\x99"0\x87\xc4\x04Z\x94\xf3\x02 \xadu\xba\xd4\xf0\xaef\xc9\x8d\xe0O$r\x91C\x90\x90\xa6\xab\xb56\x99?\xb8\r\x11\xd5*h\x90\x91\xf3\x7f\x10\xd2(4\xb1K}\x00\x91\xce\xd5\xf3\xdfG\x04\x92\x85\xe8Sa\xdb\x87\x83\xcb\xc6\xffxr\x8e\xff+9\x87]\x9dz-\xb6\xb0\x1b\xde2pL\xfbZ\xfb\x16\x8f6u\xaeVdn\x8e\x88\xc9\xb4\xb5\x07Z\x8b\xea\xf0\\\xaa\xea,\xfe\xc4\xb8\x9bp]=\xbf\xbe\x1a"\x9c\x1bv"\xb1D\xe4\x1e\x8d\xcaeM\x18\xf9\x99\xce\x9c\x05\x16\x9eL\x8a\x8d\x91\x16\x1c\xd9_\xcf\xe8\xdd\xc4`I\xbb\x93\xfc\xc2\xb3G\xa6%:\xb9~\x06S\xd4\x8a@h9\xe2\x9c\x9b\xad*\xc2\x95h`\xe3\x8a,i\xa8k\xcd0\xd1\x05Kfq\xc9\xb6\x88\x9c\x92\x84&amp;\x11E0](!\xa6B\x97H\x1bS\x12#3\x884D\xd5\x04F\xcf2\x99\xe2\xc52\xc6\xd8\x18\x9b(w&lt;\xc2\xb7\x87\x06/T%WJ\xfe\xb9m@\x01\x9d\x92N\x06{\xb73\x12\xe5\n\xcb\xdc\xf1\xff\xbcHB\xa4\x87~\xac\x05\xc3\xb2Q\x9d\xcdV\xbb\x7f\xe9\xd8\xbd\x8bF\xf3d\x16G\xb0~r\x1f\xe5\xc1\xe1-\xab\xb6\x10l \xff9\xb8i\x88\x98+\xd1\xb3\xaeo\xdf\x86\xe5u\xa6R\x9ft\xb1\xd2\x13\xd9\x17\xd2\xee\x9d&amp;\xc4\xdc\x92\x8c\xa8K\ro\xfd\xc2\xe1\x00\x00\x92\x84\xaf\x84\xac\xd1d\x19\xa8@\xaf\xd4\xad+\x98\xcbv^2\xa2#\x805\x13z\xda,\xe9FDf\xa2k\x98\x83\xddH\xfe\x9d\xea\x16\x88\xad\xb4\xf6/\x19\xb3j|\x0f\x00\xc0\xeb\xc5\xc3;(\xe5\x92j\x16HoG\x82wXa\xd1Pu;\xdd\xcey\xc3\xec\xa8\x8d\xd9\xeb\x94\xbdY\xcb1\x15\x99\xc1\xe5\xe3\xf5\xa1\xfan\x87\x1d\xaf\xa7\x11\xc3g\xfeDF\x87\'\x1d\xb4\xaf\\\xd8\xe1:HK\x002\x13\xd1\xadC\xab\x1c\xaf?|\xc0l@\xf6\xf5\xe0q\x1d\xeb\x04\xe6I\xbdo\x89\xec\xb9\xe5\x98\xda\xa3\x918B%"\xf2\xcd\x18\xd7\x0e\xab\x93MC}\xad\x82\x19"I\xfc\xc9\xed\xc3\xab\x01\xe0\xc3m;\xce\xad\x92+\xc5\xc9\xf5\xd3%\xce.\x9d\x01\xdb\x95h\x94\xa0\x1d\xf6\xe5\xe1i;.J\xc6\x84\x8c\xcaf\x8e_8\x19\xdd9\xb2\x06\x7f_\x87\x05O\xceY1\xc03r0\x89R;\xd2\x01?\x1e_\xd86\xdf\x8e\x13\x83\xd4\xf8|\x1c\x19\r\xc3\xc8\x9e\xae:j\xf7\xaeo\xf5T\xe2\x1b\x96=\xe8V\xcb\xc7\x19\x8dr\x14"\x17\x05\x1f\xad\xf4o`\x9e\x04F\x15u\xc8\xa9\xc4\xab1\x88\x8e\xac\x9a\xa4\xf5m\x84\xe6\xc5;\n;\xf8\x1d\'um \xfe\xcb\x93s\xdaT,\x80/\x7f*\xcb\xaf\x1a\xd7]+\xa7\xac\x90]\xd3\x14\x8bg-\x98$\x9c\x02\xd8&amp;t\xae\xd7\xc47\xe7\xc6i\xfd\x9cU\xa1A#\xe7\x81\xa5cE%\xd7\xe9\xbd\x1a\x9b\xba\xca\xd0\x16U\xf4\xa5\xd0J\xbb\xc5Y2\xa2\xa3M\xe2\xa3|\xae\xceT\xb0\x08\x13\xc4&amp;:\xb8|\xbc\xf2x\xd2\xf0\xb2\x0b\xf3\xe7\x84\x9fOH\x8d\xc7\xdc\xcb\xb1\x10\x00\x83C\xcc\xdeEF\x9dfN\x8fHp\xe2}vU;\xa8\x0c\xfa\xb2\t#\xd1)\xaa\xcd\xceo\xbd\xa0\x8dEtl\xcd\x14VRu\x9b\xc5\x14\xc3\xff\xf7\xb0bLW\xad\xaf\xcad\x8a\xcfnH\x02\xa2|\x96\xdb\x05@\xbau\xdc\xfb\xcay \xecN\xee\x1d\xdf\xa9\xae\xbd\xa7:\x01\x9d\x02\x8bi\xf5p\xef4.\x1e\x06~\x15K\x90\xb6\x1b\x006N5=\x03\ro\x19\xa8\xef\xa7\x11}\xfbJ\xf0\xa5p\xd1\x94Q\xcbeI\xa0"\xce\x10I\xa0\x1c\x1c\xa2\x13e\x89B\xc5RF\xdb&gt;g\xa8\xce\x89\x92\xe1(2G\x85\x8aP\xd2\x83\xf4\xa8S\x8a\x88VO\xe8a\xe4\xf43\x9bfE*M\x1b\xd6\xf8p\xc3\xc86\xd5_^\xdeMD\x03\x9bT\x04\xa0\\\xfet\xa8RDd\xe6\xeaQ\xa7\x14g\x18eJ\xaa\x12"U\xda\xf4\xfe%c\x8d\x14\xab\xa8\xc6\xe7eD\\ZBCo\xf7&amp;\xa5s\xd8,\xc6\xdf\xac\n\x9eI\xe6\x0eh\xa9\x1f@\xae\xaa\x9f\xbeiZ\xff}\x8b\xc7\x145\xbc\xff3\x05\xfd\x18\xdd\xc8\x105\x88\x1f\x8f\xb5\xbe\xca\x1d\x8f\x00\xbc\xbfu\xd8\xb9WT\xd2\xc8\xb7\xa9\x18\x8e^_S\xd0\x19\xb8\xf5M\n\xf8\xfb\xc6\xa9\r3\x9c\xde\x9e\x88\x82\xf1\t\xec\xf9Eg\xea\x</t>
        </is>
      </c>
      <c r="E310" t="inlineStr">
        <is>
          <t>&lt;class 'numpy.ndarray'&gt;</t>
        </is>
      </c>
    </row>
    <row r="311">
      <c r="A311" s="1" t="n">
        <v>309</v>
      </c>
      <c r="B311" t="inlineStr">
        <is>
          <t>steps_per_sec</t>
        </is>
      </c>
      <c r="C311" t="n">
        <v>4500</v>
      </c>
      <c r="D311" t="inlineStr">
        <is>
          <t>3.3618128</t>
        </is>
      </c>
      <c r="E311" t="inlineStr">
        <is>
          <t>&lt;class 'numpy.ndarray'&gt;</t>
        </is>
      </c>
    </row>
    <row r="312">
      <c r="A312" s="1" t="n">
        <v>310</v>
      </c>
      <c r="B312" t="inlineStr">
        <is>
          <t>Loss/object_center</t>
        </is>
      </c>
      <c r="C312" t="n">
        <v>4500</v>
      </c>
      <c r="D312" t="inlineStr">
        <is>
          <t>0.17279266</t>
        </is>
      </c>
      <c r="E312" t="inlineStr">
        <is>
          <t>&lt;class 'numpy.ndarray'&gt;</t>
        </is>
      </c>
    </row>
    <row r="313">
      <c r="A313" s="1" t="n">
        <v>311</v>
      </c>
      <c r="B313" t="inlineStr">
        <is>
          <t>Loss/box/scale</t>
        </is>
      </c>
      <c r="C313" t="n">
        <v>4500</v>
      </c>
      <c r="D313" t="inlineStr">
        <is>
          <t>0.05329773</t>
        </is>
      </c>
      <c r="E313" t="inlineStr">
        <is>
          <t>&lt;class 'numpy.ndarray'&gt;</t>
        </is>
      </c>
    </row>
    <row r="314">
      <c r="A314" s="1" t="n">
        <v>312</v>
      </c>
      <c r="B314" t="inlineStr">
        <is>
          <t>Loss/box/offset</t>
        </is>
      </c>
      <c r="C314" t="n">
        <v>4500</v>
      </c>
      <c r="D314" t="inlineStr">
        <is>
          <t>0.10691856</t>
        </is>
      </c>
      <c r="E314" t="inlineStr">
        <is>
          <t>&lt;class 'numpy.ndarray'&gt;</t>
        </is>
      </c>
    </row>
    <row r="315">
      <c r="A315" s="1" t="n">
        <v>313</v>
      </c>
      <c r="B315" t="inlineStr">
        <is>
          <t>Loss/total_loss</t>
        </is>
      </c>
      <c r="C315" t="n">
        <v>4500</v>
      </c>
      <c r="D315" t="inlineStr">
        <is>
          <t>0.33300894</t>
        </is>
      </c>
      <c r="E315" t="inlineStr">
        <is>
          <t>&lt;class 'numpy.ndarray'&gt;</t>
        </is>
      </c>
    </row>
    <row r="316">
      <c r="A316" s="1" t="n">
        <v>314</v>
      </c>
      <c r="B316" t="inlineStr">
        <is>
          <t>learning_rate</t>
        </is>
      </c>
      <c r="C316" t="n">
        <v>4500</v>
      </c>
      <c r="D316" t="inlineStr">
        <is>
          <t>0.001</t>
        </is>
      </c>
      <c r="E316" t="inlineStr">
        <is>
          <t>&lt;class 'numpy.ndarray'&gt;</t>
        </is>
      </c>
    </row>
    <row r="317">
      <c r="A317" s="1" t="n">
        <v>315</v>
      </c>
      <c r="B317" t="inlineStr">
        <is>
          <t>train_input_images</t>
        </is>
      </c>
      <c r="C317" t="n">
        <v>4500</v>
      </c>
      <c r="D317" t="inlineStr">
        <is>
          <t>[b'512' b'512'
 b'\x89PNG\r\n\x1a\n\x00\x00\x00\rIHDR\x00\x00\x02\x00\x00\x00\x02\x00\x08\x02\x00\x00\x00{\x1aC\xad\x00\x00 \x00IDATx\x9c\xed\xddu\xc0\x14E\x1f\x07\xf0\xf1\xb5\x0b1Q\x1a\xe9N\x01\xe9\xeeNi)\x11i\x10\x04\x04\xa5\x05\x15A\x14\xe9\x06\x83\x10\x14D\xa4T\x1aDD\tE\x900\x10\x05TJ\x01\xc1\xdf\xfb\xc7\xf1\x1c\xf7\xdc\xd6\xec\xee\xcc\xce\xee\xde\xf7\xf3\x0f\x0fw\xb33\xbf\xdb\x98\xad\t\xc6\x00\x00\x00\x00\x00\x00\x00\x00\x00\x00\x00\x00\x00\x00\x00\x00\x00\x00\x00\x00\x00\x00\x00\x00\x00\x00\x00\x00\x00\x00\x00\x00\x00\x00\x00\x00\x00\x00\x00\x00\x00\x00\x00\x00\x00\x00\x00\x00\x00\x00\x00\x00\x00\x00\x00\x00\x00\x00\x00\x00\x00\x00\x00\x00\x00\x00\x00\x00\x00\x00\x00\xc0[D\xa4:\x04\x00\x00\x00?\x19\xd1\xa9\x9e\xea\x10\x00\x00 \x89\xf2\xfb\x15\xe5\x01\x00\x00$.T\xc1\x00\x006\xa0\xd2\x04\x00\x00\x00\x00\x00\x00\x00i\xf0\xe0\x01\x00B\x08U\x1b\x00\x00\x00\x00\xc8q\xa7\xea\x00\x00\x00\x00\x00\x00\x00\x12\xd8\xd9\xef7\xa8\x0e\x01\x00\x00\x00\x00\xc2j\xdeK=U\x87\x00\xc9\xa0\xf1\x0f\x00$\x9c\x9a\xb9\x1e\xd4\xfd&lt;\xb8\x15bp#\x07\x00\xf0\x94Qu\xe9Y5\xda\xec\xf1\xcc\xde\x14\x04\x00\x00\x10\xaf\xe4#7\xe1\xbe\x01\x12N\xbb\ny\x04\xe66\xb6g3\x81\xb9\x01\xb8W7\xff#\xaaC\x00\xf0\x1c.g \x94\xee7\xf8\xbc}\xc5\xbc\xee3\x1f\xdf\xa7\xa5\xfbL\xc03\xa8\xe5\x00\x12\xcb\x9c\x91\xddU\x87\x00\x00\xa0\'\x9d\xea\x00B&amp;\xee\x12\x0fW|\x00\x00\x00\xea\x95|\xe4&amp;\xd5!\x00\x00\x84Q1\xfd\xee\x19\x90\xc0\xca\xa4\xbd\xd5\xb3\xb2n\xf3\xac$\x00\x00\xf0\xcc\xde\xd5sU\x87\x00avj\xefZ\x0c\xac\xe6\x99\xe7[UQ\x1d\x02(\x85\x97c\x00\x00a\xf6\xeb\xae\x95\xaaC\x00\x00\x00\x80\xe4p\x13\x06\x89\t{&gt;\x00\x00\x00p#\xba\xa8:\x04\x00\x00\xe0\x93Bhn\xb8s\x04\x80(\xefZ\xb8\x03\x00\x00\x00\x00\x80b}\x1a\x97Q\x1d\x02\x00\x00\x00\x00\x00\x00\x80G\xeeQ\x1d\x00\x84I\xa1\x94\xde\x95\xe5\xb2AG\x9br\xb9DE\x02\x00\x10\x06/un\xa0:\x04^\x0f\xab\x0e\x00\x82\xea\xedW\xfa\xa8\x0e\x01@\xa5\x8c\x06\x9f\xa3\x9d4\x00\x00\x00\x80\xef\xe1\x92\r\x00\x00\x00\xec)\x9b\xfev\xd5!\x00\xa8\xd0\xaaL\x0e\xd5!\x80\x14m+\xe4Q\x1d\x02@\xe2\xb9z|\x97\xea\x10\x00\x00x\xb5\xab\x98Wu\x08\x00\x8e\xe0\xd1\xbfBX\xf9\x00\x00\x00\x00\x00\x00\x00\x00\x00\x00\x00\x00\x90\xd8\xd6\xcf\x7fUu\x08\x00`&amp;\xcb\r\xaa#\x00\x00U\xd0\xac\x05\x00@\x8d\x17\xdb\xd6T\x1d\x02\x00\x84\xcd\xffT\x07\x00\\*W\xab\xca\x9f\x98\xe8\x8c\xbcH\x00"BvS\x18\xb2\x9f\x03`\x06\xbb;\x00\x00\x00\x00\x00\x00\x00\x00\x00\x00@8\x11]Q\x1d\x02\x84P\xad\xdc\x0f\xaa\x0e\x01\x00\x00\x00\x00\x00\x00\xc2o\xf3\xc27T\x87\x00\x00\x10\x16\xa3\x9en\xa0:\x04\x00\x00\x00\x00\x80 \x981\xa4\xb3\xea\x10\x00\xc0\n\x9d\xde\x97\xf7N\xd5A@\xa2\x9a5\xbc\xab\xea\x10\x00BAwp\x8b%\xaf\x0f\xb4\\\xb0e\xa9l\x12\xc2\x01\x08\x00\x0c\x06\x07!q\xc3\r:#\xd6\x9f={\xd6r\xc1\xf9\x9b\xbe\x97\x10\x0e\x00/\x0c\xcc\x05:D\xed\x16\xd8\xbd\x00\xa4*|\xaf\xe1Wx\xc8\x03\x00\x00\x00\x00\x9e+|\x9f\xea\x08\x00\x00\x82\x82\xae\xfc\xa4:\x04\xdb\xa6\xbd\xd0Iu\x08\x00\x00\x00\x00\x00\x00!\xf6\xdd\xfa\xb7]\xe6\xf0\xc9\xcc\x97\xc6tm,$\x18\x00\x00P\x0c\x8d\xee\x00t\xd0_\xdf\xa9\x0e\x81\x11\x9dT\x1d\x02\xc8BD\xb7\xa8\x8e\xc1\xae\xe1\x1d\xeb\xaa\x0e\x01\x00\x00\x00\x00\x00\xdc\x98?\xba\x97\xea\x10\x00\x00\xc0sx\x01\x00\x10l8\x86\x01\x00\x00\x00\x00 \\\xd2\xa9\x0e\x00\x00\x00 \xd1\xdd\xa5:\x00?\xba\x97\xb1\xfe\xcd+\xaa\x8e\x02\x00@\xba\xa5o\x0eR\x1d\x82\xff\xb4,\x9d\x9d?\xf1\xed\xf2\xe2\x00\x00\x00\x8f\xa11\x06fk\x0b=\x85;9\x11}\xb5r\xa6\xaa\xd2\x01,&lt;Y&gt;\xb7\xea\x10\x00\xc2\xe3\xcfo?\xdd\xb2\xf8\xcd\xd8O\xdaU\xcc\xab*\x18\xff\xa0S{e\xe5\x9c\xf0\x97\xb0\x00`\xe1V\xd5\x01\x00\x84D\xb8\'&gt;j_\t\xd7k`\xe8a\xd5\x01\x00(\xd6\xa3^\t\xd5!X\xdb\xb5b\xba\xb3\x053\n\r\x03\x00@\x99K\xc7\xb6\xab\x0eA\x8d\xbcw\xaa\x8e\x00 \xec*eN\xa1:\x04\x00=x5\x04\xa0U#\xe7\xfd\xaaC\x00\x08\xac,7p%\xbbWr\x18\x00\x00\x00\xe0\x17?lZ\x8c\xfbN\x08*\xe5\xfbn\xa1\x94j\xcb\x07W:U+\xa4:\x04k\xdf|2GR\xceu\xf2\xa6\x92\x94s\xc8\xb4*\x93Cu\x08\x00\x90\x90\x1a\x16NW\xf0\x1e\xd5A\x00@\x80(\xbf7\x02\x00\x90\x8e\xe8\x14\xfd\xfb\xa3\xbdEN\xef-\x95\xe6fI\xf1\x00\x00\x80O=Q\xfcQ\\\x1d\x03\x80\xb9\xe6%\xb2\xa0\xa2p\x8eN\xefS\x1d\x82\xa1\xc4\xdc\xae!\xf8\xd5\xb2w*\xa2\x7f\xa5\xe6\x0f\x01BD!8d\x00\xae\xc1\xdeli`\x8b\xca\xaaC\x00\x1f\x19\xd8\xb2\x8a\xea\x10 \xa4\xe8\xd4\x1eO\x8b\xc3\xe5\x8ckX\x81\x00\xe0#+&amp;\x0fE\xad\xe4\x19"Z3{\x8c\xea(\x00\x00\xeckX(\xad\xea\x10\xfc\xeb\xdc\xa1\x8d\x96i\x88\xaez\x10I\x10\xe1*\x04\x00\x00\x00\xc0\x9d4\xaa\x03\x00p\xe6\xa3\xa9\xc3U\x87\x00\x90\x18\xf0^\xd7\x04\xd6\x0c\x08$ow\xc2\x8e\n\xce\xd9\xdd{&amp;\xf6o+)\x12\x00\x00\x00\x00\x00\x00\x00\x000G\xa7\xf6\xaa\x0e\x01@\xa4\x9b\x18;w\xd0\xbae-\x00\xb0\xc3\x9b\x97\x98|\xfb\xf3\xce\xe5\x9eE\xe2F\xe4\xa5\xf4\xab=\x9eP\x1d\x08\x00\x17\xbc\x80\x05/\xdc\xe1n\xf1\xb1=\x9b\x8b\x89\x03|\x8c\xe8\x9c\xea\x10\x12\x0eN\x00\x00\x10H\xa8\xbc\x00t\xe4\xbdSu\x04v\xbc\xfel+\xcb#\xd9\xf1\xa1^+\xf7\x83\xce\x16\x84@\xc3\xb9\x01\x00\xbc\xe6\x87\x97~\xfd\x9bWT\x1d\x82z\xadJgWXz\xb0N?\xf4\xfb\xd7\xaaC\x00\x08\x85\x8bG\xb7yV\x16\x11a\x9at0\xa1\xfc&lt;T=\xe7\xfdj\x03\x00\x08\xa7/\x97OS~x\x03\x84\xde\xffT\x07\x00\xa0\xe3\xc2\x85\x0b\x8c1\xfa\xe7p\xec\x87D\xf4\xd9\x82\xd7\x14E\x14\x0cx\'$\xc4\xcf;W\xa8\x0e\x01\xfc\xa1L\xda[U\x87\x90\x88tG\xc1\xc3\xd0x\xca\xbd\xff\xc6\xf3\xf4\xd7\xb7\xaa\xa3\x00\x80P[\xfc\xfa\x80\xb8\xba~\xd2\xf3\x1d\x12\xe7\x04\xb0u\xc9[\xd1\xbf\xfd\xd3{\x80.\x1f\x0b\xe8&amp;\xf8\xf7\xe7/"\x7f\xdc\xa76\x0e\x00\xe0DD\xe52\xdc\x1e\xfd\xef\x9d\xb8\x03P\x8d\x92h?W\x12\x0f\x00x\xc4\'\x07\xf9\x99\x03\x9f\xab\x0e\xc16\x81\xab\xaeo\x93r\xa2\xb2r z\x02\xe8\\\xa3p\xf4\xc3\xa5o\x0c\xc2\x89\x19\xc0\xef,\x0f\xd1\xf6\x95\xf2I\r\xe0\xd0\xa6\xc5\xee3!\xa2\xc1m\xaa\xbb\xcfGW\xeb29\x84\xe7Y\xaf@j\xe1y\xaa\xa2{\x07\x90\xf4\xd9\x05UQ\x01\x00\x80m\x1d\xab\x14\xb0\x95~\xc9\x84\x81\xca\xdf\xcc\x13\x11\xd1q\xcf\x8a\x03p\x0e\xf7\xc5`\xa4~\xc14\x99\x19{Hu\x18n\xd4\xc8y\x7f\xde;X1\xdf\xb4;\xa5s\x07\x93\xfd\x97\x881vt\xebRE\xe1\x00\x00hlzo\x02\xc5\x18\xdf\xa7e\xb5\xec\xf7\xaa\x0e\xca\xbfz7,\xed\xecB\xeaF\xe1\xa1@\x1c\x85W\xb8}\x1a\x97QU\xb4$YnP\x1d\x01\x88cthd\xb9!\xe9\xa1\xf9\xa9=)\x92&gt;\xac\x9e\xe3\xbeI\x03\xdb{\x16\x9b]jod\xe9\xcaO\nK\x07\x00\xb0!\xf7mf\xdf\x12]\xd6\xadO?\x9e&gt;r\xe5\xf4\x11\xb2b\x02\x80\x84\xc5\x7f\x05w\x97\xd48\xb8\x85\xf5\xddI\xdd\xfc\x8f\x10\xd1\xec\x11\xdd\xb4_\x15}\x80}\xbdj\xb6g\x91\x94N{K\xf4\xef\xb4\xa6)\xc3\xba- \x02c\x01\x85\xdf\r7\xf0&gt;]:/5\x0en\xfc\x01\x07\xcb\xc4\x19S\x19c\xbf\x1e\x8fo\xc4rj\xef\xda\x1fN\xb1\xf3\xe7\xbc[\xfd\x1b\x7f\xbe\x1c\xfd\xfb\xa7\xa4\xb7\x11-\xf5\x86\x98\x0e\xeb\xb6\x00\x00\xf0T\xf4\xc5o\xf6\x9bX\xecH\xd7\xa5R\xdf\\\xf2\x91\x9bV\xcd\x18\xa9\xe4r;\xf6\x8d\xb4\xf7\xa5\'\xac\x87U\x07\xc0\x0b\xf7\x08`.v\xc0\x86\x901\x7f&amp;\x16\x1da\x86SlU;\xb8M5\xed\xb7\x7f\x1f\xd9b3@1\xccO\x00;\x96M\xf68\x1e\x00\x08\x8cc\xdb\x96\xa9\x0e\xc1!\xfa\xef\x177\x8b\xb7\xab\x98\x971v\x13\x7fq\xf4g\xb4\xaa\xfdi\xc7\x87\x9ao\x93\xd5\xbf\xe53\xde\xe1&amp;6\x81\x88\xe8\xbf\xe3\xbb\xa2\xff\xdd\xbad"\xee\x15\x00\x801\xc6\xe6\x8c\xec\xae:\x84 \x89\x9e\x00\xde\xe8\xd7\xa6B\xa6k7\x18\xcd\x1e\xcfLDt\xf5g\x93\xa5\xbc\nPG\xaf\x06\xa5b#A\xed\x0f\x00\xe0P\xec}\x00\xd1_\xd7\xfe\xfd\xe7\x88\xe9"\xf4\xe6sOz\x15\xa0\x05\x9c\x00\x00\xc0\x8c\x7f\x86\x07Pn\xfa\x90\xce\xda\x0f;\xd7(\xb2b\xca\xb0\xe0\xbez\x95\x14\xb3\xda)v\x83\xb8!\x00\x00\xbc\x16[W\xbe\xd8\xb6\xa6\xc2H\xc0\x0b87z\xc3\xfb\xf5\xec\xa6\xc4nu\x8ac\xc7\x00_\t\xe2t\x95q\x13_\xfb\x11\x8esox\xbf\x9e\xdf\x7fc\x90\xe3e\xef\x14\x18\x87\xbf%\xc8\xfe_D\xdd|\x89\xe9\xf4&gt;\xcc~\xb3\xd7a\x80&gt;\xbf\x1d\x00\x85R\xaa\x8e ,\xdclY\xbf\xed\x15A4\xaas\x03\xd5!0\x96\xb4)G&lt;U\x97?1@\x00\xec_;_u\x08\xbe\xc6y0\x0f\xebP[v$\x89i@\x8bJ\xaaC`\x8c\xb1?\xbf]o\x99\x06\xf5&gt;\x80\x99QO\xfb\xe2jN\xb8\x8c\xaa\x03\x00\x97\xf2\x88\xe8R&amp;\xf6\x04\x10\xa0\x01\x86LGw\x05\xe0v\x8fu\x12\x00\xc1\xfcy\xe5\xfe\xd1\xd4a&lt;\xc9\x06\xb6\xac\xec\xcf\xf8!\x8420\xf6\xf9;\xe3\xaad\x15_Q\x13Q\x1aGK\t\x8f\xc4\xbd\xd5\xb3F\xab\x0e\x01\xf4\r\xebPGu\x086\xf0\xec\xde\x1d+\xe77I\xe6\xcf\x03\x04\x02f\xe9\x9b\x83\x8d\xbe\xeaZ\xbb\x98\x97\x91\xc4\xb1\xb5\x7f\xe3`\x00I"C\x1eE\xf5\xa8W\x82N|\xa5*\x18g6\xbe\xf7\xba\xea\x10\xc0\x97t\xbbb\xde\xceX\x16\xa7\x83\xa0\x8a\xba\x81\xe8\xdf\xac\xa2\xf6\xc3\xf6\x95\xf2j?\x84\xa8\xb8\xaa\n\x82.o\xe2\xb45\x06%"\'\x80:yS\xc5}\xc2yA\x8d\xebn\x00y\x86w\xe4j\x99\xca\x18\xfb\xf9\x8b\xe5R#\x81p\xd2V\xf7\xc1\x1d\xa1\x05\x12P\xd9th\xa5"X\xf7\xba\x8f\xab\x0e\x01\xbc\xa2\xad\xee\xc7\xf5n\x81\x13\x00\x88\xc2\xb3#\xb9\xd9\xd9\x1eq\xbc\xa4\x9f\xd0\x9f\xfbU\x87\x00\xa2\x05\xe2\xf1\x9d\xee\xec\x1c\xaf\xf6x"\x88\'\x00m\xcc\x18\x9531\xbd\xfdr\x1f[\xe9\x1b?\x96\xc1YA\x0f9[\x8c1\x96|w\x95z\xb8\x11\xfd+/s\xf0\x97g\x9b\x94\xb5\xbb\x88\xf6z?\xa0/\x00\xfc\x16\x0f\xa8\xc2\xb3\'\x98\xd7\xddDt\xb7\xcc0\x88\x88\xe8O79D\xd4\xccm}\x8d\x83\xe3"\x81\xd4+\x90\xda\xc1R\xe3\xfb\xb4jS6\'\xd1y[KEv,\x85\xbb\xd7\xaf\xbbV&gt;\xa0\xaal\x088\xfa\xef\x97\x8a\x8f\x1a\xcey\xbc`Lo\xa3\xaf\xbe\xff\xfc\xbd\xeb\x99\x98\xee\xfct\xf2\x1b\xa3\x04\xf9\xf9N/B\x0e.\x9c\x00@"/\xfb\xf7\x12\xfd\xeaai\x90\x88\x88\xfe6\xfa\xaan\xbe\x87\x19c\xb3\x86w\x8d\\*U\xc9z\x8f\xe4G7d&gt;\x1f=jv\x08\x9b\xe3\xbbV\xaa\x0e\xc1w\xc2\xf1\x9eS9\xfa\xf7G\xb3oM+\xd3\x05cz\x13\x91\xb6\xa9\xa5\xe3*x\xe7\xf2i\x96i,n/\x84\xd6\xfeG\xb6.\xed\\\xa3\x88\xeeW\x13\x07\xb4\xd3~\xe8f\x1cu\xe0\xd5\xa5vQ\xd5!\xa8DDt\xe6;\xd5Q\x00\xe8{\xa6\xe6c&lt;\xb5pZ\xa7\xf9{\x7f\x81\xdf\xb0\xb0\xee\xc4\x04\x00\x01\xb1\xe1\xdd\xf1\xaaC\x00\x0bF/\xa9.\xfd\xb8=\xf7\xed\x9eF\xe2\xd2\x0f\x9b\x16\xab\x0e\x01\x00b`,\x84@\xe8R\xcb\x17\xb7\xb6\x0e\xdb~B\x0c\xfa\xef\x17\xd5!\x00\x80jO\x96\xcf\xa5:\x04^\xd1\xd6kC\xda\xd9\x9b\xcf\xfd\xd8\xf6e&amp;\x19\xbaGD\xf2:\xae\xa8\xed\xdd\xa9vXI)\xf0\n\xdeo\xe8\xec\x01\xd5!\x00x\x87\xe87\xbed\xa8\xa9\x008\xb4-\x9f[u\x08\xe0#\xfe|%JD)m\xa5?\xf9\xcd\xe9}\xebD\x95\xde\xb6|\xee\xac7\x8a\xca\xec\x9a\t}[\x0b\xce\x11\x82\x08\x97*\xee\xdd\xac:\x800\xa1\x0b\x87T\x87\xa0\xc3\xc1a\x92ID\xa1i\x18#\xa2\xde\x8d\xca8X\xd6u\xf9\xe0\x1b\xb5r\xbb\x19\x01\xc5L\xcf\xfa%%\xe5\x0c~\x13\x9aJ\xc1\xa8\xf9\xbc\x96\xaa\x9f\\#\xe7\xfdJ\xca\x85pr:U\x0c@\x08eI&gt;\xbf{\xf7\xba\xc5\x15\x05b\xe8&gt;\xc6*&gt;z\x97\xec\xd3\xcf\xe4\xe7;H\xcd?Q\xb4\xaf\x94/\xba\xa9Bs\x95\x04\x00q\x88\xce}2s\x947eq\xf6Y\x03\x1f\xc9\xc4\x18\xd1q\xd5Q\x00\x04XdH\xf6gj\xf2&gt;\xa5\xf1\x92\xad\x1a\xd9e\xa73\xa2\xabn\x16wI\xfb^\xaao\x93r\xd1\xbf\x13\xee\xcc\xf40cDT5[J\xd5\x81\x84\xdfsOTP\x1dB\x02\xf1\xe1\xd3\x0f\xbbn\xf4\xb0&gt;\xcav\x93\x8d\xc4\x19\x13\xb0\xa2\x04\x80\x88*Y\xbd\x1ct\x15l\xa8\x96\xfd&gt;o\n\xb2u\x02He\x9d\xe4\xba4\x8c]&lt;\xba\xcdn&lt;n|\xf0\xd6\x0b\'v\xaf\xf2\xb2D\xc1p6N\x04\xa2\xb6r\x1f\xfb-\xe7\xe4\xc1\xae+\x96\xee\xfa\xe4\\\xc9\xb6\x06_\xc3\x86\x03\x1b,\xe7\x81\x13\xbe?\xb5)w}0\x00\\\xb1\xfa\x16\x11\riW+\xf2w\xe7\x1a\x85=.\xda\xcb\xe2\xfc\xc9\xf1J\xb8Ml\x1c\x00`It\x9fG\xf58\xe7\xa2\x92a\xfd\xfcW\x95\x95\xed\x1b=\x1b\x84\xb9\xb3\xcb\xc8N\xf5\xcc\x13L{\xf1iO\x02\t\x8bO\xe7\x8fU\x1dBB(|\xaf\xea\x08\x00 dnQ\x1d\x00\xf8\xdf\xb9\x83\x1bU\x87\xe0\xb5\xdf\xbfY\xdd\xb2t6\xd5Q\xf8\x9d\xd4\'f\x7f\xec_\x87\'r\x00\xa0\x00\xfd\xb1\x7f\xd2\xc0\x0e\xc7\xbf\xfc\xc8\x9b\xe2j\xe6z\x80\xe1\r\x84#\xd1\x95\xb6e\xf1\xc4\xe8\x87\xe3\xfb\xb4T\x14\x0e\x80 B\xaa\x03\x8f\xeb\x94\xd0Ta\x152\xdd)6C\x8f\xdfk\x04qC\xf0\xccB\xac\xf5\xee\xab}\x85G\x12r\x96;\x876\x81\xee\xb4\xcb`\x17vV\x00P,\x88W\x07Z\xf3G\xf7R\x1d\x82G\xae\x1e\xffRu\x08\x10o\xe4\xd3\xf5\xbd)(\x88G\xab\xbc\x98\xa5\xae\x8db\xb2\x06\x11\xf6\x99/&gt;\x9c\xaa:\x04\x01\x82x`h\xbd\xdc\xad\x89\xea\x10\x00\xa4\x0b\xc7\xd1\n\xe1\xb4r\xda\x08\xd5!\xe8\x1b\xdb\xb3\x19\xd1\xb9\xd1\xcf4\xca\xac\xf7\xed#^\x87\x93\xa0r\xc44\x95\x1b\xfdL#u\x81\xd8s\x13cD\x17\xf9\xd3\'`\x1d\xdd\xa2dV\xd5!\x00\x18\x981\xf4\x19"\x9a&lt;\xa8c\xf4\x93\x06\x85\xd2*\x8c\x07&lt;\x93\xef.\xf6\xdf\xaf_\xc9\xc8\xb9e\xa9\xf0\xb4m\xed\xd7\xb4\xfc\xe7o\x8fS\x1dE0\xd1\xa9=\x9e\x95\xb5\x7f\xdd\x02\xcf\xca\x12\xeb\xc0g\xef\xba\xcfd\xd5\x0c\x87#\xaa\x13Qz\xcd\x87\xdb\x97Nv\x19\x0f\x04B\xd7:\xc5T\x87\xa0F\xbb\x8ayU\x87\x90\xcc\xac\xe1]U\x87\x00\t\x89\x88\xe6\xbd\xd4#\xf2w\xea\xa4;\xf4\x04\xbcO\x87\x00\xd1\xee\x9f\xc3:\xd4Q\x12\t@\xb0\x11Q\xf4pJ\x954\xe1\x06N\x00\xb1\xf0\x16D\x95\x07\x93\xffw\xf9\xe4\xa1j\xe2p\x87N\xefU\x1d\x02\x84T\x8f\xfa%\\\xe6@I\x92}x"\xfe\xd1\xf0\x84~m\\\x16\xe4\x99\xc1m\xaa\x89\xcdp\xe1k\xcf\x89\xcd\xd0\xc4\xc1\r\x0b=+\xcb\x03yn\xbf\xfew\xae[\x15_X\xac\x982La\xe9\xc1FD\xdd\xeb&gt;.:\xcf\xe3\x01\xbd\xd2&lt;\xb2u\xa9\xea\x10\xae\x994\xb0\xbd\xcb\x1c\x92\xea\xffs\xd1Ox\x06\xfe4\xdfp\x05\xc35\x06v\x9f\xc6&gt;\x9a\xc6 \x04&lt;\x9a8&amp;P\xd6\xcd{Eu\x08\x90\xc0\x88\xe8V;O~\xfeg\x9ax\xee\xa8\x1e\x01=\xb5\xc7jY:\xbb\xea\x10\xa4hX\xc8\xc6\xec+\xe0\x8d\x8f\xa6\x0e\x8f\x9d\x1f\x18@"\xf3\xda9\x04u\xb7X\xdd\xea\xa8\x9f\xe3\xb7@\n\xd5\x11xh\xc6\xd0g\x9e\xaaZPu\x14 \x9f7u\r\xd1\x991]\x1a{P\x90\xffmxw&lt;\xf3\xf1\t\x00\xe7\x1e]\xb9ne\xd3^\xe8\xe4}\xb9{V\xcf\xf5\xbeP\x86\xdd \xd0\xea\x17Lc+\xfd]\x92\xe2\x00cA\x1c\x014\x91%\xda\xaa\xce\x81\xf9C \x82\xfe\xdc\xaf:\x84D\xb1\xe7\x939v\x17\x89\x0e&gt;\x9c\xed&amp;aa\x1c\xda\xb8HX^\xc1At5\xe9\x0f\x9d\xba\xbePJ\xcf\xc2H\xac3\r\xf8\x1d\xd1\t\x0fJ\xf9q\xfb\x07\x1e\x94\x122\xda\xc6\xa3B\xb4*\x93C\xf7\xf30\x8dq\x1d\xad\xeec&gt;\xf1\xa2\xe6\xb5\x9c\xa8\x16\x18c\xd5\xb2K\x9f\x165\x83\xec\x02\xc2\xadk\xed\x04\xed\xbf\xee\xd8\x85\x1f6\x0b\xcf\x13W\x8bn|\xfd\xf1l\xf7-\xff\xe8\xafo\x85\x04\x13n\x0f\xab\x0e@k\xf6\x88n\xaaC\x082"jS6\xa7\xea(\x00\x14\xf3`@|\xfe"j\xe4\xbc_R0\xe6\x9a=\x9e\xd9?\xd7"\xfe\x89\x04\x82\xe1\xca/;U\x87\x00\x10\x8f\xfe9\xcc\x18\xa3\x93\xde\r\xe6\xe8X\xcf\x06%\x03W\xed\xe6\x13&lt;\x13(\x804\x81;\xba\x18c\xf9T\xb7-[;g\x8c\xe2\x08\xdc\t\xd6F\x8f\xbe\x8ez\xd02)\x08\x97 \x13\x9c%\xac\xcaYR&lt;\xdb\xa4\xac\x9b\x1c\x88h\xcb\xe2\x89\xa2\xe2\xb1\xd4\xa1R&gt;\xcf\xca2\x92\xe3f\xd5\x11\x04\x93\xe3\x1e*\xc1:c%"l\xa1@{\xd4\xdd\xe2D\xa7\xac\x12\xd0\xe8g\x1a\xba+\xc4\x17\xb0\x9f\x9b\x1b\xd4\xaaj\\\xfb\xb1\xe2\x0f\xdd\x10\xfd\xdbd\xed\x15\xb9\xcfl\xe6\x8c]+fD\xfe\xf8l\xc1k"\xc2T\x03;\xcf5X\x11\xb6\xe4\xb9\x83\xe55x\xaa\x18\x19\xde\xd9\x0fr\xdej\x91\xc0\xf2$!\x9b\xc0\xbd.(\xf3\x95{\x7f\xa0\x99\xb7\x1e&amp;\xa2\xb7\x06\xb4c\x8c\xed[;\xdf\xc3\xa0@\x1d\xdd\xbd\x01\'\x80\x04dkjY9\x01\x88\xdc\xeb\xdaU\xc8#0\xb7("2:\xd9\xf3\x1b\xddE\xd9\x9c\xc3\xba\xc3\x8f\x0b/B^\xe6F0#\r\xb8u\x07c\x8c\xb1\x8a\x8f\xaa~\x83\x194\x83\xdbTO\xe9:\x93\x96\xa5\xb3\x13\xd1O;&gt;t\x1fO\xc4\xf9\x1f6M\x1d\xfcT\xf4\xbf/u\x0e\xd2\x03\xae\xe5\x93\x86\xfc\xcf\xfeRq5oJ\xbd4\xee\xcf^\xfc\xfa4\xf2t\x1c\xeft\x8c\xfdst+\x7f\xfa\x16\xa50Y&lt;\x80o\x10\x91\xd8\xe6CDdo`,n\xc7\xb6-\x8b\xfc\xb1v\xee\xcb2\xf2\x97z\x11=\xbeO\xcb\xe8\xdf9\x93\x0f\xfb\xe3\xc3[\x7f\xce\x90|\x18\xb9\x1a\xbbVLW\x1d\x82`~\xd8\xb4\x9f.\x18\xfbj\xf7\'\xfc\x10\x89\xd6\x8bmk\xdaJ_\'\x9f\x0f\xfbf2\xc6\x18\x9d\xfb^l\x86?\xef\\!6\xc3(\xfac\x9f\xa4\x9c\xddp\xbf\x7f\xbe\xd2\xad\xa9\xfb0\xde\x9f\xf0\xbc\x83\xa5\x8c\x82\x7f\xa2\xb8\xcb\x06\x10\x86\x96M|!\xfa\xf7\x1d\x92\xca\xf0\x98\xa8\xa7{C\xda\xd7r\x9f\x89\xcf\xc56~\x00\x9fx\xb1m\x8d\xe8\xdf&gt;l\xc9\xe9\xcf+\x80\x08/\xaf\x94\xcd3\xa9.\xbfO\xf2\'\xb3^\x12\x9b\xa1\xec\xf7"\xde\t\xc9\xcfPD\xfa0T`E\xf6\x0e\x1c\xb2\x03\xc4\xc1\xa0\x11\xda\xc5\x03\xb1N\x8ah\xa6\xb2l`s\xe8\xfb\xa8\x90\x0fw\x8d\xfexB\x10]Q\x1d\x82\x8fD\xde\x1d\xb6,\x95-\xf6\xc31]=\x9a\xe7\xa7I\xd1\x8c\xa2\xce\xcd\x17\x8fm\x13\x94\x93\xbf8\xab\xc4\x07\xb7\xa9\xd6\xa2d0\xde\x85\xb6)\x97\xcb\xee"V-\x9f\x01\xc2\x85\x88$\xf5\x0c?\xbdo\x9d\x9c\x8cy\x9d;\xb8\xf1\xab\x8ff\x08\xc9*\x10\x17\xbcvmY\xfc\xa6\xd8\x0c\xfd\xb6\x96VN\x1b\xae:\x04\x00;\x1a\x14J\xcb\x9f\xd8\xe36s\x10\x02D\xf4M\xcc&lt;B\x0e\xae\x91\x8dl|\xefu\xbf\x9d\x00\x18c\'v\x7f\xac:\x04\x00\xd1^h[\x83\xf9\xef\x82\xcb\x19g-@\xc0K\xd1\x9e\x00\xaf\xf5jn\x92L\xea\x0e\xf9\xfd\xe7\xef1\xc6\xd4\x0c`\xad\xb1s\xf94\xd5!\x00$\x98\xb8\xfa\xc5W\xe7\xbf\xd2iC\xfe\x9a0\x8e\x1fV~v\x15\xad\xbe\x9ekVAA\xa9\x90PnT\x1d\x80r&lt;\xf5K\xbf\'\xca{\x10\tcl\xf3\xa27,\xd3\x10\xd1\x84\xbe\xad=\x08F*?T\xeb\xfc\x88\xe8\xee\xa4?\x14\x87\x02\xc0\xacv\xc4_\xbf\xc2\xe3\xc8\x04rt\xebR\xd5!\x08\xa3m\xfa\xe9M\x9dK\xf4\x8fU\x02Wad\xc3\xa5\x16@\xe8\x1d\xde\xbc$i@\xb3\xbfx\xd2\xd7\xcd\xf7\xb0\x90\x11\xd04\xcd\xd0\xd5\xdb\xb1lr\xdc\'\xda\xdf\x98R\xb3TZM\xca\x10\\t\xf7lP\xd2&lt;A\x9d\xbc&gt;\xed\x00\x0f \x85\x7f\x8ej\xb1\x03\xf2D\xc6\xe1\xb1U\xa1\xff\xb2s\x05\x11\x9d\xfd~\x83\xd0@dQ8V\xa8-o\xf4{Ru\x08\x82mxw\xbc\xea\x10\x12\x89\x7fj\xa8\xa8#[\xde\x97\x979\x11\xd1\x99\x03&amp;\xdf\xca+\x1a\xe2D&amp;\xdd\x95\x92\xb3\xcd\xedxz\xdfZI\x91\x00\xf8\x9a\x0f\xab\xbc\x1a9\xef\xfft\xfeX\xd5Q0\xc6\xd8\x9b\xcf=\xa9:\x04_\x1b\xd6\xa1\xb6\x9b\xc5\xe9\xf4^Q\x91\xb8\xa4\xbc\x87\x9dZJ*\x81*\xd9Rz_(8\x177\xdbCl\xe7\x17\x1e3\x86&gt;#4\x1c1|x\xfe\x0b\x10\xac=N\x0b\xc6\xf4V\x1d\x82\xa1\xf0\x0c\xc1\x06~&amp;u\'\xf3l\xfa\x98\xd8a\xbf\x16\x8e{\xceMV\x0eF\xd1\xf2p\x1e\x11\x08\x8f\xdc\xb7\x1b~\x15}3\x7fO\xdc\xe7\x97\x8fI\x0e\xca0\x1e%\xe5\n3\xb0ee\xcf\xca\x9a\x123\xd7R\xe8u\xacR\xe0\xf8\x97\x1f\xe9~\x15\xddi\x96M\x1c\xec\xa6\x88\xac7\xb2l7%\xfb$\x11\xa6%K\xac\xdeV\tO\xb7\x86\xfd\xe2\x83)\xfe\x997\x1bl\x08\xfc\t\xd3\xdfr\xddv\xed\x8f\xa6\xc52)\rD\xc7\xf4!\x9d\xfb5\xf5\xa8\xdf\x96\xc7\n\xa5T\x1d\x81 \xd1\xc3\xb3I\xd1\x8c\xa2\x9e\xb4\xecZ!f0&gt;\xbb\x86u\xac\xe3\xdbY\x8c\x02\xe3\xcc\x81\xcf\xdd,\xee\xc3\xea&gt;\xee\xce\xf1\xb1\xfb\xd9\xbc\x97z*\x89D\x17\x9d\xfc\xc6}&amp;\x17~\xd8\xec&gt;\x13\x97\xb4\x17hDDtJ7\xb1g\xfb\xc9\xb3M\xca\n\xc9\x87\x88\xa4\xaed\xcb6\x9dB\xf6\x13\xad\x0c1\x1d\xbe|x\xf0:\x93\x0f\x0f"u-|\xcd\xfa\x89\xb0\xcb\x9d\xc0\xc1\xe2\xb2w\xbbG\xf4&gt;\xdc\xb3z\xae\xd4B\x05\x1a\xd7\xbbE\xed&lt;\xa9\x9c-\xdb\xa9Z!\xb1\xc1\x98\xd0\xd6 D\xbf\x07\xb1N!\xa2\x91\x9d\xea\xa9\x8e\x02\xc0\x11\xf3\xa1\xfb\xccE\xc6\xde\x03/\xa9\xaa";\xd7("6C\xddK\xc8\x8bG\xc39\xad\n\xc4\xaa\x9c%\x85\x9b\xc5\xc34~\x86z.+\x94A\xad\xab\x8a\x8a\xc4K\xd5s\x18\xf6\xc0\':\x1b\xc4\xebP]~\xfe!B\xc6Q\xf0\x83\xaa\xd9\xef%"[\x03V\xb7\xab\x98W^&lt;\xceh\xa7H\xbf\x891"\xcah\'\x13\xfa\xf7GQ\xf1x,\x04\xfb\xa1C\x89\xfb\xcb\r\x84\xa3V\x8a\xf0\xf3\x0f)\x93\xee\xd6kg\x80\xbf-z\xcf&gt;\xd7\xac\xa27!\x05\x9a\xcb\x06c\xba|u,\xbc\xdc\xad\x89\xd1WU\xb2\xdec\xf4\x15X\xd8\xfd\xf1,\xd5!8\xe1l\xbf\\4~\x80\xf0H\xc0\r\xa2?U\x87\xa0\x1e\xfd\xb1\xdf\xeb\x12\xe9\\\x97ZE\x93\x7f"\xa6\xa2O\xc3X\xc5G\x13\xa1\xb1qX\xdc\xca\x18\x9d;\xa8:\n{\x06\xb4\xa8\xecf\x7f\x1d\xd3\xc5\xa39\xc7\xe5\x11\xd8\xc6\xc3?\x97x\tk\xf1\xeb\x03U\x87\x10`&amp;\x03a\xb9\xcaV\xdcq\x81CL\xbc\xc8:-\x88;?w\xe4\xdd\xe3\xe7\xd3\xbb\n\x944\xb3\xbc-\xba\x81\xa9EtBu\x08\x01c\xf2\x12y\xf2\xa0\x8e\xde\xc5\x91\xc8\x0em\\\xa46\x00\x937i\xef\xbf1\xc8\xcbH\xe4\xc9+\xb9\x85\xf2\xb6\xf7\xdf\n\xd0\xe5I\x80B\xf5\x9b}k\xe7\xab\x0e!\xe4\x88\x08#-&amp;\x04\x81\xd5P\x7f\xab\xd7\x9b\xbez\x0b\x07`\x82\x7fG}\xa6\xe6c\nK\x07\xff\xfa\x9f\xea\x00t\xa9\xdd\xb7dOH\xe7\xc3#\xa7BF\xdb7&gt;\x8f\xdd/2\x00%\xeb\xa4\x88\xea\xb9\xc1\xe8\xaf\xef\x94\x0fp\xeb\xa6[\x12\x00$\xe3\xc3\xc1\xf5*eN\xf1d\xb9\\\xaa\xa3\xf0\x9dK?\xeeP~&amp;\x16\x1e\x80\x97\xbf\x08o\x03!l\x88(n,O\xdb9\x9c\xfd^P,\xc2\xe4\xb8\xd9I\xbd\xf0\xc9\xcc\x97d\x04\x93\x98\x94\x9fi\x12\xc4\xfeu\x0b\xe8\xcfoUG\xe1c[\x97\xbc\xa5:\x04\x91t\x07\x112r7G\x1a\xf3\x17\x00\n/y6\xbe\xf7\xbage\xa5\xf5\xac$\x9f\xf1\xa6\x9a\xbe\x91\xb1\x8a\x8f\xde\xcd\x18\xbb\x01\xdd\xa9\\\xd3\x8cm\x85\x17xvH\x1a\xe2c\xf2\xa0\x8eDg"\x1b\xe3\x8d~md\x14\xc1\xe4\x1c\xae\xbe\xdd{t\xc7&gt;\xdb\xf6\xbe\xe1\xe9\xfc\x0e\xc6~\xdc\xfe\x81\xddR\xdcOP\x13,\x0fx[\x9cn\xf5t\x9bnRq%\xca\xcc^\xbd\xb8^\x8dD4\xa8u5U\xc1\xf8\x94\xd4=,N\xf5\x1c\xf7\xad\x9f\xf7*i8\xa8\x8c\xbc\xb7\xf3\xc3in\x16\xf7\xcf\xc1Fty\xef\xeay\xfe\x89\x07Fun\x10\xd0\xcd\x11\xd0\xb0A\x81&gt;\x8d\xcah\xab~:wP\xed\x18dt\xe9\xa87E\x8b*e\xdd\xdcW\xbc)(\xa2Q\x91\xf4\xc7\xb6-\x13\x98ah\x94\xcfp\x87\x90|\xe8\x9f\xc3&lt;\xfb\x7f\xcd\\\x0f\x9a7l\xbfYH4|\xfa7\xafd\x9e\x80g\'\xa4\xdf\xbf\xb6Uh\x99t\xb7\xdaJ\x0f\x16&lt;\xabs\x1fa\x8c\xe8\xaf\xd8j\x7f\xc4Su\x9b\x16\xcb\x94\x82\xb1\x0c\x8c1\xc6\xea\x15H\xfd\xefO_lY\xfc\xa67\xf1\xc4\xf2l%\x10\x91\xc39\x01\x1c\xc9y+{\xb1m\x8d\xac\xffcU\xb3\xa5lY:;\x11\xcd\x1f\xdd\xd3YV\xe1\xbe\xca\x9b\xfaB\'\xed\x87sGu7_\xea\xf4\xbeuB\xaeZ\x9a\x97\xccBD\x9cUa\xdc\xa5Rl\xe9az\xe0i\xb4b\xc3\xbd\x1f\x86\x96\xf6\xa2\xbfZv\x9d\xf6\xd570FDOU-\xe8qx\xdd\xeb&gt;\xee`)\xc7\xef\xe6V\xcf\x1a\xedtQ^%\x1e\xbeQ\xe7N+\xb9\xae\xb5\x8b\xd6+\x90Zwq:\xb5Wv\x84\xbe\xa2\xb0Z\xa9\x94\xf9\xee\xc8\xe6\x88t?,|\xaf~\xb2\xf9\xa3{\xb1\xe4\xc7Q\xe4\xf3\r\xef\x8e\x8f\xfc\xed\xe5\xb5\xbf(\x0e\x06\xdb\xb0\xdcR\x83\xdb\xe0\xf9\xbe/\xc5\xd5&gt;=\x1b\x94\x8c~\x95?\xa6\xf1M\x99t\xb7\x05\xe5$O\'\xber\xb6\xe0\xed&lt;\x99\xd3o\xce2\xaf\x95\xe7\xa1\xb5s_&amp;:ey\x02\x88X9m\xb8\xb3\x82@\x88C\x1b\x17\xc5\xd6\xe9F;\xbfv\xc3E\xaeZH\xf2\x1d\x80T\xc2\x03&amp;:\xff\xe9\x82\xb1\x1e\x14\x14\x06\xcdJd\xf1\xb2\xb8\xb8\xdd\xf7\x9f\xa3[\x1b\x14Lc\x94\xd2\xe5\xbbV\xff\xd3\xee\x91\x8d\x1f\xcb\x10\xf7I\\g\xe3\tIm\xa5\x8c\xf6\xe6\xe8\xb5\xa4\xd6\xbe\xb5\xf3\xff\xfa\xee\xb3A\xad\xab\x1d\xde\xb2\xe4\xc2\xe1\xcdq\xdf\x9e=\xb8\xc1(\xce\x06\x85\xbcn\xf0y\xfc\xcb\x8f&lt;.1b\xeb\x92\x89b3\xe4\xactb7\x04c\xec\xe0\x86\x85\xba\x0b\xean\xd6\xd8\x04\xf7\xd9\xa9\xe6\x88.D\x12\x8f\xef\xd32\xf6\xf3a\x1d\xebp\xe6\xa0\x8a\xf6\x87\xc7}\xebe0~dt\x0b\xa9ED\xa2\xde\xa8\xb4-\x9f\xdb\xa2\xac\x7f\x7f\xd4\xdd\x83\x1fL\x16\xcf\xaf\x8c\xb1V\xa5\xb3\x1bmc\x81\x03\x9a\x0fnS\x9d\x05|w\x994\xb0}\xec\x7f?\x7f{\x9cQ\xed\xaf\xfd\x99\xfd\x9a\x967O\xa0P\xa1\x94lh\xfbZ\xaa\xa3\xb0\xed\xe4\x9e5q\x9f\x10Qz\x8e\x057-|C\xbb\xbdbg\x05hX8\xdd\x9a9ct6\xea\xc9=\xda\x12\xed\x86]:\xed-\x96i\x1a\x15\xb1\xfe\x1d\xfd\x9bW$\xa2\xfb%\xccG\xfbb\xdb\x9a\xee3!\xba@\x7f\xff\xb0i\xe1\x84\xf5\xf3^u\x9f\x1b\xd8\xf6\xcb\xce\x15F\x15\xd3\xbf?\x7f\xc1\x92N\xec#:\xd5k]&amp;\x87I\x95\xe4esUN/&lt;Y]R\xce&amp;\xebA{\xde\xd6]\xbd\x7f\x1f\xdeR\xd8x(\x9b\xedK\'\xf9\xf3\x1c\xe0\x13\xb6\xd6I4\xf1\xb9C\x1b\x99\x9d\x995\x89\xaeh7\\\x93\xa2\x19\xa3\t\xfe\xfd\xf9\x0b"\xfaj\xe5L"\x8at\xd8\x8e\xf8v\xfd\xdbn\x02\x8e\xe0\x19\x8e\xd4\xd9zp\xe9\x89\xe2\xda\xd90!\xb0N\xedY\x13\xb7\x8bG\xae\xc1#~\xdb\xbd*\xf2\xe1s\xcd*,\x9f&lt;T^}$#\xdbOf\xbe\xf4\xb0\xf0L\x19c\x8c\xd1\xd5\x9fyS\x1a\xf8\xe7\xe8\xd6\xec\xa6\xa3V\xf4\xac_\xd2o\xe7\x00\x9f\x84\x11\xc1\x1f\x8c6%\xe7\xb2F\xdb..M\xf4\xbd\xd1\xb7\xeb\xdf\x16\xb2\xbd\xfe\xfa\xee3\x9ed\xbbV\xcc\xf0\xcf\xbe\x91(rX\xdf\x96%\x13yx\xe2RQ\x99]\x1e\xdf\x7f\xe3\xf9\xd8\x9d{\xf6\x88n\x91?\n\xa4`,\xe9\x18\x18\xd7\xbbe\x1a\xc6N\xed]KD\x07&gt;{Wb4B\xc9\x9b\x80\x81N\xef5\xaf\xbe\xaf\xa74\xf0\xc7\xfeu\xa5R[4\x0f\xd9\xb1l\xb2\xafN\x00\x1e\xe8\\\xa3\x08\xcf\x8f%"\x0f\xc6\xc1\xfdc\xff:\xed\x86[&gt;y\xa8Q\xfa\xa6\xc52y\xb6\xbd\xa6&amp;\x1f\xb5\xd0\xd6\xfd\xb7nx\x89\xb3\x8f\x05\x8f\xecmCt9v\x17\xdf\xb7f\xfe\xc5c\xdbJ\xa7\xb9e\\\xef\x16\xd14E\x1f\xb8V\x97\xc5\xbd\x9b\xf2\x835s\xc6\x08\xcc\xed\xd7]+-\xd3\x10]\xe1\xcc\xcd\xe8\x04\x109\x0b\xb4*\x9d\xddd\xd9\xb41\x8b\xa7\xe4,\x8f1\xc6X\xc7*\x05\xec$\xf7\x91\xc8\xae\xa8:\x8ak\xcag\xbcC\xbb\xcd\x9ekV\xe16\xc6\x8a=\xa8\x93\xbe\xe2\xa3w%\xa5:\xc5\x18\xebP9?\xcfo\xe1y\x1b\xc1c\xf9\xe4!\x82r\x02E\xd6\xcc\x16Y\x91\xf1\x9b\xd0\xb7\xb5n\xfd\xb4|\xf2\xd0\xc7S\xfd\xef\x16\xc6\x1eal\xfe\xe8^D\xb4D\xe6\\\xacy\x9d\xf6\xdc\x148,\xfc\xfe\xb5\xf3?\x9a:\xcc2\x19\x91\xed\xceA:.\x1e)\x9f\xd1\xe27\xc7v\xcf\xe6\xfa\x01\x8c\xdd\x1e\xe9\xd6\xf7\xdbn\xce\xf4`"n\x8b\x99\'\xeeX%?\x11\x05\xf7\xec+\x95\xde\x19\xf3\xbaa\x1d\xeb\xf0\xb4\xc0\x063n.\x9d\x9em\\V[A}&lt;}\xc4\xc5\xa3\xdbb?\x99\xfc|\x87\xcb\x06\xe3\xb0\xdb-\x9d\xe8\x9c\xe3h\xe5\xb9\xf63\xed\xcc\x92Jt\xd9&lt;7c\x7fV\xcd~oF\xcdR\x9d\xaa\x15Z?\xff\xd5v\x15\xf3\x14\x7f\x88}8i\x88\xdd\x13@ \xa8\x1a\xb2\xd4\xc1j\xe4?\x01\x10\xd1\xfa\xf9\xbeh\xca\xf2\xf7\xe1-\xa2\xb2\xe2YcF\x8d\x91l\xad\xed\x81-+\xf3\'\x06\xf1\xc6\xf5naUa\x11\x11\xdd\xac\xb7]\xeb\x1bt[U\xcb\xd9\xd4`D\x14\x9d\x16\x86\xe7\xaa$\xb7\xf1\xf3W\x8bUyj\xcf{c\xfb\xc5uu\xae\x99\xfb\xc1\xa4\xaf\x7f\xaf\x9d\xe7\xa1\x85\xe3\x9e\x0b\xe5\t\xc0\x9cO~l\xa4\xff\xc7\xa6\x85\x13\xe2\xb6\x9b6e\xa4\xd3\xaf\xc7a?\xdf\xaa\xaa\x97\xc5\x01\xaf&lt;w\xf8e\x0f\xb6\xeb\xbf_w\x99WY&amp;\xcb\x06\xf4\'Keq\x028{\xa0J\xd6{\x9a\x16\xcb\x94\xca`\x91:\xf9\x1e\xfel\xc1k\xcaO\x00&lt;EOz\xbe\x83\x07\x91\xb81gD7\xed\x94\x12i\x18#"\xce\xf6\xec1[\xe6r\xe3\xc72\x1c\xd9\xf2~\xa4Y\x84\xaaM\xe3e\xb9\xc3}\xdf\r\xcdG\xf2\xdd%`\xdb\x98\xe4 u\x9f\x1b\xd6\xa1\xce\xc5c\xdb\xbf]\xffv\x89Gn,\x9e\xea\x86.\xb5\x8a&amp;\xed\xf4\'-\x97U&gt;?\xaa\xdf\x98\xd7\xff\x03ZT\xba\x9d\xb1\x07\x93\xdfg\xc4&amp;\xe8R\xeb\xb1\xc1m\xaa\xad\x99=&amp;n\x8b\x8bzm\xc8\xe3\xb1\xfbY|7h;d\xec\xa8\xe53\xdcAD}\x1a\x97\xd1~\xf5r\xb7&amp;FK\x195^\xd0=\x9at\xd7p\xd7\xda\xc5\xb4\x1b\x91?l\xdd\xa2\xbdY\\\xf5\xdc\xc9\xd7h\x03VxY\x13lU\xb3\xa5\xd4\xfd\x9c\xa7g\xa0\xb9\x87\x18c\x8c\xfd\xb4\xe3\xc3\xc8\x7fm\r\x8ef{brq\xdaU\xcc\xa3\xaepC\xa6\xf5\xff\xef\xc3:\xd6\x89\x1b\xce\xe1\xd6d\x8b\\\xaa\x9c%\xc5SU\x0b\x8e\xe9\xd2\xf8\xd3\x05c\xdf\x9f\xf0&lt;O\x89\xe3\xfb\xb4\x0c\xcdA\xf5|\xcb*\x1e\xfc\x16\x8fW\xd7\x86w\xc6+\x8f\x81\xd3\xc4\x01\xed$\xe5\x1c\xfd\xbd\x7f\x1f\xdeR\xf4\xc1k\x9f\x10\x9d\x96T\x9cJ\x83ZKyN\xa7w.\xfd\xd7M\x86\x1d+\xe7\x8f\xcb\xdf\xc1NY \x05\xcb\xeb\xe1I\xc0\x83\x96\xe0.\x19V\xfe\x97\x8fe\xbf\x89\xe5O&gt;|F*\xcd"%S\xdf4\xb0e\xe5\xe9C:\xaf\x9a1\x8a\xa7\xb8\xadK&amp;\xce\x19\xd9]ym\x92_\xd8\xb0 \xcek\xc6f\x8fg\xd6\xcf\xf0\\\xb29\x9f#\xa3F\xc7\xa5\xe9T\xad\x90\x07\xcb\x85\xba\x00\x00 \x00IDAT\xb3Bu\x8aS\xba-\x94\xef\t\x89\xa8Z\xf6\xfb\xbcY\xef;?\x9c*5\xff\xe89\xc0\xe5\xcfI\xe4\xe9Jf\r\xef\xaa[\xff\xcf\x18\xda9\xae7}\x91\xfb\xd8\xd0\xf6\xb5\xdbW\xccKt:\x92\xa6a\xe1t\xd5\xb2\xdf\xfb|\xab\xaa\xb3\x87w\xfd\xe5\xcb\x15j~\x00c,P\xf5H\xe4~\x8a\x88f\x8f\xe8\xaa\xfd\xf6\xc4\xeeUG\xb6\xbco\x9e\x83\xcb\x1f\x9b\x91\xb1\xd2i\xaew\x16\x8d\xe6\x16\x19@\xc2\xa4\xc1\x98pD\xd4\xb7I9\xae\x94\x7f~\xfb\xdek\xfd\xe2\x96\x95\x12\x93e$\xc1\xd9\xd3\xcc\xb4(\x95\xcd&lt;\xc1\xdb\xaf\xf41\xfa\x8a\xbf\xa71\x9d\xde\xc7\x1f\x92\x03c\xba6\x16\xb8=\xaa\xe7\xf0\xc9sH\xaf\xed^9S{\x02\xd8\xf0\xcex\xed\xc3\xba\xa2\x0f\xb2\xc8\xa5s\x9d|\xd7\x06\xb0\xa8\x94\xf9\xeeQ\x9d\x1b,\x9f&lt;\xf4\x87M\x8b\xbd\x8d\xfa\x9ar\xe9o\'"\x8f\xa7\xdeu\xe9.\xd37\x01\x96\xbbt\xa5\xcc\xdaW\xc5\xce\xc5\xb5v\xcdn53\x80\xe3y,b\x8d\xed\xd9\x8c\xb9xS\xb8\x84\xefa#$\n\xfe\xe9,Br\x02\x17*\xa5\xf1\x83\xa0\x12\x0f\x9b\xb5S\xbd\x85\xb1\x92\x8f\xdc\xd4\xb5v\xd1\x05czK\x8dP\xf7mj\x04\xd1Y_mS"\xaa_@\x7f\xa0\xf2\x88\x11\x9d\xea\xf1\xe5sFL@IZ\x97\xc9!6C\xf7N\xeeY\xe3`\xdb\xf1/\x92\xdb~\xc7\xad\x84\xe8\x9c\xe8\xab\x03F\x08o~\xd1\x9c\x91\xdd\x88\xe8\xd7\xaf\xac\x87a\x08\x9c\xfe\xcd+\x9eH\x1aS/\x8eQ?\xe0[\x18\xab\x99\xeb\x81\x86\x85\xd2\xb6,\x95\x8do\xcc!\x1d\xda\r\'\xb5\xb3F6g\xdd.\xec\x88\xfe""*\x9b\xde\xf9\xf8\xb3o%\x1f\xaf\xdb\xa0\xac\x7f:\xd7(b7g\xf7\xad0B\xe3\xd2\x8f\xdb\x8d\xbe\xa2\xbf\x0f\xc7\x7fBg%\x87\xe3\x15\xa2+&lt;\x03y\x07\x08\x11\xed[3Ou\x14\xca\x08\x99Y\xfc\xc5\xb65tO\x00\x13\xfa\xb6~\xec\xfe\xf8\xc4\x99\x18\xab_0\xcd\xa4\x81\xed\xbb\xd5)\xe6\xa6\xd0\x0f\xdez\xd1\xcd\xe2~\xf3j\x8f\'\xa2\xef\x93\xaa\xe7\xb8/\xfa8\xc5d\xce\x1c\x97\x1c&lt;\x0c\xba\xfc\xd3\x0e\xf1q$qs)\xe6x\xd9\xb8\x05G=\xdd .\xc1w\x9f\xbe\xe30\xa6\xe4\xa5\xf4{\xa2B\xe4\xef9#\xbb\xb9\xcfP&lt;[k\xd0\x87\xf7\x01\x8e\x9f\t\x12Q\xe4\xa9"G\xca\xab\xb1\xd7h\x0e\xca\xf2R\xefF\xa5\x9d-\xf8\xc9\xcc\x97\xec.\x92\xc2\xbcI\xe8\xa5\xa3c\xba6\xae\x9a\xed\xde:\xf9\x1e\xbe\x9f\xb1\xaa\xd9\xee-\xfe\xd0\r\xb3\x86w\xa9\x9e\xe3&gt;\xa2\xf3\xfc\xa5\xc4\xad\xf3I\x1c\xd7\xb95s\x99\x8d\xd1\xb2b\x8a\xf5\xb0H\xca\x11\xfd\xa7:\x04\xc1\x1c\x1f\xaa\xa6y\x9e\xd3\xcd\xd3\xb2\xa0\xb8\x04\xda\xd1\xc0\x84\x84\xea\xff\xeaB\x8cO\x17\x8c\xbdz|W\xec\x80\xfb\x02-\x9b8\xd8\xe4\xdb[\x18\xa3\x0b\x87d\x94\x1b\x1aU\xb2&amp;{\tG\xe7\x0e2\xc6\xde~\xd9\xf0\x8d},\xcb\xb6\x83\xaftojv\x0e z\xadW\x8b\xcd\x0b\xdf\xa8\x97?u&amp;\xbdI(y\xd8=\x8a&amp;\rlo\xb4\x08\xcfl$ji\x9fAo{\xff-/\x03x\x90\xb1\x8crr.\x99\xda\xf1c?\xf1\x88\xa8n\xfeGxR\xda\x9d\xc2\xb0i\xb1L\x0e\xe2\t\x03\xdd\xd6\xc7\xe1\x16\x88\xdf\x9b\xd2*\x81\xfb_\xf1l\x93\xb2&amp;\xe7\x80\x03\x9f\xbd;\xa4}\xad\xd8\xfe\r\xb1\xfdHLJ\x8f&lt;u$"\xdd\xb9\x9a\xb4\x0b6/\x99\xd5\xcd\xaf\x90\xc7\xb3\xa7\x1c\xfc\xf3\xb3\x02\xf8N*\xeb$rI}\xd6\xc9\xfcz\xc2 \xa2\xfc\x82Z\t&gt;]\xbdp\xdc4\x0c\xdf}\xfa\x8e\xad\xb9\x16R$\x0f,\xf2G\xdb\n\xd7{D\x0b\x7f\xe5\x1b\x9by\xd0\xf9j\x07kT\xd8\xbbW\xc7\xfc?\xdc\xe5*\xf2\xd5\x1a\xf6\xa9#[\x97j?\x9c5\\\xa7\x0f\x0b\x0f\xa9k&lt;\xee\xe1&gt;OY\xfc\xaf\xc2?\x7f{\\\xdc\'\x97\x8em\x17x\x8d\xe6\xcf}\xb1P\xcak\x7f\xf04\xb4\xf7O\xcb\x02\xddf\xc12\xd6\xf0\xda\xb9/\x0b\xcf\xd3H\x87J\xf9De\x15\xd7\xd98\x10Fv\xaa\xaf\xfd\xd0\x9b\xfa$ll\xfd0\x85\x83\xe7Dq\x06\xec`\x83\xf1\xbf\xcb\xf2\xcf\xde`\xd2U\xe7\xb7\xaf?1\xfa\x8a\xe8\x92\xf9Op\xff\x03\x87w\xacc\xdeo@\x9eoV\xcd\xb6\xfb\xaaP\xa0|1\x03K\x08|;\xea\x93].\xe9\xf6\xef|\xf4\xbfj\xe3\x89U!\x93\xb0\xfa\xe9\x85\xb65\x8c\xbe\x8a\xbb\xb2\x84P\xe9Q\xaf\x84\x8cl\xff\xfd\xe9\x0b\x19\xd9\x9a\x8b\xdbA\xb5\xcd7\xed\xee\xc1D\x17\x9dE\xf2j\x8f\'l\x16d\xa3\xdeTu\x1c\xbe\xd2\xadi\xe4\x0f\xdd\xab\xd1("\xfac\xff:O"JV(O\xdf\xb1\x93\xdf\xacvY\x90\xd1\x10F&gt;\x94\xd5\xc5\xd5HB\xd4\xf5\x9c\xadG\xf8\xd9\x1d\xee\xed\xd8\xf6\x0f\xc4\x06\x00b\xc9;\x0c\xae\x1e\xff\xd2q)\xaa\x0e\xce\xb9\xa3z\xf0$\xcb\x93\xbc\xf1\x8f\xc2\x97a\x05\xef\x89\x7f\xc8\xe9\xf8\x8c\xee\xd8\x8fI\xa3\xf6\xba\x94\xd5\xff\x03+\x82\x03\xee\x0f\xe6\xe8\xe8Z\xee\x83\t4\xe1k\xc0\xee\xd3\x0cg\x01\xec\xfcp\x9a\xddE\xb0\xad#\x16[M\x7f}h\xe3"\xe1\x85\x06\xe5l\r6d\xbf\x99\x11Q\xdc\xcc\x7fFnpW\x16\xff\xb8=\x96b\x9f\xbd\x16O\xe52.\xb7\xfa6-/5\xff\x82V\xa3p\x19\x1di\xe7\x0entV\xe2\xe4A\x1d]&gt;X\x1f\xfeT]\xbf\x1d\xffn\xe2Y7\xef\x15\x19\x01\x08|m\xe0\x01\xfa\xef\x17\x93o\xb5\xcd\xba\x02\xf3\xc0(\xc1\xa9\xda\x0b\x8d\xba\xff\x05\x8e\xc9\xaf\xc8{\xa7\xf4\xeb\xa0\x7f\x8el\xd5-bH;\xb3\xa9\x04\xe3\xba\x959S*\x8d_\x1a\xffX\xf2\xe7\x9ev\xe6\xc0\xe7\xfe\x0c,N\xf9\x8cwP\xccp\x08\xfcv\xad\x98!#\x1e!\x02\xb1\xe6\xd5\xab\x95\xe7!I9\xa7\xf4\xd36\xc8\xe7\xb4M\x81\xad\xd3\xa7\xa8\xa7\xa2\x8c\xb1\x8bG\xb7\x89\xcaJ\x08\x9flJ\x9f\x84\x91P\xfc\xb9\xcec+.\xdd\x08\x89\xfe\xe4\xcf\r\xe3\xe8\x99iU:\xbb\xb3\x05\xfd\xb3\xeb\xd4\xc9\xeb\xf0\x8d\x9d\xad\x9f\xb0\xd7\xdbq\xeb\xfc\xb3z\x1d\x18\xd8\xa2\xb2\xf0&lt;\x83;\xed\x03\x11]=\xbeK\xdb\xcf\xaf{\xbd\xc7%\xcd\xeb\xe7\x92\xd8}\xef\xd3\xf9c\xcd\xa7\x9d\x10\xd2B)\xd0\xc7K2y\xefd\xa3:\xc7\x0f\x8c\'\x0f\xcf\xa8\x19bW\xee\xd7\xabf\x0b\xcc\xcdK\xf2v2"z8\xf9\x7f\r.|\x04\x04P\xe9Q\x913\x93\xc4)\xf9\x88\xab\xd1ft\x7f\xe0\xcai\xc3\xa3_EG\xbb\xb2\xd5\xfc\xd4\xf2M\x8cTD\x94\xd1\xf0J\xd6/\xd5\x16g\x9dc\xabK\xb99\xff\xfcv\xdfQ\xfcbT2lx\xad\xb8\x87B\x9e\xbd\xdaq\xdf\'ZT\x9c\xe6w\xe9nV\x88I\xc7\xef&lt;B\x86\xe4\x8e\xa1;\x97\xc9\xb4\x17\x9ffN\x87\xe1\x0b=\xd9\xfby\x08k\x9b\x0c\x8e\x8e\xdbz|\x03\xef\xf9S\x08\xb7\xa2\x0f\xd0\xc5\xa3\xaaC`,\xf9\xc6\xfdf\xd5\x1c\xc6\xd8\xa4\xe7;|8iH\\\x1a7m[\xe3\xfe+\xba\xda\x97\xe2\xfc\xa1M\xaaC\xf0\x02]:\xea`\xa9\xbf\x8flY\xf8\xdas\xa2c\x01\xbf\xca\xa8:\x00!\xe8\x0f\xc3\xc9\x96\x95\x9c\xe1\x06HxRoI[\x95\x13Q\xbb\x8ayy\x16\x94\x11\x8c\xddE&lt;k\x1f\xe9\xe5s\xe0 ""\x9ey)@|\xcfa\x9f\xb0\x9c\x08\xdbo\x88\xfe\xf3\xc9\xad\x8cO\xc2\x88\xd8\xf1\xc1\x14\x85\xa5\xdb\xda\x89&gt;\x7fg\xbc\xc9\xb7\x9d\xaa\x15\xe4\xcfj\xd3\xc2\tvJ\xf6\xc2s\xcd*\xdaJ\x1f\x1ds\xd0\xa5\xe2\x0f\xdd\xb0h\\\x7f1yi\xe4\xb8\x851\xc6\xb2\x84\xf2\xa9\xba\xee\x10\xedZ\x91Y\x03\x85\x97\x9e2\xe9\x0f_\xd5&amp;\x02\x11\x91y\xf7\x19gy\x8a\xcd\xcdq\x86\xf4\xe7~\xbb\x8b\x9c\xd8\xbd\x8a\xe8Wg\xc5\xf9\x93\xdd\xb5\xb7}\xe9\xa4\xc8\x1f\xd5r\x88i\x94T/\xbf\xd4\xd9\x94\xc5p&lt;\x10\x85fP+\xf1\xc2Y\xf9\xb4t\xda4\xd3\x99\xe6%\xb2\xb8Y\\\xed6p\xd0\x86\xec\x89\xe2\xd6\xa7\xce\xf3?\x88y\x02\x9b\xd3j6#[\x8d\x94\xe3\xceI\x1d\xab\x14p\x14\x94\xca^\xacD\x17\x94\x94\x1b\x1a&amp;S\xa2\xfb\x8d\xe3[\x84\xea9\x9d\x9f;\x88\xa8Vn\xb3\xe9HA\x18\xe2\x1e\xc1?\xd6\x17Jo\xf9\xcd\x1d\xdc\xb0\xd0\xe3\x12s\xdff#\xf1\x90v\xb58S\x9a\x8c\x1f\xf9\xd8\xfd\xc2\xce\xd9\xde\x9fE\x82{\xc5\xc73\xeag\x80\xe4\xb8%\xd9\xb3e\xcb\x8bH\xcf\x1aA\x11\x91\xcb\xb6\xc8\x01\xe6\xf1\xa3.\xef/$\xd5\r}\x11\x80z\'\xb3\x9d\xad\xef\xe0\x17U|\xf4\xae\xb8O\xfe&gt;\xbc\xc5n&amp;Fx\xe2\t\xc4V\x90\xcd\x83\x95@Dt\xf1H\xe4\x0ft\xa3\r\x03Ic\xb2.\x1c\xf7\x9c\xc0\xddq\xf5\xac\xd1\x9dk\x146O\x13\x8e*\xa0PJ\xf6\xfa\xb3\xadxR&gt;\xdb\xa4\xac\xec`\xe2\xdc\xcdX\x93\xa2\x19]f\x12\xfbf\xb5\\\x86d\x8d\xe3\x8d\x06\'\x19\xd1\xa9\x9ee\xb6\xdel\xfd\xf6\x1cM\x92T\x89\xae\x81\xb7\x06\xb6\x1786\x89\xb9|\xf1\xe7}a\xaadM)+\xeb\x10sv\x18\x10\x91\x9b\x99\x16&lt;@D&lt;O\xe7e\xc7`\xf2_Q\xae\x1e\xff\x92N\xef\x8ddn&gt;\x15\xb0\xb3\x00\xe6\x8e\xea\xc1\xb9\xe0\xd6%oq\xe6ID\xb2\x06\x96\xe2\x16\xb9\xffK\xa7:\x0c? "\xfa\xc3\xf6k|\x8b&lt;\xcf\x1c\x10\x9b\xa1r\xc1\xbb^\xcc\xe6\xef:\x1a\x1c(\x9b&gt;\xfe1\xff\x7f\xbf\xee\xa2\xcb\xc7,\x17&lt;\xb4q\x91\xb3=\xb8a\xa1\xb4\xb6\x16\xe4\xa9\xd9\x15\xbe7\xf62\x06\xe5\xbf\x91S\xec\xaa \xfa\xd5n\xd8\x0e~\xe6\x8f;&gt;&lt;\xaa7\xd3\xb8\xa5\xe3\xbbV:.\xd4=\xa2\xe3\xde\x17\xea#v\xfbO\x16J\xeadl~e*C\xfd\x82i\xbc.\xd2\xf7\xbc9f\xe2J)\xea\xe36\x14D4\xa1o\x1b\xd5Qp\x11\xd5L^W\xec&amp;39/~\xb9\xdc\xf6\xbc=\xf6#9e\x99Fw\x84\x0c\xf0\x1d"\xbaxl[\xf4o\xdd4M\x8be\xa2\x18\x1eF\x17*\xba\xabn\xcd\xec\xd1tjO\xec\'\xb9n\xe3|;z^Xd\xd72\xbc:\xb0e\x15\xe3o\x95mw\xecu\x11U\xb3\xa5\x8c\xfdo\xb5\xec\xeeGu\x02\x88\xd1\xb2T6\xcb4\x95\xb3p\x8d\xb28\xaew\x0b\xd7\xe1\x84Mm\xee!\xac\xbf\xff\xfc=\xa9\x918\xd0\xa2dV\x8fK$"\xa2\xdf&lt;.4\x10\xde\x1d\xdb\xd7\xee"%S\x9b\xb5\x92\xcc\xebt\xa4$"\xaa\x94\xd9\xf3\xe7\x06\x10\xeb\x99\x9a\x8f\xd9]\x84\x88\xce\x1c\xf8\\F0\xb1\x84O\xfd\x18\xb9\x0c\xdc\xb3z\xae\xad\xa5\x046[\xf4\x86\xfb\xab]\xfa\xfdk\xdd\xcf\x7f\xde\xb9"\xb8\xbd\x01\x02\x84~\xdb\xad:\x04\x08\x88\x0e\x95\xf3\xbb\xcc\xc1A?\x80\x9b\x18[3{\x8c\xcbrUiX8\xe4MBl\xd5\xadOU\xb51\x16\x8d@D\xe4\x87\xb6\x0bC\xdb\xd7\x122\xb5\x88V\x81\x14\x02Nr\xdf\x7f\xfe^\x16I\xcd\xb1%\xa0+?\xa9\x0e\x01\x02\xcb\x9bK\xc2\xbaA\x1e\xe0\x9a\xdf\xef\xdf\xac6\x19\xd1^\xb9\xc8Cy[3\xae\xf0\xef\x1e\xdb\xde\x8fo\xa5\xbaz\xd6h\xa3\xc4\xc5S\xdd\xe0~\xa8\xa2\x1a9\xefg\x8c\xcd{\xa9\xa7\xcb|\x9c\xe9\xd9\xa0dJq\xb9M\x19\xd4\x91?\xf1\x1f\xfb\xd7\xab\xbd\x93\xc3}\xa4\xbft\xaaV\xc8\xe8+"\xfac\xff:\x93e\</t>
        </is>
      </c>
      <c r="E317" t="inlineStr">
        <is>
          <t>&lt;class 'numpy.ndarray'&gt;</t>
        </is>
      </c>
    </row>
    <row r="318">
      <c r="A318" s="1" t="n">
        <v>316</v>
      </c>
      <c r="B318" t="inlineStr">
        <is>
          <t>steps_per_sec</t>
        </is>
      </c>
      <c r="C318" t="n">
        <v>4600</v>
      </c>
      <c r="D318" t="inlineStr">
        <is>
          <t>3.3476825</t>
        </is>
      </c>
      <c r="E318" t="inlineStr">
        <is>
          <t>&lt;class 'numpy.ndarray'&gt;</t>
        </is>
      </c>
    </row>
    <row r="319">
      <c r="A319" s="1" t="n">
        <v>317</v>
      </c>
      <c r="B319" t="inlineStr">
        <is>
          <t>Loss/object_center</t>
        </is>
      </c>
      <c r="C319" t="n">
        <v>4600</v>
      </c>
      <c r="D319" t="inlineStr">
        <is>
          <t>0.20721331</t>
        </is>
      </c>
      <c r="E319" t="inlineStr">
        <is>
          <t>&lt;class 'numpy.ndarray'&gt;</t>
        </is>
      </c>
    </row>
    <row r="320">
      <c r="A320" s="1" t="n">
        <v>318</v>
      </c>
      <c r="B320" t="inlineStr">
        <is>
          <t>Loss/box/scale</t>
        </is>
      </c>
      <c r="C320" t="n">
        <v>4600</v>
      </c>
      <c r="D320" t="inlineStr">
        <is>
          <t>0.057720967</t>
        </is>
      </c>
      <c r="E320" t="inlineStr">
        <is>
          <t>&lt;class 'numpy.ndarray'&gt;</t>
        </is>
      </c>
    </row>
    <row r="321">
      <c r="A321" s="1" t="n">
        <v>319</v>
      </c>
      <c r="B321" t="inlineStr">
        <is>
          <t>Loss/box/offset</t>
        </is>
      </c>
      <c r="C321" t="n">
        <v>4600</v>
      </c>
      <c r="D321" t="inlineStr">
        <is>
          <t>0.11523537</t>
        </is>
      </c>
      <c r="E321" t="inlineStr">
        <is>
          <t>&lt;class 'numpy.ndarray'&gt;</t>
        </is>
      </c>
    </row>
    <row r="322">
      <c r="A322" s="1" t="n">
        <v>320</v>
      </c>
      <c r="B322" t="inlineStr">
        <is>
          <t>Loss/total_loss</t>
        </is>
      </c>
      <c r="C322" t="n">
        <v>4600</v>
      </c>
      <c r="D322" t="inlineStr">
        <is>
          <t>0.38016963</t>
        </is>
      </c>
      <c r="E322" t="inlineStr">
        <is>
          <t>&lt;class 'numpy.ndarray'&gt;</t>
        </is>
      </c>
    </row>
    <row r="323">
      <c r="A323" s="1" t="n">
        <v>321</v>
      </c>
      <c r="B323" t="inlineStr">
        <is>
          <t>learning_rate</t>
        </is>
      </c>
      <c r="C323" t="n">
        <v>4600</v>
      </c>
      <c r="D323" t="inlineStr">
        <is>
          <t>0.001</t>
        </is>
      </c>
      <c r="E323" t="inlineStr">
        <is>
          <t>&lt;class 'numpy.ndarray'&gt;</t>
        </is>
      </c>
    </row>
    <row r="324">
      <c r="A324" s="1" t="n">
        <v>322</v>
      </c>
      <c r="B324" t="inlineStr">
        <is>
          <t>train_input_images</t>
        </is>
      </c>
      <c r="C324" t="n">
        <v>4600</v>
      </c>
      <c r="D324" t="inlineStr">
        <is>
          <t>[b'512' b'512'
 b'\x89PNG\r\n\x1a\n\x00\x00\x00\rIHDR\x00\x00\x02\x00\x00\x00\x02\x00\x08\x02\x00\x00\x00{\x1aC\xad\x00\x00 \x00IDATx\x9c\xec]ex\x14\xcb\x12-&lt;h\x82\xbb\'\x01B\xf0\xa0\xc1!\x01\x82$\x04wwwwwwwwwww.\xee~\x81\x8b\xc3\xbdp\xde\x8f\xce6\xbdc\xdb\xb3\xbb\t\xf28?\xf2mf{fzG\xba\xab\xabN\x9d"\xfa\x83?\xf8\x83?\xf8\x83?\xf8\x83?\xf8\x83?\xf8\x83?\xf8\x83?\xf8\x83?\xf8\x83?\xf8\x83?\xf8\x83?\xf8\x83?\xf8\x83?\xf8\x83?\xf8\x83?\xf8\x83?\xf8\x83?\xf8\x83?\xf8\x83?\xf8\x83?\xf8\x83?\xf8\x83?\xf8\x83?\xf8\x83?\xf8\x83?\xf8\x83?\xf8\x83?\x085\x00xpr\xa3\x9bj{\x91T\xd1\x01\x00\x08\xfb.\xa9\xe1x7\xaa\xfb\xba;\xa5\'\x1c#ZW\x91\xecU\xffF\xe5\xf2&amp;\x0c\xaf\xd8\x88\x7f\xae6\xf2\xcfr|\xedT\xc9\xd3\x95\xcd\x94pt\xbb\xea\xe2\x96U\xe3{\x88\xff\x16K\x13C\xbdWP\x96$\x9bg\x0c\x94&lt;\x85&lt;\xa6\xf7j\xec\xf4c\xfe\xf6\xf8\xf7\xfe\x89\x06\xc52\xfd\xe8^\xfc\xdaH\xf8\xa3;\xf0\xdb\x02\xff\\\x8d\xa3\xb5=\\XwD\x17y\x13)\xc7PSX0\xa4m\xa6\xe8\xce\xea\x8b\x15\x1a\x14\xcfl\xdc\xa0\x84\xa7\x9bz#\x80M\xd3\xfb\xeb\xed\xb2fBO"\xf2\x8eftX\xc9\xe9gJ\xf7\x06\x00\xe6\x0fn\xa3\xd8&gt;\xaeSm\xf1\xdf\xb1\x1dj\xf2Y\xaa\x91_\x16\x99#\xff\x06(\x9e6\xe6\x8f\xee\xc2\xaf\x87\x9f\xc4(t\x10\xab\xc6w\xff\xd1]\xf8\x11x\xfd\xd7\xde\xd0\x19\x06\x7fv,\x18\xd26\x8c\xcf\x98\x84\xc8=\x1c\xb9\xe8|\x8b\x7f\xef\x01\x1fg\xf7k\xae\xb7;\x1f\xfc\x13\x12\x15J\xaew\x18]\xe4\x88\xfd\xfd\xf3\xc1\xe5\xe3\x81\x97\x8a\x06\xfe\x1e\xaeV\xfd\x01\xa6\xf6l\x94.\x12\xa5!\x02\x9e\x9b=]h \x85D\x9b\xb6\xe5}C\xbd\x1f\xbf\x08\xb2\xb9\xdan\xe3\x14\x84\xd2\x04P8ET\xcd\xed\xfd\x1b\x96\x0b\x8d\xd3\xe5M\xf8\xf3\x18\xb7a\x08\x00\r\xc3\xd6\xbe\xdb\xb3pT\xe8\x1d&lt;w\x82\xd0;\xb6\tD4\xbfK\xcf\xda%\xd6N\xec\x85\x97\x97\x9d\xdf\x1b""\xeaT\xb9\xb0\xdeWs\x07\xb6:\xbevZ\xd6XV\x1b\x15\xfe\xa5\xdf\x06\xe9#\xff\x98\xf3\xfe\xa0\xd3\x12\x11\x85\x81\x85\xb7c\xee0\xc3\xd5\xe9\x1f\xfc"\xc8h\xc6\xb2,\x92*Z2"\xc5\xc0a\x13e\xbdu\x07\xe9(\xe6\x8e\xf4[\xa1X\x9a\x98D\x94/Q\x84&lt;\t\xc2\xc2\x12\x19\xd88H\xbc\r\xa1a\x04xG%"\x9a\xd9\xb7\xa9\xd3\x8f\xec,\xe4\xf9\x11\xe6\x82\xcc:\xc6)\xb0\xc3\n\xb1\x03\xc0\x7f\xbf\x87\x0b\xe8\xff\x1d\xc9\x88\xd6L\xe8Y3\xbf\xa7\x0b\xd1\xb0\x96\x95\x1c9T\xe9\x8c\xf1\xed\xdb\x11x*\xd3,0Kb\xe6\xa00up\xbd&gt;\xa5\xb3\xf5\xa2\xe4O\x12\xc9\xd4\x89~ft\xaaR\x98\x882\xc7 \xcd\x00\x8f\x88R\xe9m6\xf9\xe5\xd1\xa5ZQ\xcd\xed\x0e\x05\x97l\x01O\xceN\xe9\xd1P\xdb\xbba\x0b\xe7\xb6\xccqro\x1cC\xd3R9~\xd7\x95\xe2\xff\x11\x92\x11\xc1\x82\x8fw\x8e\xa4$z|f\x0b\x11%r\xf8\xc8]\xab\x15\x93o&lt;\xac\x85\x89Ygr\xf7\x06\xab\'\xf4\xb0\xddN\x85\xf4\x91\x88\x88"\xe9\x90d4Q\xa7P\x06\x83\xf0l\x18\xa3G-\x7f\xee\xac/\x99.\xb6#S\x93\xab&gt;\x89"_\xe2\x08\xff\xb7f]\xd7\xea\xc5\xb6\xcd\x1e\xa2\xde^\xd6;!9\xc9\x9d2\xbb_\xf3B:\x0e\xee\xb0D\xd5&lt;i\x1c&lt;\x82\x9a\x16\xc8\xfe-\x9e6\xd6\xcaq\xff\x971\xd5_\x14\x0fOnl\x17\x9c\x7f\xce\x80\x96\xd5\xf2\xb9\xa7 Z9\xae\xbb\xbb\x9c\x15\x94\xc4\x81\x93n\x9d5\xb8\x91\x7fV\xbbwwd)}f\xd3l\x00\xc0\x7f\x0e\x1c\xc3\x04\x18\x8b\xc6\xe6\x92\xbci\xa9\x1c\xce=\xef\x95\xdd\x8b\xf9gEH08{2c\n\xdd\xc9\r3\x1c9ubGv\xfe\xa1\x00\x1e\xeb}U\xc23\xb6\xdeW\xa6`:\x82\xaf\x85+\xbb\x177\xf2\xcf\xca=\xef\xcbFwq\xc6Q\xcd\x81M\x00)\x89\x88\xe8\xde\xf1\xf5\x9f\xee\x1e\xe3\xf3A*\x89\xdd\x13\x13]\xd8&gt;?\xd4z\xf7\x07\xf6\xe2\xf0\xca\x89\xb5\x0b\xa67n\x93.\xa2=\x03\x96\xc2\xb9\xf4\xa3\x02Gj\x1a~\xa8\xe2\xed\x8d\x03\xdbf\x0fv\xf0 \x06\x91\x015\xa7\x93\x01\x80\x9a9\xda\xa0\xb8\x11\xf7\xbcd\xba\xd0\xf2\xfc\x98\x0c\x15\xfd0,\x19\xd9I\xb2\xab\xa1\xf1\x0c\xe5K\x14\xc1\xbe\x1d+\xe7J\xe5\xd4\x8eHA4\xff;W)bG\x9eP\x81d\xca\xe88\xbe\xdc5&gt;\x91\xd3\xc1\xfc\xa2\x7f\xf0\x1d\xb9\xe3\x93\xf1\n\xa0\xa2O\x8a\x1e\xb5Jh~\xb5y\xc6\x00\x033)S\xf4\xb0c\r\x1b\xacp\xab\xe4N\xfd\xa3\\\x1c\xe2\x9a\xa9}\x85\x02\xa5\xd2\xc7\xb5\xef8\xdc\x8a\xdc2sP\xb9\xcc\xb6\xddu{\x16\x8e\xaa\xe1\xebAD\xe7\xb7\xce3\xe5\xc7p\x8a\xb9\xfaSA\xd3\xf9\x92\xc92S\x02\x18\xd1\xaa\x8a\xe2[v\xe9\x14\x00\xde\xca\x9c.\x9e\x99\xbe\x85%\xf8\x9d\xf5\xb0w*\x03\xb0ltg\xf1\xdf\x98DES\xcb&gt;_a\xc9\x8c\xf2\xf9\xfdCZ?\x01\x12\x11\x01\xe8U\xa7\xa4A\x9b\xea\xf9\x9c\x9c\x82\xfb+"\x12\xd1\xb2Q\x9d\xb7\xce\xb2gY\x10\x8b\xa8_\x83\xb2\xc3[V\xe6[\n\xa7\x0cE\x87\xb2\xbbc\xa4\xa4\x02I\x7f \x01\xd2\x04"\x13u\xacT\x88\x88"\x11\xf9&amp;\xb6r\xd7\x15O\x1bS\xf3\n\x0fjR\xfe\xce\x915\xec\xf3\xaf\x182q\n\xb7!\x7f\xd2H\x00\xbe\xdc?\xc1\xaf\x80)\x9e\xbeO\x1c\n\xc8`\xa7\r\xf4\x07?\x18_\xee\x1d\xaf\x943\xa5|\xfb\xb0t\xf8D"\xb2/\xa7S\xd3\xd6\x93\x87L\xf2M\xee\xf8\xba\x94$I\xd4)\x94\xc18o\xa5e\xd9\xdcD\x14\x989\x91Y\x92\xae&amp;\xfc=\xdc\x9cp\x14\xa2&lt;a\x9ekS$U46\xba\x88\x0fj6W\xaa\x90=\x99\xbaq\xe7\xaaE\xd8\x87\xb4\xd6\x01\x9bT\xfa\xc7\x07\x9e\xb0\x81\xcf\xcf\xddD\xda\xd5\xb4\x9fC9c\xdf\x92\xb1}\x1b\x94q\xfaa\x17\rk/\xdf\xf8Wq\x0c\xfe\xe6\xb0OR\xc3`\xf4\x8f&amp;\xd0+G\xb5\xa9\xc6\xb7\x97L\xe7\x9c0\x9aM$$\xcal\x92\xb1\x91Q\xc7\x8c\x1e\xd08\xb0\x96\xad\x88\x08C\xcex\xe6\xb2"2k\x11\x91j\xe6\xf7d\x1f2E#n\x1a\xc9s\x968"\xe8\x1c\xff\xff\r\x9a\xc9%\x9a\x06;\xdf\x88w\xd7\x01\xec\x9c7\\\xe6\xf8\xd3{7\xb1\xbfs\x16\x84\x97\x8b\x9a\x8a\x987\xa8\xb5\xe3\xe7u"f\xf4n\xf2\xab\xc8h\x18{\xbc~&lt;=\xeb\xe7\x87\x87%R\xd5\xa1RA\xf6A\xef\xaa)\x12PC{\xa5\xdc\xbbn\x80d\xcb\xb6\xc1\xda\x9a\x01\x11\x1d\xcb\x8a2\x15\x18oQ&amp;\x97\xdd\'b\x88M4\xa9k}"\n\xd62i\xff\x80T\x8f\\b\xa2+\xbb\x17\x1b?\x87\x89\xb5\x08\x8e\xf6\xc1\xee\xdcF\x91 gS\xa5\xe0\xf2\xaeE\xf4{%\xac\x84*\xfe$-;\nn,\xf3\x90&amp;\xbe&gt;\x14\x1b\xac\x9b\xd4[s\xc7v\x15\xf2;\xa5\x03zT\x89\xd1\xed\xaa\xab\xd3\xd0l\xa6z)0\xbb_\xf3\xdc\xf1\xa5d\xef4\xc9\x8e\xa9\xcc\x9d\x8dF\xb4\xae2\xa0q\xa0}y\x9b\x00j\x15H\x97\\\xe7[\x83\xe0\x9e\x98\xa2\xe1\xa0\xac\x9eY\xd8Mt\x11\xf1\xe6\xda~\xf1\xdf\xb4\xd2;2\xd1V\xc5\xe0^\xab@:E\xb3\xf9\x83\xdb\xec[2\x86\xff\x9bC\xb5p\xfdy\x9c\xfe\x83\x9b\x96Ww\x8f\x88\xb6\xcc\x1a\xe4\x94\xe3;\x18\xc4\xfeyF\xdb\x07\'7\x12\xd1\x97\xfb\xc7\x7ftG\xfe\x8f1\xaec-\xb3\xbb\xa8\x87o\x9f84\xa8I\x90\xa9\x83\x1cY5ip\xd3\xf2fO\xed\x14h\xbe\x9c"\x1ca\xa19e\x18\xfay\xc62\x05\xf4\xdc\xeaj7[x\xa2%#:J\x1e\xf6\xe2\xf6\xf9~\xeeV\xc7\xa8\xeeX\xe0\'\xf4\x80\xe7\xe7m\xb6I\xad\xb3=\xb4\xdd\xeb\xce\xd5\xd1\xe0\x01\x98?\xab\x98\xb0\x06\'\xed\xcc\x1fl\xe5U\xac\x967\xad\xde\xbf\x11\x89\x8a\xa5\x89\x89g\xe7L\x9d\x08@\xd8\x08\xdd8\x0e\xc5\xcb\xc33\xaa\xde\xdf&lt;4\xb0qP\x98wG\x17z\x82\xf2=kk\x93t5\x116\xa21\x0e\xc2\xd8\xc6\x0f\xb3\xd8\x92)\xe4K\x14\xa1Y\x80\x93\x93\xfb\x1c\x84\xcd\xfc\x1egAS\xf3\xfc\xa7\x85\x9f\xbbkM\xd5*\xf0\xff\x02+\xc7vc\x06`\xb9L\x89\x8c\xd7\xe6-\xca\xe4\xe4\x9f\xd7O\xe9;\xa1s\x9d\xd7W\xf7\xda&lt;~\xd7\xeaVj\x10\x06Z\x8cz1Xy\xe4\x94\xa3\x93\xf1\\\xa7l\xae\xf6\x90\xdc\x9b\x05\xf8\x98\xdf\xc9\x06\xa2\x10\xf5\xae[j\xd9\xa8\xce\xc6V\x9b\xba\x80\x81^\xf4\xdeT@ \x8bD\xf0.\xb13n\x90&amp;\xe4-w\x03$\x0f}\x915;\xd6Iq\x88\xf4\xbcsz(\x94\xdc\xc5\xcd\xeciT\x98\xdc\xad\xbe\xde\x03 \xfe\x8a\xb0LPH\x1fj\x86\xbd\xe6\x91\x13\x11\x15Mm\x9a\x02\xe1\xa93\xfe\rj\xf2c\x9c\x07a\x81;G\xd7\x02x{\xe3@\x9fz\xa5\x8d[\x8a\x8fKB\xa2&amp;%\xb3\x93\x93\xfc\xb9\xc6P\xdc_\xc5\xe2]\x06\xea\xfb\xda.8\xbfY\x8eP\xd8 \xade\xec\xd6d\x13\x19\'X\xd8D\n9\x9d\xbe\xf8Djs:s\x8c\x90H\xa3\xd31\xa5GC\xa7\x1c\xc7\x11U\x12\x19\x00\x10m\xa0\x9f\x19\x11\x89\xfa\xd6W\xf2;Y\r\t\x91\xa4\xb0}\xceP\xe3\xe3\x98\xe5\x10\xcb\xa7\x80\xc9@&amp;\xae\xa3\xd7\xa6@\xb2\xef\xd1\xf7?\xfc\x08#\xf4\xa9\x17\xc0\x95\xe0L\xed\xd8\xa6|\xbe7\xd7\xf6o\x9cfN%-0K\xd8\x89\xc4\x841\x07\xb2q\x89lz\xdeX\x11\x0e*\xad:\x08\xc9E\xd2\xa9\r3\xd5\x1b\xe5\x03\xad\x9apd\xf7T\x12m\xec\x9e\x1dES \x06Q\xab\xc0&lt;\xe52\'\xca\x10\x85\x88h\xc9\xc8\x8e\\\xed\x92\x85\xaf\xc4U\x90\x89\x14\x183\x90L\x9c\xabY\xc038[\xb2\xfdK\xc7j~\xdb\xbc\xb4\xed\xb9\xea\xc9\xd9\xad&amp;\xba\xa5\x05;\n\x13\xe9\xe1\x8f\xeb\xff\xc7\xa0A\xf1\xcc\x8dKd\xcb\x978\x82\xcd\xc9\xbeP\n\x17\xb5\xab`p\xb3`\x9b\xa7X7\xb9\x0f\xff\xec\xa0\r\xeb8|\x13G\x94\x8cB\xf8\xb9\xbb\xce\xea\xdb\xcc\xa0A\xdc\xb0\xa2\x0c\xd7-\xe2\x15&amp;\xe7\xf9\xce\xd1Z0D[\\\xc8\x11\x18\xa4+\x1b\xf8I\x18\x87\xc4\xf1(\x85\xc1\xe3\xcdmEf\x06\xe5\xb6\xac\x91\x82\xb3\'[&gt;\xa6\x0b\xdb\xe8\xb8\x94\x93\xd3alI\x88\n\rz\xf8i\x83\xff\x8e\xe0\xd7\x881\xfe&lt;\xc8\x1a\x93\x8e\xac\x9a,\x99\x8dm\x9f\x9b\x95\xa7\xcb\x13Q\xcd\xfc\x9eN\xa4\x1c\x9a"Y\'!r\r}G\x81&lt;\xf0\xe2\x82\xfa\rT\xd4e$\xa2)=\x1a*r)\xa6to\xa0w\xcc\x9f\xb3\xc8\xb8M"\xe0\xd3\xb3[\x7f\xacC\x0e_\x1f\x18\x8c\x86\x8a%\xb2\xbf\x87\x9b(\xb3\xea D\xf7\x84d\xbe\xe1\x8f\x05\xbf\x0e\n\x1d\xb7\x9fA\xcf\xa1f\x81t\xdb\xe6hHy\xff\x81.|\xe2\x98\xab\x02\xe6 \x80\xf7\xa76\xcc\\:\xaa\x93\xe3\x87\x8aBt|\xdd4\xc7\x8f\xf3\x03\xa1I\xc0\xe7\x1av\xf6\xd5t\xad\x90\xc3l\xdc\xd1\x06\xd4\x91gc\xa8-}\x9b\x8bK\x00g\xb7\xcc\xb1\x8f\xb6(F\xa1\xec\x8bjN\xef\xddD\xcf\x05\x9a):ERM\x00\x0c\x92\xc5\x8b~c(l\xed~\r\xcb*\x1a\x8clS\x95\x7f\xce\xad\x15{2\xfbh\xd9\x04\xbbM\xd7\xf7/\x97i\xec,\x81\x93\xdf\x01\x19"S\xc1\xe4QD\xa7\xb9\x1d\xb1\xddV\xe5\xf2\x0ciV\xc1\xea\xb0\xbfW\x8dG\'\x8f\xac\x86(\xe1\xe9\x86w\xd7\xf5\xbeU/\x14B\t\x8dKd\x93o\xcc\xc2;\xbd\xebi$c\x1b\xdb\x183\xfb6\x03\xe0\x1e\xce\xc9QDI\xac\x1e\xdf\x83\xc9X2\xf0y\xf7\xcc\xe6\xd9\\\rB=\x01d\x8aN\x9bg\x0ctzg4i]\xac\\\xa8)D\x13\xd2\xf5\r0\xb4y\x05\xdb\x8d\xec\x85\xe8\xef-\x9e\xd6\xfe\xb4\x04y\xa1\x9a\xa4DGVM2n\x93/q\xa8\xf3V~=&lt;:\xbd\t\xc0\xc2\xa1\xed\xf8\x16;dd\xae\xeeYBB\x98\xb1f~O\xbc\xbd\xe6\x9c\xfe\xfd\x9f!\xb2~\xc8tzh\xea\x88\xa9g8\xfcs\xd5\xecANo\xfc\x1e@\xaeW4\xa3\xe4^\x93\xf5\xfdZ\xa1\x8a\xeds\x86\xb2\xc1=\x7f\xd2H\xe2\xa4\xda\xb5z\xb1\x1c\xb1)K\x0c\xda1w\xd8\xc7;G\xf9" \xa9\x93\xce\xfb\x93\xe8\xc1\x85\x06\xc4Gw\xf3\x8c\x81\x0fOnt\x13\xb6\xb8\x10\x01\x7f\x9b:`\xe6\xe8\x0e\x17\xa9\xf5rP}\xf1\xb7F\xabry\x8c\x89@\xe1\x896M\xef/\xf9\xe8\x87F-Y\xcd\xa5\xbd\x13\x13\x11e\x88\xf0a\x06\xef\xa8\xd4\xbfa\xd90\xb2\xf0\x05\xd4\xcc\xef\xc9L\xad\xda\x8528\xeb\x98\x00\xae:\xcf]\xeet$\x15\xdc;\x8a\xe7\x9f\xe9\xea\xc4\x0ci\xf0Y\xb3\xcd\xcf\x86\x92\xe9b\x87\x1e\xdd\xde&gt;&lt;&lt;\xb5Q\xbd\xf1\xd7\xb2\xc0\x9d5\xe5\xff\xd4HC\x04`\xef\xe2\xd1v\xec\xfb\xc3+-H\xb2|5\xbb\x19\x91\xa8\x8c\xb7ss\xda\x1dE\xed\x82\xe9;U.\x1c\x1a\xd9\xb9\xa2{E\xcd\xc8\xc9\x11\x9b\xea\x17\xf3v\xee\x19c\x13\x01(\x9f\xedg|\x89\x8e\xae\x9e\x1cN5\x01&lt;&gt;\xb3\x99\x88&lt;-W\x7f\xde\xa0\xd6PA&lt;\xc8\x0f\xf4\'\xd4-\x92Q\xe1\xa0k\x15\x98\xc7\xd4\x11\xd6M\xee\xa3\xc9\x99)\x9b\xc9&gt;u\xe0\xb0\xc6\xc4.u\xed\xdbq\xf3\x8c\x01\xea\x8d&lt;\x1c\xe7\x94\x08\xe5\xef\x8c:\xce\xb3\x10\xd5\x98\xd1\xa7\xa9s\x0f\xe8\xfa\x93\x19\xf86\xf1\xe6\xda\xfe0s\xf1\x0fi\x16\xcc2\x83\x86\x84\x9a/\xb8~Q\'O*ND6W\xe5\x04\x00|\xe6\xdf\xb6\xab\x90_=\xfa\x9f\xdf:\xf7\xc7\xf5\xd7\xf9\xe8R\xad\xa8\xddk\x9a\x9fJ\x13%4\xa0\xd0R\xfcS\xb8\x86\x88\xa8h\xea\xe8\x00\xaa\xe6I#\xaf\xea\xb3s\xbe\xb6\xae:K\x9b\n\xf0\xd2\xe5n\xdc8\xb0B\xe6\xf8\x03\x9b\x04\xad\xb5\x16\x1f=\xb7e\x8ed\xdfL!1Q\x04\xa2"\xa9\xb4\x03\x95v\xd4\xd6X0\xa4\xad\xba\xac`\xf5|\xee\xfe\x16\x1d\x95\xd0^\\\x01hU.Ov7\x8d\xaf\xc6u\xaa\xcd&gt;h\xf27~~\xc8d\xb1\xa6Q\xad\x00\xc4\x14\xe8\xa5#;5-\x95}\xf1\xf0\x0e\x06+\x80_\x02zBIs\x07\xb6\x1a\xde\xaa\xb2}$@\x17[9=\xce\xe2\xe3g\xb0\xce\x8b\x13k\\\x87\xbd\x9b\xf47\x87\xa2\xae\xb4f\xcen\xcb\xb2\xb9l\xbe\x03GWO\x969]L"\x17\xa2\x01\x8d\x02\xf5\x1a\x8cj[M\xef+\x11\xc0\xdf\xec\xcd\xb4[\xffV\xe6\x15\x18\xdf\xa9\xb6Hk\xfb\xc9\xa1\x08\xe1\x8fl]5O\x82p\x9a||\x9b1\x9b_K$\xcb,\x13T1\xb8o\x98\xda\x8fm\x0fOT-oZ^\xc2\xec\xf0\xca\x89\x00\x80\x7f\x9d\xda\xd90\x02/1\xe4\\\xf4\xae\x17`wZ\xff\xc1\xe5\xe3\xbd\xf4)\x82\x7fJ\xb2\xfc0\xc8\x0c\x856\xb9z\xed\x82\xf3\xcbP\xd0\x9c\x05\x7f\x0f\xd7g\xe7\xb7\x03\x10K\x8f\x19\x00x\xcd?\x17K\x13\xc37q\xc4B)\xec\xb1\x82\xaa\xe4\x96\x91~\xf8\x01(\x9f-)\x00\xa6\xbaQ\xb7\xb0\x17\x11\xf5\xae\x17\x907a\x98\x8a\xfe\xff(x\x9b\x94\x9f\xcf\x978\x02\x1f\xfd\xe3\x10U\xcf\xe7\xce\xc2\xbfS-\nEI\x89\xd2G\x0e\x11\x10\x8cB\x84o\x0f\x8d\x0e\xe70z\xd4\xf2\xef\xdf\xc8DM]\xa7\xa0\xa1_f\x99(\x8dMQ\x1dS\x8a\xac\xadMF,\xec\x00\xd37\xeb]\xb7\x14\xfb\xf7\xd7\n&gt;\xff\x18\xfc$C\x9ah\x1chVCLIt\xff\xc4z\xfe\xb2\x03\xc0\xf3\x0b\x92\x07\x7fw\xe3 s\xe6\x15K\x1dc\xed\xa4^\xc07\xc7\xd7\x92\xf1\x88\xd2\x99$`\xcc\xee\xdf\xc2\xc1\x93\xba\xe9g\xf3\xe7\x8cK_\x1f\x9d\xaaW\xd4[l\xe0\x1d\x95\xf2\xa8\x02\xde?\xed4\xe6,p\xa3^\x13{\x16\x8e\xe2\x13\xc0\xddc\xeb\\\xac\x17O,\xe9\x1a\xc0\xa6\xe9\x1aaCyHf\x90\xcc\x1d\xd8\nx\xee\xc8\x89\x14\x08o\x1d\xf9\'\x1d\xc1K\xf6\xf3\x15N\x1b\xa6\x14\x146\xfaw{\x16\x8d"U\x0e#\xaf\x10 \x03\xbd\xac.\x85\xa6\xfd\x1f\x84\x05\xc2@\xf1\xadk\xf5be2\xc6\x1fo\xf1S\x0fi^\xc1\x0e\xe7l\xee\x04T$\x95C\x05\x8b\xb8\xbd\xe9\x9b8bT\xd2(5\x9e\xcdU\xd7\x03\x0b\xbc\xd7\xcb\x84\x94\xac\xed\x17\x9b\xa8E\x99\\\t\x88\xaa\xe6I\xa3\x16I\x05p\xf3\xe0J\xc5\x80\xa2\x16\x89\x04\x90\xca\xd9\xc5=\xd2E\xa4U\xe3\xba\xdb}eM\x95\xd5\x14\xc1\x14j\x15xyy7\xe9\'\x9d\xe2\xd5\xe5\xb6\xc1\xbek&amp;\xf6\xb2\xf2\x04\xbd\xb8\x10\x90!n\xa7\xca\x85\xf9\xff\x92\x1d\x08K\x81eG\n\x1c\xfd\xf7\xe0\xa4\xf8\xbe\xb0\x1f\xc9\nf\x89\x1b_\\\xdc\x89\xbf/\xb2\x7f\xfb\xd4\xb7R\x0b6\xa8\x07\xee\xa6\xdarh\xc5\x84\x9fp\xf9Y5O\x9a\x02I#\xc30s\xf8\xf6\xe1\xd5a\xd9\xa5\x9f\x0e1\x89R\xa9\\rz\xe1\x1d\'rml\xce\xdb\xf9\x12E(\x9a:\xc6\xb15S\x0c\xda\xec^0Rs\xbb\xab~j\xe5\xf2\xd1]\xfa\xd6\xb7!\x8b-B\x0c\x90F"2%\x19\xa6G\xa6\x9a\xd6\xab\xb1\xd9\xc9\xec\xe9\xd9\xad\x8c\xc6\x03\xa0c\xe5B\xa6\xf6\r\r\xc41,\xfc\xf0\xb3ax\xab\xcaD\x945\x96\x9a\x11\x14\x02Ii\x01g\xc1Yq\xe6\xea\xf9\xdc\xf5\xbej\x1d\x98\xb7\xbf\xa0\xdc 3U+\x14\t;U1a\x9eS\x98\x14\x1d2K\xc9\x9d\xd6\xb3Q,"\x00\x06\xfa`\xfb\x16\x8f\xd1\xff\xf2\x0f\x88H\x15\x12H\xe3\x8cc\xaa\xc9\xa0\x8a\taj\xcfF+\xc6t\xb5\xfb\xf8MJf\xd7|\xcd\xf0\xf7\xa5\x92f\x12\xd9\x14\x07i\x17\x9c?\x11Q.\xc7h3ESGgC\x92&lt;\x1a\x14\xcf\x94&gt;\x12U\xcb\x9b\x16\x00^\\t\xe8\xf4N\xc2\x9e\x85\xa3\x1c\xd9]\xd3\xefg\x16\xa6\xaaq\xf5\xa9\x17\xc0\xa6^\x86\x0f\xb7\x0e\x03\xc0\xcbKx\xf3\x17o\xa3.\x89\x03|\xdc\xb7d,9\xcf\xf6\xcf\x18\x95\xf0\xfe\x86\xe3\x12*?\t[\x89\xa7\x16M\xed\xd1\xd0fi{\x86]\x0bF\xe4Oj\xce\x9d\xea\xe0\xf2B\xcfVi_\xa1@\xb7\x1a\xc5\x1d;\xf6\xaf\x0fQp\xadF~O\xb2\xb6\x17\xa2\x13\x01\x10\xd7\x83\xf8t\x9b\xab\xa9\xd8\x9d\x01\xc4\xe6d\xd1\x18\xaf\x9c+\x95zQ\x90\xd0^Mv7\x07\x12\xdfl"Gl\x8a\xaar\xb6\x02_\x15^\x9a*\xb9Sk\n\xb7\xad\x1a\xdf\x03\xc0\x7f\x0fOj\x1e\\\xf4Y\x05fN\xa4\x08$\x008\xbcb\xa2z\xafjy\xd3\xb6\x0e\xca\xdb\xabN)\xe9\x1f\xf1;\x00\x80\xba\xa0\xb4\x02\xdc\x8bxx\xe5D\xe0C\xf3\xd29\xbb\xd7\xf4c[\xd8$T\xa7P\x86P*\x85\xe6D0\x0f\xa4\x02\x89~@Gt!Y\x88\x82\x81\r\xff\xf2!\xe5\x8a\xaa\xf7(.\xd1\xc6i!\xb1\x9fD\x82\x060\x0b\xb0\x9b\xa5|\x18\xf8\xbb~\x7f\xc4\xb5\xc5\xb7\x05\xd0&amp;(\xaf\xb8\xc5\xf1\xc4\xab\xa4D3\xfb6\xe3\xb7\x90\x9d\xe5\xe8\xea)\x8a\xa7&lt;\r\xd1\xb0\x96\x95\xd4\xde\x86\xb6\xe5}\x9f_\xd8\xa1\xe8\x92\xc2\x1b\xde\xbc\xb4O\xb7\x1a~\x8evT\x1f\xe3:\xd66nP\xd1G[]\xbbMP\xbe\x1b\x07V0O\xb4\xf1\x11\xb2\xbbQ\x90\\\xb8\x05\xf82@\xc5-\xd1\\\xde^\xdb\xb7L\xe6\x80"z\xd7-e*^\x17\x1a`o\xb8")]\x93\xdc5\xa8I\x90\xe3\xa7\xcb\x97(|\x18D\x17\xff\xda\xbbT\xbe\xb1G\x04+b~x\xd2\x08\xf8s8\x9e_b\x93\xa2](\xb9\xcb\x98\xf65\x0c\x1ah.\x07&gt;\xde9B&amp;e\xde5\x81O\xb7\x7f\x925\xd0o\x0e\xb1 \xcc\x98vF\xf7\x9bC^\xae\xc4\x89~\xc3\xcc\xd1\xe9\xf2\xaeEb\xc6S\x81\xa4\x91\xf1\xee\x86\xf3\xce \x0b\x99\xb7\xbak\xf5\xe2\x00\xd8\xcb`\x8c")\xa3\xc98p\xf1\xec\xdc\xadC\xab\x067\x0b\xe6\xf1y\xb68S\xbc$m\x82\xf2\xd9G\t\xca\x15\n\xd1O\xc7\xab\x8d\xb6\x0b\xce\xaf\xde\x989\x86v\xa9\xb8\x1a\xbe\x1e6\x13\xb0\xe7\x0ch\xe9`\x97$\xd1\xb7~\xe9\xee5\xfd\xa7\xca\x15\xcb\xcc\x14\x9d\xda\x04\xe53u|\xe0\x99q\x03\xbbs\xd1\xd9\x92\xbfd\xba83\xfb6\xbbuhUq\x93:\xa6\x06\xa3\xb6Y\x82\xef\x94\xeeFW\x8fUR\xdb5\x7f\x84\xc7O\x18\x9e\xfe!P,s\x00,\x1e\xde\x81\x84\x08p%-\x8buX\x8bJ\xbc\\\x89\xc2\xac\xf0r^\x99\x81\xe5\x0e\xb8\xfb9&amp;w\xab\xdf:0\xaf\xedv&amp;qy\xd7"y\x11\xe3\rS\xfb\xe2\xc9Y\xfeo}\x9d\xfa-\t\xcc\xf8pe\xaa\xf4\x14M\x1dc\xee\x80\x96"\xd3CO\xa9\xdb\xe0\xbcl\xa15oPk\xc9\x8e\xd9\xc4\x0fy\xf7D\xc3S\x8c\xc3\xb7\x0e\xcck\xd3\xe0\xd0dsv\xaaRX\xbd\xd1\xc1\xd5\x01\x9e_\x00\xd0,\xc0\xc7\xb8\x99f\xa4\xdd\xa6}\x05@o\x9a\xe7I\xfb\x17w,\xb0u\x18m\xbc\xbe\xba\xd7\xbe\x1d\x19\xd6O\xe9\xa3\xe7?\xd81w\x98\xa9CIz\x9f\x81G\xd5}=L\x1d\xf9\xf7\xc4\xb2\xd1]\x18\x8b\xce=&lt;\x11\x91wTb\x1c\x1b\x16\x13\xdb:k\xf0\xd6\xd9\x83\x99\xa1\x91Cp\xce5(\x96\t_\xeer\x03$ \xc3wS\xf0\xe1\xa9MN!\x17\xba\x87\xa3\xae\xd5\x8b\xc9\xb7\xb7\x9b\xd6\x1eO_\xe6\xc1\x18GWO\x8eF\x94=6\x95\xf6\x8ao&lt;p\x9f\xda0Sl\x10\x90!\xae"\xfb\x9a\xe3\xdb\xa3\xd32\xa7\xb6\xaf\xe0\xb5\x01C\xc7Mk\xa3\xf1E\x19\xd4\xb4|\xd8\xd7}0v/\xc8 %\x91\x9f\xfbw;7&gt;Q`f]\x1e\x89\xda\xcbL\xa1)\xd4qv\xcb\x1c\x00xz\xcefK\x19G?\xe7\xaaq\xb6\xab\xde\x82\r\x1fn\xda&lt;\x9a\x9b\xc4\x19M!k,\x8ae\xabT\x9fq,GsIg\x7f\xfd\x81\xffOL\xeaV?\x9b+-\x1b\xd5\xb9G-\x7f\xc5W\xec=\xd1\xa3e\x9c\xd94[\xfe,\xf1\x88N\xac\x9b.n\xe1\x83K\xb5|\xee\xea\xa79\x16Q\x95\xdc\xa9\xf5\xa8\xf4j&lt;&lt;\xb5\t\x80\xe8\xddVPrJx\xba}{|Fs\xdf,1\xe9\xf1\xe9\xcdD\x94\xc6\xf2\xc0\xf5\xacm\xa2\x821\x00&lt;9\xb3ddG\xe36\xeb\xa7\xf4\x95?f\xe8\x81\xcd\xcdz\xeb\x80\x98\x96\xb4I6]\xa9\x1f\t\x111\x88\x00\xfcr\xd2`zSu\xd3R!\x16N\xb3\x00\x9fck\xa6\x86e\x978v\xce\x1f\x0e\xe0\xe1\xa9M2^0\xb5\xc9\xac\xe7va\xa3\xbfz\xbb\xd9*r\xf6Q;\n&amp;\xff\xfe\xb4\xa9\x07\x13\x07\xfd\xbdc;\xd4Tl1k\x19]\xd9\xbdx\x8a\x9c\xcf\xed\xf7\x84s\xabw\xd9\xbc\xfa\\\x82\xea\xc1\xc9\r\xecC\x0c9&gt;\xb21b\x13\xdd8\xb0B\xa4\xca\xe4O\x1aI\x11\x1b\xb4\xa9\xff\x9c\'A\xb8\xa7\xe7\xb6.\x1d\xa9\xad\n;\xbb\x7f\x0b\xbbK\x83\x01\xcf\x86\xb7\xd4\xa0x\xca\\{\xb6V\x18\xd6\xa2\xd2\xa5\x9d\x0b\xf9\xc6\xc4Dx\xa6k\'\xae\x9f\xd2\xf7\xd5\x95=\xea\xed\x01\x19\xe2.\x19a4Q\x99\x82w4Z:\xb2\xd3\x89u\xd3~\x9ez\xcb"\xb2\xc4\xa4C+&amp;\xd8l\x16\xd1I\x0cf\xa7\xa0p\xca\xa8\x00d^\xc9\t\x9d\xeb\xd8lc\xec\xa2\x0c\xca*{\xdfV\x8e\xeb.\xd9\xd2,~\x88\\\xaf\x8bJ\xe0\x13\xcf\xcf\x03\xaf\x88\xa8x\xda\x98\x8a4\x9dE\xc3\xda\x87i\xe7\xc2\x18\xc9\xb4Jz\xfe(\x8c\xebX\x8b}\x88F4\xa2u\x15\xe3\xc6\xf1\x89f\xf4i*\xe6\x1e\x03oM\x11\x00\n\xa7\x8c:\xb9[\xfd1\xed\xad,\x88n5\x8a\xdb\xcde\xf2M\x12\xb1g\xed\x12\x06\r\x00\xf8{\xb8&amp;%ztz\xb3\xa7\x8e\xe53\x7fpk\xcd%W\x8b2\xb9LuF\xbc\x14\x1f\xef\x1c1\x1b-\xfci1\xb3o\xb3\xc2)l\xd33\x1b\x14\xcf,\xa3\xe2\x9b\x80\xa8]p\xfe)\x96\xaadi\x88\x80W+\xc7v\x13\xdb\x0cjb\x7f\xe6\xad\x1d\x00\x10\x81h\xd7\x82\x11\x06m\xba\xd5\xf0\xdb&gt;g\xa8\xb8\xe5\xe8\xea)m\xca+o\xb1\x8c0\xaa\x1e2E\xa7J&gt;\xbf\x18\tr\xc1\xd0\xb61\x88\xf2\xd8J;h\\"\xabbK\xa7*\x85\r\x9c`%,\x1a\xbd\xffw\x88M\xb4td\xa7\x1f\x92b\n\xe0\xdd\x8d\x83e\xb5lv\xbd5\xe3\xc1\xe5\xe3\x01\xc8sHx\xee\x8fq\xb3\xa7\xe7\xb6m\x9f3D\xf2\x98\xc6\x08\xf0\x8a\xc7\xc2\xdaz\xb2\xd5\xe1\xf4\x1d\x14,nj\xdf\x1a\x1c\x00\xf0&lt;\x0cr2\xfb\xffPc\xc2&gt;\xfe{u_\x0f\xf1\x9a+\xe2\xd3Yb\x86\n\xd3\xc9\x00bg4\x89sq\x88\x14S\x14\x11\x01\x8f4\x8fV\xa7\xb0\x17^_\rmf\xa4\x8c\xa3\xd6\x89$\x02\x07Q\xd1\'E\x9b\xf2\xf9\x80\xb7?\xe7\xca\xf5\'B\x96\x98\xce\x11\x85\x07\xde~}t\xcaf3\x9b\x8e q6PGA\x0b%wq\xb7\xcc\xfd\xdcD,\x9dQ\xf7\x07\xb0\xd1\x7f\xd7|#S+\xe4\\\xd6ym\x91\x89\x96\x8c\xe8\xc8\xb8Rjt\xa9V\xb4n\x91\x8c%&lt;M)$Z\xf5jh\x8b\x8az\xdf\x1a|e\xe0\x13`\x01\x12gU{\x8a\xa2_\xad\xbbv\xc1\xf4N:\xc9w\x000\xcb\x03\x91\x073\xee\x1a\xfae\xd1\xfc6\x05\x11\x9cW\r\xd8)\x88\xa7\xe3\xd07P~\xae\x92;u\xe5\\\xa9\xaa\xe4Nm\xe7\x13\xa9\x05EQ\x10S\xd9^?\x03\xc6w\xaa-c\xfc\xfd\x81s0\xba]u\xf1Z7\xf2\xcf\xaa\xd9,\x99%\x8box\xcb\xca\xa9t\x0e\xf5\xf5\xd1\xa9=\x0bG\x12\xd1\xe0\xa6\xc1:M\x88\x84\x080\x80\xa7\xe7\xb6\xe95\xb3\xe3\tHE4\xb9[\xfdAM\xcbO\xed\xd1\xd0l\x0c\xcd\x110o\xae\x81\xdf\x96\xc5V4C\xb2\xdbf\x0f\xf9\xd9\x1ew\xbc\xbc,\xdb\x12\xef\xf6-\t\x89\xedw\xa9Z\xd4\xc9\xdd\x00\xcc\xcao\xfcN(\x9e6\xd6\x87[\x87\xf9\xbf\x19";\xe45\xe2\x08\x83\xb7bz\xaf\xc6\xf6u\x95q\x05\xf3&amp;\n\xff\xb3\xbd\x11\xbf\x1e\x98\x83Pd\xd4\x91N1\x19\xb2&amp; \x02\xf8\xe7\xaf\xbd\x9a\xcd\xb8!\xa3\xe9\x07_4\xbc\xfdW\x15K2\xb7\x1c\xe7\xd4;\x1a\x95\xf5v\x8e\x11|h\xc5\x84\x8fw\x8e\x00\xcfjXx\xc4fI\x99\xdc\xfbt\xeb\xd0*\x00\x9a\x82\xd2\xd1\x85\x8c\x8a/\xf7\x8e\xab\xe5K\x99\xdc\xb9&amp;\xfb[\x91\x89!\xe9\xecR\xec\xb2qZ\x7f\xf9\xf6f\xd1\xabN\xa9\xc7\xa77O\xe8\\W\xb23\x14RF\xcd\xc9o\xac\x81{\xb7P\n\x17\x9b\xa7s\x9c\xbc\xa0\x87g\xe7\xb7\xcb7vp\x8d\x12\xde\x16\xdd\xcb\x0eH\xe6C\xb0r\x0b\x7f\xf0K\xe2\xe1\xa9M\tU4\xac\xd6\x81ym\x8e\xb2\xad\xca\xe5\xfep\xfbp\xf7\x9a\xfef\t[ERFS?/\xf6\x10\xf8\x89\x88(\x9b\xab\xaeV\xb0&lt;r\xc6\xa5\xc3+\'\xca\x08\x98\xa9\xcf\xe5\x13\x872D\xa1e\xa3\xbbh\xb6?\xb9~\x06\x97\xec\x9f\xdd\xaf\xb9\xe6\xa9\xf5\x86uE\x14\xec\xfa\xfe\xe5f\x87\xce#\xab&amp;/\x19\xd1Q1\xb28]dF!D\xac\x87\xb2\xde\t[\x94\xc9Y\xc2\xd3\r\x9f\xefH\x1e9C\x14G\x0b\x1e\xac\x18\xd3\x95]\xde\x16eu\xc3\xef?\x95\x13yL\xfb\x1a\x9aq\xef\xa8\xaa\x92\x7f2`\xe6\x9d}\xbe\x9d;G\xd6\xc84\xc3\xab+\xf6\x1c]\x85\xc2)5H\x01\x05\x939\x93\xdd\xf8\x7fRU\xc9\x1c\xcae\xd2\x18\xea9\xf3\xcc\xd88\x9a;\xb0\xd5\x88\xd6UJ{\xc5\xcb"\'\xfe(R\x89eP&lt;\xad\x14\x95\xc7\xb8\xba\xe9\xc4.\xf5\xf0\xef=\x9b\x07\x01&gt;\x88\xff\x0el\x1c\x18\x06\xc2\x9c\xe52%\xbc\x7f|\xbd\xbc]\x8f\xff\xee_\xd86O\xfe\xf8\x89\x89\xe6\x0fn\xa3\x88\x9f\x00\x90\x94\xf9\xd3\x8c\xde\x8b0k;\xb7-\xef;\xb1K]\xf9\xf6\x9d\xab\x14\xd1\xa4\xf3\x02O*d\x0fqQ\x18+\x8f\x9eX7\r\xc0\x0bki\xa9\x9f\n#ZW\x91\xd7b\xb2C\xaaV\xc1\x01bOZf\xadk\xd6\xd0/\x8b\x1ds\x8c\x9b\xf09W|j^\xfa{\xfes\x8e\xd8\xa1^\x16\xfb\x0f\x9c\x03\xc5"\x9a?fN7\x8e\xea\x15\xf5v\xf6!m\x03\xc0\x95\xdd\x8b\x8d\xdbL\xeaZO\xe1\x9a\xd7\xe4M1\xc6j\x0e\xb9H\x9cM{\xa3s\x95"\xc0\x17\x03\xa6\xa3"\x1e\xfb\xe6\xda~\x83\xe1\xbbNa/\xcd\xed\xa1\x04\xdf$\x11\xbb\xdb\xd2\xe3s\xdc_g&lt;\x05\rh\x14\xd8\xb8D6\xe3#4)\x99\xcd\xa6\xaa\xa8\x1ej\x84\x8e\xcc@r"/\x97\x90 |\x18\xa7/\xdd=\xba\x96\xcd\x01j[\xcc\xbe\x8b\x14f)\xbb\xa6D=\xed\xc9\xb0\xffm`\x8a\xc5\xa1Y\x87A\xf3\xa6\xf2\xc0@\xb7\xea\xf6\xabl\x1b\xd4\x92V\x03@tA\xc6=\x9aa\xa9\x99pD\xa2b\xb3\xbc\x06\xb0\xba\xcc^\x8fZ\xfe\xa2\xa1\x1a\x9eh`\xe3\xc0\xd2^\xf1X\x97\xb2\xbbQ\xb9\xcc\xb6\xfd(,\x1b\xe8\xf0\xcaI\x06m\xf0\xf6\x1a\xcb^\xd6DB\xa2\xc1\xcd\x82+\xe6\xf8.\x17\xc4\x0c\xc0\xf8\xb6r\xeb\x9d\x8e\xd1\xed\xaa\x8f\xed\x10\x92\xde\xa1W\tG\x0f\xa9\x9c\xdf\x9d_\x00\x0e{%\xed\x81\xa6]\xaf\x07\x07#1?\x95\xdfL\x81\x9cq\xc9lM\x82_\x1b\x92\xd3]l"\x85\xaa\xf0\xd8\x0e5\x01\x98\xa2H\x07gO\xb6*\xd4R\nE\xc4\xb5\x94%a6\xa0\xa8S\xa4\x80{8\x12\xa5\xa7E\xa4\xb5\xab\xc2%\xf0\r\x00gA\xf8&amp;\x89\xb8e\xe6\xa07\xd7\xf6\x9b?\x0e\x00\x18,\xab="\xe8\x06\x00\x88\xa8V\x81t\xea\x8dKFt\x04\xdet\xa8X\xd0lg\x0c\xa0\xf9\x00\xf0b\xdcD\xd4\xbbn@\x8fZF\xc9qN\x04\xfe\xb9\x1a\xf6\xdaD\xbf"\x00\x00\xcf\xa2\x12\xa5\xb5\x04\x8b\xbaT3A\xafz\x7f\xeb\x90\x81"\x93\xcdb\xab\x87,\x85+\n$\x0b\xbb\xeaq\xb5\n\xa6\xefh\x11\xafT\xe0\x0f\x17\xc8\x1e\xd4)\x94\x01@)\xeb*Zb\x95\x92\xe2icJ:\xe2\r\xf0\xe4\xcc\x96\x9e\xb5K\x1e\\&gt;\xde\xd4^MJf;\xb3yv\xf1\xb4\xb1d\xd2\xe5\x15\x08o\x11\xc3\xb1\x9b\xe2i\xc7\xc2\x96IV\x94\xf0\x8c-2\xdbF\xb6\xa9j\xf0hf\x8e\x112\x01d\x8c\x1a\xa2pk\x8c|\x89\xc2\xbf\xbe\xba\x17\xc0\x90f\x15\xccw\xd0\x1c\xcem\x99\x8b\xd7\x1a\xf1=;\x85\x86\xa5qz\xe3\xccP&gt;\x83i\xb4\r\xf6\x95l)&gt;6\xdcM\xc8\x95\x90E=s\x0e\x16\xc3\xb0\xa3jMZ"\xe0]P\x96\xc4\r\x8bgf[r\xc77\x12\n\x14\xe1\x1d\x8d.\xed\\\xa8~2\xfb7,\x17\x83(\x7f\x92H\x99\xa2k\xa4\xa4\xf4\xa8UB\x1d\xed3\x1eyM\xe9q\xa5\x12&gt;\xe7\x8eOx~^~\xdf\xd2^\xf1\xfe\x1f\xed\x86\xbbG\xd7v\xa9fBk\x93\x886\xcf\x18h\xdc KL\xd9"m\r,O\x9eMH\n\x94\xe7K\x14\xc1\xdf\xc3u\xf5\x84\x1e\xec_;\xf4\x9f\x99\x18\xea\xb9\xads\x018\x97B \x8fU\xe3{\x88\xff\xf2\xf7_\xadN\x11\x89\xe8\xd6\xe1\xd5\x85\x92\xbbD\xb1D\xa1\x077\x0b\x06&gt;\x85\xf6 \xeb\x08\x9c(C\xe48\xa4\xaa\x14\x869Je\x88;\xbeS\xed\r\x16\xdd@&gt;\x92v\xaf\xe9\xa7YG\xc8nwJr\x95P\x84\xe2\xd93FW\xad\xa1\x83\xbb\xf8\xa6\xf6l\xa4\xf8\xaaxZ\r\xbbH\xc6&lt;\xd4\x0b]\xe7\x8cK\xed*\xe4\xcf\xe8&lt;\xe5\xf9\xff;\x0ci^\xc1\xd4\xdag\xdf\x921\xc7\xd7\xda\x90HL+\xf7V]\xd9\xbd8_\xe2\x08\x9a\x92;v\xd7\x92t"2\xc7\xd0~\xbe[\xea\xd3\x01\xe5k\xdd\x98\xc55\x9d22m\x82\xf2\xb1\xc8s\xef\xba\xa5\xf0\xf9Ni\xafx\xf8\xef~\x98\x89\x9a\xc9{\xfe\x1cbbj!o\xa2\xf0L\xbd&lt;\xf4\xdc\x07\xd9\xddB\xd6d\xa6j\x0b;\x02q\xda\xf6\xd0\x912q$\xd96\x94\xe2\n\xf5\x8az\x7f\xb8u\xb8\xbe\x85\x9d\x91\x82\xa8\xb3V\xc9\xf8\x0b\xdb\xe6\xe9)YEr@\r\xb4c\xa5B\xa9\x89\x96\x8f\xd1fQ\x9b\x82\xe2Ybz-\x8d\xfc\xb5\xf3\xc3\x7f\x1f\x00\x9f\xe4\x1bG"\xba\xb8}\xbeS\xce{e\xf7b\xa7\x8f\x0b\xf2\xe0nkS\xcc\xde\xc2)\xa3\x9e\xda0\x83\x88\x12\x12\xb9\xeb\xcfsx\xa2\xad8m\x8c=\x0bG\x01X?\xa5\x8fb\xfb\xe6\x19\x03\x88hh\xf3\x8aD\x14\xdf\x9a\xef\x1c\xd9:\x1d\x7f\xf7\x82\x91v\x9c\xd7n\xef\'\xa3H\x8ao\x88$\x9d\xd7\x11\xd4/\xe6}a\xdb&lt;\x00%\xd3\xc5\xee\xd7\xa0\xec\xf5\xfd\xcb\xd9v\'\xfap\x9d(\x96\xa0W\xf8\x93\xa1u`\x1e\x9bG\x90Y\x84zF\xb4z\x1a\x81\xbf5\x9b\xe1\xd9\xf9\x12\x9en\x8a:&lt;\xee\xe1L\x87\xe5\x19\xfc-\xc4?\xbb\x93is\xc4\xa6e\xa3:\xdb\xb1\xa3\x88+\xbb\x16\x19\xeb6\xf6\xac]\xb2O\xbd\x00\x07\xcf\xf2\x7f\x016\x1c\x9b\xaa\xd3\x04\xbc\xb0\xfbt\x00\xd4\xfc\x990\xc3\xdf\x97v\xb2\x0f\x9a\x0f\x8fqT\xdc]\xe7\x12\xad\x1c\xdb\xc2h\x9b{\x00\x00 \x00IDATm\xf7\xc2\x91\xa4\n\x95sd\x88b\xb4Zg/\x92Z\xcd\x91\xbd]\x00\x80\xa7\x00\xb2Y\x0c\xc5\x00/\xa5\t\xde\xbb\xae\xd1\x83\xce\xcb\x9d\x87\x12\xec\xc846\x8b6\xe5\xf3\xb1S\xa8\x95\xfa\xf7.\x1a\r\xa0myYo\xfbO\x0e|\xbe\xe3\x14\x01.\x9bh\x1b\xec{d\xd5d\xf5v\xf6\xa0V\xcdc\xb4\x9e\x0c\x83\xc2\xc8\x9a\x90\x1f7\xfa7,\x0b\xe0\xc0\xb2qv\x9c\xa5z&gt;w;\xf6\xfa\x85\xa1\'Ni\x00M\xf2\x0c\x9fB\xf4J\x1e\x86\x1eD\t\xf5\xb6\xc1\xbe\xea2\x11\xa1\x8a\x86\xc53\x1b\xb0\xd6\xc3\x87\x0c\x91\x8fG\xb4\xd2\xd6\xb8^5\xae\xbbf!\xf8\xc4Dn\x96\xe1U\xbc\xa4\xe2\x04\x90):\xa5"\xaa\x15\n*l\xf2\x08\x039\x1d\xdf$\x11\xd9u`\xfe\x1f\x05\x00\x00oB\xbb\x0fN\x04\xf0\x9e\x88n\x1cX\xf1\xfc\xc2\x8eU\xe3{\xd4)\x94A\x91OS(E\xd4M\xd3C\xa48z\xd7\rh\x1b\xec\xab9\xe6jN\xba"\x91Q\x93\xab\xcd\xb0qZ\x7fM\xb1\xfb\xd1\xedj\x94\xf1N\x10\x94%\xf1\xe33[\xa4~\xccO\x89l\xae\x04\xa0\x9b\xadt\x13\x03\xc8\x17|\xfd\x7f\x04_xr\x9bx\xc9\xc8N\xc0s\xbc\xba\\\xb7H\xc6\xb0\x15\xd0%"*\x9f-i\xa1\x14\xa1\x18\x12\x02\xa0\',Z1G\xf2f\x01&gt;nDd\t&gt;\x8b\xd3O\xeb\xc0\xbc\x00\xae\xecZ\xa4w\xe4\xc4D#\xdbT%\xa2u\x93zk\x9f\xfa\xdf{\x00\x1e\x9f\xd1f\xfd\x97\xf0t\x9b\xd6\xb3\xd1\xa8\xb6\xd5\x14\xdb\xe3\x9b\xf1\xd4\x87\x01\x1c4j\xf9"C3\x1d$:\x91\x1d\\\xdb\xd0\x83A\x8a\x86Y\xc4\'\x02\xf0\xf5\xd1i\xee\xf22\x80q9\n5X\xb6\xda\xb5}\xcb\xf2%\x8aP\xb7HF\xe3\xc6\xe2d\xb3\xcdI\x02\xe9\xa1\x8a\xe7\x86Y\xdc\xed\x82\xf3\x13Q\xbd"\x19\x89\xe8\xe4\xfa\xe9\x06-M\xf1\x91~[\x000^\x15\xe6M\x14\xbeq\x89\xacf\x93\x03B\x0f\xf8t[Q\xb4R2\x0bW\x13\xa9\x0cN\x04(\xaas\xe0\xe9\xb9\xf2\x96\xdc\xe0\xe8\x86l\x07\xaf(6\x1c\xa9\xc9-c\xdf\xcb\xcb\xbbLu\x98\xa5\x11\x14N\x19Uo\xd9!\x0f\x99\x08\xf7\xe8\xb6\xd5\xf5D\x8d\x18\x12\x13\x95\xce\x18\x1f\x7f\x9b\x13\xc9\xf0s\x8f\xc5\x06|\x08\x98\xd1\xa7)o\x90\'A\xb8\x81M\x82\xd8\xf6\xd2\x19\xe33\xbf{\xd8\xe6\xbai\xc3fj\xd5\xe6\x19\x03\xe5e&lt;\xd4\xd4\x88\xb1\x1djN\xed\xd1\x90\x1f\x01\xc0\x88\xd6U\x80\xbfcY\xb3\xb1E\x18\xf3+4\x99\xa6\xe2\xb7&lt;\x8bs\\\xc7Z\x06j?\xc0k\xc5\x96\xc8D6\x93\xaee\x10\x99\xa8HJ\xab$\x03c\xb9\'\xe0\xeb\x8d\x03+d\x8e\xbc`H[\x83o\x8d\x85\x87\xff_`7/R|\xca\x9d\x12\xfb5U\xa4\xed\x9fk\xfb\xd8\x87\xd0S,\xfft\xf7\xe8\x9d#k\xb2\xc4\xfcNazqq\'_!\xad\x9b\xd4\xdb\x98N\xb0r\\\xb7k\xfb\x96i~uv\xcb\x9c\xa7g\xb7:\xd2\xb7\x1cq\x94a\t\xb3&lt;\xabv\x15\xf2\xdbl\x03`Z\xaf\xc62G;\xb9a\x86\xf8\xef\x8c&gt;M\x0b$\x8d\xac\xc8\x8dVD&amp;S\x12\xc5\xb5\x9e\x00j\x15H\xc7\x1db\xe2\xf6[\x87V\xfd@Z\xa0f\xfaS=[f5\x11-\x1d\xd5IT\x93\x95\xd1\xc0q\x0fG\x00\x9a\x97\xce\xc9_\xae\xf77\x0f\xc5\':\xb8|\xfc\x80F\x81\xeajz\x9c\x97)\x16\xcd6\x856A\xf9:V\n\x118iY6\x97b5\xc0K\xaa\x11Q\x87J62\r\xed`*\x0fn\x16,\xa3{\xa1Nr\x04pq\xc7\x02\xe3\xbd\xf2%\x8a\xf0Cdf~\x16\xd4*\x98^\x93\xa5\xcb\xc0\xed\x98\x13\xeb\xa6\xc9W\x81\x8fE\xd4\xc4\x19s\xbe1L\x8d\xe9\x9a\x93|\x1c"?w\xd7\xe6\xa5s:\xde\x19\x16\xc2e\x8e\x0e\x05\xa5Z\x9dQ&amp;\x99,6\xa4\xb9v\xd2\xd6\xe9\x8d3\xcd\xb2e[\x96\xcdMD\x83\x9a\x04\x99\xd55&lt;\xb6f\x8aq\x83\xa8\x0e\xf0p\xfe{x\xd2f.\xbawT\x9a\xd9\xa7)\x1f\xe5\x0f.\x1b_\xbbPH\xc0\xc3\xcdz\x02\x98;\xb0\x95\xd9\x0e8X\xa6\x8a\xb9\x114\xc1([\xc3ZV\xd2\xfcV4\xa7\xcen\xfe\xfeZ\x01OG\xb5Qz\xf3\xd4\x98\xd8\xa5.\x0bT\xaa\xe5Q\xd3\x12\xb5\x0e\xca\x9b\\5!\x15N)\xa5\xbf\xa7w+\xa7\xf6h(N\xaes\x06\xb4\xb4y\xa8=\x8bF\x99M\xe1\xe4\x10\'N\x7fO\xb7\xc5#:\xdc;\xbe^\xd1OS\x1a\xec\x00\xd8P\xa6\xd6\xe9*\x98&lt;\n\x80_\xae\xa6\x8d3\xe1`RL\xc1dQ6\xcf\xfc\x9e#\x16W\x9fa\xb9{\xc1H\xd3\xea\nf`\x90{\xac\xc9\x18\x93\xd4E\x00 \xdf\xed\xbb\xc7\xd6\xda]Ucb\x97\xbaj/\x9b{8\n\xca\x9a\x04\xf8&amp;nd\x0e&amp;\x9f8J\xc6\x82(\xa9\xa8\tS\xc2XD4\xa8iHE\xdcTD\x1d+\x15\x92\xe1\xd5\xb1Y\xd0\xb9\xf5d\x17\x0em\xc7}e\x8a4=\xb6\xfd\xefK\xe6\\d\x8e\xa0}\x85\x02\xa52\xc4Md(\x16R%wj\xe0\xd5\x8c\xdeMl\x1eM1\xe6\xb2g\xb8\xbc\\\xc5v5_%o\xa2\xf0O\xcfn\xdd6g\xc8\x81ev\x0e\xbe\x9a0\xae\xb4jL3\x93\x1f^\xb8%\xee\x9b$\xc4\x8d\xd7P\'c\x14\xf8\xa0\x19\x933\xe0bd\x89I\xe9u\x92G\x96\x8e\xecth\xc5\x04"\x1a\xaacr\xfd\x81\x15\xd4\xe2\xcc\xa2\xdbQ\xcf\xd2p!\x1a\xdf\xa9\xb6\xdd\'5\xb0\xb6\xecC\x86(\xb2\x81\xfeYZr\xfc\x0c\xac\xb4\x90\xa9\xf32:GT\x8922!V\x1e\xfe!}\xd3\xccf\xc0\x85k\xb3\xb4,\x97\xbb}\xc5\x02\xa6\xbaZ*C\\~\xde\xd8D\xad\xca)\xd9\xeb\x9a3\xe8\xd8\x0e5#\xc9\xf9\x9az\xd5)\xd9\xa9Ja\xc9\xce\x8c\xebXK\xef"\xf0\xed\x05\x92E\xee\xd7\xc0\xa8.\xb1x\xbf\x1d\xcf\x9a\xd6S\xa8\xce\x10\x99R\x10\xfd{\xffD\xb3\x00\x8d\xf98g\\\x12I\xab\n\n/\xab\xcd\xd2\xa2\x8c\xfd\xabRV\xa8\xc3\xe9\xe0\x9e:O\xe9\x18K\xd5&lt;i&lt;#P\x93\x92\xf6;\x03\xf0\xf2\xd2\xb6\xd9\xba\x01\xe7\xd8*\x9b\xcf\x80ma\x8c\xaf\x8fNm\x9e1 T\xa9\xcc\xbf\t\xc2\x13iR\xf1\x8cqp\xf9\xf8;G\xd6\xa4\n\x85\xfe\xd8\x8d\x0cQ\xec\x1c\x02\x12\x13\xedY4\x8ae\xfa\x9c\\?]\xf2\xa1Q\x88d\x85\xb3\x90\x7f\xd4P\xe8\xd4\xd7+\x921"\x11\xf0\xb5d:\x13Ql\x9b*\xd62\xb8\xbagI\x9d\xc2F\xb9B\x9f\xef\x1d\xeb\x17\x86\x85\xe0\xf1\xfe\x86\xe2j\x1b\x87\xd0\x19$-PS\xa4?\xef\xa8\xb4vR/\x96\x04\xab\xf7\x14\xd9G\x86f\x84\x02ok\x85\x9f\x18\xaa\xf8\xa7\xb3\x90\xd0.\x07\x80\xda1\xd8\xb7~\x19\xc5\x166\xb1EUI\xc8\xe8\xb9\xc5D\xa4\xb2|\xb8uh\xd5\xc9\xf53\x0cZ\xb2\xe1\xdf\xa6\xa3\x9f\x88\xd6O\x0eI\xb4\x1c\xde\xf2;kY\x8cN\x97L\x17\xe7\xe7\xa9\\\x1f\xd6pn\xea\t{\'\xc5Z\xeal\xe8r\\\x1eN\x01\xe6^\x97\xa9Te\xe0\xe2\xb3\x8f4R!G\xf2\xa2\xa9\xa2\x03o%\xdb\'$\xda\xbdpd\xe3\x12\xd92\x9b\xa4\x17\x03\xdf\\\x89\xb6\xce\x1el\xca&lt;1\xa8\x12\xeeD\x84j\xbeE\xd6XT*}\\\x9f84\xa9k=q\xfb\x8c&gt;M\xf1\xf1\xf6\xce\xf9\xc35G\xff0+\xd4\x8cW\x97\xd7L\xec\xa9G\x0ev\n\xfc\xdc]\x81G\xbc\x82\xb9\xa6\xc7)\x92E\xbe\xd0&gt;\xd4*\x98^\xcd\xef\x88B\x04|4\xd8\x8bIe\xc8\xd0\xc3:W)b\x8a\xc8PZ\x95\xe4h\x80\xee5\xfd\xd8og\xabd\x05\x92\x12\x9d\xdd&lt;\x9b=!1\x88\x16\x0em\'\x7f\xe4\xffS\xc8\xdb\x02\xea\xea\xe4u\ne`#\xbe\xc1R\xdd\x14\xe2\xab\xf4\xaa\xf4`*\x87\x99C\\&amp;W\xcd\x93\xc6\xb8:\x98&amp;\xbc\xcd\x0b1*\x10\x81Hs\x85+Z"\x8b\x86\xb57\x98\xe1:U.\x1c\x9f\x08o\xaf\xd9qv\xc9\xa1\xcb\x80\x97\xa2\xb6\xc7Mu`\xcf\xa2Q6\xdb\xd4\xcc\xef\xc9"\xd8:\x1d\xf8\xf7G-\xdbc\x13\xe5I@\x9a\xf5\x9c\xf5\x00A@\xd7\x91Q[\xfc\xc9\xcb\r\xd9\xb7\x06\xb8yp%\x85I\x01wc\x04fN\xa4\xf9\x96o\x98\xda\x97\xfdLc\xc57\xd6F/3\xf9\xed\xf5\x03\x8a-?\xa7\x08\xe0O\x04\xfb\xb2\xdf\n\xa7\x88\xbaiz\x7f\xa7\xcb\'q\x91\xb5\xd0\x969+\x99.\xf6\xa7\xbbG\x8d\xdb\xe0\xd3m\x00e2\x86T\x9a\xca\x14\xddFMA\x11\x05\x92E\xce\xa4\xb3\x82\x9f\xa7\xe2\xae\xe4O\x1a\t\x7f_\x92&lt;\xf2\x7f\x0fOE5i7)p[\x8b\xd3\xcd\xd7n\xb1\x89\x1e\xe9\xa75\xcd\x1d\xd8j`\xe3 \xf5\xf6\xfb\xd6\x9c\r\x06.:\xcfy\x8a\x00\xc2\xd9E":k\xc9]W,\x02\x9cX\xcd\x03x\xe4\xe7\x1e\xcb\xa6\xdbE\xcf\x8f\xa7u@\xab\xae\xe2\xdbC{\xbbF\xad\x03\xf3\x0ejR~\xd3\x8c\x01\xa76\xccdq\xcd \xb9\xda\x15l\xd0\'\xbbrb\x9a\x96\xca\xc1\x83\x7f\\\xb1\xaeh\xea\xe8k\'\xf5\x12i\xa02p\xa4(\x85Y\xa6\xafb\x86\x9e\xae\xcfWv\xd8\x9c\xfb\xa5\x901\xaas\xf4\xd9\x19]\xa1[\x8d\xe2{\x17\x8f6\xb8\x82Nt\xfd\xe89s\xfa5Pz!\x9d\x8b)=\x1a\x02\x10_\x1c&lt;9+9xiN\x15\x05\x92En\x17\x9c\xdf\xdfZ\x03\x80!\xab\xf4\xf52\x16\x1d\x93\x81\xf1O\x00\x80O\xb7\xf9\xbf\xf5\x8b\xda^\xf6D\xb2\x95s\xa485\xa3\xf6\xcb\xed\xa1\xc4\xbcA\xadl\xde\x02o\x93\xce\xf3\x83\xcb\xc7\'"Z9\xae\xbb\x8fS\xeb\xd2\x8e\xedPK\xf4\x98\xed]4\xdaA5c\x00\x92\xe5\xd7\x19\xf2\'\x89\xc4k\xb0\xf4\xad_\x86u\xc6&amp;\xcd\x97\xe3\xe5\xe5]\x9ae\xdcE\xbf\xee\x7f\x0fOj\x925\xcc\x0e5z\xe2\x86\x83\x9a\x94\x07\xa0\xfe6\xba\xf4)&amp;w\xab/\xdf\x8d\x9f\xb0\xc2\x84\xd30g@K\x00\xf1\x89&gt;\xdf;\xe6\xf8"\xba\xa1\x9f\xd2\xf6\x17\x07\xca\x1cq\x08x\xe6\xe0)8x\x01\xdb\n9\x92s\xbb\xb7w\xdd\x00X\x0b\xe6P\xe8\x97\xf7\xcc\x10\x99\x1c\xd1\xc4\x020w\xa0m&gt;\xb5\x0c\x8cS"\x89hF\xef&amp;\x93\xbb\xd5\xc7\xc7[\x1fn\x1dV|%\xef?s\xba\x00\x18\xf0\x98\x88\xcagK\xaa\xf9\x04\xc6\x96\x90\xe5J\x1fY\x9b\xcb\xffs\x96\xf8\xc8d\xbd\xbe^9\xae\xbb\x98.\x13z\nk\xc0\xdb\x1c\xd6\x93\xd9\xd2\x91\x9d\x98\xd6\xd0\x86\xa9}\xd5\xed\x9b\x97\xce\xc9S\xf6&lt;"8\xc14\x96\x89\xd5\xeb\xef\xfb\x14//\x13\x91\x9f{,v\x1c\x85\xc0Q\xaf:%\x15JJ\x06\xe7\xfa\xa9\x8aR\xfcH\x00\xb8q`\x05SR\xb4cwS\xae\xcf\x98D\xcdK\xe7\x9c;\xb0\xd5d\x93KE\x05\x14\x8e E\xcea\xe7\xaaE\x80\x17b\xb5q\xbd\xe8\xaed\xce\x87\xb1\xd8lP\xd6$o\xaf\xef\xdf9\x7f\xb8\xc1z\x96q\xe15Ew\xe7\x0fn\x03\xa0U\xb9&lt;\x9d*\x17NC4\xaam\xb5\xeb\xfb\x97\xeb\xc9o-\x1e\xd1\xc1qb_P\xd6$s\x06\xb4\x9c\xd0\xb9\xaeb\xfb\xb0\x16\x95dB\x08\x00^\\\xdci\xea\x8c\xd9\xa4\r?=\x1f\x82\xde\x01\x8a\xa4\x8a\x962\xa4WO\xc3 \x06\xe0\x88\xa5\xae^\xfa\xf5\xd5Z\xaa&amp;"\x9a\xdc\xad\xfe\xf3\x0b;\x98\x89\xea\xdcj\x07\xd7\x0f\xac\x90q\xf9L\xe8\\gp\xd3\xe0&gt;\xf5\x02\xd2\x10\xf1\x9anMJfg\x9e\x1f5\xcfG\x01\x167\xb6Y6J\x1eI%f\x0e\xe6\xd3\xdf\xbft\xec\xc7;G\xd8\x16&amp;\xafBDs\x06hKb\x10Qqw{Su~K\x18\xcf\xf0\x8ek\xe2\x89\xe9\x9a\x0e\x1f\x8c\xc8\x12\x1c\xb6\xe9\xfd\x00P\xd1\'E2"\xae\x95\xf6\xf1\xceQ\x85mX*}\x9cf\x01&gt;\xb9\x13\x98\xee\x03\x00\xbc\xbbn\xdc\xa6T\xfa\xb8\xddj\xf8\xb1\xd2\xbe\xa2|?\x11yG\xa3WW\xf6\xfc}i\x17\x9bI\xfd=\xdc\x0c\x8c\xd6\xee5\xfdYq\x12uv\x95SJl\xcb\x8c\x0e\xf2\x01\x8f.U\x8bzG\xa34\x96\xbe\x19\x8b\xcc0h\xca\xfc\x02/eN\'\xef\xe11\x90\xc64@\xbf\x06e\xcf\nr\xb9\xe2\\%sE\x00\x88R\xb5\xd1-\xe1\xdf\xca9S\x89\xcd\xb2\xbbQv7Z=\xa1g\xe3\x12Y\xed\xe8$\x11\xc5"j\xe4\x97\x05\xefo(\xb6\x17O\x1b\xeb\xfd\xcdC\xfc\xdfL\x12\xef\xf3\xa86\xd5\xea\x0b\xea\x08GVM\x020oP+\xc5\n[\x91\x87\xec\xef\xe1f\x9f;r\xbd\xa5\x02\x9a\x02\x0b\x86</t>
        </is>
      </c>
      <c r="E324" t="inlineStr">
        <is>
          <t>&lt;class 'numpy.ndarray'&gt;</t>
        </is>
      </c>
    </row>
    <row r="325">
      <c r="A325" s="1" t="n">
        <v>323</v>
      </c>
      <c r="B325" t="inlineStr">
        <is>
          <t>steps_per_sec</t>
        </is>
      </c>
      <c r="C325" t="n">
        <v>4700</v>
      </c>
      <c r="D325" t="inlineStr">
        <is>
          <t>3.3548052</t>
        </is>
      </c>
      <c r="E325" t="inlineStr">
        <is>
          <t>&lt;class 'numpy.ndarray'&gt;</t>
        </is>
      </c>
    </row>
    <row r="326">
      <c r="A326" s="1" t="n">
        <v>324</v>
      </c>
      <c r="B326" t="inlineStr">
        <is>
          <t>Loss/object_center</t>
        </is>
      </c>
      <c r="C326" t="n">
        <v>4700</v>
      </c>
      <c r="D326" t="inlineStr">
        <is>
          <t>0.22688591</t>
        </is>
      </c>
      <c r="E326" t="inlineStr">
        <is>
          <t>&lt;class 'numpy.ndarray'&gt;</t>
        </is>
      </c>
    </row>
    <row r="327">
      <c r="A327" s="1" t="n">
        <v>325</v>
      </c>
      <c r="B327" t="inlineStr">
        <is>
          <t>Loss/box/scale</t>
        </is>
      </c>
      <c r="C327" t="n">
        <v>4700</v>
      </c>
      <c r="D327" t="inlineStr">
        <is>
          <t>0.054438937</t>
        </is>
      </c>
      <c r="E327" t="inlineStr">
        <is>
          <t>&lt;class 'numpy.ndarray'&gt;</t>
        </is>
      </c>
    </row>
    <row r="328">
      <c r="A328" s="1" t="n">
        <v>326</v>
      </c>
      <c r="B328" t="inlineStr">
        <is>
          <t>Loss/box/offset</t>
        </is>
      </c>
      <c r="C328" t="n">
        <v>4700</v>
      </c>
      <c r="D328" t="inlineStr">
        <is>
          <t>0.09422734</t>
        </is>
      </c>
      <c r="E328" t="inlineStr">
        <is>
          <t>&lt;class 'numpy.ndarray'&gt;</t>
        </is>
      </c>
    </row>
    <row r="329">
      <c r="A329" s="1" t="n">
        <v>327</v>
      </c>
      <c r="B329" t="inlineStr">
        <is>
          <t>Loss/total_loss</t>
        </is>
      </c>
      <c r="C329" t="n">
        <v>4700</v>
      </c>
      <c r="D329" t="inlineStr">
        <is>
          <t>0.3755522</t>
        </is>
      </c>
      <c r="E329" t="inlineStr">
        <is>
          <t>&lt;class 'numpy.ndarray'&gt;</t>
        </is>
      </c>
    </row>
    <row r="330">
      <c r="A330" s="1" t="n">
        <v>328</v>
      </c>
      <c r="B330" t="inlineStr">
        <is>
          <t>learning_rate</t>
        </is>
      </c>
      <c r="C330" t="n">
        <v>4700</v>
      </c>
      <c r="D330" t="inlineStr">
        <is>
          <t>0.001</t>
        </is>
      </c>
      <c r="E330" t="inlineStr">
        <is>
          <t>&lt;class 'numpy.ndarray'&gt;</t>
        </is>
      </c>
    </row>
    <row r="331">
      <c r="A331" s="1" t="n">
        <v>329</v>
      </c>
      <c r="B331" t="inlineStr">
        <is>
          <t>train_input_images</t>
        </is>
      </c>
      <c r="C331" t="n">
        <v>4700</v>
      </c>
      <c r="D331" t="inlineStr">
        <is>
          <t>[b'512' b'512'
 b'\x89PNG\r\n\x1a\n\x00\x00\x00\rIHDR\x00\x00\x02\x00\x00\x00\x02\x00\x08\x02\x00\x00\x00{\x1aC\xad\x00\x00 \x00IDATx\x9c\xec}c`\x1d\xdb\xf7\xf6\xaa\xdd\xa6v\x9a\xba\xa9\xed6\xb5\x9b\xdaFR\xdb\xb6m\xdb\xb6m\xdb\xb6m\xf7y?\xac3;\xfb\x8c\xce\x9c\xa4\xbd\xf7\xfe\xfe\xef&lt;\x1f\xda\x9c\x99=[\xb3gc\xe1YD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l\xd8\xb0a\xc3\x86\r\x1b6\xfe=\xc4&amp;"\xa2pz\xb7\xe2j\xae\xe4\x8c\x1d\x8c\xffH\x1a\x8cr\xc6\x0e\x96)\xca\x9f\xa9C\xfa\x88N\x99k\x11KU\x8dX\xc1Db\x93\xa7\xfe/!\x96\xeb$\x7f\x00\xf2\xfb\xfc\xff\xa4c\xff\x7f\xc0\xff?\xaf2\xb4\xc1\xf5?\xdb\x039c\x07\xfb\xdf\xee\xd2\xe0\xca\x1f}\x1b\x96\x81\x02U\x9a\x9euK\xf4\xa8S\xcc7}\x1cq\x05\xaf.\xf6mX\xda\xf17\x903v\xb0a-\xab\x04\xa2tH\xe0+\xde\x06\xef-\x94i\x0e\xe2\xef\x02\x89\xd4\xeb\xd7\xd5=K\x80\xb7D\x14\x87\x88S&amp;!\x9a;\xb0U\xdf\x86e\xcc\xeb\x16\x9e\x08@\xfbJ\xf9t\xefV\xcb\x91\xf8\xe3\xad\x83\xf3\x06\xb56\xcfD\xaf\xc2\xcf\x88\xa8G\x9d\xe2\x03\xfc\xcb\xb9\xf9 VO\xe8\x11G\xea4w\x8b&amp;\xa2\xd1\xedj\xf1\x1fq\x88\xee\x1d[\xf7\xf1\xd6\xc1DDxq^\x9b\xe1\xf4^\xfe\xf8pC\x94\x15\x9d\x08@\x85L\xf1\xe54\xc3[UMe\xf4\x9d\xb9n\xce\xb3G\'7z\x10\xe52\xf8~\xfa4(\xcdE\xf7k\xe4\xe2M\xb9\x857W\xf7\x94\x93F\xf2_\xc5\xbe\xc5c\xae\xeeY"_\t\xe1\x9c`\xdd\xe4\xde&amp;\x8f\x03\x00\xde\xab..\x19\xd1\xf1\xfb\x83\xe3\xe6\xe5V\xc9\x96\x08@]\x1fo\x83&lt;\xb1o\xc9\x98F\x85\xd3%5\xcf\xe5\xcf!\x86\xf47o_J\xa5\x8e\xa1\x9f\xf4O\xa0J\xd6D^Dk&amp;\xf6\xd4\xde\xf2R&amp;\x01\x8bH\x11\x82&gt;\xdd&gt;$~^\xd9\xb5H\xfc\x1dN\xfa\x12k\xe4N\x16\xf8\xea\xfe\x8b\xe8]\xbf\xa4\xfcs\xff\x92\xb1\x17w,P\xa5i\xe5\x9b\x93\xbbl\xfd\x94&gt;\xe2\xe2\xcc\xbe\xcd\xac\x97\x12\x86\x08\xc0\x96\x99\x83T\xd7\xfb\xfb\xf9.\x18\xd2\x96{\xf0\xe7\xa3S\xe6\x99\x14I\x1aI\xf7:?&gt;\xbes=2x\xb55r%\x95W\x08\xe0M\x93\x12\x99\xa3\x10\x8dh]\xcd\xbc\xc4\xc9\xdd\x1b\x99\xcf\xb3{\x17\x8dV\xdd\xedX\xc5\xe7\xf0\xca\x89\xe6\xd9Z\xc7\xef\'\xa7u\xaf\x07b\x01\xb8\xb4ca\x04\xa2\xdcqC\xb4\xab\x987M8zp|\xfd\xd6Y\x83\xf1\xf2Bb""\x9a\xd1\xa7)g\xe8\xa1.\xe5\xb5y)\xf7\x8f\xaf\x7fp|\xbd\xf5j\x08\xecY4\x8aK\xfcz\xefh\xc0\x16\xe0\xf5\xa5\x9a\xb9\x93u\xa8\x9c\x1f@\x96\xa8\x01\xcd\x0cK\x14Fy0\xe8\xa7\x1f|\xbb\x0b \x84\xeb\x84\xff&gt;.n\x9f\x0f|T]\x04pr\xc3\x0cmb\xee\xab\x06\x05\xd3\xd4\xc9\x97\x92?\xab\x9az\xb3\xd2\xf3\xf3\xdb\x00\x8c\xebXg\xcd\x84\x9e\xb9b\x07\x97o\x95M\x17\xfb\x0fV^F\xba\x08:\x17\x0bz\x85W]\xa9_ u\xe0\xb65\xd6\x91"$u\xadQ\xd8z\xfa\xd5\xe3{\xdc?\xb6\x8e\xff\x0eF\x84\xd7\x97\xc2\x12\xd5\xf3\xf1\xae\x9e3I\xc7*&gt;\xdc\xe7g\xb7\xcc\xf9;\x95\xfd\xfb(\xe5\x1d\x9d\xa4y\xd3i7\xfd\xfe\xda\xcfG\'\x89\x08\xaf.j\xdf\x8a\xde\x0b\xd5G\xd2`\x01_\xb2j\x17\x1f\xf4mX\xd3\x92Y\x9c\xea\x0c\xe0\xc3u\xf5\xb0\x92\x00\xe0\xc9\x99-.\xb3\xedU\xaf\xc4\xfa)}s\xc6\n\xd6\xd27\x07\x80\xf1\x9d\xea\x06\xb9\xa6\x7f\x12\x00\xaa\xe5H\x8c\xa7g\xad$\xce\x10\x89~=&gt;-\xba\xa8o\xa32\xa4\xbc\xe8\xe7\xe7\xb7\xbf\xb9\xb2\'\x8c\xf2\xb3s\xf5\x82\xf2\x83&gt;\x9ea\x01\xd4\xcd\x9f\xca(\xe7\xb4\xe1\x08\xc0\xda\x89\xbd\xe4\x8b\x93\xbb5\x04\xb0lTg\xf3Z=:\xb9\x11\x12V\x8d\xeb\x0e|\x17?\xd3E\xa0U\xe3\xbb\xf3\xdf\xc1\rrhT$\xbd\xeb\xc6\x1b\xc0\x83\x88\x88|\xd3\xc71_J\x0b%\x8e\xd0\xa4Df\xb7r\x8e\xecN\xe2\x9c\xb1\x82M\xef\xe5\xdf\xb3nq"JaaE\x8aL4\xb9[C\xa3\xbb~\xc52n\x9a1\xc0b\xd15r\xe9\xec\xfe\x93\x1b\xf5\xb5\x1e\x82\xf3\xb0\xf9|\xcb\x8dg\\A\xac\xfa\x7f0\xcf?\x85"I#\'%\x02\x90\x80\xa8G\x9d\xe2\x89\x88\xba\xd7.Z:u\x8cPD\t\xfe\xed\xba\x19bP\x93\n\xe6\t\xf0\xe2&lt;~\xdc\xd7\xed\xf1?\xf2&amp;J\xa4\x8cZ6m\xac&gt;\rJqn;\xe6\r\x0bb\x862\xf0\xec\x9c\xe3\xf3\xfd~\x8f\x88r\xc5\tn\xfe=\x97H\x19\xd5z\x8b\x80\x17\x9c\xd5\x9a\t=\xa5\x8b\x8e\xcc\x83\x13\xad\x9b\xdc\xc7\xf8i"\xa2\x90\x16K""\xa2f\xa5\xb2\x12Q\xd1dN\x13H\x83BiS\x87\xa1\x94\x1a\xe1\x97[\xef\x05?\x1f\x1e\\&gt;\xbe]\xc5\xbcq\x89\xc6\xb4\xaf\x05`\xcb\xccA\xdc\x90\x99}\x9a\xce\xe8\xdd\x84\x88\xf2\xc5\x0f\x1d\xdd\xe0\xf1b)&lt;\xe4\xa3R\x12\xe7j\x94L\x15\xbds\xf5BrzO\xa2]\xf3\x87\x03(\xe5\x1dC{\x9aT\xb5\x02o\xaf\\\xd86O\xbexf\xf3l\xf1\xb7\xd1\x99\xef\x0f\xa2A\xc14\xd6\xc7y\xad&lt;\xc9\x89\x08@\xee8\x86\xb35\x80\x14!\xa9a\xa1\xb4\xf2\x15\xdd\x94\xb1\x95\xe1\xb4xx\x07\x8b\xb5\xb5X\xd5\x94n\x8d&lt;\x05!\xdd\x19Wu\xf3\xa7:\xb1n\x1a\x80\xdd\x0bF\x1a\xa5)\x9e\xc2\xa3Y\xa9\xacB\xba\xd7\xa4D\xa6n\xb5\x8a\x04\xa6f\xee Uh\xeaU\xaf\x84\x95\x94\xa3\xda\xd4\x00^\xe3\xf5\xe5\xd9\xfd[\x88\x8b\t\r\x12\x8flS\x1d\xf8\x14\xcd4\xcd\x7f\x11\xa76\xceT]\xf1/\x96\x91\x88\n%\x8e\xf8\xf3\xe1\xc9\xea9\x93\x00\x10\x07\x1c\x97\x18\xd9\xba\xba\xc9\xdd\xd3\x1bg\x9e\xdb:7\xbe\xde-\xbc\xbb\xc6c\xb7\xa5o\x0e\xddg\x0b\'\x89\xb4zB\x0f\x00\xf9\x13\x86\xe1\x13\x83\x95\xfa\x14H\x14\x1e@\xc3\xc2\xe9\x02\n\x02\xf0\xfb\x91\x95g-BU\x93(\xcaG\xb8lTg\x93J&amp;$\xda2s\xa0\x9c\xc9\x90f\x15\xcd\x0bJ\x1d\xd6\x91\xf2\xcb\xdd#x}\x89/\xae\x9f\xd2\xf7\xcc\xe6\xd9{\x17\x8d\x16\xa5\xcbP}\xe6\xf8p]7\xe7K;\x17\xb6(\x93\xdd\x91\xe6\xfdu\x00\xfc\xde\xb5Z}+\x90\xe7\xa0\xd6\xe5r\xe9NIC\x9aW\xe2\x8b\xc94\xb2}\x00\x07\x96\x8e\x0bT\xc9\x7f\x0b\xf1\xdc\\P+g\xf5\x04\x90\xd9\x83T\xe2\x92pD\xf8\xf5\x10\xc0\xfa\xc9}\xe4\x0c\x01\x98L\xc8\xf8|\xcbb\xe9!\x88\xbe\xdd?\xe6)]\xc9\x12\xd5\xf1\x87j3?\xb1K\xfdU\xe3{\x00\x00~j\xf3\xf12\xc8\x7f\xa8\xf2\xd6\x88\xa8w\xfd\x92\xe9L\xce\xd1D{\x16\x8dZ?\xa5\xcf\x9c\x01-\x8d4s\xc3[U]:\xaa\xd3\xdd\xa3k\xefK\x12\xc2\xfe\x8d}\xcd2\xfdC\xa8\x9a\xdd\xcbJ2~\xef\x07\x97\x8f\x97\xcf^GVM\xd2\xeeSS\x85v\x0c\xfbFE\xd2\xf3\x19\xa5L\xda\x7f\xc6\x0e#\x08\x90GU\xf9\x0cq\xcbe\x88K\xca\x07\xd9\xca7\x07\x00\xe0\x03&gt;\\?\xef\xbc\xff\n\n*e1\\\x1a\x01\x00?\x9e\x9e\xddjp\x0b\x00\x9e\x9e\xdd:\xb2Mu"\x8aKtm\xefR\xf3\xb2NmP/l\xff0\xf6-\x1e\xa3\xfdn\xc5\x95l\xd1I+5\xc2\xebK&amp;\xa3\x86\xc5\xaf\x00\xf0\xee*\x80d\xd2a\xbct\x9a\x98\xfc\x87\xea\x80\xde\xbe\xb2\x93v\xfa\xe6\x81\x15y\xe2\xe9L5I\x83Q\xa6(\x14\x89hX\xcb*\xc0\x07\x00\xeejm\x95W\xf4V5\xdd/\x19\xd9\x11\x00\xf0\\\x95\xfe\xd5\xa5]y\xe3\x87"\xa2l\xd1\xa9D\xca\xa8\xf2-w%*.\x11\x9e\xe8\xe9\xd9\xadg6\xcd\x92/\x86"J\xab\xcc_a\xfflyDD\x04\xbc$"\x9f\x84aK\xa7\x8e)_g\xf1:\x80\xcb;\x03T\x85\x9d\xab\x17\x04\x108\x8d\xa7\'Q\x9ap\x14U)T\xabEcl\x98\xdaW\xaf\x928\xbcr\xe2\xb9-s\xb5\xb7Jz\xeb\x9c\xf7"\x10\x9dV\xba\xf1\xf5\xe5\xddxsy\xdb\x9c!F\x15\x03\x9eL\xe9\xdex\xfb\xdc\xa1\xbaw\x7f?9}j\xc3\x0c\x16\xb5\xe3\xe7\x03\xa3L\xfe\x01\xa4\r\xaf\xfejd\x0cn\xaa\xde\x96\r\xf4/\xc7oP\xee\xa0\xe0D\xa3\xda\xd6\xb8\x7f|}\xc3\xc2\xe9"\x11\xed]&lt;\xfaoT\xf5\x9f\x808\xbf\x97I\x13\xb3x\n\x0f\xb76&gt;.\xe1i`?j\x822ib:\xf6\xbc\xc0\xf4\xdeM\xbc\x88xA\xe2\xde\xd7naB\x10\xf5\xac[\x1c@\x9d\xfc\xa9\xf0\xe62_\xf4\nr\xcd\x03\x81\xd6\xe5r\x15\xf0tj\xee\xd5\xdd\x8bE\x7f\xfexx\xe2\xf6\xa1U\xb9\xe3\xea\x0b\n\x00\xcc\x19\xd0R{\xdd\xbfx&amp;\xb1\x1cfq\x9a6\xa9f\xeed\x9d\xab9\t\xe8\xe1,\x9b\xda\xbft\xac\xcb\xb7\xe9W,\xe3\x97;G\xcc\xd3\x18T\xf8\xe9\xdc\x81\xad&amp;uk\xa8Z\x00\xe2+k\xc3\x90\xe6\x95\x88\xa8e\xd9\x1cD\x84\xafw\x00\xec\x9a?\x02\xc0\x8d\xfd\xcbOk\xce\xa0\x7f\x1c\x89\xf4.\x8a\x93h\xf3\xd2\xd9x\xbe\x0e:\\\xf6p0\xa2\xc8D\xf1t\x1e|\xce\xe2#\x15\xd2\x84#"\xc2\xbbkF\x19\x8e\xedP\xfb\xfd\xf5\xfd\xc0\xeb\x92\xa9\xa2\xe96\x93\xc1\x1b\xd2&lt;qCX\x94N\xb0)\xd7\x87\x9b\x07d\x91#\xbf\xcaR\xde\xd1\xc7u\xac\xe3\x1d\x9a\xf2%0\xdb\'d\x89Fd,kzrf\xcb\xb6\xd9C\xb8\xbbTR\xcd\xbf\x8ah\x9a+\xef\xaf\xef{\x7fc?\x0f\x862icuqV\xfff\xf6 "\xaa\xe7\xe3]\xbf@j\xbe"lR\xferM\xff\x03\xb8up\xa5\xfcS\xde\\&lt;9\xbd9p\xbd\xb0}\xceP\xe0u\xf3\xd2\xd9\xac?\xe2\xe3\x19\x96\x88\xde^\xdd\x0b\xe0\xf9\xb9mxs\xc5\xc73\xec\xc9\xf5\xd3\xc3\x10\xe1\xf7\xa3\xb7W\xf7\x8a\x94\x90\x90:\xac\x8e\t\x81\x80_\xb1\x0c\xee\xd6\xdc]l\x98\xda\xd7\xbc\x7fT;_\x19\x00x\xc7zm\xefR\xbc\x0f\xf8\xf8\xef\x1f[\x07\x00\xf8\xa5J\x7f|\xdd4n\xf5\xd1\xd5\x93\xe5L\xf6-\x1e#~\x9e\xd94+(\xa3\x16\x00\x1b\xa7\x9a [t\xfa|\xfb\xb0J\xc2\xb6d\x04\x1f\x02\xf0\xe1\xe6\x01M\x86H\x1d\x96\x00t\xaf],\xd0\x15\xd3"\xb1\x9b\xe9Oo\x9a\x15\xc4C\x00\x9fZ\xfe\xe0\xbc\x00\xa0P\xe2\x08\x00*fN@D*\xdd\xbb\x8c\x02\x89\xc2M\xe8\\\x8f\x8b~seO\xb7ZEu\x93\xad\x9e\xd0\xc3\xc73\x9c\xbb5\xd4\xdd\x1a7)\x91\x19@L\xbd[&amp;\xf0$*\x96\xdc!\xa1\xe4\x8dQ\xe3\xa2\x19\xcem\x9d;\xb4E\xe5?n\xeey|\xdd4\xfeC\xebx\x04\xa0x\n\x0f\xa3\x07Yvgt7\x87r&lt;\x9f3\xa0\xc5\xc3\x13\x1b\\V\xe3\x9f[\xd6\xfe1\xf0\x00\xba\xb1\x7fy0\xa2\xad\xb3\x06\x13\xd1\xb8\x8e\xfa\xd6/\x8b\x86\xb57\xea\xca\xbbG\xd6p&gt;\x16\x85d\x9c\xf8\xeb\xdd\xa3\xf9\x12\x84\xe6\xbf\xeb\xe4K\t\xa0G\x9db\xdad\x0c\xb1\xcd\x99\xd9\xa7\xe9\xd2Q\x9dT\x19f\x8a\xc2\x89_zI\x17um\x1e\xfe\x14\xba\xd7.\xe6\x96^\x08@\xfa\x88\xf4\xe2\xc2v\x8b\x9fk\x85\x8c\xf1\x1c-\x7fzF\xce\x84\x88\xc2\x11\xf5\xae_\xea\xc1\xf1\xf5e\xd3\xc6Jb\x9c\x83A5\xbe\x89.\xdd8\xad\xbfQ\xb2+\xbb\x17\x9bd\xc2J\x91\x15c\xbb\xf2\xcf\xf1\x9d\xea\xb2\x90\xfa\xc6\xfe\xe5]j\x14\xc2\x8f\xfb\xf8r\xdb\xcdz\xb9\x8d\x9c\xb1\x83\xb1\x84\xf3o\xec\xdd\x1e\x9c\xd8 z\xa9hr\xcd\x94\xa3\x87]\x0bF\x18U#}\x04\x02P\xc03\xdc\xa2a\xed\xad(\xabR\x86\xa2O\xb7\x0e\x01\x9fIi\xdd\xea\xf1=\xb4\xc92F\xa6\xc2I"\xba\xd5\xfc\xe8\x06\x82\xa0@\xa3_\xe3\xb2\xf2O\xae\xcc`W\xaa\xaf\x84D\x19"\x11\x11u\xaf]tJ\xf7FV\n\x9a\xd6\xcb?\xb0u\xa4\xb1\x1dj\x1b\xdd\xc2\x87\x1bN?\x81\x05C\xda\x1a%N\xa4\xf8s\xe4\x89\x1b\xd2\xd3(\xd1\x7f\n\xad\xcb\xe5\xd2^T\r\x97\x14!\xa8Pb}\xf3N\xedH\xd9&lt;c`\x95l:\xa7R\x00\x97v,\xd0N(\xc7\xd7N\xe5?b\x12\x01\xf0\x0eC\x19#9\xd2?&gt;\xbd\x19\xdf\xef\xe5\x88%f\xf9O\xdaq\xcc7\x842\xf3\xc7\x83\x13Dt\xe7\xc8\x1a\xa3\x94\x00^_\xde\xcdJ\x05#\x9c\xde8s\xe1\xd0vn\x99\xbe\xb9\x0b\xa3\xc3\xd0\xa6\xe9\xfd\xad\x7f\xab\x83\x9a\x94?\xb6f*\xf0\xb6D*\xf5\x19\x17\xceX&gt;\xba\x8b\xcb\xdc\xa0\x81\xca\xb7K\x9b\xfe\xee\x915\x16\xab\x1aS\xd1T\x03\xe8R\xa3P\xc7\xaa\x05\xf0\xe5\x8e\x9c\xa0rVO|\xbai17\x8b\xf0$\x1a\xe8_~h\x8b\xca\x00\xac\xf8\xe5\x01\x90E\x8b\xbc\r\xd7\xc5\x933[\x80\xef\xb1\x89\x067\xad\xe0\xd6\xd2\xc2^\x0bZ\x05\xe9\xed\xc3\xab\xb5\xf9d4\xd8L\x0ejR\xa1s\xf5\x82{\x16\x8d\xe2\x9fY\xa2\xd2\xb7\xfb\xc76\x9b\x1az\x1a)\t\xb4\xe0Wod{\x9a&lt;8\xe1\xf9y\xf3\xb2T\xa8\x9c\xd5i&amp;\xe4\xfc]\x1a\x1a\xc8\x8b\x96\xb9O\xdc?\x0c\x00\xb2\x1d\x87\n\xbd\xea\x95Ty6D\xfc\xeb5r\x1fr\xe7\xe6O\x18\xc6&lt;q\x8a\x90\xf4\xf5\xeeQ\xf7\xf2\xff\xf5\x90\x88\x80\x97\xa2\x94w\xd7\xf6\xf1\x1f\xba\x1e(\x8c\xc3+&amp;\x9e\xdb:W\xac\x10\xc5\x92{\xdc=\xba\xa6\xaa\xb2\x96\xac\x9d\xd4K\xb5[\xff\xf1\xf0\x84S\xa1\x9fnr\xbb:U-\xe0A\xe4_&lt;\xe3\x84\xce\xf5\xc4\xdd0\x066\xb9*s\x94\xab\xbb\x97\xe0\xed\xd5:\xf9R6*\x9c\x8e\xb7\xd6|}X\xcb*\x1d*\xe7\xe7\x8fb\xdf\x92\xb1\xc6M\xb7\n]{\xc1\xae5\x0b\xa7w\x7f\xbc\x1c]=\x854k\xb6z.\x7f~\xde$\x07\x16\xcbja^n\xa0L\n\x1d\x15c3!\xed\xf5\x02\x89LML\xfe\x10\x8c\xac\x12\x94v\xbf\xe0\x9f&amp;U\x91\xfdTTsY\xb5\x1cjYT$\xa2\xd9\xfd[\x88\xe5$\x0c\x91l_HD\x13:\xd7\x8fA\x944\x18\xbd\xbd\xba\xc7B\xf5\x03\x83\x13\xeb\xa6\xcb?k\xe5In\xe4\xb0\xf9\xfe\xc6\xfeR\xc6\'\x80\xee\xb5\x8b\xe5K\x10Z\xb8\xfa\x0bD!\xaa\x93/\xa5\xf8\xc9r\x82\xa0\xc0\xca\x08\xfc\'\xe1\xadL\x93xq\xdeD\xe9BD5s\'\x9b\xd8\xb5\x81\xf8\xf9\x9fZ\xbdt\xf0\xfa\xf2n\x16\xfa\xcb\xcb~+\xdf\x9c"\xc1\xd8\x8eu\x00\xbc\xbc\xb8\x93\x88bj\x1c\xd6\xcd\x01\xa0\x81d\xf8LD\'\xd7O7I\xec\xd6[\xe7a\x9a3v\xb0\xd9\xfd[\xf0\x83o\xae\xec\x119\xe0\xd7\xa3&lt;q]\xcfQ\xaa\xe5\x1a\xc0\xef\'\x0eq\xca\xe2\xe1\x1d\xc4N\x07\xf8\xcc\xd6\xa8\x0c\x97\xc6H*@1\xf8\x0bG$\x0e+\x7f\x16\xc3[Vu4\x9c\xff}~Nt\x85\xf9F\x9e\x88\x86\xb5\xac\x12\x9f(E\x08j[!\xcf\xb0\x96U\xdc}\x11\xd6!\xccC\xe7\x0chy`\x99\xc3\xe8\x93\xb7\xc3x{E\xd6\x8dd\x8aB;\xe7\x0f\xb7\x92\xe7\x1agw3\x19\xc0\x13\x00\xda\xc6\x03\xeft\xd3W\xc8\x14\xbfZ\xce$\x00Z\x94\xc9\x0e@\xb5ued\x8fAxsYtN\xb3RYr\xc7\r\xe1\x15\x903\xa2\x10\x15N\xa2^\xc6\x7f&lt;&lt;\xa1\xbc\x9d\xc7\xaa\x8e\x8d\xe4\xbcZ\x1b\xb5\x85\x88\xb2D\xa58DF\x04$*\xfc~r\x86\xe5\xb1}\x1b\x96NB\x04|\xe0\xea\xb1=\x12\xbfe\xdd\x07\xb3\x9b\x8a\xf9s\xc4$\xe0\xfb\xda\x89\xbd\xb4\x86\xbc-\xcb\x06\x0c\xec\xea9\xdd\x95;\xaa\xc1\xbd\xe1e\xbae\x0c4\xc2\x12\xe1\xe7\x03&lt;;\x1b\x88g\x01\xf0\xb0\xf8\xf1\xf0\xa4n\x82-3\x07\xad\x9b\xdc\x07@\xd6hDD\xed*\xe6\rl5\xff)\x08C\xc3\x15c\xbb\x02\xe8Q\xa78\x00\xe1kS7\x7f\xaai\xbd\xfc\xe5%\x81\x88f\xf5kn=\xff\xbc\xf1\x8cl\x82\xd5p|\x04\x8a\xb5\xbb\xa5G\x9c\x8d\xdcY\xceP5\xbbW\xf9\x8cj\x9b\x8b\xf4\x11)U(\xda8\xad_TI\xf4_\xd0+\xbc\xd8\xcd\xf5\xac[\x1cx"?\xb2}N\x805[p\xa2\xe8J\r\xa7\xf6h,\x8a\xe3\r\xb6\xf5\n\xbb\x85\x04\x8a\xea\xa2BF\x17\x93\xf8\xa6\xe9\x03\x00\xd4\xf3\xf1\x0e\xc4\xc4\xedpzRz\x12\xc0\x86\xa9\xfd\x02S]\x0b\xe0Q%/\xbb\x03\xfc\xca\xf9\x15\xcb\x00\xe0\xd3\xad\x00f\x95\xf0Dx~.\x88e)\x93\xea\'\x92\xac?\xc9\xd5\x1c\x9a&amp;\x1c\x89\xc5I\x8ba-\xab\xa8\xc4\xa1!\x88f\xf4i*J,\xe9\x1d]w*\xc7\xc7\x1b\xf1\x89\xf0\xf1\x86\xcaj\x8b\x882FvTUk\xac\xa2\xae[X\xaa\xa9g5$pc\xffr"J\x17\x81\xfa4,\x8do\xf7v/\x1c\t|\xe9^\xab(\x80\xa8\xd2J3\xb4Ee\x1fO\x1d\xd3&lt;\x87\x97\xc0\xb7\xbb\xf2E\xb9\xeb2E\xa1)\xdd\x1b\xed\x98;,\xa1f/\xb8`H\xdb\xea9\x93\x94H\x15-8\xd1\xa7\xdb\x87\xca\xa4\x8du`\xd9\xb8V\xe5\x1c\xf3\xc6\x00\xffrn9{r=\xab\xe5H\xac\xd5\xed\x17I\x1a$=+\x80\xa3\xab\'\xdf9\xbc\xda\xad\x05\xa0X\n\x0f\x9e\xd0\xb7\xcc\x1aD\xca\xb2m\x92\xfe\xe4\x86\x19\x03\xfc\xcby\x05\xa5\xa2\xff\x00dwm8Cxf\xb1\xce\xb6S\xb5\x02"\xa5\x89\x0eD@{\x86\x0c\xc8\xfa\xb3\x99\xf6/&gt;Q\xb2`td\xd5$+\xf5\x0fC\xb4r\\w+)S\x87\xd1\x7fa\xd6\x07\x01\x9b\x16\x00hS!\xb7\xeaVTcg\xab@#.Q\xa1\xc4\x11\x01\xac\x9b\xdc\x1b@\xc9T\xea\x1e\xcd\x15\'x\x87\xca\xf9\xe5+\xba\r\xecT\xb5\x80\xcb\xb2\xe4\xe9\x1eO\xcf\x02(\x96\xdc\xc3b=\x83n\xc9\xc1||z\xd7\xd1\xa1r~s\xdb\x9e&gt;\rJ\xa9\xae\xa4R6\x1b\xe9"\xf0\x90{\x82\x1f\xf7\xc5\xdd\xee\xb5\x8b\xb9\x90x\x9a"W\xec`\xbc?\x96y\t+fN\xc0=\x7fi\xe7B\xe6bkQ6;\x80\xc7\xa76\x01PY\x9a\xae\x18\xd3\x95\x0f\x9d\xf2"\x11\x81H\xd7\xfc\xd7\x08&amp;\xf3\xdf\xbd\xa3k\xf9\x8f\xb1\x1dj_\xdf\xb7\x0c@\xdapD\xca\x96\x9c\xbd\x14\xdf\xdf\xd8o\xbd,\xae\xaao\xba\xd8\xe6d@x~\xce\xbfx&amp;"\xda\xb3hTx\x87\x7fl@\x03\x07\xfa\x977?\xdf\xa4\xd6\xd8c\x99\xa4\x1f\xd7\xb1\x8eIM\xcc\xdf/\x9b\xf3\x97\xd6\x18 \xf5\xae\xaf\x1eH\x81F\xbe\x04a\x88(M8\x1a\xda\xbc\x92pX\x1f\xd8\xa4\xfc\x9f\xca?\xa8\x00\x90\x84(\x9a\xa6\x8b/\xedX /\x00b\x8f\x7f\xe7\xf0\xea\xc4\xe4d\xb4\'?\xf5\xf1\xe6AwK\x87\x05c\xb2ck\xa6\x8a\xbf\xdbV\xcc\x93\x94(g\xac`i\xa4Q\xe2\xa8\xe5\xab\x8b\xe6\x03KI\xf9\x8a\rX\xdd\xaa\xaa\n\xe3;\xd5\xcd\x97 4\xbe\xde\xd5\xbd+\xa4g1\x88v\xce\x1f\xde\xbctVU\x82\x9b\x07W\xf4\x97\xcc!\\V\x86Y\x1b\x87\xb7\xaaJ\xc6t\xa7\x9c\xcf\xb3s\xdb\xb42\xd9@\x83\x89.\xccm\xbdW\x8e\xeb\xc6\x7f$"\x1a\xd1JM\x9c\xc7u\x0e4"\x13\xd5S\x8c\xafs\xc7\r!\xef&lt;\xb40\xef\xc6`\x1a\xef|^T,\xd6DKHU\xcf\xc7\xfb\xe4\xfa\x19\x11\xa5oGl\xab\x1f\x9f\xde\xac\xa2\x9b\xf5\xf1\x0c\xab\xabJeJ;\x97\xe3\xd6\x04\xfc,Ke\xdd\x02S\xfb\x1d\\6\x9e\x94\x01f\xb1\xb8Y\xfd\x9a[\\\xe9\xc5\xdb\x87"*ab\xc4\xab{\x96\xb0S\x88\x16.\xcf=\xaek\xf8\xfd\xbe\xfc\x93\xcfX\xe6Vj\x7f\x0f\xd5r$.&amp;Y\x85-\x1d\xd9\xa9Q\x91\xf4F\xec\x8d\xff\x0e\xe4\x89^\xf7"\x00Y\xe3\xba`H\x1b9=\x14w\xa4b\xc9\x03\\\xc6\xdaV\xcc\x03 \xab\xa9\xfdX\xdex\xa1X\xa0\xf1\xf6\xea\xde\xb4\x06\xbea\xb1\x88\x1a\x15N\x97\x84HeJ\x14\xc5\xf9k\x8fC\xf4\xed\xfe\xb1\t\x9d\xeb5*\x92\xde\xdc\xdc\x8a\x05\xc1\x1b\xa7\xf5\xb7\xb2\x17VA\xa6\x15\xfb\xfd\xe4\xf4\xbdc\xebTN\xb62\xd8jh\xe5\xb8n\x00\xae\xec2\x1b|\xcbF;\x11\xa2\x01?v\xce\xd3\x91w\xcf\xd6\x93\xb3\t\xe9\x93U\xb1\x9a\x04s\x95H\x8b2\xd9\xcb\xa6\x8d\x05`z/\x7f\xdd\xa9!K4K\xe4V\x17w,\xd0\x7f\\\x91\xf1k\xb7\xedFP\x99\xc1\x04\'b\xd2\x981\xed\x1dF{\xae\xd6\xfe\xaf\xf2O\x13\x1be\xb7\xd0\xafQY\xf9\xdb\x11\x9f\x86\xaeA\x9dT\x19\x00\x18\xd5\xb6\x06\xff\xbc\xb4s\xa1\xcb\xca\xc0\xc0\xce\xea\xe7\xc3\x93\xa2P\xady{\xe7j\x05S\x86$\xbc\xbe\xac]\x9bC\x10\x01hQ&amp;\x1b\x11\xc5\xb5\xb0\x0b\x91kn\x85\x93\xce\xf9)\x87.\xdd\xc8\x88S(\xcf\xcdw\xf4.\xc1f\xe2\xc3Z\x98q\xce\x7f\xbb\xef\x82%[\xa0R\x96\x84\x8b\x86\xb5\xb7\x98\xd8\xc8\xe5\xa8\x8c\xe2\xa2\xcf\x9d\xfc\xf4\xecV\x00\x83\x9a\xba\xa0_\xfbG\x81\x0f\xd7;V\xf1\x99\xa2\xcc&amp;$\x8d\xe3\x87\'6x\xa9\x12\x7f\xbc\x01@\x18n\xe7K\x10z\xdb\xec!D\x94/~h\xf9q\x17%\x02\x00\x9e\x9f\xdf6\xa6\xbd\x83w\xfe\xfb\x83\x13\xda\xa7\x80w\x00*d\x8a\xaf\xba\xe5\x1d\x9az\xd4)\xaeJ\xbcy\xc6\x00\x00\r\x0b\xa7\xf3/\x9eq\xee\xc0\x96\xfa&amp;\xad\x9fo-\x19\xd11\x10\xbb\x8cS\x1bf\xa8\x16\xc8\xb7\xd7\xf6\xba\x9f\x8d\x1a*CXO\xa2\x11\xad\xab\xbd\xbf\xbe_\xabr&lt;\xb0t\xdc$\xc9\x9c \xbe\xb3I\x99li`\x11\xda\x88\x08*t\xadY\xf8\xf1\xa9M\xf15\xec\x8f\x05&lt;\xc3\xc5$R\xe9\xf3\xc9\xf8\xa5k\xaf\xe7\x8c%\xdf\xfdxi\xe7B\xf1\xd3\x83(o\xfcP\xaa\xaf\xae\x98\x05\xcb\xfa\x8a\x99\xe2\xb3\x99\xbf\x11\x96\x8c\xe8\x98\xd9\x83\x0c\xfd\xee4\xd86{\x88\xa0Wr\t\xb1AI\x11\xc2\xd1\xde\xe4!\x02\x1a\xae7\xb0\x01@\x96\xa7\x9b\x1b\x93\x10\xd1\xd2Q\x9d\xb4\x8a\x10\x16\xe3\x08\xdc&gt;\xb4J\x95\xe0\xfb\x83\xe3\xda\xed\x1d\xa3a\xe1\xb4\x1d\xaa\xe4W\xea\xf3\x1b\xc03\x89\x85%*\x11^]\x94\x19\xb4\x18%SEW\xf1\xcb\xee\x98\x1bT\xea\xc6Y\xfd\x9a\xf3V#\xad5\xb3/#\xd7\x04\xe0g\xb7ZE\x8c\xc6a\xed\xbc)~?93\xb6Cm\x00\x9d4\xaa\x17]d\x8fA\x00\xba\x1b8\xd6\xe9B\xf7\xa3\xaa\x989\xc1\x91U\x93\xf9e}\xbf\x7f|\xfe\xe06\x7fd\xf3\xf1/\xa3K\x8dB\x00.l\x9f\x0f \xa9\xfb\xb1n\x00\x00/\xfc\x8bg4JP Q\xb8+\xbb\x17\x03\xc8\x16]\xfd\tU\xd4\x98\xb2\xb0\x99\xa9\x16\xaad\xec\xe6\x17tj\xa3\xd6\xe5r\xad\x1c\xdb\xed\xf1\xe9MA\xccG\x85(D\xf5\x0b\xa6\xee\xd7\xb8l\x8b2\xd9\xaaf\xf7b\xd7\x1e\x86\xaa9\x8b\x87w\x90=!D{\xbd4y\x02_\xe5\xe5\xc4\x9c\x1eY\xecI\x19B\xe6\x0e\xa0Q\xe1t\xe4\x10\xa6\x7f\xd1\xed[#\x98\xa7,\x924R\xd7\x9a\x85YdLD\xfe\xc52Fq\xf8\x07\xb8fc\x1f\xd5\xb6\x86\x10\xf2\x0ejR\xe1\x0f\xfa\x92\x8a\xfe\\1\xb6\x9b\xbbN\xc5\xce9|2\xe9\xabj9\x12o\x9c\xd6o\xd3tC;\xfa\\\xb1\x83\x8b\xd9\x16@C\xcd\xa2{~\xeb\\\xbc\xbd\xea\xb22.\x17{-\xb8\xda\xfd\x1b\x97\x15\xafF\x17\xfc\xb2\xe2\x11\xa5\x8fH\xaa\xb0\x01\xd6\xe1E\xd4\xa4\x84~)\xd6\xf9\xe4\x89\xe8\xc7\x83\x13)BP\xad\xbc)\x8c\x12\xfcz|\x8a\xdb\xa5\xda\x02\x86R8\\\xb5\x00\x80\xa7g\x1a\x14J\xabZs\xd8\xb2N\x95O\xdfFe\xb4F_\x8c\xd3\x1bgV\xc9\x96\x08\xf8\xbaj|\xf7:\xf9S\x05nP\xfd\x15hM\x95\xdd\x02\xf0\xbew\xfd\x92\xc0\x1b+\x893H\xc4\xbd\xb5\xf2$\x9f\xd6\xd3o\x921q9I\xdac\x95\xd2\x89\xdf\xa2\x87t%w\x9c\x10\xda\xd9\xff\xe6\x81\x15\xaa\x0cS\x84\xa4\x91\xad\xab\xe3\xcd\x15\x00\xfc\xaab\x13\xc9\x06\'\xd6\xe1(\xc3\x95\xde\x18xva\xfb|\x8by\xc6#J@\x94\x90I/^]\x92-\xa0di5Ko\xfa6,-\x1f\xf9\xb5k\xde\xc8\xd6\xd5\x81\xb7\xbf\x9f\x9c\x96\xb7&lt;\xf5\x0b\xa66*}\xc7\xbca\xfcx\xf9\x0cqI2Gytj\x13\x80\xb5\x93z\x13\xd1\xb3s[\x01\xec[2f\xf5\x04\x1d_S#t\xaf\xed\xd8C}\xbcu\x10\xc0\x9d\xc3\xab\xe5\xbb\xf2\xb6o\xff\xd2\xb1\x83\x9a\xb8P\x12\n\x08\xb2\xbf@\xb8Y\x9a+\xfa\xbe\xdds\x10j\xbe\xbf\xbe\xdf\xcb\x9492\n\xd1\xd2\x91\x9d\x00h;v\xee\xc0V\xdc\x10\xdd-\xe4\x84.\xf5\xef\x1f_\xdf\xaeR^N\x93]\xb3|\x85P\xdcY\xf8\xa7\xb6O\xb2\x05\xc1E\xf7\xc0\xb2q\x9bg\x18z0\x11Q\xb1\xe4Q\xd8\x83\xa7P\xe2\x08\x9b\xa6\xf7oR"\x93\x89\xc3D\xef\xfa\xa5\xb4\xc3o\xb2\x83\x15\xea\xab\xeeS\x8c\xdcqC\x00\xb8up\xa5\xa0\xd9\xd1B5ZL\x00`h\xf3\xca\xe6\xc2\xb7`\xe4\xe4\xc7\x1aF\xe2)\xe19Au\xde5:2r\xfa\xc8De\x15\xca\xcf\xc1\xcd*\x02\xc0/3\xcfm\xbc8\x9f\xd9\x83\xf2\xc4\r\x19\x08\x9d\xcd\x7f\x14&amp;\xf4\x00\xe6\xe0\xb7\xc5\x7fw\xac\xeac\xfd\xc1\xd9\xfd[\xac\x18\xdb\r\x00\x93\xe3\xab\xf2l\xe9\x9b\xe3\xe6\x81\x15\x00\xf0\xf9\x96\x91\xa8\xa7f\xeed\xaao)\x10$\x10\x8a]\x87\x8b\x95o\xcd\x84\x9e\x81\x88IR\xaf@j\xfe\xfcD&amp;.\'\xc4\x12)\xa3\x01\x90\x9dWo\x1fZ%/\x87\xe6\x8f\xd7\xcc\x93&lt;c$\xa7\xdd:\xf0\xe1\xfe\xf1u\xaa\xc7\x7f&lt;8a\xae\x13\xd6"\x7f\x02\'[\x0cm}\xc2*s\xd9\x9a\t=\x0f\xad\x98\x00|\xafc\x1c^\xe6\xcf\xa2iI}\xdaQ\xb9zu\xf2\xa5\xdc\xbd`\xa4\x8a\xd1S\x80\xd5\xa7\x00\x80/\xda\xbbk\'\xf5\x02~h\xdd\xac\xb4\x9b\x15\xd5\x0b\xf2/\x9eip\xd3\x8a\x00\xcem\x9d\x9b\xd9\x83\xea\x15H\xcdi\xfe\x88k\x1c\xf0\x86s\xb3(\x0b\xe5U\xca874)\x91I\xb7\x15|%e(\x9a\xd6\xd3\x0f/\x9c\xdc\x0f\xd9_=\x1c\xd1\xe0\xa6\x15[\x97\xcb\xf5G\xde8\x80ck\xa7\xba\xc5&amp;\r\xbc\xe8P\xc5\xa1\x87\xef\\\xbdP\x8d\\I\x9f\x9e\xddb\xe2\xf6\xbf\x7f\xc9\xd8G\'7\n\xb3\xf2\xf0D\xd7\xf7-sd\xf5\xe6\x8a\xc9\x87\x16\x9dhb\xd7\x06\xdbf\x0f\xde\xbbx\xb4\x95\xef\xf1\xdf\x84\xee\xa2g4\x8b\xfd\x91\xc6\xa4\n\xe58\x9dYI\x1ch\x12:\x19\x00\x12;\xff4\x124\xbf\xbf\xaeo\'\x973V0Q\x87\xcb\xbb\x16\xa9\xc6\xf7\x9f\xc2\xc4.\xf5\xad7\xb6_\xa3\x00\xcb\xa23\x9bg\xef\x9c7\x9cU\x17\x8c}K\xc6\x04\xa2\x02\xe7\xb6\xce\x05\xa0\r9k\x11\xa2t\x0f\xc7\xcf7\xaa\x99\xa2_\xe3\xb2\xeb&amp;\xf7^9\xb6[X"\x00\x87V\x045R\xa6\xf5\x81a\xa28\x91%&amp;\xf3\x06\xb5v\xf9\n\x00h\xb5\xac\x0c\x95%b\xafz%\xf6-\x1esh\xc5\x84\x15c\xbb\xe2\xf3m\xd1\x1b\xb2Sd\xfe\x04a\xee\x1f_W9\xab\xa7`\x0bg\x02z\x00\xb7-o\x87]\xa2T\xea\x18m\xca\xab\x8d\x98\x03\r\xdd\x11b\xb4\xbc\xe5\x8a\x1d\xfc\xf4\xc6\x99\xf2\xf2S\xbf`\x1a#{\xd6\x1c\xb1\x9c\xc8yLd\x06\xc7\xd6N\xc5\xc7\x1b\x0fOl\xb0(\x0cdb]\x92|\x95u\xdd\xfdd4+\x95U\xd5\x16\xd9\x12\x84[Z(\xb1\xbe\x14(\x8f\x01\xef\xef\x7f\x08\x8bGX\x8d:d\x84\t]\xea\xebn\x85\xd8\xfb\xb1M\xf9\xdc\'\xd6M\xd7}=\xd3z\xf9\x03\x10N4\xba(\x99*\x1a\x80\xd1\xedjrG\x1f\\&gt;\xde\xad\xbaq \x8eU\x8a\xaf\x00\x00\xdex\x86\'\x02\xde\xc9\x0eA\xa5\xbcc\x08\xea\x08~\xdf\xba\xf4G\xd2\xbc\xe6z\x8e\xe6\x90~\xee\xc27]\x1c\x91\xf3\xb69C,\xcen\xc0\xc7\xb3\x9bg_\xd9\xb5H\xfe\x02U~\xce\xbb\xe6\x8fhY\x96C&gt;\xe0\xcb\xdd#\xed*\xe6\xd5\xb5\xea\x89E\x04 \xd0l\xbdr\x05\x82\xeb\xcd\x08\xad\xcb\xe5\xca\x1c\x95"(\xb7DT\x03\x83\xdc^\xea\x063P\x95h1B\x98\x91\\\\\xc5Mf\xbe\xe1\xd8\xb7d\x8c\'\x91u^L\x00Ljk\xb2f\xd4\xce\x9b\x02@\xcd\xdc\xc9\xe4}\xf1\xad\x83+\xf9\xa9\xcfw\x0e[.\x8d\x00\xd4\xf5\xf1\xf6+\x96\xd1\xfa#\x7f\x10\\a\xa6\xf2\x95q`\xe9\xb8f\xa5\xb2\xdc=\xb2F\x88\x95\xae\xeeYb\x91M\xc4\x9c\x8f\xd6\xe8MU\xcc\x140\xba\x0b$\no\xb4BX\xdf=\xb8U\xfa\x7f\x1ac\xda\xd7\x16\x0e#.\xf1\xfe\xfa&gt;\x93\x16\x1e_\xeb`$\x16d\x84\x80:\xf6V\xe0\xe6A\xc6\xe9\x8d3\xb9\xf4Pn\xf65\x9c\xa1{\xeb\xeb\xbd\xa3\xaa\xeb\xaf/\xef"wB`g\x8d\x16\xd4\x01\xa4\xaa\x80\xf6\x8a\xbb\xf9\xb3\x02@\xaf\xd5\x1fV\x8c\xe9JR\xf3M2Y\xa5\xe7^W&gt;c&lt;s\xf5\xa0\\g\x00\x1c\x14\x9e\xed\x1f\xe4\x12\x93+\xbb\xa2}\x8b\xc7&lt;\x95\xe20\x03X0\xa4\xadV2\xce\xd80\xb5\xaf\x89\rn  \xf6lm*\xe4V\xf5F\xca\x90\x04\xc0H\x16\xbcfbO\xd5\xf4\x9a\x90\xa8^\x01o\x93\xb2\xd8\x10\x10\xa6\x81\x12\xf1\xee\xaa\xc5\x10\xb29\x8c\x17\x1f.\xa5\x7fc\xdf\x7ffVR\xc5\xdb\x11\xa2\x15]\xbd\xe8\xc2\xa1\xed\xf8n\xf9\x0c\xf1\x88\xc8\x9c\x90Q\x06\x00\x13f\tm\x94\x05"\x8a\xa8\x91\xf1\xa62\x90b\x06\x85\x12\xbc{\xedbp\x7fW\xfa/C\xf1\xca{\xde\xb7a\x19+\xe9\x01\x8c\xed`f\xa8\xab\x1ajQ\x89Z\x94\xc9\xfe\xa7B\xa3=&lt;\xb9\xc1\xe4S\xd4B\x08L\x8df\x7f"\x12\x8e&lt;*\'\xa3@\xcc\xb6|4I\x15\x08\x9b|=\xfc\xc1\xddDl\x83\xe5\xe4\xe0\xf2\t\xb5\xf2$\x0fD)\xb5\xf3\xa6\xf0"\x02&gt;\xc9\x81\nt\xb1e\xe6@\xbc\xbcH\x14\x10\xf2\x89-\x0eE\x02\xa3\xb8\xf0\x00\x80\'\xad\xa4\xe0\xa0\xe6\x13"\xeb\xc3C\x11\xb9&lt;"\x98C\xd7@\x10\x80L\xcc\x07\xfc6\xc9!\xace3h\xb3\x04?\x1f\x06\xfa\xd4%NQ\\JL\xa2\x01~\x7f=\xc8b\xee8!\xd8\x1e\xa9C\x95\xfc9c\x07\x93+`\xf4\x08\x80\xc7\xa76\xad\x99\xd83\t\xd1\xe2\xe1\x1d,\xf2b\xcd\xea\xd7\\5\x12z\xd6-\x01 E\x08j_9_\xceX:\xf6\x88.M\x14\x8b$\x8d\x942\x14u\xac\xe2C\x8as\x89[`\x86\x1f\xf3\xc6\xfe\xa1Y\xe1/\x00\xc0\xd3\xb3[u\xc5\x0b\x85\x12GhX(m\x83Bi\xe5[BRn\x85\xe3\xa9B\xc6xGWOvm\xc5-\xc1\xd3\xd8\xa5\x82\'\xeb\x1f\x8a\xc7\x80o\xba\xd8&amp;&amp;L\xf3\x07\xb71\xd1q\xb1\x17L\xc3\xc2\xe98\xb4\x85f\x83\xec\x80\xb9\x91\x92\x8c\x8b;\x16x\x12\t\xb7\x06R&lt;\xe3\\\x92\xaf\x19\xc1\xe2\x020\xbeS]\x97\xd6 \xd3z\xf9\x8fnWSuqP\xd3\n\x1eD\xc07w+V(q\x84\xf8D\xc0\x87\x94!\xcd\xb6\x9f*\xe4\x8e\x13"]\x04\xea\\\xbd\xd0,I#\x1a\x89\x08o.\xeb\x1a\x97\xa8\xda\x9e#&amp;\x01\xa8d\xcc\xc9LD\x11\x88\xdaV\xcc\xb3e\xd6\xa0m\xb3\x87\xe0\xcb\xedu\x93\xd4\xcc\x8b&amp;\xe1w\xcc\x01\xc9i\x8b\x88v/\x1c)\xdf\x12U\xe5\xbf\xdbV\xccS:u\xcc\x03K\xc7eq\xa5c\x8dB\x14\x9c\xe8\xc3\x8d\x03i\xc3\xd3\xf1\xb5Se?\x0fYZ\x1c\x8e\xc8\xdcb\xc7\xa4\xda\x00:W/\xf8\x0e\xb8\xd7\x00\x00 \x00IDAT\xf8\xfa\xf2\xee@&lt;n\x05\xec\xe5~x\xc5D\xde\xe97/\x9d\r\x00\xf0\xd3JP\xcf\x80M\xd9\xf7{\x16G{\x9a\xb0\x94%\xaaZ\xad\xf2\xf3\x11\xbb\xc2}\x05`\x9djLF\x9d\xfc\xa9j\xe4J\n\xa0w\xfd\x92\xaa\xf3\x9cX\xf8}\xd3k\x9d\xc1\x89\x88D(\x9e?\xb5]\xfb\xa7!:\xacF\xae\xa4\xaas\x00\x00\xe0\xbd\xaam\xaa\xdd\xf4\x7f\xb9\xd9)B\x90K\xcd\xe7\xba\xc9}x\xd4\xca\x17\xeb\xfaxg\t\xe4\\\xe1\x84\xa0t\xce\x9e\x85\xa3\xc4\xe3;\x0c\xa2\xaa\x92\xc1:\x91Dr\xa9\x07\xa0\x92bU\xcd\xeeUR\x133\xc0-\x1c]=\x19\xc0\xd5=K\x80g\xbf\x9f\x9c\x0e\xb4%\x98.r\xc7\r1\xba]-\x95\xdf\xaf\xcbs\x95\x87\xf2\xc7\xf69Cd\xa7\x109\r\x80\'\xa77\'\xd1#\xa72\xc7\x8c\xdeM\x8cn\xa5\tGy\xe2\x85\x14S\x18#_\x82\xd02\x1f\xb2\x16Q\x89\x066)\x0f\xe0\xcd\x95\xdd\x07\x97\x8f\xe7]g\x08i\xc0\x9c\xd9&lt;[\xf8\xc7\xb1\xb4$\x10\xb6\xfc\xcbFu\x06^M\xee\xde\xe8\xf0J\xb5j=1\xd1\xfc\xc1m\x9e\x9f\xdfn\x12\xfcD\x86\xb6\xc7\xb2Du\xd8\r\x03\x00\xbe\x15H\x14\xaeE\x19\x9e\xfdqj\xc3\x0c\xad\xcb\x82\x16r\x8f\xe1\xc7}]\xe9\x8d9\x8a%\x8f\x92,X@&gt;\xeb&amp;\xf7\xd6\xf5\xa7s\xc9W\xe6I\xd4\xaeR\xdeW\x97vu\xadYXm\xef\x0f\xe0\xeb]\x00746\xe5\x8e\x04_n\xcf\xea\xdb\x0c@ \x8e\x0e\xff&gt;T\xa7e\x11V\x82\x01|\xe7\x88T\xf3\x07\xb7\x11\x17\xbd\x9c\x1f\x010Y\xb3M\x06\x90*\x94\x137/\x80xD\xb5M\xbf\n&gt;\xa9\x89\xe5}\xc1\x906\x86I\xad\xe1\xe7#}\x8e\xd6\xa0c\xb5\x14h\xd7]X\xd4\xb4\x03\x106\xa6\x00\x8c\x02\xab\x02?\xccu\x9e\x7f#\x06\x85l:\r\xb8v\x86\x90\x91&amp;\x9ck\xbf$\x11\xcf\xcf]\\\xdc\xee\xc4a%/\x00\x82\x83L\xd8\x89\xaf\x1c\xd7\xdd\xc4\xe0O,@V6w!\x89\x80\x8f\xba\xe5\x9a\x83OP\xa76\xcc\x10e1\xbd`\xa3\xc2\xe9\xcc\xd9J\xbc\x88&gt;\xdf9\xdc\xb8Hz\xc1\xd4\xabE\xf7\xda\xc5\xdaU\xca\x8b\x9f\x0ftY\x88#\x11u\xac\xe2\x13E\xb3\xb8\xde:\xb82{L\xc2\xc7\x1b\t\x89Jy\x1b\x1a\xd4\xcc\xee\xdf\xe2\xf0\xca\x89\xdcXq\x0etK\xd4\x1b\xd0Y\xbf\x1f\xbb\xf3\x9c\x03\xad|s\xca\x1d\xbexx\xe0\rXv\xcc\x1d\x06\xa0~\xc14\xda[\x19"RA\xaf\xf0n\xad\xbe\xdc\x9d\'\xd6Og;l#\x17\xb3\xff\x04\x864\xab$GGRqh\xd4\xb5`\x9c+\x86;\x00q\xba\x07\xc0\x16&amp;\x8d\x8bfP%6\xe1\xd6`qp\xea\xb0\x94&lt;\x84\xdaBc\x8es\xd0\x0c]\xe4\x8e\x1bB\xcbK\x1etpX\xb1\xf5S\xfa\x18}\xd8\r\n\xa5\xf5ve\x19\xdf\xb5\xa6k\xbfV\x15 y\xba\x99L+u}\xd4\xefHv\xdfojp\x12\x0fz\xe8\xcb)\xdd\x1b\x89\xcd\x9b[\x0f6,\x94\x16J\xb8c\x15f\xf6m\x06 \x83\xf1\x92e\x85F\xf1\xdc\x96\xb9\xa2\xbb\xde\\\xd9#\xaeg\x8b\xceq\x13\x03\xba\xb1JVOUHQ\xebhS&gt;74\xf6-\x81X\x00\xb4\x80\xc2\x9b\xe62\x19\x00|\xbe\xc5e]\xda\xb1P\x9bf\xf7\x82\x91\xad|s^\xdb\xbb\xd4:\xa1\x8d\xc0\xa6\xe9\x03&gt;\xdf&gt;\x0c\xe0\x9d\x01\xe5\t\x80\xa0\x84]\xb4\x0en\xa8|b\xed\xdf\xd8w\xc1\x90\xb6\x8f\x1c\x8e8\x0e\x98\x98~&amp;T\xb4\xbb\xf9\x12\x846\x8a(`\x9d\xf2\xd6\x04E\x92F\xe2\xcax\x11\x11\x11S\x18\x18\x05\x9c\xf8O`\xc7\xdcaGWO\x01\x00&lt;\x1d\xda\xa2r\x99\xb4\xb12\x18\xec\'V\x8d\xef\x0eg\xf6\x12\x01\xad\xb0U\x00\xea3\xf8/q\xa5}\xe5|\x9d\xaa\x15\x14.\x157\xf6/\x87\xf3&gt;\x17x\'\xa6\x82\xc2\x92i\xad\xc3\xe3\x0e_\x00\xc8\x1c\xfd\xc1\x88\x1a\x17\xcd`\x14\x99!\xe8\xd0~\xd8\xcc\xa2\x1e\x93\xa8O\x03\x1d\x02\xce\xe9\xbd\xfc\xdbV\xcc\xe3xV\x8a\xd3\xeb\x12F\xbbR]{\xa4\x90\x9a(T\x00\xf8 \x9c&gt;"\x01\xb8\xaa\xc7\x83\xc8m1\xb7\xb9t\t\xdd`\x9f.\x91;n\x08#\xadH\x10\xa7N\x15R;\x8b\x8a\x01\xe8F^3\xc2\xae\xf9#d\x92"\x15\xc2\x13\xe1\xf5e\x15s\x06w8\x00\xeb$B\x81\xc0\xa9\r3\x9e\x9c\xde\x0c&lt;\x93\xa7?m\xe8s"\xfa\xf5\xf8T\x8f:\xc58\x81J[\x96N\x8fc!\x82\xf3\xb6\xe3\xd5\xa5]Fo\xa4\xa1#F\xde\xdf\x15\xff\x86Q(K\xb9K\xf1\xf3\x81\xacc#"\xf1\x82\x8c\xa6\xf5\xe4!(&amp;\xd1\xb0\x96U\xd8\xc8;GL7br\xb9\xfc6\x98\xc2\x88\x94\xb09\xc2\xbaW\xee\x96\xd3\x9bf\xfd\xed^\xfa\x03\xe0J\xcf\x1d\xd8J\\a\xcd\x86,\x1f\x04~i\x1f\xac\x9b?\x95\x98\x93J\xa4\x8c\x8a7\x97\xb59\xcb?\x9f\x9f\xdf\x9e\xdb\xb27\xc4\xf2\xd1]\x86\xb6\xa8\xac\xca\xa7W\xbd\x12\xc0\x07y\xef#\x10\x96\xe8\xeb\xbdc\x163g\xec]&lt;z\xfb\x9c\xa1\xda7\x04\xc0(\x04\xab\x00\xd3sF$*\x9e2\xea\xbdc\xeb\xcc\x13\x0b\xe30]\x9du\xda\xf0N\xb6+\x93\xba5\x94\x85\xce\x1cn\x82\xad6-B6\xbc\xd3\xa5D\xaf\x9c\xd5\xd3\x84y\xff\xfd\xf5\xfdpv\x94\xfb#H\xa8\xe8r\x03\xf7I\x00\xe8\\\xbd`\xa0\x15\xb9\x8d\x8a\xa8y\xcd\x8c`\xc4y c\xf3\x8c\x81\xde\xa1Ie9\xa6\xa8@ub\x0e\x07\'\x12\x06*\x952\'\x08\xf4Q\xb5D\xca\xa8p\x06\xb3\xf3j\xede\x99{\xb2rVO\xbc\xbc\x00\xa0\xaa\xb4Z\xe7\x88I\x17w, \x9d\xad\xc3sH\xd1\x9f\x88\x88U\x80\xdaj8\xca\xfezG\\9\xb9~F\xa0_\xeb\xe7\xdb\xfa\x9e\r\xe9\xc2\x13\x11\x15\xf0\x0c\x97*\x14\xd5/\x98\xda\xe2\xc8\xa9_ \xb5X\rY\x17]4\x99\xd3\xf2\xf8\xf1\xe6\xc1\xba\xf9S\xa9\xdc\x00\xe5}\xaf\xee\x06eT\xdb\x9a\xaa)!\t\x11\x80&lt;\xf1B29\x9dw\x18\x8aC$\xfb\xc93\xdb\xf1\xff\xc0\x02\x10\x83h`\x93\xf2\xdf\xee\x1f\x93\xeb\xaa[uY\x10\xed2\x0e\x8e\n,1T\xed&lt;ts\xc8\x14\xc5\x11\xccHJ\xf6\x81\xff\x08e\xf0zd,\x18\xd2\xd6\xe5\x997\xacR\xban3\xf1\xeb\x91y\xd3\xd2\x84\xa5\xe1\xad\xaa\x8a\r\xbeu\x00\x9f\x04\x81\xbe\x98a\xfb5*\xd3\xab^\t\xe1k\xa6\xad\x15\xb3X\x8b\x9f]\xaa\x172/\xa5z\xce$\x1c\xda3\xd0\x00\xd0\xb4d\x96\xa0\xe4\xa0E\xe3"\xe9\xb9]o\xaf\xee5O\xd9\xa2L\xf6\xd7\x97w\x01\x01\xa4\xb3\\\xa5G\xa76\x1a\xf1\xc8\xf3qdb\x97\xfa\xd6\xbd[\x81W\x03\xfc\xcb\xf5\xaaWB\xbe8\xb4y\xe5S\x1bgZ\xcc\x81\x88\xee\x1c^]\xd0\xcb\xf1\xe2\xfa\xfb\xf9\x02\xd8\xbd`\x84\xabr\x7f.\x18\xd2\x16@\xde\xf8\xa1\x1a\x16v\xad,\x95!\xdc\x92\xbf\xde;\n\xe0\xc1\xf1\xf5\xf8x#mx\xfd\xb00\x00V\x8d\xeb\x0e\xe0\xf8\xda\x80\x88\x1al\xd4\'S\x98$S\x8e\x9c,U\xb7\xf8\xdeUCt|\xa7\xbaP\x1f\xf7_\x00p\xa9o\xaf\x92-\x91\x95-a\xe5\xac\x9eONo\x9e\xd6\xd3\xcf&lt;\x19\xc7\xef\xecV\xd3P\x1f;\xc0\xcf\x17\x00\xbb\x9d\xaa\xe2\xf3\x08\x08\xb3\xf5\xc7\xa77\x8fn\xe78s\xf4o\xec\xcb$\x13n\xd94\x86p\x87\xcb\xe8\xdf\x87\xfcR\xf3\xc6\x0f\x05&lt;\r\x08\xe9\xf0\xec\xacfV\x02\x94\xf0\xb6\x7f\xbc\x0e\x9a\xc1\x84\xb6\x15\xccf\xdb\xda\x12\x05\xa0\xc8\x81\xe9+\xb4\xd5V\x17\'\x85Bc$\x922\xd1\x1aP\xe6O\x10fh\x8b\xca\x9c\x8f[\xa3A\x0b\xd5\xa2+\xd7\xbf\x9e\x8f\xc3\x99\xa8s\xf5\x82u\xf2\xa72\'\xd5R\x81\xe9\xc9to\xa9D|\xac\x96w\xe9\x01\x1ft\xf0\x1cy`\xe98\x97G+&amp;\xece\\\xdc&gt;\x9f\x88\xae\xec^\xec\xd2(&gt;\x1c\x05\x10\xe6X\xdc\x97\x88\xc4\xb2`a\xf5\x84\x9e\xefo\xec\x97\xad\x1e\x04d\xebO)\x93\xb7\xf2*\xb5fb/\xddgMJ\'"v\x95\xb0\x82\x80\x002\xdf\xee\x02\xc0\xfbk\xfcK\xec*d\\\xdb\xe3\x14\xadz\xd7\xfc\xe1GWOq\x94\xfe\xcc\xc1,m\xe4\x12ED\xd5r$nX(my\x03\x92\xed\xbbG\xd6\xc0\xe0\xa0|q\xc7\x02\x0e\x84k\xf1E\xb8\x85\x99\xa6d\x01\x152\xc5\xffr\xe7H\x01\xbd\x08\x97*X\xf1|\x8aF\xe4\x93P\xed\x1c\xf6\x17\xf4\x8c\xff%\xc8\\z\xf2+\x8c&amp;\xf9\xf2\xc8wu}\xe7T\xa2:w\x11\x86H\xcbl\xee.&lt;\x89\x84\xcc7p4\xb5\xa9B\x13\x9e\x9d\xd3m\xe0\x99M\xb3\xa0\xb0ZZdB5\x02\x00\x953\x14K`\xc4O\xb7\x18q\x19~\xc52\xf4k\xa43\xbe9\xae\xe4\xa7\xdb\x87v\xce\x1f~|\xedT~\x83c;\xd4\x81^\xb4t+\x08\xe2\x17\xbeph;\xdd&lt;\x01\xd4\xf5\xf1\x06\xd0\xaeR^AJ\xaa\xe5\xef\xecY\xb7\xb8\xea@\xb0~r\x1f\xe8\xb1\x04\x1aA\x97#\x81y\xce\xe5\xa6\xc5"\xaa\x90)\xbeV\x01\x96X\xa9\xad\xec\x8a\x01 \xb5\xae\xdcMB\xd2`\x04\xe0\xda\xde\xa5\\\x8av\xbaZ3\xb1\xa7n\xb4\xdbb\xc9\xa30Gz\xa3\xc2\xe98Z\x06\xe3\xfb\x83\x13~\xc52h\xd3\xcb\x00 \xcc\xfc\xc2J\x17\x81o\xddk\x175\xda\x88\x04\xe2\x15?:\xb5iv\xff\xe6\x00&amp;\xb9\x13\xa6B\x14g\x14#(K\xd4\x80p\x0b&amp;H\x15\xca\xbda\t \x91\xb1C\xa2\x16\x81\xf8\x1e\xff\xefC\x8e\xba\xde\xa9ZAo7c\xad\xaat8O$J\x00\x19xu\xe9\xc5\x85\xed\xee\xd7\xcem\xb8mq\xed\x0e\xbc5\xcaI\x99\xf8\x93\xaf\x1c]=\xd9$\x07\x97Rp\x13\xf1=\x8b\x0e\xf6.\x1e-odz\xd6)\x1e\x88a\rg\xbdQ\xe0\xb0td\'\xc1\x0e\xc2\xf6\xc4B\xf9&amp;f\x04#KG\x00\x03\xfc\xcb\x05\xb1\x02Z\xb01\x92&lt;\x89\x98\xb8M\xc4 \xf2/\x96Q\xb0b\x14M\x16\x99gv\x97N\x92\x9c#\x17\xa4R\xa6\'\x96\xcc\xc6L\xa6`H\xf8p\xe3\xc0\x87\x1b\x07\x8c\x92U\xc9\x96\x88#a\x08\tu\x80\x91\xeb\xcf\x07y\xe3\x87bNSU#9\xbe\xb1n\x05\x8c\xb6\x0b\x03\x9b\x94\xe73q=\x1f\xefi=\xfd\x86\xb6\xa8lb\xa5JD\xd3{\xf9/\x18\xd26,\xd1\xb8\x8eu\xe4\xe6\x94\xf2\x8e.L\x0c&lt;\x89Z\x96\xcd\xe1\xb0\xb2}}\xc9\xca\xe4n%\x00$\x00\xc1R.\xd4\xb9\xe6H\x19\x8a\xf2\xc6\x0b\xa5\r\x92c\x83v\xcd\x1fQ8IDU\x94(\xab\x1c:\xceH\xca#\xfb\xcb\x1d\xd7I\x15\x8c\xedP{\xde\xa0\xd6n9\xce\xf3\x01\xd6D\xdd\x97)\n\roU\x95\xb7\x9f\xeed\xec\x02\xc5SF=\xbfm\x9ev\x1c\x8b\x9f\xeejVT\xe8Q\xa7X\xb6\x18\xd4\xadV\xd1\x8c\x91\r9\xae\x83\x1ev\x95\x11\xb88\n*4+\x95\x15\xaf.\x16I\x1aI\xab\x17\x95g\x04\xd5\xad\xc4D\x82)\xd3\x08MKfQ\x9e~\xb7dDG\xf9Vh\x85p\x8d\xb1\x7f\xe9X\xdd\xa2\x89(\x12\xd1\xb15S\x17\rko\xa4C\xf6T?\xf8\xe6\xee\x915\xfd\xfd|\xb7\xcf\x19\xe2|\xfd\xd7\x9b+{\xb4\r\x99\xd5\xafy\xef\xfa\xa5JI!\xae\xd8\xfeB\xfc\x1c\xd3\xbe\xd6\xfc\xc1j\x952\xe3\xd8\x9a)\x17\xb6\xcd\x0b\xe8\xa3\xafw\x0e,\x1d\xa7\x9b\xb2t\xea\x18,\x1c\x977j*\xbc\xbc\xb0c\xa0\x7f\xb9=\x0bG\xa9&lt;N\xb4\xfd\xbfnro-\xe1c\n\x8d,\xb8s\xf5\x82;\xe7\r?\xb7e\xce\xa1\x15\x13\x99\xee?\xb3\x87\xe3\x96p\x17\x00\x80g\xe7\xc2\x10\x15\xf4\n\x0f\xe0\xc6\xfe\xe5KFt\xe4\xbb\x0b\x86\xb4]5\xae;+\xb79\xea\x94\x82\xb7r)\xe2\xab\x97\x0fa2\x83\x88\nB\x96\x08@\xb5\xef\x94\xa5a\\\x92\xaemU]\x1fo"\xaa\x99;Y\xff\xc6\xbe\xf5|\xbc\xaf\xed]\x8a/\xb7!\xc5b2\xf1!\xd5\xca\x93\xff\xbb8\xb5a\x06&gt;\xdeP]\xd4j\xd8\xd87\x7f\xcb\xccAb\xa0\x000w\x8aI\x17\x81\xb4\xae\x892\x1e\x1c_\x0f\xc0\xa2Ow\xfe\x84aX\x0b\xc7\xfd^.}\x1c\x00.\x85\xdalD\x04@\x0cJ\x15\x84\x87\xb7\xb5Z\xb8\x8d\x05C\xda\xcer\x0e\xf3{y\xe7B"\xfax\xf3\xe0\t\x89\x19\xd8]\x00\xd8\xb7d\x8c\x7f\xf1L+\xc6</t>
        </is>
      </c>
      <c r="E331" t="inlineStr">
        <is>
          <t>&lt;class 'numpy.ndarray'&gt;</t>
        </is>
      </c>
    </row>
    <row r="332">
      <c r="A332" s="1" t="n">
        <v>330</v>
      </c>
      <c r="B332" t="inlineStr">
        <is>
          <t>steps_per_sec</t>
        </is>
      </c>
      <c r="C332" t="n">
        <v>4800</v>
      </c>
      <c r="D332" t="inlineStr">
        <is>
          <t>3.3512566</t>
        </is>
      </c>
      <c r="E332" t="inlineStr">
        <is>
          <t>&lt;class 'numpy.ndarray'&gt;</t>
        </is>
      </c>
    </row>
    <row r="333">
      <c r="A333" s="1" t="n">
        <v>331</v>
      </c>
      <c r="B333" t="inlineStr">
        <is>
          <t>Loss/object_center</t>
        </is>
      </c>
      <c r="C333" t="n">
        <v>4800</v>
      </c>
      <c r="D333" t="inlineStr">
        <is>
          <t>0.82433504</t>
        </is>
      </c>
      <c r="E333" t="inlineStr">
        <is>
          <t>&lt;class 'numpy.ndarray'&gt;</t>
        </is>
      </c>
    </row>
    <row r="334">
      <c r="A334" s="1" t="n">
        <v>332</v>
      </c>
      <c r="B334" t="inlineStr">
        <is>
          <t>Loss/box/scale</t>
        </is>
      </c>
      <c r="C334" t="n">
        <v>4800</v>
      </c>
      <c r="D334" t="inlineStr">
        <is>
          <t>0.05975579</t>
        </is>
      </c>
      <c r="E334" t="inlineStr">
        <is>
          <t>&lt;class 'numpy.ndarray'&gt;</t>
        </is>
      </c>
    </row>
    <row r="335">
      <c r="A335" s="1" t="n">
        <v>333</v>
      </c>
      <c r="B335" t="inlineStr">
        <is>
          <t>Loss/box/offset</t>
        </is>
      </c>
      <c r="C335" t="n">
        <v>4800</v>
      </c>
      <c r="D335" t="inlineStr">
        <is>
          <t>0.23234633</t>
        </is>
      </c>
      <c r="E335" t="inlineStr">
        <is>
          <t>&lt;class 'numpy.ndarray'&gt;</t>
        </is>
      </c>
    </row>
    <row r="336">
      <c r="A336" s="1" t="n">
        <v>334</v>
      </c>
      <c r="B336" t="inlineStr">
        <is>
          <t>Loss/total_loss</t>
        </is>
      </c>
      <c r="C336" t="n">
        <v>4800</v>
      </c>
      <c r="D336" t="inlineStr">
        <is>
          <t>1.1164372</t>
        </is>
      </c>
      <c r="E336" t="inlineStr">
        <is>
          <t>&lt;class 'numpy.ndarray'&gt;</t>
        </is>
      </c>
    </row>
    <row r="337">
      <c r="A337" s="1" t="n">
        <v>335</v>
      </c>
      <c r="B337" t="inlineStr">
        <is>
          <t>learning_rate</t>
        </is>
      </c>
      <c r="C337" t="n">
        <v>4800</v>
      </c>
      <c r="D337" t="inlineStr">
        <is>
          <t>0.001</t>
        </is>
      </c>
      <c r="E337" t="inlineStr">
        <is>
          <t>&lt;class 'numpy.ndarray'&gt;</t>
        </is>
      </c>
    </row>
    <row r="338">
      <c r="A338" s="1" t="n">
        <v>336</v>
      </c>
      <c r="B338" t="inlineStr">
        <is>
          <t>train_input_images</t>
        </is>
      </c>
      <c r="C338" t="n">
        <v>4800</v>
      </c>
      <c r="D338" t="inlineStr">
        <is>
          <t>[b'512' b'512'
 b'\x89PNG\r\n\x1a\n\x00\x00\x00\rIHDR\x00\x00\x02\x00\x00\x00\x02\x00\x08\x02\x00\x00\x00{\x1aC\xad\x00\x00 \x00IDATx\x9c\xec]c|\x1dO\x1b}j\xdbN\x91\xd4F\xea6m\xaa\xd4\xb6m\xa7Mm\xdbHm\xdb\xb6m\xdb\xb6\xff\xe7\xfd0\xb9\x9b\xb9\xcb\xd9\xbd\xf7\xa6i\xdf\x9e\x0f\xf9\xdd\xec\x9d\x9d\x9d\xbb;;xp\x0e\xd1?\xfc\xc3?\xfc\xc3?\xfc\xc3?\xfc\xc3?\xfc\xc3?\xfc\xc3?\xfc\xc3?\xfc\xc3?\xfc\xc3?\xfc\xc3?\xfc\xc3?\xfc\xc3?\xfc\xc3?\xfc\xc3?\xfc\x83\xa3\xf8v\xff8\x00\xe5\xf1\xd8D\x00\xea\xe4\xf7\xc0\xe7\xdbD\x94\x98H\xb5\x98&gt;\x92\x12U\xce\x96\x84}NIDD9c\x11\x11\xd5\xcc\x93rp\xf3\n\x96\xdbLDa\xb9\xcf\x89\x88\x92Y\xaad\xde\xe0v\x86?*W\x1c\xcd\xaf|kx\x99\xba\\\xbd\x82iL\x957\x85BI\xc3\xbb\xaer\xc7\x91*\xa4\xe6W\xd1\x82\xb0\x19\xae\x06\xecqf\xd3l\xc3\xf2w\x8f\xaee\x9f+fI\xc8&gt;d\x8a,/V1k"S\xcd\x18\xdc\xbc\x02\x80\xf7\xd7\xf7\x0b\x96\xb7\xf0jkaB\xd7zS{6\xb1\\a\x91\xe4\x91\x9c\xd5\x92\x7f\xd0\x83_mo\xd6\xcf\x0e.\x9b\xd0\xb7Qi\xe98\xf0\x1e@\x13\xefL\xcaG\x98?a\x98\xee\xb5\xbcs\xc4t\xc2\xd5\x0f\xad\x98xd\xd5d\x0b\'&amp;q\xc2\xc5\xcd\xa1r\xb6$\x03\x9a\x94\xab\x96\xd3\xda\x14\xf3\xf7\xa3X\xaa\xa8!\x89R\xe8\x96\xd1\x9eC\xad\x80\x1f#\xcem\x9d\xeb\xd4\xba\xd5\x11\xdfLa~\x02\x18\xd2\xb2\x92aa\xe5A\xbfZ\xdef.\xa8\x8e\xa6\xc5\xb3\x88\x17^7\xa5\x8fH1\xc1a=U\x08\xf1+\xab\xa0s\x95\x82\xee\xda\xcb\x85\x7fp\x1a\xd8k9\xb3o\x0b\xe9\xc8\xd9\xcd\xb3Y\xc7e\xff\x0ek]e\xe58?\xd9Y\x00\x0e\xad\x98h\xf9\xa23\xfa4g\x9b\x80\t]\xebu\xaa\\\xc0r=A\x866es\x05\xfdE\xf1\xe2&lt;\xffo\x9a0\xf2\x02]\xab\x17\x0e\xb2\xc6\xe8\xa3Z.\xb7 \xbeb\xad\xbc\xa9\x86\xb5\xaa2\xb0i\xf9z\x05\xd3\xbc\xbd\xba\xf7\xd8\xdaiZ%M\r\x82\x16\x10W\xed`\t\x8f\xe8\xd2\x04\xf0\xf2\xe2Nv\xb0h\n\xc5\xaa\x9e\xe8\xe3\xcd\x83\xaaCj\xa5\xac\x89\x9d\xd9J\r\x8cj_\x83\r\xd4\x05\x12\x85\xd5)\xf6\xf3\xe1\xc9n5\x8a8\xf7\xd2\xc3\xdbT\xd5\xf96:\xd1\xfe%\xe3\x9c{\xc5\xbf\x195\xf3\xa4\xcc\x1e\xc3\t\xf5\xf8\xd5.\xc6zm(\xdb\x91,Q\xc9\x9f\x9b\x1e$\xa8\xf6\xda"\xc9#i\xb5"\xb5\xfd\xf8\x15K\xb7\x19\xc9\x89\xf2%\x08MD\'\xd6M7jrP\xe0\xf8\xda\xe9\xa76\xcc\xe4\x8f\x9c\xde8\xcb\xd5\x17ew@\x0b\xb9b\x13\x80[\x07W\xba\xba\x19.\xc5\xabK\xbb\xc6w\xa9\xeb\xdc:\xf9\x9e\x995\x9a\xa3\xd3\xa4\xfe8\xa5\xdf\x0c\t\xfae\xc2Ym\xdb\xe0\x16\x15\xb5k~_9\xbb\xd0V\xf9\xd6\xc1\x95!\x88\xdct\xcb8\xd1:$\x82l\xd1\xe9\xcb\xdd#\x96O\xffz\xf7\xa8\x13\x1b\xf3g\xe0\xe3\xad\x839\xf5\xc7T""\xfa\xf1\xf0\xa4\xecY\x96\xcf\x9c\x80\xff\x17\xf8"\xeb\xb5Z=\x18\xc0\xe1\x95\x93d\x07s\xc5&amp;U#\xf4\x95\xdd\x8bK\xa66a6\xca\x16=\xa0\xcf9n\x0b\xd4[\xd8p\xf0\xef\xd7R\xbf\xc0\xc7\x9b\x07\xcd^ZZ\x17\xa7\xb7\xdd\x94k{\x97\x8ej_\xa3N~\x0f\xcb\xbb\xdb\xa4D\xa9m\xf3\x02\x80\rS\xfbY\xadI\x0e\xad-;\xf0\xc6Y\x97\x90a\\\xe7:\x00J\xa6\t\xec\x18\xdb\xe7\x0c\x0b\xa5s\x82\x18\xb6\xf8\x0f\xae\x95\xcf\xdd\xcb-\xd2\xf4^M{7(e\xa1\x86\xb1\x9dj;\xdc\n\x1a\xd3\xb1\x16\x14\xe8T%`\xbf\x0b`\xe58\xbf\xd8D\x8fNn\xb4|\x89\xbf\xc3"Y"\xb53\x96\xae\xff \x02\x00\xbf\x1e\x9f\xe2\x8f\x94\xcb\x18\xafG\xedb\xfd\x1b\x97\x91\nH\xd0q\xc5\xb4*\x9dSub\xc8\x1c\xc5iM\x9d\xec\xd7\xc8)\xf5D\x11X\xbf(\x7f\x8b\x83\x16L\x9d\x0b\x9dX?#&gt;Q\xd3\xe2\x99-W"\xddc\xfd\xd5\xa5\x04\x9f\xb4\x02K\x03\x05\x12\xdaVR\xae[\xfd5/\x99\xb5u\x19;\xdbZqw\xa79\x83G\xb4\xad\x06\xbc2{\xd6\xfb\x1b\xa2.S}\x00\xc0\xfb\xeb\xf5\x0b\xa7#\xa2\x8c\x91\xe8\xed\xd5\xbd\xb2\x99\xa0MYO\xe0Ud\xa2\x96&gt;9\x9crEA\\\xdf\xbb\xec\xc0\xb2\xf1\xaa_\xa9\xd8\xa7\x82\no\xae\xecqbmY\xa2:\xb1\xb2\xbf\x0e\xb5\xf2\xa6\x92\x1d\xc9\x19\x8bz\xd6-\xce&gt;\xf3}\xb4[\xcd\xa2\x19"\x12\xfe{\xc4\x17\x06\x00|W\xeem\xbb\xd7*\xda\xacD\x96&gt;\r}\\\xdd~-,\x18\xda!\xa3\xd5\xfdB\x90E\x1dl\x9e9\x90E\rM\xef\xdd\xec\xfa\xbeeZ\xc5\x04g\x9f;\x87W+\x0fz8\xbe\x84\xfe\xdd\x88\xfd;.\xda\xbcdV\xe5\xc1\xb9\x83\xda&gt;9\xb3\x99\x88^\\\xd8\xe1`\xfd\xfc\x9b\xb5w\xf1\x18\x91Sv\xcc\x1d\xb6~j_\x07\xaf\xdb\xb3n\x89+\xbb\x17\xf3mx\x7f}\xff\xdd#k\x1c\xac\xd6\x89\xcb\x82\xcb;\x179\xab*\x86\x12\x1e\xd1\x9d[\xe1_\x8e\x88\xdcg-\xc3%\x9b\x06\x94[Z\xa9\xc0\xf5}\xcb\x80o\xd2\xbf\x1e\xa1(\x82Q\\A\xee\xb8N[f\xb7)\x9bk`\xb3\xf2\xeb\xa7\xf6S\xf6\xcb\x88\xaa\'h\xa0\xa1Wz\xbf\xda\xc5\x9c\xd5*}\\\xde\xe5h\xbf\xbf\x7f|\xbdSZ\x12\x1c \xeb\x84Z\xc5Z\x95v\xd5z\xd9\xc2\x88\x96\x9c\x88\x88N\xae\x0ft\x0e\xe5\x8d\x1f8\xfd\xfe|tJq\x86\x1cl\xb6Vx\xf7\x9d\x86\xd6es\xf1\xbf\x0b/\xce??\xbf]\xab\xb0\xfc\x95\x07\x88\xe8\xf1\xa9M.k\x9d\xedB\xaf/k}e-r\xac\x82-\x94\xd6\x19\xb1\x8a\x7f;\xf0\xfe\xba\xe4o\x19\xd9\xae\xba4\xb2\x8fhSM\xf9J\x00\x8fe\x13\x80\x14\x81\xd7\xbeb^\xe0M\xd5\x9c\xc9\xa6\xf7jJDy\xe3\x87\x9a\xd1\xa7\xb9\xbe\xf1\xc1\xe9\xb6\x85\xfc\t\xd5_\xa5r\x99\xe2o\x98\xd6O\xb0\x92i\xbd\x9a\x9a\xba\xa8\xd3\'\x8c\x94\xc2\xd3\xa2\xeb\x8c3\xc1\x07;\xe6\r\xef\xd3\xc0gx\x9b\xaa\x83\x9aUp\xe9\x85\xf0\xee\xaa\xb5\x9d\xc7\xa8v5T\x8f\x8b\x0c^\xf1\x89R\x98\x0c0\x15\xc7\xbb\xeb\xfb\x04\x8d\x84\xaa\x00\xe0\xe9\xdc\xd0]\r\xe8x\x00\x9e\x9d\xdd\xaa\xf5\xd5\xaa\xf1=\\\xd1\x98?\x0cq\x886\xcf\x1c\x94\'\xbeE\x9fb\xc6H\x04`@\x93\xb2\xd2\x11id\xaf\x9d\xcf\x1dO\xcel\x9d=Dy\x96\xea\x0e \x04\xd1\xf7\xfb\xc7M]\xdd\xf1\xf1\xcby\x1e\x07=\xc4\xd3\xfd\xf6\xbf\'\xa7\x89\xc8\\\x8a\xce\x9f\x894a\xa8I1;\xd7\x85\xa0\x83]\x06\x00\xb2\xf0\xa6\xe4F\xa70c\xbaS \x8b\xe6\x920\xbaCM\xa7\xd4\xcf\xde\x8b\xfa\x85\xd3\xe1\xd9Y\xd9W\x96M\x94Z\x88HT.\x93\xe6\xf4\x01\xe0\xe4\xfa\x19\x96+W&gt;\xa6`\x85\xff\x877N\x08\x96g\xe9Rib\x86 \x020\xa1k=\xe9`\xfa\x08v\xaeE\xd57\xb3K\xd5B\xaaf\xa2"n\x81\x1d|\xf7\xc2Q\x15\xb3&amp;\xeaP)\x9fa3\x9ch\x08\xfa\x8d\xc8`\xca\xd2DDD\xbd\xeb\x97L\xa3;\x82&amp;"rJ\xc2\x9d\xeb\xd0\xa2TvS\xe5\xa7\xf7nFDGWO1\x15\xbe\xb2nJ\x1fiS\x1f\xfc!\xbd\x14\x11~o;4\xe0\xc8\x9e\xc0\x02\x92\xba\xacf\x96\x97\xe0\xfe\xe7{\xbc~3\x80\x17\x05\x12\xcb\xc7!\xfd^\xa2:\xfaK\xa8\x9c-q\xfd\xc2\xe9\x82\xa6\x93\xe9w\xaf&lt;\xf1B\x02O\xb6\xcf\x19\xc6\xfe\xd5\'I\x08M\xd4\xab^Ig5\xcc\x10\x00\xf0\xe1F\xbfFet\xcb&lt;\x05\xa0\xb32-\x98\xc4t\x04y\xb1T\x81\x11\x12O\xcfn1{\xba\x0cKG\xfb\x9a*\x0f\xa0L\x86\xb8\xddj\x16];\xa9\xb7\x89\xb3~=,\x98X\xe5\x97N\xf1k\xa4\x93\xfbri\xe7B\xf6\xa1h\xf2\xc8ZN\xfe\xd8D\xaf.\xed\xd2\xbfz\xdbr\xb9E\x1bJ\xb4|lwG\xc6}\xd5\x9c2A\xd4\xce\xe7\xee\xc0\xd9&amp;p\xff\xd8:\xe9\xb3\x13\xa7\xe5\xac\x7f\x13\x19H\xd0\xc0uK\x0c\xc3\t\xe0\xf6\xa1U\xcb\xc7v\xb3P\xb3_\xedbm\xcaz*\x8f[\xdb\xc7,\x1a\xde\x89\xffW9L\x98\x9a\x87\x82\xd8\xa4\xee&amp;P\xe6\xc4:\xcd-\xbcG(\x92\xc5P\x8a\xe0\xf7\xba\r.\xed\\xy\xd7\xa2\xc9\xdd\x1b&gt;9\xbd\xb9N~\x0f\xc1\xb3\xba\xd5(R,UT~/4\xa6c-"\x02\x90Z\xc3H\xd1\x9f\xb3j:\x08\xbc\xbd\x12\xf89\x10\xea\xb9\x11\x00j\xe4\xd6g\xc4\xf8\x07\xa7a\xef\xa21\xfa{\xe8\xff\x0bt\xadn@F\xd6\xb1R~k5\xcb\xa6\x81\xd2\xe9b\xaf\x9a\xd0\x83\xb1\xc2Y\xc6\x94\x1e\x8d\x95,W\x96\x01|\xe1\xff-\x988\x9c\xfe\xcb\xa7\x7f+j\x05\xd5\x1aJ\x1f\xd9\xa2\xff\xee\x16XE\x12"}b\x0f\x00\xc0\xab\xe5c\xcc-\x1d\xde]\xdb\x07\x80\x0f\x9aJk\x9b\xe8\xab{\xaa\x18)\xeb\x14Hm\xaa~q\xc8" T\x0b\xb8\xe8\xd2\xe2`m\xd0\xf2\x0cD"\x02\xbe*\x8f\xff\x89\xd1\xc3\x11\xb8\x1b\xee,\x17\xce\x9f\x84G\'7f\x140=;2\xe0\x16J\x12~\xd9h_\xa9\xc7\x7f\xb8q\xc0z]\xda\xb0\x9c\xd0X+\x9f]N\xc3\xabK;\x1diF\xcd&lt;)-\x9f\xcb2\xe0\x1az\xa5\xb7p\xae\'\xb7\xf3\xaf\x90%a\xa3"\x19\x94e,\xf0\xc2\xc44\xd9\x1eS\xdb\xf9\xb5\x93\xf5l8\xa5\xd2\xa8G\x7f\xc9vl\xa6PW\xc1\xa2zt\xf5\xd4\xa0\x8f\xf8\xd6\x9f\x00$8\xde\xb0k{\x97\x8a\x14;\xb8l\x02\x9f\xb4\x98\x80\x9b\x1dMa\xe5x9\xdf\x97Y\xd4\xc8\x9d"}\x04\xaa\x90%\xe1o1\xe6\xa4\rG3\xfa4\xff\r\x17\xfe\x8d\x00\xe0\xba0\xad\xa0\xc92OA\xb4k\xc1\xc8\xe8\x96\xce-\xe1\x11\x1d\xf8\xc1\x1f\xd9&lt;s\x903\x1a\xa5\x02\x1d\x9a\x8d\x07\'6Dv`\xe9\x1778q8\xbb\x87$\x00m\xcb\xe5\xd6\xff9\xf1\x8d~/\xfb6\x96\x91\xdf\x85\xc7\xdeEB\xb9Q\x12"\x10\xe5M\xe0\xaaU\xeb\x8f\x87\'t\xbe\xd5\x9f\x00\x00\\\xda\xb9\xb0l\x86\x80Y\xbdE\xa9\xec\xc3[W\xdd5\x7f\xe4\xbc\xc1\xed\x0c\x13\xb2[\x94\xca&amp;U\xab\x1f\xd87\xaes\x1d\xfe\xdf\xdf\x98\xc4\x1b|0op\xbb\xdf\xdd\x84\x7f\x10\x83l\x8d\x12\x93\x0b(\xec^\xb3(\xfb\xc0f \xfd\x81F\xb6\xd6\xf8\xfe\xc0D\x1cj\xc1$\xce\x19v/\xef\\\xe8[\xc3\xcbY{\xff\xd9\xfd[9\xa5\x1e\xcb\x00\xd0\xb1r\xfe&gt;F\x14:]\xaa\x16\xd2\xf9\xf6\xe2\x8e\x05\xee\xa1\x08\x80\xb8\xf8\xc1\x8b\xf3\xdb\x89\xa8l\x06\xfd\x98\xdb@0\x12M~\xe0c#fL\xa2\x9f\x8fN\nV\xe2\n\x00xyq\xa7\xd4\x1f\xa4\xd9\xa2j\xcedN\xe9$\xb2E\x8f ,\xefHd&lt;\xb8Y\xa3\xd1\xb3s\xdb\xa4\x7f\xd3\x07\xcfP\xa7\x7f\x08\x9e\xc8\x10\x91\x96\x8e\xea\xaa\xfa\xd5\x85\xed\xf3U\x8f\xb3({\xf5\xda"\x10\xbe\xdf;\xbe6\x90.t\xc1\xd0\x0e\xe2\x8d\xd1\xda\xa7&amp;$\xca\x97 4\xb3S\xf3\xab0\xcf8\xb4u\x96JVD\xbfFe\x9ch\xf9\xdd2k\xb0\xb3\xaabp";\x93\x04\xfc\xb8/RLt,\xb7!mX\x13i\xdb2\x07\xf8\xf3\xf3\xdb\x00T\xce\x96\xe4\xeb\xbd\xa3\xfa\x0bmG"mD \xdb\xca\xb0\xd1\xdfl\x06@K\x1f\x13\xf1\xb5\x86\xa9\x8b\x83\x9aU\xe8Q\xa7\xb8\xf4o\xfb\ny\xcd\xb5\xc6\x1ef\x1f+\x83\xb4\xb0\x93\xb0fR/\xad\xc2\x7f\xa0?"\x18@+"B\xc2\xd1\xd5S\x9cBs\xe8\x08\xb4\xe2\xf6\xe6\x0ejc\xa1\xb6\x8e\x95\xf2\x03\xb8\xb8c\x01\xfbW\x99z\xa3\x03\xc6\xd0YC\xcc\xee\x1f\x9f\xe8\xdd\xb5}\xe2\x95o\x9d5\xc40\xbb\xc1\xecH\x94\xdau\x8c\x01\xbf\x03\x00\xcen\x99\xe3\xbc\xda\x9e\x01(\x97)\xbe\xa02A\x02\xa2\xf4\xe1i\xdf\xe2\xb1\xfa&lt;\xf8\x8e\xa3{\xcd\xa2\xaa\xf6\xa2\x8d\xd3\xfb;\xd1\x84\x95@\xf7[\xe7\x86%\xe5\x89\xa7i\x9d:\xb2R]\xdf\xa9\x81%\xdf\x98\x12\xffX\xde\xec \xb8\xff\x92\xfc\x04\xe6s\x95\x9c\x8fQ\xed\xf5\x9c\xf5\xddk\xc9\x97\t\xe2\xd86{(ceiU:\'\xd9\x16\xf8xu\xd1\xcbM\xefw+]\x8b2X\xf6\x85\x00O\r\xcb\xc8\x96\xe7ZI\xaaNG\xd0K\xaa)\x01\xfc\x00\xbeO\xea\xd6\xc0\xf1\xaa\x9cn\x87\xb0\xb0\xa5kQ2\x9b\xd6W\x17w,PVxz\xa3\xbf~\x85\xe2\x06\xcan5\x8b\x8c\xedT\'kt\xbd2\xe53\xe9\xcf\x11\xce\x01\x80\xdd\x0bF\x1a\x16K\x17\x9e\xba\x9b\xd7;\x8bC\xf4O#\xcc!\x047\xd6\xed\x08\n\x1a\xce\x99j\xca3f\xb1qz\x7f"\xaaW0M\xeex!X`\x8fL\xf3@\x86\x87\'6X\xb8JK\x9f\x1c\x1e\xa1(\xa7\x19\xfa\x18\x89\x94Q\xc2\x80&amp;\xe5,\\:x\xc2\xcb-\xe2\x92Q]~w+\xe4\xe8\xd3\xc0\x98\x9ev\xf6\x80V\x12M\xbf\x04\x00\xed*\xe4\x11\xb9D\x9ex!x\xa3\xbf\x12=\xeb\x96\x90\xbe\x9d?\xa4\xbdV\xc9\xad\xb3\x87\x98\xd5\x97\x960\xa9[\x83\xeb\xfb\x96=:\xb5\xa9\xbag\xf2D\xcc:\xfa;\x02R\x01\x08F4\xa8\xc6\xefj\xc1\x14#E\xceX\xce\xa7\xdc\xf8\x07\x97\xe0\xfd\x8d\xfd\xae\xe8\xa6\xca:U\xad&lt;\x00\x0e,\x1d\x8f\xd7\x97\xac\xb5\xe1\xc7\xc3\x13\xadJ\xe7\x00\xb0v\xb2\xb1\x92*\xeb\x91\x0b\x87u\xcce?a\x8clW\xdd\xc2\xa5\x1d\x04\xde_sJ=C[V\xe2\x83\xa3Z\x94\xca\x9e^x\xd5\x1a\x9ah\xbaI\xd2=\xb3\x18\xd1\xb6\x9a\xe5s_^\xdcq\xcf\xa6\xd2\xae\x8a\x90Dk&amp;\xf5b&lt;\x04\x97w-\x02\xc7\xa7\xa2\\O\xec\x9c7\x82\'\xf8\x1b\xd5\xbe\x86j\x97{~~\xdb\xa2\xe1\x9d,\xbbl\xca\xa4\x8f\x0b|\x1c\xd5\xbe\xc6\x933\x9b\x13\xeb\xe6r\xea$]\xea\xbf\x0bZd\x8b&lt;Dd\xa9\x18#\x88\x8b\xf0\xec\xdc\xb6\xe0\x90\x8d\xe1r\xe8[6\\\x07&lt;=\xeb[\xdd\x0b\x9fn\xea\xc8\xd1\xe9#g\xac\x80~\x06|t\xc5\xa3\x92\xc5\xb3\xd7/\x9c\xaelF\x15\xc7\x15\x00G\xc2\xd2\xf1\xf6J\xf7ZE\x01\xc8\xf4\x12T\xc1\\\xdfGWO\x91\x1d\xf7N\x19\xa4FM-%\x10\xb2D$\xc0\x86\x18)\xaf\x1b\xf8$~n\x97j\x85\xff\xdc\xb7\xf4\xf9\xf9mQ\x89\x80\xaf^\xc9"\x8ej_c\xdb\xec\xa1=j\x17\x0b\x12\xdeL!\x04tK\xfcR~5\x83\x1by\x95\x040\xfaxtj\x93)V\x8c\xdf\x85\xe6%\xb3\x02\xd86{h\xe7\xaa\x05\x7fw[\\\x0f\xa7\xe8\x00\x0bbX\xeb*a\x89\xaa\xe5r3\xcc\x82\xd1\xc1\x84\xae\xf5\xb6\xf8\x0ff[\xc5\xcb;\x17\x954\xa3\x06W:}\x9c9\x03M\xfb\x8a#\x11It@&lt;\x0e.\x9f \xb2Z\xd1\x02c\xcd\xdb6{h\x8f:\x16\xe9\xa0#\x8b-\x97\x9c\x85\xb8\xce\xceS\xcd\x1e\x83,\xd3\xd0\xfa\xa4\x8d\xe5\xa2\t\xa0Y\t\x15]\x17%\x1cyo\x00d\x8fA\x00\xd2\x86\xa5\x85\xc3;\xf6i\xe0\xd3\xad\xa6\\0\xbd9\xe7\x12\x000\xb0iy\x07.\xa8\x89\x81M\xcb\x19\xde\xc6\x86jy\x85\x16\x00 \x9d\xf9\xc0\xe9\xf9C\xdak}\xf5\xdf\x933\x0e5H\x17\xc1\x9bD\xd1\x19`o\xde\xd8Nu\x96\x8d1G\xc8\xa5D\xa1\xa4\xe1w\xcc\x1bnX,9\xd1\x82\xa1\x1d\xaa\xe5r\xeb\xdb\xa8\xb4\xf2[F\xcf\x92\x8e\x8b\xf0\x8fM4\x7fH\xbbe\xf6y\xffe\xd2\xc7)\xe2\x16I&lt;\\\x877\x99(\x83FD\x18\x84\x12\x10\xe5R+\x06\x80W\xb01\x8b\xc3+\'9]\xcd\xfc\xff\n|DG:\x8d\xe4U\x00.\xa2\x8aMc5\xa4J\x12\x1d*\x93&gt;\x0e\x115+\x91\x85\xd4\x82p\x00\x00\xef\xb9\xcfr)V\x0b\x88a\x14\xed\xa3\x8a3\x9bf\x99=E?\x0bD\xf5mR\xc2;e\x14\x0bd\x85\xff`\x1a\xcc\xfeX:\x9d\x155\x0bY\xe4\xa8\x0e\x0b\xcd\xde\xc5c\xf0\xfc\xdc\xb0\xd6U\x88\x08x)\xe5\x95$\xb0eu1\xd3\xe7\xe0\xe6\x15\x89(:Q\x18\xa2.\xd5\n\xa7\tKx}\xc9B\xc3$\xe8s\xcb\xb4+\x9f[?2\xacj\xced\xcc\xfa\xa3L\x95\x1c\xdd\xa1fs\xb5\xc8\r\x8d\x97\xd9\xdcr\xd5\xda\xf0\x12\xdc\xbc\xf4\xbf\x1d\x00\xc4-\x15\x8e\xf3\x94\xe0\xe5E\xad\xafv\xce\x1b\xc1&gt;\xdc;\xb6\x16\xdf\xef\xc9\xbe\x9d?\xa4}\xd7j\x85\xed\xaa\x12\xe83y\xe2\x87\x04\xbeo\xf1\x1fDD\x83\x9bW4\x1cW\xf1\xf6\xca\x9fk7\xa3\x7f|\x9f\xc1\r\xa3\xda\xab+\x19i\xe1\xe3\xcd\x83\xec\x03\x00IS4\x9a-\xf1\x92uMf\xec\xce\x13/\x04\x11\x8dlW}\xc9H\xeba!,\x89T_\xd7{t\x87Z\xf8\xf5P\xa46\xc17\xa7T\x9aX\x93\xbb744\xac\x89{;M\xc1)\xd1\x99&lt;\xe1\xb3!\x12\xbb\x92P\xc1,\xc6v\xaa\r&lt;\xb6|\xba\xe3\xda\t"\x9dD\xb9&gt;\x98\xda\xb3\t\x00\x19-%\x80)=\x1a+O\x97\xedbM\xb1\x96N\xf4\xad/.\x9enYA\xe1\xd7\xe3\xd3\x1d*\xe6s\xbaq\xf2\xf5\xe5\xdd#\xdaT\xfbr\xe7\x08\xbe\xdeqr\xd5\xda\xf8\xa3\xe7\xcb`\x07\xad\xbb\xf9\xf1\xe6\xc1J\xd9\x12\xb3o+fI8\xa0IY\xfczx\xfb\xd0*Y\xa6\xbe\x08v\xcc\x1d^!s\x82+\xbb\x17{\xa7\x8crf\xf3l\x9d\x8b2\x9c\xde4\x0b?\x1f\x885\xfe)9\x16\x19\xc2\xccM\x1b\xa7\xf7\xb7&lt;^Z\x10\x8d\xb1\x80\x0e\x15\xf3\x99z\xf5\x87\xb4\xac\xc4\xff[0q8\x9d\xf9o\xc3\xb4\xfe\xe25G\xe24\xb0\xee\x1f[\'KBT\x86\xbb4\xf1\xce$^\xb9e\x00\xf8x\xeb\xa0\x92,\xf3\xf2\xaeExzV\xa4\x86I\xdd\x1b:\xbbQB(\x908,\x00\xfd%\x91\x84.\xd5\n\xf1\xbb\x10eP\xd3\x92Q]\xf0\xf1\xa6`WQ\xd5c\xb0\x06\xd9VI\x06fI6\x0b\xdf\x1aE\x88hx\xeb*\xd6\x9a\xf4\x7f\x01\x1d\x8e@I\xd7W\x15\x925#w&lt;M{\xac\xc4\xc2\x06\x0e\xa6\xa8\xd9b\xda&lt;ZKGu\x05P\xc2#:\xcb\xf5\xff\xfe@\x8f\x96\x8b\x9c\xa4\xe2"\x127\x0c \x11\xd1\xc6i\xfd\x7f\xef\xb2\x82_\xe7\x02\x00\xbe,\x1f\xdb\xdd\x91\n\xf1\xf9\x96x\xe1=\x0bG\x8b3\x8cv\xac\x94\x7f\xf5\xc4\xc0t\x7f\x99\x00\x80\xd9\xdbX,\x95\x9d\x05\xc1r\xf8\xd4\x82\xa1\x1d\xd8\xa5e\xac\xabN\xd7v\x96 \xb23\x11LH\xde4c\x00\x9f\xfa\xae\x837W\xf6\xe8\xdf\xe1o\xf7\x8f\xc9\n\xe8\x90\xe9\xaa\x8a\x1c\x9c\xd9&lt;[\x19\xc6\x96.\xbcz\xd4\xb5 \x820*\xe2o\x07\xf0U\xd2K\x03^L\xeb\xd9D\xbb\xa4&lt;g\x95=\x06\xbc\xb8@\xba\xf1\xda\x95\xb2&amp;\x9a\xec\xd7Hv\xb0MY\xcfT\xe6=w=\xeb\x96\x98\xd0\xb5\x1e\x80\x8d\xd3\x07\x00\xdf\xb9\xb6}\xae\x9c]\xcf4\x02\xe0\xb7\xcb\xc2Y[\xb6H\xf0Na"\xf8{x\x9b\xaa\xe2\x85En\x8c!\xb5\x0b\xf0Nb\x14\xb7\xcc,\xa4\xa4i\xe2\x85H-@0KK\x105r\xa7\xc0\xa7\x9bN\xa9\n@\xe1d\x11eGX\xe5)\xb5\xdf\x0b\xcf\xb8$\xe8%\xe6\xc9\xaf\xf4\xd3\xd4\x9d%\xd7\xb5b\\\xf7;\x87W+\x8f\x87 \x9a\xdc\xbd\x91\x92\xa8\x9c\xd9G\x83F\xb3\xb7JvuU@\x111\xda\xbf\x1c\x15\xb8\xf4W\xdf\x1a^M\x8bg\x11&lt;1\x06Q\xd6h4g`\x9b\x1b\xfb\x97K\x07\x81\xb7|\x99\x9b\x07V\xb4-\xe7\xe9H&lt;\xa8\x12\x00\xf0\xe2\xbc\xca\xc1`o\xc8\xb3\xe2\x7fw=\xe6\x0ej\xeb\x94[gJ\xe2*\x16Q\xad\xbc\x81"\r\x92l\xc0o\x0f\x07\xa9\x94-1i\xa8\xd8\xaf\x1a\xdfC?\xc2=\xbac\x97\x1e\xd4\xac\x82\xea\xf1\xb4\xe1hV\xbf\x96\xd6\xea4L\x03J\xea\xd4P\xc8$VI\xf4\xcag\x8a_+o\xaa\xaf\xf7\x8e:\xa5+\xcal\x93xu\xb1W\xbd\x12\xaa%\xef\x1f_\xcf\xff\x1b\xcc\xb5\xb5\x7f\x0f\x0c-\xd2o\xaf\xee\x95&gt;\x03\x90\xa6\xfa\xc4D\xd7\xf7-sz{T#g$\xef\x82!dk\xd3\xc9f\x0c\xb5\xb9\x82\xe7\x10\xce\xc1\xc2z*(sDx\xf0\x8c\x17\xce\xda\xd1o\x9e9\xd0I5\xfd\x85\xe0w\xcc\xdcA|\xbcuPy\xbcT\x9a\x98\xed\xca\xe7\x91\x99\r\x0b$\x0e\x87gg\xcbg\xd2\x92\x11\x0b\xa8P\xbcI2\x833\x80)\nS\x81e\x88\xd0\x91\x0e\xfb\xe7\x0fp\x10\xadJ\xe7\x0c\xfeKo\x1e\xca(:\xf1\x85k0!\x99ZfRc\xfd\x8f\x868\x95\xfc\xb0\xd6U\x1c\xec\x8au\x0b\xa6\xc1\xb7{N\xe9\xcf\x16B\x19\x17\x0e\xeb\xe8\xf8u\x9d\x85\xe9\xbd\x9a\xaa\xda\xf1\x0c%\xe7\xaa\xe4P7\xb6\xa8\xa2w\xfdR\x00Z\xfa\xe4\x10?\xc5E\xa3\xcdD\xdf\x06D\xa2\xe6\xb5?\x00\x95\xb2Z\x10\x07\xfc?\x85\xbela\xb0\x82\xde\xd2K\x03\xaaI\x0c\x7f\n2F"\x00\xd7\xf7-\x03P%GR|\xbe\xa5j\x9c\xc9\x16\x9d&lt;B\x13\xf0}\xf6\x80\xd6\x8e\\\xaer\xb6$:\xb6\xc4\xe6%\xb2\xb6(%\xca\xbf\xcf(\x16\\\'\xe1fb\x94%\xda:k0\x115)\x96Y\xfc\x94\xa5\xa3\xbb\xaa\xc6\xe3;\x9d\x93\x04x\xa2z\xdcl2\xbf\xcc\x02\x89\xef\xf7\xa4\xf9\xcb\xc3\x14K\xdc_\x89r\x19\xe3\xb7+\xaf\xe7\rc\xd4\x98\x7f\x1c\xc4CM\xd2\x85\xa7-\xfe\x83e\xde5)e!X\xe1\xdc\x96\xb9\xbf\xbb\t\xc1\x05\xfd\x1a\x95a+J\xe6\xe1\xefX)\xff\n\xb5X\xa6P6\xeb\x9c\x08\xe1\x92\x05\xac\x9b\xd2w\xff\xd2q\xca\xe32\x19m~\xaf\x02 \x81\xb3\x19\xf6%\xe4\x8c\x15\x90\x96\x11\x96\xa8\x96\x06;\x13\x1f\tj\xc1Cvi\xe7B\xb3\xad\xda1o\xb8\x83\xcb\xf3\x1a\xb9S\x8chS\x8d\x88F\xb6\xab\xce\xf3\x80\xce\xe8\xd3&lt;s\x14*\xaa\x1d\x04\xa1\x9f\xd4"\x13\xf1\xfe\xbf\xd0\x85\x97\xa9\x1e\xc6"\x1a\xd8\xd44\xa5\xf0\xc1e\x13L\x95\x07 yQ\x94a?A\x89I\xdd\x1a\xc8\xfa"c\x94\xbb\xbag\t\x7f\xb0\x1fGV!\x12\t\x134\x16 \xe0y\x90\\\xe7\xafB\xe3\xa2\x19\xa5\xcf\x0f\xec={\xf9\x128\xba\x02T\x1d\xd7\x00\xc8\xd6\xd4w\x0e\xaf\x96J*\xbd\xd9\x8c\x17Hp\xc9\xa2?\x92\xde\xd8\xbf\x9c\x8d\xe9}\x1b\xfa\xa8nJ\xd8\xb7\xd2\n\xfe\xf3\xed\xc3\xaaT?\t\x88\x00,\x1e\xd1Y)w\x81\xef\xf7\x9a\x14\xcb\xdc\xb9JA\xf6*\x89\x8c\xec\xaa\xc5\xea\x17Ngx\xa2\x12!\x88\x00\x0co-\x1a\xc9\xe6\xf8N\xcb\x91\x98\xd4\xe0\x08\x00\x9fn\x1d\xb2;"\x96\nk\x08\x99i\x89\xcfxd=\xe0\xda\xde\xa5\xc0\x1b\xc1\xb5@8\xa2%#\xbb\xac\x9e\xd8\xd3q\xd3\xdeD\xdf\xfa\xa5\xd2\x04z\xf1\x95\xdd\x11\xcf\xcf9x\x15i\xfep]wIHT\xc8I*\xc4.\x82\xab\xb5\x12-C\xb2\x0e\xc9\xf6y\x92\xe7\xfe\xd1\xa9M\xd6j\x16\xec6\xaa#\xe0\xb6\xd9\x01\xfa\xa0\x83\x9bWT-\xc0\x82\xa1\xdb\x94\xf5,\x90(\xec\xb7\xfb\xc7\x89(9\x11\x00\x0f\xed%\xc9\x8e\xb9\xc3YU\xaf/\xefV~\x9b\xd0\xcc\x92\x1f\xc0\xb0V\x95\x01l\xd5\x10\x19-\x908\xdc\xe6\x99\x83D\xf2\x0f\xd8E\x05=\x19\xdf\xee\x1d\xd3/\xa0\x13\x9c\xaao\x085\x15\xc83\xbcMU\xd5\xa8\xc2?\x1e2\x05\x15g!\x14Q\x93b\x99\xf2\xc4\x0b\xa1*\xde\x06\x80\xc5\x14\nz)Y\x1f-\x9d.v|E\x08\x9d\x85!\x10\x00\xde^\xb5\xfbWx\xb8\x0fC4\xb0\x99\x1e\x11cS3\xf6S\x97\xc2\x94D\x86+\xf0\xe72\x11\xa9\xea\xa4\x0fke\x17\x07RAM\x14Hip_&gt;\xa6[\x82\x80:!\r\x8e\xf8pCP\x06Y\x89\xd3\x1b\xfdY\x8f-\x95&amp;\xe6\xc0f\xe5\xf5{o\xae\xd8\xd4\xbeB^\x00\xbe\xd5\xad(\xc3H\xa1b\xb1\x89\xd8\x90=g`\x1b\xd5\x08\xc8\xc9\xdd\x1b\xb1\x96\xd4)\x90\xda\xb0Z\x00-Je\x17\x89X\xe5\x95\x87\x7f\x17\n$\x0e\x1b\xde6J\xac\x9b\xd2\xf7w7\xe7\x0f\xc1\xa3S\x1b#\x13%PK\x19gHJ\x04|\xcc\x9fH\x94\xe5\xccY\xb9Yl3\x9b%\n\x11Q\x85,\t-\x90)([b\x99rG&lt;pE\t\xb3\xccK2\xcc\xe8\xdd\xec\xe1\x89\r\x00\x9a\x97\xccV5g2-\xdb\xc7\xd0V\x95eO\x88w\xf8I\x14~\xae@\xa1$\xe1S\xb9\xc6\x94vy\xe7"\xe9\xb3\xf8$\xb9q\xfa\x00qO\x92\x84*9\x92\xee^8\nx\xaed|S\x85\x92\xec\x84E\xa6\x87!\xfat\xfb\x10\x80\xbbG\xd6\xb0\xc1\xc8#\x14\xfdxxBp\xf9\xa2\xc5\xa1\xd2\xaatN\x91{\xcc\xae\x82_\x0f\x077\xaf\xa0S\xc0\x89\xa1\x99R\xb5\x8c2\xbaY\x89\xac\x00\x988k\xc0W//\x08&amp;\xa61o\xc1?\x04)T\xbd0|F\x8f\xeb\x00 \x037\xb0.\x1e\xd1\x99\xef7O\xcfn5\x95\xc4!^6\xd8Z&lt;\xb4\xf0\xf5\xee\xd1\x93\xebg\x90FfV\xb5\\n\xc0W-\x89\x9b\xf7\xd7\xf7\x93\x8bE\xa1\x9f\x9d\xdb\xe6\xa2\x9a\r\x8d\x14\xf5\x0b\xa5U=\xfe\xee\xda&gt;\xe5\xc1\xe2F\xb3\xe0\xb9-s\xf5\xc7h\xff\xbe-\x80\xcf!\x89\xf0\xfa\x92\xaa\x033`\xfc\xc5\x0bV\x8f\x1b\xd1\xad\x83+\xa5\xafx\xaf\x86\x16\xb4\x1a\xa0\x15Z\xc3cF\x9f\xe6\x00\x8a\xa6\x88\xbck\xfeH\xad\xe8&amp;\x0b&amp;\xd3\xc8D\x07\x97M\xb8\xb0}&gt;\xbf\xa2\xe2?\xe7M\x10\n\xc0\xf69\xc3\xf6.\x1es\xe7\xf0\xea\xb9\x83\xda\xda]\xf1\xe3\rg\xb5\xe4\x1f\\\x0b\xef\x94Qv\xce\x1fA\xce\x8b\xb2\x12\x8fq\xdc:k\x88)\x0b\x0f\x03\xbf*|yqG\xb5\\n"g\x05[nZ\xcb:\xe9~\xb5\xbd\x0f\xad\x98\xe8\xd4\xb6\x98\x80Y\x06\xec6\xe5&lt;]\xd2\x0e#\xe4O\x14\xc6\x14\x9d\x86\x0ck\'\xf5\x8eF\xb4}\xce\xd0\xa1\xad*k\x95\xe9\xd7\xb8\x0c\xffo\x9a\xb0\x01\xfe\x00S}\x1b\x80eFO\x00\xfcf\xdd\x91\xdf+\x83\xe1\xce~R\xb7\x06\xccX\xa4tu\xfc\x1b\xeb\xff\x0cL\xf4\xad\x7fr\xfd\x8cb\xa9\xa2:B\xe6\xac\x05\x0b4A\x86\x90\xde\xab\xa4D\xc7\xd6Lu\xfe\x05\x82\x16\x15\xb3\xda\xa5\xfd\xe2\x95&amp;I\xbd\x83\x08\xca\x17R\xdc\x02\xa65J\x9e\\?cF\xeff:m.\x95F4\xefx\xd5\x84\x9e\xc5\xddM/\x00\x98\xb6\xc4\xf0\xd6U\xd8\xbah\xf5\xc4\x9eZ%U\x87\xedhD\x00\xc4\x17Ca\x1c\xdb\x82K7\xca\xb7\x86\xd7\xcb\x8b;-(\xc9\x98\xc5\xc7\x9b\xa2z\x0c"c\xc0\xcd\x03+\n&amp;\x0ew\xef\xd8:\x0b-\xf9\xe36\xf7\x7f\t2iX.eVKW\x08i\xfd\xad\x8b\x8b`\x1b\xc4\xd6\xa9r\x01\xb3ch\xae\xd8$\xa8)\x08@\xd2&amp;\xe2c\x1e\xb4:\x98\xe3\x88O\x84\xe7\xe7n\xec_~\xcd&gt;\x9e\x98o\xd2\xf9m\xf3\xa4\x7f\xad\xad\xcc\xd7Nrmfb\x0e\xb5\x19\x10x\xee\x19\xc7\ttU\xfd\x1b\x97)\x96*\xeaD\xdf\xfa\xaa\xdf\xd6-\x90\xbal\x06\x87\x06\xde:\xf9=\x00\xb8\x87\x0cx\x97\x05\xf7\xf1\x82\x90-\xaa\xfeA\x14\xfaz[Z\xb8\xb6w\xa9\xd6W\xf5\x0b\xa7\xc5\xf3s\xd6\x1b\xe4J\xa8\xba\xd7~o\xb2\xa1\xa9\xbcP\x07\xc1\xd6\xa7\xe53\'0\xa4Q\x8aH\x04E\xee\x85N\xb5\xcc\xa9S0I8%\'\xa8\x16\xda\x96\xcb=\xba\xbd\x95\xbc\x9ep\xb69c\x90F\xf4\x97V\x8f^0\xb4\xc3\xe2\x11\x9d\xf9#\x91m\x0b\x0b\x0bfI}l\x9b3\xb4\x9e\x86\xdf\xc2\x1aX\xe0\xd0\x933[4\xbe}\xec\x1e\x8aV\x8c\x0bL\xb5\xd3\xd1\xfe\xd3\xb9\x84\xe0}\xb0,&amp;\xc36U\x92\x83K\x19r\xc1\xa2\x18,&lt;\x8b\xe8\x16[\xf4WC\x84\xa0Q\xdcb#\xad\xd4\xc2h?\xa1\xcfw\x0e\x8bV\'\x8chD\xbb\xe6\x8f\xd4) \xa8\x12\x9e\xd0\x01\x11%}\xb8\x11u\xac\x9c\xdfY\xb5\xe9\xacd\xb6hD|\x9b\x05\xcb\x1e\x12\x8f\xf8\xd2G\x10\xcf\xa0\xa6\xb8K\r\xc12Q\x1b\x16\xc9`\x81M2M\x18\xcd\x17ar\xf7\x86\x00\xf4%\x12\xf5Y\xd0\xe5\x85\xb3\xe9\x15\xee\xdf\xb8\xac{\xc8\x80\x07\xd1\xaat\x8e\x1f\x0fO\xde:\xb4J|\x18\xbd\xbag\t\xd3\xad\x8c\xa9\xab\x0c#\xb2\xc6f\xf9\x10\x82\xf0N)w\xb0\x1fX6\x9e\x88X(\x84&gt;\xbc\xdc\\\x12.\xff7\xc0\xa5/\xe4\x86\xa9\xfd\x88hhKM\xff\x98\x0cy\xe2\x85P\rM\xc9\x19\x8b\x9a\x16\x17\x8d\xd0\xdf\xbbx\x8c\xe3\x0b4F_%X\xd8\xa5\xfb\xc9\x8c\x02]WU?vd\xbb\xea\xd2g\xbc\xbbJD|\x02\x9ds!\x93\xf7\xd2\x81\xc8&amp;\x06@\x8d\xdc)\x82\xd8\x8e\xc7r\x85\xde\\\x15\x15Y4\x84\x97[\xc4U\x134\x1d\x03\xc1\x04\x01\xcb\xf8\x97\x17\xc4\xef\xf6\xe9M\xb3\xa0P\xf7\x93\x85f\xa5\x0c\x110cm\x9b3T\xb4%\xdf\xee\xe2\xbfG1\x89F\xb5\xafa*\xbeZG\xba\x99\xe1\xc2\xb6\xf9\x7f\xabM\xd8\n\xb6\xcd\xb6{$\x00\xa6\xf7nfx\x96\xb5&lt;{\x11+\xe0\xd1\xd5S\xd8\x87\xbbG\xd6\x00Ob*\x84R\raa\x03+\x02\x11wk\xa7*\x05\xc8&lt;\xa1\x95)\xb4)\xe7\xb9}\xee0\xc3b\xaa\x11\xf1\x92\x8f\x11@\xde\xf8!\xdf]\xdb\x17\x04o\xc2\xbe\xc5cu\xbe-\x96*\x9a!\x95\x9bW\xb2\x88D\x94!"\xcd\x1e\xd0z\xdf\x12\xbd\xdax\xe8\x8b\x0b\x8a\xc0\xb9\xca\xb7lh-\x9cT&gt;\x9a\x854\xcf7\xeeW\xdb\xdb\xec\xd5\x99\xe0\x81!\x00\xe0\xf99\xb3\x1ep\x00lI!Ai\xa0\xab\x9a3\x19\t\xa4\x13\xd6\xca\x9b\xca\xbf_K\x9b=\xe9i\xad\xbc\xa9R\x854\xb7\xa2\x12\xe9\xd2\xb9T\x97H\xff\'\xd0\x8f\x9b\xd6\xcf\xfd\x1b\xd7\xb9\x8e\xf4\xd9\x15y}\xbc\x9d=&amp;\x11\x80I\xdd\x1a\xb2(\xf5?\x08\xbf\x8bj_\x1c\xb1\x85m_\x82\x88\xe0@4\xe1\xe9\x8d\xfefO\xe1E\x05\xfe\x14\x0cPc\xe5\x02\xf0\xfa\xca\xee4j\xefd\xcf\xba%\xdaW\xc8\xebi4T\xe9\xbbC\xf5C*\x9a\x95\xc8\xd2\xb7\xa1\x8f\xac=\x87WN2\xb8\xa4\x02ESD\x96\r\xbb\xdf5\x8c9\xfa\x8e\xfaFE3\x92m\xa6\xbc\xb0}\xbe,W@\x15J\xb3,\xcb\x99\x07^h\x9d2op\xbb\x7f;\x00+H\x15\x82z\xd5+\x919J@\xb4\xaf+n\xa2O:\xf9ZhZ\xaf\xa6\xa1\x89J\xa7\x8f\x93G[s8\xf8\xa0\xaem\xfa\xec\xdd\xa0\x14\x7f\xfc\xe0rs\xfczZ\x88MT)[\xe2\xba\x02\t\xfaA\x8cQ\xedk\xaa\x12\xd4\xb8\x08\x9bf\x0c0,#\xebI\x16";%Dt,K\xae}\xc5\xbcD\xd4\xbaLN\x11uR\xe9\xb5\xaa\x91;EH\xa2\xf7\xd7\xf7\xeb\x13\xf2\xc8v\xf0&lt;\x0c\x97\xb9\xb5\xf3\xb9;\xce\x07\xbcu\xd6`6dG\xd7-\x06\xbc!\xa2q\x9d\x9d\x10\xe3\xa7:\x95j\xa1{-\xef\x7f\xc3\xbd\xa3p\x0fE\xde)\xa3\xf0\xf7\xb1\xbagr\xedtD\xc8\x04\xbe\x89\xc8M\xf8Z\x19\x15\xafZ\xf7\x9aE\x7f\xe3#l)\xcc\x05\xcfC)\xa4\\4\x85\x95(E\xe0\x8b\xec\xc8\xb6\xd9C\xc5\xef\x86\x88:\x928\xd2\x86\xd34\xd9\x07s&amp;;\xcb\x90-\xc0\xbf\xdc9\x02@\xdc$=\xb5G\xe3\xe4D\xab\'\xf6b\xff\x96J\x1b\x8b\x88\xf4\xbd\xbb\x19\xb8\xfe\x1f\x87\xe8\xcd\x95\xddZ\xee\xae\x06\x1a\x8c\x9b\x85\x93F\x10\x0c\x91b\xd2\xf0[\xfc\x07\x1dY5\xb9\xb1\xb7q\x06\xb2*:T\xcc\xb7o\xf1X\x91\x10\xa0\xa9=\x9b\xb4\xaf\x90\xd7\xdaU\x18:V\xce/.\x02(\xc1\x8d\x88t%\x97\xff\xc1\x18\xd1\x14\xcam\xf8vW\xb5\xa4r\xadt\xff\xd8:A\n\xfe\xb9\x83\xda\x9e\xda0Si\xbfN\x17. \xea\xcbZ\xe0\xe9\x1f\x8a%#\xbb8\x12\xef\xbctTW\xe7N\x9c\x19"\x10\xcf\xc3\xe1t8\x12\x99\xc1\x8b\xa130\x7f\x8c\xe3\x18\xd3\xb1\xd6\xb2\xd1\xbe\xc0{\xf1HG\x86\x0e\x15\xf3\x95\xcb\x14\x9f8E9\xdf\x1aVH\xdcL\x01\xc0\x7fON\xe3\xc5\x05\x91 \xad\xfe\x8d\xcb\xb2_\xd4\xbeb\xde"\xc9\xed\x16(=\xea\x14\x13\xbf\xe8\xfb\x1b\xfb\x01\xe0\xeb]\xfe \xdb\xcdK\xb3\x1d\x13\xf9\x11\xaf\xd3\x89x}y\x97\xf4\x19\xaf/\xfd\x966\xfc\x1ed\x8b\x1e\xb8\x80uP\x063\x06\x11\xf0\xd1\xf2F8\x9b\xb0Y\xbcU\xe9\x9c\x17\xb6\xcfW\xfd*}\x04rP\xfb\xe9\xff\n\xd7\xf7-\xdb9o\xc4\xefn\x85\x10\xae\xec^\xec\x8a$p\t\x0e\xca.\x02\xd89o\x04\x00\xc1\x18R\xa6\xaax\xf7\xe8\xdaQ\xed\xec2\x9c\x01\xf8\xd5.FDM\x8bg9g&amp;\xb4A\xb0\xfd\x03\x9a\x94e\xd9R:\x90Q\x16\xb2\t\xe0\xee\x915\xb5\xf3\xbb\x93\xd5\x00\x8a\x10F\x06\xe1C+&amp;2)\x1bWC\xb5\x19\xfc\xc1\xff/s\xd0\x16\xff\xc1Z\xde\x98\xe0\x03\xf1\xf4\x1f\x11d\x8d&amp;\x14\xeb\x9d\'\x9e3\xa9)MES&gt;&lt;\xb9Q9\x1b6+\x9e\xc5\xf1f\x04AB\xbf\x8b\x00 W\xec@S\xc9oD2\xdb\x07&gt;j\xd6\x02\xe6\x0fiN\x04K\xa3\x00\x00 \x00IDAT\xaf\xdc.4\xf1\xce\xc4&gt;d\x8cD3\xfa4g\x9f\xf1\xe6\xb2\xa1o`\xde\xe0v\x82\xd7\x05P^\x8d\xdaZ\xa7&lt;\x83x\x80\xa6x\xcdd\xdb\x01t\xac\x94\x1f\xc0\xb9\xads_^\xdc\xe1\xdc\xab\xf0H\x1fA\xdd\xed\x01\x8e\xbb\xfb\xff\x0eZ\n\x01\x0e\xf2\x0fk\xc1\xcd\xd2)\xc7\xd7Nsb\x1b\xd6O\xed{n\xeb\\\xc3\x8b:\x08|\xbfg-L\xb0v&gt;w\xe5\xfe\xfa\xf8\xdai\x96G\x9cf\xc5\xb3\xb8q\xff\xae\x99\x14D\xc3\xa8+\x98\x17\\\x97\x9a \x08i\xc8\xeeY\xd7\xa1 \xb7\xd4a\x88\xd9\x7f\x0cq\xeb\xd0\xaa\xeds\x02\xe3z\xf1\xf1\x06\xde_\x93\xfe\x1d\xdf\xa5.\x80\xdcqE\xf7Gy\xe2\x85&lt;\xb0t\xbc\xf8v\xdf\xcb-"\x00|\xb8\xbey\xe6 \xc3\xc2\x92\x07\x08\x80\xbeNr\xd3\xe2Y\xde\\\xd9\xd3\xbfqY"\x9a?\xa4}\xde\xf8\xa1\x00\x00oI\x83Z\xd8)(\x9c,`w3\xc1\x9e\x91B\xcbp\xd7\xb5\xbaW\x81\xc4a\xffN\xf7\x95!7\xfd\xf06Ue\x9a\x99NA\x9ex!\xcd\xde\xce\xac\xd1\x08x\xb7m\xf6\xd0\t\x1aD"\xae\x03\x0b\x07\xb6\xb66\x90\xf5\xaaXD=\xeb\x96\x00\x1e\xab\x95\xfc\xae\x1c\xd5\xe4\x9cn@\x8bR\x012\xeeE\x92G\xd2\x99Y\x94\x83\xcaE\x9b\xc5\xcc#\x14\xe9\xf34\xc8\xfc`g7\xcf\x11\xd9\x11\xab\x96\xb9y`\x85\xf4\xb9Z.7\'\xfafL=\x8e\x9f\x8fNV\xc8\x9c\x80\x7f\x87{\xd5+\xe9\xb4\xa6\x10\x11Q\xc7JN\xcb\xd3V\x05\xf0\xf4\x83\x8d(-@\xf4Q\x91q\xb2y\xe6@\x00\xadJ\xe7\x14\x11&lt;x}ywf3\x933\xeb\xc9\x82\xa3\x01\x0b\xcc\xef\xd3\xc0G\x16\xf8\xaf\x03/\xb7\x88D\x847WL\xb4\xc9\xa9\xf1\x0b\xaa\x1cS\xf8p\x03\xc0\xabK\xbbV\x8d\xef\xe1\xbcK\x05\x1bX~\xb1\x05\xc1/3\xdd\xecS\xc0K\xa5\x89%\xb1&amp;\xc4Q\xbb\n\x1f\x0b\xdc\xa3Nq&lt;;\x0b\x00\xaf/\xb3#\xca\x08"\x19\xbaT-d\xaa\xa9E\xdc"i%\x92L\xeb\xd9\x84\x88\xbaT3W\xa1\x04\xc1\x1b\xd8\xbcDVe\xf4\x9b+h|\xcc\x86\x87\xae\x9a\xd0\xe3\xd8\x1a\x83\xbdW\xdf\x86\xa5\xf9\xa9.GL\x15Q\xa0d\x8a\xd4\xdf\xae\xd5\n\x9b\xf2\x97\xaa\x82O\xa7\xa8\x92#)\x00\xe0\x83,\x11\xacm\xb9\xdc\x8e\\B\x82\xcez\x96M\xde\xb3\x07\xb4r\xca\x85\x0c\xc1\xab\xf8J.\xb7\xdc\xf1B\xe8\xd8r\xcb\xa4\x8f#\xbb\xdb\x1fn\xec\xd7a\xdc\xe2\x11\xd96\x01\xb8\xd4\x07S)[\xe2$\x02\xaf6\x0f~W\xe4\n4\xf6\xce\xe4x\xaa`\xf0E\xa1$\xe1\r\xed\x13\x869&amp;:\x90\x11c\xe9\xb8x\xf1\xe5\xb6\xfc\x88c\xe3\x82\xd9\xd3\x8b\xbbGW\x1et@\xbc+\x10;\xe6\rg\xfbY\x11b\x96{G\xd7\xa6q\x0e}\x8e:\xf0\xf2\x82\x85\xb3\xaa\xe40\x9e\x89\x00\xf0J#\xfd\x1a\x95V\x96\x19\xd0\xa4\xac\xe0\x15\x95A\x90\xb3\xfa\xb54|\x1c\x1fn\x1c\x00\x80\xa7g\x04\xafb\x16\x8e\xd3aj!\x19\x11&gt;\\\x1f\xdd\xc14u\x1d^]\x94\xa4\x90\xd8L\xa0\xf5\x96\xf9Y\rug\x81:\x8bGt\x96u\x02\xb6\x92peo5\x81\xf3\xdb\xe6\xb1\x15#\x9f\xba8\xa2m5\xc3\x9f\xfc\xf6\xea\xde\xff/\x97\xaf#0\xeb\xfd\x17\x94\xc4\x93P \xf1\x9f\xea\x849\xbaz\xaa&gt;\x93\xadS\xa4ct\x86aA\xda\xf7\xd2\xf69t7\xf6/w\x19;\xb2\n\x94FjO\xfb{\xc6\xe8\x1c\x1cD2\xe3"\xc1\x02\xf9\x12\x06\x12\xa5\xb0PK\xe9_\xa5\x8d\xee\xc7\xc3\x13\xfc\xbf;\xe7\x8fp"\xed \xdb.\x03\x9fT\x87\xc2\xccb\xf6\xf8\xc1-*J\x9f\xe3\xdb\xd3\x01\xb8\x02\x9d\xab\x16\xe4\xf5\xe3\xf0\xf3\x81\xb2\x0c\xf0u@\x13\xbbt0%5M\x9f\x06\xa5\\\xa4\x91\xfe\xc7\xa3J\x8e\xa4\xd3z5\xfd\xdd\xadp\x02~&lt;\x08xy\\7\xd5\x1bJS\xcd\x1b\xdcv\xc9\xc8.\xf8\xf5\xd0E\r \xa2\xb9\x83\xda\x1e[3\xf5\x8f[\xce\xd4-\x90\xda0\x1ee\xde\xe0v\xdf\x1f\x9c0*e\x87r\x19\xe3\x01\xcf\x8a\xbbGkS\xd6\x9cjX\x18[\xf2\x94&gt;A\xac8&gt;\xdd&gt;d\x18/\x7fu\xcf\x12\xa7\x8b\xeb\xeaC\x7f\x9at\x0b\xc2P\xc8\xde\xf5\x03\xfd1\x03\x9b\x96\xdb\xbft\\\x7f{54U\x00\xaf\xa5l\xbb\xe4D//\xee\x14\xbc\xdc\x90\x96\x95\xfe\xb8w$\xb8\xe3\xf1\xe9\xcd\xbf\xbb\tr\xf0Jd\xc1\xe1yg\x88H\xee!\xed\x16}DT&gt;S|R\x8b\xcb\xccmR\x15\xe3\xd6\xa1Ud\xe3+w0\x8b\x92AK\x07\xdc\x15\x00\xa0\xcf\xcd\x1b\x93\xa8m\xb9\xdc\x1b\xa6\xf5\x97\xca\x1b\xd7\xf9\xe6\xb2\x14\xb9\xe8[\xddD^U\xf6\x98\xf2g\xa4\x05)@\x93\xa1O\x03\x9fS\x1bf\xe2\xf9\xf9\x8f\xb7\x0e*\x1d\x1b\x19#\xd1\xd8\x8e\xb5-\x93c\xf3\xdd\xc1\x8d\x88\x88\xd2\xd9\x13*\xeb\x18\xc7\x0e\xad\x98(B\x89\x114P&gt;;v\xaf\xa4t&lt;\x00Z\xebq\x00\xbe5\xbc\x8a\xa6\x882\xb4Ue\x00e2\xc4}yq\x07\xf0\x05\xc0\xd4\x1e\x8d\xb5\xae(\xb8}\xf9\x07\xa7!\x12\x91G(\xca\x10\xd1\x84\xc0\xb7+\xc8\xa5o\xec_\xee\x08\xaf\x8b\x84\xd2\n\xde!\x86\x9eu\x8a7-&amp;\xca5\xad\x05/\xb7\x88\x9d\xab\x16\x9c\xd5\xbf\x15\x00\xe0M\x14\xa2A\x0e\x8c\xbc\x9e\x1a\xd3\x86\xce\xb8\x03`v\xff@\xbfe\xd9\x8c\xcee\x85\xb0\x02\xe5B\xd8\x8d\x88\xa7\x1e\x93%\xa3\xaa\x9a\xb0~&gt;:\xf5\xf0\xc4\x06\x00\xc0\x97\x8c\x91L\xd8\xa9\x05\xc5\xd6C\xb1\x91\xeb\xd9\xd9FE3H~Q|\xb9\r\x0e\xaaa\x08\xfa\x0e5}\x02z\xe0u\xc6H\xd4Vm\xaf\xc9:z\xeb29\x01\\\xde\xb5(}\x04Jm\xffR\x85\xb5\xd1\x9f\xc9\xe0R\xa7\xae\x12\x8d\x8af|ui\x97q95\x00\x18\xd0\xb4\x9cl\n\xa9\xaa\xeb\x9d\xca\x1c\xd9!E\xcc\x7f0\x06\x1f\xe7\x97)2\x01\xe8\xdb\xb0\xf4\xf6\xb9\xc3\xc2YU\xbc\xb3\x00e\xf4d\xb5\\ng\xb7\xcca\xf1\xc5\x82\xd0\xea(am\xdc,28\x1e\xbe"\xa1b\x96\x84\x00\x1c\xd7 ]\xc3eH\xa5\xe5V\x88:\xcb\xc3\xe0\xb07\x92\x817\xbc\x9c\xd94\x8b\x88\xc2Zj\xe7\xcaq~\xddj\x16!\x8d\x81O\x1cL\xce\x85\xc7\xcfG\xa7\x02\xc6\xf8\xff\x1em\x9f3\x0c\xda0u\xa1FE3*5\xd0y\x00\x88a\xa4Z\xacS\x81\x13}\x06\xaa1\xdc"\x01Ec:\xd62\x95\xdb\xcc#\xbd\xb0\x14(\x80;GV[\xbb\xca?\x88"\xa2\xed/\xdf\xd1]\'\xb8\xaa\x03e\xc4\x08\xf0l\xf1\x88\xce\xa6\xe8\x96u^\xd7*9\x92z\xa7\x8c\xa2\x93fyr\xfd\x8c\xeb\xfb\x96\x99\xb9\x9a3\xc1B\x8b\xaa{&amp;_6\xc6\xd7\xec\xb9\xb2\xc8\xd7\xd6er\x11\xd1\xa6\x19\x03\x9d\xd1.\x87\xc06\xee\'\xd6\xc9\xa9{\x18*gO\xa2\xcf\x95\xc6\x83\x05\x19+c\xde7L\xeb/\xc8=\xc5\xa3~\xe1t\xbd\xea\x95T\x0c\xf5\xdf\x9d5\r\xfc\x11\x10\xd1\x01\xd4\x82\xaa;D\xc9\x00\xc1\xdf7\x0b\xf7PGtLv\x95\x1c1\x03?\xf3_9\xf2\x1b\xff$X\x8e\xe2\xba}h\xd5\x93\xd3\x9bg\xf6m\x01\xc0\xf1\x9b\xb5k\x81s\x1cn\x0c\xa5\xd2\xc4\x8cK\xf4\xe0\xc4z\xd9\xf1n5\x8b\x9a\xaag\xd5\x84\x1e\xa9\x04\xc8 \x80\x9f\xa6\xaa\xfd\x07\xc7\x11\x86h\xc5\xd8\xee\xc6\xe5\xec1\xb8yE\x89h\x81\xec%V\xc4\xfbp\n\x8e\x1a\x81\xa1r\xb6$\xb3\xfb\xb7\x02pn\xcb\x1ci\xd0\x97\xbe\xe5=:\x8e\xcc\x07\xac6-Eu\x1e\xaa9M\xce\xc2\xcaq~\xca_\xc18-\x0c\xcf\x8d\xaa\xf0\x9d\xa8\x02\xf8\x01\xbc\'"\x07C\xa2;U.\xc0\xaf\x13\x86\xdbg&gt;/\x1c\xd6\xd1~\x9ay\xc9\x7f\xab\xb5\xf8\xf8\x87\x00\x9c\xdb2\x07\xf8xp\xd9\x04\xfd\x07\x8f\xafw\xf4\xeb9\xb4b\x92\xac\x86s[\xe7\xba\xc8r\xd7\xbb~)\xe3B6\xe0\xe7\x03\x00e\xd2\x9b\xb3\xcd\xe4\xd0%)HB4\xbdw\xb3\xa3\xab\xa7\x9a\xaa\x93\x81e&lt;u\xaeZP\x88:\xc0\x95hR,\xb3#B1&amp;dj\xb51\xb9{\xc3\x07\xc7\x03\'x\x1d7 \x8fq\x9d\xeb\xde?._\x16\x98\x023C\xf38\xbfm\x9eVa\xd5M\x80\xaaE\xce0C\xa2@\xa2\xb0?\x1f\x9e\x04\x1e\x97\xf0\x88\x9e\\1Z)Q\xc4\xe6N8\xb7u\xaeO\xdaX\x07\x97O$\xa2\x1ds\x87K\x8a_Z\xaf-\xcb\xd6\xd6w\x9d\xde:\xb8Rv\x84\xfdL\xc7\xbdbJ\xf4\xe3"\x82\xea\x17Jk\xea\\S;\xb0\x0c\xda\x11\xc8\xcb\xc7t\x03\x10L2\x1e\x82\x0b\x04\x93T;V\xce/\x91o\xa8b\xe7\xfc\x11\x12\xafg\xa1$\xe1\xdb\x94\xcd\xa5\xf3\xd8F\xb6\xab\xce\xd4\xc6\x95H.\x90\xb7U"u\x0c\xfc\xf7\xc8\xb0\xcd\x12\xf4m\xb2\x86\xb8\x7fl\x9d\xf2\xa0\xa1\xd7M\x8b.\x81\x99~\xf3\xc6\xb7k\x93Sb~T\xd1\xacDVS\x92\xe2\x82\xe8TY\x88~9g,J\x15\x82\xc6t\xaceXR\xd2\x1d\xeaP)\x9fV\x19\x00KGue\x9f\xd9\xcb,\xd2\x06%\xc6u\xaec\xd6\xc2\x03\xfc\x02\xc0\x92\xc9y\x84\xb6+#\xda\x1evE\x96A-\x1d\xd4\x8f1U62\x1e\xd1\xe4\xee\r\r\xad\xb5e\xec\xf3Z\xee\x1c\x0eR\xab\xbaSX\x18\xbf\xdf?\xfe\xe4\xf4f\xc9Z(r\x9f\xe7\x0eR\x17j\xfd[\xady\xa2p\x8a|\xa1\x16s\x96\xd4\xd1\x96\x8d\xf6%\xa2\x04\xda\x8f\x8a=\x86\x8e\x95UxWr\xc6&amp;\xe0GX3l\x97\xf3\x87\xb4\x17.k\x05\xca\xb4\xa6xb\xe4hM\x9d\xc1\xfa\xe9 \x0c\xb7n\xaeF\xd6h\x01"Y:\x98\xd0\xb5\x9edo\x99\xae\x9d\xb3\xe2\x94y\xec\xe2\xf6\x05\xfc\xb8\xcf\x18\x0bD\x82\x0c\r\xc7\x0e~\xd7\x18\x92h\xee\xa06\xad\xcb\xe4\xf2P\x8b\x8d\x0bC\x04&lt;aj\x85,m\x98i.]\x17ct\x90`\xa8\xcb\x96+\xb6\x9cf\xc7\x94\xe2\xae&gt;\x98\xab\x89\xc7\xd9\xcd\xb3\xd9\x87z\x85\xd2\xf2\xf7\xea\xcc\xe6\xd9d\x0b\xf9\xb7|\xb9\xbc\tB\xe1\xc7}\xc1\xc2S{6\xd9:k\x88\xf4/\xd3(&amp;\xa2\xfc\t\xff\xa2\r\x80\x05\xb5\xe8\xa0\x812\x04\x9b7\xe1U\xce\x96\x18\xc0\xcc\xbe-\xb6\xcd\x1eBD1\x15t\xcd\xa6\x944\x18\xf5\xa0a1\xa9\x078\x05m\xca\xe6\x12a/1\x15\xbf\xa4\x05\x1d;\xb0\x96\xbd;*Q\xd7\xea\x85\x05\xeb\xff\xef\x89\x13\x18\x17\x0e,3\xa7\x82\xe9\xa68rz\xd3,\xe9s\x15\xc7\xb6,\xfa1\x91\xb2\x85\x7f\x9e\xf8\x9a\x8bT&gt;\xd2\xd1;e\x94\xe1\xad\xab\x02\xf0\xb1\x8f%k\xe9\x93C\xe3*\x9f\xf1\xfc\xdc\xcey#t\x82^\xe2\x12\xf1\xb5\x85s\xb6\x0b\x8dGH\xa2b\xa9\xa2)C\xa1\xcc"_\xc2\xd0{\x17\x8fa\x9f?\xdf9\xfc\xe9\xd6!\xfe\xdbv\x15\xf2H\x9f\xed\xed\xf2\x18\xd9\xae:&gt;\xdfr\xee\xea[\xa2\xb7)\x93^%.\xb7U\xe9\x1c\x00,hP\xff\x83\x1c\x82\xaf\xa3x"\xf6\xd3\xb3[3E\xa6!-+1\xf7]J\xa2J\xd9\x12\x1b\x9d\x14\x88~\x8d\xca\xf0\xe6\xcb^uK\xe8\x97\xaf\x95\xcf\xfd\xf1\xa9M\xab\xc6\xf7PJ\x078qA\xa4\x04\x9e\x9duJ=\xbb\x17\x8e\xd2\xfaJ\xb9\n\xd3\x87\xf2&gt;\x17M\x11\xacsl\xb4\x98G\xad\xf1;u\xac\x9c_6\x01\xa4\xd6\xce^\xf9\xef\xc9i\x00\xd2\x08\xbevrov\x8a~\x04\xa7\x84\xdf\xce;&lt;\xa2m5\xb6\x04\x91=r\xf6+dy\x18\xe2\xe9&gt;\xaa\xf1\x14?\x1e\x9eT\x1e\xe4I\xa5\xccB+\x1bFB\x89\xd41$f\\\xad\xed8~=\xfc\xbf6\xf88\x0b\xc3\xdbTuQ\xcd\xa9B\x90\xa1\xa2\x85\xd2\x1f\xeb\x936\x16\x8b.\x10\xc7\x14\xbfFk&amp;\xf62\xecUZ(\xad\xb6\xc4P\x85d-\x02p|\xed\xb4\xdf\xc8N"8N\xb9\x02Z\x0c\xf5:\xa3m\x1a5\xfa\xa8\xb8\n+\xa2\x83\xda&gt;\xcc\n\xc1c\xfe\x10\xcd\xb0\xe08\xf6f\x9f\x9c\xb1h\xa2o}\x00\x9bg\x0e2$`\x0f\x0e\x00\xc0\xe8\xff$RU\x96\x9c\xc1~\x94\x8e\xb3\xd4\x10\x16\xe2\x17\xbcSF%\xfb\x1d\x8f\x12%&lt;bHb\xda;\xe6\x0eW-sm\xefR\x00\xc5RE\x15\xe1\x99`\x18\xd5\xbe\x86\xe3\xd99\x7f&lt;\x9a\x97\xccf\xe1\xac1\x1dk\x97\xcd\x18\xef\xf2\xaeE\xfcA\'\x0ej</t>
        </is>
      </c>
      <c r="E338" t="inlineStr">
        <is>
          <t>&lt;class 'numpy.ndarray'&gt;</t>
        </is>
      </c>
    </row>
    <row r="339">
      <c r="A339" s="1" t="n">
        <v>337</v>
      </c>
      <c r="B339" t="inlineStr">
        <is>
          <t>steps_per_sec</t>
        </is>
      </c>
      <c r="C339" t="n">
        <v>4900</v>
      </c>
      <c r="D339" t="inlineStr">
        <is>
          <t>3.3520281</t>
        </is>
      </c>
      <c r="E339" t="inlineStr">
        <is>
          <t>&lt;class 'numpy.ndarray'&gt;</t>
        </is>
      </c>
    </row>
    <row r="340">
      <c r="A340" s="1" t="n">
        <v>338</v>
      </c>
      <c r="B340" t="inlineStr">
        <is>
          <t>Loss/object_center</t>
        </is>
      </c>
      <c r="C340" t="n">
        <v>4900</v>
      </c>
      <c r="D340" t="inlineStr">
        <is>
          <t>0.094453216</t>
        </is>
      </c>
      <c r="E340" t="inlineStr">
        <is>
          <t>&lt;class 'numpy.ndarray'&gt;</t>
        </is>
      </c>
    </row>
    <row r="341">
      <c r="A341" s="1" t="n">
        <v>339</v>
      </c>
      <c r="B341" t="inlineStr">
        <is>
          <t>Loss/box/scale</t>
        </is>
      </c>
      <c r="C341" t="n">
        <v>4900</v>
      </c>
      <c r="D341" t="inlineStr">
        <is>
          <t>0.053234685</t>
        </is>
      </c>
      <c r="E341" t="inlineStr">
        <is>
          <t>&lt;class 'numpy.ndarray'&gt;</t>
        </is>
      </c>
    </row>
    <row r="342">
      <c r="A342" s="1" t="n">
        <v>340</v>
      </c>
      <c r="B342" t="inlineStr">
        <is>
          <t>Loss/box/offset</t>
        </is>
      </c>
      <c r="C342" t="n">
        <v>4900</v>
      </c>
      <c r="D342" t="inlineStr">
        <is>
          <t>0.14489879</t>
        </is>
      </c>
      <c r="E342" t="inlineStr">
        <is>
          <t>&lt;class 'numpy.ndarray'&gt;</t>
        </is>
      </c>
    </row>
    <row r="343">
      <c r="A343" s="1" t="n">
        <v>341</v>
      </c>
      <c r="B343" t="inlineStr">
        <is>
          <t>Loss/total_loss</t>
        </is>
      </c>
      <c r="C343" t="n">
        <v>4900</v>
      </c>
      <c r="D343" t="inlineStr">
        <is>
          <t>0.29258668</t>
        </is>
      </c>
      <c r="E343" t="inlineStr">
        <is>
          <t>&lt;class 'numpy.ndarray'&gt;</t>
        </is>
      </c>
    </row>
    <row r="344">
      <c r="A344" s="1" t="n">
        <v>342</v>
      </c>
      <c r="B344" t="inlineStr">
        <is>
          <t>learning_rate</t>
        </is>
      </c>
      <c r="C344" t="n">
        <v>4900</v>
      </c>
      <c r="D344" t="inlineStr">
        <is>
          <t>0.001</t>
        </is>
      </c>
      <c r="E344" t="inlineStr">
        <is>
          <t>&lt;class 'numpy.ndarray'&gt;</t>
        </is>
      </c>
    </row>
    <row r="345">
      <c r="A345" s="1" t="n">
        <v>343</v>
      </c>
      <c r="B345" t="inlineStr">
        <is>
          <t>train_input_images</t>
        </is>
      </c>
      <c r="C345" t="n">
        <v>4900</v>
      </c>
      <c r="D345" t="inlineStr">
        <is>
          <t>[b'512' b'512'
 b'\x89PNG\r\n\x1a\n\x00\x00\x00\rIHDR\x00\x00\x02\x00\x00\x00\x02\x00\x08\x02\x00\x00\x00{\x1aC\xad\x00\x00 \x00IDATx\x9c\xed\xdde\x9c\xd4V\xdf7\xf0\xb3,V\x8a\x16w\x97\x05vq/\xcb\xc2\xe2\xee\xeeR(\xee\xee\xae\xc5\xa5\xb8C\x81eq]M\xf1\xe2\x05v7\xbd\xa8\xb7\xd0\x16\xca\x92\xfb\xfe&lt;W{S\xe0y\x11\x98\xce\xced2\x99\xe4$\'\xc9\xfc\xbe\x1f^\x0c\xc9\xc99\xff\x9dIN\xec\x08!\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96\xf0"!\xb6q\xa9\xac\x9b\xa6\rt,Y&gt;\xaa+!\xa4w\xbd\xa0\x97I\xf1\x8f/G\xb0\x0b\r\x00\x00\xf4\xf4"!\xf6\x1b\xeeP\x06B\xe6\x7f\xd2\xd6y\xf9\x99\xad\xf3\x05\x9e{\x99\x14_*\x90QdNNo\x9e\xc7:\x040\x85b\xac\x03\x00\xb0\x95\x17\t\xb1s\x07\xb6v_\xfe\xd5\x89\xcd\x02\xcf\xbdH\x885&gt;$\x00\x00\xabH\xcd:\x00M\xb2\x05\xd5\x97\\~\x85\xfb\xb2T\xe9\xd2\x84\x90t\x84\xfcmlH\x00\x00V\x91\x8au\x00\x9ad\xf2\xb0&lt;O\xde\xbco\xdf\xbe\xbd{\xfb\xb6\xc9k\xff\xe5#\xbb\xb2\x0e\xc1\xd4f\x0fh\xa9$Y\xcd\\z\x07\x02\x00\xa64\xb6c]\xf7\x85\xdfp\x87~\xbc~\\u\x9e\x02\xcfi\x88HeAU?2\xae\\\x00\x13\xc2\xfe\x0f*q\x07W\x11Bf\xf4i6\xbdw\x93\xe1\xad\xaak\xcc\xed\xe7\x9b\xa7\x94$\xfb\xf6JD\x994\xde\x93)\xdf\xad\xe5S\xb6\xab\x94\xbfzN\x859)*kx\xeb\x1a\xb4\xb2\xa2\x92\x0f\xf8\xb9+G\xd6\xb3\x0e\x01\x80\x90lTsS^?\xf6\xaa[Zc&gt;\xdfp\x87\x14\x96\xe55\xb7\xfb\xe7w)\xcc\n\x00\xc0&gt;\xf2)N\xf9\xfd\xd5H\xaf\xcf\x9fi\xbdfiT"\xb3|\x02\x81\xe7\x1c\xd5\xfa\xe8vu\x8aP*W\x14^,#\xd5\xfc\x00\x00\x0c\xc4\xf0I\x85\xf1/\x15\xf6-\x19\xebXR\xc8\x98\xb2\x01\x00\x8cQ+\xb7\x95\xda/\x19v\x02\xf8\xe5\xd6i\xd51\xe0Q\xbe\xf1\xbe\xbe\xb0\x9bu\x08\x00\xa0\xb3\x81\x8d*h\xd9\xfc\xe7\x9b\'\x95\'nY\x8e\xde\x9bb\x00\x00\xb0\x90\xe2\xac\x03\x00P\x017\xa0\xe0\x05v\x11\x00\x00\xd0\xc5\xa3\xe8}\xca\x9bQj\xf1\xf8\xd2\x11\x03J\xd1\xe8\x8f\xaf/\x8a\x1f\x9e=\x88b\x1b\t\x00\x80q&amp;w\x0bW\x9e\xb8]E\xe5\xadF\x01\x00\xc0\xdc|z\xd6\xd4\',H\xbfH@\xde\xe73&gt;a\x1d\x82\xbf\xab_$\x03\xeb\x10\xc0\x8fQ\x7f1\xa0z\x87\xb6\xd0+\x8a\xec\xac\x03\xf0C?\x7fu\x92\x10\xd2\xd0[o&gt;\x00\xf0A\xed&lt;&amp;\x98\xf3\x85\x10\x82\xbe\xb2\x00\x00V\x17HH\xb7Z\x96lKi\xa1[\x10\x00\x00E\x8cl3#\xf0\\\x8b\xb2\xe8H\x05\x00~\xc1\x02\x03*\x14\xff\xb8\xa3\x91\xc55k\xadh\x12\x12=D\xef^\xc6\xaah\xe5\x1a\x16\xf74\r\x0f\x00\x80\xc5M\xe9\xdeP{&amp;*\x9e\xc6\x04\xa5\xc53\x1c\x00\x00\xebCUn\x06\t1\xfbY\x87\x00\xd2\x9e\xde=\xc7:\x04\x00\xdd\xe0\x04\x00fV\'\xafY\xda\xce\x01[\x16x\x07`E\xbf=}\xaa_\xe6\xc1\x1fJ/\xc7Y\x07\xdc\x15\x95Zx\xf9\xc9ku\xb9\xcd\x1e\xd0\xb2\x98\x96h\x00\xfc\xc1\x83\x8b{To\xfb\xdb\xbd\xf3\xa8\xca-\xa4]\xa5\xfc\xacC0\x8e1\x83e\x01\xf85\x9c\x00\xbc2\xcfWT\r\xfd\xaa\x01\x80\xb9\xc5C\rm/\x0b\x00\x00\x00\x00`)\x9d\xaa\x156\xcfc\x04PB\xe0\xb99\x03\x98u\xd3\x03\x00\x0b8\xf5\xf9\\\xd6!\xd8S\x8e\xf7\x1fZ0\x9av\xf8\xc8\xaa)L\xca\x05\x00\xcb\x08\xd10(g\x994\xf4\xe2`\x8a\xe1\xcdM\x97\x1a\x92-\x0f\x99\xb1\xd6}^\xe9\xd4\xcc\x8a\xa6\xfbEY\xebk\x07\x00\x00\x00;\x9a\xd2\x83\xc2\x08?\x00\x00\xe0\xef\x04\x9es\xbf\xc35\xd5(\xd2\xad\xca\xe7b\x1d\x02\x00\x00hp\xef\xdcN\xd6!\x00\xd0\x97\x8eu\x00\x00\x00\x00`;\xa5R\x13\xb19\xcf\xec\xfe-\x18\x87bqh\xcb\x01\x00\x00\xa0\xc8\x91\xd5\xe8\xac@\xc1\xe0\xa6\x95Y\x87\x00\xe0\xbbe#:\x7f\xc4:\x06\x1bk\x13\x92\x87u\x08\x00\x00\x00\x00\x00\xba:\xbav\x1a\xeb\x10\xfc\x0e\xde|\x00\x00\xf8\xa3\xfbhz\xfb^\xab\xf2\xb9Y\x87\x00\x00\x00\xb4\t&lt;\'\xdfW\xf0\xbb+G\xef\x9c\xdefP4\x00\xe0\x9f\xcem_\xc8:\x04W\xff\xb9t\x84u\x08\xba\xab\x99+\x80VV\x98X\x1c@\x17\xbb\x17\x8eb\x1d\x82\xee:V-\xc4:\x04W\xf3\x07\xb7e\x1d\x82\xddT\xcb\xe1=\r\x00\xf8\x9d\xe4\xc48\xd6!HH\x88\xd9\xcf:\x04[\x11\xdb\xf5\xcf\xec\xdb\x9cu \x00`&amp;W\x8e\xacc\x1d\x82%Y\xab\xa9R\xbdB\x1f\xb0\x0e\x01\x00\xcc\xa7}\xa5\x02\x92\xcb\x1d\x15\x1c^EJ2\xe0\x04\x90M\xef\x02\x00\x00\xe4y\xaa\xe9B\x0b\xda\x7fLI\x99Z\xfe\xd6\xc9\xad\xba\x96k\xad;\x0c\x00i\x1b\xa7\r\xd4\xb2yPZZ\x81\x00\x1d9\x08\xa9W0=\xeb(\x0c2\xadW\x13-\x9bk\xa9\xc4?i\\QK\xd1\x00\xc6ax\xb5\x12^,\x13\xab\xa2]\x98\xf9\x92\xed\xdb+\x11\xacCP\xe4\xe6\x89\xcd\xacC\xa0\xc9\xcc\xbb\x04\x80\x1d\x08&lt;g\xf5Z\xa3wh\x19\xd6!\x00\x00X\x8d\xc0s\xbf\xdd;\xcf:\n\x00CE\xae\x9d\xce:\x04\x00\x13\xd0x\x8b\xfdX\xe7\x1e\xa7\xed+\xe5\xf7\x9a&amp;91\x16\x0f\n\xfc\x01\xc5\xc9\x91\xb0\xc3\x00\x90{\xe7v\xca\x1f\t^\x8f\x93\xfdK\xc7\xc9\xacmW1\x9f\x9a\xb0\xe0=q\xea\x00\xf1W\xb0qGT%\xd5\xb1\xc0s?\xdf&lt;E\xa5\xb8\x9cTr\x01\x80\xe8\xdd\xcb&lt;\xadJ\x83\xa6x\x944\x0b\xca\xce:\x04\x1da\'\x01\xb0\'\xf1\xd8f;\x88Jx\xb1\x8c\xd4\xf3\xfc\xf2\x8b5_\x9f\xdfM=[\x03H\xf7Xcj\xe3\xd4\x01\xf2\t\xcc&lt;R[^\xd9\xb58\xb1\x81\xe9$\xc5\x1d4\xa6\xa0\x07\x17v\xff\xe7\xcb\xc3\xdfp\x87j\x98\xe3\x96{J\x8f\x86\x14s\xbb\x1a\xb1\x81bn\xee6\xcf\xf8D\xd7\xfc\x01\x00\xec \x8b\xd4\xc2&gt;aAF\xc7A\x95N\x17\x8fx\xde\x02\xc0\x8c\xc0se\x15\xf7\x00\xb5\xc4\x81j\x89 \xcd\xaf]E\xef\x8d\x9d\xa8\xc0\xef\x056c\xe6\'\x84\xae2\x97\n}\xf4\x97\xd2\xc4\x8f\xff\xf3\x1fO\xab~\xbfo\x96\x96\xfb\xdf$%\xb1\x0eAZ\xbdBV\x1ak!\xf2\xee/\xacC0\xa3\xbbgw\xf8\xba\xc9g\xa3\xbb\xeb\x11\t\x80\x89\xd4\xccMm.$w\xb8HT\xa8C\x95\x82\xacC\x00\x06\xact\xc9\t~kB\x970\xd6!\xf8\xa6F\xce\x7f\xcf=8\t\x01\x80\xdf)k\xe5\xe1\x81\xc7u\xaa\'\xf0\\\t\r\x17H\xfeV\xef\xffr\xeb\xf4W\xc7?\xa7\x9b\xa7\xbf}\x87\x00 A\xbf\x8a\xc0\x8a9\xfb\x89\xcaYYG\xe0\x06\xbf)\x80R\xf7|\x7f\xebe\x0f\x81nK\xd6L\xe8\xcd \x0e\x00\x1f\rkY\x8du\x08\x00\x06z\xf6 \x8az\x9eg\xb7.p\xfeo\x18\xe6_\x05\x00\xb0\x96Zy\xd0D\x02\x00\xc0\xcf\xe0Q\xafUT\xca\xe2\xfac\xcd\x1d\xd8\x9aU0\x00\xfe\x05\x15\xa5h@x0\xeb\x10\xf4"\xf0\\\xc5\xcc\x8aR\x061j\xf4\xf5\xe5\x17\xab]\x96l\x9f3\xd4=\xd9\x8f\xd7\x8f\x1b\x12\x0e\x80\x1f\x08\xa1?*\xa5yu\xacZ\x88\x10\xd2\xa8\x84\xb2\x8a\x10\x00\x00l\xe3\x87\xeb\xc7\t!\x03\x1b\x86\xb8\xafZ\xf8i{\xf7\x85\x83\x1aW\xd4;$\x93+BH\t\xdf\xfbw\xf7\x0f\x0f\xc6=%\x80=m\xf06T\xbaiq\x07V)i\xc7s\xe5\xf0:\xddC\xb1\x82\x9d\xf3\x87\x0b&lt;\xf7\xeb\xed\xd3\n\xd3;*\xfd\xab\x11\xeb\x1f^\xdc\xab[\\\x00`5\xed+\x9bp\xda\x0f\x90\x83Q\x9a\x01\xc0b\xc6t\xf8\x98u\x08^\x98\xb6V5m` \x0f\xa7j0\x1d\xec\x91\x9e\xd8\xfe\x9b\xb1\xc7\x1f\xc8\xf0\xafhU&gt;7\xab\xa2\x01(\xb0\xd6%I\x83\xa2\x1f\xb2\x0e\xc1V\\zP\x03\x80m\xb9W\xf4GVM\x11O\x00k\'\xf6a\x12\x12\x80\x99\xe5Hy\xd4\x9c\xd80\x8ba0\x004\x95LE\xbe\xbb\x1a\xc9\x1dX\xe5\xbe\xaa{\xed\x12\x86\x87\x03`v\xa5\xdc\x07\x1dt3\xbeS=\xfd\x03\x01\xffV=\'\xeb\x08L\xc0BO\xae\xc0\xae0\xe8,\x98HQ\xd6\x01\xd0\xe2i\xd6\xe2\xe4\xc4\xb8\xe7\x0f\xa3\x08!?\\;fh@&amp;P2\x90\xf4\xac[J\x8f\x9c\r\xeedn\x8f3\xb7=\xfe\n\x00+9\xbf}\x91\xf8!\xfe\xc0J\x03\x8aS\xd2\xb56f\xefr\xdd\xe3xO\xb2\xc3\xb3\xc0s\xcf\x1e\\4,\x06\xbf\xf2\xd3W\'\xc5QIt\xf5\xed\xe5\x08\xbd\x8b\x00\x00{\xc2\xa5\xa8\x99\x9d\xdf\xbe\x90u\x08\x00\xa0\xcd\xe8vuX\x87 \xad_\xfdr%-2\x87\x829OTmB\xf2\xb0\x0e\xe1\x9d\rS\xfa\xb3\x0e\x01,K\xe0\xb9\xa0\xb4\xac\x83\xa0\xe1j\xc4z\xf1C\xf4\xeee*6\xf7T\xcb\x98\xb3\xf6q\xf1(z\x9fO\xe9\x8b\x13B\x08\x89\xdd\xb7B\x8f`@\x9d\xe0\x0c\xd6\xd8\xd9\x00\xa4\xd5\xc9\x9b\x9au\x08*\rm\x81\xe9UA_\xb7Om\xf5\x9a\xe6z\xe4F\x03"\x01P\xca\xeb\xb0\xfa\xf5\n\xa57"\x0e\xc5\xfa\xd4\x0b\xa2\x98[HF\xca\x19RQ&amp;\r\xeb\x08\x00\xc0r\x86\xb5\xacN\xfd\x1e3!\xe5\xc3\x07\xdc\xc3\xfa\xb9\xfc\xac\x03\xf0\x1f8\xd6\x80=\xec\x85\xc6\x1b\xd3\xde\xec\x83\xa1\x12B\xaaeg\x1d\x819t\xa8R\x10\xc7\x08\x80\x9d\x8dj[\x9bu\x08`^\x02\xcf\xd9\xa2\x99\x05\x00\x80\xe1p\x05\xad\xdc\x91US*ge\x1d\x84\x7f\xb0H#j\x00\x8b\xcb\\*\x94u\x08\x9a\x18\xd9\xc6\xec\xaf\xbf\xff\xba\x9dlXi\x00\xf6e\xc2\x89\x91\xbf\xf9\xf2\xf0\x90fUXGa.\xfd\xc3\x83Y\x87`"\xb5r\xe3\xc2\x14X\xc0}\xba\x01&gt;\x1b\xdd\x9du\x08,\xa5S\xbb\xa1O\x93\x17]\xdc\xb9Xm9\x14T\xcaB!\x93\xe9\xbd\x9bR\xc8\x05\x00\x18r\x1fj\xd3\x80\xf1\xc5\xcc\xac\x00\xeb\x00\xf4\x96\x8dR&gt;\xb8\x1a\x03\xb0&lt;\x1c\xc6\x9eP\xb9LV\xa1]%k\xf4s\xc0\x9e\x03\x00v\xf6\xfca\xb4\xeam\x93\x13\xe3\xe4\x13X\xfdV\xa3a\t\xaf]\xf8\x01\x0cT;\x8f\x829\xf1L\xa30\xeb\x00@?U\xb2\x91:y\xad\xb47\x020\xd6\xb0x&amp;%\xc9\x064\x0c\xf1\xb4\xaaq\xc9\x7fo\xda\xcd\x7f\x7fj\xfe\x08\xc1\x18L\xc67\xc4\xd0\x84\xa0\x17\x99A\x8f\x05\x9e\xd38\xc1\x1fwp\x95\xb6\x0c\xdeE\xa2=\x13I\x91\xeb\xa6\x0fj\\\xc1yIR\xec\x01\xc9\x94#Z\xd7\xd4)\x06O\xee\x9f\xdf\x85\xb3\x8e\t1\xf9Q\xb0\'\x80.\x82\xd2\x9aw\xdf2&gt;0\xf7\x12\xf7,\x1a\xad$\x0c\x9dB\r+\xfc\x81\xc2\x94\xfb\x96\x8c\x95\\n\xda\x1f\x17|\x82\xdf\x11t\xa1z\xe2\x17\x81\xe7~\xbaq\x82j,\xec\x1d\xfal\x92\xba\rq|\x82N\xb4\xbc\xd9\x06\xf0\xe2\xc9\x9d\xb3\xaa\xb7=\xb3e\x9e\xf3\x7f-:a\xe9\x8aQ\xdd\x1c\x9f[\x95\xcf\xcd0\x12\xf0\x1f\'7\xcda\x1d\x02\x00!Iq\x07s\xb2\x8eA\x0b\xc7\x1c\xb6\xf9\x08!&gt;v\xef$\xef7\xa1\x1c\x93\x8f\xa5\xdb\xfe\xee\xa1I\xa9\xac\xacC`@\xe6g=\xb2j\x8a\x91\x91\x00\x98\x85\xf8\x8aU\x8f*o\xc1\xe0v\xea6dX\xff&amp;\xc5\x1e\x98\xd6\xab\xb1\xedO\x00\xfeiT\xdbZ\x9eVe02\x0e\x00\xf3PQ\xd9)\xdcD\xf5\x03\xa8\x8b\xbb\x96\xa8\xdb\x90\n\xc9;\x00\x15s\t\\\xd8\xc1r\xb0\x1ap\xe7i\xbf\rd}\xd3\t`\r\xe7w,\xb2\xfd\x13\x12\x81\xe7v-\x18\xe9\xb2p\xcb\xac!L\x82\xd1I\xfd"\x1f\xb2\x0e\xc1\\\x1e\\\xdc\xa3w\x11\x93\xbb\x87/\x18\xa2\xf2\x9e\x18@\x8d%\xc3;I.\xd7&gt;G\xfcV{U\x88\xd4M\xee\x16~\xe9\x8b5JRv\xadYll\xc7\xbaz\xc7\x03\xf2\xec}M\x03~\n\r\x1b\xcc\xcf\xf6wT\x96p\xef\xec\x0e\xd6!\x00\x80_\xb2\xd9\t@\xe0\xb9^\xa1eXG\xe1\x83\xb6\x15\xf3\xf9tG\\:\x8d^\x91\x00\x80R3\xfb6g\x1d\x02\xf8\x9d\x84\x98\xfd\xacC\x00\x1b1\xed\x90\xb6\'6\xcef\x1d\x02cQL\x1b#9\xfc~\xff\x02\xeb\x10\xecI\xc5\x8d\xd7\x93;g\x7f\xbaq\xe2z\xe4F=\xe2\x01\x00\xbd|\xc4:\x00\xf0\x899G\x82\xb6\xd9\xc3:\x00\x95\xect$|6\xa6\xbb\xc0s\x9e\x86`Z?\xb9\x9f\xb1\xe1P0\xb9[\xb8\xc2\x94e\xb56\x07\x03\x00\xeb\xf3ij\xa2\xa2\x84\x1c\xdf0K{\xa1\xcbFv\xd1\x9e\x89v\x11k\xa6\xc9\x9c\xcfr\xa8\xcdV\xefs$\x95\xfckc\xd2\x15\x00\xf0gY\r\xbf\xa1\xd9\xbbx\x8c\xf6LL~\x13\xb6bt7BHy_\xc6XP}\xae\x05\xb0\xb9\xdf\xee\x9d\xff\xed\xde\xf9\xdb\xa7\xb6\xe9]\x90\xf6&gt;b\x14\xcd\x1f\xdc\x96z\x9e\x92\x8fz$+\xd3\x1a\xba\x8d\xc9g\xf2\xba\x9b\n\xf1o\xfc\xf9\xe6)\xd6\x81\x00\xd8\xc5\xd5\x88\xf5?^?.\x9f\xe6\xd2\xa1\xb5Z\x8ax|9\xc2\xb4\x0f\x05(\xb6\xfb\xac\xae\xa0r7\xc9\x08\x91\xa6m\'\x06\x00F\xfb\xed\xde\xf92&gt;\xf6C\xb1\xd0\xf5\xe6\xf4\xdeM\x9d\xff\xbby\xc6\':\x15T9\xab\xf74\xeb&amp;\xf5\xf5\xb4\xea\x93\xc6\x15\xa9\x85\x02\x00\xa0\x90\xc0s\xb7Nn\xd5/\xff\xce\xd5\x8aX\xe8\x84\x01\xda\t&lt;w\xff\xfc.\xd6Q\x00\x80\x94\xef\xafF:&gt;\xefZ0\xf2EBlR\xdcA]K\xc4\t\xc0B\x064\x0c\x16?\x98\xea\xe5\r\x00h%&gt;\x8b_\xee4?\xe2\x9d\xd3\xdb\x04\x9e\xfb\xed\xdeyV!1W%\x9b\xca\r;V)\xf80j/\xd5X\xe4&lt;\xb8\xb8Gl\x06\x03\xba\xc2\xc5\n\xd8V\xec\xbe\x15.K2\x10\xf2\xfcath\xc1t.\xcbU\xcf#/\xba\x1e\xb9I\xd3\xf68\x0e\x01\x00h\t\xc9H\x08!\x97\xdd\xda\xf3\xf4\t\x0b\x9a3\xb0\x95\xcbB%\x95\xef\xfe\xa5\xe3d\xae\x9d\xf5\xab\xbe\x13b\xf6\xe3\xdc`~\xd5uk\x81\xaf\xdf|s\x00\xb6U\xfe\x03\x89\x85\xab\xc6\xf5\x94L\x8c\x03\xa6c\xd5B\xacC\xb0\xb9\xa5\xc3;\xdf;\xbbS\xc5\x86\x8e\x9dS\x8f&gt;\x15;\xe7\x8fP\xb7\xa1\xf2C&amp;\xe8\xfd\xcd\xf6\x88\xd65\xd5\x95\x05\x00\x96\xf1\xc8\xf7\xf7\x04\xdaO\xc0V?\x85\xaf\xf5\xdc^\xd6\xf1\xa7)\xff\x1b\xd9~\x1b\x9e\xde\xdc\x9c\xde&lt;\xcf\xe0H\x00\xc0hV\xaf\x8b\x95X&gt;\xaa\xab1\x05\xcd\x1d\xd8zB\xe70\xf1\xb3U\xbeX\x81\xe7~\xfe\xea$\xeb(\xc0\x9f\x0coU\x83J&gt;V9\xc6@o\xd8\x13\x00\xfc\x8e\xe3\xb0\x9f\xdd\xbf%\xdbH\xbc\x1a\xd5\xb66\xeb\x10\x8cS\xd5\xf0\xb9\x08\xd6O\xe9ot\x91\xdad5\xb6\xb81\x1d&gt;6\xb6@\x00\xffvp\xf9\x04\xe7\xff\x1e^5\xf9\xc6\xb1\xcf\xd5eU!\x93y\xafp\xdd[\xe8\n&lt;\xd7\xb5f1\x83\xc3\x88\xda\xb5TI\xb2o\xb8C\xee\x0b\xc3\x8be\xa2\x1d\x8e4\x86?\xa2\xc0s\xf2\xa5\xf7\xae\x17dX0\x00\xba3m\x8d\xa9\x82\x99\xef\x1e\x9e?\x8cvY"\xf0\\Xa\xa9F]R\xcc\xf03\xa9\x88!/!-\xca\x1a=\x96\xf3\x92a\x9d\xd4m8\xb4EU\xafi\xcc\xf0C\x00X\xc0\xe8\xf6uX\x87`"6\xa88\x1c\x7f\x82OMk]\x1a.k\xec\x99\xa8\x90\xc1\xdfv\xb32\xd9\x8d,\x0e\xc0\x8c&gt;T\xbb\xe1\xa2\xa1\x1dh\xc6\x01\xf6rx\xe5d_7\xf1\xfa$G\x0b\x1b\x9c\xcb\x01\xe83\xe8\t\xb1\xf9H\xd6\x08\xca\xab\x89!\xcd\xaaP\rG\x9a\xf9\xab\xad=\x8bF{M\xa3\xf0\xaf\xd0\xfe\xc7\xb6\t\xc9\xab_\xe6\x00\xde)9\x1el@\xecQi\xdd\x83\xaa\xfc\x07\x96\t\xbe\xa2O\xf3;\xfb\xbd\xce\xd5\x8b\xb8/\x0c/\x96I\xe09\x8f\'\x07\x00Z\xbe\xbdrTry\x19C\x9e\xa2\xaa`\xd6\xb8\xc0\xbb\xba\xf9\xd3^9\xb2\x9eu\x14\x12\xf4;\xb9\xf6\t+\xeb\xf8\xfc\xc5\x8a\x89\xaa\xf3\xe1\x0e\xac\xa2\x10\r\x80\xc1\xf2{X\x1e\xb7\xff3C\xe30\x01\x97\xc1\x94\x16~\xda\x9eU$\xe0\xa2R\x16\xff*\x97\xe0F\r\x0c\xa0\xee\xc2\xca\xd1\x8f\xcc\xb01\x03(\xfa\xee\xca\xd1G\xd1\xfb\xee\x9f\xdf5{@\xcb\xc7\x97\x8e&lt;\xb9s\xf6\xbb+G\xc3\x8be\x8cX3\xf5\xd7\xdbg~\xbbw\xfe\xe1\xc5=+\xc7\xf6,\x15Hf\xf4i\xc6:XW3\xfb\xfa\x16\x92x\x0e[6\xb2\x8b\xf8_\xab&lt;\xa42\x0f\x81\xe7\\\xeeh\xf5\x9b\x85\x14\x00tt`\xd9\xf8g\x0f\xa2\xbe\xbd\x1c1\xbeS=G\x13\xc6\t\x9d\xc3~\xb9y\xea\xf9\xc3\xe8\xe4\xc48\x81\xe7^$\xc4\n&lt;\xf72)&gt;)\xee\xe0\xe9\xcd\xf3\xf6/\x1d\xa7\xae\xacr\xfa\xcc\xbe\xe5k\r\xee\xe8u&amp;Nq,n~\xe7\xf4v\xaaAY\xcc\x89\r\xb3\xdc\x17\xd6\xf00\x18\xa9{;\xa2\x97I\xf1\xa9\xf5\x08+%\xe3\xfb\x06\x82\r\xf5\xaa[\x9au\x08f1oP\x9b\xe4\xc4\xb8\'\xb7\xcfH\xaem\\2\xeb\xb7\x97#^&amp;\xc5\x89\x07\xbc\xc0s\xc9\x89q\x7f|}!r\xedt\x83\xe3T\x8d;\xb8\xcak\x1a]\x9bEz2\xb6C]\x83K\xf4D\xc5\xf3\x1c\x81\xe7n\x9e\xd8\xacC,\x00\xde,\x18\xd2.+\xeb\x18\xec\xe1\xcb/V\x0b&lt;\xd7\xf3\xe3R2i\xdaT\xc8+\xf0\xdc\x9f\x8fb\x1c\xe7\x00\x81\x8f\x7fr\xe7\xac\x9d\xae\xc5\xbc~\t\x0e\x85=\xdcm8\x06\xefd\xa5~\xe1\x0cs\xdd\xa6&lt;2\x0f\xa3\xbb;\x83\x8dY\xe8\xf2\xd3\x9c\xb8\x83\xab\x8e\xad\x9fy\xe9\xd0\x9a?\xbe\xbe\xf8\xcb\xad\xd3^\xd3w\xa9Q\xf4\xf9\xc3\xe8\x97I\xf1N\xe7\x00\xee\xf1\xa5#*\x8aV}\xa1]D\xddf\xca&lt;\xbc\xa8t2\x83\xcb\x87\xd7\xba\xfc\t\x9d\xab\x17\x11x.\x8f\x0eQY\xce\x94\x1e\x8dX\x87\x00\x00\xde\x14&amp;$\x90\x90\x17\x89\xb1\x97\x0f\xbb\xce\x9d\xe9\xc9\xf4\xdeM\x9e?\x8cv~\x16\xf4\xfb\xfd\x0bm+\xe6sO)?\x10B\xd7Z\xc5}\x8f\xd7\xecr\xb3\x0e\xc0Y7S~\xc3x\xcdn9\xa9X\x07`\x07\xb3\xfb\xb7`\x1d\x82\x84W\x84&lt;\xbe\x16\xf9\xfa\x9f\x7fR\xa7V\xfa\xden\xeb\xee\xf3\x7f\xfd\xf5\xdf7o\xde:\x96\x04\x04\x90\xaf\xee\xfe\xea\x9e\xf2G\x0f9\xcc\xe8\xd3\x94\x10r\xf0\xeac_\xa3\x15\x99\xb9\x06\xf9\x8d\x10BH\xdb\x8a\xf9\xb4\x9f\t$\xe74UhB\x970B\xc8\x01\xb5\xdf0\xd1\xf3K^\xb6`\xa1N9\x03xt\xe5\xc8:-\x9b\xd7\xce\x13H+\x12\xf3\xa8\x937\xf5\x80\xf0\xe0\x17\t\xb1\xbeN\x08|n\xdbB\xb1-\x90\xe3\xdf\xb7\x97#t\n\xd2r\xcc0\xf3\xad\xf6W\xd9\xee\xc7\x8b\x8a\x0c\xa3\xf7,\xd3\x12\x03\x98\x84\x1d\xee\x00jw\x1c\xee\xeb&amp;\x8b&gt;\xfdw\xe4\xb5+O_+\xdc\xaaL\x1a_\xcbaFx\xf9\xcf\x95K_\xff\xfe\xf4i\xaaT\xae?qC\xd9\x11\xed\xb3\xe7\xc8\x9e*U\x80\xe3\xbfo\xdf\xbe\xcd\x925\xab\x1e\x11\x1a)\xac\x90\x86Kn\'kO\\\xa3\x92\x8f\x16\x99K\x85\x12B\xcem[ \x93F\xbeBw?^.\x7f\xf9\xa5\xafa\x84\xf7z7\x83\xc5\xd9\xadr\x91\x00\x98\x91\xd80\\\xa3\'w\xa4[U\x9aA\xbdB\xe9\x87\xb5\xac\xb6k\xc1H\x97\xe5?\xde8.3XEAB~\xbey\xca\xe5\x0e\xe0\xcfG1!\x19u\r\xd6\xe6\xcc\xfc\\K\xb5\x84\x98\xfdz\x17\x11\xb1z\xaa\xdeE\x80\x1d\xee\x00T\xb8\x9dL\x08!5s\x05xI\'+o\xa5\xe6\x92\xcb\xc7w\xae\xa7%[_I\xd6/s\x16-L\x9d&amp;MH\xa5\x8a.\xcb\xd3\xa7\xff\xe0\x8bu3&lt;e\xb5y\xeb\x82\x0c\x192\x04\x06\xa6x&amp;\xf6\xe6\xcd\x9b\xdf\xfe\x97F\xa0L)\xaf\x85\xd5\x9d\xedd\xf2\x17\xaf\xd9\x95\xf34&lt;\x89h\xef\xe21&gt;\xe5\xa6\x93\xa0\x06\xdd\xf5.\xe2\xd4\xf1\x13z\x17\x01`g\x9fO\x1f\xe4\xfc\xdf\xb4\x84\x08&lt;\xe7i\xca\xb0&lt;\x84\xb87\x03\x15\xef\x00z\x87\x961$^\xbd4*\x91Y\x8f\xcb\xf0ms\x86R\xcfSt`\xd9x-\x9b\x07\xab\x9e\x95\xe2=\xc9\xa6_\x9e\xfc\xf9(Fky\x00@]\xfd\xc2\x19\x9c\xff\xbb\x7f\xe98\xf7I\x19\x1d&gt;\xce\x9f\xe6eR\xbc\xcb\t\xe0eR\xbc\xcc&amp;\x96p\xeb\xe4\x16b\xca\xe70\xb1\xfbV\xf845X\xa7j\x85\x95\'\xd6\xf2\xf7N\xed\xd9H\xe1\xe6-\xca\xe5\xd4X\x16\xb0\xe5\x8f\x8f\x80(\xee\xaff\x1e\xfc\xb9N\xbe\xd49r\xa5\x18\xe4e\xd2\xc4\x15\xaf_\xff\xe3)\xfd\xb3?^\x11\xf2\xd6e\xe1\xdb\xb7o\xffy\xf5J\x8f\xf0\x9e\xde9\xabG\xb6\xee\xaa\xb4\x1a$\xf0\xdcW\xd7\xaf\x1bS\x9cBC\x9aU\xf9\xdf\xff\xf9\xdf\x84\xffS\x94x\xfb\xdca\x84\x90\xc3_\xfd\xe05%\x95\xf9\x88\xaa\xd5T\xda\xd8\xe9\xf4\xc3?\x08!/^\xbc\xa0Q,\x80)\xf9\xcf\x05\xce\xf7\xd7\x8e\xa5\x1c\r\x82KN\x8c;\xbbu&gt;\xeb\xb84\xe9\x1f\x1el\xf5_p\xfe\xe0\xb6F\x16\x97\x14w\xd0\xea\xdf\x18\x00\xa8\xf1\xe0\xe2\x9e\xe7\x0f\xa3\x9c\xcf\x01\xa3\xda\xd6b\x1d\x94\xcf\xba\xd4(\xea\xf8,\xf0\x9cyF4\x12;\xcay\xb2ld\x97\xb9\x83Z\x1b\x16\x8c\'\x8b\x87vt_\xe8\xe9\xe5\xf3\xf4\xdeM\x18N\x1b\x00`I.O\xe7}\xa2\xeb\xd5\xd9\xd2\xe1\x9d]\xde\x01\xd0iB\xaf\x8f\xaf\xcf\xef:\xb3e~h\x81t\xce\x0b\x8f\xad\x9f\xf9\xc3\xf5\xe3\xee\x89o\x9e\xd8\x8c\x0b[\xafz\xd4)yp\xc5\x04\xe5\xe9\xf7-\x19\xeb\xc3\xfbb0\x19M\xed \xc1~\xbe\xbf\x1a\x99%kV\xb1%\xe8\xeb\xd7\xaf\xef\xdd\xbe\x13\xd6c,\xeb\xa0&lt;z\xf6 *M\xda4\x7f\xff\xf5W\xae\x90&amp;\xe2\x92;g\xb6\x17+^\xfc\xef\xbf\xff\xce\x15\xd2\x98mlz\x10x\xce\xd7F\xa5\x9e\xe4 \xe4\x99\xe7\xb5\x9d\xab\x179t\xe3{*\x05\x81\x99\xf9\xe3K`]\x9d\xd92\x8fu\x08\xea\xad\x1c\xdb#c\xa6L\x8e~\x00o\xde\xbc\xfe\xe1\xfb\xefU\xe7\xf6i\xf3*wNo\xd3gn\x98w\x92_\xbcx\xfd\xcf\xeb\xff\xfe\xbf\xff:\x96\xbc\xfa\xbf\xff{\xfb\xd6\xf5U6+\xd4g\xca\xa5U\xfb\x13\xd9\xda\x9f\x10\xb2u\xefnZ\x05\x01\xf8\x11\x97Y\xb4,\xf4\xcc\xa1Zv\xf2\xe4\xf6\x19G7\xe0\xe7\x0f\xa3\xfe|\x14\xed\xdb@B\x86kP4c\xc3\xe2\xae-_\xfe\xf8\xfa\xe2\x1f__p^\xe2SkK\x8a\x98LA\xa3\x9d\xc0s\x93\xba5`\x1d\x05\x80*{\x16\x8d\xa6\x9e\xa7\xc6\xa1\x10J{\x1b\x8e\xb3N\xbe\x14)\x98\xd4\x1aKGt~\xfe0*91\xf6eR\xdc\xcb\xa4\xf8\x9f\xbf:i\xd1\x97{\x17w.q\xf9&gt;\xb5S\xf7\x8b\xc4\x1fXi\xc5\x13\x00\x80\xe5M\xeb\xd5\xc4k\x1a%\x07\xe7\x92a\x12-"\xec\xc1\xb9\x96\xccE\x88\xf8\xcaW\xe0\xb9\xe4\xc4\xd8\x98\xbd\xcb\xb5\x8f7o\x92\xba\xef\xd4\xe7s\xf5\xcb\xfc\xf4f\xb9\'~C[Ts|6\xc9\xb7\x01\xe0\xa7\\\x8e@\x85\x8d[\x04\x9e\xab\x9d\xc7\xe87%;\xe6\xf9&lt;\xbe\xa9\xaf2\x11\xf2"16~\xff\xcao/G\x88\x95\xfe\xb5\xa3\x1b\x1a\x97\xcc2\xa9k\x83M)\x07\x90\xb0:\xd4\xbcJ\xec\x987\xcc}!\xbe:\x00/f\xf53\xe3l0J\xa4&amp;\xa4G\x9d\x92\xb3\xfa\xb5\xd80\xa5?\x0eu\xed\x8e\xad\x9fI\x08)*\x9b\xc6B\xdfsPZ\x96\xd1Z\xe8\x8b\x02?ur\xd3\x9c\xc6%\xad\xf9\x98\xdc\x8d\x1e\xf78\xe6\x1fBnzo\xef\xcf\tim\xe5\x13G\xf5\'\xf0\x9c\x927\xd8k&amp;\xf4\xd67 C|\xc4:\x00\x00\x00/\x8c\xbc8\x15xNI\xb5\x18\xbf\x7f\xa5\xee\xa1\xe8\t\xd7\xfb\xacX\xb2\x1f\xc0\x886\xecg\xe6\x93Q\x15W2\xacU\xc9\xa6c\xe6\x14\x1b\xe3+\xf1\xa7\xd3\xe7\x8dS\x07H\xa6\xa9T\xb5\x8a1\xc1\x000\x93\x18{@\xfc0\xab\x9f\xf4L,`u\xcd\x83\xb2\xb3\x0e\xc1D\xea\x16H\xeb\'\x97\xc6~\xf2g\x02\x05mB\xf2\xb0\x0e\x01\xc0U\x83\xa2\x19\t!\'7\xcdf\x1d\x08yr\xdb\xbc3\x95\x02\x80\xb9\xfc\xe7\xcb\xc3\xba\xe6_\xce\xcc\x83\xc9\x01\x80\xbfi[!/\xeb\x10\x00\x00\xd8\xb3\xe4K`\x8dZ\xb6k\xcb:\x04\xad\xba\xd5\xd2\xdeQ\x97\x10&lt;{\xa5J\xe0\xb9\xday\x03YG\xa1\x94\xc6\xd1M\x00\xac\x87\xfa\x101.\xa8\xd7\xa7\xd7#7\xd2\xcd\x90\xbaz\x85\xf4\x1a\xee\xd3rm\xdb\x05\x9e\xbbql\x93\xc0s\x95\xb3\x1a]4\x95\x99 \x01\xec,8\x03\xf9\xfej\xa4\xa7\xb5\x16\x1d\xb8QWk&amp;\xf6!\x84\x0ciV\x99u \xdey\x9a\xaf\xcaH\x153\x13\xa2\xff\x8e$\x99\xf9\x96YC\xe8\x96\x12\xb3g\xf9\x94\x1e\r\x1d\xff]\xf4i\x07\xba\xf9\x03\x18\xaao\xfdr\n;U2\x843\x90\xa5\xe9\xf4\xf3\t&lt;w\xeb\xe4\x16\xf1\xec\xe2\xc9\xa3\xe8}t\x0b-\x8a\xbd\x11\xc0`\x02\xcf\x8dj[\x9bu\x14`=\xda+k\xf7\x1cZ\x94\xcd\xe1u\xab\xb0\xc2h\xe3\x056u\xf9\xf0Z\x9f\xd2\x9b\xff\x8ai\xc3\x94\xfe\x84\x10\xc79\x86\x8f?\xc44\x1c\x9aj\xe71\xee\xed\xeb\x9c\x01-)\xe6vd\xf5\x14\x97%\x1b\xa7\x0e\xf0u_b\xb5\xef\xed_6\xce{"Y2Oe\x01@\x17\x9f6\xaf\xfai\xf3\xaa\xac\xa3`\xe3j\xc4z\x8d9P|\xdf\xf0\xe7\xa3\x98\x19}\x9a\xd2\xca\r\x00\x8c\x96\x9bu\x00\x00\x006g\xefv\x087\x8e}N1\xb7\xf5\x93\xfbQ\xcc\x8d\x953[\xe6\xd3\x1a\x18(?\xa5|\x00\xc0D\x8e\xae\x9dF=\xcf\nhSm\x1a\x0b\x87\xb4g\x1d\xc2;\x05\x9c&gt;S|\xe0\xde\xbdv\tZY\x01\xf8\x1d\xd4\xd5\xee\x066\n\xf1\xa9\x86\xca\xa0,Y\x8b\xb29\xd5\xc5\x03\x9e\xe8\xf7\xe6\xf6\x8b\x15\x13u\xca\xd9\x19\xddN\x95\xd50\x0e,x\xf29\xd5Yj\xd7M\xea\x9b\x86\x10B\xc8\xbcAm(f\xab\x9d\xfb\x0c\xe3\x06\xb4\xee\x90)\xc2\xb1\xeaz\xe4&amp;\x97\xde\xadb\x87\x8akG7\xf8Z\x1cwp\x95\xaf\x9b\x80\xaf\xbc\xee6\x1f\xe7KcL$\n\xf5\xab_\xce\xfc\x8d\xe8\xc0n\xcc\xd6\xfb\x97n0\xcas\x93\x9f\xc6\x96\xae\x1f\xaf\x1f\xa7\x9b\xa1\xf7\xc6\xea&amp;c\xc0.WXY\xb2\x8b;\x97\xc8\'\xf8\xe9\xab\x93\x9eV)\xfc+\xbe\xe1\x1455\xfe\xf2\x8b\xd5\x11\xab\xa7*I\t@\x8dl\xe7J\x06\x04\x9ekY.\x97\x8a\xad$\x97\xd7\xcac\xae\x91\xfe\xf4\xeb(\xebi\x15:)\xe9G\xc9\x8d#\x00\x05\xe6\xd9\x9ft\xbaH9\xb8b"!\xe4\xd0g\x93\x04\x9e\x0bV\xf8H^\x01=\xbe7\xbd\x06~\xf3K=\xeb\x96b\x1d\x82.\xccs\xc0\x02\xb0\xe1\xf5\x18hWIQ\xd3D1\x1f\xc9\xdc\xe4\x87\xf3\x15x\xee\xd9\x83\xa8\x9d\xf3G\xc8\xa49\xb7m\xa1\x92\x18@\x1d*\xf3\x12\x0b&lt;\x97\xcf\xe9\xbf\xc1\x1f*\xdaj\xcf\xa2\xd1\x02\xcf\x95\xd6w\xe8[\x8f\xd0\xe8\x16\xccnzo\x0bw\xbf\xc4\x15\x96y\xd4-@a|\xc1\xaa\x1fI/\x9f\xda\xa3\x11~k\x00\xbf\xf02)\x9eu\x08\xe0\xb3JY\xb4\xe6P\x92\xf6\x9b\x1a\xc79\xe3\xd2\xa1\xb5\xe6\xe9H\x01\xc0\x92~\xdd\xbb\xda\x84\xd0\x99`\xf2\xbb+G\xa9\xe4\xe3\x89\xaf\xd7\x92wNosYB}\xccaV|~\xcfnnz\xbc\x8f\r\xc1\x84a\x00J\x1ca\xda|M\xf9q\xaa\xa2.H\x8c=P"\xc0\xd7\x8d\xc0\xf2\xd0W\x03L\x81n\xed\xb3{\xe1(*\xf9\xac\x1c\xdb\xc3\xf9\xbfzt&amp;X\xf4\xa9\xbew\xeeC\x9aUq|\xf6\xdaV\xd2\xd2\x8f\xa1%\x83\xdf8m\xa0\xf1\x91\x98\xc1\x1f__\xd4\x9e\x89\xa5\xf7\x07\xb0\x83=\x8bF\xab\xdeV\xe0\xb9\xa7w\xceJ\xae\xda8u\x80\xeal\xe5\x89\x13\xe7\xae\x9d\xd8G\xa7\xfc\xdd\xc7\xc2\x8f\xd9\xb3\\\xbf\x03\xd5\xe4\x13\xabY\x88\xb9zj\xa4T7\xbf\x11?3N\'\xa0\x95\xc1\xa3\x88P\xdfe-w\x0c\xa4"\x04\x03\xb7\xc8\x18\xd8\xa8\x02\xeb\x10\x8c\x90\x87u\x00`\x7f\xe5&gt; \xc3[\xd5\x90O\xd3\xabnic\x82q\xa6\xa4\xd6\x9e\xd4-\\u\xe5\xfe\xf5\x85\xdd\xea6\xa4"1\xe6\x00\xc3\xd2=1\xfeL\xa9\xba\xc4A\x8d+R\r\xc4\xa4\\F\x88\x02\xb0\x12K\\z3\x191x\xfe\xe0\xb6\xc6\x17\n\xbez|\xe9\x08\xeb\x10\x00\x18q\xec\xfd^\xebq\x97\xf7\xb4\x96\xa8\xf7\x01\x8c\xa1\xa5\x81\xf4\x02\\(\x80a&lt;\xb5\xb7\x19\xd80\xc4\xeb\xb6\x8e\xe6\x92\x92\x99,\x1f\xd5U\xfc\xd0\xb4\xf4\xbbN\x99K\x86wR\x1b\xa6\xbf3\xcf\xf9\x15#\x17y\xf5"!\x96\xd5\xefu\xef\xdc\xce\x96\xe5s\x99go\x01\x0b\xf0\xda\x94s\xcd\x84\xde^3\x91\xd9\xe7b\xf6.\xf79&amp;\xda\x04\x9e;\xb2j\x8a\x91%\xd2\x1b\x80\xce\\\x94\xec\x0c\xfeL\xe0\xb9+\x87\xd7\xb1*\xbdV\xee\x00{\xcc]\n:\x9a\xd09Lc\x0e\x02\xcf\x85\x15\xc2\xc0\xc0v0\xb1k\x03\xd6!\x18jjO}\xc7\x02r\xc9\x1c\x17\xe3`:\xfa\xed\x94\xd1\xbb\x97Q\xcc\\\xe1\x14\x1c\x14\xf5\xfcX\xdf\xc1\x84\xb7\xcc\x1a\xe2\xf8\xdc\xa4TV\x97\xb5\xeb&amp;\xf5uYb\xccmD:\xb5\x1bz\x18o\xcd\xd4\x0c\xae\x91q\x02\x00\xd3Q6\xfc\xadzC\x9aU\x0eJ\x87]_\xc2\xe0\xa6\x95Y\x87`+\x1b\xa6\xf4g\x1d\x824q\xe7\x9f\xdc=\\\xe09t\xf1\x03\xbf3\xba]\x1d\xd6!0\xd0\xb6b&gt;\xef\x89T\xa11\x0c\xbe\x1c??[\x8fj[\x9bbn\x9bg|R\x88\x10\xe2\xcb\x88&amp;\xbd\xea\x96\xde2s0\xc5\x18\x00\xa8\x91|\xef\xe7\xde\xa9J\xdc\xdd\xe5\xf7x\xbbV4\xdf_\x8dt\xfeo\xf4\xeee^7\xf1\xe9\xab\xd0\xfb{S8\xcd,!D\xf3P\xcd\xa6\xa6\xfd{nV\x06\x1d\xba\xc1F\xca)~\xd7+\xd6\xfe\xc7\xd7\xcf\xd43\x9cw\xcen\x9d\xaf1\x87bT\xe2\xd0\xe0\xd2\xa15\xca\x13\xdb\xf5\xc4i*}\xc2\xca\xba\x0cJ\xa8\x8e\xe3\xc7j\x1e\x84\x93\x01\x807\xa1\x05U\xbf\x86t\xb5k\xc1\xc8\xce\xd5\x8b\xd0\xcaM\x06\x95\xf9\n&gt;\xf0}\xc8\x8d\xde\xa1eh\x94\x0c\xae\x0e.\x9f@+\xabB\xef\xcf\x01\x91k\xa7\xd3\xcaS\x1d\\7\x80R[g\r\xc1\xee\xa2\x9c\xd9\xbe\xab\xea9XG\x00\xe6sb\xe3l\xd6!\x80)\xe91\xe0&gt;\x80y,\x1c\xd2N{&amp;#Z\xd7\xd4\x9e\tC8\xc6A\x9a\xc0s\x1b|\x1f\xa9\xdf}\x88|\x15:W+r5b\xbdK042\x06\xf8\xd7\xcd\x13\x9b5\xe6\xc0\xea"i\xd5\xb8\x9e8"\x00\xde\xd1oJ\x19O\xca;\xbd\xf76\xb2\xd7(s\xa3\xdb\xd5^0\xb8]q\xd6a\xf8\t*/\x9c\x01\xf4\xf5\xfb\xfd\x0b\xfb\x97\x8e\xa3\x98aPZb\x86\xe1Jj\xe7y7s\xd4\x13\x0fs\x99\xe9\xeaQ\xf4\xbe\xeds\x86R\xcfv\xc5\xa8n\xea6\xc4&lt;$\xbe\xd2\xfb\x1b\x9b\xd4\xad\x81\xd9\xae\x0f\xc0&amp;*H\rV\xab}o3\xa6\xf9\x8d\x1e\x94\xff\xed\xf2\xad\xe0\x8d?b{\xd7\x0b2\xb8D;Q\xf7{\x19\xf0+\xa3\xea\x07\x13Y=\xbe\x17\xc3\xd2\x05\x9e+\xef\xa1/\xc2\xc9Ms\x8c\x8d\x85\x82\xe8=)\xfa\x88)\x7f\xd0\\;\xef\xbbW0\xbb\x16\x8cp,\xf4\xab\xc6?W\x8e\xac#\x844(\xaa\xf7P&amp;^\x18P;?\x7f\x18\xa5w\x11\x00\xd6\xb0j\\OO\xab\x18\xb6e*J#\x931\xed?~\xf6 \xca\xb4\x97{\x18\x9c\x00\x00RP\xde1\xd8`\x1d\xab\x16b\x1d\x82\x1ah\x8fKE\x0fm\xc3\xb8\xfex\xfd\xb8\xcb\x12\xfc(\x00\x12\x04\x9e\x8b\xd9\xc3~\x82\x17O\x1e\\\xdccLAU\x9d\x86B\xd6RYP\xach\xc4\x88\xbe\xe1\x0ei\xc9\xf3\xd3\xe6U\xa9\x04\xa3G\x05\xfa\xf9\xf4Ag\xb7.\xd0\xa38\x81\xe7\xdaV\xa0\xd2\xb9[\x11\xf9\x07w\x85p\xfa\x01\x00u2{K\x90\x10\xb3_f\xad\x99\xab\x1e\xf1n\xa9K\r\xb9\xc7ol\xdf\xebRy?\xd1\xa5F\xd1=\x8bF\x9b\xf9\x87\x00\x1b2~\xd2D\xd0\x83\xbd\x07\x0b\xd2\xe9\x89\x19\xad&lt;\x0f\xad\x9cD%\x1f\x00\xa3=\xbds\x96\xf8Y\xbf\'\xb3\xd9\xb3xtnB\xae\x1cY\x87/\xca\xa2(\xfep\x03\x1b\x86\xd0\xca\n \x85K\x87\xd6`\xa2"\x03\xa8\xa8\x0e\x04\x9e\xcbH\x08\xf5_\x87\xed\xa0`K\x86w\xd2\xb2\xf9\xfe\xa5cqF\x04\xb0\x18+\x1e\xb4tc\x9e;\xb0\xb5\xba\r\xd3+H3\xb2M-\x85\x14\xee\x7f\n\x00\x00 \x00IDAT\xf9\x0foUCf\xad\xc0s\x9b\xa6\x0fr\xfc\xb7kM\xe6\x13%Hp\xfc.\x0cw\xaai\xbd\x1aS\xc9G\xe0\xb9q\x1dC\xa9d\xa5\\\xd4\xae%\x06\x97\x08\xf6d\xefj\xdd\x80\xeao\xfb\xdca\xaa\xb7\xfd\xfa\xfc.B\xc8\x9c\x01\xad\xe8\x85C\x08!C\x9a\xc9\xcdT&lt;\xa8Q\x05\xf1C\x9b\x10\x96\x03FL\xea\xd6 z\xf72%?\xa5NQj\xdc\xf3w\xcc\x1b\xee\xc8\xc7\x8a\x07\x11\x80\xab\'\xb7\xcf\xb0\x0e!\x85\xdcR\x0b\xcdv\xb0E\xed^*~P\x11\xd8E\xcd\xd7q\x07\x96\x8dw|\xb6VMT-\xbb\xa2oL\xfc\xa3\xbe:\xee\xc3P\xa0\xed+\x17P\x92\xac\x92\xb6\xc90\x7f\xbb{N\xfc\xb0tD\xe7\xbbgwH\xa6\xb1\xd0\xcf\x016\x14\xb9n\x86\x92dR#\t\xe9\xce$\xc7F\xec\xde\x15\x14s\xbbsf;\xc5\xdc|\x15\xb1z\xaa\x92d\xf9\xdd\x96TK9\xd1\xe1\xfcO\xdaR\x89Go&amp;\xd9\x85dx\x8d\xd0\xfc\x7f\x02X\xd5\xc9M\xb3U\xf4\x84\x11/\xb8\xe2\x0f\xac\xa4\x1f\x90[Az\x17\xa1\xc4\x8e\xb9\xc3\x08!\x1d\xaa\x14\x94O\xb6`\xb0\xebl$C\x9aV\xbe\x1e\xb9\x91\xe2\xbc\x83\xccu\xaaVXyb\xc9\x9b3\xff\x94\x8f\x90 \x1f\xa7@u\x1e\xfdI\t\x93\x1c,`\x07\xce;\xd3\xde\xc5c\\\xd6\x1e\xdf0S\xe0\xb9\xf8\x03\xab\x0c\x88d\xe0\xfb\x87\xd1\xee.\x1f^g@\x00\x0e\xea\x0e\xb0\x02\x84\xc4\xed\xfb\x8cn$\xbeV%V\xa4Su&amp;9&amp;\xae\x01\xd4\xb5\r\xf3)\xbd\xa7\xfe\xd2\x00\xbe\x19\xda\xb2Z\x9d|\xa9\xdd\x97\x07g\xf8\xf7\xb3\x92&amp;+\xf2\x82?\xf4\xbe\x8b\xd7\xcc\x15\xc0\xe8\x80\x956\xb8I%\xd6!\xf8\x85&gt;\xf5\x82t:\x01\xb4,\x9fKy\xe2\x11m\xe8\xcc\r\x19\x94V\xcd\t`\xf9\xc8\xae\xd6za\x03 G\xe0\xb9\xa1-\xaa)O\xdf\xb4t6\xe5{\xbfa\xc7\x89\xf2\x82\x1c-@\x08!\xeb\'\xf7{|9B\x9f\x88\xd4\xd3\xfbKS\x91\xff\xb9m\x0b\t!/\x12be\xb6un\xc0\xea\xab\xe6e\x19\x0f\xa5\xedS\xc7\xfb\xdf\xef_\x98\xd8\xb5\xbe~\xc1\x80\x7f\x11/(\xe4[\x88\xab\xb3i\xda@\xc7g\xe7\'\xe52\x0fp\xbc*d\xd6\xf6\xe9\n\xdd;\xb7S\xbf\xcc\xc5\xfa\xf1\xd7[\xa7}z(/\x99\x89\t\t&lt;\xb7xh\x07\xc9UAiI\xa9\xd4)R\x1a\x14\x13\x80\xd5Y\xe2h\xf15\xc8\x86\xc53\x11\xc5m\x99\x8c1g@K\x15[%D\xef\xa3\x18\x83\x92\xb6%\x96\xd8\x1f\xe4\xdd:\xb9\xc5$\x7f\x85\xf8}\x9a\'\x18b\x91\xe3\x1d\x8c\xe6O\xd3Ii5\xa4Y\x95\x1a9\xe5\x12H\x0e\xa4,\xf0\x9c\xfcV\xeaP&lt;\x9ee\xb2\xda0\xa5\xbf\xe4\xf2O\x9bW\xa1\x18\x80\xc4+&amp;o6\xbe\xbf\xcb\xfcb\xc5D\xe7\xe5&amp;\xa9\xe6\xb6\xcf\x19j\xd8\t \x83\xb7\x04g\xb6\xcc\x7f\xfa\xbe\x0b\x02\x80&amp;\x1b\xa7\x0e`\x1d\x82\xb9\\\x8f\xdc\xe4\xfc_\xf7\xf1{v\xce\xf7\xad\x01\x9f\xb3GQ\xfb\x18\xd6h\xbb\x17\x8eR\xb7\xa1\xc0s\x1d\x94u\xad\xd2\xceex\x06\x93\x9c\x00\x08!\xa1\x05]\x9bg\xfdp\xed\x98\xde\x85\x9a\xe7\xcf\x07\xab\xfa\x00\xbb\x91\t(\x1c\xfaF\xbf_*9)N\xf5\xb6t/~\x97\x8d\xec\xa2&lt;\xf1\xe7\x1a\xde\t\x03\x80\x17\x1b\x9d^\xf0\x82;\x97\x8aO\xfbe\xb0{M*\xf0\x9cc2\xb2\xd9\xfd[(\xc9$\xa3/%\x8a\xd3\x91\x9b\xe7"@\xe1\x08\x10 *\x1e\x90\xe2\xbf8`\x81\xa6\xab\x11\xeb\r(\xe5\xfe\xf9]\x06\x94\xe2\xa0\xc73z\x11\xc37\x81&gt;U\xfa2\xacX\xf9~\xe4=\te\xb7Nn1\xa6\xa0K_\xac\xf1\xe9\x17\xe9U\xb7\xb4\xe3\xf3\x92a\x9a\x06\xe5\x060#\x15\xfd9}\xe8\xff#E\xe0\xb9\x8b;\x97H\x1e\x87\xe53\xa4H\x96\xdd=\x85)\xc9\x0c\xf3\xe9hC"\xceO\xb0\xc8C\x8bL\xbd}\xe2\xd6\xed\xee\xe8\xda\xe9L"\xd1\x95\xfcl\x97.*g%\x1fH-\xaf\x93W\xc5ku\x00U&lt;\xf5\xc4q\xee\xfa\xa4\x9a\x92IQ\xbcN\x81K\x9d\xc1\x8d\xfcF\xb5\xabM%\x1f\x99\x80\xb7\xce\x1a\xe2\xfc\xdfg\x0f.\x868\xddA|w5R\xc9\x1f+\x8e)\xdd&amp;\xc4\xb8\xa9\xd5\xb58\xb3e&gt;\xeb\x10\xb4\x12xNrL\xaa\x92\xa9\x8c\x8f\x05\xfc\x92{=\xd8\xae\x92\xfb\xd8\x91vc|+o\x83\x9f\xc3,\x1f\xd5\xd5\xc8\xe2\x0cf\xc0\x97\xf90j\xaf\xdeE\x88\x9a\x94\xce\xe6\xf8l\xc5\x87u`m\x87\xdd\xfa\xb2\x87\x17\x93x\xf8l\xb3]\xb3lz\xf5\x0f\xf7=m\x95F[HF\xba|h\xad\xf6\x1f\xf4\xe8\xdai\xee\x0b\'uk\xa01[{\x10\xc7\x0b\xb2\xd9Q\x03&amp;\xd2\xa1JA\xea\xbb\x17\x95\x0c=\xf5jQ&gt;\xc8\x81{\x187O\xf807\x88\xc2"\x0c\xfe\xf6\x864\xab|r\xd3\x1c\xc9UJ\xc6\xd1S\xe1\xce\xe9m\xd4\xf3\x94\'\xf6\xe2\xa6k\xf5\xf8^\x8b\x87u\xb4\\M\xaan\xc08\x07\xcb\xfd\xbd`\x07\xeb&amp;\xf5\xd5\xb2\xb9\xfc^;\xbdwS\x85\xf9t\xae^DK\x18\x9e\x84\xa4\xbc\xb1\xd12\x06\x99\n-\xcb\xe5\x94\xff~z\xd4)iX0\xce\xfc\xf0B\x95\x8f\xff\xc2\xd3*\xc9\xae\xe0FR7\xee\x08\x00\x1d\xfa5\xcc(\x9b\xde\xf5\xa1\x81\xc2w\xbf\xd3{7q_h\xc0\x80\xect\x15`\x1d\x80\x0c\xd3\x06f\x12Vi\t\x06`\x16\x92\r\x96[\xf92z;ul\xab9O\xcfy\xdc\x17\xd6\xcc\x1d\xe0\x9eLRu\xa7q\xa0\xa2v-U\x1b\x1a\xa4pD\xd9,\x9b\x00\x16\xd6\xa0\xc8\x87\x06\x978\xab_s\x83K\x94W\xb7\x80t\x03U\x9d\xce\x13a\x85?P\x9d\xf3]\xd9i\x87\x05\x9e\xfb\xeej\xa4\xba\x9c\r\xa0\xc7#\xa6\xc5\xc3:\xaa\xd8*1\xf6\x80\x92d\xab\xc6\xf5$\x84\xac\x9b\xdcOE\x11J\xf4\xab_\x8e\x10rb\xe3\xec\x0b;\x16\xebT\x04\x80\x19)y\xe6\xd3\xb1j!-E\xb4\xf6\xdc\x1fJ\x86\xa3%\xf6\x93\xdbg&lt;\xa5\x11\xeb\x05-\xe8\xd6\x83\x87&gt;\x9b$\xf0\\\xbf\xfa\xe5\xfc\xf9\x01\x8eu\xffv\xebF\x0e\xf6Q\xf6\xfdp\x87\x8dKf\xa1\x9e\xf9\x9eE\xa3\xa9\xe7I\x8b\xa7\xc3/\x1f\x8bB\xd5\xb9{v\x87\xccZ*\x9d\xf8l\xc61\xfe\x12s2{\x82\xcb\xaa\xeds\x86j\x19\x8c\x16\x80\x99g\x0f\xa2\xacu\x99\xa3k\xb4\xd4\xfbvzz\xa3\xd0;\xb4\x8c\xa7\xb5`\x12\'6\xccb\x1d\x02\x00S\xa6\xaa\xa1\xc2\x8be\x14x\xae[\xad\xe2\xf2\xc96N\x1d\xd0\xb6\xa2\xae7\t&gt;\xc8L\x88\xe4\xa03b\x93\x15\x81\xe7TL\xfc0\xa2uM\xddF\xd5\x83\x14L\xb5\xff\x83_\xf049\x94%\xf8\xc9\x01\xe3\xe9\xcf4fr\x16\x03\xa6\x95w\x99~\x07\x00\xf4e\xf0\xc8\xcc\xe6\xc4\xaa\x9b\x95\xa9\xcc\x1f\xdcVfm\x1e=\x9b\xbe\x88\x12b\xf6\xcb\x9cc\x0c\x1b\x90\x99\xb9]\x0bF\xb2\x0e\x01,\xabE\xd9\x1c\x84\x90\x83)gR5\xd8\xe4\xee\xe1\x0cK\xf7\x8aJ#\xd7\xa6eL\xf3\xd2\x90\x92C+\'\xd3\xba\xc6\xaf\xe5\xd6Y\xc1On\xd1\x00\x183\xba\x01\xbf\x949\x03[yZ%\xb6\xfbNod4j\xb5,g\xdb\'\xdebu\xbc}\xee0\xe7\x85w\xcel\xefZ\xb3\x18\xa3\x88\xd4\x10x\xee\xc8j\xd7\xc1\n\xfd\x8a\xf2\x01T\x00l\xa8^AS\x9fJ4^\xf6\x9a\xea\xaa\xd9T\xc1\x88\xd2\x11\xd2:XM\xc7\x0e\xf3\xbb\x1e\xb9qP\xa3\n^\x93\x8dl[\xcb\x80`\x00,\xec\xab\x13\x9b\xb5?\x922\xa6\xfa\x0b-\x98\xce{"\rLX\x89\xd3e\xcc\xcbp\xbd\x8d\xefT\xaf\x06\xcbQQ\x00\xf4\xa4\xa5\x1a\xb2\xe7\xf5\xde{}\xc3\xca\x12B\xf6.\x1e#\x93f\xae\xe7\xc7kJL\xed\xd9\x98\x10\xf2\xcb\xcdS&gt;m%\xf0\xdc\xc9M\xb3\xb5\x94\xeb@\xf1\xa6\xcdy\xb0#\x000\x9asU~v\xeb\x02\x9f\xb6\xdd\xbdp\x14\xedpt\xe1\xfc7\n&lt;\xb7vb\x1f\xbdK\x94\xb9\x8c]1\xaa\x9b\xc6\xcc\xef\xc8\x0e\x1c\xe4\x89\xc0s!\xb4&amp;\xa1\x07\x00\xfb)/9}\xb5\x9e\x8cy\xa0\x11\xe8\xf4\xb9\x9a\xbf^rZ\xf4\xd9Q\x05\xfa3\xd0\xa4\xd0+\xb4\xcc\x8b\x84\x18\x9d2\xb7\xe8w\x0e\xe6\xf2\xcb\xad\xd3\xacCp\xb5k\xc1\xbb\xd1K\xd8\xbe#\x15x\xee\xde\xfb\x01sZ\xb85\xf89\xb0l\xbc\xfbhE\x7f&gt;Rs\xb4\x973\xf0\xd4\xa8t\xa8h\x05\x1c?\x93\x91\xcen\xf3\xed&gt;\xd2\xf6p\x1a\x00\xd0\xcb\xe0&amp;\x95\x8eo\x98\x99\xce\xdba\xe6\xebA\x18\xe8=\x89\x050\xa9z\x1c\x85z\x1dx\xc3O\xe0\x04\x00\xa0\xbb\xfdK\xc7\xb1\x0e\x81\x0e\xc3\x9f\xc3\x01\x008\xd9\xb7d\xac\xeamq\xbd\xa3\x91\xc2/\xd0\x9f\xbf\xe7\x08L\xe9\x05\xa0\x1f\x8ds&lt;U\xf40/\x8c\x98\xe7\x94\x1e\rU\xe7\xcc\x90\xa7\xefd\xf9\xa8\xae\xc6\x07\x03\n\t&lt;\xc7\xbc\xa5iA\xefI\x00 \xa5#\xab\xa6\xd4\xce\xcb\xe6Q|Xa\x8f\x8fa\xc4\xd3@\x90\xf4\\\x93\x00\x00z\xaa\x92\x8du\x04\x1e\x08&lt;\xb7\xc1ixz\xed3\x98\xcb\xdc\x85x\x9d\x89L\xe3Te2\xaf\x13,\xf7\xe0\xc5r\x01\x03\x805t\xabU\xfca\xd4^\xf7\xe5b\xdd}t\xcd4-\x99\xb7\xa9\x90\xd7=[B\xc8z\x93\xcdy\xe0^\xc3\x96MOF\xb5\xad\xcd$\x18\x9fd"D\x8fa\x98F\xb7\xab\xa3C\xae\x00`\x11c\xda\x7f\xec\xf5-\x82\xc6\xa9\xe1\xc1]v\xb7%\x07\x96\x8d\x97L\xb9e\xd6\x10\xbd\x83\x01\x00k\xbb\x16\xb91\x83&gt;9g&amp;\xa4_\xfdr\xfa\xe4\x9d\xc2\xb5\xa3\x1b\r(E\x85\x11\xadk\xea]D\xb0N?\x9e7\x02\xcf\x99\xaa\x17\x85\xaf\x03\x9c\x00\x00!\x84L\xecZ_\xc5V\n\x1f:3o\x9b\x01~\xe2\xe0\xf2\t\xb4\xb2\xc2\xbb\x7f\x00/\x04\x9e\xab\x99\x8b\xe2p\x06\xc6\xd9&gt;g\xa8\xcb\x12-oP\x87\xb5\xacN++\xff\xa1\xf3\xc0?\x00\xa0\x99\x96nb\x1a\x89\x93e\xeaA\xe0\xb9EC;\x10B\x9e\xdc9\xa3S\x11~\xe5\xc4\xc6\xd9\x84\x90\xee\xb5K\xf8\xb4\x15N\x93\x00^\x84\x17\xcbX\xe2\xfd\x15\xf6\xaaq\xbd\xa8\xe4)\xdf\xb0}R\xd7\x06\xceGfB\xcc~\x15EP9\xb6\x0bk\xcf\xc2\x8f\rl\x14bXY\xa9Ume\xfe\x13\x80\xf6\x08\x17\x0cnK#\x10\x00\xaat=\xf6\x94g\xae\xe4\n\xdf97\xd7\xb6\xa2 +?\xeb\x00\xe4\x95Rw\xde0\x10\xad\x87T\xe6?\xd5\x81\x1f\tJK\xfa\x87\x07\xeb\x97\xbf\xf2\xa9H&lt;\r#\xe1\x80^\xb8\x0e\xfb=\xb4\xf2\x94\x81z\x07\xc0\xdaX5\xefcnrw\x13\r"t\xf7\xfd&lt;\x04\xfb\x97\x8e3\xa0V\xf5\xb5\x88\xac\xfa\x84\xa1\x1f\x81\xe7,\xd1{\x0e\xc0\\\xd4\xcdp"\xa9s\xf5"\xb4\xb2\xf2\x07\x02\xcfm\x9e\xf1\x89U\xe6\xc5t\xa6q\xb0?\x9d\xfcx\xe3\x04\xeb\x10|\xd6\xb4\xccG2kM\xff@\x0b\xac\xcf\x98\xcbO\x99InA\x0b\x97\xaej2\xd5\xc9\xa4n\rT\xe4\x1f\xbd[bP\xa6\xa9=\x1b\xa9\xc8J?e\xd3\x13\xe2\xcbsB\xf30\xe7\xa9\x14l\xe5\xf9\xc3h\xc7g\x81\xe7z|\\\xca\xe0\x00\x04\x9eK\x8c= ~0~0g\xaf\x07Xq\xb7^\x07\x02\xcf\xc5\xee]\xa1W@\xd67\xaec\xe8\x143=O\x93d\x95\x8a\xb5K\x8d\xa2\xacC\x00\xbf\xc1\xf0\x8a\xe3\xf2\xe1\xb5L\xca\xa5N\xa7\t~\xf1v\x9a\xae3[\xe7\xb3\x0e\xc1\x8b\x99}\x9b\xb3\x0e\x01\xc0(\xdb\xdc:\xcaZ\x91\xc0s\xed*\xb96\x86\xd4\xf8\xf0a\xe5\xd8\x1e\x9a\xb6\xa7\xca\xb4\x17\xceAi\xc9\xd1\xb5\xd3YG\x01`q]k\x16c\x1d\x82w\x02\xcf\xad\x18\xdd]\xbf\xfc\xcd\x7fy\x08\xba2\xedy\x0e\xc0&amp;X\x1dc\xe2\xfb\x06p\xf1\xe3\x8d\x13k\'\xf6\xa5\x95\x9b\xea\x1f\xd7\xd7\xd1\x1dt\xd2\xbb^\x10\xdb\x00\xe6\rj\xc36\x00\x00}\xa9{\xdf\xf0\xfb\xfd\x0b^\xd3\xc4\xed\xffL\xbe\\\x9fJ\x14x\xe</t>
        </is>
      </c>
      <c r="E345" t="inlineStr">
        <is>
          <t>&lt;class 'numpy.ndarray'&gt;</t>
        </is>
      </c>
    </row>
    <row r="346">
      <c r="A346" s="1" t="n">
        <v>344</v>
      </c>
      <c r="B346" t="inlineStr">
        <is>
          <t>steps_per_sec</t>
        </is>
      </c>
      <c r="C346" t="n">
        <v>5000</v>
      </c>
      <c r="D346" t="inlineStr">
        <is>
          <t>3.3501127</t>
        </is>
      </c>
      <c r="E346" t="inlineStr">
        <is>
          <t>&lt;class 'numpy.ndarray'&gt;</t>
        </is>
      </c>
    </row>
    <row r="347">
      <c r="A347" s="1" t="n">
        <v>345</v>
      </c>
      <c r="B347" t="inlineStr">
        <is>
          <t>Loss/object_center</t>
        </is>
      </c>
      <c r="C347" t="n">
        <v>5000</v>
      </c>
      <c r="D347" t="inlineStr">
        <is>
          <t>0.048413422</t>
        </is>
      </c>
      <c r="E347" t="inlineStr">
        <is>
          <t>&lt;class 'numpy.ndarray'&gt;</t>
        </is>
      </c>
    </row>
    <row r="348">
      <c r="A348" s="1" t="n">
        <v>346</v>
      </c>
      <c r="B348" t="inlineStr">
        <is>
          <t>Loss/box/scale</t>
        </is>
      </c>
      <c r="C348" t="n">
        <v>5000</v>
      </c>
      <c r="D348" t="inlineStr">
        <is>
          <t>0.04591897</t>
        </is>
      </c>
      <c r="E348" t="inlineStr">
        <is>
          <t>&lt;class 'numpy.ndarray'&gt;</t>
        </is>
      </c>
    </row>
    <row r="349">
      <c r="A349" s="1" t="n">
        <v>347</v>
      </c>
      <c r="B349" t="inlineStr">
        <is>
          <t>Loss/box/offset</t>
        </is>
      </c>
      <c r="C349" t="n">
        <v>5000</v>
      </c>
      <c r="D349" t="inlineStr">
        <is>
          <t>0.08741758</t>
        </is>
      </c>
      <c r="E349" t="inlineStr">
        <is>
          <t>&lt;class 'numpy.ndarray'&gt;</t>
        </is>
      </c>
    </row>
    <row r="350">
      <c r="A350" s="1" t="n">
        <v>348</v>
      </c>
      <c r="B350" t="inlineStr">
        <is>
          <t>Loss/total_loss</t>
        </is>
      </c>
      <c r="C350" t="n">
        <v>5000</v>
      </c>
      <c r="D350" t="inlineStr">
        <is>
          <t>0.18174997</t>
        </is>
      </c>
      <c r="E350" t="inlineStr">
        <is>
          <t>&lt;class 'numpy.ndarray'&gt;</t>
        </is>
      </c>
    </row>
    <row r="351">
      <c r="A351" s="1" t="n">
        <v>349</v>
      </c>
      <c r="B351" t="inlineStr">
        <is>
          <t>learning_rate</t>
        </is>
      </c>
      <c r="C351" t="n">
        <v>5000</v>
      </c>
      <c r="D351" t="inlineStr">
        <is>
          <t>0.001</t>
        </is>
      </c>
      <c r="E351" t="inlineStr">
        <is>
          <t>&lt;class 'numpy.ndarray'&gt;</t>
        </is>
      </c>
    </row>
    <row r="352">
      <c r="A352" s="1" t="n">
        <v>350</v>
      </c>
      <c r="B352" t="inlineStr">
        <is>
          <t>train_input_images</t>
        </is>
      </c>
      <c r="C352" t="n">
        <v>5000</v>
      </c>
      <c r="D352" t="inlineStr">
        <is>
          <t>[b'512' b'512'
 b'\x89PNG\r\n\x1a\n\x00\x00\x00\rIHDR\x00\x00\x02\x00\x00\x00\x02\x00\x08\x02\x00\x00\x00{\x1aC\xad\x00\x00 \x00IDATx\x9c\xec]e`\x15G\xd7&gt;Q\x12$$\x01\x92\x90\x90\x90\x10\x0f\x01\x02\x04\x12,\tA\x82\xbb\xbb\xbb\xbbC\x8bC\x91B\x81\xb6P\xa1F[j\xd4\xdd\xdd\xdd\xf5\xed[\xd7\xaf\xde\xb7r\xbe\x1f\x93;\x99\xbb3;;+\xd7\xc2}~\xc0f\xef\xec\xec\xec\xee\xc8\x99#\xcf\x01\x08"\x88 \x82\x08"\x88 \x82\x08"\x88 \x82\x08"\x88 \x82\x08"\x88 \x82\x08"\x88 \x82\x08"\x88 \x82\x08"\x88 \x82\x08"\x88 \x82\x08"\x88 \x82\x08"\x88 \x82\x08"\x88 \x82\x08"\x88 \x82\x08"\x88 \x82\x08"\x88 \x82\x08"\x88 \x82\x08"\x88 \x82\x08"\x88 \x82\x08"\x88 \x82\x08"\x88 \x82\x08"\x88 \x82\x08"\x88 \x82\x08"\x88 \x82\x08"\x88 \x82\x08"\x88 \x82\x08"\x08\x0f\xe2\xfb7\x1f\xf4u\x13\x82\x10#;\xd4S5\x87K\x7f\xcd\x00@w\x18V\x98\x1d\n\xc2b\xfc\xe5\xab\xc7Vj~\xd5\x14\xe8\xd0\xd8\xf0n\xd5\xe8\x97\xdfH\xaff\xf6\x16\x00P\xdf\xfd\xaa\xceI\xa1\xf4\xa6\x1d\x1a\xc3\xb0v\xcdh\xe1\xceI\xa1\xcbG\x965\xd1i&lt;9\x99\xca\xd5O\x8f\x9f\xb9\xf9B\xb6rr\xb2m\xc3\xea\x1b\xddq\xf1\xb9z/\x93~\x91\xa6\x82G\xf8Ux\t\xa9|\xfe\x80\x8ez\xbf\x02@\xabz\x92\x1fe\xb8`\xf5\x14\xc3\xef\x8e\x88\xc1\xd9C\x06D\x1c\xdb)\xd3\xd7\xad0@\xa7D\x8fM3A\x04&amp;\xc6\x94\xb6@\xc4p\x800\x80\x10\x85\xf2{\x16\x8e\n\x05@\xc4\xc6\x00\xf7\x9d\xdc\x1d\xc7\xfc\x94\x01\xe2\x85\x81\x00\x11K\x13\xb4\';6\x86\x08\x00\x00\x98\xd5\xbbHS\xb88\xbe\xfa8\x91\xab\xaa],\x0cj\x9d\x04\x00O\xddx\x84\x9e\x1c\xd4*1\x9e+\x89\x88?\xbd\xfbh*\xf3gNx\xcd19\xe8\x92\x1c\x0e\x00O\xdftT\xd3x\xbdg)M\x08!\xcf\xf1\xc85\x07\x10\xb1\x89\xeb|3\x80\xbb/\xdd\x01\x007\x1d^\x0f\x00\r\x84\x17\x03Tf\xd4#5\x9f&gt;\xb8v\xdf\x92\xb1\xc7\xd6M\xa7kOf\x08\xec\x9c7\xbcOn|\x9c\xce\xb5\xeaHv\x7f\x10\xbdgI\xd0Y\x98\x85(MT\xe9 g1\x84/\xf1\xfc\x15\x13\xfdgY@\xc4\xb2\xd4:\xbe\xba{N\x98\xaf\xee\xec_\x88\xf2\xfc-\xc6u\xce\xf2\xfcM\x04x\xf1\xf6\x13z?\x91\xd1\x11\xc3\x9c\x89\x02\xd84\xa5\x1f\x00\xdcth\xfd\x9a\xb1=\xe8\xf9H\xd1P\xfa\xe1\xad\x87\xe8\xf1\xf0\xf6\xa9\xb4\xc0\xf5\xfbW\x87\x02\xfc\xf3\xf9\x0b\xcd\\\xbf^\xbboe$@4@\x9a\xa8\x19\xcbFtc\xdb\x03\x00\x03Z6\x01\x80L\x80m\xb3\x86\xb0%Io\x9d\\\x9e?\xa9,o\xe5\xe8\xee\xfc\xb3T\x1f\xff\xf6\x01"vd\xb62w\x1e\xdf\xc6\xdf7Ng~\xd80\xa9Jo\xf2]5\xa6\xfb\x7f\x9f\xbb\r\x11GuL\x17\x16`\xc1o\xa5\n\xeb\xd6\xb4V&gt;\xbf\x9f\xdc\xb6pp\xeb$\x00(\xd2[\xb5\x82\xa8\x1dPY\xe7\x9d\xc2\x87O\xde\xe4\xb5{\x05\xe1\x05\x0c,L\xe8\xd0H\xfcSyZ\xf5\xa2v\xc5\x8eE\xc2&gt;\x16\xefZ\xf6\x0c{\xe0\xac\xaa\xb6\xe4\xe0\xef\xcf^\x90\x14C\xc4\x92&amp;\xd0&gt;\x0e\x06\xb5Jj\x02\xb0o\xf1Xr\xfe\x81+\xf7\xd2\x02\xb4p\x1a3\t\x92\x7f[\xd5u\xab-\x16\x00\x00\x9e;s\x11{r\xed\xb8\x9e\xc2[o\x9d9\x88TB\xeax\xff\xb1\xd3\xa4\xf2\x8a\xe6\xd1|aO\xc8&lt;\xbc\xe2H\x0f\x85\xd1\xd0\xaf\xa0\xf1\x90\xa2dy\xb1\x8d\x93\xfb\xdalR\x10\xd5\x88\xb0za\xef\xec\x86\xfcV\xd7q4\xf7\xfc-\xbc\x895:C\x94\xc0\xcb\xd2L1\xaf\x80\xb0\x07\xa1\x9a\xdb\x7f\xb0s\xdep\xfedC\xe9%W\xecX\xacXy^$\xdczl\x0b{\x86t]\xa2z\xca\x8f\xac\xd9IL\xab,\xec\x9d\x1d\xdb\xadY$\xb8\n\x10\x0c(L\xe8\x96\x12)_oJ8\x95\x94e\xf0\x13\xbd\x17\xf6y&lt;\x9a9\'\xe4!b\xb7f\x91}\xf3\x9c\xee\xd6A\xe8aRY\x9e\xaf\x9b\x10H\xc8$je\'\xf4\x92\xbeR\x98x\x0e-9atVU\x91\xe1Umc\x0c\x8b\x18\x83(\xd9\r\xa7\xa1~\x05\x8d\xc7w\xc9\x06\x808\x80\x1e-\xea\xcb\x0bW\xd7\x1c\x06\x00\xf0\xc1\xe37\xd0\xca\x89\xde\xe3\x89\xd3\x87\xc3\x012\x00\xb2C\xe1\xa5;/\xd5Xe\xc9AU\x8e\xaa^\xbd-\xb3\x88i\xa6uV\xe3O\xd1\xb1\t\x18\x1a\xd6\x84\xca(O\xa0k\xb2\xb1\x08\xfa\xe9s\xb7\x91\x03\xc97\xaa\x0b\xb0\xca]\xeb\x15x\xf0\xa6\xba#\x88\xb3\x1c\xd4\xb7\xc4O0\xbc}\xaa\xe6\x8c\x97\x87\x03;\x0fE\x02\x0cm\x9b\xa2\xf9)+\x04Z\xd7\x07\x00(O\x13hNxd\x85\x02\x00\x14Fk\x1f$\xd7\xdd\xc9\xa9w\xb6`\x13\x82\x88\x17o\x9a\xadr\x17\x82t\xa8n[&lt;\x80F\xeb\xb5o\xc9X\xe1%\x1b&amp;U\x81\xfbK\xb6\xea\x92c\xdc6\x07!\xb1\x076\t\xfa\x8c\x04\x11D\xadA\x0b\x9f\xde\x9d\xce\x8cS\xbb\xb7t\xa4B\x03\xad\xb6;&gt;~\xfa\x16\xf9\xfa\x97 \xda3\x01\x00"\xae\x9fXE&lt;\x8e\x08\xb6\xce\x1c$\xaca@\xcbjuR\t\xbfG\x90\xa24\xc1\x81-\xac\xe5\xd5\x1d\x11{f\x06-\xbf~\x83%C\xbb\xf8\xba\tA\x04\xe1A\x10\x9fKS \x9eB\x9eF\xbb\xd8\xea\x03\xa2\xae\xe9\x9aR\xbd\x87y\xf5\xee\xcb\xbdpw=L\xe8\x96cX&amp;\x0c\xe0\x83\xc7o\xd0\xfb\x95\xb5W\x07\x11D\x10\xd6\xe3e,#Ct\xd2\xf4D\xe8I\xdc{\xd9NO\xdfb\xe3\xe4&gt;\x9e\xbe\x85\x1d\x98\x12\xa2\xa9\xd7\x93JU\xaf\xdcu\x99\xc56q\x1b&amp;a\xa8\x9a\xe5\xca\x01`B\xd7\x9c\xda\xac*\xcf\xb5\xec\x94\xe3\x078\xb4r\x92\xaf\x9bP;Q\xe0\xb3@\x08\xcf"\xcbH\x97`J\x0c\xec\x9b\xaf\xe3\xf2i\x15\x9f\xbfx\x87\xb3\x15\xfa-\xf6-\x19\'\xf9U\xa8k2\x0b\xaagBD\xde\xde\xa3\x8e(\x80\xff&lt;s\xc6\x81\x06\x05\x11D\x10\x81\x82-\xd3\xfa{\xff\xa6\xb5\xcc\x05\xd92\x88\'\xab7\xd1+K\xec\x9d\xebW{\xd0 \x82\x10\x80\xf5\x1e\xa9e\xb0\x1f\xee\xef8\xacK\x92\n\xb0\x10\xe6\xe2u]\x9d\x030\x8c\xfcRQ\xb98\xeb6\x8a\xf8\x8d\xf0|\xac\xea\xe5\x08\x00\xcb\x86ws\xacA\x9eG(\x00D\xfa\xba\x11A\xd8Gb\xa2`\xdex\xf9\xceK\xbd\xdf\x12\xc7\xf1\x83\xaf\x1b\xc0#N\xc9\x1d\xdf"\xbe2\x7f\t\xe1EK2(e\x0e\xce\xaa\xbc\xf7,\x1c\xa59\xf3\x8f\xd1%\x83[\x1b?\xd0\x8f\x16\x9b#FH\x88\xd83I\xf1.!!!\x00\xf0\xf5W\x16&gt;`\x10A\x04\x11\x08X&gt;\xb2\xcc\xc1\xda\xd6\x8c\xeba\\\xc8\xc3\xf0[\xe6\xb2\x8a\xe6J\xb6\x18\x9b1y\xd3z\xb42\xeb\x90*AC\x00\xfc\xeeu\xc7\xaa\x0b\xc2\x0e\xcaS}\x12d\x1eD\x00\xa02C,\xc3\x8f\xec\xe0\x8f\x1ax\x8f\xfa\x9f\xf8\x95s\xcb\xc9\xed\x8b|\xdd\x84 \x82\xf0\x1d\xb2\x82\x11\x85\xfe\x8d\x16\x00\r\xecE\x99\xb6\x15\x1b\x1a\xab\xe1\xd1\xe9xz\x8fV\x9a3\x8f\x9c:\xe8\xfd\x05 \xe0\xdc\xf6\x06\x16\x9a\xe0B\xf2\xd3\xfdT\x10A\x04a\x1f\xce\xb1\xa2\xf9\x05\xfcJ\xfcW\x84\xbf\xb5\xf9\xb8\x19\xf2\x8c \x02\x0c\xa7\xf6\xae\xf0u\x13\xcc\x81Ff\n\xe1[\x9e\x83 \x82p\x10\x8eD/\xcd\xec\xd5Fx\xde\xdf\x96\x99 \x94\x10\xfclA\x04Q\x8b1\xa9&lt;\x9f\x1e;\xc2\x0e\xc4\xe2\x9c\xe9\x03\xe9qY\xb3:\xc1\xc9$\xf0P\xd7}\r\x10R\x0b\xd4bXf\x11\xf0\xdb\x1cd\xc1A\x18\x84_aZea\xb0O\x06\x11\x84\xf3X;^\x96\xb5\xc6Op\xc7\xc5[}\xdd\x84 &lt;\x05\xc3\xb8\x03\xaaAu6\xe4"\x88\xda\x00\x9ak\xc9\xe7\x08db\'\x7f\xc7\xfc\x01\x1d4g\x10\x7fv\xb0~?\xffv\x03\x0b\xbd\x90\x8e\xcf\xc7\xd0\x13\xf0S\x01~y\xffq\x008o\xd1\x98 9D\xc0  \x18\x12Z;\x17Y\xeaW\xba\x1c\x9b\xe4\xba\xac\xc27\x88 \xbc\x03\t\xafF\x88B\xe2\xf8 \x828[\xe0\x89\xa0\x05\'\x92-z\x1c\x0e\xf3\x7f\x06&gt;\xce\x92\x94X\xfd[6A\xc4\x11\xc5^\xcb\\\xe9\x7fX2\xb4\xb3\xaf\x9b\x10\xc4\xd9\x88\x9e\x99\r\x9e\xbf\xf5b_\xb7\x02\x9a\x02\\\xb7\x7f\x95\x9c\xc78\x88 \x82\x08\xc2:\xbc\xcc\x82\xbb\xdf\xef\xa73\xe1\xa6\xdbW;\xf1\x0eA\xf9\xbf\x16\xa1o^&lt;\xfb\xe7\xac\xaa\xb6\xe4\x00\x11\x9f\xbc\xe1\x02\xbd\xab\x82Z\xa0 \xfc\x1ac;g\xc9\x0b\xc8\t\tT\xc0\x8f\x81V\x1e\xcb\xa7\'\x1co\xf9\xb54_M\x10\xfe\x0f\xbd\x05\xc0_\xfc@\x828{\xc0+_\x11\xff\x12v\xd0\x00u]\x18\xde\xce\xa3\xf4\xfb~\x01\xdb\xcb\xb1\xb7\xd1\xb6!tM\xb6\xeb\xb2\x14\x94\xa3\xfd\x02\x03[y\xc4\xb5+\xf8u)\x12\x01.\xde8\xcb;\xf7j\x19\x05\xc5\xf1\xe2\x9f\xf6,p\xe3d\x17~ \xa1\x81\xcb\xb7\x86\xd9\x9f\xdf{Ls&amp;\xc8\xb7u\x96`\x90BJ\x00O\xa3\xa2\xb9\x13\xa9)\xcfB|\xfb\xfa\xfd\xbenB\x10\xba8\xb8|\x82zaDL\xf7XKLa\xf5\x98J_7!\x08\xef\xc1\xa3J\xbe@L\xa3\xe6\xa7\x08Z\xc5j=\xd8\xed\x827\xf7vz\xbb\x19?\x07\xab\x1e\xc9\tP\xd5\xdbY\x8c\x80\xf0E\x0eB\x8b[\x8el\xf4u\x13`F\xaf\xd6\xben\x82\x1f\xc1\xbesx\xe0\xd2\x97\xf6h\xe1\xc9\xbc\x91A0\xb0\xc9\xd1\x9dbI\xa6\t\xba \x04!\x83\xe7\xc4d\xaf\t\xe0\xea\xc2w\xf7t\x8f9\x00\x05,\x9c\xcb3x\x16\xc1ZH|\xb6\xbd\xf0\xf7\xee\xe9u\xd3\xf4]$\x08\xc1\xa2\xba\xd9)h\xfb\x0c\xc2\x1bp0V\xc0\xcb]vB\xb7\\o\xde\xce\xb7\x18\xd6\xb6\x99\xaf\x9b\x10\x00\x18\xd4:i|\x97\xec\xcdS\xfb\xf1?\xcd\xec]dxy\x97\xa6\x0eh\xd9l\xba\x9a\x05\xb5FAx\x15\r\x9c\xab\xea\xddG\xaes\xae2\x03\x8c\xea\x98\xce\x9f\x0c\xeaJ\xcer\xac\x1d\xd7S1\x7f\xf7\xf9+&amp;z\xb6)Ax\x0e\x9e\x9343\xcd_\x12\x0c\xd9\xa0h\xe3\xe0b\x12\x04\x03\xb9\x9f\xbc\xe2\x94\x17\x04E\xcb(x\xe2\xb4 :7\xdd\xeb-\t\xc2\n\xa2\x00\xba\xa5xd\xe2\r\xea\xdd\x82\xf07\xe4G\xc2\xe5\xdb\x16\x1a\x16\x0bL/\'\xffB\x81\x1f\xac\xa5\xa1\x8en\xcak-\x82\x0e\xa3A\x04\xe1\xe7(9\xfb\xec\xd7\xf6\xf9\xd8\x89\x0c\xda\xdc\x81\xb6\x04\x11D\x10\xfe\x8d\xbf?{\xc1\xd7M\xf0\x146L\xeasv\xee\xa7\xcbS\xb5\xfb\x08\x9el\x8a\xd0A{\xa9A^\x81WY\xbc}\x15L\xe4\t\xf8y\xe6\xa6 &lt;\x8a\xf0\x94\xf6\xben\x82\xa7\xd00\xb6aH\x88]\xae\r\xfc\xf5\x03G\x1a\xe3M&lt;\xf2\xe9\x1f\x9a3o\xfd\t\xe0\x1e0\x1c\xdf(\x1e\xf49T\xde|\xe0j\x8f\xb5\xce\x8b\x98?\xa0#=\xf6\x84nm\xdd\x84\xde\x1e\xa85\x88 \x82\xf0;\xd4\x02\x1fX\xcdt\xaf\'\xb9""\xd90\x04|D\xcc\xa7\xcf\xdd\xe6\x93\xfb^\xb5k\x89#\xf5 ~%/\x10\xeb\xc8m\x82\x08\xc2$Z\x07\xd9g\x02\x10\x88\xa81\xd4\xb7\x8b\xf5IC\xbc\x02D\xac\xcc\x08\xf6\xd3 \x8cq\x96\xdb\xf3\xcfr\x8a\xc8@W\xe1\x06\xe1\x8f\xb0\xd6\xab&lt;\xda\x17\xabr\xe3\xecW\xd2\x14\x00\x82\xe4!\xfe\x81\xa3k\xa7\x99\xbddbY\x9e\'Zr6\xc3\x81A\x15\x84\xe3(\xe2\xc2\x99m\x92lH\xd03S\xe05\xbbw\xd1h\x0bU\rh\x99\x90n\xb79\xe6\xf0\xd4\x8dG\x0c\xcb\x04E\xa4Z\x83&gt;\xb9q}r\xdd\xd4\x00\x81KQ\'\x87M\xee{"\xe2\xac\x9fX\xd5+\xcb\n3\xc2Y\x91W&gt;\x88\xb3\x04\xfc\x02\x90\x00\xb0m\xd6`\x9f4&amp;\x08\xef#\x10%\x80\x0b\xd7\xcf\xb0_\xc9\xd0\xb6)\xf6+\xf1-\x84i\x91\x82\xf0\x14zg\xc7z\xed^ga\x90K\x10&gt;\xc1{\x8f^\xdf%\xb96\xa7\x02\x08\xb84\x96\x16\xa0\x92\x92,\x10Wzc\xd4\xce\xa7\xf2\x1d\x84$h\x01\x8a[.\xf0}\xde\x05\x1fBqR\x9f\xd0-\'\xa0\xad&gt;[g\x06w\xab\xc6@\xc4\xe0T\x19\x841\x02z.p\n\xb5Uu\xce#\x10\xd3\xd8\x17\xdb\xf0\xeb\xba\xef\xf2\xdd\xbd\xb2\xce\x86-\x81\x16\x0f]\xb5\xcf\xd7Mp\x1a\xde_\xd0\x88\xbem|\xd7\x1cy\xb1\x80\xd7,\x06\x11\x84\xbf\xa2\x19\xc0\x81e\xe3\x9d\xaa\xcdf\x8a.\x7f\x80$\xd4\xbf6\xb3\x00\\\xbcq\xd69\xd3\x07\xfa\xba\x15\xb5\x04]S\x02\xb5\xab b\xc0\x074\xfa\r\x02BE\xb0i\x8a \x19\x8b\n\xb2\xc3`l\'\x0bt\xec&amp;`\xac\x86\xf7.\xfc\xad=Ax\x15g\x83\x15\xf9\xb2\xad\x0b|\xdd\x84 \x02\x00&lt;]\xda\xd9\x8cZ\xf22Z\x05\x03\x81\x83\x08"\x08\x06\x88\xdf\xfb\xba\t&gt;C\xe8Y\x1f\xf5\x1dD\x10A8\x00\xaf\xe9\x82|\xaet\xf2y\x03\x82\xb0\x8eX\x00\x00\xe8\x9e\x1eT\x02\x07\x11D`\xc0\x0f2b9\x80\xe0\xb2\xe1GHf\x8esks8\x8bg\x11\xdc&lt;\x064r&lt;F\x85\xa2\x87YUm\x1d\xaf\x93\xe7\xb3\xf4O\x94&amp;\xd8\xcdC\xe0\x1d4\xac\xdd\x8e@A\x9c\x85\x08\xe6\x85\xf7\x13\xa4[\xba\x8a$\xa4\xe5W\xabz:\x91J\x8f\x9c:p\xdf\xe5\xbb\xc8\xf1S7\x1e\xb5tO\x87\xe1C\xf1\x7fd\x87\xe6\x8b\x87t\x16\xfet\xfa\xe0\x1a/7\xc6\xf7\x90\xc4\xb6\xc9?R\xa7\xc4\xea\x05\xfc\x97\xf7\x1fw\xaa%\x8e\xd4\xe3M\x04b\x9b\x83\xb0\x8f\x0c\xf7?\x1b\xbb\xff\x99\x1b\xa1\x1a&gt;\x8d\xff~&amp;\xf9U\xb2\xa1\x9c\xd1\xabM{\x11\xc7&amp;2 gR=\x16\xbfZx\x96\xa9\x8dk\x15{\x9d\x8a\x9aG\xdei\xf6,\x1c\xa5X\xd2W\xf0\x82.+\xb87&lt;{\xc0Nw\xf8\xef\xe7&gt;k\x07\xc0]\'\xb6W\xe5\x08\xa6\xff\x07\xae\xdc\xab\x99\xfd\x0b\xea\x80\xe6L\x10\xea\x98X\x96\'\x9cB\x9e\xb9\xf9\xd8\x04&amp;\x8e5\xa7\xf6\xe9\xccIh_\xb0\xd3\xc8\x11|?AP\x0c)J6.\xe4y \xe2\xd0\xb6)/\xdcv\x9c\xfc\x99\x1fY;\x17\x80\x99\xbd\x8b|\xdb\x80\x0e\x0c\x91F\x80\xbd\xdb\x00kn  h6\x0f\xc2O@]\xf8\xe90\'\xb3\x7f\xa4\xef\x9a$\x04\x9f\x8cD\x88\xa6\x1en\xc6\xd9\x88\x9f\xdf{\xcc\xd7M\x08\xc2\xf7(\x8e\x87n)\x1e\x99\x16\xce\x86\xd0\xf9a\xed\xfc:\xff\xf9\xf0\xf6\xd5\xf4t\x8d-\x19\x00\xbc #\xde\xec\xaf\x14\xb3\xe1\x00\xfb\x96\x8cm\x0c\xd0;[\xc0vW\xab\xcc\x00A\xb0\xe8\xd1\xa2\xbea\x19\xa1\xf3L`\xf8\xb2y\x17\xb5\x9b\x19\x1f\xd4z\x8bo\xe1\x05\xcd\xcf\xec&gt;\xed\xbc\x9co\xc3;\xac\x05\xa3K2\x8a\xe3\xe1\xa2\r35\xe7\xbb4\xad\xe5\xbd\x1a\xc0[\xaf\xd8\xcb\x08j\xbd\xbc\x8c \x93\xab\x10\xcf\xdfz\xb1\xd7\xee\x15\xec\xf3A8\x89Z\xc2|\x14\x84=\xcc\xe9\xdb^\xa5\xd8\xe6\xa9\x16\xc9&amp;k\x13\x8a\x95\xc3\xb1\xfa\xe576.\xe4\x97\xf0\x15\x03\xee\xdc~\xc5\x8e\xd7i#?B\x10A\x9c\x05\xc82\xa9\x01\r&amp;ZUD@\x04\xee\x06\x10^\xb9\xeb2_7!`\xf1\xf9\x8bwZ\xb8jF\xaf6\x8e\xb7\xe4,A\xa0\xe8\xdcR\xcc\xa7\x10Qs\xf4\x00\xcf\xb2\xcb;\x87\x8a\xb4 \xd3G\xa0\xc2\xf1\x14\xad\x03\n\x039\x0b\x8e$\x99\x9bPu(y\xd6\xf5\x13{\xdboO "\xa8c\x15\x02\x11%\xfb\x84\x8d\x93\xfbx\xaf)Ax\x06^\'L\xf2G\xa4\xfb\xba\x01&gt;C\xa0H\xac\xb5\x15\xfe\xe6\xd0\xcdbry\xbe|]D\xc4\xb2T7sR`KR\x0ea\xe7\xdc\xe1\xben\x82\x15(\xfa\xc4\x94&amp;z\xc4Qnd\x87\xe6\x86e\xc6v\xce\xf2\xc4\xad\xcf"&lt;q\xfa\xb0\xe4\xd7\x16\x00\xe3\xb8W\x1c\x0b\x00A\x01\xd9!\x08\xfb\xf8\xd2a]\xbd\xdd\x0e\x06\xa6lee\xcd\xdc\xa6{D&lt;\xb1y\x8e\xb3\xed\xa9\x1d\xe8\x99\xd9\xc0\xacci\x18\x80f5\xf5-\xfc\x81\x16\xa5\xd6\xfb\x1f;\x00\x7f\xb68\xa5\xfb\xba\x01A\x04q\xd6\xc2\x1ffpS\x08j#\xac\xc0\xec[\xab\xca\x89\xb5|/O\xe7\x8f\x0e"\x08\xffAk/NH\x15\xcd\x1d\xa6\xe2\xach^\x9bM\xdc\xb1\x00[\xa6\rP\xf4J\xa0\xf0\xf3x\xef \xce\n\xf8s\xf4y\xdf&lt;O9Oo\x9b5\xc4C5\x07\n\x02B\x97\x11X2x\xba\xc9\xf2A=6\x00\xc0\x85\xebg\xa4Z\xbd\xf6,#\x0c\xb7\x82BK\x82W\xba\xc3\xad\x08\xc2\x00&lt;\xf9\xb2?[\xe3\x83\xe01\xa9,O\xbd\xf0%\xe7\xcc\x0b\xce\xfe5\xb0\xfc.\x82\n C\xf0Vt\r\x82\x8bh\x10A\xf8\x04\xa2\x8c;50\xabP\xf2G\x0ct\xd4\to\xf1\x90N\x0e\xd6\xa6\x88\xc9\xe5\xf9\xde\xbf)\x00\xe4\x05\x94\xc9\xcc\xd94\xe2\xea$\x07\x00\xd0.\xd6\xd1{+@\x98,\xa5\x16\xa3\x1e\xc0]\'\xb6\xf9\xba\x15\xb5\x10\x01\xa1\x85\xf38b\x01\x10q\xd7\xbc\x11\xben\x88\x00\xe3:gym\xa7\x16$8#\xe8\x94d\xce*\xa1H\x1f\xe4 \xae\xdb\xb7\xca\xcbw\x0c\xc2\x14\x8c\x1d\xf8\xa5 \xa2\xb7\xaf$\xbf \x04 \xd2\xf0\x88b\x1f\xb0\xbf\xc4z\xff\x96A\xf87*3\xcc\xd9&amp;\x03\xc2\xfd%+H;n\x12vt\xa7\xd9f\x84\x1c\x7fg\x06\xd7\xc0\xa3\xfb\x9a\xdaa9\x99?\xa0\xa3\xe6\xcc\x05k\xa6\xfa\xa4%Ax\x08\xa3Kj\xf2\xba\xfb\xb3\x9fU\x10\xdeGYj\x1dDT\xdf\xf1\x07\xd8\xa4\x87\xf8\x85\xaf\x9b\xa0E[\t9Q\x10.\xf8\xa7\xdb\xc9\xc3W\xef\xf7u\x13\xac\xe0\xca\x9dK|\xdd\x84 \xfc\x14;\xe7\x0e\x93\xcc\xe9\xfc\xc6"\xc0\x16\x803G6y\xfa\x16\x88\xb8rt\x85\xa7\xef\xe2 \x02l\x13\x17\x98h\xe1\xeb\x06P\x04\xb4\xbc\xe1\xac=?\x88 \x9c\x81\xc6\xd6w\xb6m\xab\xad\xf9\x04-\x1a\xd2\xa94H\x86V+@R\xba\xcc\xeb\xdf\xc1\'w\xf7\xcfUa\xc9\xd0.\xec\x9f\x9e\x8b\x1aSL1\x0f\x00W\xedZ\xea\xb1V\xd4:\x8c.\xc9\x18R\x94\xfc\xca]\x97\xfb\xba!g#Z\x05\xfd\xffk\x0b\x9cu\xb6\xf6(:z&amp;5Y=\x80&amp;\x00\xdb\xe7\x0c5,i\xdfgL\xee\x02\xdc7?\x98\xf8K\x19=[4x\xf9\xceK}\xdd\n\xaf\xc2?%\xa9 \x02\x1a\xfd\x0b\xdc\xa6\xd5\xfb\xaf\xd8\xe3\xab\x96x\x02*i\xe1\x9b\x00 b\xa0\xe6\xbdtA\x13\xfdr\xde\xa21\xbeiG\x10v\xa0\xf1\xa6K\xf7\x8a\r\x87\x8f\x1a\xf3\xa6\xe1(\xc0\x8cT\x81\x86\xfcH@\x11\x9a\x8a\n\x0foo\x99W\xc5_\xd0=\xbd\xee\x90\xa2d\xfa\xa7"k\xd3\x94\x8a\x82\xd2\x84\xea\xc1\x17\xb8\x1d2\x87\xc9\x86\xd3\xc0w\xcd\xf0=\x92\xdc\xff\xb4 8K\xe2\x89\x02\xb7\x7f\x08\x91\xe9\xfeDd-`\xcf\xd4\xb2\xe7\r \xd8\xa7FGD\xfc\xf2%D\\&lt;\xa4\xd3\xe9\x83k;4v[\x0c\xf8\x98\xe4\t\xddr5g\xd6\x8e\xefi\xbb\x15P\xa2"\x87\xfb\x14l\'\x0f\xb8\x08\xdb@\xdf\xbb\x04\x18\x82vQ\x07\xe1\xe0\xea\x12\x1c\x06,\xe8,/\xf9I\xf2\xf2C\x00.\xda8\x0b\x00Nn_\xa4~\xd3\xcb\xb6.\xb0\xd0T\x16\xad-y\xbc\xa5\x00d\x06#\xd1\x82 pjN\x89u\xa4\x96\xda\x8e\xe3\x9bf\xfb\xba\t\xd5X;\xbe\x97\x87jf\xc3\xb2\x02\x02dr/\x91J*\x0f]\xb5O\xb2\x0c\xac\x9b\xd0\xcb\xc28\x1aS\xea?\xce\xb4\x01\xb3su$\xd2[\xbe\x9c\x07\xe1m b\xa2\xaf\xdb\x10\x84S\x08(b\xbd\xea\xb9`\xeb\xccA\xf2b\x03Z6\xa1\x0b\xc0\xea\xb1\x95\x86\xd5.\x1fQ&amp;/\x90\x0cp\xdeb%\xc3\xa3w\xe2Z\x96\x8f4h\xb0\x10Y\x9c\xea7;\x14\xd6M\xe8\xed@\x83\\\xe8\x94Xs\x8f\x11\xed\xd3\x86\xb6\xb5\xcb\xe3u\xc5\x8e\xc5\x88\x18\xf4\x10\xf1/\xd8\xa1\x94\xca\n\x81\\3\x9a\xc8\x06\x00y\x91P\x9e\xea\xa9&gt;\xe0\xb8\x00\\\x18\xf4"\xb5\x846\n\xa6=2\xa7S\x96\xd3\xff{\xe7\x91D\x00\xfc\xea\x15\xbd\x92\x04I\xfc\xcf&amp;qp\xf9\x04?\x92\xff9\xec^0\xd2\x91z\xfa\xe6\xf9]\xd6Z\xb9\xec\x1f`\xd6\xe0\xee\xe9\xfe&gt;7xn\x9ee\xd1\xaf\xc0\xbaN\xbbW\x96\xe9`\xd2\xc5C:[\xbe\x9d\x054\x00\x98\xd1\xab\xb5o}\x9e\xd5\xc7\xb1\x0fH\x04\x95\x11\xcb\x9d!\x13\xfa\x86IU\x00\xf0\xd4\x8dG\xf4f\x87\xc3\xab\xa6\xb0\x0b\xc0\xaa1\xddm\xb6D\x13W%\x84\xafXUF\x97d\xe4\xfb\'W\x89B\xca\x8d\xb3\x0b}\xf3\x1auij\xc5\x0e\xdf\xb9i\x98q\xa1 \x8cP\x9a(\xb0\xa6\xd5\xf7\x80F\x15\x11}\xebr\xe8`4\xb8\xff\xac\x10tB\x1f\xd0\xb2\xc9\xfc\x01\x1d\xc9q\xeb\xfa\x82\xd9yX\xbbf\xec\x02\xb0u\xe6`\x9b\xb7\xd6\x13\x8br\x19\r\xda\xb7\xaf\xdf\x9f\xacS\x0c|\xc4\xd7\xeb54\xd6\xe1\xcb\x92\xf8Y\xd1A\xf7\xc9\xd3\xb7\xb0\xe7\xfdy\xa7Uk\xe1\'6\x16\x1f\xca1&lt;\x0b\xa9ed\x85@\x9f\\oo\xa5\xe5\xaag\xefg\x861\x8b\xe5#\xcb\x15K"b\xdf\xbc\xf8\xa6\xae\xf5\xe0\xa6\xc3\x1b\xd2\xdd\x0bl\x9b=\x04\xdd\xf1\xf7g\xcf;\xdd^1X\'}\r:%\x86\xb6\xb4\xba\xbb\xee\x9al\xc5R\x83\x88\xe9\xca\x85\x85\x91\x13\xf6!\toV\x1f\xec\x88\xf8\xc2m\xc7\x9dhN\x10"4\xf0X\x18\xba\xdf\xa2\x8e\x87\xeb\xf7\x93\x055\x80PGmFh\xc6h\x15\x0e\xaf\x9a\x8c\x887\x1eZ\xa7)\x83"\xac\x9f\xa8k\xeadw\x856\xe7\xc1\xb2fN\xf6,\x9b\xae\x16\xe7\xce\x18\xe8H3|n\x80\xbdf\xcf\xf2\x85\x83J}\xdd\x8aZ\x8a4\xab\x16]\xfb\x86\xb5@A\xefl\xadrW"\x8f\x11\xab\xd4\x94\xee-=\xd7\x1e=\xf4\xca\xaa\xe1\xe5Z:\xac\xabSS\x91\xe7x\xc4\xac\x81&gt;\xd7\x8e9C\xf9\x85\x16\xff\xfdL\xb8\x00\xd8\xbc\xa9\x9e\xde\xb6\x99\xeb@\xc5\xd7\xc8&amp;L\xe9F\x16\r.\x1d\xdf%\xdbSM\xf1$4\xaf\xba\xd6*\xce\xba5\xf3G\xc3\x8d?\x88\xaer\xc71\x0f\xe5\x90\xea\x9a\x1c\xa1\xfe\xec\x86\xd6&gt;\x9fG\x87\x064\xeb\xb2\x1c\x93+d\xf9\x08=1\xfb\x83WB\xb1z\xb40\xf0 \xbdr\xe7\x12\xf5gADS\xf3K\xd0u\xcd\x1b\xe8\x93\x17\xff\xda\xbdW\xf8\xba\x15\xba\x18\xdb9\x13\x11\x83Q\x87\x86\x98\xda\xbde\xa6\xaf\xdb@\xb0k\xbeW\xf3E\xfb\\&gt;\x90O\xe8\xc2\xd9\xdf\x916[\xae\xc4A)\xafe\x94\xef\xdf?\xc1\xe4\xf2|kQ\xcd6Q\x17 \xe8\x0c\xe3Y\xd8\xe9a\xb5\x95\xec\xd5\xe7:Pk@D6*\xc7\x0e\x86\xb5\xabVu(\xe6k\xf5\x9c\x07T\xf5\x8c\xfe\xd5\xcb\x9a\xf3\xc4\xfa\xbaw\xd1\xe8\x9e\x991\x9a\xd9\xdf\x0f\xa7\x8c\xbcH\x00\x00\x07}7M\xe9cg\xf6j#&lt;\xaf\xee\xc6\xda\xcc\xb8\x88G\xd0/H(\r\x00\x88\x7f:[\xa1\xff;\xa8\x05\xe8\x14\xec\x05 \xa2\xa9\xa8:k\xb8\xe4\x9c\xb9\x15\xcd\xa3A!h\x8e\xc4\x9a\xa6{\xa0\r\x91.\xe9\x84\xce\xecl\x02\xfa&amp;\x00\x07\x97O\xfc\xf5\x83\'4\xb3\xff\xbb\x8f\\\'\xa9S\xcf\x963\xb2\x83\x81]\xac\x1e\xc0\x9a\xb1=&lt;\xc7\xcf\xe1i\xc8\x89\xfby\x84)\xcc\x12\x9a:\x83\x99\xfe\x94`MY\\\x9e\xe6\x9b)\xd1\x13\xce3\x12jR?\x81\xdf.?d\x8e\xb3c\x8dg\xed\xc6r\x84\xfb\x815\x98nO\xe9\xfc\xfe\xe8\xa9\x83?\xbc\xf5\xd0\xb1u\xd3\x97\x0c\xedbA\xf3\x83\x88\r\xbd;UM\xa9(\x90\x17\x90/\xb1\x1er\xd6\xf4\x10\x02\x8cd\xca\'8{|i&lt;\r\xa7\xb4\xbd\x81\x85\xdf?zJ^\xc0\xefB\xfb\x9d\x80\x9e\xae\x9f\xc5\x0c\x1dE\x07\x8bO\x9f\xbb\x15\xdc\xe9k|\x8b\x04\x80\xe7o\r:\xbc\x1b\xc0\x1f\x9dg\xbc\x80\xceIZe&amp;\xed\xeb\xcf\x9d\xb9\x88\xfc\xf9\xd0\xd5\xfb|\xd14\x1f#@\xdd\xdd\xce68N \xd8.\x0ev/\x18\xf9\xfc\xad\xc7\xef\xb9l\xa7f\xf6\x7f\xc0L\xe6/V\x95\xc4\xa3c\x13%\x92"\xf0\x03\x0b\xf9Y\x02C\x05]`@\xa3Q3t\x02c!\x14y6M\xe9\xeb:\xfc\xcalc&lt;\xe7\xe5\xa6\xce\xd6dy\xc3\xd8\'\xd7\xacJ\x13\x00\xa0$\xc1\x8fD\xbf \xec\xe3\xd7\x0f\x9e\xd8:s\x90Y1\x08\x11\x07\xb7\xd1\xd5\xac\xcc\x1f\xd0\xe1\xa1\xab\xcc\tU\xe7\xce\x1cT\x96Z\xa3+\xbd\xe1\xfc\xb5\xa6\x86\xb6\x04\x8a\xfa:\xbf\xa2w\xad\x05Y\xd8\xfc\x0b\xec\x8c\x7fh\xe5$r\xd0-%rry\xbe\x05\x1d(\x85\xfawr\\\x8eSWC\x0b1\xadG+kj4I\xd4\xfe\xd9\x89\x9ds\x87{\xe7F\xd1\x00\xffy\xe6\x8c\xe7\xea\xbf\xf3\xf86\x15\x7f\x96\x06\xae\xd1$\x91\xff\x17\x0c,q\xacY\xde\x82)N:\x8f2\x004\x05\xa0\xa9(\xad\x81\x15\xd0&lt;\x1d\xbd\x1f\x18 ]\xf6\xc8\x9a\xa9\xfcO\x1b&amp;V\xe1\xdf\x9fZ^\x03\x82\xb0\t\xea&amp;\x11\xec\xa9\xfe\x0c*\x8f\xf7\xcd\xab\xf6)TL\x82\xe7\xe5d\x8aC\xdb\xa6\xb4\xf2\xb9\xd9\xddQ\xd8\xcd\x0c\xe0\x82|\xcd\xae\xcdP\x99\xd3\x15\xf7\x01~\xee\xf8i\xe8x\x93_\xc7S!\xc1A\xd4z\xf4\xcdo\x04\x00W\xedZJ\xfe\xcc;K\xad\x8a\xe6\xe0H\xa4pe\x86\xaa6l\xc3\xa4&gt;\xfc\xc9L\x80\xa9\x95\x85\xb9~\xa5\xe4\xf2\x1c\xf6.\x1aM]\xbc/=w\xbe\xbaD\xcf\xce\xfe\xbb\xe7;\x93)"\t\xe0\xd4y+\x1d\xa9\x8a\x87\x85}bq\xbc-\x9b\x1b\x7fG\xbdNe!\xfd@\x10\xa6\xa0\xb1\xfdX\xf0\x8b\xf6\xdc\x84\xa01\x0e\xa4\x00 \xfef\xb6\x12\xc3\xacXg\xa9&lt;\x1b\x84:\xc8l~`\xd9x\xf5\xc2\x04\x12\x03\x97\x8568U\x95\xcf\xe1i\xe6\x13_S\x01\x05\x0c^\xb9\xfbr\x7f\xebW\xeb\'V=p\xe5\xde\x10\x9d\x08\x15D\x9c\xd05\xc7\xfb\xad\xf29\xbc\xa3\x01\xf3\xdb\x98\x1b_\x02\x11\xf1\x7f\x9f\xb0\xe3\xa4\xbd\x91\xdb\xcb\xc3W\xefw\xdc\x0c\xf0\xd2\x1d\x978U\x95o\xd1\xb1\xb1\x93\x8bYS\x80%\xc3\x8c\xd3E\x05\xe1o\xd0\x13\xccC\x00FuL\xb7P\xe1\x88\xf6\xa9\x8f\x9c:\x00\xfa\xcb\xbf\xc4\x81\xc2\xc1p\r\x1f\xe6\xeb\x96;\xd4:\x05\xaa\xbb\x03\x80\xfc\xb3\xc1\xe0F\xa7\xf29}\xdb\x933\xf7^\xb6S&gt;\x85]r\xce&lt;z\xd5\xc4\xb2\\p\x82\xbe\xa3\xd8/c\x8aX\x17"\xcbV&amp;\x89\xc0\xae\xc2$3\xb0\x95\xd2\xa0\x1b\xdb\xc9\x80A.\xe8\x96\xe4!\x98";\xe9\x9d\xddpVUQ\x91\xbeo\x1a"J8\x91\x9a3\nF_q\xe6\xf8\x04U9\xb1\xd3{\xb6\x96\x971\x94\\\xcd\xe2\xdc\x99\x83\x1c\xae\xd1\x0f\xa1\x91\xe5\rE\xfb8\xce\x14l\xbf\r\xb7\x1c\xd9x\xcb\x91\x8d\xf6\xeb\xb1\x0c\xbd\xa7@D\xea\xcaf\xc1\xe3,\x9c\xa1Y\x9fT\xee\xc63\xcc\xd7\x86\x88\x88\xff\x87\xf8\xbd\xf9\xfb\x04\x0cLy\xe5\x1a\x16\xdd&lt;\xb5\xbf\x9d\xc6\xd8GQ\x03\xb0\xc0\x95$\xb7\n#\xa2\xcaD\xc6\xf7\x9f\xb7\x1f:E\xa41\x0f\xc1\xa6\xcf\xa5Y\xb0\x92x\x10\x9e\xc2\x84\xae9\xd5\xb3\xf8_\xff!gn&lt;\xb4^2\xad_\xb5k)\xef\x08$w\x98\tw(\xba\xfa\xd0\xcaI\xec\x9f=\x94-\xfe\x12\x08\x85\xe2S\xe7\xad\xa0\xc7\x17\xac\x9eB\x8f\xf5\x02\x04\xed\xe7\x04\'(0\xa3\xa1\xf4s?+=\x1c\xdf4[.1\xc8\xd9\xab\xae\xdf\xbf\xda\xc2M\xcf\x06\xcd\xaf\xadh\x97\xda\x82`\xd6\x01+ \x938\x9b\xb5Qo\x886\xd7\t\x12\xde2M&amp;\x88\xddzl\x8b#\xed|\xf1\xf6Zb$\xd0\x83\xa2\xc3\xb8\x06\x8d\x1c\x8a\x0c\xf0\xbe\xb6\x13\x11\xcf\x06\x15\xab\x06]S|\xe3fx\x9687Z\x83\x90\x06\xfa\xacH\x1f\xbf\x9d\xc9pmXX8\xfb\xa3~Je\xcb\xda\xa1\xfe\x05\xaa!\x84\x81\x9b^\x86\'_:\xdb`\x81Z\xca\xda\x1ai\x88\x8d\x93\x05^\xe1*\xb0\xd0\x9e\xd1%\x19\x00P\xe2\x99\'\x99\xde\xb3\x95G\xea\xf5\x16TXx\xbc6\xe4\x1dQn\x07\x00\xf8\x05`V\xef"\xbe\xd8-\x17l\xd4[\x00\xf4v\x00+F\x95\xcbo-\xd7\x08/\x1b\xdeM~y^dM.\x11\x0f\xc1\x1a\x11\x90\xa7\xe1T\xd0\xa3\x87\x90}\xb6/m2\xd0\x08aO`\xe9\xb0\xae\xe4\xa0e \xc71z\x94@"\x08\x01\xe8T\x1e\xabVL\x03\xfb\xca\x99\x9e\x99\xea\xacn\xfe\x82\x01\x85NJq\xc2\x95\xb041\x84\xd0r\xcc\xe8\xd9\xfa\xa9\x1b\x8f8x;\x1fB\xb3z\xb1/\xf1\xc2\r3=w_\x7f\x88\x87\xea\x9d\x13K\x0e\xcc\x8a-yg\xb1\x06\x87z\'\x06\xe1$b\\^S\xbb\xe6\x8f\x88\xb6\xca\x03\xa1\xa8;2\x84\xa4\x12\xc3\xc8l=/\x0cC\xb7H\x7f\x035\x95\xdb\x7f\xa5\xfe\xbc{\xb5\xdc6\xb3|\xael\xf9d\xef:\xb0\x13!\xdf2\xad0]\'\xbc\x00\xff\'\xaa(\x8e\xf7\xb6\x19\x7f^\xffbD&lt;\xb1e\xaewo\xebS\xa8\xcc\xe6l\xfc\x17\x85\xfd\xe8\x0c\x7f\xb3\x04\x86\x00tk\xa6\x1d\x17v\xd8=\x17\r\xee$/@V*\x9b\x8e=\xecgpja\x06\x0f\xac%\xb4\xc2\x8b6\xce2u\xe1\x8e9\xc3\x92\x15\x9c\xee\xcdv\xa7\x07\xaf:O\xf2\xeb\xe1U\x93M\xd6\xe7{tM\xae\x11\x9a\x86\x14%\xcf\x14it\x03\x14\xdeQ~\xf6\xcen\xe8\xe0\x08\n\x0c\xd0\t]\xe2\xd7&lt;\x7f@\x07\xcd\xec\x7f\xe6\xc8&amp;\xb6\x80\xba\x90u|\xf3\x1c\x0b\x8dl\xe0&gt;\xb5\xb1N_~\xe2\xeaG\xd6\x8d(\x80\xd6\x96\x9cT\x1d\x8fd\xf1C\xd8\x19W\xf5\x83\xc9`M\xc2s\xfb\xe0\xaf^\xb9\xc7C5{\x8e\x16\x82\xb2\xd2\xaf\x9f\xd8[^\x12\xcf\xc2\xfcW\xe7\xaf\x98\x88\xf8\x03;\xbf\xb7\xaa\x07C\x8a\x92\xf1\xbb7\x04z\x9f/_\xf6D\xea`vv\x10\xce\x14%M\x80:\x1d\xf5/h\xec\xb5\xe9\x80\xee\x00h\x0c\'q\xdbW\xf7\xbf\xf6\xa8\x8f\xf2\xde\x85\xa3=Y\xbd\x93\x98U\xd5\xd6\xc2U\xfc\x9e\xcc&amp;\x1ar\xa1yBtt\x8fK\xf8\xeb\xd3\xe7\xb2\xbc\xe2\x86R\xdc\xc8\xaf\xdd\x10\x9b\x01\xe4x\x99\xc0\xda!\x8c.mA\xf8\xcb:Jm\xcd\x88h*.\xa7\xf6\xe0\x95\xbb.\xd3\xd3\xf5\x13\x94&amp;\x86\x9c\xbfb\xa2\x87\xee~\xfbE\xe7\xf2\'%:&amp;D\xac\xf2\x8c\xc2\xb4\xa5\xd3\x9f\x7f\xb34Z\xc2\x14H\xd3\xba4\r\xc8!hM\xa9\x92c\xc6\xb3\xc8\x9f\xd3D)\xba\xe7\xac\x19\xd7CO\xb60\xdcg;\x12\x0f\xccw\xff,\xcf\'\xb8\xeb\x9b\x17?\xa3W\xeb\xdcp\xbf\x88Z\xb8\xd6c\xfc\xc4~\n\xc2\xc6C\x98\x905\x00\x80\xb5\xe3z\x9a\xaa-\xd6R\x1b\x0c\xc5\xbc\x9b\x0eo\xd0\x9c\xb9|\xdbBK\xb72\x07\xb2\xd5@\xc4w\x1e:\xe5\x85\xdb9\x05?\x9c\n=\xea\x8d\xe3\xe5\x80X\xb3BB#\x80\xa9\xdd[\xaa\x94\xd4\xcbC\xd73\xb3AU\x8e\x81\xa2pL\xa9\x89\xcd\x03\xd9\xd8N\xeb\xa1\x1b@@\xbf\x97\xe7&amp;evq?sd\x13"\xf6o\xe9K\xc6[b\x84?\xbbl\x00\x12,\x1c\x14x\x89\xeb&lt;\x87#k\xa7\xd9\xb9\\\xbe\xf14\x05\xf5\x0e\xaaX\xd2r\xdad\xfbH\x01@D=\x1f\xf9\x8a\xe6\xd1h\xc48\xe29H268\xbe\xbe*R\xb2\xcbq\xf3\x05Z!\xc9\x02\x02rwi\x0f\xc1\x19\x1f\x8e\xda\x9b\xdd\xce\x06 \xfe%:Y\xb3U\xf2\x04H\xf6&gt;\x9a{\xa1\xa9\x9a-\x94\xb8\xcb\xb4\x8b\x85\xb2f\xde\xf0\xb4R\x0c\x8b\xd0k\x8a\xdc/\xe0\xea\xdd\xcb\xcc\xb6G\x05*\x9f\xec?\xcf\xeaf\x18\xde6k\xb0\xe2\x8dx\x99\xbcK\xb2\xc59\xb6mC\x1f3A\xf9\x95r\x9c\xe7\xd6v\xca\xdf\xd7\xdf\xbc\x13=\x08:t\xfd\xcd)\x98\xdf\x07~\xfa\xec\xad\xc2\x92\xd7\xecY\xee\xe9\xc6\xe8A\xa3+\xf3\x044\x81\x9d\xe5iQ\xea\xe4\xa9\x11\x00\'\xb7/\x12\xfe\x14k\xafUA\x18\x06\xab{\x1a\xa6\xd6\x10\t\xcb\xb4\xff\xc3\x13\x16\xaf\xde\xd9\r\x01\xe0\xf3\x17\xee\xd0\x9c?\xb5wE\xfb\xf8\xb3&amp;\xed\x92\x07#\xd3\x19|\xf1\xe2\x9d^\xb9\x8f\x12(!\xd7\xfc\x01\x1d\r\x0b\xc71\x07B\'t\xc9\xec\xef\x14\x05\xff\xec&gt;\xed\xec\xf8\x9e\x98\xd2\xed\xac\x9fXe\xe3VV\xe0XV9\x97D\xdf\xd6\x93\xa6\x00V==\xc4\xb9\x8cx&gt;\x87\xcaX\xf0!6N\xees\xf3\x05\x1b\x9c%\x0c\xe8\x9e^W\x18gZ\x9e\x1a\xe5Qy.\x88j\xecY0\xcas\x95\xd3\x19\xd3\x9a+4\xd1\xba\xb0\xfd\xc0B\x9fH\xd79/\xcf~\xb3r\xb4\x96_\x1a\x11/;w\xbe\xfc^m\x1a\x00\xa8=\xec\x80\xc2\x04\x0b\x8e"Q\x00\xcd\x00\xae\xd8!\xdeL8\x0b\xcb\xc2\xdec\xd7\x9e\x1f\xeeaN\xb4\x8b7\xcd\xa6\xc7z\xabr+\xc6\xe7\xd7C\xbco\x8e\xc3\x9f\xf4:\x02\xcc\xe9\xdb&gt;Y\xf4\xc2\xf5,4\r\x01\x9e\xb9\xf9\x18\x7f~je\xa1\xca\xed\xee&lt;\xb1\xcd\x0f\x1d(\x82\xa8A\xa7D/mh\xd9I\x7f\x8a\x9a\x0b\x87\x037\xfd\xe1-\xcdz\xa3b=v\xc4E\xdd\x87\xa6`\n\x16!\xf7\xcd\x00\x00 \x00IDAT;.\xf0\x88\xc8\xcb\x89\x9a\n;4\xb2\xae3\xa4\xba\x88\xceM\xc3\x86\xb7\x17\xcf\x12|\x18\xa0\xd0\xcd\xc6\xaf\x94\xe9\xd6\xd0\x18\x80\x7f\xdb\xdeds\xd3s\x97\xd2\x8bR\xd2+\xcf"(\xfe\x1b\xc3\x94\xb5\xc0\xcb\xfd\xdc0\xccO\x02\x8d\xfb\xff\xaf\x1f&gt;\xb9\x7f\xc98\xbb\r\xb2\x84GN\x1dx\xf9\xae\xcb\xac]\x9b\x00\x80\x88\xaf\xdes\xd2\xd9&amp;\xf9\'TV\xbd\x01\x85\tr\xed\xc1V\xe5\xe4\x7f\x1b\'\xf7%\x07\x8a\xde\x96D\xc7\xe0C\x85\xf2\x94\x8a\x02/\xdf\xd1;\xb1r\xf1\xee\xc2Y\xba\xc2%\xa5\x89\xba-c\xb5\x86/\xdc~b\xdf\x92\xb1\xd6[v6`d\x077\xaa+\xf9\x14\xef\t\x1f&gt;v\xf0Q3\x06\t\x172\x95LN\xbeA\xd7\x13\x04\xac\t\x08^\x16+\n\x8c\xfc\x18\xa2\xd5\x92\x12\x1b\xc2\xd3\x04\x16\xd6x5LABa]\xd1\xbc\xba\xf3vi\x1a\xe4\xb9\xf6\x19x\xad\xe0\xfe\xa5n.\xb3*\x9eQ\x12z&gt;\x96\x9a\xfel\x11\xff\x1d|N\x1fRx#b\x02@\x18@f\x08\xe0\x97/\x99\xba\xf6\xea\xdd\xcb\x06p!\'\xeck\xd1\xf8eS^\xadQ\x1d\xd3\x9f8}\x98\x1cK,\xbd\x88\xff\x9aj\x8f\xb3P1A7\x04\xe8\x9b\xef\x1d?\x00\xeb0\xdb\xbe\xceIa\x88\xb8b\xa4A:\n\x16cJ[\xd4\x01\xe8\xd1B\xb6\xd4\xf4\xcd\x93\x9an\xd4\x10\xd0\xa9n#]\xa3cv\x9fv^\xbe5":\xab\xf3E\xfcA\xef\xa7\x80v\x97RB3\x80\xc1\xad\x93&lt;J\xbf\xae\x8e\xdb/:\xc7T\xf9t\xee\xccy\x8b\xc7\xb4\xf1zB\x01j}\xfa\xe0\xf1\x1b\xf2\xfc\xcd\x7f\x16\x00\x00\xae?\xb0F\xa5\x18Qc\x93\xb1\xad8\xc3\xa5[m\x92S\x90kr\xbb5\x8b\xfc\xf7\x8b\x97V\x8f\xad4[\xed\xcc\xdem,7I\x05\xf5\\\x13\xe8\'O\xdfbjO\\\x9e\x16U\x10\xe5{\xc9\xf4\x97\xf7\x1fw\xa4\x9e/^\xba\xcb\xec%\x88\xe8!\xa7\xdb[\x8fn\x16\x9e\xcf\x8b\x0c\xfc$\xc3\x83Zy\x83\x05]\xd8\x95\xd5C^-\x07\\x!\x8dL\x9f\xdcx:\xea:\xe8\x08\xa2\x88\xd8.\xd67\x83\xf3\xef\xcf^\x10\x9e\':\x99\xbf&gt;}\xce\x9b\x8d\xd1{?&gt;\x01"N\xd7\xa77\xd0\x83\x9d\xac;\xc3\xda\x9a\xe0*&gt;\xb1e\xaeY\xe7\xb4x\x80i\x95\x85`\x94f  \x92\xa4ZHX\x86\x88\x1er\xb9\xd5k\xcbY\x18\x0b\xed/Pt\xd5R\xc7\xe1\xd5Sl\xd6 w\x0ch\x1fgz\x01p\x84Y\xe5\xd1k\x0f\x06s\x0b+b\xc3$\x83\xf8\x86h0\'\xf1e\x87\xe9j&gt;\r7R\xbc\n%\x83\x9b\xbb5)\xe72C\x00\x00&amp;W\x14x\xc2\x9elY|q\x9c\xa0\xbf\xd8\xbc\x18Q\x99\x11\xe4\x08\xf7\x03\xc4\x02\x00\x00\xe2\xff|\xdb\x0c!\xde{\xf4z\xb3\x97h\xf2\x15\xd7u\x1f$%M\xcc\xa9\xce}\xbey\x0f\x02\xdc\x99\xa8\x9b3\xcc\xdez\x90/\xad=3\x1b\xe8-\x00fWe\xa2s&amp;;\x82\x06.\xfe5\xd2gJ\x13\xaa\xd7\x05\xda\x85\x06\xb4\xf4jd\x81\xc6\x89\xc8\xdf\xc4\x8d\x00"B\xf7S\xa4\x9b,o\x98\x92\xc9\x02\x0cw[\xeb\'Vi|\xcbb\x01\xc0%\x98\xcb5\xf0\x88(\xcf\xfad\n\xd6\xf6\xa1\xfc\n\xd4\xa6\x01\xfc\xf1\xc9\xd3\xf6\xdb#\x01+*\xf6\xcbolJc6\xbeK\xb6a\x99\x80\x88\x94\x89\x04H5\xaffT\x11lG\x97d\xe8)X\xf7,\x1c\x05\x00\xf1\x00%\tP\x18\xad\xba\xdb{\xfb\xa1S$\x17\x15\xf9\xf3\xe3\xa7n\x06\x11]\xc7\xf3\xae|\x18\xde\x87\xe7"\xac}\x1e-\x17\xccD\xef=\xf0s\xa8\xf0\xed\xff\xfe\xd1S\xf4X2yi\x84k~-1\x94\xbe\xa9\x9f\x9fa\xe5\x97\x9c3O^\x95_\x81m\xfc\xf4\x9e\xadM][\x9e\xea\x91\xe0\x8d\xd1%\x19\x0e\xf2\xa1\xaa\xe0\xc2\xf53\xc2\x19\xf2\x0f\x07!IVN\xb57\x88\x7f\x939]\xd1\xaf\xa4\xa4\t \xe2*.\x14\x9c\xc7\xa4\xb2&lt;\xe1y\xef\'\x80\xac}\xbb\xdb\xda\xc3\x02\x14\xab\xff\xd3\xe8\x12\x83\x90O\x9b\xe3t|\x97\xec\xb2T\xb1\xe0\xc5[\x0b\xdbJ(w\xbd\x88&gt;\xb9q\xfc\x0eW\xb3\xf2t\xb4\xd1;\xf0\x7f\x9fX\xbf\xd86\x88b\x81]}\x85\xbb\x19\x8d\xf0\xbb}\xf6\x10k\xb7\xf3\x95L\x97\xefk\x16\xc7\xdb/:\xe7\x8e\x8b\xdd\xf2\x1a\xe1\xf7oX\xde-uM\x89\xb8\xef\xf2\xddz\xbf\xbe\xfd\xd0\xa9\xe6jj\x99f\xae\x039\r\x89\x1f\xc2\xfb\n~\xff\x98\x8d\x9c\x86\xa6\x0b\xa6s\x05\xea9\xc4\x80\x8a\xf8\xa7\xa9\xf2s\xfa\xea\xfa\x14/\x1d\xd6Us\x86\xcf\xa7\x81\xf8\x85\xa9\xdb\xd5\x0eXN\xabB?q3Y)\x07`(a\xd4V\xcc\xe6r^:\xf2"h?gW\xe8\xa1f\\\x8fj\x01\x88\x1axX;\xd3\x9dW\xb2\x8a\x90\x05\xd1\xdfl\x1b\x1e\xc1\x88\xe24\xa7\xbc\xc4T\xec\x00k\xc6\xf5T\xa1\x18\x94h\xd55_%/\x12\xbc\xef\xef\xefi\xcc\x1f\xd0a\xd7\xbc\xe1f\xaf"\xb93\xe5!\xb8~\xb2\xaf\xb2\x06\xbf\xa2\xd9\xf4[\xa1\xf9\x91k\x0e\xf8\xba\t\xdeC\x97\xa6\xe1\x85\xe6\xfdG\xa7T\x14\xb4\x8b\x15\xff\xb4w\x91\x9b\x01\xb9\xf6\xe9\xb2L\x83\xbaNk\xac[\xb1\xa2\xc2\xe4}\xd1\x1dw\xcb\xe8\xea]\xbfG\xa7\xe8t\xb5b\x8d\x18\xf7^yx\xa7S\xb0CWpp\xf9\x04\xb3\x97\x90\x97?\xb4H+\x00\x96\xa5\xd6\x89\x07\xe8\x95\x15\x83\x7f~&lt;\xb5\xb2e-\xa0\x1b\x0b\xc2A(\xfa\xb6\x0bID\x0c-\xc0\xa6\xe2g\xbd\x10\xc4c\x16\xc1\x05@\x0b\xda\r$z\xef~\x05\xd5\xc6\x02\xfa\xfaze\x99\x96&lt;\x11Q2U5u\xf9M\xf7\xc9\x8d\x13~\xa4\x8d\x93\xfbp\x15\xfe\xd1-%R\xd30\x16\x83\xdb4\x05\x80{/\xdb%\x1c\x12*]\x81\xdd\x03e\x85\xd6\xc43\xf7\xca\xaey\xfc\xe5#\xca\x00 \x87\xb9G\x94\xa3\xfd\x8c\xdf\t\x87K\x7f\xad\x1d\xf0&gt;\x0f\x01\xb8\x87\x11\xc4\x02\x8c(Nc\xbf\xe3\x03W\xee\xf5~\x93\x1cD3w!Oh\xb1P\x0f\x8cj\xaf@\x0e\xd5;;\xd6\xb0\x8c:,\xa7Wcq\xfbE\xe7\xa4\xf9\x07\x1b\xaeg1\xb2CsE"CS\xdb\xf0X\xfd\x9f\x0cu\x11\x88(w\xca\x1e\xe8\nif\xd9\xd8\x01`z\xcfV\xf5\x8c\xd8\x07\x11\xf1\xa7w\x1f\xd5\x9c,\xac\x0b\x88\x98\xa6\xd3\xad;4\x86\x8a\xe6u\x01 Eg\xcf\xc1\xc6\x85\xe5\x84i\x7f\x92\xb5\x06\x00\xf1\'y\x01\x16\x84d\xc2s\xf9\xb8\x83\xb0\x80\xf9\x03:|\xf0\xc4\r\xf4\xcfL\'\x16\xf5\x91\x1d\x9a\xab\xa8\xf3G\x14\xa7\x85\x01 \xa2\xb3\xbb\xda&lt;\xa6\x87\x9d\xda\xbb\xe2l\x96\x85\x11\xf1\xa3\'o\xb2lc\x0b\x0c\x9c\xdc\xbe\x88|cC\xc2H/@%\xfa\x12\x11\xcf\x1c\xdd\xc4\x9f/K\x8d\x9a\xdb\xaf\xd8qnN:\xbf[`\x06\xa7.N\x05u`\xff\xd2q`\xe4\x83\xc8&amp;\x0f)\xe2\xb6\xc5s\xfbi}\rU&lt;\xf4\xfd\x1f\xe9\xccq@\xb0\x17H\x80\x88_\xbfz\x0f\xfb\xa7\xb5z\x08\xc7\x03oC\xd6\xe0\x85\xdbO\xf0\xb7\x88\x05\x00\x80\xae\xc9AQ\x01\xc0F\xbc\x02]V\x97\x0c\xed\xe2LSj7x\xc9^\xd35\xc7w\xcd\x01\x80\x0b7\xcc\x1c\xd79\xcb\xe6\xbdn\xbf\xe8\x1c\xa1\xae|rE\x81\xe1\x90[9\xbaBs\xe6\xe8\xdai\x92\xf2\x888\xb5\xb2%9h\xa2\xb0\x0cH\xd7\x92\xdf\xe4mcq\xf1\xc6Y\xf2\x02\xec\xf8^=\xc64\xd9\x99\x1dX\xdec\x0bI\xd9\x88R\x11\x11/\xdf\xba\xc0r\x93|\x0e\xa1IR\xd2\x19X\x9b\x8d\xb3*p\xa2\x7f\xf7&gt;y\x99\x83\x8e\x06\xc2\xec\x8cr\xd0\xf9\x9a\xdd\x85\xbfy\xffU3z\x99\x8bz\t\xc2"&gt;s\xcf\xa7\x9c%2\x03M,\xcb\xa5\xcc\xc9&lt;FuL_&lt;\xa4\xb3\xcdf \xa2\x1e\xa5\x9f\x10\xf5\xdc3\xbb\n+$\xc3xRY\x1e\xe5\x86\xed\x97\xdf\x88\xf7\x15\xcb\x00\x88\x00\xf8\xe6\xb5\xfb\xf4\xaa\xda:s\xb0z\xc3j%b\x00*3\x9c\xdcRg\xfan\xcb0\xb9&lt;\xdfT\xf9-\xd3\x07\xb0\xeb\xc1\xa6)}\x85\xc5l\x06\xc7\xf9\x90\n\xc7\xd4v\xc7s\x9e]\xac\x0117B\xe6\xa3(l\xf0Y\xe1\x03j\x07\xf9u&lt;\x9e\xf4\xc3\x0e\xcc\xee|U\xbc\xfa&gt;~\xfa\x16\xfe\xa4\xb0\xa3PR\xc7\xfaf\xfc\x05\xf1\xefO\x95\xcb\xbaa\xf1\x90\xce\x0f_\xb3_[\x9b\x1f+msj\xd1\xf0*i\x02\xc0\xd0\xe2\xfb\x1c\x95\x19\xf5\xa2\xdd\xb5\x88\xb5\x00\x0e&amp;\x14\x8b\x04Hg\xe6\x07\xa1\xc2\xdbO&gt;\xa57@\xd3\x99Z\x06q\x0f\xb0\xf6\xca\xae\xde\xbd\x8c?y\xe6\xe8&amp;\x9b:S\x16&gt;w\x1e\xef\xd8\x18\x0e\xad\x9c\xa49\xd9\x10 \x99\xf3\xacu\x10*\xa4t\xb5h\x12\x0e"\x08\x01$n\x84\xdb\xe7\x0c\x95\\\xd8.\xd6-\x03L^\xe4\xd9\xb4$\x08A\x9e\xff\x91Sn1&amp;\x96ca\xa8\x9f\xa8\xde\xbd4\x8e=*\x98\xda\xbde=\x80\xc1\xad\xb5yAb\x00\x1e\xbd\xf6\xa0\xd9\xdaX4\xd0\xd1Y\xabWK\xad\xc7\xecI?\xb1s\x1a\xa6\xd4\x90\xfb\x04L\xebQ\xe8\x9f\xa9o\x14\xe1\'_\x81\x05\xbf\xb1V!\x02R\x81_e\xb5\xca\x00\xe8\x9enb\x9f\xb2a\x92\xd6\xb1;\x08\x87q\xcb\x91\x8d6k\x18\xc4\xcd\xbf\x12\xc8c\xd6U\x96\\R\xc6\xbe1\xd9\xb7h\x1f\x07\xd3z8\x9c\xed\x80\xc2\xf05\n\x8d4^\x00\x89\xba\xf0C\x0co\x9fj\x8d\xa5\xc7\xf0U+R\xf4\xf0X4\xa4\x93\xa5\xeb\xb4\x08\xe8\x10@&gt;\xd3\x91\x17\xf2^\x9c]\xe4%\x92g\xcd\xaf\xa34#\xc7\x004\x04\x98\xd1\xb35"\x0e)2H@+\x0fJR\xdfs9\xb5;\xb3L)\xb1|D\x99\xcd6x(&gt;+IA\x03\x86\xdf\xbf!&lt;/O2e\x01\xaem\xd07\xe4OuW\x91\xf24\'\'\xaevF\x96\xab\x97\xee\xbc\xd4\xc1\xdb\xc9\xd1\xaa\x1e\x00\xd3\x81[9d\x17\x97\xb8&lt;\xc6\x00\\zn\r\x7fmN\xad\xcbqeHH\x93/\xda\xb0\xaa3\xe3\xfa]\xb0\xb2\x83\xd0\xcb\xc4k\xc1\x83\n\xff\xf8\xf8\x9e\xcbv\x82\xbe2\x9aW\x7f\x970&gt;8\xa6\x92\xbd)N\xbez\x86G\x89Sf\x1c\x80P\xbdq\xdb\x85\xe7h\xc6\xaa\xbf\xf9Z\xab/H\x03\xa4\xbeO\x1a\xac\x19\xd7\xc3Rs\x82\x10\xa341\x04\x9c69\xd2\x9ei.\xbddm\x87S\xd1M\x9e\xcb\x7f\xe0w\xb0Cec\x08V\xe6\xe5\xf3\xb7!\xa2\xb5\xb9fd\x87\xe6\xa3:\xa6[o\x16\x83#k\xa6\xd65\xb9g\xb7\xe0\xb6\x1cX\xc0\x1f\xde\xf4\xc9}\xe7\xf5\xef\xc0\xfeiB\xcf\xe8\x0e\x9f\xe7\x18a\xe1\xa1\x80\xcb\x8b7\xcd&amp;\xc6\xb9\x10\x80\x16\xae5\xc6\xffQ\x9ef\x9e\xd4\xcd\x0c\x16\r\x16\xab\xd1\xda\xc7\xc18Q\x1c%"^\xbbo\xe5\xa0V\x89\x16hl\xce.X&amp;\x13\xd7\xd3{\xd4\x01@\xc4t\x93\xb5\x11\xb9g\xc7\xdca\xf2\xac\xf7}\xf3\x1bY\x08\xe5U\x04\xe5\x1a\x92\x834\xa0mC\xa8oC-[\x18\xed\x96!\xd6\x87k\x8f\x97\xd3\xb9\x00@I\x13\x7f4\xde\x9a\x05?\xaf\x18\xf6\x1f\x15"?\xfc\xbf\xb7k\x8e\x11\xfdM(1e\xf8e\x9f\xd7\xd4\x85\xea\x18P\x98@\xc6#\xab\x1a\xbcj\xd7RD\xdc&lt;\xb5?\xf9\xc9\xd3\x8b\x93\x97@Bp\xe5x\xe8\xaa}z\xe2\x95\'&amp;MM\x96]\x8a\xff}\xfa\xac\xd9\xaa\xd2\x01Nn_\xa8x\xa1\xe1\xb3\xf4\xc95\x11\xe4\xd0\xbd\xb9[\xd7\x9c\xa4\x16\x19t\xf5\xee\xa5]\x92\xc3UH\xb2&lt;\x07?\x99\x1c\xde|\xe0j_7\xc1\xab8}p-\x7f\xb2,\xb5\x8e\xe3\n\xf9\xeb\xf6\xaf\xb2|\xad\xb3\xd4l,\xbez\xf9n\xfb\x95&lt;w\xe6b\xb3\x97\x842\x1d^\xb31\xe2-^\xc4;\xee\xdb\xd7\xef\xbb\xff\xe4\x1e+\xed\x0bt\x08-\xa2|\xde.\xcb\xa8H\x8b\x9eU\xd5\x96\xb2/\xc8\xb9q\xe4B=\xc15{\x96#\xe2\x14.9\x0c\x8f\x0c\x80\x95\xa3*\xe4e$&lt;t\xf5\xa4\xda\xd5Iey\x88x`\xd9x\xc3fh@4Wr\xff\x13\x07EmRU\xad\xe1\xb7\xe2\xb3R{\xc1\x7fC"Fd\x8</t>
        </is>
      </c>
      <c r="E352" t="inlineStr">
        <is>
          <t>&lt;class 'numpy.ndarray'&gt;</t>
        </is>
      </c>
    </row>
    <row r="353">
      <c r="A353" s="1" t="n">
        <v>351</v>
      </c>
      <c r="B353" t="inlineStr">
        <is>
          <t>steps_per_sec</t>
        </is>
      </c>
      <c r="C353" t="n">
        <v>5100</v>
      </c>
      <c r="D353" t="inlineStr">
        <is>
          <t>2.9022434</t>
        </is>
      </c>
      <c r="E353" t="inlineStr">
        <is>
          <t>&lt;class 'numpy.ndarray'&gt;</t>
        </is>
      </c>
    </row>
    <row r="354">
      <c r="A354" s="1" t="n">
        <v>352</v>
      </c>
      <c r="B354" t="inlineStr">
        <is>
          <t>Loss/object_center</t>
        </is>
      </c>
      <c r="C354" t="n">
        <v>5100</v>
      </c>
      <c r="D354" t="inlineStr">
        <is>
          <t>0.124790035</t>
        </is>
      </c>
      <c r="E354" t="inlineStr">
        <is>
          <t>&lt;class 'numpy.ndarray'&gt;</t>
        </is>
      </c>
    </row>
    <row r="355">
      <c r="A355" s="1" t="n">
        <v>353</v>
      </c>
      <c r="B355" t="inlineStr">
        <is>
          <t>Loss/box/scale</t>
        </is>
      </c>
      <c r="C355" t="n">
        <v>5100</v>
      </c>
      <c r="D355" t="inlineStr">
        <is>
          <t>0.09039222</t>
        </is>
      </c>
      <c r="E355" t="inlineStr">
        <is>
          <t>&lt;class 'numpy.ndarray'&gt;</t>
        </is>
      </c>
    </row>
    <row r="356">
      <c r="A356" s="1" t="n">
        <v>354</v>
      </c>
      <c r="B356" t="inlineStr">
        <is>
          <t>Loss/box/offset</t>
        </is>
      </c>
      <c r="C356" t="n">
        <v>5100</v>
      </c>
      <c r="D356" t="inlineStr">
        <is>
          <t>0.13329506</t>
        </is>
      </c>
      <c r="E356" t="inlineStr">
        <is>
          <t>&lt;class 'numpy.ndarray'&gt;</t>
        </is>
      </c>
    </row>
    <row r="357">
      <c r="A357" s="1" t="n">
        <v>355</v>
      </c>
      <c r="B357" t="inlineStr">
        <is>
          <t>Loss/total_loss</t>
        </is>
      </c>
      <c r="C357" t="n">
        <v>5100</v>
      </c>
      <c r="D357" t="inlineStr">
        <is>
          <t>0.3484773</t>
        </is>
      </c>
      <c r="E357" t="inlineStr">
        <is>
          <t>&lt;class 'numpy.ndarray'&gt;</t>
        </is>
      </c>
    </row>
    <row r="358">
      <c r="A358" s="1" t="n">
        <v>356</v>
      </c>
      <c r="B358" t="inlineStr">
        <is>
          <t>learning_rate</t>
        </is>
      </c>
      <c r="C358" t="n">
        <v>5100</v>
      </c>
      <c r="D358" t="inlineStr">
        <is>
          <t>0.001</t>
        </is>
      </c>
      <c r="E358" t="inlineStr">
        <is>
          <t>&lt;class 'numpy.ndarray'&gt;</t>
        </is>
      </c>
    </row>
    <row r="359">
      <c r="A359" s="1" t="n">
        <v>357</v>
      </c>
      <c r="B359" t="inlineStr">
        <is>
          <t>train_input_images</t>
        </is>
      </c>
      <c r="C359" t="n">
        <v>5100</v>
      </c>
      <c r="D359" t="inlineStr">
        <is>
          <t>[b'512' b'512'
 b'\x89PNG\r\n\x1a\n\x00\x00\x00\rIHDR\x00\x00\x02\x00\x00\x00\x02\x00\x08\x02\x00\x00\x00{\x1aC\xad\x00\x00 \x00IDATx\x9c\xec\x9dw@O\xdf\xff\xc7_6Y!\x94U\x11*%\xd1 \x9aJ\xdaE\x94hi\xa8\x8c\x94\x16\xa2\x92\x8c&amp;\x95\x90P\x19e\x86\xa2\x90\xbd\xf7\xde{\xef\xbd\xe7\xeb\xf7\xc7\xe9}\xbb\xdd\xf7\xba\xef\x11&gt;\xbfo\x8f\x7fzw\xef\xb9\xe7\x9e\xbb\xce|\xbd\x9e/\x80\x1aj\xa8\xa1\x86\x1aj\xf8\x97ADD\xfc\xfe\xe0\xc4\xdf.\x08_\xda\x03\xf4j&amp;\x9d\xac\xbe\xde;z\xae,w\xf7\xca\xe4o\xf7\x8e\x15eN\x13#\x87\x16\x00\xa593\xf1\xeb]D\xbcy`\x1d\x00\xac\x9a\x1b\x8a\x1c\x8e\x15-\x9c\xe69\x98}n\xd4\x81\x8c\xed{W\xa5""\xbe\xbc\xd0\xa5\x96h\xc5C|\xf9\xe0\xf8\x16\xd1\x8e\x91\x00s\x95f[\x16\xc6\xb2L&lt;\\O\xe9\xf5\x95\xddK\xa6\x8fI\x998\x02\x11g\xf8\xd93\x12(\x01\xa87\xe4q\xe0\xb2\xb8 \x9ew\x89P\x8f}q9\x9c\xd9\xba\x94\xba\xf3\x0fNl!?.\xec\xc8\x1f\xd4\xb59\x95&amp;\'6\x90l\xbf\xb6\xb7\x90g&amp;\xba\xad\xf8\xe6\x8f\xf8C@\x819i\xde"\xe2\xc3\x93%\xe3\xed\xfb"b\xc9\xe28Q\xaf\xc2\xd7B\xab4\'\x81\xbc\x84\x14u\x01b}l]\xfbv\x9e\x134\xf4\xdd\xb5}\xdd\xea\x8a\x9ak\r\xff\x05tZB\xdf6\x82\x12t`\x9d\x15yS\r\xe4\xebH\\\xa8\xff\x00\xf2\x00\x89\xe3\x86\xdf9R\x84O\xcf\x16/\x12\xf9\x93\x03\x00\x87\x9e\xf2\xf8\xf1\x06\xf9z\x11\xb1\t\x00\xa9\xce\x08eKg\x19\xb6\xaf\xcf&gt;\xb7\xf2\xbcD\xc4\xafn\xfd\xbbr\xef\x1a\xd0^\xb4\x9a\xcdL\xb9\xb1H\xe9\xa5Bk\x80\xfd\x85\xf3\xb4\x9a\x00\x00\x98(6\x1a\xd2\x9b\xef{g\xdc\xb1!u\x97\xa2=,\x03\x06\xf7f\x7f\x96\xc1\xdd[\xdc=\xbai$\xd7]\xd2o\r&gt;\x035\xbf\xde;\x9a=}Lf\x94\xf7\xc1\xb5\xe91\xde\xd6&lt;s(\xcf\x9b;\xd5}\x10\xf5osZ\xd3\xfb\xfb\xc9\x19\xea\xf7\xbdc\x9b\xeb\x034\x000\x90\xaf\x83\xf8\x9b\xda&gt;\xa0\x9d\xc8\xadL\xd4\x88\x81\x82\x8f\xc1\xef\xf7\x11\xd1E_\xb9\r\xc0\xe9\x92\x1c}\x81\x9f3\xef\x8b\xcaO,\xca\x88\xa6\x1a`M\x19h\x06\xa0\xdb\n\x96\xc6\x05\x99(6j\x03\x904\xdeE\xd4&lt;{4\x82\xc1\xdd[\x88\\\x94\x1a\xfe\n\x9d\xf8\xef\x1ag\xaf/\xe0k\xfc\xafP\x1dob\xf7zpv\xdb\xb2\x99\xfe\x8e\xed\xc4:\xdcZ\xad\x15~\xb9sy\xd7*R5\x84\r7\x9e3\xd6\xf9\xc9\x99\xd2\xe3\x9b\x16\x05;\x1a\x98)7\xee\x04\xd0\xb7\xad\x88\xfdv\x89\x19\xda\xbb\xc3\x95\xdd\xab\xff\xf0I\x19\xd8\xa8\xcb5\xe1\xbf\xb7\x7f\xbb\xbaT}\xaa\xdfZP&gt;=\x05\xe4B\xa3\x0b\x00\xe2\x13\xe4\xa24\'\x81;\xb1NKp3Pal\xec\xd7\xb6\xf6\xca9!\xf8\xfc\x1c9\xf0tI\x8eM\x8f\xd6m\x00\xc6\xd9\xe9\xadK\x8b\xaa\x92\xe9\xc7\x1b]k\xb3*\x15{rb\x03\xf3g\x05K\x92\x83~k\xe8\xd9\x04\xc6\x0c\xee\r\x00!C\x07&lt;=[Z\xb28n\xb8\x9e\xd2$g\xa3\x1e\x8d\xc0\xa5o\xe7\x85S|HJ\xad\xa6l\xf3\xf4\x19\xa8\x994A\xe4f\xa3\x06)\xd0\x00 9\xd8\x95\xfcv\xd2n\xcf\xe6\x10\xcbn-\xbcM{\xb0?\xc5\x815\xf3\x7f?9\xbdx\x9a\xbf8\xe5\xe3EZ\xe8HD\xcc\x8c\xf2\xeeS=\x9d\x06\x87\x9e\xf2\xb2\xfc\xf7N\xf7\xb2\xc2/\xb7\x11\x9f\x05X\xf5\x89r37Ql$\xdd\xb3#\xe2\xb1M\x8b\xb8\xb7\x0f\xd1\xee\xa0\xdf\x1a\xee\x1f\xdf\x82\x883\xfd\x1d\xc9\xc6\x86\x00\x8d\x01\x0c\xdb\xd7\xdf\xbd"\xe9R\xf9JI\xce\x1bd\xa3#\xb0\x86\xe4A^\xc2\x84\x00\xab&gt;\x92\x9cT*\x8c\xb7\xef\x1bh\xad\xc3o/\xe2kR\x9d\xa6\x85\x8e\xe4\x97\xa609\xfc\xf3\xed\xc3\xfc\'W*1Sj\xcc\xa8\xfa\xdf]\xdb\xbbou\x9a\xa8ev\xed\xdb\x19\x11\x0f\xaf\xcb\xa4o\x1c\xac\xda2\xdacp\x94\xdb\xc0\xdc\x99\xe3\x11q\xd1T_Q\xb3\xfd3\xe8\xb6\x02\x17}\xe5\x06\x00\xa1C\r\xc3]LR&amp;\x8e\x98\xe69\x18\xf1\xc9\x99\xad\xcbB\x87\x1aR\xc9\xca\x96\xcer7\xecn\xdb\xa3\x8d\x9c\xb0\x0c\x93\x83]m5D\x1f\x8c\xd4 \x15\xf6\x17\xce\xcb\x9f\x15\\\x98\x12\xb1jn(\x9b\xf4\x0e=\x15&lt;\x8cT\x8d:4\xb8\xb6\xb7\xd0\xb0\x83\xf0\x99\x87\xab{\n\x84NM\xd2)L\x0e\x17\x9c`v\xe0\x10D|x\xa2\x98e\x86\xa2\x924\xc1ES\x86\xf7.\xc3\x0e\xf5\xfb\xb6\xa9\xb54.\x08\x11W\'N\xfa\xf1\xe0\xc4\x85\x1d\xf9\xd2=;""\xbe\x16\x90\xa0&lt;/q\x08\xa7\xa9v7\xec\xbe&lt;~\xdc\xbcI\xa3\xac\xd5xT_CY\x8f\xc6J\x16\xcf@\xc4\xfd\x85\xf3D*\xaax\xa3\x19\xb1\xa1\xa6\x1f\'\x0e\xe9Om\x1c3X\x1b\xf1\x83\x80\xb7k\xd20\xa3\x8a\xaa\xfa\xd3Mg\x9dN\xfam\x801\xed\xe8?\xa8\xd7\x87\x9b\x07\x96L\x1f\xc3\xb2\x18w\x8e\x14Q\xb5\x7f1\xeb\xa5\x08\x06\xb5\x00\x101\'6\x90{\x97\xa7\xb1\x9a\xb5\x9a\xd0:\xf3\xef\xd0\xab\x19x\x99\xf6\xa0\x96,\xfa\xb4\x00y\x00S%\x99\xe4`W\xc4_\xcb\xe3\xc7\r\xea*Kv\x1d\xdf\xb4\x18\x11\xef\x1f\xdb\xfc\xf2b\xf90]E~\x19n\xce\x8a)\xcfO4\xea\xd0\xa0\xda\x8b^\x03?\xd4\x1b\xc2\xfe\xc2y\x88?7/\x98.415$Uo\x08\x88\xb8rN\x08\xcb\xb3\x8c\x1e\xa8\xd9\xa7%\xab\x94\x88\x9f\xa9\xd7\x88\x1f[\xb3g\xe8U\xdb72w\xac3\x9bd2\x00\x0fO\x14sw\xd3$\x1c\x97t\xaf\x07\xbde\x05%\x185\xa0[\x90\x8dn\x0b\x808\x1f\xdb\xc8\x11f\x06\n|\xd7Q\x96\xc6\x06^\xdf\xb7&amp;q\xfc\xf0\xa4\xf1.\x93\x86\x191\xf6\xea\xb7\x86\x81\x9d+\'&gt;\x82\x1d\r\xa4&gt;\xe1 \x00\x91\x16\x7f2#\xbd\x02\xadu\xe6\x8eu\xce\x88\xf0b\xec\x1a\xac\xda25\xc4MW\xe0\xcb\xb0rN\x08\xe2\xc7\xd5I\x93&lt;\x8d\xd5\xee\x1e\xdd\x84\x88\xa1\xce\x86\x82\x0e\xe0\xc2V\xa3\r}t&lt;\xc3\xd7.\xd0Z\'5\xc4\x8d\xd7\xe21[\xf0\xd5E\x9e\xcb0\xff&amp;\xce}:\x916\x8fZ\xed\x1f\xdc\xbdE\xd8p\xe3q\xf6\xfa\xa9!n\xf2\x00^&amp;\xea:-\xc1E_\x19\x00z4\xac\\\xed@DG-\x05~\xd9\x8a\xd45\xac\xa1\xbah\x0f0\xcd\xd3J\xd4\xa3v\xadH\x9a:j\x90\xf0t\x1c\x9e\x9c\xde\x86\xf8\x83\xde}\xe3\x89,\x80\xfa\x7f\xb6C\xb0\xbfp\xde\xa5\xf2\x95\xf6\x9a\xf2\n\x00=\x84M\x0e)\x00\x8f9b\xa1,\x9c\xe2saG~;\x005\x81wi\xa2S\x7f\xea\x0b|tj\xeb\xb1\xa2\x85\xf4\xbd\xae};\xe3\xcb\x0b\xfb\n\xe6q\x1f(\xb8\xf9\xe9\'/i+\xd1\t w\xe6\xf8\xeb\xfb\xd6\xa4L\x1c\x11\xe3m3o\xd2(\xa1\x87\x9c*^\x82\xf8\xd2N\xb3-}\xa3\x12\x80Q\x87\x06s\xc7\x0e\xc3\x9f\x0f\x84\xae~\x84\x0c\x19\x106\xdcx\xe1\x14\x9f\x8a;\xf2\xf6\n\xcfdm\x01\xb8-\xbfX.\x0f\xfc\xfffW~\x12\xb9seKg\x91-\x07\xd7\xa6?&lt;Ql\xa5\xd6\x8a\xbc\x103\xfd\x1d\xae\xed-\x8c\x1dmC\xf6\xd2\x1b\x00Y\xfe\xd9"b\x94\x9by\xf5\x16\xbd\x86jb\x92\xb3\xd1\xe8\x81\x9a\xec\xd3+\x00\xdc\xd8\xbf\xd6\xcfB\x8b\xbeqA\x94\xb7\xbc\xb4\x0b&amp;]\xea\x03\x8c\xb7\xef{c\xffZ6\x89\x93&amp;\xb8\xe0\xabK\xb1\xa3m\x95\x014X\xac\x0eLt\x12\xd4\x1c:\xf4\xe4qoNl^|\xef\xd8f\r&gt;\x93T\x14\xbf\x9f\x9c&amp;\x9f\x1f\xb5\xc6\xc3`\xd9\x8c\xb1\x9a\x8d\x81\xbb:\x97\xe5\x9fg\x7f\x85\xba\xaa\xf5\xc0\xb6G\xeb\x08WS/Su\x01gW\xe3?5\xa8\xdd\x1c\x10_"\xe2\xd7{\xc7\xb2\xa6\xf8\x18u\x14\xde\xdaG{X""cn\xb0\x1d\x80\xa7\xb1\x9aj=\x98\xe1k\'4\x07\x00\x18e\xd8\xfd\xe1\xc9\x12rO\x9e\x9e)es\xc8\xbf\xcf\x92\x98\x006-\xa8\xe4|\xbdw\xb4\xa2:\x7fz\xf6\xe6\x81u\xea\r\xe1\xc5\x85\x9dKb\x02\x94\x00\x82lu\x87\xf6\xe9HvNu\xb7$\xe9\xe9\r\x00#+\xf3.R2\xaf\xae\xe1\x8f1\xa4w\x87\x08WS\xc6Fe\x80\xde\xb2\xa0\xdd\x9c\xe7\x11\xac\xd8\xb6d&amp;"\xbe\xb8\xb0S\xa2\xc2\x89\x8b*\x0b+;;\x8d6\xd4{\\\x98\x12!4}\xb4\xc7`\xfcq?o\xe6xa\xf5s\x05\x02\xcc\xba\x01`\xa6\xbf\x03\xf7\xc6\xbemj\xf9\x98k\xaa\n\\|\xa9\x03\x80\xf8\x02\x11\x05L\x94-\x88\x1a=\xa8k\xf35\xa9\x11\xe5\xf9\x89l\x8a\xda\x14\xe0\xda\xde\xc2{\xc76\x91\xbb\xe1\xac#\xc0\x1cL\x10\xf59\xb5\xc3q^k\xdd&lt;i\x07\x80\xdf\xee\xfexxB\x99\xd7^/v&amp;\t\x1d\x00\xde\\\xd9}uO\xc1\x99\xadK)K\x95\xff:\xe4N\xde9\xbc\x11\xf1\x17"\n~+$\xc1^\xb3me\x8d\xfe\xf2\x82\x95j+r\xc6\xf3\xdb\xf3\x10\x9f\x97-\x9b\x85\x88\x88o(\xb3\xd7Z\x00.\xfa\xca&lt;\x17\xe7\xa5\xe5^S\xc3\x9f\x03\xf1\xf5\xf6e\xb3\x19\x1b-\xbb\xc9j5\x05\x9e\xcb\x8f,\xb9w\x94\xd4&amp;o\xd8$\x96\xe2@\xa1[\x1dH\x08p\x12\xda\x00t\xaf\x07\xc7\x8a\x16Q\xaf\xfd\x9eU)Bs\x9e\xe0\xd0o]Z\xd4\xd6\xec\x19\xb3\x03\x87\x0c\xe9\xddA\xf0\xd4D\x1d\x00\xfcvW\xb0y"7\x01V\xbd\x87\xf6\xe9(4\x99=\xaf\xd1\x83\x87\xb1\xda\xdb\xab{4d@\x06\xe0\xfc\xf6&lt;\xaa[w\xfb\xd0\x066\xa7\x1e\xef\xd0wC\xfa\xd43[\x97\xe2\x8b\x0b,K\xcb\xed\x12\xd4\xb7m-DD\xfc\xed\xa0\xa5 \xfc2\x00\x00@\xb31 \xbe\xc6gg\x07u\x95\xed\xdf\xae\xee\xd2\xb8 F\x82\xb0a\xc6\xdb\x96\xccL\rq[9W\xd0\xa2T\xa0\xb5\xce\x94\x91\x16\x00\xd0\x19\xe0\\Y\xae\xb5\xba\xdc\x88~]$\xe8\xc0\xfcQ\xe6\x87\xb9\x0fVe.\xa3aU\xf6\xaeJ\xad+\xd0P\x9b\',\xed5/\xee\\\xf1\xfe\xfa\xfeS\xc5K\xe6\x85\xb9\xc7\x8e\xb6!g|wm\xdf\xee\x15\xc9s\x82\x9c\x9f\x9f\xdfa\xde\x85\xb5\xe1g\r\xff\x1a\x99\x91^\x02Vt\xe3|\xaa\x8c\xb2\x95\x01\x12\xc68\xbd\xbd\xbaW\x8c\xee?\xd5%\x9d3\xd6\x19\xf1;"n\xcd\x8e\x179\x17\xc90\xef\xd2t\xf9\x8c\xb1\x82\xe7\xd0\x03\xadu\xe2\xfd\x1d\xce\x95\xe5R_\xd7\xf3\xf3\xdbY\xe6o\xd4\xb1\xa1\x95jK\x01\xceY\x1a2\xd0\x14@\x06\x00\x11\xe7\x8e\x1b\xc6\xbe\xe4=\x1b\x83\xbb\x91*\xfb\xf4\x0c\x10_!bQf\xf4\x9a\x94\x08\xc4w\xf7\x8fo&amp;\x976z\xa0\x06I\xb04.\x90\xe1\x1cD\xf7\xeal\xc9\xc2I\xa2[\xd5\xe5]\xee\x85\x90\x08W\xd3s\xa5\xcbm5\xda\xd4\x05\x98\x150$e\xe2\x08\x91.\xc1L\xa91c=\x03\xb8\xeaA6\xf9\xbc\xbd\xba7a\x8c\xa3\x8b\xber5\xf9\xad\x88jS+\x14\x9e\x97\xe6e\xa2N\xbf\xf0\x1b\xfb\xd7R\xbf\xf9.\xbc\xd2h\nP\x1f`\xb8\x9e\x12\xfbb\xac\x9a\x1b\xba$&amp; -t\xe4\xe5\xf2U%\x8bg\x0c\xee^\xd1&amp;u\xab\x03\xd56\xfc\xa8\xa1\xfa\xc1_\x0fY~9\x05Ia\xa7\xb7.E|\xf1\xea\xd2.Q\xcf\xb2kE\x12"\xaeM\x8d\x04\x80\xb3\xdb\x96!\xbe\xfbz\xf7\xa8\xc8e\x95\x98\x84\x00\xa7\x9b\x07\xd6\x05;\x1a\xe4\xce\x1c/ \x99\x02@\xe7\xaa\x95\x8bc/IM\x1fuZ\x82\x02\xc0\xea\xc4I\xf1~\xf6\x00\xb0!}\xaa\x84\x19\xb2g\xb8\x9e\x12""\xbe\xde0\x7f\xca\xb2\x19c\xf7\xaeN\x05.k\x9c5)\x11t\x8b\xec\xce\x00\x9b\x16LK\x0f\xf7`c\xefKX\x14\xed\'8Am\x00\x9d\x96\xa0\x080\\OI\xbc\xf5U\xc6Pl\xde\xa4Q\xfc\x1a\x00{M)/0\t\xe8\xf1\xa4GxN\x1ei\xb1gUJ\x0b\x00\xcbn\xb2w\x8f\x14I\xd7\x94!9x\xc4\xbd\xa3\x9b\xf8\xed\x9d\xe4l\xc4\xb8\t\xf8\xf4,\xfe~t\xaet\xb9\x80&lt;\x07vn\xd2\x18\xa0\xb7,\xd4\x17\xc5\xa9[\x01`V\xc0\x10\xc4\xaf\xdc-\xf1\x1f\xe6\x7fBH\xe0\xcf\x10`\xd5\x87\xcd&lt;\x00\xed=\xfb\x9d\x1e\xee!\xeaY(\xaf\x1c\xf2\xafa\x87\xfa\x7fe\x00n\xa5\xda2i\x82\xcb\x98\xc1\xbd\x11q\x930\xe3W\xfd6\xf0\x88\xb3x\x88\xbf\x1fIx\xea\xf4p\x8fN\x00\x16*\xcd\xd9t\xd0\xa4Ks\x80\x1d\xcbg\x0b\x1e\xa73Tq\xf4Z\xc3\xfe\x82y\xf7\x8fm\xce\x8c\xf2&amp;[\xba\t\xfb\xe6No]J~\x08\x98\xe9]\x12\x13\x105b\xa0\xd8u3c\xeaN\xb5&gt;\xdc9\xbcq\xfb\xf2\xd9\x87\xd7g"\xe2\xb7\xfb\xc7\xa8]1\xa3m\xda\x82\xd48V\xb4\x10\x11W\'N\xe2\x9e\xb5s\xed\xdby\x7f\xe1\xbc\xd0\xa1\x86;\xf3\xe6&amp;\x8cq\xdc\xbd2\x19_\x9c\xaf\xbe\x19y\x9e\xcc\xf0\xb5\x8f\xf7s \xae\x82\x14\xf7\xf9h4\xb5\x04\x983\xd6\x99\xa5\xc5\xf3?K\xcd\xa4\x93DdFz\xf5h\x08\xe4\x93w\xe8)\xbf6-\xcaE_\x99a\xa5C\xa0D{\xeaT\xf4\x88\x7f\x91% Q\xfb8[\xb3\xe3\x11\xf1\xc8\x86\x05\x92\x15\\R\xfc\x06\xf5\xca\x9a&lt;:\xc8F\x17\xf15\xc3\xab\xb9\x11\xc0\xcd\x03\xeb\x10\xbf\xc7s\x16`\xf5[\xc3\xee\x15\xc9\xe4s\x1ak\xab+\xe1\xa9\x83\xf8\xfb\xacV\x07\xf3&amp;\x8d\xb2\xed!\xfelD\x13\x80\x07\xc7\xb7\\\xd9\xbd:#\xc2\xb39\x80e7YD\xc4W\x17\xc9^\x9e3\xf8\x88\x98\x11\xe1)\xf6\x19\xc5\x03\x11\x11?\xbd\xba\xbc\x0b\x11\xc5X\xe0\x9d\x17\xe6\xce&amp;\xd9\x9b+{\x101\x8e\xcb\xe8\xa8xQ\xec\xd7{G\x8b2\xa7\x91\xc9\xf7\xd1\x035?\xde&lt;\xb8#w\x8e\xa8\xc5\x90\x1cbz\xd0\t`\xe1\x14\x1f\xfcp}y\xfc8\x9e\xc9\xea\x01\xcc\n\x1c2\xa0]\xbd\xce\x00\x00\xff\xbd\xa9\x1b\xe3N\r\x83ltsg\x8e?\xb9%\xfbo\x97\xe5\xbfLJ\xf0\x08g\x9dN*\xb5`~\x98;"^\xde\xb5\xcaAK\x01yi\xb41\xcc\xd5\x8flX@*D\x96\x06\xfb\x17v\xe4_\xd9%\xa6h\x8c\xdf\xa0^\xe2\x1d(\x80 \x1b\xdd\xd4\x10\xb7Y\x81C\xfc-\xb5\xb9\xf7~\xbcy\x90\\\x9d}O\xf9\x19\xbe\xf6\xf4\xfe\x94Td\x1f\xc4\x10\x92\x14\x8f\xba\x00\xa9!n\x82\x97:\x84\xf2\xe0\xf8\x96\x0f7\x0e\xe0\xb7\xbb\x9b\x16L\xc3\xef\xf7\xc8}\x98\x1d4\x94\x9f\xd7\xd8\xfdc\x9bc}l%:\xa5\xe8\xd0\x9f\xd1\x815\xe9\xd5w\x96\xbc\x84\t&lt;OM\xaf\xee[\x02&lt;:U"\xc9R\x8d\xd8\xe4\xcf\n\xd6\xe1\xac\x13w\xe6\x9f\xec\xfc\xf6\xbc\x13\x9b\x17\xe3\xc7\x1b\xdf\x1f\x1co\x0b\x90\x970!\'&amp;\x80\xfb\x81&amp;\x8e\x1b\x86\x88\x1b3\xa6F\x8e0\x8b\x1d]\xbd\xcf\xd4\xd3XM\x0c)+)\x0e\xef\xfe\x17I\x0f\xf7\xd8\x99;7\xc6\xdbZ\xb31\xe0\x8b\xf3\xc4f\xab4\'\x81\xaf\xe36\x87w\xd7\xf6\xf1l\'xb\xd1\xb59"\xe2\xc7\x9b\xe2\x15R|\x1b\xa3\xaat\x04h\xcd\xce\x94(=\xdc\x03\x11\xbf\xdc=\xb2ea,\xe2Gz\xe5r\xach\xe1\xbf\xa0~#\x1e\xb6=Z\xa7\x86\xb8\x89j"\xf2\xe8d\t\xa5BJA\xa9\x86\xf8\x9a\xf7\x94z9\xc5`\x98\xae"\xfe\xb8\x8f\xf8\x1c\x11}\xaa\xadH\x97\xb9\xd4\x96\x1c{\xb5#7\x841\x8eL\x1c7\\\xc0\xdcD\xaff\x80\xf8\xa5(3Z\xea%&lt;\xb0f&gt;&gt;=#\xe0\xc3$\xf3r\xd4s&lt;\xb46CO\x0eRC\xdc4\xab\xce\xff\xeb\xc9\x01\xfe\xb8O\xd2\\\xde\xb5jMJ\x04\xe2\x8f\xea\xd3k;U\x92\xc3\xdd\xb2\xd6P\xed\xb8\x19\xa8\x98\xabT\x99\xaa\x95\x01\x10\xbc.J0\xecP\x7f\xd4\x80n,\xcf\xe2k\xd1\xf3\xc6\xfe\xb5kX\x18\xd1W\x07\xab\xe6\x86\xbe\xb9\xbagIL\x80\xb3N\'\xa1\xae\xb9\x84\'g\xb6!\xe2\x87\x9b\x07\x8a2\xa7Q\x9f\xca\x9b+{~&lt;&lt;Q\xd1\xdd[&gt;\'#\xc2ST\xd1|Q\xa9\x070+\xc0I\xb314\x02\x18mVa\xa5#\xe1\xa4\xa7F#h\t\xa2I\xef\xce\np\xc2\xd7\x97\x18\r\xc0\xe4\x7f\xcf{\xd3\xcd@E\xa9\x1a\xb2%f6\x02\x16H\xb7/\x9b\x85\xf8vS\xe64\x00\x18e\xd8}h\x9f\x8e\xb2\x9c\xa9\x18\x9e\x04Z\xeb\x90{h\xa1"}{x\xea\x01\t^\\w\xd2n_\x91\xee\xfb=\xc1\xf9 "\xbe\xbe\x8c//""\xe2O6e\x98\xe1g/\x92\'\xbfa\x87\xfa\xdcA\x1aj\xf8;\xc4\xf9\xd8"\xa2\x14u\xf9v,\x9f}c\xff\xda\xf5\xf3\xa7p\xeb\xaa\xff\x01\x0e\xaeIG\xc4\xb7W\xf7\x88\xa4\x94i\xd9M\xf6\xca\xee\xd5/.\xec@|L}\x05\xd6\xear\x00p\xb9|%""\xbe\xc5\x97\x17&amp;8\xf4\xa3\x1f\x15\xed18-\x94\x95O&amp;Kc\x8b\xc1\xdd[\xacM\x8d\xcc\x88\xf0\xd4j\n\xe4\xee\x15eF#\xe2\xbe\xd5i\x92L\x8bi5\x85\x87\'K\x18\xd3\xf7&lt;\x9d\x06(\xa6\x8c\xb4`4\x00o\xae\xec\x11\xbb\x00"\xa1\xc4g{\x7f\x85?\x11s\x84ZP\x15`)P\x90\x1c~qG~\xd8pc\x00\xf0\xb5\xd0\x8ar3\x17\xa0}\x06\x00\xa1C\r_],w\xd4\x12\xd9\x9c\xac\x7f\xbb\xbaBE\xd3Hi\xb3&amp;\x8f\x16\xbc\xecCE&amp;(L\t\x07\x00y\x80\xee\xb4\xdb\xd9\x94\xcb\xac\x16\x9f\x9eA\xc4\x17\xe7w\xb0,\xaa\x03\x7f\xf1\x1fn\x18\n\x1f5\xfcM\xac\xd5\xe5\xbe\xde;\xca\xdd\xc9l\x0cp\xbe,\x97g\xe0$\xc1l\xcd\x9e\xf1\xee\xda\xbecE\x0b\xad\xb8|X\xb8a\xa3\n \x12m\x01\xf8\x05\xeb\x10\xca\xd1\x8dY\xd4\xfb\xbf5{\x06\xb5\xbd{]\xb0Rk\x85\x1f\xae#\xfe2\xef\xd2\xb4 )l\xceXg\x00Po\xc8\xd6\xc5\xb1;\xbb\xba\xabk\x1dX7o\xf2\xe7\xdb\x87G\r\xe86qH\x7f\x8dF\xd4g\xf9$/a\xc2\xa9\xe2%\xd2\x12\xc3\x1e5\xa0\x1b~\xb9\xe3k\xc1w\xe6d\xd20cN\x8b\xc8\xe1\x93\x98\x13z"!\xdd!\xd6\xa3S[\x11\x91\x9a\x19w\xd6\xe9$`\xda\xa1\x16@n\xfc8\xear\xe9\xaay\x82\xb1\xd3h\x9b\x1a\xe2&amp;+iay\x10\xe1j\xca\xc6jV\xbd!\xc4x[\xe7\xc6\x8f\xab\x0b\xe0\xd0S\x81\xdf\x02\xefp=%2\xb0\x9b9\xc6\x911\xac\\\x93\x1a\xc9\xb9\xee_\xe4\xcf\xdd#E\x88\xf8W\xfap5\xfcix\xb6\xdd\x9d\x00\x10q&gt;;c\t\xc2\xac\xc0!\x88\xf8\xed\xfe\xb1\xc5\xd3\xfc\x05\xcf;\'OpE\xc4\xdfON#\xfej\x08\xa0\x08`\xa6\xd4\xd8\xddH\x95\xbd\x8f\xb1Jm\x00\x00\xc1\x92\x90\xa2\xd2\x85\xd6\x0f\xe2^O;\xb9%\x1b\xf1\x15\xf9]M\xa1\x8cn\x1d\xda\x80\x88\xf8\xe5v\xe2\xb8\xe17\xf6\xaf5U\x94\xa9(\xcd\x8b\x0b\x0b\xa2\xbc\x11\x11\xf1\xb3\xe4gi\x04`\xa5\xdar\xdf\xea4D\xcc\x9d9\x9e\xa7\xf3\xda\xe2h\xbf\xe9^\xd6\xb6=ZS7$\xc0J\xb0d\xdc?G\xcf&amp;\xf0\xf2b9\xe2/\xban\x84f\xe3\n\xf5JnN\x95\xe4P\x17k\xdcI\x12\xd1\xcf\xbf\x83\x1c\x80fc8_\x96+\xc0\x04\x80x\xf3\x06X\xf5\xb1\xa3y~t\xab\x03\x88\xdf*\xae\xfc\xf3-\xea&amp;\xdc9\xbc\xf1O\x94\xbb\x86?\t\xfb\x8f\xb85\x00\xe2kb\xdeWO\xe0\x14\'\xc5\xca9!\xe4\xd5\xa1L\xc8y\x92=}\x0c\xf5\x92}\xbbw\x0c\x00\x0c\xdb\xd7O\x08p\xe29\x86\xe5\xd7\x9d\x19k\xab\xa7\xd3\nF\x0f\xd4\xe4i\xd5#\x06\x1d\x00\xfc\x06i5\x060\xe9\xd4H\xd4(\x89\xd2bW~"\xb9-\xe3\xed\xf5#\\M\x9b\x02\xbc\xb9\xba\x87l9\xbbm\x19\xe2\xe3\x07\xe2FDh\x04\xd0\x12\xa0!@\xd80\xe3\xa7gK\xbf?8\xc1y\x00w\xb7-\x89O\x18\xe3\xc8HO|5\x06*7!\xa9\xf6\xacJ\xf16\xeb1;p\x08?%j\xf6\xa1\xa0\xa4E}\x00~\x1e\xc5+\xe7\x84\x8c\x1a\xd0M\xbb9\x18(\xd4\x19g\xa7\x1f`\xd5\xc7@\xa1\x0e5\x1e\xb5\xd5hc\xa6\xdc\xd8I\xbb=}\xf0Fl\xe18\xbc\'\x1b\x19\xbd\x0b\xad\xa60\xdaL\x83\x1e\xce\xf7\xff\x07a\xc3\x8c\xf1\xc3\rr\xe5E\x99\xd3\xee\x1c\xde\x88\xef\xae\xe2K\xbe\xca\x1f,\xdd\xc7D\xd5;\xa9\xe1O\x80\x88\x89\xect\x08\xfa\xb5\xad\x8d\x9foo\xca\x9c&amp;R\x00,\xddVpt\xe3\xc2h\x0f\xbe\xf1\xca\x15\x01\x9e\x9f\xdf\x8e\xf8\x89\xbcpKy\xc5\xc7\xf8+\xb4\x008\xb1y\xb1T\xba~\x17v\xe4\xb3T\xbc\xe1\x06\x11?\xdf&gt;L~\xd7\x07\xd8\x98\x11M\xab\x98\x90.\x08\xaaZ\x1f\x1c\xb5\x14\x1a\x02t\x02\x90\x07h\x08p\xa9|\xe5\xa5\x9d+\x18\x19\x8e\xe8\xd7\x85\x1c\xbb\xbfp\xfe\xc9-\xd9dn\x97\xe2\xe1\xc9\x92[\x07\xd7\xbf\xbcX\xces}\x92\x92\x03[\x12\x13\x00\x006\xea\xad)1%\xfa\x08\xa9km\x183X:\xcd0K\xfa\xb7\xab\xbb3w\xee\xd9\xd2\xe5&lt;\xad_\xbe\xdf?\xcey\xc1^\x91\xf2\x1f\\\x9b\xfe\xecl\x99\x83\x96\x82\xb7Y\x8f\xb4\xd0\x91\xb7\x0e\xae\'\xdb\xa9C\xcel[\x86\x88\xf8\xe9\xe6\x8a\xd9\x13G\xf4\xeb\xa2\xd3\x12v\xe6\xcd]\x10\xe5M\x99\xcal\xcb\x99I\x0e\xe1\xb96 \x95yLV\xc1\xf9\xa4\xca\xec\xa0\xa1\x1fn\x1c(^\x14\xbbl\xc6\xd8\xbbG\x8aX\x86\xb5\x10j1\xc8\x06\xc3\x0e\xf5\xc7\xda\xeaI#\xa7\x1aD\x01\xab\xbaM\n /a\x02\xbe\xbdrx}fj\x88\x9bt\xcb \x0b`K\x147\xbf\xdd[6c\xact3\x17\x9b\xd1\x035\xf1\xc3u\xc4\x97\x7fW\x0b~[\xceL\xfc\xf505d\xe4\xfe\xc2y&gt;\xe6=\xd7\xa4DP\x95\xf5\xa3S[\xe9)\xb1\n\xdf\x0e\xaeM\xffr\xe7Har8\xa3F\xcc\x88\xf4\xa2\x12\x9d+\xcb\x8dp1\xa5\x1fv\xaa$\x07\xf1\x1d\xfe|\x905y4\xf7\x87=\xb0s\x13*%\xd9\xd2\x0c\xa0\x16\x80c\xafv\xd1\x1e\x83I\xfaya\xeew\x0eoDD2}\x173\xdaf\xb10e\x08\x8a\xb4\xd0\x91\xa1C\r\x8f\xac_\x10\xecd \xd2]\xba\xbeo\r"\xde=\xba\x89\xe7\xb3R\x06\xc8\xa2\xc2\x00|\xbe\xf5\xeb\xf1\xa9\x96\x9c1\x8dVS\x88\xf3\xb1\xc3\x17\xe7\x11qsV\x0c\xfd\xa8\x95sB(\xe55+\xd5\x96\t\x01N\xf4\xe6\x16\xf1)\xc9\x8f\xe7\xaa\x8f\xe4\xe6\x92d\xf1C\xbb9\xfc\xb1\xf1E\xf7\xba\xe4\x15\xfa\xe93P\x13\xe0\xcf\x9d\x17\x00\xda\x03 ~A\xc4!\xda\xff\xf9p\xe2\xff1\x10\x11\xf1)\xbf\x0eK{\x80\x16\x00a\xc3\x8c\xfb\xb4\xa8\xac_\xae\xed-\xa4\xf4p:\x00p\xeb2\x8a\n\xbfI\xd8\xbfK\xc9\xe28DD|+\xd2\x88\xc7D\xb1\x91\xbdf[+U\xf1]\x17\xc8&lt;;}\x8bQ\xc7\x06\xd6j\xad\x0e\xaeM\x9f7\xc9\x9d\x9a.[1g"=\xcd\x96\x851\x95\xb5\xf8\xf7{\x88/H\xd8\xc2\xf3e\xb9\x99\x91\xdei\xa1#\x958)\x97\xcd\x18K%\\\x1a\x17\xd4\x98j}?\xdet\xed\xdby\xac\xad\x1e\xd9\xb5#w\x0e\xf7\xb2G\x13\x80}\x05i\x88\x88?\xee\xbb\x19\xa8\xd0\xc7\xfet+\xf2`\'\x03\xc4\xd7\x11\xaef\x9a\x8d\xa1ti\xc2\xa2\xa9\xbe\x02&lt;\x92\xe8\x1cZ\x97Y\xbc(\xee\xe3\xad\x83T\x9bQ\xb28.!\xc0I\xf0Q\xa59\t\xd4\x15m\xa9Z\x893\x90\xe5\xb3]\xbb\xb9\xa0\xd5f\xed\xe6\xe0a\xac\xc6\xd8\x182t\x00"N\x1ei\xc1\xf3\x10\x9e"\xde,1l_\x7f\x84\x81\n"F{X&amp;Mp9\xbc&gt;s\x08\xeb\xb8\x9e\x82q\xd1W\x16\xa0\xbbg\xa2\xd8\x08\x11\xc3\x87\x9b\x88\x9a-\xbb(\x7fB \x8fog\xee\\6\x89e\xa5q\xc6\x1a\x00\x00\xf0\xe3\xcd\xa7g\xcb\xbcL\xd4\xfb\xb7\xe3a\x98\xa2\xd6\x00:\x00\x8c\xb3\xd3w3P\xa9\xda\xc1|N\x04#\xdb\x00|\xbbw\x8ct\x82\xc4\x9e+9U\x92\xf3w\xa6\xd8\x052;h(""~\xa5\xf4\xcd\x85rq\xc7\nD&lt;\xbf=\xef\xe0\xdat1\xc6\xef\xb2\x9c\x1f\xfcD\xaa\x07vn\xea7H\x0b\x9f\x9f\xe3\xf6\xb3%\x9dn\xc2\xae\xfc\xa45)\x11T\x1cf\xc2\xf9\xedy\x16*\xcd\'8\xf6\xab\xdc\xf4\xe2\x02\xd5_\xeeH[\xd4\xd9_8\xef\xf7\x933[\x97\xf0\xd6g\x9d9\xc6\xf1\xf0\xfa\x05\xda\xcda\xca\xa8A\x0b&amp;\x8f\xe6w-9\xb1\x81Qn\xe6\xe1.&amp;\x88x\xb6ty\xbf\xb6\xb53"\xbdx\xa6\xa4\x96(k\x03\xac\x98=\x11_^\xb8\xbeo\rU\xe5!~9\xb1y1\xbf\xb3p\xd2TApb1\x88\xf7w\x98\x1d8\x94}\xfav\x00\x1e\xe2\xfa\x00+\x02\xac\x9f?\xf9\xd5\xa5rD\\\x14\xed\xd7\xb7\rt\xfdSjg\x11\xae\xa6"\x99xH\x17y\xd6\xb1!\xa7\x8c\xb2x|j\xab\x18*d5\xf0\x80\x9a\x15\xe5w\xebM\x14\x1b\x85\r7\xf62Ug|fT\xa7\x9d\x8c\x80\x1b\x02\x88\xa4iLG*\xe2\n\xd5\x81"/)c2\xe8\t\xe1\x15\xd5\xb2.\xc0\x8d\xfdk\xe7\x8e\x1d\xc6\xb2\xc3\xcb\xc0\xc3H\xd5\xdd\xb0\xbbX\x87\xc2x\xfb\xbe\x9c\'\xf3\x13\xf13\xfdI\xdd:\xb8\xfe\xfa\xbe5\xf7\x8en\nv4H\x8f\xf0\xa4\xb6w\xe1\x95\x8f,\xc0X[=\x01V\xd9\xfd\xda\xd6\x8e\xf6\xb0$K\xbcB\x9b\xed\x8a\xe1\x02\xe2\xc9-\xd9\xf8\xe3&gt;]E\xceL\xb9q\xf1\xa2\xd8\xdfO\xce \xe2\x86\xf9S\x00`\xee\xb8a\x15v\xb7\xbf\x1e\x02@oY([:\x0b\xb9\x0c\xcf\xf2\x12&amp;\xe8U]Nl\x05\xf0\xe4\xcc\xb6\x90!\x03bG\xdbH\xc5\x9b\x94z\xb7G\xf4\xe3y\x93*X\x9d4i\xcf\xaa\x14\xdb\x1e\xad\xe9\xb6\xd1&amp;\x8a\x8d\x02\xac\xfa\xb0\x15\xd5\xe4\xa2W3\x88\x1ca\xf6\xe0D1"2B\xaa\x91\x18\xeb\xd5\x14)5\xda\xc3\x12\xf1Yu4\x9f"\x91=\xcd_h\x9a\x96\xb4&amp;\xff\x0f\x14\xe9\xff9\xf4\x9aB\x96W\x82N\x00\x1b\xd2\xa78\xebT\xc4\x83^57t\xd3\x82\xe9\xa5K\x13\xb8S\xfe\t\xb7\x9c\x7f\x00\x1bu\xb9\xa4\t.3|\xed\xbcL\xd5y\x1a\xfd\x0b\x15\xcb\xe4G\xa0\xb5\xce\xcb\x8b\xe5\xe2\x1d[\x17 \xc6\xdb:!\xc0\t\x9f\x9ca4\xd5G6,xpb\xcb\xdeU\xa9\xbe\xe6=\xd7\xa6E"\xe2\xbdc\x9b\xc4,\xa2\x88\xf8\x9a\xf7\xa4\x15\xe4\xab\xa7I\xc5D\x8a\x9df[\xca\xc0\x9c\xf0\xfc\xfc\x0e\xfa\xbf\x8d\x01\x8eo\xaa\x88\xc3\xb36-\x92\x9e\'~\xba)\x86\x08\xb9H\x0c\xe9\xdda\x82C\xbf\x8e\x00\x0c\xdb\x7fw\xa3\xee\xf4\xf8V\xd4u!~\xa4\x04P\xd7\xa6E\xa6\x85\x8ed\x7f\xaeC\xeb2\xa2\xdc\xcc\xc9i&amp;\x0e\xe9\x9f\x1b?\xae\x19\x80\x12\xc0\xf1M\xccq\x0fY\xe7\xd8\xb1|\x8e\xa3\x96\x02\xe2\xab(\xb7\x81\xe2\\\x1b/\x10\x7f\xc5\x8e\xb6\x9d\xe8\xd4\x9fe`8\xf1\x90b\x18\xc8\x90!\x03\xc8\xad\xff\x8fY"\xff\x834\x00\xd8\x98&gt;\x95\xdcM\x15&gt;\xf3\xa0\xe3\xed\xfb6\x02\x98\xe8\xd4\x9f1\xef\xfc\xbf\tUI\x1d\\[]\x8ac\x92\xd0\xab\x19sJdmZ\xe4\x9e\x95)\x88\xb8}\xd9\xaca\xba\x8a\xcb\xe2\x82X\xc6\xaa\x94\x1cku9zI\xbe\xdc9\x02\x00.\xfa\xca\xc77-\xa2\xaffS\xa4L\x1cA\xf5\xec\x88\xd3\xd6\x96\x85\xb1\x0c\x0f\x927Wv#b\xf5\xf9\x8eF\xb8\x9a\x9d+]\x8e\xf8\x15\xf1\xf1t\xafJ\x17\xc2\x91\xfd\xbb\x92\xb2\x05r\x94\xa0\xc8\xba%\x87\x8fdcar\xb87G\xb4C0\xcd\xaav\xbfJs\x12\xfa+\xd4]\x9d8I\xc0!\x91#\xcc"G\x0c\xcc\x9f\x15\x8c\x88\x88/\xc4\xbd\xc4*\xd4\x02@\xc4L&gt;\x13tRD\xabi\x15w\x19DD\xfc\xe1e"(\xac\xb4\x00lz\xb4\xe6\x8eP[\x83\x98\xac\x9f7y\xef\xaa\xd4\xbf]\x8a\xff\x06\xe4s\xdd\xb6d&amp;\xbd\x06\x8a\xf7w\x88\xf6\xb0\xfcke\xe2B\xbb98\xebtR\x04\xe8^\x17\xa6{Y\x15&amp;\x87#bu\x88\xaa\nF\xbd! \xfe\xe6TqO(ib\x12S\xc5Y\xa7\xd3\xf9\xb2&lt;\xfcr\x1b__\xda\xbel\x16\xd9e\xad.G\xe6\x97\xe4y\xf9K+\x00dM\x1e}e\xf7\xea;\x877\x8a\xe1\x94\xce\x06\xca"\x19\x11\xf1\xc5\x05%\x00\x99\x8a\xde\xf73\xb2\xad/\xc7e\x8aLp\xfdz|\x1a\xf1\xed\xabK"\x0f\xdd\xc6\x0c\xd6\xa6\xceS\x9e\xc7\xecz\xf3\x1bG\xb6\x06\xb0\xec&amp;\x9b?+\xf8\xca\xee\xd5\xa6J2\x7f\xcbCEB\xaa\xb6\xfbo%T\xab\xad\xe1\xff\x03bO\x7f\xffa\xc8;k\xa1R\xc5L.\xc8F\x17\xdf\\\xf9[E\xfa\x97\x99;n\x18"\xee\xc8\x9d#X\x1e\x87\r\x9a\x8d\xc1\xb1W\xbb\xbemk9j)(I\xa3l\xdc\xf4i\x01\xf8\xed.\xbdr*L\x0e\x8f\xf1\xb6\xa6mxL\x9d\xda\xdf\xb2\xb2\x06\xbf{\xa4H\xd4sE\x8d\x18\xf8\xf5\xee\xd1\xf5\xf3\xa7HR`Q\x85]\t\x85\xc9\xe1\x82\x13T_\x8d\xdc\x06@\x91\xd9\x00\xfc\xa0Z;y&gt;\x16&gt;\x81\xd6:\x16*\xcd\x18\xce\x85\xff\xec\xdaa\r\xe2p\xa0p&gt;q/\xfa\xf3\x0c\xe9\xdd\x01\xf1[j\x88\x9b\x9f\x85\x16\xa3f\xe7\xe6\xe8\xc6\x85\x88x\xeb\xd0\x06\x86\x94\x97\xd0\xf8\xf2\xff\x83\x10\x17\x8a\xff\x8a\xa7l\xaff\x80O\xcf\x1c(\x9c\x8f\xf8\x9e\xaa\x9c\x9e\x9c\xd9v\x9b\x08r "bF\x84g\xd6d\x1fR_q\xe2k\xe2\x91\r\x0b\xfebT*1b\xb9\xdc&gt;\xb4A\x93\xcf:u\x03\x80\xe5\xf1\xe3"G\x98IV(A\xd4\x01\xf8r\xf7\x08\xbd\x05\xa0\x94\x02n\x1eX\'@tO\xbf58\xf4\xfc\xf3a\xf4j\x10\x88\x02\x80\x15k\xc5\x1e~\xa4\x85\x8eDD\xc4_\xf4\x8d"\x19\xe0K\xc2\x92\x98\x00D\xbc\xbck\xd5\x89\xcd\x8b\xaf\xef[#4`\xc0\xa2h\xbf\x82\xa40\xb1\x1d5\x05\xcc^\xfb[j\xffWFBlP\xe1\x131FZ,\x9c\xea+E\x15&amp;\xd7\xbe\x9d+*\xa4\xafw\xc8\xdfya\xee\xce:\x9d\x881\xeb\xf2\xf8qd\x058\xda\xc3\xb2\x9f|\xed:\x00\xc3\xf5\x94n\x1eX\xb75;\xdeTI\xc8\xaaJ\xb8\x8bI\xc8\x90\x01\xd51]#^$\xafy\x93\xdc\xf9E\x81\xc7\xdf\x8fH\x93\xa6Z\x1f\xe6\x049\xf7e\'\x0b\xdc\x01 d\xa8!\xfb\x02\xf4\x96\xe5a\xbc[a\xc9\xf6\xfb\xb1\x80\x03e\x01V\xce\ta\x7f\xa2\x1a\xaa\x9d\xa6\x00\xa1\xceFb\x1f\xce1\xb7G\xe4rm\xe5\x87\xb4\xe2\xc3\x00\xc0\xf1M\x8b\x9e\x9c)M\x1c?\xdcN\xb3mNL\xc0\x82(o\'\xed\xf6R\x8f2\xca\x10AQ\x02(\xcfK\xa4\xdc\xdfTj\xc3\xe0\xee-\x94\x01\xba\xd7\xab\xf8*\xbe\xdc92\xc9\xd9\xc8L\xb9q\x8fF\xe0\xdaW&lt;\x9b\xd2\x1aD\xa6\x16\xb7\x062\xe2\xa9\xe2\x1c\x7fK\xed\xc7\xa7\xb6\xd2ujM\x95d&amp;:\xf5O\x0f\xf7\x08\xb4\xd6\t\xb0\xea# \xf0\xafJm(H\nC|\x89\xf8ig\xee\xdc\x7fv\xae\xbbO\x0b\x18\xda\xbb\xe3\xeb\xcb\xbb\xc8U\x7f\xbau\xc8\x86\xb3\x80\xbf{e2#q\xd7:0o\xd2(\xfc\xfd\xf8\xfd\xf5\xfd\xd4\xc6\xb1\xb6\xba\xec\xed\x00]\xf4\x95\xe9B\xeb\x88\xa8\'\x07\x89\xe3\x87S\xc3,\x91\xd4\xa4k\x90\x08\xfd\xd60fpo\xb1\x0f\xd7i\x05\xd9\xd3\xfc\xc5\xa8\xa5\xea\x03\xacN\x9cD\x7f\t\xfe\xf08z\xb4\x99\x069o\xdf6\x95\xf6O&amp;\x8a\x8d\xf0\xdd\xd5\xd9\x81C\xaa\xf5\xd4\x88\x8f\x7f&gt;&lt;\t\x00M\x00\x10\x7f"\xe2\xa1u\x194w\xeb\xcf\x91#\xcc\xbcM{\xac\x9b\x17\x85o.\x17$\x85UG\x19\xe2\xfex\xd4F\x82\xa7\x89\xfa\x0c\xae\x98\xba\xff\x08\xdc\r\x00"nY\x18\x83//\x98*V\xe9\xe6\xb3Y\x81\x9e4\xcc\x08\x11\x89\x91\xe8\xce\xdc9\xe3\xec\xf4%)\xdb\xa2\xa9\xbe"\xf9\x97\xadI\x8d\xdcW\x90f\xad.\xc7F\xa2\xfc\xd3\xedCU\xae\xf9\xe5\x85\xc9n\xe6\x88\x88\xf8{\xd7\x8a$*\x99~k\xa8\xd4\rD\x0c\xe5\xf4\xfa\xa9\xc1\xd3L\x7fG\xa1\xe7\n\xb4\xd69\xb0f&gt;\xa3\x01\xd8\xb1|6Y.\xa2\xf3\xe7%\x05\xff\xe7@|q\xaa8G\x12_\xf38\x1f\xdb\xcfw\x0e\x8b\x11\xedku\xe2\xa4\x8b;\xf29\xcf\xfa\x83\xd8\x05\x10\x89\x96\x00v\x1am\x95\x00\xa6\x8c\x1aD\xe4\\\x18!\\\x86h\xb7\x7fz\xa6\xd4\xb2\x9bl\xb5\x16\x83\\s\x1b\x80\x11\x1c\x17\xeb\xf9a\xeem\xa9\n\xe8\xd7#\xfc~o\xd1T\xdf\xfcY\xc1\xefo\xecw\xd0Rh\x03 \x15E"\x13\xc5F\xe9\xe1\x9e\xb1&gt;\xb6\x9f\xef\x1cF\x9a7\xdf\x1fF\xf0\x1a\xe3\xc7[\x07\xff\xd6\xfa\xde\x97;G\x10\xf1\xc3\x8d\x03\xf4jh\xca\xa8A\xf6bY\x9d"\xbe!9H^0|sE\xa4\xac\x0e\xaf\xcf\xe4\x14\xff\x1b"\xe2\xc7\x1b\xe3\x1d\xfa\n9\x05\x8d\xdd+\x93}\x06j"\xe2\x8f\x87\'\x88\x85hS\x00\xf3.\xcd~\xd0j\xff\xc9#+B\xc2u\xab[\xe5X\xa1e\xd3\x93\x03\xfct\x13\x11\x7f&gt;\x7f~\xd6\xea\x00\x00 \x00IDAT:E?\xf0@\xe1|F\x03 \xd4\t\xbc\x06I!7Z\x92\x91\xa9\xbf\xa5\xf6\xd6\xec\x19\x87\xd7g2\xb6\xeb\xb7\x81C\xeb2SC\xdcl\xd4y\xe8\xc0\x8e\xec\xdf\xf5\xe7\xc3\x93\x9b\xb3b\x10\x9f \xa2H\x82B\x92L,+\x00\x98wij\xd9\xbdE\x8c\xb7M\xfe\xac\t\x88\xbf\xa8\xc9P\xc7^\xed\xc6\xda\xea\xf5i\x01,\x03\x1dK\x02\xb9\xed\x0eZ\nT\x1d\x81\x88S\xdd-9?\x9fn_6\xdb\xdb\xb4\x87m\x8f\xd6W\xf7\x14D{\x0c\x0e\xb2\xd1\x95J\xa9\xc6XjSg\\4\xb5R\xa3-\xda\xddR\xc2\xfe\xa9`DZ\xce\xa9\xd6\xc1\xff\xa0\xae\xcd7fL\xbdy`\x1dO\x1d\x8bM\x0b*"\x80R\xdd^I\xa6\xed5\x1b\x83\xb4Lo\xa9\x97D\xa8\x0fGg\x00\xba\x88?\x1d\xb2V\xd1\x1a\x80\xa7dz;\xdaY\xee\x1e\xdd4LWq\x9a\xa7\x15~\xb9\x8d\x88i\xa1#\x89Tg\xbc\x9f\xc3\xe5]\xab\x9e\x9e-=\xbc~A\x8fF\xd0\x1e\xc0\xcd@\x85,\x1bP\xb0\x91}\xb6Vk\xf5\xe0\xf8\x96\xf7\xd7\xf7\xd3\x0f\xbcP\xd9\x1d\xac\xe0\xda\xdeB\xd1oU\r\xa2@n\xf4P\x89\xd5\xa6\x0c\xdb\xd7O\rqC|Nm1\xee\xd80-t$\xbf\x00-\x96\xdddo\x1f\xdaP\x90\x1c\xbei\xc1\xb4\xe2\x85\xb1\xf4o\xbe\xae\xc0eR\ti\x030\xa2_\x97\xb1\xb6z)\x13G\x9c*\xc9!\xc6\xdd\xe4\x8dm\xc9k\xd1\xb2\x9a\x82\xfe"\xe2\xef\'gz4b\xce9\xec/\x98\x87\x88\x87\xd7/8[\xba\xdcg\xa0fF\x84\'"\x06\xd9\xe8&amp;Mpyp\xa28{\x9a\xff\xfc0wI\xa6n\x8e\x15-\xa2\xce\xb5\x88&amp;\xd2I"\x9b\xdf;\xbaI\n\xd7\xc6\x8bY\x01C\x18\xe13\xff\n\xd3\xbd\xe8\x06\x9d\xc8\xed\x85\xb4jn(\xd9uy\xd7\xaa\xbfRB~\x1c\xdd\x98\x85\x9fn\nmG\xbb\xf0\x99\xc5\xaa\xa8a\xb7\xe7\xa5Gx\xe2\xf7\x8aP\xef\xdc\x87\xd3\x13\x17$\x85eM\x1e]\xf1\xcf\xdb+\x89\xe3\x87\x03@S\x806\x00N\xbd\xda\x11\xfb\xae\xd1\x035\xb9N\xf2\x1d\x00\xdar\x14b\x04c\xa6\xdc\xb8\xf2\xb8\xb7W\xe9Z\xb3\x15&lt;;+\xf5\x10\x815T\x81\xdc\xe7\xa7gK%\xccgMJ\x04\t\x1b\xcd\xbe\xeen\x0f\xb04.HC\x86Y\xc9z\x18\xa9\xf6m[-\x15o\x1b\x80&gt;-\x88\x1f\xf9k\xfaK\xc6\x1d\x9b\xb5\x03\xc0\xe5\xf2\x95\xdb\x97\xcdN\x18#D\x8aR&lt;\xe2|l\x89U|\xbc\xbf\x03\xfd\x85\xaf\xa8\x80^^@\xc4\xe2Eq\x86\xed\xeb\xcf\x9b4J\x11\xc0AKakv|\xf64\xff\xac\xc9\xa3W\xcc\x9e(\xf6t\xd0\xd2\xb8\xa0\xca\xea\x8f\x16\x18\x8b\n\x11.^\xb6\x16*\xcdF\r\xe8\xe6i\xa2\xae#\x15e\xc8j\x00\xf1;"\xbe\xbb\xb6\x8f~\xb7\xf7\xaef:?\xcaq\xbe\x88U\x89\xa1\x7f\xa5\x9c\xe2\xd1\x06\xe0\xe3\xcd\x83\x07\xd7f\xf0\xac\xf7\t?\x1f\x9d&lt;\xb8&amp;\xfd\xea\xeeJ\x89@F&amp;2\\\x8dGAR\x18\xf5[\xa7%\xb8\xf6\xed\xcc\xed\xb5\x90\x1c\xecj\xd4\xa1\xc1\xfc0\xf7\xcf\xb7\x0f\xd3\xdd\x98\xd9Xg\xd5\x07X0y4"R\x96\x0er\x00\xe7\xb7\xe7Q\'e#/6r@7\x16\xa7\xaa\x81\x0f\x88\xf8\xf9\xce\xe1\'\xa7\xb7I\x9eU\xbf\xb6|\xe7f\x06um~h]\xc6Tw\xcbqv\xfaB\xc7\xd4\xf8\xe1\xfaci\x94\x87\x9b\xc6\x00\x8b\xa7\xf93\xder\x12\x08W\x96\x96L\xb5&gt;\x04Z\xeb \xe2\xad\x83\xeb\xbdL{\xcc\x9b\xc4*\xce\xbb$\xd8\xf4h\x9d\x1e\xee\x11&gt;\xdc\xe4\xe9\xd92\xaa`\x1b\xe6O\xa1\xdb\xe0\r\xe9\xdd\xe1\xeb\xdd\xa3\xf7\x8em&gt;\xb2!\x0b\xbf\xdd]2}Lw\xd1\xa7\'\xfa+\xd4\xa5\xf27\xef\xd2\xb4\xb7,$Mp\xe9\x08\x10d\xa3\x93=\xcd_\xec\xea{Ub(\x95\xed\xabK\xe56\xea\xad\xf9E\n\x13\x80j}8Y\xbcD\xcc\x12\xf0G\t !\xc0\x89_\xb5\xc8\x9d\x9e\xc4K\xf8\xbb\xc1I\x1e\x9d,9W\x96\xdb\x11\xc0\xb6\x07s&gt;\xc5\xa8C\x03n\x15\xa05\xa9\x91\x88\xbf\x11\x9f\xf3\xaf\xff\xbf\xa4\x85\x8e\x1c\xa6\xab\xb8c\xf9\x1c\xfcp\x9d\xe7\xb5\x93w\x9e\xce\xe3\xd3[\x05\xdc(\xc9\x19\xae\xa74y\xa4\xc5b.\x018\xc4\x17\x88\x88_\xef\n\x8d\xee7\xce^\xff"W\xc8\xa3\x1aD w\xe6\xf8?\x10x(\xc8F\x97\xfeb\t\xb6\xe3\xac\xa6\x17\xae\x19\x80\xb7\x99F\xb4\x87\xe5\x8f\x87\x95\x0bY\x94\x81\xcd\x0c_;"\x95\xde\x08\xc0TI\xa6\x0e@\xaff\xa0R\x1b\x12\xc68\xdd\xd8\xbfVh\xe6\xda\xd2pv"\x8a=\x14\xdf\xee\x1f\x0b\xb2\xd1\xa5\'\x08\xb4\xd6\x19g\xa7\x17\xe56\x10\x11_]\xdauf\xdb21\xce\xb2y\xc1tD\\6clr\xb0k\xd9\xd2Y?\x1e\x9eX57\xf4\xc8\x86\x05\x88X\x9e\x97\xc8\xce\xec\x9b\t\xa3\xe2\xd8\x9c\x15#F\xe34\xceN\x7f]Z\x94X\xe7g\xa2\x0cP\xb2x\xc6\xbdc\x9bI\xd7\x92&amp;\x95Z\xc9\x94Q\x16\x1a\xc2&amp;\xd4\xe5\x01\xe8\xe3\xa4?F\xc9\xe2\xb8\xb4\xd0QC\xb4\xdb\xfb\r\xd2\xaaW\xb57\xdd\x1a\xc0\xb0C\x15\xb3\xd3\xd6\xb4\xe84\x02xt\xb2dA\x94w\xf1\xa2\xb8\xb5\xa9\x91\x87\xd6ep_{\xbf\xb6\xb5+C\x01#"\xe2\xea\xc4I$VZ\xf5\xc9\x9c\xcc\n\x18\x82\x88\xb6\x1aU\xde\xbb\xf0\xe1&amp;T\x19\x0e\xac\x99/\xe0\xf0\x96\x00W\xf7\x14TS\xd9j\x90\x1a\xf8\xf6\n\xfd\xc5zp\xa2X\xbf5_\xb3\x96\x91\xfd\xbb\x0e\xed\xc3*\x84\xe2\x80v\xa2U3i\xa1#\x97\xc6\x05]\xde\xb5\x8a*I\xca\xc4\x11\xc6\x1d\x1b\xfaZh\xa5\x87{,\xe0\n\\&lt;r@7\xc1\x82\xc0\x92P\x17@\xaf\xea\n\x89s\x9f\x8e\x97w\xadB|Wy\xa7~?\x9a;\x96\xef(X\x1e@\x92u\xe1@k\x9d\xdf\x8fOW\x9c\xe8\xf3m\xf2\x97\xe5\x18\x80.\x8a\t\x00\x93G\x9a\xd3\x9f\xafx\xfa\x04\x0fO\x14\xc7x\xdb\x88uh\x15(w\nD,[\x9a\x00\x00\x03\xda\xd5K\x0b\x1d\x19\xe1j\xeag\xa1E\xcc\x9f\xf0\xd9Y\x9e\xc7\xd2\x1b\xf2\xba\x00\xdd\xea\xc0\xfa\xf9S\xfep,\xdb \x1b\xddy\x93Fu\xa9\x05\x00\xa0\xd5\x14\xc8\xebztc\x16\xbfG\xc3\xe8]\xf1\xe5\xd3\xcd\x99\xfe\x8e\x02z{=\x1aA\xf2\x04W\x00\x98\xea&gt;\x08\x11K\x16\xcfH\x0f\xf7@|\xf7\xfd\xc1q\xe9_$\x07\x12hd\xd5\xdc\xca\t7*\xd8\xd4\xba\xb4(Rp\x8d\x1a\xcd\x87\xff4u\xf9,Ly\x18\xab\x89\'9"\x03\xf0\xe8d\x89vs\xf0\x1b\xd4\xcb\xb6Gk"U}\x8a\xc5\xec\x81\x86L\xe5[Eq\xa9|\xe5\x96\x85\xb17\xf6\xaf=P\xc8\xeck\xe8\x8b\xd7\x1f\x96\x8c\x05Q\xdeU\x05\xfd\x7f\xd1\xc3d:\xf6j\xd7\xbd.x\x9a\xa8\x8d\x1c\xd0\xb5G#\x10\xc3N\x9a\xba\xe7\xda\xcd\xe1\x10g\xd6\x98\xd2^f\x99\x89\x8b\xbe2\xc3R6=\xdc\xe3\xfa\xbe5i\xa1#\xa7{Y\x89^(R\x8b}\x95\x96^0\xfe\xa8X\xe7|tj\xeb\x80v\xf5L8&amp;\xfc\r\x016\xa4Oyqa\'"\x86\x0e5\xe4\x9e\xb2\x1c\xa6\xabH\xcdH\x98*\xc9\x8c\x19\xdc{\xde\xa4Q\xce}\xc4k\xd1D\xe0\xcb\xdd#\x88O\x00\xc0E_\xf9\xeb\xbd\xa3\xf8\xea\x12\xb1\xca\x18\xdc\xbd\xe5\xe9\xadK\xa9W\x81\x9f]\xfc\x89\xcd\x8b\x85\xd6\xff\x83\xbb\x0b\x99\x96\xef\xdf\xae\xee\xc5\x1d+&lt;i\x0b\xe3cm\xf5n\x1f\xda\xc0h\xec\xa5\xce\xcc1\x8eV\xaa\xbc[7R\xf2\xed\xcbg\x0f\xd3U,\xcdIX9\'\x04\xf1}5\xcd\x0f\xd7 \x04\x8dF&lt;\xa2\xa3\xb0\x84\xe7\x1b)vIv\xe6\xcdE\xc4\xa5qA\r\x00\xe8\xee$l\x8e\xcd\x9d9\x9e\xab /\x0b\x92\xc2n\x1d\\\x8f\xf8V\xec"I\x97\xe4`WF\x113\xa3\xbc\xe7\x8e\x1dF\x14\x92\xcb\xf3\x13\xa9\xed\xfc\x1c\xfa\xd9\x83\x88\xbbW&amp;\x0fh_\xef\xf7\x93\xd3G7f\xb1&lt;j0\x9f/\x96puO\xc1\xf9\xedy\xf4-B;\xd1\xf8\xfd\xde\x9b\xab{X\x9e\x9d\r\xe4\xfel\x98?%\xdc\xc54a\x8c\x13i\xf5Z\x00L\x1c\xd2\x7fW~\x92\x80\xbb\xf7\xf4l\x99\xbf\xa5\xb6COy\xfa\xfd\xdf\x949M\xc2\xf2x\x99\xa8\x13M!bN\xc3\xb3\xb4\xf7\x8enB\xc4w\xd7\xf7\xbd\xe5\xdc\n\xc4\'\x88\x1f\xa9b\xf0\xb3\xb0$\x0e\x95\xa4ac\xf0\xf9\xce\xe1/w\x8e\x08\xf5c\xd0m\x05\xce:\x9d\xf6\x15\xa4\xe1\x87\x1b\x7f2,o;\x80\xb0a\xc6\xfc\xf6\xe2\xebK\xe4*\xfa\xb7\xab\xbb1#\x9a\xba\xa8se\xb9\x7f\xb0\x8c5H\x83\xbc\x84\t&gt;\x035\xb5\x9b3g0E\xc5g\xa0\xe6\x93\xd3\xdb.\x95\xaf\xec\\\xe1F[AQF4\x9b\xc3)\x01/:\xb7\x0e\xae\x1f\xda\xa7#?\x8b\xd5?\x8f\x1bGz\x9e\xd6H]\xa4~\xd2\xb5\xc9Pz\x8b%\xbd\x9a\x01K\xb9\xce\xc1\xdd[^*_9\xde\x9e\xafc\x11)\xd8\xa7\xdb\x87h[\x9e#\xcdq\x94\x9b\xeci\xfeR\x17\xca9W\xba\xfcT\xf1\x12e\x80\x01\xed\xeb\xe9\xb7\x86^\xcd`\xf9\x8c\xb1\x0b\xa2\xbc-T\x9a\x91\x12&gt;;\xb7\x9d\xfb\xa8\xf5\xf3&amp;\x17/\x8a{y\xb1\x9c~\x93w\xe6\xce\x91\xa4$\xf4\x80\x9d&lt;GH\x9c\x9do\x10\xf1\xda\xdeBJ\x9d\x7f\x9a\xa7\x15~\xadT\']1{"O\xdf\xbd\xb1\xb6\xba\x88x\xf7H\xd1\xc2)&gt;)\x13G\xe4%\x8c\xffp\xe3\x00\xe2\x93\x90\xa1\x03\xb4\x9a\x02\xc3\xda\x95\x11\xe5\x86\xe0a\xac\xb665\x92:\x91\x85\x8a\xd4\x82\xb7\x08\xa5?\xc7^\x80&gt;\xde\xa6Z:]9\xa0&lt;TH\xd9\xa6\x8c\xb2\xe0^\x1b\xaf\xe1\x7f\x08\xf5\x86`\xdf\xb3B\xb1\xed\xfe\xf1-o\xae\xec\xb9\xb0#\x9f\xe5@\xb5\x01\xc0\xee\x95\xc9\xdcm\x00c\x19\x8aP\x1f\xfe\\DV\x00p\xd6\xe9\x142t\x00\xd0\x02\x1e\xf1\x85r\xbdyu\x89:\xbc\x7f\xbb\xba\xd5*\xe2HAB\xa3\xcc\x0e\xe2\x1d&amp;\xd7\xbcKSN)\x9fR\x1b\xc9\xff}\xdb\xd6\x92\x8a\xcep\x1b\x00_\x0b-6)\xad\xd4Z5\x04\xd8\xb32\xe5\xe4\x96\xec\x1b\xfb\xd7"~L\x0f\xf7\xb0Q\x97#\xdd\xea\xe9\xde\xd6\xdc\x87t\x068\xb4.\xa34g&amp;\xfd~s\xaf\x0f\tEO\x0e\xe4\x00\xda\x01h4\x82\xcc(o\x92\x0f\xbf\xde\xcf\xd7{\xc7H\x82\xcb\xbbV\xd1=\xf2\xea\x01\xfc\xae\x12\xe2\xed\xf1x{\xde\xfezj\xf5\x89\x90\xf5\xf7\xc1\xdd[\x84\r7A\xce\xa8\xa5&gt;\xc0\xf1M\x8b\xa8d\xa7\x8asHF\x83\xba2\xed\x16F\xf4\xebB\x9d&amp;=\xc2S\xd4\xeb\x95\x9c@k\x9d\xe4`Wb\x10\xfa\'G!5\xfc9\x94Y\xcc\x06\xb0\xc1\xb2\x9b,Q\x9e\xaa\x03\x90\x1e\xee\x81\xef\xaf\xcfb\xa7\xde\xd3\x04 \xd8\xd1\x00\xdf_c\xd4\xa8\xffB8\x97\xb3\xa5\xcb\x11\xf1\xec\xb6e\xf1~\x0e\x82\xeb\xff\xed\xcbf\x7f\xbdw\xf4\xd5\xa5rzWh\xac\xad\xde\xc2)&gt;b\x9f\xdd\xa1\xa7\xfc\xedC\x1bZU\xd5\xda\xeb\xdd\x02\x82\x1d\rD\xcag@\xbbz\xa4\x90\x1b\xd2\xa7R\x1bO\x97\xe4\xbc\xbb\xbe\x0f\x00\xa42\xccZ&gt;c,\xd2\x86&gt;\x82-\xb0\xac\xd5Z\xd1\xee\xdc\xcf1\x96\xda\x93\x9c\x89D\x0f\xf2\xb32t3P\x19\xd4\xb5\xf9\x86\xf4\xa9\xdb\x96\xc4SGR6\xb2\xee\x86\xdd#\\\x84\xc7\xa2zqa\'{\x01\x89\xf4p\x0fDD\xfcvuO\x01c\xc1a\xe5\xdc\x10\xaa\x0c\xc77-\x12\xe0\xb0]\x90\x1c\x8e\x88\x87\xd7/\x90\x05H\x998\x82\xe8=\x1buh\x80\x88\x94\xf8\xf3\xb1\xa2\x85$+\xeeWE\xa5\xd6_\x8e\xb5\xeba\xac\x964\xc1\x85\x8a\xa76\xb0s\x93\xbf%URC%-\x01\xf6\xacJ\xa1\xabW\xfe#4\x03\xe8\x02P\xb2x\xc6\xb7\xfb\xc7O\x97\xe4\xb0\xecYZv\x93U\x00\xb8\xb4s\x05\xf5\xaeo\x98?\xe5\xfa\xbe5\xf8\xf4\x8c\x8fyO\xee\xf4\x93G\x9a\xa7\x87{H\xb7\xe4\xfchCz\xca\xaf.\xf5\x96\x05y\x80\xf9a\xee\x95\x15\xd7\x9b\xcb\xf8\xed.\x91\x8d+^\x14\'E=T\xc2\xd0\xde\x1d^_\xde\x8d\x88\xbf\x1e\x9f~x\xb2\xa4g\x13h\t\xb08\xda\xafli\xc2\xb1\xa2\x85\x82c\xef5\x05\xe8\x04P\x1f`\xc9\xf41\x06\xf2\xb5)g\xdaS%9\xf4d\xb2R-0"\x92\x17\x12\xf1#\xe2o\xa1\x89)\x12\xc7\x0f\xcfK\x18\xcf\xb2\x9aS\x00</t>
        </is>
      </c>
      <c r="E359" t="inlineStr">
        <is>
          <t>&lt;class 'numpy.ndarray'&gt;</t>
        </is>
      </c>
    </row>
    <row r="360">
      <c r="A360" s="1" t="n">
        <v>358</v>
      </c>
      <c r="B360" t="inlineStr">
        <is>
          <t>steps_per_sec</t>
        </is>
      </c>
      <c r="C360" t="n">
        <v>5200</v>
      </c>
      <c r="D360" t="inlineStr">
        <is>
          <t>3.3487036</t>
        </is>
      </c>
      <c r="E360" t="inlineStr">
        <is>
          <t>&lt;class 'numpy.ndarray'&gt;</t>
        </is>
      </c>
    </row>
    <row r="361">
      <c r="A361" s="1" t="n">
        <v>359</v>
      </c>
      <c r="B361" t="inlineStr">
        <is>
          <t>Loss/object_center</t>
        </is>
      </c>
      <c r="C361" t="n">
        <v>5200</v>
      </c>
      <c r="D361" t="inlineStr">
        <is>
          <t>0.08081853</t>
        </is>
      </c>
      <c r="E361" t="inlineStr">
        <is>
          <t>&lt;class 'numpy.ndarray'&gt;</t>
        </is>
      </c>
    </row>
    <row r="362">
      <c r="A362" s="1" t="n">
        <v>360</v>
      </c>
      <c r="B362" t="inlineStr">
        <is>
          <t>Loss/box/scale</t>
        </is>
      </c>
      <c r="C362" t="n">
        <v>5200</v>
      </c>
      <c r="D362" t="inlineStr">
        <is>
          <t>0.052722137</t>
        </is>
      </c>
      <c r="E362" t="inlineStr">
        <is>
          <t>&lt;class 'numpy.ndarray'&gt;</t>
        </is>
      </c>
    </row>
    <row r="363">
      <c r="A363" s="1" t="n">
        <v>361</v>
      </c>
      <c r="B363" t="inlineStr">
        <is>
          <t>Loss/box/offset</t>
        </is>
      </c>
      <c r="C363" t="n">
        <v>5200</v>
      </c>
      <c r="D363" t="inlineStr">
        <is>
          <t>0.16361272</t>
        </is>
      </c>
      <c r="E363" t="inlineStr">
        <is>
          <t>&lt;class 'numpy.ndarray'&gt;</t>
        </is>
      </c>
    </row>
    <row r="364">
      <c r="A364" s="1" t="n">
        <v>362</v>
      </c>
      <c r="B364" t="inlineStr">
        <is>
          <t>Loss/total_loss</t>
        </is>
      </c>
      <c r="C364" t="n">
        <v>5200</v>
      </c>
      <c r="D364" t="inlineStr">
        <is>
          <t>0.29715338</t>
        </is>
      </c>
      <c r="E364" t="inlineStr">
        <is>
          <t>&lt;class 'numpy.ndarray'&gt;</t>
        </is>
      </c>
    </row>
    <row r="365">
      <c r="A365" s="1" t="n">
        <v>363</v>
      </c>
      <c r="B365" t="inlineStr">
        <is>
          <t>learning_rate</t>
        </is>
      </c>
      <c r="C365" t="n">
        <v>5200</v>
      </c>
      <c r="D365" t="inlineStr">
        <is>
          <t>0.001</t>
        </is>
      </c>
      <c r="E365" t="inlineStr">
        <is>
          <t>&lt;class 'numpy.ndarray'&gt;</t>
        </is>
      </c>
    </row>
    <row r="366">
      <c r="A366" s="1" t="n">
        <v>364</v>
      </c>
      <c r="B366" t="inlineStr">
        <is>
          <t>train_input_images</t>
        </is>
      </c>
      <c r="C366" t="n">
        <v>5200</v>
      </c>
      <c r="D366" t="inlineStr">
        <is>
          <t>[b'512' b'512'
 b'\x89PNG\r\n\x1a\n\x00\x00\x00\rIHDR\x00\x00\x02\x00\x00\x00\x02\x00\x08\x02\x00\x00\x00{\x1aC\xad\x00\x00 \x00IDATx\x9c\xed\xddw\xe0\x8d\xd5\x1f\x07\xf0\x8f\x08\xbfD\xdf\xc8^_\xebk\xef\xbdGV\xf6\xd7\x0e\x99\xd93\xbbB\xc8N\xb6HF\xb2)#"#!\x14\xb2WFTF6ID\xf8\xfc\xfe\xb8\xbe\xd7\xfd\xde\xf1\xdcg\x9c\xe79\xcfs\xef\xfb\xf5G\xdd\xef\xbd\xe79\xe7\xe3\x8e\xe7&lt;\xe3\x9c\xcf!\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e6\x7fd\x87\xa0V\xa3\xa2\x19s\xc6\xb7\xb4\xc5S\xdb\x96\xe6J\xe8\xe7y\xfe\xfb\xb4\xa5q8V\xed&lt;)d\x87\x00\x00!\xa1c\xf5B|\xed\x88\xec(\x88\x88\xf8\xc9E\xd9!\x00\x00\x04\xc0\xcc\xb2C0E\xd5l\x11\x8d\x8bE\xca\x8e\x02\x00\xc0\xc6\xa6\rh-;\x04\x00\x800\x16\xaa\x87\xe1\x00\x00\xa0\xa4~\xc1t\xb2C\x00\x00\x00\x00\xb0\\r\xd9\x01\x00\x00\x00\x00\xc8P0\tU\xc9\x9aDv\x14\xe00\xa5R\xc7\xf5}rT\xe7\xfa\xd6G\x02\x00\x86\x8c\xef\xd9Tv\x08 \xde\xd0\xb6\xb5d\x87\x00\x00\x00\x00\x00\x00\x00\x00\x00\xa1#3Q\x9d\xbc\xa9dG\x11\xdc\xe9\xed\xcbd\x87\x00`\x0f\x9e\xb3\xc0\xae\x1d\xde(1\x12\x00+\xedZ1Mv\x08\x00\xb2\xa5&amp;\xea\xd3\xa8\xbc\xec(\x00L\xf1z\xe6\x97\x03\xbd\x84\t\xf0\x00\x00\x00\x00\xce4\xb9_K\xb1\x15^\xc5u0\x00\x00\x89pz\x0e\x00\x10\xa62\xc8\x0e\x00BU\xeb\n\xb9d\x87\x00\x00\x00\x00\x00`g\x85"dG\x00\x00\x16\xc3Ux\x00\x00\x00\xb0\x85\xa3\x1b\xbf`\xfe\xabl\xba\xf8\xb2\x03\x01\x00\x19\xdaT\xcaCD\xc9\xd4\x15\xaeW \x8d\xa9\xc1\x805&gt;hS\xa3s\x8d\xc2\xeca\xde\xf0\xae\xb2\x83\xa2\xb96\x88\x01 \x1c5+\x95Uv\x08`\x85K?\xafs\xef\xf4\xf7\xac\x9a\xc1\xcc\xcc\x7f1\xf3\xd5\xc3\xdf\xde&lt;\xbe\xa5\xed\xeby%\xc6\x96\x96\xa8{\x9d\x12\x12\x03\x00\x08\x05\xd7\x8el\xbc}\xf2{\xd9Q\x80\xed\x1c\xda0\xcf\xb5\xeb\xf7\x9b\xaa\xc4\xf5R\x94\x9f\x05i\x00\xc0fpK\x194\x19\xd7\xbd\xb1\xfb\xd8?P\x19\xe5W\x01\x00@\xbf\xa6%2\xcbj\x9a\xaf\x1cr\xed\xdf\xff&gt;\xf3\x83R1t\x00\x00\x00v\x90=\x9e\xb0\xaa&lt;o\xf9*\x14K \xacA\x00\x00\x8d\xe6\x0e\xef\x8a\x83P\xb79\xc3\xba\x88\xaaj\xf1\xb8&gt;j:\x00\x00\x00\x99\xae\x1c\xfaVv\x08!\xc8\xf3\x0c \x9fOJ\xff\xd6\x15s\xcb\x08\n T|\xb7\xe0#\x95%/\xef\xff\xc6\xd4H\x00|\xb9v\xfdW\x0fod\xe6\x97b\xbf\x94\xe7%\xda4o\x8c\x9c\xb0\x00B\x83\xca3\xeb\xbd\xabg\xe2\x1c\x1c\xac\xe7\xea\x00\xaadM\x92\xce\xe7\xa5,D\xb7\x7f\xc1\xb8a\x00\x03\xde\xc8\x91TM1f\x9e?\xb2\xbb\xe7\x9f\xa6E\x04\x10\xcb\xdbU\xf2\x07z\xa9\x15R:\x03X\xacWt\xe9p\xe8\x00\xea\xe4M%;\x04xF\xcd\xf7\xed5\x0b\xe2\x00\x00\x00\x1df\xbc\xd7N\xdf\x86u\xf3\xa5b~\x12\x0e\xc7\x1c\x00\x00\xe0\x87\xe7H\xd0c\x9b\x17\xc8\r\x06\x00\x1c/\x97\t\xd3\x87\xd6\x7f6B|\xa5\xe0\xa1^\x814\xcc\xfc\xc7\x9e5\x12c\xc8\x1aGb\xe3\x00\x00\xd6b\xfeWv\x08\xcf\xa9\x1a\xb7\x00\x00\x00B\xe0\x12&lt;\x00\x00\x00\x00\x00\x00\x00\x80\xa7of}(;\x04\x00\x00\x00\x00\x00P\xa3_\xe3\n\x05\x92\xc8\x0e\xc2N\xb2`\xbc\xa3j\xdf\xce\x19%;\x04\x000\x99oRb\x00\x00gyAv\x00N\x951SJ\xd9!\x00\x00\x00\x98\xa0JV\\\x05\x03\x00\x00\x00\x00\xbbI,;\x00\x00\x00\x00\xd0\xa0c\xf5B\xb2C\x00\x00\xe7\xdb\xb9|\xaa\xec\x10\x82\xeb\xd3\xa8\x9c\xec\x10\x9e\xc9\x9bHv\x04\x00\x00\xa0\xc9/\xdf/Q.\x903\xbe\xaaz\xb4fsK\xa6\xa94\x00\x00\x84\x95&lt;/\xc9\x8e\x00\x00\x00\x00\x00\x00\xc0\x01\xb6\xcc\x1f\';\x04\x00\'Sw\xe9\x1b\xc0\x8e\xba\xd4,\x8a5v\x00\x9cg\xff\xba\xd9\xb2C\xb0\x0b\xec\xc2\xf4\xc9\x11\x9f\xf8\xc9Eff\xbe.;\x16\x00\x000\r3{\xad\xa8\xcc\x7f\x9f\xe1\x18\xb2\xa2\x02\x00\x99Fv\x8a\x96\x1d\x02X\xc1\xbd\xaf/\x92\xcc\xf3\xc9\xbf\xd0\x01\x00H\x86\xdc\xce`6w\x07P-*\xc2\xf3\xf9\x15\x93\x06\xe6J()&amp;\x00\xb1Z\x94\xcd.;\x04\xf0#\xe8&lt;20\xdb\xe6\xf9c\x99\x99\xef\x9c\x94\x1d\x08\x00\x00X\xce}\x12\x80\xf5\xe6\xc0&amp;\xe2\xc9\x0e\x00 \\\xc4\x89\x13\xe7\xab)\xef_\xbex\xf1\xd0]\xd9\xa1\x00\x00\x80y\xf2\xbd\x8c\x01\xb2\x00\x00N\x16\x15\xe0$\x99\xff9\x1bt[t\x00`sX\x13\x18@\xc9\xe9\xc7~\x9e,\x14A\xf4\xf0a\xd0m\xe3\xc4\x89\x13\xb4L\x85\x8c\xff\xd3\x1e\x14\x00\x80\xe5pH\x0b\x00\x00\x00\x10\xae\x1a\x15\xcd(;\x04\x00\x00\x00\x00c^\xb1\xb0-\xbe}\xc2\xc2\xd6\x00\x00\x00\x00\x00\x00\x00\x00\x00\x00b;\xb3cyL\xce\x92G\'\xbe[\xe4\x9a)0\xa6kC\xc9a\x85\x19L\xd0\x00\x00K\xb5*\x9f\x93U\xb9wr\xebb\xd9\xc1\x02\xd8Hb\xd9\x01\x00\xe8\x10k\xa6\xa2\xb6i&gt;\xff\xfe\x16\xe7\x7f\x99\x04\x87\x03\x00\x00Vy~\xa5\x81\xff\xbb\x10\xb8\x98\xbf5K\x13Fb^(\x00\x80\xe3\xf5m\\&gt;\xd0\xe5\x9e!\xad\xdfp\x95\xa9\x91\xf3\xb5\x15\x13\x07\xfa\xbc\x1e&lt;#\n\x80z\x81\x92\xaf\x01\x80Y\x02\xed\xfdWO\x1f\xecU2.\xd1\xcd\xe3[&lt;\xcb`N0\x80JH\xfd\x06v\xe4w\xef\x7f\xfd\xe8\xe6@\xe5\xcb\xa4}\x91\xf9\xa9\xbb\xa4\x95\xa1\x02\x00\x80H&gt;;\xff\xab]k\x17\x0b\xb4n]\xd68DD\xaf\xc4\xde\xca\xc2`\x01\x00@\x1c\xcf]\xf9\xf9\xdd+Un5\xe8\xadj\xe8\x00\x00\x00\x9c\xcd\xeb\xf8\xdf\xeb\xd5\xb8D[\x17\x8e\xf7(|\xfb\xda\x91MD\x94\x80\xe8\xc8\xc6\xf9\xaeMv\x7f9\xdd\xd2\x88\x03x\x81\xe8\xdc\xae\xafdG\x01\x00\xe0\x1c^\x1d\xc0\xcc\xf7\xdfV.\\:M\xbc\xd4D\xaf\xba\xfe\xbcr\xc8Vg\x00\xfc\xefyM\xe5{\xd5/mR$6\x97Pv\x00\x00`\x0b\xbew\x80\x1b\x17\x8b,\x92\x94\xca\xa4}1@\xe1GD\x94\x9a(\x01\xd1\xc7\xbd\xded\xe6@7\x0c,\xd0\xa7Q9\xf7\xe3\x9fV~2}`\x1by\xb18Oj\xd9\x01\x00\x80d\xbe\x1d@D\x80\x92\xfb\xd7\xcev\x15\xa8\x9c%q\x994/\xb6\xae\x98\xeb\x87e\x93\x99\xf9\xee\xe9\x1dV\x06\xac\x80\xf9\x89\xec\x10\x00\x00\x9c\xc3\xb7\x03xry\xff\x80\xa6\x95|K&gt;\xf8\xedGw\x99\x9c\t\xa8[\xed\xe2\x0f\xff\xd8\x83\xfb\xc0VJ\xa9k\xabV\x15r\xb9\x1e\x14\x8a\x10\x17\n\x00\x84\x00\xdf\x0e`\xc5\xc4\x81\x01J^v\x97IC\xf4\xf9\x88\xee\x17\xf6\xadE\x07\xe0 /\xc9\x0e\x00\x00\xec\xc5\xb7\x03X9\xf5}\xe5\x92\x83ZV/\x9b6\xbe\xfb\xcf\x0b\xfb\xbe\xb68f\xb1\x1c\xd4\x81%7\xb6\xf9\x92\xf1}\xc5\xc4\x11\xea\xfc\xdc\xfe\x02\x08I\xbe\x1d@\xa0\x1d"\xff}\xda\xfdj"\xa2C\xeb\xe7\xba\xfe\xfc\xed\xc7U\x16\xc4y\xf5\xd0\xb7\x16\xb4b\x7f\xaf\xc9\x0e\x00\x00B\x87\xd7\xae\xff\xd2\xcf\xeb\x82\x95\xbcCD=\xea\x96t_\x11zta\xafu\xe1\x86=f\xee\xf4Fa\xd9Q\x00@H\x88\xb5\xfb\xbf~4\x82()\xd1\xfc\x91=\x0e\xad\x9f\xfb\xe5\xe4\xf7&lt;K\xbe\xffV\xb5\xd1]\x1ad\x8f9=\xfer\xd2\xbb\xb8\x01`\xbd\xb6\x95\xf2\xc8\x0e\x01\x00B\x85\xd7\x19@\x82\x98g\x0e\xac\x9b\xcd\xcc\x9f}\xd0)\x7fb\xba\xb4\xff\x1b"*\xfc\xaa\xff\r\xe5\xc4\r\x00\x00\x06yu\x00jR\xd6\xbeLt1f\xfcO\x02\xd3\x03\xd4\x83\xf9\xb6\xec\x10\x00\x00l\xcf\xab\x03\xf8\xb8\xd7\x9b\xcdJeu\xbfT*U\\\xdfM\xfa4*g\xf3c\x7f\xe6\xbb\xb2C "\xfa\xe4\xdd\xb6\xb2C\x00\x00\x08\xcc\xef(\xa0\xb53\x86\x12Q\xe5,I\xca\xa5K\xc0\xf7\x7f=\xef1\xce\'S\xcc&amp;\x99\xa5\x85\x0c\xc2\xf0\xddS\xb2C\x00\x00y\x12\xc5\xe4t\xf3\xef\xf1E\xd7\xff\xaf\x1d\xd9\xb4u\xe1x\x07]\xf7wD\x90\x00\x00\xf2m[4a\xcb\x17\xe3\xf8\xe6\xf1\x80=A\x8c1]\x1b\xca\x0eV\x15f^;s\xa8\xd6M\x96M\x18\x90^]aY7?p\xe2\x05\x00fIO4\xa2C\xdd@{\xffn\xb5\x8b\xc9\x0e\xd0D\xaedG\xb2\xa3\x08\xe2\xc1o?\x99Z\x7f\x83\xc2*{@g\xa8\x94)\x91\xec\x10\x88\x88J\xa6|Av\x08\x00\xda\xf1\x95\x83\xcc\xbcv\xe60\xe3UMx\xa7\xb9\xf1J\xccvj\xdbR\xd9!H\xc6\xcc\x8d\x8af\x94\x1d\x850E\x93\x99\xde\xc4\x8e\xa5\x93\xec\x7f\xdc\x00\x00\x0eS:M&lt;\xeb\x1bu\xca=\x1e\x00\x00\x08\xaeu\xc5\\\xea\x0b\xf3\x7f\x7f\xe8h\xa2ZT\x84\x8e\xad\xc2\xc4\x96\xf9\xe3\xd0\xa7\x02\x80\x1c\x16\xec}~\xfe\xfa3\xb3\x9bp\xae\xfb\xe7v\xf3\x83s\x7f\x1e\xdc ;\x10\x000L\xca\x95\x19#\x1a\x17\x8b\xd4T\x1e\x87\xab\xea\xa9|\xaf\xb4~\x04\x00\x00\x01\x85\xce]Z\x00\x00S\x85^\x0e\xfd\x8dsG\xc9\x0e\x01\x00\xc2\xd8\xab\xc1\x8b\x80d\xc5^#f\xe6[\xc7\xb5n\xb8s\xf9T3\xe2\xb19\\\xfb\x02\x80\x902\xa8e5\x1d\xfb\xb5\xc1\xad\xaa\x9b\x11\x0c\x00\x00\x00\x00\x00\x00\x00\x00(H);\x80P\xca\x0f\x01\x00\xe0\x18A/\xe2g\xb2&amp;\x0eq\x9e\xad*\xf1\xf4\x92\xec@\x00\x00\xec-h\x07\xc0\xff\xfefI \x00\x00 T\xe5\xcc\x89\xcdn\xa2Wti\xb3\x9b\x00\x80pW-;\xa6\x07\x08\xf6\xf0\x8f=\xef\xb5\xa8\xa2\\\x86\x99\xb3X\x13\r\x00\x00\xa8!db\x113\x17K\x1e\xa4\xcc\xc21\xef\x18o\x08\x00\x00\xc0tu\xf2\xa5\x92\x1d\xc23G7}q\xfb\xe4\xf7\xb2\xa3\x00\x00\x00K \xe5\x03\x00\x16)5*\xae\xec\x00\x00\x00\x00\xecb\xdf\x9aOe\x87\x00\x00\x00\x00\x00\x00\x00\x00\x00\x92\xe5\xfe\x9f\xec\x08bC\x8e#\x000\xa4F\xced\xb2C\x08b\xe5\xd4\xf7e\x87\xf0L\xad&lt;)d\x87\x10\x0bF\x04\x01\x80~\xf9^\x96\x1d\x81\x85\x82\xee.\x8fm^`\x870\xa4T\x15\xb8\x89\xa7f7\x01\x00\x10.\x04\xe6N\xea\xf4Faq\x95\x01\x00\x88P&lt;X\xfa\x07\xb3E\x17L+9\x02\x00\x00\x00\xf30_\x97\x1d\x02@\xa8\x8bK\xc4\xff\x9e\x97{\xfbo\xc3\x9c\x91R\xdb\x07\x00\x00\x00\x00\x00PIz\xde\xa1m\x8b&amp;\xc8\x0e\xc1\x0f\xe6\x1b*\xca`\xa0\'\x00\x80U\xf8\xeaa\xd9!\x98\xe5\xcf\x83\x1bd\x87\x00\x00 \xd5\xd0\xb6\xb5d\x87\x00\x00\x00\xe04s\x87w\x95\x1d\x02\x84\xbb\x80\xeb\x01l\x9a7Zw\xa5\xfc\xf8B\xf7:\xc5uo\x0ea.\x04\xae\xd7\xab\xf9\'\x94,S\xda\x82H\x00\x00\x9e[:\xbe\x9f\xec\x10B_\x08\xf4a\x00\x10v\xe2\xcb\x0e\xa0z\xf6\xa4\xb2C\x00\x00\x15\xe6}\xd8\xadJ\xd6WdG\x01f\x89\';\x00\xb7\x12)\xe2\xc8\x0e\x01\x00|\xac\xf9d\x88\xec\x10\x00\x00\xc06^#*h\xb3\x13\x03\xberPv\x08\xe1"\xa5\xde\r\xef\x9f\xdb-2\x0e\x00\x90\x82\x99\xaf\x1e\xde(;\x8a0\xc5|GR\xbbFo{j\xaaa\\\xf7\xc6\x06\x9b\xb3\t\\\xdb\x82P\xc3\xcc\x18\x05\xa1\xc3\xbb\xcd+\x1b\xaf\xc4\xb9\xef|\x81$\xb2#P\xa7^\xfe\xd4\x02k\xfb\xef\xe2&gt;\x81\xb5\x01\xc8\xf7\xc7\x9e5m+\xe5\x91\x1d\x85\x1f\x01g=\x80a\xdf-\xf8\xc8\xc8\xe6\xcc\x7f\x8a\x8a\x04\x00\xc0\xa8\xebG7\xcb\x0eA-;\xach^*\xb5\xdaTu\x876\xcc35\x12\x000W\xc9T/\x94I\xfb\xa2\xec(B\xcd{\xcd\xabx=\x93@\xdd\x86^\xd7\xdc\xec|\x15\xc8f\x83\x03\x00\x00\xecjL\xd7\x86^\xcf&lt;8\xff\xa3o1\xbe\xff\xab\xfa\x0e \x8d\x88\xc0\x9cr\xbd\x1e\x00\xc0\xd9\x9a\x95\xca\xca\xd7\x0e3\xff\xa7pB\x10h\xa7\xcf\xfc\xc0\xa4\xa8\x84\xb0\xc9h1\xddCW\x01\xc0^\xca\xa6\x93\x9e\xce\xe0\x99\xedK&amp;\x8a\xaajP\xcb\xea\xa9tm\xe8\xea\x18\xea\xe4\xd3\xb75\x00\x00X\xa8|\xfa\x84\x02\x0fH\x99oz=s\xe3\xd8\x96\x8a\x19_\x12\xd7B\xe8\xeb\x15\x8d\xb4\x9d\x00\x8a\x92\xcb\x0e\xc0\xa1j\xe5N\xe1~\xfc\xaa\xc48 \xb0\xe2\xf8rC\x988\xb3c\xb9\xc1\x1a"D\x84\x11\xc2\xec&lt;D\x07\x00\x00\x00\x00\xc0r\xfd\x9aT\xd4\xb1\xd5\xd3?\x0f\x08\x8f\x04\x00\x00\xc0,\x85"dG\xe0\x0f3\xdbaj1\x00\x80E\x96|\xd4\xb7|\x86\x84V\xb6\xf8\xdd\x82\x8f\xdc\xf7\x03\xb2X\xd9\xb0\x0f\xdf\xe1\xaa/\x12Y\xfa^\x00\x00\x84\x9b=\xabf\xbcFt\xe0\x9b9\x16\xb7\xbbs\xf9\x14\xcf?\xc7vm\xc4\xf7\xceX\x1c\x03\x008\xc3\xa1\xf5\xc8\xde\x15R0\x12\xe9\xda\x91M\xca\x05\x12[\x13\x07\x00\x08\xd7\xafI\x05\xd9!\xc8\xc4\x0f\x7f\xf3\x9c\xe8\x95AZ \x8e\xb4o\xcd,\xd9!\x00\x00\x08\xc2\xcc\x98\xf8\x0b\x00\x00\xaa0s\xfd\x82ieG\xe1\x0c\xa5\xd3\xc4\x93\x1d\x02\x00\x00\x00\x00\x00\x00\x80\xbd`\xf0\x89#l\x98=Rv\x08\x00\x00\xe0d|\xe7\xa4\xec\x10\x04\xf8\xb0}]\xd9!\x00\x98\xe5\x05\xd9\x01\x84\x8e.5\x8b\xca\x0e\x81\xc8N\xa7Yq"r\xca\x0eA\x80\x82E\n\x13\xd1\xf2\t\x03d\x07\x02\x00\x10\xcc\xea\xe9Cd\x87\x00\x00\x00\x00\xb1U\x8b\x8a\x90\x1d\x02\x00Xk\xdb\xa2\t\xee\xc7\x952%\xf2[F\xf8\xba\xe4\xe16\xf9+\x81\xec\x00\x00\x00\xfc`\xfeGb\xebH\x05\x11\xd4\x9ca\x9de\x87\x00\x10Z\x84\xefw\x98\xd9&gt;w8\x01\x00\xc0"3\x07\xb5g\xbele\x8bY\xe3X\xd9\x9a\xddU\xcc\x18n\x97\x94\x00@\x90\xd7d\x07\x00\xd2\t&lt;{\xfb\xec\x83N\xa2\xaa\x02\x00+\xf4iXNv\x08\xc2\x8c\xe9\xdaPv\x08DD\xb5\xf2\xa4\x90\x1d\x82\x06\x83[U\x97\x1d\x82~j\x8e`p}\x12\x00\xc4H#\xb46\x9b\xec\x9bl\x12\x86I\x989\x89\xec\x18\x00\x80\x88h\xe6\xa0\xf6\xb2C\x08S\xb8u\x02\x00\x92y\x1dlN\xee\xdbRV$\xb6e\xd2\xf1x\xdbJy\xcc\xa8V\x93\xd73\xbf,;\x04\x00\x00\x90\xa1y\x99(\xd9!\xa8\xd5\xb4Df\xd9!\x00\x80\xf9\n\xe0\n1\x00\x80\x97t*\xcat\xaeQ\xc4\xf48@\x97w\x9bW\x11u\xc4\xcd\xff\x9e\x17R\x8f&amp;\x17\xf6~m}\xa3\x00\xf0\x0c3\x07\x9dg\xe4{\xc1\xfa\xe1\x1f{L\x8b\x08 \x96\xd0\x1e\xbf\x04 \x13\xf3\xf5[\'\xb6\xea\xdb\xf6\x7fbC1&amp;w\xc2g\x0f&amp;\xf7}Kj ~\xcc\x19\xd6\xc5\x82V\xdem^\xd9\x82V,\xc6W\x0f!\r\t\x80\x89\x1e_\xda/;\x04a2\x101?\x96\x1d\x85`\xfc\xe8\x0f\xe1u\xa6\x12^\xa3\t\xf6\xaf\xfd\x8cc|\xdc\xebM\xd9\xe1\x00@\x98\xe9V\xbbx\x8d\\\xce\xce\xa6\x91-\xae\xec\x08\x82q\xed\xe2?\xec\xe0\xbd\x00d\xe6\x98\x97p\x12\x00\x00r$\x0b\xf0|rK\xa3\xd0\xcf\xfe\xc9\xfao\x9d\xdc\x1a\xb3\x93\xbf\xed\xf5\x92{\xef\xff\xf9\x88\xeeRb\x03\x08q\xb6\xba\x94\xef \x83ZV\x93\x1dB\x88x~\x90\xff\xf7i\xdfW{7(\xeb\x7f\x1d\x1f\x00p\xa8ao\xd7\x96\x1d\x02\xd8E\xed&lt;)p\x9d\x07\x00\xc0\x16\xb2\xbd`u\x8b\x81:\x00t\t\x00\x00\xa1/\xd0\x8a\xcdb]\xdc\xb7\xb6u\xc5\xdc\x164\x04`\xa9\xa8\xb8f\x1d.\x9d\xdf\xbd\xb2e\xf9\x9cf\xd4\xacC\x87j\x05tle\xc3\x03I\xe6\xa7V6\xa7f\xcaw\x98\xb0\xe1\x97\x01\xc2]\xd1\xd7\xe8\xe2\xbe\xb5\x06+\xd9\xbfv\xb6\x90`\xbc\xa4%\x1a\xd9)\xda\x8c\x9a\xc1l\x812s2?\xfa\xe7\xdc.\x85\r\x99y\xe7\xf2)f\x84$]\x16\xd9\x01\x00\xf8\x81\x03\x93\x90\xb4k\xc5T+\x9b\x8bC\xf4N\xfd2\xc6\xeb\x19\xd5\xb9\xfe\xe2q}\x8c\xd7c7\x17\x7f^\';\x04\x00\x7fl\xdb\x01\x94N\x1d\xef\xe7\xafgY\xd6\\j\xcbZr&amp;\xe5\xefIJ\xa2I}ZX\x16\x8c_\'\xb6,\x92\x1b\x80\x02\xfe\xeb\x17\xd9!\x00\xd8@\xe1W5\x14\xd6\xdd9\x15\xd7&gt;]\xaaU\x85\x9c\x03\xde|]_s\xa1m\xc7\xd2I$\xee@\xe1\xcdRY\x89(\xad\x90\xbab\xabm\xd7\x05\x93\x999\x9e\xc7\x9f\xd5\xa2"dE\x02\xe00\xb9\xec?\xa34&lt;\x88\xea\x00\x1c\x91]\'7\xa6)B\xc8\xdb\xbed\x92\xef\x93\x91VGa\x94e\x97\xb0\xd2[\xd3\x8c\xd3\x9c\xdc\xbaX}\xe1\xcaY\x12\xbb&gt;\xaf\xde\r\xcb\x9a\x11\xcc\x17\xa3z\x9aQ-@\xa8\xc9`\xe3\xab\xff\x9a\xdc&lt;\xfe\x9d5\r\xb5,\x97\xc3\x9a\x86B\x9b\xee\x99\xb7\x05_\t^&amp;\xf0\xe8\xa3P\xf8\xaa\x03\x08\x13\xda3\xe0\xcd\xf8\xa7\xe1\xaa\x80(?\xad\xfc\xc4\xfd\xf8E\xd5[\x19\xf9L\xa3l\x9f\x9a\x14\xc0j!\xdc\x01&lt;8\xffc\xfdB!8\t\xc97wq\xf8\x989\xa8\xbd\xec\x10\x8c\n\xba\n\x1e\x80uB\xb8\x03\x08U\xf8\xc8\x00@\x80\xa9\xfd[\xc9\x0e\x014\x10u\r\xa3T*+2\xae\xf5\x8c.\xe5\xe8\xbe\xca\xd1\xc1\x03\xd8Bb\xa2\x84\xc1K\x81*\xb9\x05\xbd\x95\xf1\x82\x17\x11c\\\xf7\xc6_M~\xcf\xe0\xf4:f\xb6~\nUf\x8b\xdb\x03\xb0^\xef\x06\xa6\x8c\xc3\xd3\xe7\xdd\xe6\x95\xcb\xa4U\x7f;0\x1cY\xb94U\x06qU5,b\xb4\xb2\xfb\xe7v+\x17HE\xc4\xccX\xbc\x05 \\\xf0\xe3\x0bfL%5\xc9\xc3?\xf6\xca\x0e\xc1\x8f\x1f\x96M\x0e\xf4\xd2_\xa7\xb7[\x19\x89\x1a\xdf\xce\x19\xa5\xf0\xea\x07mj\xb8z\x9a\xf8V\xc5\x13\x083\xdf;\xbbSv\x14\x00\xa1\xc2\xef\xd5\xd8\xad\x0b\xc7W\x8ct\xd2\x80\x8a\xd5\xd3\x07\xab/\x9c\xd1\xbc8&lt;\xe4\x0b4f\xde\x96R\x05+\xd0\xa3nI#\xf5\x8b\xea9\xba\xd4**\xa8&amp;\x00\x80`\xce\xef^);\x04\xa3\xaaf\x8b\x90\x1b\x003\x8b\xcad\x17\xda\xd3k ,T\xce\x92Xv\x08\x10\\""M\x03z:T-`R$\xe0\x86\x0e\x00 L\xad\x99&gt;Dv\x08\xcf\xdd8\xb6\xd9\xf8\x9e\xe8\xb3\x0f:\t\t&amp;\x10\xads\xbb\x1c\xb1o=\xb3c\xb9\xec\x10\x00\xec\xa7s\x8d"\xa2~\xc0A\xaf\x08\x87\x9e\x1a9\x93Ii\x97\xf9\x8a\x94v\x05\xb2\xf8*\xd9\xa9mK3Y\xd9\x1e\x80#\xb4\xab\x9cOT\x07\xa0iQ\x81\xd0\xc0O/\xc9\x0e\x01\xd4b\xfeWv\x08\x00\xda-\x1d\xdf\xcf\xd4\xfa\x99\xf9\xe3\x9e\x0eH\x07o7\xb90\xa1N\xaf\xb7\xab\xe4Sx\xf5\xf5\xcc&amp;\xde\xee\xf2\x9d\xbc\xcd\xfc\x0fR\n\x02\x00x[5u\x90y\x95{\x9dzF\xc4&lt;p-vFZ\x92\x92\x1ata\xdf\xda\xaa\xd9T$\xb6\x06\x80\x10`Y\xea\x05Q\x1eI\x9a\xb6V\xdc\xa6\xeb9\x02\x80\xc9\x96O\x18 ;\x04x\xa6n&gt;\xa5[\xecIb\x1eT\xcf\x91\xd4\xf5 \xba\xa0\x83&amp;e\x077\xb6[#\xf5\x85\xa7\xf4ki^$\x00\x96\xe2\x1b\xc7d\x87\x00&amp;*\x9d\xda\xe8\xd9\x88\xd7\xe4\xe1s\xbb\xbe"\xac\x93\xe3\xc1`\xe6;\x009&gt;hSSv\x08\xf0\x0c\x96\xae\xb2-\xaf5)3\x10\x9d\xffq\x95\xe73\x8e\x98\xa6\x00\x00vd\xabCi\xfe\xfb\xb4\xec\x10l\xc4xNS\x00\xfbre\x1f\xcb\x1e\xcf.\t\xc2\xc6uo,;\x04\xe7)\x18\x11\xa4@\xc7\xea\x85\xac\x88\x03\x00\x9c%\xbb\xe3\x86\xaa\x80U\x92\xca\x0e\x00\x00L\x17);\x00\xdb\x1a\xd6\xae\xb6\xec\x10\xc2KR\xfb]L\xb7\xc7\x891\x809\x90\xc2P\x01\xf3?\xb2C\x08\xa8~\xa1t%S\x9a\xb8\xc6\xef\xb4\x01\xad\x99y\xed\x8c\xa1\xe65\x01\x002\xb9\xd2F^?\xbaYv 6e\xe7\xae\xb1\\\xba\x04f\x87\xa75Q~\xae\x04&amp;\x05\x12\xd0\xfc\x91=\xacn\x12 d\x14\x8a\xc0\x19\x800\xf5\x0b\xa5\xab\x95;\xb9\xfb\xcf\x16e\xa3\xb4\xd6`\xf3\xdb1;\x96L\n\xf4\xd2\xbf\xbf\xef\xb10\x10\x00\x10\x84\x99g\r\xee ;\n "\xea\xd3\xb0\x9c\xa6\xf2CZ\xbf\xa1\xa3\x95\xd1\x9d\x1b\xe8\xd8J\x1f\xf7\xb1\x053_=\xfc\xade\xed\x02\x80*^\x87\xff\xcc\xd7]\x0f\xb2\x88\xbb\x002\xb2c=!\xf5\xa8\xa7\x9c\xd2 \xb4)duu}\xa0\xb9\x12R\xe7\x1aE\x0c\xb62\xa0i%5_\x8fJ\x91\x89\x0c6dgE0L\nB\x8c\x9d3\xf3d\xd32S\x16\xd7\xb5\x14|j\xce9\x9f\xfb=72y\nK\x92\x02\xc8T\xec5\xc9\x01\x84\xfc\xbe;y\xf0"\x12$\t^$\xb8D\x8e]V\xba@\x92\xd0\xff\xe2\x01\x04g\xe4g\xe05\x0edb\xef\xe6j\x9a\xbbrp\x83\xee\x16\xdd\x95\xe8\xd8\xca\x9a\xebD\xb7Nl\xf5\xfc\xf3\xf1\xa5\xfd\xccw\xc7\xf7ljI\xe3\x1a\xa8\xba\xa4\x93)\x91+kEb\x8d\x99\x8b*gI\xe2\xbe\xba\x08\x00\xf6e\xf1qP\xe3b\x91V6\x07\x81\x14\n\xb6\xd6f\xa9\xd4q\xf9\xde\x193\x9a\xfec\xef\xd7fT\x0b\x00z\xb8\x92\xfd\xaa\x14i\xac-)\xe7\xddQ\x16&amp;\xded\xbel]c\xba0?\xd6\xb1U\x85\x0c\xc2R\xd8\x9d\xdd\xf9\xa5\xa8\xaa\x84\xf8\xd3\xf0))@XX;s\xd8\x98\xae\reG!\x99B\x1f\xb6lB\xff\x90\xbc\xb2|\xe5\xe0\x86\x90\xfcw\x01\x80\x06O.\x1f\xd8\xbbz\xa6\xec(\x0c\xe9\xdf\xa4\xa2\xa9\xf5\xf3\xad\x13\xa6\xd6\x1fH\xa9T&amp;&amp;\x8aHJ\xb4y\xfeX\xe52\xe5\xd2Y&gt;3\xd8\x80&amp;\xc53\xc9\x0e\x01 \\\xc5\x91\xd4\xee\xcd\xe3\xdf\xf1\xddS\xfa\xb6\xed\x15]Zw\xbb\xf6\\L\xb1D\nY\x9f\x03\x008P\xbe\x97\x9d=x\xee\xfc\xee\x95\x06\xe3Og`[\xbb]=\xdb\xb9|\x8a\xd8\n\x99\xb9\xd8kT3\x97\xec\x91\xc52\x08\x19V\x0b\x00\xe6\xe2\x07\xe7\xba\xd7)\xb1q\xeeh\xd9\x81\x84\x1aS\xd3L-\xf9\xa8\xaf\xdf\xe7\x9b\x95\xcajR\x8bZ5*\x9a\xd1\xd1\xc7F\x00\xa6\xb3\xff/d\xf3\xe7A\xaet;\x91BZ7\x81\xf2\xbcD\xc7\xb7,\xb4\xa0!\xb1\x86\xb6\xad\xf5Q\x8f&amp;\xb2\xa3\x00\xb0\x81\xb6\x95\xf2\xc8\x0eA\x0e+\xd7gg\xe6&gt;\x8d\xca\xfb&gt;\xef\xb5\x10\xb9(S\xfa\xb7jS1\xb75\xf3u\x1d\xba\x9cn~A\xefM"\xa2\xab\x87\x90\x02\x0f\x1c\xcb\xfeG\xe8~\xd9\xf3\x16\xab\x9b\xd7\xbb\x9aBR\x18\x16\xac\x02}\xf0\x9b9\xa6\xb7a\xa14\xb2\x03\x00\x10\xac\\\xfa\x04\xfc\xe0\\\xa0W\x1d\xda\x01\xd8\x8dI\x13h\x85\xd0q\x7f\xb6u\xc5\xdc\xa5RYy\x8e\xf4\xcc\x92\xf1\xfe\xaf\xfb{\xe9\xd7\xb8\x82\xca\x92^r\x0b\x9a\xd9\xc6\xcc\xc76/\x10S\x17\x80\xa9\x943\x03\xa3\x03\x08=B\x16z\x9c\xf1\xfe\xdb:\xb6\xb2l}]}\xdf[\xe3\xdf\xf6!\xadk`\x85%\x00K\x1d\xd98\xdf\xca\xe6\n[\x95\x05\xbezv\xff-\x19\xdc\x8d\x06\xddC\x95N-yi\xb2of\r\xb7\xb8EQs\xc0\xf8\x99\xbb\x82\xea\x03\x00\x1f\xcaW-\x98\xff\xb4 \x86\xce5\n\x9bZ\x7f\x12qW$\xbc\xd8\xff\xf8\xd4\xef\xdc\xf2\r\xb3G(l\xd2\xb2\\\x8e\xeeuJ\xe8h\x8b\x99E-,\x1c\xb3\xf7\xb7\xfb\xdb\x0b`\x88\x91\xa9OB\xb4(\x9b\xdd\xec&amp;\xb2\xc6!"Z8\xe6\x1d#\x95l\x9c;JSy\x0b\xd6\t\xd0\x97\xf7\xcd\xd3\xd3?\x0f\x08\x89D f\xee\xd3\xb0\x9c\xdc=\xef\x8e\xa5\x93\xdc\x1d@\x95\xac\x98\x04\x06`\x89z\x05L\x1c\x9a\xd1\xbdNq\xf3*\xf7\xf5\xf3\xda\xcf\x02\xbd\xa40\xaa\x89\x99s\xbchF8\x01\x9b\x13X\xdb\xeb\x99\x83\\\xd0\xe2\xfb\xbf\nl\xce&lt;\x1c\x8b\xd1^\x16\xc0F\x8em\xfaBv\x08\xcf\x94Nc\xe9\xe5i\xcf\x03\xb9\xdd_NS(\xf9\xc5\xa8\x9ef\x07\x13\x88\xc5G\xbeb\xafr\x0clV9hs\xd9\rto~\xcfV\xd7\x7f6\xa2\\z\xc1\x89\xea.\xec\xfb:v\x1f\xc0dm\xd6q\x80\xb0p\xfd\xe8&amp;k\x1abf\xe6k\xee\xc7u\xf2\xa6T.lIP~x\xad8f\xb6\xe6\xa5\xb31\xb357Z\xd4\x08\xf4\xcfoY.\x87\x95a\xec\xfer\x9aW\x07p\xef\xec\x0f\xb8%\x00\xe0`\xee_o\xd0\x9fq\x8fz%\xcd\x0f\xc7?\xa5~I\x91\xf2?j\xcf*\xa5,\xdf\x7f\x9d\xda\xae\xa6\x89J\x99\x12i\x8b\xc9\xb18 \x8c\x08\x820\x13\xf4\xc2\xae\x0e\x92G&amp;\x82.3\xdekg\xcd\xc2\xcb*;$\xf3\x04\xda\xfd\x17\r\xc7D\xa8\xe0X-\xcaD5(\x9c\xde\xb2\xe6\xd4w\x14\xdb\x97L4\xefl\x9a\xf9\x8aI5\x13\xd1\xec\x0f:i\xdd$\x9f\xe2q\xf3\xfe\xb5\x9fe\xb2\xc7h\xcel\xea\x96\x9c\xf1Z:\xc6=H\xe6\xfe\xb9\xdd\x14*i\x93\xfd\xee\xfd[W\xc8%;.\x00\x8d\xaaEE\x10\x91\x8eDd\x1d\xab\x17\xd2\xba\x89\xfa\xd5\xb8\x8c\'\xee\x97\xe5\xf1\xa5\x9f5\x95W\xd9)\xde\xf9e\x9b\xf6X$\x18\xfev\x9d@\x1f\x9cC?P\xbf\xfe&gt;\xb3\xc3\xb7\x03\x90\x1d\x14\x80F7\x8f\x7f\';\x84\x80\xb2\xc8\x0e@.\x93\xa6_\x88\xddU]\xfay\x9do\xfd\xef6\xf7?\xd4\x87\xef\x9c\x14\xd5\xae\x9b\x9a\xee3)QR\xa2\xf8B\xdb\xed\xdb\xb8\xbc\xcf\xfe\xff\x89\xd0\x16\x00\xecg\xda\x80\xd6\x9a\xcak\x9d\x1be\x7f\xa5R[4\xd6o\xeb\xc2\xf1fT\xdb\xacTV3v\xc4n%R\xc4\x19\xd2\xba\x86y\xf5{\x91x3\xc0k\xf7_+\x8f\xac4\xaf\x00\xea\x147\xf6\x15\xb5,+\x8e/\xe7\x9e_[\xd6a\xa8t\xfb\xe4\xf7A\x97w7\x82\x997\xcd\x0b\x97\xd5\xd6\xfe&lt;\xb0\xde\xdd\x01\x9c\xdf\xbdRv8\x00N\x96_\xf4`\xa2W\x05\xd7\xe7$\xfc\xe4\xa2\x94v\xe7\x0c\xeb\xd2\xaer&gt;)Mk2\xb9_\xcbK\xfb\xbf1^O\x9bJ\xb9\xa7\xbf\xdbv\xe9\xf8~\x91D\xccO\x0e\x84\xd6\x8a\x08\x00\x96r\xdc\x91\xbe\xeb\x16\xbaI\xac\x1b\x9e\xa5\x023\xabI\xa2\xb9u\xe1x\xfb\x1f\x0b\xd7/\x94\xae}\xd5\xfc\x8f/\xed\x17X\xe7\xa1\r\xf3\\\xa7\x02\xc5,\xc8\xf1\x04\x10\xdatOw\xb2\x183\x1f\xf5\xc9\x9c\xc1wO\xf1\xbd\xb3R\xe21\x89\xbe\x81.\x93\xfb\xbe\xb5\xe6\x93!&amp;\x85d7\xee\xb7\xe8\xd7\x9d_\xce\xfb\xb0\x9b\xeb\xf1\xce\xe5S\xbe_\xf4\xb1\xec\xd0\x00\xe4\x19\xdf\xb3\xa9\xec\x10L\xc4\xcc\xaeL\xa2^O\xca\x88\xc5\\/\xdb\xef\xdfeeR&lt;M\xc6tmHD\xcc\xfc\xf0\xf7=\xd7\x8eX\x94\xcb\x04\xc0\x16\xea\x17Jg\xb7=\x85\x0e\'\xb7.\xf6&lt;\xe6\xf5\xca\xfeV1\xf2%\xe5\xcdC\xe0\x1d\xf0uz\xfb2\xd9!\xc4\xb2\xeeS\xef\x95d\x12\xc6&lt;\x18\xd7\xad\xb1\xc5\xc1\x00\x00\x11Q\xa77\n3s\xa4\xe1z\xf8\xf1\x05\xdf\xab+.e\xd3\xc57{\xeaMr"\xe6{Av\xf3\x81i\x9d\x0e\x16\x08Rb\xa8\xe4\x95\'\xdc\xfa\xc4\x9c}\x1a\x95\xb3\xbaI\x00[\xb1re\x8c\x9d\xcb\xa6\x88Z\xd8O\x99\xf2*\xca\n\xbe\xfb\xe2#\xb1\x91hU/\x7fj\xeb\x1bMM\x94\x80\xc8\xe7\xaa\x98\xb9\x16\x8ey\xa7\xae\xea\x7f\xecG=\x9a\x84\xe4\xf9\x19\x80\xed\x0c\x7f\xbb\xb6\x8e\xad\x14\x96Cq[6a\x80\xef\xcf\x98\xaf\x1d\xd6\xd1\x9cw%\xb1\xabe\xe6\xb9\xc3\xbb\x1a\xaf\x07\xec\x80\x99\xa7\xf6o\x85\x8f\x06@\xbc\x1c\xf1)*\xaeu;\xbe\xdf\x7fZm\xc6m@\xaf\xc5C"=\xd2\'\x18\xcf"\xd7\xbct6\x95%\xc5gX5\xcd\x87\x1d\xea\xca\x0eA&gt;\xbb\xde\x90\x06\xb0Pj\xc5#\xdf\xab\x87\xbf\rZ\x83\xa6\xc1\xef\xd6\x8c\xb1\x13~\xbfAa9\x01\xa7\x8c\x7f\x95\xa2lZ\xb1\x19}D\xba\xb4\xff\x1bQ\xcb\xcd\x03\x848\xc7\x9d\x83\xaf\xfbt\x98\xd6MVL\x1chF$ \x85\xc2p\x80DD\xcc|\xef\xecN\xeb\xa2\x01\xb0\xa7\xd0^ [S\xbf\xd5\xbej\x01#m\x9d\xfda\x85k8\xb9Cy\xa5\x84\xb3gZ\x8eO\xdem\xeb\xf5L\xbf&amp;\x15d\x04\x02\x10\x12\x9cuh\xdf\xb0H\x06M\xe5\x99\xb9B\xc6\xff\x99\x14\x8c\xafc\x9b\x17d\xb7\xf18\xd0\xf4*F\xfb\xb4\xd2\xb5F\x8ae\xdf"\xdf\x15n\nEX\xd32\x80s0\xb3\xd7\xad\xd1@"\x886\xcf\x1f\xcb|\xc7\x8c0"ETbd\xe7\xc2\xcc\x9529\xe8\xee\xac\xb9\xd2\x04/b;^\tm{E\x97\x96\x13\x07@\x08\xfb\xef\xe2\xbe@/1\xff\xc3|\xcb\xca`|\x020tGW}F\xed\x06\x85\xd3gt7z\xed\x88\xee\x16\x8d\xc8\xab{&amp;[`%S\xc6y\x8d(o"\xfatP{\xaf\x97\xfc\x9e\xaf\xa8\x19\xd4\xebK\xe5gt|\xf3B5\xc5\xdc}\x95\x8e\x8f\xde\xfd\x85\x99\xda\xbf\x95\xd6m\x01\xc2H\xfdB\xaa\x96\xb1b\xe6No\x146)\x06G\\\x83\xca\x9d\x90\x92\xc9\x8eA\xb7@\xef\xb0\xebr\x90\xbae\x83\x83{\xablvU\xc1\xfc\xf7\x87\xfb\xb1\xc2\xd5\xb2\xafg\x0c}V^\xcb\xd7#2\xe6\xc1\xf8\x9eo\xfa-\x10\x15\x97\x8aa\x15x\x00\x1d\xf2*\xae\x84\xee\xe5\xdf\xdf\x7f2-\x101\xf6\xaf\x9b\xad\xbep\xa5LZ\xfe\xf1N\xc0\xcc\xf2\x96\x0b\nn\xe7\xf2)\x1f\xb6\xafCD\xcc|\xf2\xbbE\xbe\x05\xfa6*\xef\xd57,\x9b\xd0_ws\xa2zA\x80\x10\xe7\x9b\xce\xe1\xf8\x96\x85\x0f\xff\xd8\x13t\xc3@3\x00\x8c\x9c\x01\xf4nXVM\xb1#\x1b\xe7\xc7n\xf1\xe1\xeb\x99\x13\x07\xdd\xaa\\\xfa\x84A\xcb(8\xbca\x9e\xd8\x814\xddj\x17\x17X\xdb\x93\xcb\x07Z\xa8;f\xb7\x92\xfb\xcb\x90\x90\xa8\x90\x85\xe3\x90\xaaf{\x85\x88$$\xe2\x00P/c\xf0"\x9a\xb5\xaf\x9a_Sy\xbeu\xc2\xef\xf3\xba\xaf\x90\xe8^\x9b[\xfd\x14#\xf7ne\xf7\x8aiD\xc47\x8f\xa9\xd9\xea\xda\xe1\x8d\xa5S\xab\x1a\xd3\x93\xe3E:\xf2\xed|\xaf\'\xc7vk\xa4:@\xb5\xf4]\x9d\x0f$\xb7\xde\x0e\xce\xf56\x1a\x94\x96\xa8l:\xc9\xd3\xc4\xbc\x06J\x9c\xda\xb6TV$\x00r0\xdf\x93\x1d\x82N\xae\x03D5\x9d\xa2\xbe\x93\x8cK\xfb\xd7\xf9\xdd\xd07met\xc1\xb4V\x0e65N\xe1\r\xe1\xdb\'\x98Yyvw\x83Bb\x96&gt;{\xb3TV\xf7\xe3\xe9\x03\xdb\x08\xa9S\x13\xe6\xeb\xfc\xe8w\xeb\xdb\x05\x00\xff\x14\xc6#\x052\xb9\xef[fD\x12\x94\xe7\xfdL\xad\xe2\x135)nMvTo\x19}:\x80\xa6%2{\x95af\xad\xf7J\x1b\x17\x8b\xe4\'\x97t\xc4S$)\x11\xd1\xc21\xefh\xda\x8a\x99\x99o\xa8/_\xaf@\x1aG\x0c7\x00\x90c\xf9\x84\x01\xc2\xeb|\x85\xe8\xc0:m\x8bn#E\x97X\xab\xa6\r\xf2zF\xe5\x04\x11\xad\x98\xf9\xed*\xda.\'\xba\xf8.\xd0\xe6\x97\xe7(\xa3\xbdk&gt;U_\xff\xe8\xce\r\x88\xa8f\xee\xe4\xe8\x00\x00l\xcas\xed\xaa^\xf5K\xab\x1f\xbc\xaf\xc0u\xfd^\xeb\xcf\xbeb\xa4\xda\x01?|\xdb\xff\xed\x10;+\x90\xc4\x94q\xb7\xcc\xf7\xb5V\xcb\xfc\x97\xf00\x14\xa8\x1c\xa5\n\x00\xc4\xcc\xe7v}\xa5\xb2\xb0\xf1!tA\xd7k\xd4*\xbf\xc7\x18\x1f\x95s\x1d\xcc\xf6^\x8b*\n\xaf\xea\xeb\xf0\xdem^\xd9\xeb\x99=\xabf(oR\xf0\x95\x80\x1d\xc0\x9ca]tE\xf1\x8c\x9a\x0e\x80\x99#\x0cW\x02\x00\x9a\xe5\xd1\xb2\x8fu\xcd\xa5|ry?i\x19l#\x103kK\xfac{\xcc\xbc}\xc9\xc4@\xaf\xae\x9d9\xd4\x82}\xdf\x17\xa3zv\xaeQ$PCgv,7;\x00"\x9a\xf7a7\x0bZ\xd1\x01\xf3\xc3\x00\x02\xf2\xcaz\xbfi\xde\x18S\x9bc~l\xb7\x83A#\xf1$\xd1\xb89\xf35\xddm\xb9\xb9\x87\xd1{\xde_m\xe61\xf0\xc6K\x9f\x86Jk\xe4\x9a\xd1\x1f{\xbd\'o\xe4\x9095m\\\xb7Fv\xfb\xca\x01\x10\x11%\x97\x1d\x80_\xaf\xa8(\xa3;\xe5z\x02\xfb]\r0\x98\x93N\xfd\xe6R\xc6\xabd\x91\xf4\x86\xd7/\x98\x8e\x88\xf8\xc6Q\xcf\xb7(\x8f\xb1!\xb5V\xaet\r`\xba\xa2\xc9\xa8f.\xa3g\xa8\xe6\xfd\xbc\x15\xa6\x80\xbd]9\x9f\xee\xcdg\xfad.s\x93\x92\xaa\xfe\xe8\xa6/to\x1b\xa1}\x13\xd7}\x111\xe3\xed\xfda\xe65\x9f\x0cq\xff\xb9`t/f\xfei\xe5\'^\xc5\x0e~3\'\xa7\xa0\x8b\x80^\xeb\r\xb8\xf5\x8c.\xc5\xcc+&amp;\xbd\xeb&gt;;a\xe6\x1a\x8a_x!c\x04\xfc2c,\x1c\x80Q\x86\x92\x12\x10\x91\xfd\x0e\xa8\xdd*gI\xec\xf7\xdc\xdf\xc8xP5K\xdb?8\xff\xa3\x81\x16\x1c\xcf\xeb\xfb\xa0/\xe5j\x11c\xd7l2\x131\xf3\xa6\xcf\xfd\\N&lt;\xba\x9d\xc0\x9f\x1a\x00\x00 \x00IDATq\xfe\x86\xd9#\x947O*tj4\xce\x1b \xac\x15Mf\xe9P\xb9\xday\xed\xb5\x98n\xa4\xec\x00\xe4\xee~\x92\xe9\x9aO\xa7r\x08\xbf\x97i\x03Z\x13Q\x9bJy\x98y\xdb\xe2\t\n%\x99\xf9\xe8F\xef\x1c\x1b\x9e\xf2\x19^\xeb\x81\x99;V/\xe4\xfe\xb3\x92\xeaA\xc0\x00\xa0_\xe5,A\xd2\xb1Y\xb9Cd\xe6K\xfb\xbfa~`a\x9bVP\xb8{\xc47\x8f\x1b\xaf\x7fJ\xbf\x96Z7\xe9P\xb5@\xb1\xe44\xb9_Kf\x0e:\x15\xc0u^"p\xc2\xb4\xef\x89\xce\x17\xa3z\xda\xf6\xe4\x18\xc0,\xce\xcdn\x0f\xea1?\r\xf4\xd2\xe0Vo\xe8\xabs\xc0\x9b\x95\xf4\x86\xf3&lt;\xe7\xc4\xa3?\xf62s\xab\xf29\xfd\x16s\xed\x91\xd9\x83\xee\x16\xbd\xc4#:\xbca\x9e\xe73\xc5\x93\xdb\xf7\xea(\x806\x7f\x9d\xdan\xbc\x12\x95\xa9\x02\xa2\xe2\x19]\xab\xcb\x11\xca\xa6\xb5b"\xc4\xf1-\x0b/\xef\xffFx\xb5:R\xfa\xa8\xa9S\xf7\x87\xee\x9e\xb9\xb6e\xfe8\xa5\x84t&gt;Hq\xf5\x18\x05!\xff\xfd\x04\x90\xa9\xb8\xf9cTg\xbc\xd7\xce\xf46\x82\xe9\xdf\xb4\xa2y\x953\xb3\x95\xf9\xec\xb4\x8e\xb1\xf4\xca\x17\xcb|Sw\xd33\xde\x7f\xdb\xf3\xe8\xde\xf5\xa4o\x06\xa1\x14\xcf\n\\sw\x00\xc1WoP\x81\x99\x7fX:YDM\x00N\x93Q\xc6}\xd7K\x1eG\xb5j\xe6\r\xf8\xa50\x1e\xd4\xaf"I\xa9h\xb8^\xe1R8\xe0U\xbe\x9b\xaa\\\xa7\xf2\xf5\xa2:\x1e\xdf+w\x00\xeb&gt;\x1d\xeeU\xacw\xc3r\xee\xfd\xbe\xe7\xa1\xbdo\xcc\xee3P\xe1\x97\x80\x16\x8c\xee\x15\xe8%\'\xa5\xf3\x060\x95W\xf6\x9c6\x15sK\t\x83\x99\x13\x983\x075h\xbb\x952\x19\x1e_\x12\x9bk\xcd)\xb7\x02\x81\xefq\xcf\x1a\xd2Ql\xd3.\xee\x85\x13v\xad\x98\xaaiC\x81\xcb%\xbaO\x17}\xae\xf1\\\xf5[\xfe\xfc\xee\x95\xcc\xcc\xd7\x0e\xfb\xbe\xc4|\xeb\xc6\xb1-\xe2B\x933\xb9\x04\xc0.\x06\xbc\xf9z\xa0\x97\x14\x0e\xc1L\xca-LD\x952%\x92u\x8f\x81\x99%\x1e\x0f\x9a\xf4O\xae\x97\xdf\xac\x15\x0f5%\xdbs\x8d\xfb\x8c\xbd\xf7W\x1a\x0b\xa4\xe3\xdd\xe0\xbfOk\xdd\x84\x88z\xd6+\xa5c+\x00K\x156\xed@%R\xef\x86O\xff&lt; 0\x0cO+\xa7\xbc/vo\xd8\xbfiE5\x152s*\x81\xad\xaa\xe3u\x8a \x96\xe7\xdd`\xe53\xaa\xb7\xca\xe5\xd0\xddJz\xa2Ec{\xab\x99\xc1\xe7{\x8f\xd7$\xb8\t\x0c!\xc5\xbc/\xb4\xeeI\xf0\xcc\xcc7T\xad\xb2+]\xa3\xa2\x19Gv\x8c\x96\x1d\xc53^\xc3\xdb\x1b\x17\x8b4\xaf-f\x8e \xea\x19]\x8a\x14\xf3\xc1\x91\xb1A&gt;\xea7|ri\xbf\xa6\x0e\xa0L\x1a,\x14\x04\xe0d\xddj\x17\x97\x1b@\x94\xefb\xbeaC\xfd\xae\xd9`\x07P(\xc2\xf5\xe0\x8a\xfa\xb6\x8267wx\x17\x1c\xc8\x03\xd8\x8b\xd6\xdf$3\xbb/\x16\x7f1\xaag\xa0bkg\x0e3\x10T\x10\xd9\x04\xde\xd0t\xb8@Yt\xd4w\x00u\xf3\x05\xbcN\xa6~\xb9c\xe6\x7f&lt;o\x060\xf3\xd2\xf1\xfd\xb0\xbb\x07\x085\xcc\x8f\xc7vm\x14\xf3Xa\x12\xd0?\xf7\xce\xeed\xbe\xc1\xcc\xb5\xf2\x98\x97\xf6Q\xbe\xa1mkY\xd6\xd6\x83\xdf~\xe4\x7f\xcf\xfb&gt;\xffq\xaf7\x99\xefx=\xa9r\xff+p7\xdd\xb2\\\x8e\xf6U\xf2\xf3\xddS\xcc\xfc\xf0\x8f=\n)\xde\xd07\x008\xde\xd2\x8f\xfb\x89\xad\xd0\xca\x89TN\x94Y\xcb\x94\xbd"I\x9f\xdd-0\xc9\xec\xa1\x9duo\x9bE`\x1c\x00\x8eSL\xc6\xcau\xae{\xbc\xd5\xa2"4oh\xd5\xf1\x9aI\r=\x9b\xa9\xf4\xe0\x9c\xfb\x19\x95{Q\xe6\xbbf\xc4c\x01\xb3\x87\xc0v\xa8V\xd0\xbcoE\xfdB\xe9\xa2\xf4\xa5\x8c\x00\x80@\x1e]\xd8\xabo\xc3\xd0\xc8\xaf\xb9t\xbc\xe0\xf3\x15;c\xe6\xa7\x97\xb5\x8d\xeb5{}Pe\xae\xee$Bb\x04\x00\x16x\xff\xadj\xfa6l\\4R\xcda\xd1\xbb\xcd\xab\xe8\xab\xdfza\xb5G\xb6\x1e3\xb7(\x13%;\nU\x98\x99\xf9\xb2\xec(\x00@\x0b\x85A\xdd\x1f\xf5h\xc2\xcc\x91\x8a\x9b\xef_\xfb\x99e\x17\x97&gt;h\xe3\x7f!\xc3@0\xce\xc8T\xaey\xe7\xef\xc5\x1c\xac0\xf3\xf8\x1eM\x03\x15\xce\xeboq\x974D\xb9\x91\xf7\x07\xc0l\xf1\x03\x0f\xbdW\xd8}?\xbe\xf8\xf3\xb8\xee\x8d]\x8f\xfb4,\xa7i\xf3O\xdem\xeb\xf7y5\xb9$g\r\xee\xa0\xa2Tp\xce\x1d\xa6\x12\xe1\xef\xc92i\xed8\x03kz\x80\x0f\xda\x8bs?\x0b\x001\xecy\xb5\xc4\xe0/\xd3\xefQ\xf6\xf8\x1eM\x99Y\xf7"\xb1\x1f\xb6\xaf\x9b\xdb\xf8\xca\xcb\x820\xf3\x1c\x03Cet7\xca\xfc\xd4k%^\xbb\xedC[W\xcc\x15\xe8\xa5,q\xa8S\xf5B\x1b\xe7\x8e\xf6;\xe0\xd5S\xb8\xe6\x8a\x85\x90\xc3\xccc\xbb5\nZ\xec\xe2\xcf\xeb\x847\xdd\xbbAY\xdd\xdb\xdam\xb7BD\x9b&gt;\x1f\xd3\xc2\xdf\x92\xc8\xad\xca\xe7\xe4\x00Y\x8bM\xb5w\xf5L\xcf?\xf9\xa6\x9cd\x1b\xa5R\xeb\x9f?\xad*\xed\xd2\xc3\xdf\xf6\xad\x99EDe\xd3\xc6W\x99\xa6I\xf9\xd5:\x81\xa7\xa7\x01\x84\x9aS\xdb\x96*\x17x)\xf0\x85\x14\x89\x14\x92!\xab\xd1\xa2L\x143+\xe7\xb4\xd1A\xd3\xe5\xfb\x9e\xd1\xa5\xd2\x18nQ}\'\xaar\x05\xc7\xdb\'\xb7\x1a\x08G\xbcz\x05\x82\xbcI\xfc\xe4\xa2\xf1\x9e\xf5\xfe\xf9\x1f\x83\x96\xe1;\'\r\xb6\x02\x00\x01\xc5\x91\x1d\x80q\x952\xf9\xbbi\x18\x98\xc1=\xd7\xea\xe9C&lt;\xabZ\xff\xd9\x08\x85\xe6\xf9\xaf_\x1e_\xfa\xd9Hs\xd6\x8b.\x98\xb6k\xadb\xbe\xcf{\xbdoBN\xad\x82\xa6\xa4\x9e?\xa2\xbb\xf1V\x00\xc0\x8f\xe6\xa5\xb3i*\xffQ\x8f&amp;F\x9a\xd31\xd9\xa7FN\xff\x17~w\xad\x98&amp;\xebz\xd4o?\xaer=P\x93\x13\xed\xafS\xdb\xf9\xd1\xef\x96\xc4%L\xa0\x95"\xbc\x0643s\xfd\x82\xba\xef\xdd\x00\x80\x08\x81v\x91\n\xdc\xfb\xacFE3*\x97\x14\xabv\x9e\x94F\xaeM{Q\x7fq\xe0\xda\xe1\x8d\xd9M\x18\x14\xc3\xcc\xdf\xce\x1d%\xbe^\x19&gt;y\xaf\x9d\xfb[\xf1\xfb\x9e5\xd64\xfa\xed\x9cQDT"\x05\x11\xd1\x84w\x9a1?\xb6\xa6]\x80\xd0\xa1g\xe9%\xe6}k&gt;\xcdL\x94C\xd2X\xc1\x9a\xb9\xcd_\x93\x9e\x88\x88\x9a\x97\x89\xa2\xc0\x87\xb4!\xa9dJ\x9dS\x1a\xd4\xa7\x02\x05\x00\xbb\xd0\xd1\x01,\x1c\xfb\x8e\xeb\xda\xc5\xeai\x83\xcd\x08\x89\x88\xf8\xcaA\x93j\xf6\xa4\xe6\xda\x7f\xfe\xc4\x943\xacz\x00\x00\xb0\xb3\x8cD\x83Z\xea\xcc\x0f\xa1FKu\xab\x03z]\x91\x7f\xa7~\x19Q\x01l\x98=\x82\x99k\x99s\x98?\xb9\xef[\xd5\xa2\x1c\xb0\x12x\xe5,j\xe6\xb1Y\xc4\x86\xe3w\xdd&amp;\xf6nND\xca+\x0c\x03\x84/k\x12\x896)\x9e)\xbd\xa0\xaaR\x111\xb3k7\xad\xe9\x06E\\\x15\xbb*W\xce\t\x03\xd1\x11\x11\xf1\xbd3Z7q\r{\x0fX!\xf3\xaa\xa9\x83B#\xe9qZ"\xe6[\xd6\xb4\xc5|\x93\x99;\xbdQ\xc8\xce]\x14\x80M-\x1a\xdb[v\x08\xfe1\xf3\xf4\x81m^%jS)\x8f\xcaM*eJ\x943&gt;]=\xbcQM\xe1\x1c\xf1\r\x04\xa78\x0f#\xa9\xae\n\x9f\\&gt;0\xb8Uu\x8b\x13\n\xb9\xc7P2\xdf\x12\xbb\x03\xf5\xcc\xa4\x1d\xd3\xc4\xf3\xfa\x05N\xbdv\x0f\xa3B\x07\x00\xa1\xe9e3+\xf7\x1d\x9a=\xe1\x9df\xd9-L\xad~r\xebbQU1\xf3KJ\xaf\xde\t\xf4R\x95\xacA\xe6\xa7\x95H\x19\x87\x88j\xe7M\xa9&amp;\x0c;\xe6\xd0\t\x86\xf9\xe6\xed\x93\xdf{&gt;\xf3\xdf\xc5}\xee\xc7\xbbVL\xdd\xb3j\x86\xfa\xda\x92\x13m\xfe|\xec\xf4\x81m\xfc\xbe\xda\xa3nI#\xeb\x0f\x07\x82\x0e\x00\x80\x88(:f\x12f\x1a\xa2r\xe95\xdf\xbelX8\x83\xe8\x88\x9eIO\xf4\x12Q\xa77\n{&gt;Y!c\xac\x9d\xb6\x9a]\x033G\xfb\x9bh\xaa{\x17P\xdb\xf6+Pj\xda\xff\xfaR\x93\xe4\xd9\xf5Equq\xc9\x88\xf8\xc9E\xf7K\xcc\\3\x97\x86\xfb1\xcc|~\xf7J\xd2\xb2\xc6$3{\x1ev\xb4\xab\x9c\xaf\xe0+\xea\x1b\x04\x08Ef\xed\x89\xed\xadXr\x9a3\xac\xcb\xb9]_i\xdd\xb0c\xf5\x82D\xc4\xfc\x90\x88^\xf1w\x95\xc6\xeb \xd7A\x0c\x1e\xde\x8e\xef\x190s\xb2\xca\xd65\x05\x90U\xe3\xec\xf0\xac/\xc4\x9a\x8c\xdd\xbaB.\xcf\x16\x0bz\x9c\x9ei\xed\x14^\xc5\x99\x018N\x9e\x98c\xe2^\xd1\xa5\x8d\xd4\xe3{\xa5\x95\x99\xbf\x9e\xf1\x81oIf\xfe\xe7\xdcn#m\xd9\x87\xeb\x07\xdf\xaer^\xe6\xbf\xbd^\xda8w\xb4\x8c\x88\x022\xb8o\xb2r\xddM\x85\xb6\xccZ\x95\xf3\xfaQ\x07-U\x04`\xae\xad\x0b\xc6\x9bW93\x1b\xcf\x1b\xeaw\x15\x0e\xad\xce\xef^\xe9u\xf8\xb8j\xda \xe3\xc9\xd7,\xce\xf7\xdc\xb0\x88\xaa\x937\x07\x1d\x9c\xfe\xba\xf3\xcb\x8a\x91\nwX\x9c\xed\xf3\x11\xddu,|\r`\x16\xdf\xbb\xb0\xff]41#\xd8\xcf_\xcf\xfaj\xca\xfb\xe6\xd5\x1f\x94r&amp;_f&gt;\xba\xe9\x0b5\xf5\xc4U\\\x96\xbdi\x89\xcc^\xcfX\x7f\xc3\xf6\xee\xe9\x1d\x07\xd7\xcfe\xbeoy\xcbz\xe4Q\xb7\xcf\xbfql\x8b\xc9\x81\x88al\xe4\x17\x80U\x94\xf3S~1\xaa\xa75a\xf4\xacWJ\xe1U\xbe\xef=\xd4\xcf\x88V\x15\x02\xae\xf8a\x06\xbe\xf3\x8b\x95\xcd\xb9x\xadH\x184\xa7\xb7@\x9b\xe7\x8f5\xb5\xfeQ\x9d\xea\x13\x91\xc0s\x84\x0b{\xbf\x16r\x86\x14]\x00\xf9\xe6 \x84\xfc\xf8\xd5t\xe1\xa3\xe8Vi\xcf\xe80\xa9O\x0b\x81\x01\x84\'5\xe3\x9d.\xec\xfdZH[\xeey\xda\xc6Vd\x08\x88o\x1d\x17\\!\xf3\xb5#\x9b\xc4\xd6\t`wj~\x9f\xcdKgS\x1e\x91\x9eT\xe3\xf5\xe5\x9d\xcb\xa7\xa8/\xac&amp;\x89q\xd0\x1atok\x99\x02I\x9e\xad!.q!\xf1\x03\xebf\xaby\xaf:\xd7(b\xe4-\xad\x9a-Ba\x18lB\xa2\xfc*rR\xf8\x06\xd0\xbdNq\x1d\xc1T\xcf\xee\'K\x87\xa9\x89O\x00B\x10\xf3\xbfZ\n\xfb\xdf}\x0cm[\xcb\xeb\x99\xbe\x8d\xcak\xea\x00&gt;\xea\xd1\xc4w4\x8e\x8b\xbeq\xde\xaeE\xc1|\xc75\xd65aE@\xd7\xbf\xb1\xb0\xcf\x1e\xe9\xd8\xa6\x05\xc2\xdb2\xa2h2r\xc7\xd8\xb8X\xa4\xdf2/;\xa4\xdf\x95\x02\xef\x0c\x84\xaf\xb7\xab\xe4g\xbe{f\xc7r5\x85\xd9\x83+K\xcf\x07mj\x04-\x7f\xf9\xc0z\x11\x91&gt;\xaf\xd3\xf3\xcf\xdb\'\xbf\xe7\xc7\x17\x04\xd6\xef\xf2\xfd\xc2\xf1\xae\x86Z\x95\xcf)\xbcr"Z\xf7\xe9\xf0-\xf3\xc7\t\xafv\xc5\xa4\x81\n\xafJ&lt;\x9bQ\x10\xe8t\xf6\xe6\xf1\xef\x88\xa8I1d\x99\x060\x93\xfa#z\x8e\xe5\xe6\xe2\x8f\xfa(\xec|\x17\x8d\xed\xed{\xba\xa0\xf5hk\xe1\x98w\x94\x0b\x94H\xe1=\xef(\x97\xbaQ\x9f\xeeH\xfc\x86dF\xba\x02/\x8f.\xec\x15^\xa7\x9aI\xbfb-\x19\xdf\x97\x99/\xee[\x1b\xb4d\xec\xaf\xc1\rf\xf6\x1d\x97\xe5%\x0e\xd1\xe7\x01\xd6tL\xa9.\x9b7\xe1\x00\x1f@YF\r\xb3\xf6\x1f\xc5\xea\x02\xae\x1fU,\xfc\x9ck\xc0e\x8b\xb2\xd9\xb5\xc6\xa6~\x0cG\xbc\x98Fw\xad\x98\xaa\xa9\x89b\xfe\xd2\x1c\x8c\xec\x14\xad\xa9\x12\x1d4\xaf\xc4fK\x1d\xaa\x15p=\xe8\xd3\xa8\xbcr\xc9\xa5\x1f\xf7\xf7\xfc\x93\x99\xc7vk\xe4[,\x13\xd1\x8e%\x93\x8c\x844\x7fd\x8f\x85c\x83\x1c7\x00</t>
        </is>
      </c>
      <c r="E366" t="inlineStr">
        <is>
          <t>&lt;class 'numpy.ndarray'&gt;</t>
        </is>
      </c>
    </row>
    <row r="367">
      <c r="A367" s="1" t="n">
        <v>365</v>
      </c>
      <c r="B367" t="inlineStr">
        <is>
          <t>steps_per_sec</t>
        </is>
      </c>
      <c r="C367" t="n">
        <v>5300</v>
      </c>
      <c r="D367" t="inlineStr">
        <is>
          <t>3.3510416</t>
        </is>
      </c>
      <c r="E367" t="inlineStr">
        <is>
          <t>&lt;class 'numpy.ndarray'&gt;</t>
        </is>
      </c>
    </row>
    <row r="368">
      <c r="A368" s="1" t="n">
        <v>366</v>
      </c>
      <c r="B368" t="inlineStr">
        <is>
          <t>Loss/object_center</t>
        </is>
      </c>
      <c r="C368" t="n">
        <v>5300</v>
      </c>
      <c r="D368" t="inlineStr">
        <is>
          <t>0.10695247</t>
        </is>
      </c>
      <c r="E368" t="inlineStr">
        <is>
          <t>&lt;class 'numpy.ndarray'&gt;</t>
        </is>
      </c>
    </row>
    <row r="369">
      <c r="A369" s="1" t="n">
        <v>367</v>
      </c>
      <c r="B369" t="inlineStr">
        <is>
          <t>Loss/box/scale</t>
        </is>
      </c>
      <c r="C369" t="n">
        <v>5300</v>
      </c>
      <c r="D369" t="inlineStr">
        <is>
          <t>0.06941866</t>
        </is>
      </c>
      <c r="E369" t="inlineStr">
        <is>
          <t>&lt;class 'numpy.ndarray'&gt;</t>
        </is>
      </c>
    </row>
    <row r="370">
      <c r="A370" s="1" t="n">
        <v>368</v>
      </c>
      <c r="B370" t="inlineStr">
        <is>
          <t>Loss/box/offset</t>
        </is>
      </c>
      <c r="C370" t="n">
        <v>5300</v>
      </c>
      <c r="D370" t="inlineStr">
        <is>
          <t>0.11614199</t>
        </is>
      </c>
      <c r="E370" t="inlineStr">
        <is>
          <t>&lt;class 'numpy.ndarray'&gt;</t>
        </is>
      </c>
    </row>
    <row r="371">
      <c r="A371" s="1" t="n">
        <v>369</v>
      </c>
      <c r="B371" t="inlineStr">
        <is>
          <t>Loss/total_loss</t>
        </is>
      </c>
      <c r="C371" t="n">
        <v>5300</v>
      </c>
      <c r="D371" t="inlineStr">
        <is>
          <t>0.29251313</t>
        </is>
      </c>
      <c r="E371" t="inlineStr">
        <is>
          <t>&lt;class 'numpy.ndarray'&gt;</t>
        </is>
      </c>
    </row>
    <row r="372">
      <c r="A372" s="1" t="n">
        <v>370</v>
      </c>
      <c r="B372" t="inlineStr">
        <is>
          <t>learning_rate</t>
        </is>
      </c>
      <c r="C372" t="n">
        <v>5300</v>
      </c>
      <c r="D372" t="inlineStr">
        <is>
          <t>0.001</t>
        </is>
      </c>
      <c r="E372" t="inlineStr">
        <is>
          <t>&lt;class 'numpy.ndarray'&gt;</t>
        </is>
      </c>
    </row>
    <row r="373">
      <c r="A373" s="1" t="n">
        <v>371</v>
      </c>
      <c r="B373" t="inlineStr">
        <is>
          <t>train_input_images</t>
        </is>
      </c>
      <c r="C373" t="n">
        <v>5300</v>
      </c>
      <c r="D373" t="inlineStr">
        <is>
          <t>[b'512' b'512'
 b'\x89PNG\r\n\x1a\n\x00\x00\x00\rIHDR\x00\x00\x02\x00\x00\x00\x02\x00\x08\x02\x00\x00\x00{\x1aC\xad\x00\x00 \x00IDATx\x9c\xec\x9de|\x14I\x13\xc6\x0bw\x08N\xd0\x00\t\x16\xdcI\xb0\xe0\x12\xdc-\x104\xb8\xbb\x07wwwwwwwww8\\\x9f\xf7Ce;\xbdc;\xbb\t\xf7\xdeq\xfb\xff\x90\xdffv\xa6\xa7w\xa4\xa5\xba\xea)"\'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fex\xaa\xe7v\x13\x9fs\xc6\xa1$:\xbb\x01\x00 \xfe\x8d@tb\xfdt\x83b\xf3\xc4W\x95\xf0\xf6\x8a\xf9Z\x89\xd3U\xc9\x91L&gt;\xaf1MKf\xcb\x10\xd9\xfcI\xcc\xd6A\xb1\xe5\xd5\xa5]\x8e\x15X#OJ\xfe\x907a\x98\x90V\x8e\xa8\xa5o.\xf9\xdf\t]\xea/\x1a\xde!\xe4\xc5\x86:\xb5\xbd\xdc\xd5\x1b#\x12\xb9\x85\xf6\x89&lt;\xc2\x05\x7f.\x9d.\x8e\xe6&gt;\x9eQhz\x9ff\xfc\xb9\x97_\xc9\xce5\n\x8b\xaf\xc2\x13\x11Q\xc7j\x05\x1d;\xbb\xfa)-\xee\x1e3st\xab-]j\xfa\xf0n\xde\x89\xc3k\x96\x00`\xd10\x1b7\xb1zn7\x837\x02\x16\xcem\x99s\xf3\xc0\n\xbd\x1d\xc4\xbf\xf3\x07\xb7U\xef\x13\x9ew{v\x0e\xaf/k\x1e\xde\xa4D\x16\xfe0\xa5G#\x83\xaa\xa6 \x020\xa1K}\xab\x12~&lt;08D\x0f\x00\xdf\xee\x1f7\xb9sT\xa2Ric\x13\xd1\xcaq=\x1c8\xd7\x7f\x8b\x94\xd2\xe7T\xfa\xbb\xa9[C\x9bO\xaa\x19\x86\xb4\xa8\xe2\xeb\x19\xdcW\xcc\xec\xd7\\&gt;\x1d\xf3\xe5\xeeQ\xe3Bz\xd4-\xd1\xa8h\xa6\x1ayR\xee^8\x12@\xbd\x02i\x1d\xae\x0f~=\xc2\xf7\xa0\x074st\x8d_\xdd\xb6\x92\x97\xdce\x9a\xa1L\xfax\xbe\x9e\t\x1c\xae\x92\x1em*\xe6\x0b\xf52\xffk\xcc\x1d\xd0J\xb1%\x9c\xa5)\xef\xe5W\xaaf\xbe\xd4\x9aGM\xef\xdd4\xb1j\xa3\xbaQV\x0cE\xa2\x13\xdd&gt;\xb4J\xbd\x9b\x18\x16|\xb9w\x0c@@\xe9\x1c\x8a\x1d&lt;\xc2R|\xcb\x1b\xd1\xacT\xf6\xda\xde\x1e\x00\x96\x8e\xec\xacY\xb7\x8e\xd5\nN\xeb\xd5\x84w\x9e\xd8\xcd_\xfe\x8a{#\x00\xc0\x0b\xcdc\xa3Iu\x06\xb0c\xee\xb0\xab{\x96h6\xf1\x1ea\xa9g\xbd\x92k\'\xf5\xc9\xee\xa2YR0\\\x13\x1f\xb7\xa8\xea\xaf\xf2H\xefD/\xbf\x92}\x1a\x94\xe1\xcf\x8d\x8bg\xb6Q\xa85-|s\xa5\x8f\xa8\xfd\xd5\xae\x05#\xec*\xea?AR\xa2+\xbb\x17\x87JQ\xaeDi4\x862\x1a\x84!\x8a\xa2\xdaxj\xe3\xccN\xd5\x0b\xdd&gt;\xb4J\x0c\xca\x04\t\xa5&gt;\xc0f\xe1\x01\xa5s\x00(\x956v\xb5\\)\x14_\xf5\xf2+)\xffk\xb3o\x00\x80\xcf\xb7\x89\xa8b\xd6\xc4\xde\xae\xe1\xf0\xfa\x92\xc9\xf9\xc7\xdc\x81\xad\x0f\xaf\x98(o\xa9\xed\xed\x11\x9b\x88\x88\xb2\xbbP\xb6Xf\xca\x08\x11i\xc2\xd9\xb8\x17\x06\x93\x8e\xcd3\x06\x12Q\xfe$\x11\x88\xa8T\xda\xd8\xbd\xeb\x97\xd2\xdc\xadPr\x07\xa7W\x9e\xd6\xc7e\x8a\xe6X1\xa1\x0f\x80")\xa3+6jN"\x01x\x84\xb5\xbb\xf0\xfdK\xc7\xe2\xafk\xe2\x11\x92\xe7(\n6L\xed\xa7\xd8\x92&gt;b\xd0xh\xed\xa4&gt;\xf8\xf9\x90\xdf\x85\xfe\x8d\xca\x01_\x8d\xdf\x8b")\xa3\x03\x8f\xfb7\xf2-\x996\xb6]\x15\xce\x16+\xe8\x11\xfa\xf9\xe8\x14\x00|\xbc\xa9y\x16W\xf1n\xbe\xb9\xac9\xbd\x931\xa8gr\xe9\xf3\xba\xc9}\x89()\x11\x11)\x9e\x8e*\xd9\x93\x99\xaa\xbd\x13&amp;\xad\xad\x169w&lt;\xa3\xbb\xf2w\xc2\xd5\x08G\xe4)u\x0e9\xa4\x876\x15Q)\x9d\xb9\xbcy\xe4\xc7\xa7g\xbd\x92Sz6\x1e\x1cPYs\xcfck\xa6\x00\xa8\x997\x15Y\x0c\x02\x82\x1eu\x8b\x87\xb0\x1a\x9a\xa4\xb3\x1e\xb9$!Jl=\'\xb3\x0b\x87\x1b\xd6\xb8A\xaf\xf4g\xbc\xb8\xb0u\xd6 7\xd5\x0ey\x13P\xad|\xa9\x15\x8fM\xf7:\xc5\x89\xa8M\x85|\xa4\xf5\x9e\xa7\xd6\xe9p\xf4\x1eO\xcdA\xe2\xa8v\xb5\x06\x05T\xb2U}\xbb\x91\x07@\x03\x9aTP|;\xba}m"\xf2J\x14\x96\x88\xc4H\xff\xd9\xd9\xad\xf6\xce,\x9b\x14\xcf\x02`\xdb\x9c!z;\x8cl[s\xc7\xdcaDT&gt;s\xa2\xdc\xf1(\x82\xf5\xb7\xd1\x88\x0e\xaf\x9c(\x86A\x0fOl\x00\x90\x92\xe8\xc2\xb6yl\x9f1&gt;;\x80\xd9\x81-\x15\x1b\x93\x10\x01p74@\xb6(\x9b+\xe8\x94\xaf.u\xab]T\xbd\xc3\xa7;\x87\x01\x1c_;\x95\xf4\xef\xa6\x1aW\xeb\x7f\xd3G\n\xfe\x9c\x8a\x08@m/\xf7=\x0bG\xc1\xda\xc4\xbae\xe6@\xcd\xc6\xea\xfe\xb1u\x8a-\x152\'2]\x97?\x17\x95\xe1]\x1b\x00.\xbf\xb5\x1e\xf63\xa6C\x9dr\x19\x13D#\xc2\xdb+6\x87\x15\xc6\x88\xd7;\x9d\xd6\xc4P~\x9e\xf89w\xec\xc19\xb1n\xda\xa8v\xb5l\xeeV9{R\xf9_\xf54(\x14\x19\xd3\xa1\x8e\xdeWYc\x06}\x98;\xb0\xb5\x03%\x03xxr\xe3\xb2Q]\xd4_\xcd\xec\x1b\xe0@\x81\xea\xf25G\xb5\xf5\n\xa6+\x99\xc6\xc5|9i#\xd8\xdeG\xbb\x02\xcf\xcf\xdb\xde\x07?\x15["Zz\x0b\xfdC\xd0\xbfQ9\xcd\xaff\xf4i6\xaam-\x00\xcb\xc7t\xc3\xb7{\xea\x1d\x8a\xa5\x8e\x01@\xfc\xa0\xd9\x81-\xf9\xfaL\xe8\xd2\x00\x80\xcd)\xa5O\x8a\xa8\x00\xdaW\xc9\xaf\xd8^7\x7f\x1a\x83\xa3Z\xfa\xe6J\x1f\x89\x00\xf4kXv\xc3\xd4~\xfd\x1a\x96%\xa25\x13{+*&amp;7\xdff\xc0\xbb\xab\x00\x14\x03/\xb9\xc3\x7fq~;\x00\xe0\xed\xdc\x81\xad\x1b\x17\xb32\x01\x15M\x15\xfd\xf2\xce\x85\xca\x02\xff\x19C\xd8\x7f\x1c=\xeb\x95\xb4\xbd\x93\xfe\x12\x99\x1e\xfa3\xd7Pcl\xc7\xba\x0b\x87\xb6?\xb0l\x9c\xd2\x88\x132\xa6\xf4ll\xf0\xed\x89\xf5\xd3\x076\xabh\xd7\xc3\x04&lt;\'\xa2\x94D\x00&amp;wo8\xc9\xda\xcc\xaa\xe6\xe8\xea\xc9\xe6\x0b\xff}D$*\xee\x1e\x8b\x88\xf0\xe6r\xf9L\t\xc5v\xe3\xe6@\xa6\x97_I\xf3\x17*\x86\x89}\x96\x8e\xec\xcc\x05\x02\xc0\x97;7\xf6/\x7fqa\x07\x115-\x91\xb5\xb8{\xcc\xc2)l\xf7\x95\xfb\x96\x8c!\xa25\x13z\x19\xef\x06`\x86\xca\xc6\x18t^\xbc;\xb3i\x96\xab\xfa;"\x1d\xab\xb2\xb2\x84\xe5c\xba\x9d\xdb2\xd7\xc4\xbe\xc1\xcc\x19\xd0*cT:\xb9~z\x02\xa2\xb0D-\xca\xe6"\x8b\x81^f\xf5\xf8\x9ez\'\x05\xbe\x989\x91I\x0b\xaa\xf6\x81\xef\xae\xca\xff:P\x88\xbd\xb4\xad\xe8\xa56\xe1\x12Q\x93\xe2Y\xccWcJ\x8fF\xa1\xe2a\xf1o\xa5\xa5o\xeePY\x9bu\x18\x9f\x14\x1a\x13y3l\x995\xa8{\xedb\x05\x93\xd91\xb40\x18\x1b\n+vT{z\xafR&amp;l\xa6\x0e\xbfT\xff@2E\x0b^\xf3\xf8\x9b\x815&amp;\x8fR\x98\x89:U+\xe4_$\xe3\xf8\xce~6\x074\xf2)\xbc]\xc3\x8b\x8d\xed+\x07\r\x90\xfd\x8bx\x9a\xad\xba\x04\x0f\xff\xd5\x8es\x81\x8d\xcb\x01p\xd3:\xa4^\xc1\xb4\xc03\xf1\xaf_\xc1tv\x9d\xf1o\xb3\xdf\x8a\xb3\x00\xd84}\x80\xba\x9e\xa5\xd2\xda7\x88l\xe9\x9b[\xb1ELb\x0e.\x1b\xef@\r\x19\x1e\x97\xac\x1c\xdb\xbdU\xb9\xdcYcR\xb7\xdaE]\xacwp\xb0=\xfawQ\xdc=\xe6\xedC\xab\x88(\x05\xd1\xaa\xf1J\xcf\xa7Qmm[*\xfeQ\xac\xd2\x19\xfb(\x10\xb6\x95K\xaa\x19\xa2X\xaf\x9b\xd4\xbd\xe1?\xad\xbd.\x9c\\cl\xeb\xf2\xb7W\x83\x88\xf0\xf4\x0c\x00\x1ew\xff&amp;\xc2\x13\xb5\xf4\xcd\x1d\x96\x08\xc0\x92\x91\x9d\x82O-\xb1|tW\x83\x12\xbc\x12\x85\xab\x92\xc3j\x190W&lt;\x02^\x13Q2\xa2:\xde\x1e\x9e&amp;\xccj\xf1,g\x94\xbdw\xe4\xb5\x16uc\xc6\xc3\x8b\x96\xbe\xb9\x9f\x9d\xdbFD\x9a\xe6&gt;M\xe7\x93\xd6\x15\xf2\xde?\xbe\xaeS\xb5B\xf2F\xb9=\xf5\xf7\t\xeelr\xc7\xb3]y\x05\x16c\x1e\xf5\xacW\xc2\xee\x83u\x10\xf7B\xe1\x05[\xc2#\xd6\x8e\xb9\xc3&gt;\xdd&gt;|x\xe5D\xbdcm\xd2\xber~\x83n\xfe\xe6\xc1\x95\x0e\x97LD[g\r\x060\xab_\xf3&gt;\rJ\x0fi^eH\x8b*!)\xed\xdf\xca\xa2\xe1\x1d\xf4\xac\xffIH\xb9\xb8\xf4\xff\xa5i\xc9l\xc6;\xa4$\xcamr)\xc3\x02\x80\x12\x1e.\x9a\xdb\xed+\xc8\x16GV\xe9\xdas\xb2\xc4 3.\x17\x91\x88:T-\xa0\xde\x9e/\xa1\x9d.&amp;\xd6\x00\x10\x03[\xbb\x8e\x02`\xc6\xc7"2\x91\xa2\x15&amp;;;\xad\xde\xf5Ke\x8d\x19\xec`c~\xf8\xcf\xfb&lt;:\xb5I\xdexb\xdd4{N\xee8\xeaq\xab\x8c\xdaeS\x8fU\xe3z$ \xca\x1a\xd3\x91gR\xef\x10\xbe2ES\xa9\x8cG\x16\xf4\x96\x1f\xd4\x9c\xda8sX\xabj\xba\x15\xf8rgf\xbf\xe6\xec 4\xaeS=\x11\xcd`\x863\x9bg\x13\x91\x8f[TqHNUg\x9b?qP\x135\xbe\xb3\x9ff!#\xda\xd4\xb8\xb4C9\xc83\xc9\xcd\x83\x1a\xc1\x10\xffi4\x1b\xa0\xbf\x01\xb6\xb4\x1a8u4*f\x9f\xff\xef\xa4\xee\rS\x11u\xab]\xf4\xe1\x89\rD4\xa9[C\xc5\x0ej\xbf\xbd\xfc\x89#\x88\xe5P\xc1\xcc~\xcd\xe7\x0el=\xb4eU\x9bgd\xafP\x87\x9b\xea\xdc\xf1hb\xd7\x06f^\x9e\xf0\xbf\xa7\xdb\x8e\'\x15+7\xc16W2\x88HL\x14\xea\x17N\x1f\xc2j\xa4\xb4\xc7\xc7\xf7\xc8\xaaI\x00x\x82\xcb\x84\'\xea\xeb_\xd6\xf8\xa8\xa9=\x1b\x1f_7\r@\xae\xb8!\xac,e\xd1m`\x83aC\x04\xf0*\xa4\'#\xa2\xff\xd3t\xd0\x0c\xfb\x97\x8e\x05\x00\xbc\x070\xab\x7f\x0b3\x87\xa8\xefr\xc5\xacVA\x14\x91,=\x9c\xf1DP\xb0lT\x97\x1b\xfb\x97\'%\xfat\xfb\xb0\xde&gt;\x9a\x8b:N\x82\xb07\xce\xc2.\xc4|\xbcB\x16Wy\x1c\xdf\xb6\xa2\x17~&lt;0\x1eO\xd5\xc8\x932\xa1\xc1\xd7:d\x8dI\r\x8bf\xd2\xfb66\xd1\xeb\xcb\xbb\xf93\x80\x1ds\x87\xcd\xe8\x1b0\xd1D{\xf7;\x88K\x14\x86\x08@\xbeD6:\x91\xe5\xa3\xbb6)\x91\xf5w\xd4\xa1\\\xa6\x84\xa5\xd3\xc5\xb12\xc0\x7f\xbc\xa5\xd8\xa7V\xbe\xd4\xfc\x92\xcb\x1b\xf1"\xc8O&amp;mx\x02P-W\n\x87\'X[f\x0e\x02\xf0\xfc\xfcv\x83}\x80g\xbc\x92\x1c\xc6\xd2\x88\xc8F\x98\xd7\x97w\x19;\x0b\x14H\x1a1S4\xaa\x997\xd5\xa6\xe9\x81\x9f\xee\xe8\xb6\x14\xd6g\xfchf7=Nm\x9c\x19\x92\xc3\xa5j\x04Q\xb7\x80r}\xbeR6\xbd8}mLzF\xf6\xae_\x9a?(V\xcb\xb8\xa7\xcf \xad\xcaq\xc5L\xfa\xbfY\x0e\xf9\xa1|\x90T+\xd8m+zE\'b\xefO=\xf7\x81\xae\xb5\x8axF\t\xbe8GVM\x1e\xd2\xa2J#\xfd\x17\xdf\x89.\x8e\x05\xf3\xa8\xa5\x1d\xd4\x18&lt;ny\x13\x84\xa9\xe3\xed\xa1\xf9\xd5\xa6\xe9\x038\xe0\xa5h\xaa\xe8-\xca\xe6\xaa\x98E\x1de\xe98\xc5R\xc7\x10\xde\xd0\xd2\xd33\x89\x9d\xfd\xcd\xb0`H\xbb\xd0\xaa\xcc\xa8v\xb5R[\x1c\xe7m\xa2\x0e\x1d\xb6\xd3\xf5\xce\x884\xe1\x82\xaf\x86\xdaY\x96\xb7\xb7\xab\xecM\xd2J\x9d\xcc\xb3\xb3[\xfd\n\xa6\xcbb\xc6\xd7\xc7\x9a\x14\xaa\xe5_^\xc8)\x90T\xc3\x9a\x0e|\xee\xd7\xd07\xa0t\xf6\xe0\xbd\xff\xbaV2Ml"\xea\xe5Wjx\xeb\xea\xe6\xcf\xeb\xe3\x16\xf5\xdc\xd6\xb9\xf6\xdb\xdb\xff?l\x9b3\x84]\xf5\xc5\xdc#\xc8\x0evr\xa3\xd8Gt\x05\xf3\x07\xb7\xdd&gt;w\xa8q\x81\x05\x92D\xd4\xb4\x91\x12\xd1\xc8\xb6\xb5\xcen\x9e\xad\xf9UT\xa2\xe5\xa3\xbb\xca\xc1\x04\x0fN\xac\x070\xaa\x9d\x91\xe7\xab\x82Z\xf9Rw\xafS\xfc\xe4\xfa\x19b\x0b\x00\xc5,\x9cm\xa7\xfeE2\xea\x15\xb2\x7f\xc9\xd8\x8cQ\xa5\'\xe7\xd7\xa3\x0c\x91uEk\x88\xa8g\xbd\x12\x7fC\xe8\xe5\x7f\x82\x08\xd2Z\xeb\xef \x01Q\xeb\xf2y\xf0\xe62\x11\rlZq\xfd\x94~\x0e\x8f+5Q4\xdf\x95\xb2%\x01\xd0\xd7\xbf\xec\xaa\x7f\xb6HH\xce\xb8D*\x07G\xc7DT\x14\x1d\xdd\xe8\xf6\xb5G\xb4\xa9AD\xc0_\x9aF\x98\x1f\x8fN\xda\xb4\xcf\x84$6O\xd1\x01l\x9d5H\xf3\\Sz6\x86\x8a\xa1-l\x9b\xe9\xf4\xcf\xfb\xdax\x87\xc1\x01\x95\xe4U\x1c\xbeJ\x0e\xd0\xbf\x91\xaf]\x8dO!\xc9)\x80\x9dm\xd6O\xe9g|H,ia`Z\xef\xa63\xfa43~k\x80\xa7\x9a\xdb\x13\x11\x01\xdf\x0c\\\x81\x97\x8c\xecta\xfb|\xe3\xca\x18\x03\xe0\xf3\x9d#\x8a\xeaU\xc8\xe2J\xd2x\x91\xbf\xbd\x15\xb2\xd5`\'\xc1\x1c[3U\xbd1$/\xed\xa0\x80J!Z\xa3\xd4ab\xd7\x06\x03\x9aT\x00\xc0\xebB%\xd3\xb8\xe8\xb5;\x00v\xcdW\xcaz\xa8\xa3\x01\xd5\xf8\xa4\x88\xaap\x96\xc8\x15\x97\x00\x9c\xdc0C\xef\x90\xdf\xc4\xd6Y\x83\xf8\x83ft\xa5&amp;\xeaK1\xa2\xb5\x8dVIaC\x8b\xa2U\x08\x00\xf6\xa0\x07P&gt;\x93r\xda\xc6\xebu&lt;\xce\xca\x19b\x03:\x93\xdd\x85J\xa6q\xe9]\xbfT\xe3\xe2Y\xd4\xcd:\x00|\xb9\xa38\xe4\xf5\xe5]\xea\xbd\xfa4(\x1d:\x15R\x91H\xdf\xef^\xc6xE\x81\xab\xc7\x8dx\xde\x04a\xb8\xce&amp;\xdf\xbb\xd5\x13z\xcd\x0el\xc9r~\xfd\x1b\x95KH4oP\x1b\x83\xfd\xe5\xa0\xbcy\x83\xda\xe8u\x00\x9a\xc3\xea\xb4\xe1\xe9\xdd\xb5\xbd\xc7\xd7N#\xc3Y;Yz\xeb\x9d\xf3\x87\x7f\xbes\xc4\x01{K\x86H\xf4\xd7\xf5}\\\x88\xb1\x18\xd6\xdd\xa3k\x1c\xee\x00\xd2E\xa0}K\xc6\xe0\xc5\xf9\xd0\x1d;\xfe\xcb\x88C\xe4\xed\x1a\x8e\x88F\xb5\xab\x85O\xc1V\xdd\x7f\xb2\x8eF\xc5\xac\x89\xfb7\xf2\x05 \xecKu\xbc=8\xc4\\\x81z\xf2n&lt;D\x15\xdc\xd8\xbf\x1c\xcf\xcfU\xca\xaa4+\xb1\x96\x96ccj5\xe6\xbd\x96b\x11\xfd\x8e\xaeT\x0f&lt;=3\xa0Iy\xf5v1}\x060\xa0\xa9\x95\x16\x02~=\x12\xd7V\xf6X\x0f!\x9b\xa6\x0f\xa8_(\xfd\xdaI\xbd5\xdb\xff\xf3[\xe7)k\xae\x85"\xac\x9a\x91\xbd*\xed\xe2\xf1\xe9\xcd\xf2\xbf7\x0f\xac\xb0O:G\x8b\xc3+\'q\xd4\xab\xc0\xccQ\x07\x96\x8ek\xe0\x93!*Q\xf5\xdcn\xb1\x89\xb6\xcd\x1eb\xaf\xee\x90y\x12\x05_[\x1b77\x12\xd1\xad\x83+y\xd7\x1b\xfb\x97+\x1e\xa4\x97\x17w\xaa\xdc)4\xe0\xc0\x05\x00\xf2J\xcc\x86\xa9\xfd\x92X\x06p\xc9\x89\xc6w\xf6\x83E\x82\xc5\x89\xe3\xb0\xfd\xe4\xc5\x85\xedv\xfb\x03\x12\x11Qd\xa2\xa2\xa9\xcc\x9au\x13IC\xcb\x90\xf8\x08\xfb\x15L\xa7~I\xbc\\M\x05o\xa9e\xbc4\x19\xd8\xb4\xa2\xc2\x89P\xf0\x9f\x1e2\x10Q\x90\xe2\xe9k\xb9\xa9\x12\xc1V\x8fOo6\x1f\'l\x92\xb2\x19\xe2i\xb6\xec\x9a\xcb\x1b;\xe7\r\xcf\xeeb\xd5\x13T\xcd!\x0b\x88\x11\xfe\xba\x8e\xd7\x97\xec\xad\x83\x195\x0e=\xbdL\x05\xeb&amp;\xf7!\xebx\x02VU\xba\xbag\x89\xc9G\x8bW2\x00\xecY4\x8a\x888\x14vZ\xef\xa6\x00XA\xcf\xfc#\x9a/QX3nH|%\x8b\xa4\x8cF:\xcb\x81\x8a\xb5:\xf9\x1e\x19;q\xe8\x9e\xf1\xf3\xed\xd6\xe5\xf3(6\x8a\xbb\xf0\xeb\xc9i6yM\xed\xd9\xf87)\x0e\xfc\'^\xf3F\xc52\xf3}\xe2\xc8\xf2\xdfJq\xf7\x98\xeb&amp;\xf5\x01\x90\xf1\x1f\x19f\x07\xa0|h(CE\':\xbcr\xd2\xd33[x\xa4\xa37&amp;\xfb|\xf7H\xc8\xcfED~\x05\xd3\x99\x9f\xae\x01P\xfb\xba\x01\xdf\x1d&gt;\xbbf\x14\xfe\xef@\xdd\xfa_\xdd\xb3D1\xe0\x1d\xdf\xd9o\xb5\xb4\xfe!\xf6t\x0f\xab,\x8a,mh\xa8c\xc6\r\xb7\xaeE\x1e\xce\xe6\x02\x83\x1e\xc2R\xa4h\xa4\x84\xf0\x9c\x88\xeb\xfcz\xef\x98\xc2H\xa2p\x9b.\x971\xc1\x9d\xc3\xabm\x9e\x91\xdd._\\0r\xc1\x92\x11\xd53/\xca\xb4xDG\x9bev\xadU\xa4~\xe1\x0cd\xe9\xed\x00\xe0\x8d\x1d\xf9B\xccS.c\x02;\xc3\x8a\xfe\xb5\x98\xd4\xa97\xb5\x93\t\xf4\xfc\xa3e\x97\xedPAS\xc8\xc5\x80L\xd1\xe8\xd7\x93\xd3!w\x00w!"\xa2S\x1bf\nw\xba\xa8DMJd\xcdd\xdd\xed\xc9\xc3\xa2\xa6%\xb3\xda{\x16\x00\x0b\x87\xb6\xe7\xcfl\xe0hl\x11?1`Z\xef\xa6\x8a-\x85\x92G\x16\x8dH\xde\x04aj\xe9h\xd9\xab\x99\xd2\xa3\xd1\xdd#k\xf8s\x86\xc8\xf4\xf9N\xe8\xf4gD\xa4\x18\xb03Z\x13\x80\xb7\xc6\xe5h6\x91V;\xd8\x93k\x88BO\xdb\xea\xe3\xedC\xfc\xa1G\xdd\x12D\xd4\xd7\xbfL(\x15\xac\x01\xf0\x86\xaf@\x1c\xa2\x8cA\x0e\x91_\x89(\x02\xd1\xca\xb1\xdd\xf1\xe2|\xabry\xba\xd5.\xda\xaa\\n\xb2\xa5\x7f\x90\x9c\x08\xa6\x17\'D\x1c/\xb7\xd7\x06t\xadY\x84\x88j\xe6M\x05\xbc\xc1\xafGz\xbbM\xee\xde\xe8\xfc\xd6y\xe7\xb7\xcd#\xa2\x19}\x03\xdaV\xf4\x02pc\xffrs\xd5\xb1\x9b\x7f\x8c\xf4\xf8?\x80\x0eU\n$\x0f\xf1\x15\x01`l\xfb\xc3\x97\xbb\x1d\xaa\x16\x10\x8d\x9aMd\xa7\xf8\x0f\xb7\x0e\x8a\xcf\x0b\x87\xb6\x17Mm\x95\x1c\xc9\x84\xb8y\xda\x08T!\xb3v\xa8\x07\xe7\x1e\x1a\xd7\xa9\x9e\xcd&amp;\xc3a\x9a\x95\xd2\x8ed\xe6\'\xd8\x01{\xb4\xa2\x9eGVMZ5\xbeg\xde\x04JA+\x00\xddk\x17Sn\x944,\xf1\xed\x9e(\xe7\xe0\xb2\xf1;\xe7\x0fw3]\x07\xf6\xc2\xac\x96+\x85\x99h8fB\x97\xfa6//\x80\x9f\x8fO7\x97\xc2e]\x89\xdaU\xf6V4\xff\xefo\x1e0.\xe7\xc6\xfe\xe5z\xe7b\x7f\x9bms\x86\xb4(\x9bS\xfd\xed\xf0\xd6\xd5c\xa8R\x92\x01\xb8\xb0M\xe9\xd9bo$\xb6f\xeb\xe9\x9d8\xfc\xd4^M\x88\xc8.I+\x93\xbc\xb9\xb2G(\xb9\xf2Z\xfa\xcaq\xdd\x83\xce\xeb\x1a\x9e,C{\x00z\x03^\x00\x7f]\xdf\x0f&lt;KN\xf4\xf5\xfeq\xb6_\xd9\xa4i\xc9l\\\xac\x19{\xeb\x89\xf5\xd3\x87\xb5\xaa\x86O\xb7D\x1e\x8e\xae\xb5\x8c\\\x1e\xe6\x0el=(\xa0\x12tl\x80\x9ah*\xa7:1B\xd3\xaf\xdef,\xa5@a\x1c\x00p}\xdf2\x83\xfdw-\x18\xe1X\xcb\xbbblw\x96\x9fe\x14\xfe\xf2S-\xba\x9e\xddj\x17\x05 \x8b\xa8\xc4#jQ6WlK\xa6=|\xbb\x8f\xef\xf7w[\x92\x01\xcd\x91\xb2&gt;\xa9\xdfL\x00"%\x93M\xc6t\xa8\xa3\xf6U\xe0\x10\xf9\xe5c\xbau\xacZ0\xb0\xb1\xc6\x8a\xabM\xf8r\xd9\x94\x9f\\&gt;\xa6\x9bA\xc8[\x08Ii\xa7\xe3\xa3w\xe2\xf0f:\x00\xb9{\x83e\xa1\x0f\xef\xae)\xfa\x00\xcdd\x00\xcc\x86\xa9\xfd\xcd?NUs&amp;\x17I\xe56\xcf\x18`)\xdeq\xcb\x98&amp;\x17\xb6\xcd\x1b\xd7\xa9\x9e\xe6Wc;\xd6%\x8b\x9b\xa3\x1a\xbc\xbc`P\xec\x9eE\xa3\xf0\xe5\x8e\xd0\xa73Ir\xc9_(\x1e\xd1\xb0\x96\xd5\xbc\x12i\xccp\xf0\xea"\x00\xd9FT\xdc=f\x03\x13\xe3\x95v\x95\xbcO\xae\x9f\x8e\xe7\x1a\xe9\x07\xcc\xc4\x06\x99\xa4mE/\xe3\x1d\xd4\xb9.\x16\x0f\xef\xa8\x97\x08\xcc\x89\x15\xea\xc71s4\x82\xad\xbc\x10\x06t\xacj6o\xaa]\xf6\xd9\xca\xd9\x93\xf6k\xe4+\xff\xab\xb7g\xeb\xf2y\x15\xc3:\x93\xf6\x0e\xb5\xe8\xee\xdf\x89\x9e;v\x0b\xdf\\i\xc3S\xd5\x9c\x1a\x06\x13U\t(\xe1\xa1\xe1e\xbedD\xa7q\x9d\xfc\xf4\x1aJ7Su\xb3:v\xe9(\xed\x8c\x83v\x11\x89h\xf3\x8c\x81#\xdb\xd6Tl\xcf\x97(\xac\xa2\x03(\xe1\xe1\xa2\x19\x04~q\xc7\x02\xde\xa1s\xf5\xc2\x8a\xaf\xbe\xde?f\xb3\x02\x00\x807\x8eU\xdef\xc9\xbf\xa3LX\xdc%\xd5\xe5\x87Q\xed\xcc\xcb$=\xeb\x96 i\x90g\xb0\xf6\x85w\xd7\xd4\x1b\x85\xa8g\xa7\xea\x85\xe4\xe4\xbd\xac\xf8\xbfg\xd1\xa8J\xd9\x92$Q\xcd\x90\x80\xc7d\xc9\xa5S=\xb7[\xe9\xf4\xc1\xf6V\x074\xa9\xcc#\x1a|\xcf(\x84\xb7W{\xd4-!_\x16\xd6\x1c\xe4`\x11\xbe\x8c\xbfU\xe8\xf0\x9f\x88M\x8d\x01\x01?m\xdc\x87\x9b\x19\xcd\x99D\x18\xc4\xc50\xa4\xb8\xbb\x19o\xb1 v/\x18)&gt;kN\\\xe4\xc9H\xbe\xd0\x16\xfenW\xc9\x9b?\xc0\x9cD\x9a\xbd\x18_\xe4\x01M*\x0c\x0e\xa8\xbcaj\x7fy\xa3f\xf6p{IE\xf4\xe4\xcc\x96\x9b\x07V\xe8e\xdaqSm\xd9&gt;g\x88\x81\xcaX\xa80\xb3_sE7pf\xd3,\xf1m/\xbf\x92j\xd50A\x85\xcc\xae\x8b\x87\xdbXiT\xb0{\xc1H\xf3\x03\x17\x81fzH\x07\xc8\x10\xd9*a\xe7\x933[\x88(kL\xabu\xbb{G\xd7\x8a4\xee{\x17\x8f\x16\xdb\x03\x9b\x94\'\xa2e\xa35\xb2\xf1\x84\x16\xde\xae\xe1\x1f\x9d\xda\xc4\xafj\x95\x1c\xc9\xee\x1eY\x13\x89(2Q\xb9L\xb6\xc5Y\xccO\xa0\rP\xa8\x90j\x82O\xb7\xc5\xd4\xbf@\xd2H\x9a\xc3\xa9\xf6\x95\xf3\xcb\x03\x8eXDSz4r\xc0U\xec_\x8cZ\x1d\xb7A\xe1\x0cj\xef\xce\xc1\xcd+\x0bgp\xc7D\n5\x99\xd6\xbb\xa9ZmMAR\x95\xab\xd9?\x84\x0c\xa1o\xb9\xb5\xc27\xa3n4\xcc\x96\x99\x83\x80g\xfb\x16\x8f\xc1\xd7\xbbbcbK\x16\x17\x05\xe6\xd5)r\xc7\x0bN\xd9\x08\xbc\xfc\x1d\xe3\xd6\x10\x12\x8e\xe8\xd9\xb9mV\xfd\xc0\xb7{\xc6\xa6\t\xf70\xf4\xe6\xea\x1e\xfe-\xa5\xd2\xc6\xb6\x19\xa0\xb4\xc5\x12l|n\xcb\x1c\xbb"\x1b\x1e[\xbc\x87\xcd\xfb\xcc\x08\x86\xb5\xaa&amp;\'Z\xa8\x98\xc5uJ\x8fF\x8a\x18\xc0%#:\xc9\xff\xfext\xd2\xa0@\x83dg\x06\xee\x0enDc:\xd4i\xe9k\xe5\x19\x18\x95hps\xed\xac\xa8DA\t\xe8\rjBZ\xae\xb4\xc6\x1e(\x8a\xb9\xfc\xf69C\x01\x88p%\x00\x9aQ`5\xf2\xa4\x14#\xda\x04D\x8fNm\x04\x80\xafw\x01\x0ci^Es-3cTeM\x066\xad\xf0\x0f|\xec\xffn\xe4\xc9\x9d1\x8a\x11\xe8oB\x96\x86\'\xa2dD&amp;\x15\xbbH\xd2C\x0f\x15\xf8\xb5\x1a\xd8\xac\xe2\xb2Q]\x14\x03\xd2\x90\x17\xae\xd9\xcfE J\xa3\xef\x86"\xdb\xb2\xf2&amp;\x083\xb5g\xe3\xc6\xc53\xaf\x9d\xd4{\xde\xa06\x11)\xc8E\xc7\xa6\xc1T\xe0jI\xc8\xdeX\xa5\xb4\xca\xef\x8f^\x06i\xfcxP&amp;C&lt;"\nG\x94-\x96Y\x0b\x9bc\xd4+\x98\x0e\x00^_\x06&gt;\x9f\xdb:W\xf1m^U\xa7\xd9\xacT\xf6\xf9\x83\xdb\xf2zu\xce8$F\xcdz\xe0\xfduqO}=\xcd\xda\xadm&gt;\x00\xcd\xcb\xe4$\xad\x10Eq\xb8\xfa)r%zp|\xbd\x03\xe1ub$&gt;\xa0I\x85\xc9\xdd\x1b\x92N\x9c0&gt;\xdd\xc6\xb3s\xddj\x17\x13ki\xf9\x93DhV*{v\x17\x8d\x91D\xa1d\xa14\xbb\xe1\xd2\x92\x1b\x95\xa6\xb8\x0e\xab\xc6\xf7\xbcsx\xb5\xcd+\xcc\x17\xf0\xf9\xf9mm*\xe4\x13nE\xc6\xef\xe6\x7f\xb7\xado_9\xff\x85\xed\xf3C\xf8\xfb\xff\x86\xcb\'+\x88\xb1\xb6\xd4\xb2Q]\x80\xb7jK\xf1\xef\xae\xc3\x8c\xbe\x01\xe3:\xd5\xdb\xb7x\x0c\xf4Q\x1c\xa87\xf4\x06\x10P*\xbb\xe6\xf6\x10N*VO\xe8yb\xdd4\xae\x0c\xb78\xc6\xe8\xcd\xd9\xe5\xc0\x884\xe1\x82\xb3%\xef\x9c7\\s\x7f\x00\xa5\xec\xcc\x1b\xfa\x9b\xf8x\xfb\x90_\xa1 \x01jV=\xab\x9c-\x89]\x0f\xea\xedC\xab\x00\xe0\xc5\x85\x86E3\x1e]=\xc5\xe1f\xef\xf3\xdd\xa3\xf2\xbf\x00\x8c\xb3\xef\x8d\xeb\xec\x97\xc7X\x00A\x05~=\xd2\\\xf8b\xbb\x07\x80\nY\\\xe7\x04\xb6$\xa2\xe9Z\xbe\xd1o\xae\xee\xe9]\xbf\xf4\xc5\x1d\x0bx\x80\x95)\x1aE\xb5(\xca\x19\xaf?\x9b\xe7\x8cJ9\x0e\x80\xcd\t=\x003\x0b\xce\xaa\xa3~\x010\x1e|\xc4\xb6t\tl\xcf\xf8\xbf\xa4\xb7\xfbG\xc0WA^8\xed\xeb_\x16\x16\x99\x9d\xd0%$\x11\xf3\x15\xb3&amp;\x96\xdf^\xf6\xd0\x10\xe3\xd0\x90\xc7\xe2\x1b\x90%F\xf0\n\xd5\x9e\x85\xa3\xd4\xcd}\xad|\xa9\xbd\\\xc3m\x999\xe8\xdb\x83\xe3\x9a}\xc0\xe7\xbbG\x0e\xe8\xa4\xaf\xbb{dM\xf7:\xc5\x15\xbe,\x01\xa5\x83z\x85")\xa3\xcd\xea\xdf"$!\xd3\x8eQ4et"\x1a\xd6\xb2\x1a\xf0\x81\xb7\xb0\x1f\x94\xcdFP\xed\x97=\xa2M\x8dY\xfd\x9b\xdb[\x81P\xc9j0\xb2MM^\xbd\x07\xde\xf3\x16\xc5h\xd6|\x7f0\xadW\x93=\x8bF)\xe6=\x1c\x00\xcfK\x9a\x9a\xb0#\x99\xa2%*\x9f9\x91\x81\xbb}\x18\xb22\xfa\x9b\xa4\x7fc\xa3\x14.\xc9\xcc%[\xfe}\x88E2{q\x0fK\x99\xf5\xdd\xcf\xc5\xddd\'Z"\xba\xbckQ\xb1\xd4f\x7fk\x87*\x05v\xcd\x1f\xf1\x9b\xe4\xd3\xff\xddp\x10\x87\xc3\xba\x86z\x14H\x1a\xd1\x81\x07\x91\xdd7Y\xfbAv\xcd\x94Q;{i\x12\xc2X\xb3\xcc\xd1\x95\xe1H=\xea\x16\xd7\xdcS\xdd\x07\xa8\xd7Q7N\xeb\xcf\xf5\x89\xa3o\xdb\x01 \xaf@\xfe\xcdY\xab\xd5\x89\xcc\xf4,?\x9a\x84DX\xb7\x89\x89\xa06\x9b\xe8\xad]\x0b\xc6w\xf6\xcb\x1a\xd3\x0eE&amp;\xcf\xc8\xf4\xec\xdc6\xd9\x92V\xbfP\xfao\x0f\x8e\xb3#\x96\xf9&lt;_\x8e\x01\xc0\xc0\x06h\xc0\xec\xc0\x96\x00\x14+\x07\nr\x98\x1bC\xd9\xbc\xa4j\x8a\xa4\x8c\x06\xa0\x99j\xa6\xbb}\xce\x10\x9b\xea\x1a\xeb&amp;\xf7Q\xd8\x88\x1a\x17\xcf\xf2\xe0\xf8zy\x8b\xb1m\xc7\x0c\xea\xc3\xcbeL\xa8\xe9\x14\xfb\xdf"O\x02jUN\xa9\xc5\xf1\xf73\xb3o\x00\x00\xbc\xb9bp\x9b\x874\xaf\xa2\x8eq\x95\xc1\xf3s?\x1f\x9d\x12\xbe@\xed\xab\xe4w \x11\x87z\xec\xaf\'m\xbfj|O\x00xwU\xaf\xa8\xf77\x0e\x00\x18\xd7I;\x95\x9d&amp;\xcd\xcb\xe40\x18\x1b\xee[2\xc6\xe6k\xc0\xd6y\x05y\xe2\x93o\xc6\x04[g\x0f6_\x13cD\xa2&gt;\x93\xe4K\x18\xa6@\x92`\xc7l\xd9\x8f\xe5wsn\xeb\xdc\xdc\xf1\xe8\x8e%\x9ey\xe34S\xebX\x00L\x06C\x85.\x1ea\xb5\x83\xbd\x8d\xfd\x9az\xd4-\xce\xcf\xea\x8c\xbe\x01\xd5r\xa5\xb8\xb2k\x91\xc1\xceo\xae\xec\xe6F\xb9\xb6\x97{@\xe9\xec\xec0*\x87Pi&gt;c6sr\xe1\xe7\xc3Ri\xadz\x98\xa0\xf7\xe7\xc5y\xbdC\x18\x9b\x8e!2\xa9$y\xa5\xfc\x89#\xf0\x9a\x87\x19\x0e.\x1b\xbf|tW\x9bkBN\xfe\x0f$\'j]&gt;O}\x8b1W\x0f_\xcf\x04\xdbf\x0f9\xb0t\x9c\xde\x0e\xf8\xf9P\x0c\xff;U/\x0c|\x06\x00&lt;Q\xef\xd9\xbb~\xa9~\r\xcb\xaa\'\xe9\xaeZ\x1d\x80\xc1\xf3\xc9a\xf7\x06\xc3\xae\rS\xfb\xe9\x1f\xad\xa4m%\xab\xf5\xdb\xb7W\xf7(v\xa8\x9b?M\x1dC\t\xb6JY52aT\xcb\x95\x82;\xc5{G\xd7\x8a\x8d\x8eIw\xd9\xe4\xc7\xa3S\x9a\xdb\x1d\x0e+9\xb4b\xa2\xde\x8cP\x90\x80hx\xab\xea6/u\xb7\xda\xc5(H\xebF\xd7\x01\x1c\x00\x8f\nk{\xb9\x030\xdf\xbe\xd8K:\xad\x0e\xb4{\x9d\xa0p\xee\x1c\xb1I\x1eM\x9b\x1c\xfc\xf2\xe3\xbag\xd1(y\x7f\x85K\x85z\x7fQ\x91\xf4\x91h@\x93\xf2\xf3\x06\xb5\xd1\x94\xf9\x13\xe1B\xf2\x02\x83+Qh\xa5\xba\xb4\tK\xa6\xbb\x99\xd8S\xcfR O#\x00\xfcV\x93\xf2\xbf\x06!\x1d\x1e\xd8\xb8\x9c\xf9&lt;\xd1z\xfcm)\xe65S\x83\xd5+\x98N\xd8\xf1Om\x98\x917\x01\x9d\xda0C3L\x91\x1f\x85\xf5S\xfa*\xb6GVw\x00\x9fn\x19\xeb\x06\x85pfj\xc0\xc5\xed\xf3\x15\xcb\x84m+y\xd9T\xc55\x99\xcd\xc6^}]\x93\x99\x7f\x84!\xfeo\xa6E\xd9\\\x07\x96\xe9\x8e\x0c\x88\xe8\xd4\xc6\x99\x08R\xb1\x06\xbe\xdd\xd3\xfb9x\x7f\xe37\xd4\xce\x8a\xd8Z\xbej\x00D\xeb\xaf\xa6\x83d!\x1c\x1cP9S4R\xc8ts\xf7\xca\xf2\xa8\xd7\xf7-\x03\xc0a\xe7xu\t\x80\xc1\xa2\x8e\xa2_\x9e\xd5\xbf\xc5\xe2\xe1\x1d\xe5\x88K\x05E\xdc\xa2q4rT\x8b&amp;\x9d:\n\xcf\x01`Y\xa7\x15l\x9b3\x84?\xf4\xf5/\x03@\x8cW\xae\xec^\xcc?\xd3\xe1\\4\xbf\xef\x85\xfdW\x02\xe0\xcb\xdd\xa3^\xae\xe1\x86\xb7\xaan&gt;z{\xcd\xc4\xde\xe7\xb6\xce=\xbev*\xaf"\x9b\t\t\xf9\x1d\xb0\xc2\x94&amp;\xe5UU\x12J\t\x9c\xf6\xf6\xd5\xa5]\x1fo\x1d\xca\x19\x87\x066\xad(V\x17\xdc\xc3\xa8g\x00_\xd4\xbe:\xa76\xccd\x85/"\xaa\x9c=\xa9\xb1\x07\x8e\x10i\t9\xc0\x97\xc9=\x1a\x19\xefs\xef\xe8\xda\x10\x06\x88\x85\xd1J9ID\xa5u&lt;\x7fV\x8c\xe9f\xf2\xc1\x81\xbe\x16\x8d&amp;\x8a\xb0\x95\x11mj\xac\x9d\xd4\xc7|\xd7%\xbf\xeai\xc3\xd3\xf4&gt;\xcd\x84\x05\xbf}\x15\x1b\x9a\n.\xfa_\x19+\xd8\x98D\x91\xfd\x1c\x16\xcdg\x81\x9c\xd4E \x82\x9fW\x8c\xed\xa6Wr_\xff2"\xfc\xaat\xfa\xb8\x1d\xaa\x14\x08]1\xfd\xd4Di\xc3S\x95\x1c\xc9V\x8e\xed\xde\xb7aY"\x8a\xe7\xe8\xfa3\x9e\x9f\x1f\xd2\xa2\n\x11m\x9a&gt;@\xd1.\xef]&lt;\x9a-\x86a\xac\xef#\x80\xe5\xa3\xbb\x02hW\xc9\xac\xbb\xb31\x9d\xaa\x15\n\x95r\xfe\x05\x88\xc0n\x19\xfcum\\\'\xbf.5}:T-`|8\xf0\xb8q\xf1\xcc\xfc\x02\xf3\x9a\xadP\xa35\xe67F\x7f\xab0#\x96ID\x97w-\x1a\xd5\xae\xd6\xc1\xe5\xe3\xfb\xfa\x97\xad\x9c=i\xdb\x8a^\x1c1\xd4\xbcLN\xb5\t\xa8a\xd1L,\xa3(\x90\xe7\x92I\x89\x0c\xc45\x1b\x15\xcb\x0c\xbc\xc7\x87\x1b\x15U\x92\x1b\x07\x97k\xbb\x0c\x19\xa0\x17}+\xbc\xb9Z\xfa\xe6\x06\xfe\n\xe1&lt;\xacn\x81\xb4z\t\xb0\xdaV\xf4\xd2\x9c8k\x9aq\x15\xebxD4\xace5\xbbj\xa2\x99\xbbu\xf7\xc2\x91\x1a[\xb5PW\xb5L\xfax\x85SDU("\xcc\xec\xd7\\\x96\x81\xe2\x86\xd9\xbe\x0c\xeb&amp;\xc8\x9b\x80\x9a\x94\x08z8\xe3\x12)\x92-\xe7O\x12a\xee\xc0\xd6\xc3[U\xd7[\xe5r\xb3|\xa8\x94-\x89q\xe2\xe8\xdf\x97\xefv|g?6\xf1\xf9\x17\xc9X%G\xb24\xe1\x82\xfc\x05\x00\xe0\xc3M\xc5\xceo\xaf\xee5Sf\xe5l\xca\xc9\xd8\xac\xfe-8\xb7\xb3\x8c\xa2{\xb0\xb9N\x9e\xd02\xcdbUTM\\\x89\x16\x0cig M\xfagb\xdc:\xb0O\xf1\x9a\x89\xbd\xd5_\x95\xcd\x10O\xce\t\xf3\xee\xda\xbe\xe7\xe7\xb7i\x16\xf2;\\\xc4;V+\x18Z\x91\xf7\x82\x88D=\xeb\x95l^&amp;g\x18Kcq|\xed4u\x070\xb0YE\x85UQ\xee\x00\x8a\xbb\xc7\xbc\xb8c\x81\xc1Y\xde\\\xd9}a\xfb|\xc7\xbcG\xcem\x9dk\xd2RY.c\x02\xae\xd8\xc5\xed\xf3\x7fk\xfa$=\x8d-\x91\xda\xbbJ\x8e\xd0W\xca\xd0\xf4S\x98\xd97@\xd3\xda\xabXE\x97\xe7\x1c\x07U~\xba\xd5r\xa5P4.\xc6\xf2$\xc6\xc9\xee\x8b\xa5\x8e\x01@3\xfcX&gt;\x8b\xde\x82\xc8\xb5\xbdK\xf1\xed\xbe\xd1\tB\t\xc74y\x00\x1cY5\xa9\x81\x8f\xe7\x83\x13\xeb\xa3\x12u\xadU\xf4\xda\xde\xa5\x142\x17\x1d\x9b+\x7f\nJ\xa4q\xa9\x96+\x85\xf1JX\x87\xaa\x05D\xc6l\xcd\x8a}\xb9{\x14\xc0\x98\x0eu\xc6v\xac\xab9,\xfe\x03\x11\x93\xfa\xde\xf5K)\xc6k\x19\xa3\xd2\xfc\xc1m\x89h\xc5\x98n\xac&amp;\xa6P\x88K@\x04||ui\x97\xbcr\x18\x85\xe8\xf5\xe5\xddz\xa7\xd3s\x82\xae\x9a#\xd9\xf7\x87\'\xec\xad&lt;\xf0y\xd1\xf0\x0e\xb9\xad\xdd[R\x87\x86\xbf$\xf0Y\x1e\xbf\x9f\xd94[\xdd\x01,\x1f\xdd\xd5\xd3\xba\xef\xd9\xbd`\xe4\xfc\xc1m9v\xbfB\x16\xd7\xa7g\xb7\xaaK\xce\xeeb\xf5\xafc\xda\x88\xa3\xda\xd5\x06\xbe\x99\xcf_3\xadW\x93\xdf\x91\xbcE\x0e\xf0\xc9d\xe0\xdfND!\xb3\xb1\xaa\xfd\x08I\xbf}\xe9^\xa7X\xc7"\xe3*\x00\x00 \x00IDAT\x8d&lt;)\xd5\xa3\x02M\xe3\t\xa3\x96L\x90\r1lX\xdf:k\xb0\xdeO\x98\xd0\xb5\x81H\xc6\xa2I\xd1T1\x14\xb9$\x05\x97w-r\x93\xd4s\xf3\xc4\'\xb5\x0f\xe2\xa0\x80Jd\x8f\x9c\xa2\xbd\x88_/\x9em\xbb\x0e\xcf\x14\x8d6\xcf\x18\xe8\x9b1\x01\x80\x05C\xda\xc9\xea\xbc\x8e\x01\xa0g\xbd\x92\x0e\x1c\x05\xfc\xa5\xf7\xed\x92\x11\x9d\x8a\xa6\x8a\xae\xa9\x8a(X4\xac\x03\x00\xfcx\xf0O\xce\x89\x1b\x9a\xb0\xd5L1\xa1\x96m\xe4f\x1e\x85J\xd9BaZ\xbczBO\x83s\xe99\x84\x01\xe0\xb1\x86\xcc\xd4\x9e\x8d{\xf9\x95\x92\xb7\x8chS\xe3\xf4\xc6\x99.\xf6\xd4\xa7\x7f\xa3rS{6\x9e\xd5\xbf\x05\xff\x9bZ\xcb\x0bhR7\x7f\x85\xf8h\x9b\ny\xc5gutB\x95\x1c\xc9\x1c\xee\x9b\xdaW\xc9?\xae\xb3_\xc1d\x91\xc4\x18^\x91\xc8I\xd3\xe3H&gt;\x1d\x00\x03Y\xd3\x84\xaa\xfd5\xd1\xbcG\xf5\x0b\xa7\xbf\xbag\x89\xde![f\x0e\xcc\x10\x99v/\x1c\xb9\xc5\x92\xe0\xde\x01N\xae\x9f\xcei\xd3\x05\xb1\x88&amp;u\xf3\x07\xb0y\xc6\x003%x\x84\xa5)\xb6\x96I\xf4\x00&gt;\x16K\x1d\xc3\xdb5&lt;[6\xc4T\xa0B\x16W\x93\xe9\xedX\x9b\xc6`\x9208 Hf\x07\x1fo\xbe\xb9\xb2\'$\x9d%YT\xd2\xb8\xdb0\xc3\xfb\x1bV\xc9\x15\xc4\x13.\xd4\xd4\xcd\x90/a\x18\x07\xe4\x8f4\xf9M\x82\xcd\xc5R\xc7\xc0\xfb\xeb\x06;\xcc\xec\x1b@D6\x93\xd8\xfc9\xa4\x8fH\x00\x1cK\xf6\xa2n\xf7M\x06d\x19\x90\x92(.\x91\xec\x18.\xa3\xdej\xd2\x1b\x8f\xb5\\ZK\xad\xb3z)XA\xbeDa\x9b\x94\xc8\xda\xbb~)\x91jx\xc7\xbca\x8a\x0e@\xf6\x9e\xd4\xc3\x8c\xe15w&lt;2\x1e?n\x95\x9aN\x8fp\xda\xaa\xbf6\xc7nA_\xbf\xbf\x11\x92\xb7\xabn\xfe4\xeai\x07\x00\x83\xf7\xea\xca\xee\xc5!\x0f\xec\xeaY\xb7\xc4\xbe%c\xc4\xbf\x87V\x04EG\x9f\xdd&lt;\xdb \xde"\x84\xd8\x8c\x06\xf2+\x98\x8e\xf3y}\xbcuH\xf1\x95\xc3b\x1e\x17w,\xe8T\xbd\xf0\x95\xdd\x8b\xcd\x1f\x92\xc0\xbac\xe6\xa1@@\xe9\xec!\x9c\xf3u\xadUT\xb1\xfe\xfc\xbb=:\xd2\x86\xa7V\xe5r/\x1e\xd1\xb1Lzc\x0f;\x07\x01~in\x1f\xdd\xbe6\x7f8\xb4b\x02\xcb\r)\xa6\xe9\x7f&amp;\x91\x88\x80\xaf\x81\x968\xf2\x15c\xbb\xaf\x9f\xd2\xef\xd8\x9a)\xbf\xef\x8c\xb2\x9d\x94\xe3\'\x15\xc1\xa5\xf9\x12\x86\t\xa3\x9f{\xef\xf9\xf9\xed\x8e\xf51%&lt;\\\xf8C\xe5lI\x88\x08xbl\xb1\x15\x00o\xc5\xb2g*"\xe0\xa9hg5\x85\xf89I\x16\x19\xfa\x8a(HL\xf4\xf0\xc4\x06N\xaf\xa8\'\x02\xa3h\xd6\xf1\xf4\x8cb\x87q\x9d\xea5*\x9a)\x12\x91\xe6\x0c7\xae\xa5\x109\t\xadx\xc3\xc2\x11}\xb8y\xd0\xc3\xb0\xadKM\xd4\xa6B&gt;\xcf(tq\xc7\x82\x92i\x95\xab\x0f\x9eQ\xe8\xe1\x89\r\xea\xa3\xbc\x13\x87w,\xd7\x8dM&gt;\xdf=\x12\x14!\x08\xc8\xf9\xe0~\x13z\xbe\xa1^\x89\xc2==\xb3e\xdd\xe4&gt;Pe\x1ev\x98\xd4D\x0fOn\xb4K\xffC\x96l\x12\x89\xe9\xd5\x16\xb0\xd3\x92n\xb6M\xd4N\xc3\xa3\xda\xd5\xbe}hU\xc6\xa8$D\x96*gO\n\xa0\xa5o\xaeu\x93\x95n\xd3\xc6\xd8t\xb5\n9\xa3\xda\xd5\x92\xff\x8dM\x94.\x82}\xba\xf7\xbf\xa1R\xff&lt;\xf0\xf4,\x006\xd9w\xa8R\xc0@&lt;V\xcd\x8a1\xddj\xe5Km&amp;!\t\x936\x02\x01\x10\xed\xce\xc6i\x81g7\xcfY5\xbe\xe7\xefH\xbf\xa97\xf6\xb1w\xf0+\x0f\x19\xb2\xc6\xa4\x94D\xd3\xfb4\x13}\x80\xda\xedD\xd3_\xd6@X\xa9{\xedb\x97v.\xc4\xa7[\x06\x0f\x9c\x8b\xeaq\\&lt;\xbcc\x7f\x95G\xb6\x9b\t\xad\x1e\x05\xe9"PK\xdf\xdcc:\xd4\xd94=\xd0\xe0\xca\x00\x90\x8d\'\x97\r\xa3Ie\xba\xd7\xd1\x96\xca0\t\xf0k\xa5N\xec\xc2\xb6\xd9\x837L\xed\x07\x00\xdf\xeey\xb9\x86\x03&gt;\x0bA\x18?\xd3\x8b\x87]k\x16\xe1\xf6\x00\x9fni\xe7\xe2\x92\xd0[\xc1\x9ea\xe9\x87L\x9e4t\xc1\xebK\x8aSO\xeb\xd5$\x85\x96\xccr\xdb\x8a^\x9a!f\xba%\x03\xea\xe5`&gt;\x97\xf0S\x02\x80\x97\x17\xb6\xce\x1a\xa4\xf9\xf353s\x10\xd1\xdf`^?\xb1n\xda\x82!m\xf9\xf3\xe2\xe1\x1d\xb9\x85\xb1\xeb\x1e\xfd\xd6q\xf0?\x0b\x16|/\xee\x1e\xd3 PH\xbe\x97\xc2\x1c\xcf\xcf\xbd]\xf9l\x01t\xaa\x1e\xec][6C\xbc\xdf\xad\xa0b\x1e3\xde\x0fi\xc2Q4\xa2\x83\xcb\xc7\xcb\x86 "\xca\x9b L\x96\x18\xe4\x95(\\\xad|\xa9\xeb\x17Jo\xde\xddEQ\x8e&lt;\x94\x93Q\x08W4/\x93s\xf5\x04+w\xcc$\x0e\xe54\xbe\xb2{\xb1\x99I}\xf329\xef\x1f[\xa7\xf9\x95\x81\x8dx\xd9\xa8.~\x85\xd2)6N\xeb\xdd\xf4\xd4\x86\x19D\xe4\x11\xe2\xf1\xf2\xa5\x1d\x0b`\xed\x06no\tw\x0e\xaf\xae\x997U\x0c"\x00\xd5r\xa6P/&amp;iry\xe7"\xb9\x97_9\xb6{\xc8\xf5t\x8d\x99\xd97\xa0W\xbd\x92\xa4\xea\xe0Y\xf0\xf5\xf7\x9d79\x91"\x15\x01\x11\t\xfd\x86A\xcd*\x01\xc0\xb3\xb3\xcf\xcem\x1b\xd3\xa1\xce\xef\xa8\x80cZ\xbf\xed\xab\xe4\xd7{\x97\xc3Y|@Ydt@\x93\xf2\xbf\xc33\xe2_\xc6\xdaI}\xf0\xe5\x8e:!\x8c \xb6\xce\xdb\xa5N\xbamW*G5\xffw\xbb[\t\x8fX&amp;\'4ERF\x87&gt;\xe6\xcf\x98\x8a\x08\xc0\xcf\xc7\xa7\xf8\xa8v\x95\xbc7\xcf\x18(\xbeM\x10t\xaeh6]\xe2.\xeeX\xd0\xd27\xb7\\\x81*9\x92}{p\xdc|M\x0c\xc8\x19\x87\x00h\xc6\xd6\ro]]\xef\xae\rlZQag\xe3\x98[c_u\xf3\x98\xc9\x0ed\xbc\x86)\xee\x14\x80\x07\'\xd6+r\x99\xc9M\xc3\xc1\xe5\xe3\xab\xe5J1\xc32\xf9\xebR\xd3G\x8e\xdeX6\xba\x0b\x80\xd0\xb2\x8fW\xcd\x99\\\xb6\x04\x1e[3e\xcf\xc2\x91\x00V\x8c\xedND\xb5\xbd=\xe4jO\xe9\xd1\xa8@\xd2\x88&gt;)\xa2R\xd0\xe5\xfd\x18J\xb5\xb0A\xa3b\x99\xbb\xd5.\xca\xb1Z\x0e`S\x06\x8e\xc1Ge\x0cA\xd0v\xfbS#X\x0e\xc4\xd9\xcd\xb3\xc7w\xf6\x0bl\\\xde\xe4\xea\xfd\x7f\x94\x82\xc9"\tkr""\x00\x9aRb\x82dDI\x89\x84\xcf\x8cc\x00\xaf\x00\xe0\xc3\r\xb5\x8d[0W\x92\x7f)\xee\x1e\xf3\xb7:\xb6\x0b4\xcfQ ID\x96\xb8\xe2\xd87\x00\xc0\x17\x07\n\xef]\xbf\x14\xe9\xac\x15\x07\xbf\xea?\x1e\x88\xf6\xc8\x95h\xdf\x921\n\xb3\xd2\xcd\x03+\xd8\x9a\xc74\xf0\xf1\xc4\x87\x1b\xe6\xbb"\x9b\xb6\x01\xcd\x8e-\x1c\x11\x80\xd9!\xbb\xe9\x0e\x83/w\x1c&gt;\xf6\xf8\xda\xa9\xfc\xa1Z\xae\x14\r\x8bf\x04 \x84\xac\xf9\x97\xfe||z\xd3\xf4\x01V\xb6\x0e \x89E/h\xd3\xf4\x01[f\x06/\xcbW\xc8\xe2*.\x0e\x0f\xd23E\xa3\x83\xcb\xc7\xc7"*\xad\xb5\x98\x19\xd8\xa4\xfc\xa1\xe5\x13\x88H\xf8\x17\x088\xcb^\x97\x9a&gt;\xf2F\xb9\xa9R\xaf\x81\x89i\xc1\x97{\xc7\xe4\x81\x82\xcdW\xe3\xc4\xbai\xd5r\xa5p,\x18\xf3\xf5\x15]?o\x9b$57]S_\x1cF\xf1\xbb\x00\xd8\xa5\xdbY5gr\xb5\xcc\xad\x02\xcd0\xc3?\x93\x19\xd6\t"\n&amp;\x8b\xe4\x1e\x96\x9a\x96\xc8\xda\xb4d\xd6i\x16\xa3\xea\xcb\x8b;\x01\xb8\xa8\x8eU\x04\xac\xfa\xb8E\r\xe1\x85;\xbfu.\xf0\x0e\x80\x81\x95yj\xaf&amp;lt\x8aB4oP\x9bM\xd3\x03\x15;\xdc9\xb2\xe6\xc7C\xed$y\x95\xb2%y{u\xaf::\xd7X\xcdf|\xe7\xfa6=\xdc\xed\x05\x00\'\xe80I\xd3\x12Y\x85\xd2\x16\x9e\x9dm\xa4J\xd4\xd5\xb3^\x89v\x95\xbc\xb9\x9d\x12\xe3\xb2y\x83\xda\x00?m\x16~f\xf3l\x9b/$\x80\xab{\x96\xc8*+\xe1\x89\x8a\xa5\x8e\t\x00?\x1f\xee\x9a?\x82\x88\xd2G"\x037S\xd2\t8w\x18\xd9\x01\xb7M\xc5\xe0Y\xc5\xb4\xdeMs\x1b\x8dU4\x90\x1bA\xfcz\x04\xfc\xbc\xb8}&gt;\x80\xa7g\xb6,\x1a\xd6!%\x11\x00Y+4\x91\xca\xc9\xa7a\x91\x8c\xeab?\xdc&lt;xv\xcb\x9c\x97\x17\x83\x04\xe6\xf2\'\x8e\x80W\x97\x88hH\xf3*k&amp;\xf6""\xf1U\x91\x94A\x17\xce=\x0c\xdf5S2jj\xdfh\x11\x07k\xf3\x02\xd4/\x9cA\xdct\x85+\xb3M\x1e\x9f\xde\x94\xcb\xce+\xac@\xf8J\xc8|\xbe{\xd4.\x85D"\xf2I\x11\x15@\x93\x12Y\x1d6\x85\xfd\xd7\r@\xc3Z\xd9\x0e\xc1\xef\xe5\xa7\x11\x91\xc1C\x95\xd05A\x16N\x11\xe5\xd6\xc1\x95\x03\x9bU\x94\'\xe3\xa2\xcd\x10\xa3\xd4\x15c\xbb\x8d\xedXwh\xcb\xaa\xbb\xe6\x8fPG&amp;w\xa9\xe1\x13(\xe5\xc7\x90\x03\xe8\x8b\xa4\x8c\x06|W\x8f\x17&amp;v\xf3\xd7\xab\xd2\xcaq\xdd\xabd\x0f\xe9\xaa\x95:!\xc6\xe0\x80\xca&amp;g\xc1\x82\x86E2\xbe\xb8\xb0\xc38\x93m\xe1\x14Q\xac\xcd\xe2\xaflZ\xda9\x95\xabMa^":\xbbe\x8e\xe2v\xd7\xcd\x9fFo\x92\xfew\x12\x8f\xe8\xee\x915\xe63\x91\xb9\xd8\xda!\xa5e\xc8?w`\xebC+&amp;\x14I\x19\xcd\xa4\x8e\x88\x82*9\x92\x89wdH\xf3*xy\x01\x00\xde\\\xde6g\x08\x80\x8b;\x16\x08W\x9f\xbd\x8b\xec\x16\xc1\x0elR\xbeD\x1a\x17\xfe\x8c7\x97\x89(m\xf8\xe0WR\xcf\x18\x0b\xe0\xe4\xfa\x19j\xab]\xcfz%L\xbe\xcb\xea\x90i\xf3\xc8\xfd\xb4&amp;\xcf\xcfi+\x08\x18\x13\x81Hs\x84JD?\x1e\x9d4\xe8\xaaB\xb7\xf9\xfa\xa3\x10\xa9\xa0\xf4\xda\xa9\x08\x96\x97\xa4I\x89\xac\xfb\x97\x8c5(\xca_kp\xa4&amp;\x96\xb5\x0b#\xf0\x99?\xa8\xbb\x1f\xee{\xea\x17\xd60\x8b\xab\x93\x18\xcbi\xac\x0b&amp;\x8b\xcc+\x902\xcf\xcfo\xfb\xfe\xf0\x04\xcf\xa3G\xb7\xaf\xadx&amp;8W\x9c\xd0\xb8\x7fxr\xa3\xf1`)\x06Q\xe6\xe8\xb4|\x8c\x95B\xfa\xcaq\xdd\xff\x9e\\.\x8eIb\x14H\x1a1\x84\x8b7\xe6\xf9\x1d\x01&gt;\x99\xa2\x05\x07\xc1\x19g[\xfc\xfb\x01\xbe\xe8e\r\x12\xc4&amp;*\x96:\x86]\xab\x91\xd3z7\xe5\xb7/\x99\xb5u\xee\xc2\xf6\xf9\xc0[\xbd\xa3\xb6\xce\x1a\xfc\xb7-\x12\xa8q\xd1\x8f\xdc6\x9f;\xbap\x8a\xa8\xfeE&lt;I\xdf]\x82\xe1\xb1\xc0\xdeE\xa3\xf9\x8cz.\xdf\xc0\xcb*9\x92\xfd\xdf\x97\x1e\xff\x89\xf0\xea\x7f\xeex\xf4\xed\xc1\xf1\x89]\x1b\xd8\x95!\xf2\xd1\xc9\x8dD\x14\x85h\xed\xa4&gt;D48\xa0\x92\xc9K\xccB\x85y\x13\x06\xb7\x96\x1fn\x1d\xc4\xb3s\xf2\xba(\xe3iOK\x97^?&amp;\xc73\n\xe1\xcd\x95\xd3\x9bf\x01\xf0\xf7\xf1|xr#\x807W\xf64)\x9e\xe5\xae%\xc8\xabE\xd9\x9cb\x1cm\xd3\x7fy\xe9\xc8\xce\x9cI\x8d[\xba\xde\xf5K\x93~X\x83c\xf0\xf8\xb4B\xe6D\xe6\x1dp\x1d\xc6.\xd3\x80\x99\xc8\x8a\x97\x17w:X\x15""\xc2\xc7\x9b\xed*{\xab-\x8d\xe6=S\xffN\xec\xcc\xeck\x87g\xd4\xa3S\x1b\x01\x9c\xd9&lt;\x9b\xad\x1f\xe52%d\xc73\x87WG\xcd Od]\x88\xee\x1d[g\xaf\x0377\xc7c;\xd6\xf5r\r\xa7\xc8\xe5`\xf2\x1dQ\\\xa1\xc1\x01\x95\xab\xe7rS\xafu\x00\x10)h\xe2\x18\xbaG\xeb\xf9\xaa\xfeWP\xfb\x0b+hW\xc9;_\xc2\xb0\x19\xec\x89k\xc4\xb7{\xc3[Uo^\xe6\xff\xe3\xdf9\xa2\xb5n&amp;K=K&gt;\xbe\xdc\xe1G3zPJ\xe4\x8f\x8a\x86O\xb8u\xaac\xa0d\xc6t\xa8\x03\xe0\x98e\x81\x91\x88\xbc\x12\x855\x96l\x13K\x84\x8a\xbc(\x85SD\xd5\xeb5\x07\x07T\xe6\xda\xce\xe8\x1b`X\xb6\rl\xce\x7f\xed\x8de\xcd\x97\xd0\xa8\x01\xe3\xac\xce\x9a\'M\xa9\xde\xa4\x858\xd6\x81\x95\x7fN\xfe\xb3qZ\x7fn1\x9f\x9e\xddZ iDE\xac\xd0o\xa5\x88[h\x86\xbb\x88\xd5\xfeck\xa6\x08Qqu\xbf\x18\x89hz\xef\xa6\xa1n\xe8\xe0\x01\x13\x00|\xb8q\xdf"\xec:\xb4eU\xe0\x1d7\xb5\xeb\xa7\xf4S\x1f\x15\x9f\xe8\xc1\xf1\xf5|\\\xa3\xa2\x99\xf0\xf3a\xe8\xa6X0\x96\xeas\xa2\xc1\xabK;\xf1\xf4\xacz2\xe5b\xf9 \xd6\x81eN[\xfb\xa4\xff\x13T\x93\x8c\x1bY=\xfb\xa0`\xf1\xf0\x8e\</t>
        </is>
      </c>
      <c r="E373" t="inlineStr">
        <is>
          <t>&lt;class 'numpy.ndarray'&gt;</t>
        </is>
      </c>
    </row>
    <row r="374">
      <c r="A374" s="1" t="n">
        <v>372</v>
      </c>
      <c r="B374" t="inlineStr">
        <is>
          <t>steps_per_sec</t>
        </is>
      </c>
      <c r="C374" t="n">
        <v>5400</v>
      </c>
      <c r="D374" t="inlineStr">
        <is>
          <t>3.3528764</t>
        </is>
      </c>
      <c r="E374" t="inlineStr">
        <is>
          <t>&lt;class 'numpy.ndarray'&gt;</t>
        </is>
      </c>
    </row>
    <row r="375">
      <c r="A375" s="1" t="n">
        <v>373</v>
      </c>
      <c r="B375" t="inlineStr">
        <is>
          <t>Loss/object_center</t>
        </is>
      </c>
      <c r="C375" t="n">
        <v>5400</v>
      </c>
      <c r="D375" t="inlineStr">
        <is>
          <t>0.08306675</t>
        </is>
      </c>
      <c r="E375" t="inlineStr">
        <is>
          <t>&lt;class 'numpy.ndarray'&gt;</t>
        </is>
      </c>
    </row>
    <row r="376">
      <c r="A376" s="1" t="n">
        <v>374</v>
      </c>
      <c r="B376" t="inlineStr">
        <is>
          <t>Loss/box/scale</t>
        </is>
      </c>
      <c r="C376" t="n">
        <v>5400</v>
      </c>
      <c r="D376" t="inlineStr">
        <is>
          <t>0.14158593</t>
        </is>
      </c>
      <c r="E376" t="inlineStr">
        <is>
          <t>&lt;class 'numpy.ndarray'&gt;</t>
        </is>
      </c>
    </row>
    <row r="377">
      <c r="A377" s="1" t="n">
        <v>375</v>
      </c>
      <c r="B377" t="inlineStr">
        <is>
          <t>Loss/box/offset</t>
        </is>
      </c>
      <c r="C377" t="n">
        <v>5400</v>
      </c>
      <c r="D377" t="inlineStr">
        <is>
          <t>0.2254793</t>
        </is>
      </c>
      <c r="E377" t="inlineStr">
        <is>
          <t>&lt;class 'numpy.ndarray'&gt;</t>
        </is>
      </c>
    </row>
    <row r="378">
      <c r="A378" s="1" t="n">
        <v>376</v>
      </c>
      <c r="B378" t="inlineStr">
        <is>
          <t>Loss/total_loss</t>
        </is>
      </c>
      <c r="C378" t="n">
        <v>5400</v>
      </c>
      <c r="D378" t="inlineStr">
        <is>
          <t>0.45013198</t>
        </is>
      </c>
      <c r="E378" t="inlineStr">
        <is>
          <t>&lt;class 'numpy.ndarray'&gt;</t>
        </is>
      </c>
    </row>
    <row r="379">
      <c r="A379" s="1" t="n">
        <v>377</v>
      </c>
      <c r="B379" t="inlineStr">
        <is>
          <t>learning_rate</t>
        </is>
      </c>
      <c r="C379" t="n">
        <v>5400</v>
      </c>
      <c r="D379" t="inlineStr">
        <is>
          <t>0.001</t>
        </is>
      </c>
      <c r="E379" t="inlineStr">
        <is>
          <t>&lt;class 'numpy.ndarray'&gt;</t>
        </is>
      </c>
    </row>
    <row r="380">
      <c r="A380" s="1" t="n">
        <v>378</v>
      </c>
      <c r="B380" t="inlineStr">
        <is>
          <t>train_input_images</t>
        </is>
      </c>
      <c r="C380" t="n">
        <v>5400</v>
      </c>
      <c r="D380" t="inlineStr">
        <is>
          <t>[b'512' b'512'
 b'\x89PNG\r\n\x1a\n\x00\x00\x00\rIHDR\x00\x00\x02\x00\x00\x00\x02\x00\x08\x02\x00\x00\x00{\x1aC\xad\x00\x00 \x00IDATx\x9c\xed\x9de@\x14]\x17\xc7\x0fv\x8b\xadX(%\xa5"**\xa2\x82\x82\x84`\x8b\xa2\x08"vw+vwwwwwww&gt;vw\xd7y?\x0c\xec\xbbn\xccN\xcf.\x9c\xdf\x17\xd7\xd9;\xf7\x9e]fo\x9e\xf3?\x0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x10\x04AHI\xa9\xecR\xd6V\xc2\x1a\x0e.\x9f\x80\x88Q\x15\x9d\xa5\xacWU\xdaW/\x8b\x88\x05\xd46\x83\x90\x9c}K\xc6L\xe8\xd2Hm+\x08\x82\x95,j\x1b\xc0\x8b\xd4\x00\xf8\xf6jD9{\x05\xda\xb2O\xa6@#P\xc5.\x13"\x9e\xdf:W\x89\xc6,\x84\xfae\n\xabm\x82\x04 ""\xba\xa4Q\xdb\x0eB~\x8ag\xe2Z2\xa7\x9cf\x98\x11yd\xaby`\xd3\xd0@\xa7\xac\xb2U\xcf\xc6\xd9\xcd\xb3\xfbD\x06\x84\xba%\x95?"!\x86\x11\xadk\xaf\x9e\xd0Km+\x08y\xc9\xa7\xb6\x01j\xd2\xbc\xaa\x87\xda&amp;(G\xac\x7f1\x8c\xe7\xd3\xf69C\xd56\xc7\x1c)\x97\'\xb9\xda&amp;\x98\x17\x11\xe5\xec\x93t\x07\x91\x04X1\xb6\xbb\xda&amp;\xa8G\x1e\x80\x0cj\xdb\xa0\x18\xc52B\xdbP\xaf\xa6\x95\xdd;\xd7\xa9\xd0\xa1f9\xdf\x82\xe9\xd4\xb6H\x02\xec\xad\xe0\xfd\x8d\x03\xfe\xf6\x99\xd56Dv\x10q@\x93`\x85\x1bM\xafp{\x84\xe2\x8cl[Wm\x13\x08B\x04\xcc\xa2&amp;\x87\xdaf\xf0%#\x00\xaf\xdd\xf5\xd3\x1bg"\xa2\\\xd6\x10I\x95\xfcj\x1b\xa0\x04\xfe\xf6\x99\x9a\xf8\xba\xaam\x85\xca\x14I\x05\xb3\x07\xb4T\xdb\nY\xb0Q\xdb\x00\x05pJ\x01\xf8\xf6Z\xa4\x8f\x13{\xb1\x92Y!\xd6\xbf\xa82&amp;\x11\xe6\x83\x83 \x8f\x8fB\x00\r\xbd\x1d\xa4\xb6\xc5\xfc\xb0\x06@|\xb5}n\x92\xde\xf8.\x08\x80\x88\xd3{7U\xdb\x10\x02z5\xac"\xd5\xf9Sj\xbd+\x01\x0e\x89\x7fC\x8c\xd0!\xb7\xa0\xbbB\\s b\x90s6\xcb\xf2\xa5\x14\xc2\x94\x1e\xd1\x97w.T\xdb\n\x95\xb1R\xdb\x00u\x89\xae\xe4\xd2,\xa0\xb8\xdaV\x00\x00&lt;9\xbbU\xaa\xfd\x9c}K\xc6\xbc\xbb\xbe\xdf\xe2v\xc0\xf8\xe2\x9aVm\x0b\x12\x0b:!;\x85\x00\xf2r\xb8+1t\x1d\xe4\xfc\x98\x94\xa9X mZ\x80\x8e5\xbd\x15n\xb7\x7ft\x90\xc1\xebSzD+k\x88eC\xd1\x08RQ!\xbf\xfe\xa2\x91 \x08\x19(\x96\x11\xe2bB\xd4\xb6Bzjy\xe4\x956H\x9e\x10I%\x99\x9d\xfa$\x9c=+\x12\x9fJ\x10\x00\x00\xd0-\xbc\x92\x8a\xad_\xfc\x04\xe93$BO\xe3\xbf\x7f\xff\xae\xde\xbc^m+\x92\x04&amp;\x8f\xfd\x19\n\xda\x16,\x97[\xc6(\x96\x97\xf2UM\xf0%\xa3\xda\x06\x10\x04\xa1\x0c\xd98\x97\xbcwt-\xc7H\xc6}K\xc6\xe8\\\xe9^\xdf\x0f\x11\xe3\x9aV\xe3c\x1a\xa1\x12)\xe4\xac\x9cF\x17cx%\xfa\x93VS\x94\xb7I\xa9\xb6\t\x84Q\xcel\x9e}h\xf9\x04.%\x11\x9f\xea\\\xf9\xf1\xf0$\x13O3\xbes\xc3\xa2\x89o\xc9\x9aKm\x03\xcc\x1c\x91#\x8a\xe4+\xcfJ\x05\xe4\xf2\xf9\xb0\x01H\x0c\x01\xd0DR\xe2\xf7\x933\\\x8a\xe1\xbbk\xfb\x97\x8e\x15\xd6\xc4\x92\x11\x9d\xe2Ubn\x1fN\x84Q5\x88_\xd46\xc1\\HK3Y3\x80\xfe\x04\x04w\x10qz\x9fX\x96\x02)\x01\xf0\xd5%\xa6\x07\x17\xd3\n"\x9e\xdd&lt;\x1b\x7f\xfe\'\xb8\x12s$7\xc0\xb9-s-t]sq\xc7\x02\xb5M\x00\x00\xb0\xb54\xd9m^(\xa9\xb1S$%\xd8[\x01"\xe2\x97\xbb\x8a5J(\x89\xf2\xb91V\x8d\xef\x91\xa0\xf3(|\x00\xb8\xb0}&gt;"&gt;:\xb5i\x8dEH\xc0\x96\xb0\xe6Z\xd2\xa27\xb5\xdd\xd3C\x87\x1a\xe5\xd4\xb5\xc1#\x91\x06\x96fN\x90A\xdf\xbfD\xe0\xc2\x99/\xe1^\x85\xf0\xcd\x15\xe6\xb5\xa7z#jb\x08\xea1cZ\x06y*\xd9\x9cg\x16@\xfc\x94\xd0\xff\xbf\x13SUj\x80\x00Gk\xf9\x94\xf0\xa5\xa4C\x8d\xb2\x1cK\xaa#\xbdo\x04Y\xfb\xd2\x8c\x00Y(f\x923!\xae9.l\x9b\xafd\x8b\xbf\x1e\x9fAD{\xb5;`\x91SEB\x0cr\x88\xaf\xcd\x19\xd0\x92\xf9\x9b6\xadbT\x06\xaauH\xc9\xaf\xf7\x8e\xc9\xd08\xc1\x19az\x1d\xdc\xa9\xed\x99$\xa4\xfd$D\xe1\xb5\xcd\x94\x1eM\xccA\xb8\xf4\xc7\x7f\'\xbf?8\xa1\xb6\x15I\x17\xbfB\xd2\xefG\xfb\xdbs\xce\xe9\x95\xa4\xb0\xd0\xad\xffD@i\x8a\x145\xc4\x90\xe6\xd5\xb9\x17\xa6\xb5\x1cA\x88\x02\xf1UM\x0f.bG\x84(R\xe9]\x99\xdc=j\xd5\xb8\x1e\x94a\x8b \x085\xa1\x01@-JX\xc3\xc0\xa6\xa1j[a\x1aFGe\xcd\xc4\xdej\x1b\xa2\x046\x00]\xeaVP\xdb\n\xa5\xa1d\x9f\x92\xe0\x91\x19\xe6$\xd2\x9c"D\xd2e\xf1\xf0\x8e\x00P\xa9 \xed\xb8$Zl\xcc&amp;\x1a\xb4iew\xb5M\x10\x0e\xb9\x0fX*i-\xdc\x1d\xd6\xfcI\xb2z\xc5\xd5\x8bZ\x86\xdf\xa0\x99\x1c\x07v\xaf\xefW\xaf\xb4\xad\xdaV\x08\x84\x06\x00\xcb\x86&amp;\xb9\xb2\x12\xe2\xa2\xba\x83\x0fa\x14R\xc1\x17\xcf\x96\x99\x83h\x00 \x88\xc4OqK\xf0*,F\xabZe)\x92\n\x1a\x94\xb5S\xdb\n\x820E\xf5\xa2r\x07]$f\xca\xe4\x84\xe6U\x8bs)yt\xd5d\x99m!\xcc\x0b\xd2\x83%\x08\x82 \xcc\x8cl\x00m\xc3\xbc\x0c\xbe\x95H\xc5l\x08\x95\x99\xd4\xad\xb1\xda&amp;\xc8E\x80\x03\xfdh\x08\x8b\xa2\x00\xc0\xd2\x91\x9d\x8d\xbd\xcb=\xb1N"CymB\xf3$?\xc0\xda\x89\xbdO\xae\x9f.a\x9dU\x1d\x13\xb1Fj\xe2d\xe7\xbca\x8eI/$\x80\x0e\xc0\xcd\x11J\x8e\xac$\x19\x12\x9c\xd8$99,\x9f\x97m/\xd4==8\x08\xfa\xeb\xce\xe8\xdbL\xa0A\x047\x10\xbf^2\x0f\x89ue\xc8\t\xb0z|OD4\x13/Xu\xd8\xbbx\xf4\x9e\x85\xa3\x98\xd7\xfa\xa2\x05\xaa0\xb9Gt\xf7p_\xb5\xadHrTu\xb4V\xdb\x046\\\xd3B\x12\x9c\x9f*I\x12\xf4d\x9f\x13\xd7\n\x11/\xef\\\xa8\xb6!\xea\xf1\xeb\xf1\xe9W\x97w\x01@\x0e\x80\x92\xe6!\x0f\x1d\xeeU\xa8\x9a+\xb9\x8d\x13\x84\xa2|\xbcu\x08\xf1UR;\xe1\xc8\t\x90Sm\x1b\x08\xc2\x82iP\xd6\xce"t\x8d\x08vjz\xe4\xbdup\xa5\xb4GA\x84\x9a\x8c\xef\xdcPm\x13\x88$A\x8db\x96\xa1y \x13\xd5\\\xe5\x9dD\x96Vj=|m\xefR\xcd.\x10\xcd\x8b-\x9bp\xafB\x17\xb6\xcdS\xdb\n\x82\xf8?fr\xc8$9o\xaf\xed\xb5\x933\x97\xd9\xc4n\x8d\x1d\x94:\xff\xf0\xb5M\xa7PK\x84\xac\xe4\x00\xa0\xbf$aVP\x08\xb2\xe4\x9c\xde8\xabNI\xf2g&amp;\x08BY,A\x11\'\xf1\x83\x88\x7f\x9f\x9dW\xdb\x8a$\xcd\x96\x99\x03;\xd5*\xaf\xb6\x15\x84\xd4P \x13a\xfe0\xbe\x9br\x1fB\x10,0\x7f\x02\x9a\x0f\x11\x04\xa14\x01\x0e\xd6\xf8\xf1\xd6\xae\x05#\\(\xa4U%$\x8c\x9f\xa0\x00X\x82 x\xb0\xeb\xf6\xfb;\x17.\xfc\xf8\xfe\xe3\xda\x0f\xb5M1{z5\xf4\x8f\xaa\xe8,y\xb5;\xe6\r+o\x93T\x95@\x13\xab_\x07a\x8c29\xad\n\xa9m\x83\xe4d\x05\xa0\xec\xd8\x04a\xa9\xcc\xea\xdf\x82V\xc0\x84`\xcel\x9a\xe5\x93\x8f\x9e "\x91\xb2w\xd1\xe8\xfc\xca\xb68\xa3o3\tu%\x96\x8c\xecd\xc3Z\xe0\xed\xb5}\x96\x95Mt\xf5\x84\x9ej\x9b`\x80R\xd9`\xcd\x84^C[\xd4P\xdb\x10\xa5A\xc4^\r\xfdy\xddB\xc3\x05A\x18\x05\xdf_?\xb4|\x82$U\xd5)Y\x00\x11\xf7-\x19\xc3\xfc\xd7rS\xdd\xc55\xadV\xc2Zm#8\xe0k\x9b^m\x13$\xa0tv\x1e\x85?\xdd9\x1c\x17SM6[\x08"\x89\xe1\x95S27\xca\xd3\x1bgb&lt;\x9f\x11\xdf\xbc\xba\xbc\xdb\x12]\xde\xb2\x02\x84{%\xbe\xcds\xf3\xe5\xbf\x13\x1b\xd46\x81 \x08\xd1DUt\xc6\xbfOP\xc3\xc7\x9bj[D\xa8\xcf\xcbK\xbb\xc2\xdcs\xb1\x14\x98\xd1\'V1c\x00 \xd89\xc9\xe6U\xb2$\xdcI\x1d\xc1\x12\xc9\x040\xb0i(\xd3\xff\xcf\x1b\xd4F\xc2\x9a\x9f\x9f\xdf.am\x842T\xb1\xcb\x88\x88mC\rg9ex{}\x9fb\xf6\x10\x04!#\xc53\x01"~\xb8y\xf0\xe5\xa5\x9d\xd2\xd6l,\x88#\xc0\xc1z\xf3\x8c\xb8\x86\xde\x0eIa\xc6`q[j\x99\x01.%$\xf1\xf0H\x90\xaf_2\xa2\x93v\x99\x9a\x1e\xe4\xd8I\x10\x96\x06s\xe4\xabs\xb1T\xf6\xf8\x9ezp\xb30i\x9b\xab\\8\x83~s\xee\xe9\xc1-\x1d\xdc&lt;\xb0\xe2\xfc\xd6\xb9s\x07\xb6\x92\xb6E3\x84m\'E)\xc2\xdcs!~\xe5{\xd7\xc0\xa6\xa1\xf8\xe6\xaa\xbd\x15\x00\xc0\xc3\x93\x1b\x1dS\x18.\x16S\xd9]\x9cu\x84\x99\xe2i\x1e9\xac\x08)A\xfc\xd6,\xa0\xb8\xdeET&amp;e]j\x80\x96A\x9e\xcck\xd7\xb4r\xb7f\x16\xf4\x8c\xa8l\xad\xb6\r\x00\x80\x88\x1e&lt;\xb3Q1\x8f\xc4\xf9\xad\xf3\n\x01 \xa2\xb1\xa5\x0c"V7\x95\xb1 \t&amp;DL\x04L\xea\xd6Xm\x13\x08\xa9qO\x0f\x06\xbd\xfe\x93\xf8OT&gt;\xb5\xa9+\xbb\x17\xd7,\xce\x1eh\xa14\x15\xf2\xa7\xc67WL\x16C\xc4\x9b\x07V\xb4\n.\tR\x88\x9f\x8f\xeb\x18!\xba\x0eyI\x06pt\xf5\xe4\x10\x17J\x98\x1aO\xf5\xa2\xffH\x8c\xa7Q\xcb\x0eBBJX\xc3\x90\xa4\x17\x8b\xc4\x05\xbe\x13d\x8e\xe4\x03\xc8\xc7\xf3\x96\xb8\xa6\xd5~=:-\x8b5\x00\x00\xf0\xf2\xd2.\xfc\xfbD\xf3\xdf!-j\x9c\xde4K\xbfXR\xdb\x00\xe8\x15Q%)\xcf\x81\x88$\x81[:\x08p\xb4\x16|\xbb\xdc\x8az\xc1.\xd9A%\x11\xa4\xbe\x8d\xab\xaa\xd1\xac\x01\x82]\xb2\xcb\xda\x131\xab=\xc7\x14\xc0$\xc2z}e\x0f"v\x0b\xaf$_\x8bD\x12\xa7LN\xb0\x02hP\xd6NE\x1b,[\r\xd4Yt\xa7\xc8D\xa0^\xf9\n\xbbn\xbd\x17\\\xc9_\xfe\xb7\xd4/Sx\xf7\xc2\x91\xc5\xb9m\xb2\xd4\xaaW\x17\x00\xac\xe4\x89I\xee\x13\x19\xc0\xf2n\xea\xd4idZ\x04\xf0e\xdb\xb5\xd7VV2fA\x1c\xdd&gt;\xbce`\x89[\xbf\xe37v\xae^\xbe\x0c\xf0!K\xd6\xa46\xe3\'\x94\xa3m\xe7N\x08p\xe1\xec]\xbfB\x19\xd4\xb6%\tc\xc4\x8fCv\x98)\xe7\xc86uTj?\x1e\xe7\xd4\xd0\xc4\xd7\xd5d\xb1\xf2yU\x96\x9f\xcd\x02\xd0\'R\xa1\xe5\x88kZ\x8d\x0b\xc0{\x8a\xa5&amp;\x02\x8bdm*\x83[\xd7\xb15S\xf8\xa8\x87\x10\x89\x0b\xc5\xbc\x8c$\xa1C\xcdr\x1cK\xd6,n#\xb9\xa7D&amp;\x80\x88r\xf6\x88\x88\xf8F\xda\x9a\rR\xd5\xd1Z\xf3\xd7)\xcaA\xa6H\'@,1\x08\x1b\x11Z "\xe27\xc9\xe7\xe9uK\x15\x94\xb6\xc2\xa4\x85\xce\xf9\xbb\xc1\xed\x11\x87dP\xa3\xb8Min.\x0c\xca\x8b\xbe1]\x8c\x8c\xfb\x1a*\xd1\xb5^\xa5\xa2\xac?\x16\xbe\x1b+6\x00\x9dk\xfb0_W\xd9\xdc\x12\xec[f\x04xsu\x8fO^\xa3{\x88\xb9\x01N\xae\x9f^\x92\xb3\xa1\xd4\xe9\'b\xf6\'\xe8B\x8a\x81\x96\x922R:;\x18t\xbaf\xba\x8c\xef\x0fNp\xa9\x04\xbf\xddc\x8f\xf5\xd7&amp;\x05@:Sn\xfb6\x00\x8de\xc8\x07d\x0e\xc4V)\xaap\x8b\x95\n\xa6}vn\x1b"\xae\x9b\xd4\xa7i\x15\xb1\xebq;+\xf8p\xf3\xa0\x84A\x17[f\x0e\xdc2s\x90\xc9b\xb5=\x15VI\'\x88\xc4ND9\xfb\x9d\xf3\x86\x19\xfc1\x97\xb0\x06D\xdc8m\x80\x1c\xed\xa6\x00\xd86{0K\x81=\x0bGY\xca\x0e\x8f\xc2$\x17t\xd7\xde\xc5\xa35;3\xe6\xa6\xba\xb0k\xfe\x08|}\xc5\xaf\x90\x89\x95\xc0\xd9\xcdsj\x16\xb7\xe1\xa2\x84qy\xd7\xa2\xa9=\x9bHb\x9b1|\xf2\xa5\xf6w0\x8f#~\x82\x10C\xb4\xaf\x8b\xda&amp;\x18 \xc6\xcf\xcd\xe4\xd8\xd3+\xa2\x8a2\xc6$\x02\xa6\xf6l\xa2\x19\x00"\xca\xd9\xabm\xce?\x8ci_\xff\xbf\x13\x1b\xdc\xd3Cn\xd3e\x01\xf1\xbb\xec\x06qcP\xb30\xa0h&amp;\xf5\x88\xf5/\xa6\xb6\t\x84ld\x03\x98\xd9\xaf\xf9\x8c&gt;\xb1\xf3\x06\xb66V\x06\x11\x11\xdf*i\x95\xf2d\x02\xb0\x97\xe2\xa0#k\xc2\x9e^\x15;\xb3K\xd2sq\xfb|D\\7\xb9\xcf\xe9M\xb3\xd2\x1b:\x12\xe8\x1e\xee\xaby\x9d\x11`Dk6\xef/\xb7\xa4\xa0\x08h9\x14\x06\x18\xd5\xae\x9e\x1c5K\xab4L\x98\x1d\r\xca\xda5\xf4v\x98\xdd\xbf\x85\xda\x86\x98\xa6w#~\x19\n\xb9\xc0\xc49\x94\xcd\x95l\xd3tiv\xe1\x10\xdf\xbe\xbdf\x8e\xaa\xcbes%[:\xb2\xf3\x8a\xb1\xdd\x11q\xe3\xd4\xfe\xcd\x02\x8aW.\xfc\xcf98\xdf\x04\x90"7\x0f\x0b\n\xddg#\x0c\xd2\xa1\x06W/8^Tu\x92*\x8b\x95\xaa\xf8\x15J_\xc7\xfcN\xb7,+g\xaf\xea\xc8\x91^dD\x9b:\x11\xe5\xec\x1f\x1c_\xbf\xcf\x90\x1f\x855\x80\xc9Ms\x1d\x1e\x9d\xda\xd4\xa9Vyi\x8c\x93\x87\xce\xb5}*\xe4\x97 }/\x9d\x1e%\x05d\x1aW\x94\xa6iew\xc4\xb7\xd5\\\xcdK\xe6=Q\x8c\xadJS\xa7d\x01\x9d+yEtF\xc52B\x91\x94\x80\x88\xf8\xeb\xa1\xc1\x02\xad\x82=yUxf\xd3,w\xe9&lt;.u?\xaa9Q\xb9\xb0\xd9msY\x1c5=\xf2\x8a\x91xQ\x80@\'\n5\xb7\x1cz4\xa8\x8c\xbf\x1f\xb5\xafQV\xc9Fs\x00,\x18\xd2N\xb1\xe6\x10?zf\x01\x00\xc8\npx\xc5\xc4\xc2\x00Sz6\x11&lt;\x00t\xa9S!\xaa\xa23\xa8$dD\x98\xc4\x9c\x87@\x82A\xe5\x10|9\x98?\xb8\xad|\x95\x07\x16\x91kPE|\xc6\x1cB\xee\x9c7\xdcAP4\xd2\xbcAm\xca\xe6\xe2}g\xb0s6|uIH{"\xd82s\x10"N\xe8\xd2(.\xa6\xda\xe2\xe1\x1d\x85U2\xbcU-\xc4\x975L)\xe3\x13&amp;\xd1~\xa6S\xfd\xbb&amp;\x13\x19\xcdp|\xed4\xdan\x92\t\xf1_l\xe3\nE\x10\xbf\'\xb6qZ\xc0#\xbbe\xe6@\xe9\xed\xe0\xc9\x9a\t\xbdD\xc6\xee\xe2\xb7{\xc2\x9e\x89&amp;~n\xda\xff\xe5\x1e\xa1*\x06D\xec\x1f\x1d,\xa6\x86F\xe5\x1d\xf1\xcf\x13\xf6h\t\x0b\x85=A\xbc\xdcH\xd8e\xefY4\n\x11\xe9\xc0LB4\x9b\x94|\xffL\xe5mR\xf6m\x1c(\xb9=\x16\x86\r\xc0\xc4\xae\x91:\x17#+\x14Q\xc5\x18\x1d\x96\x8e\xec,r(*%\xc5ak\\L\x88-\xcf[\xf4\xbfR\x05hZ\xc5}\xcb\xcc\x81\x92|d\xc1\x8c\xeb\x14\xd1*\xd8\xd3\xd5\x88\xaf{\xa8{\xaeP7!gW\x88\xc8K\xf2(\x9a\x83\xe2\x9e\xf2\xd8\x02T,\x90\xc63\x0b\x98\xcc_Fh\xa8\xeah\xe2x\xd1\x1c2\x9e\x12r\x11\xea\x96\xb3{\xb8oa\xf5\x0cpH\x06\xe5mR\x86{\x15Z7\xa9O\x11\xf3\xde ,\x96\xf1\xffr\xe7\x89L\xf1\xd6\x82\x84\xfcL\x92EO\xcf\x8e`AB7\x04|w\x8d|U\x84 k\xea\\\x964\x039\x01\xf0\xf9yD\xdc\xb3h\x94\x9c&amp;\xc8\x95\x8aK$\xec\x12o\xec\xbc\xbfq@g\xd4,o\x93\xb2\xa6\x87\xb9i:pe\xc3\xd4\xfe\xc6\x06\x80\xceu|\x864\xaf\xae\xb0=\x84A\x1a\x95w\xf4\xb35G\xa5&gt;k\x00\x00\xb8\xb0}\xbe\x9b\xa1\xbel\xee\xc0\xd6\xe3:E\xb4\xa9VZQ\x9b,\x9dG\xa76\xbd\xbb\xbe\xff\xd4\x86\x19RUhp\x9a\xafQ#\xb0\x95\xaa\x19C\x95#\xe2^\x99\xc7\x18\x01X\x03\x14\x13\xea\x9d\xd8/*\xf0\xda\xde\xa5v\t\xe7\')\x00\x1e\x9e\xdch,X)\x9b)\xc7\xa1\xd5\x13z"\xa2I9]Y\'\n\xc6`\xfe|aE\xb9\xa8B\x10I\x1a\xe7\xd4P\xdaPN\x80C+&amp;&lt;;\xb7\xcd\x93V\x07\xbc8\xbbe\x0e\xbe\xbb\xf6\xf7\xd9y\'9\x93\xbc\xdc=\xb2\x86\xf9\x85\xef\x98;T\xda\x9a\xc7vl\x80\xff"\xa6\xb6I\xdd\x1a\x9f\xdf:O\xadt7\x06\x19\xda\xa2fCo\x07\xcd\x7f{\x1a\xd1Ab&gt;{\xad\x12F\xd3\x06gI(\xf3\xec\xfcv\xe9\xad\x14\r\xe2\x1b\xfc\xf3x\xf1\x88\x8ej\x1bB\x98;!.9\xf0\xcdU\xb5\xadP\x8a\xc4\xe1\x0cn\x93\xd0\xfbH\xbeK3\xb4E\xcd\xff\xf7\xfdo\xaer\x91\x17f\xa1\x9ak\xce_\x8f\xcfX\\\xa8a\xff&amp;\xc1\xcc\x17\xe0b\\\xa2\x8cqQe\x18\xdf\xb9!\x97j\x95\x8c\xb8\xd9:k\xd0\xf4\xdeM\x1f\x9f\xd9\x9c\xf82=\x98!\x16\x1dI\xe5\x9cJ\x88\xdb:&gt;\xbfpi\xe7B\x91\x1ez*\x80\xdf\xef#"-\x8c\x8d\x11\xec\x9c]\xd3\xafm\x9b=D\x99F\x87\xb4\xa8\x01"tc*\x15\x94x\x97e\xc9\x88N\x9a/\xc1\xd8\x0e\xcf\xb0\x96Z#%\xb7uR!\x00\xa3\x0b\nV\xda\x85\x95\xe1{\xcb\xc0\xd8\xd0\x86\xde\x0e\x88\x88\xf8TP\x9br\xa1f\xf6q\xd9`\x9e\x011\xa7S\x96\x85S\n@D|qAmC\xf8\xc3\xfc\xa9No\x9c)Im\x93\xbbGIR\x8f\x86,\x12\x89V2l\x98\xd2oJ\x8fh\xbew}\xb8y\x90\xf9\x96\xf8j\x87\tF3\x83\xb6\xe1s\x97\xac\xceG\xc6:\xf7\x9c\x00s\x07\xb6\x02\x00\xc4/\xff/\xf1\xe1\xa6\x9c\xb6\x08!\xaa\x92\xcb\xa7\xdb\x87\xc5o\xe2%J\x84EP\xb2\x90\xf0\x18\xdc\x90\xb8^\xd9\x98\x1b\xd7\n\x11\xff;\xb1A\xd8\xed\xa5s\x00"\xfa\xe4\xb3\xc0\xfd\x94i\xbdb\x10Q*\x07\x89\xd1\xed\xc3\xb5O\xf7k\x95\xc87\xb4EM^5,\x19\xd1)\xc0!\xb3L\xfe6\x88\xaf\xf1\xcf\xe31\x1d\xea\xf3us\xc1\x17\x17\x95\xe982\xfd\xfb_\xf3\x99Ci\x0f\x00:\x03!\xe3\xa05\xba}\xb8\xa6\xc0\xcaq\xdd\x95\xb1\x8a\xfb\xd7\x13T$\xdb\xafG\xa7\x19\xf3\xa6\xf6\x8a\x91\xd1&amp;\x0bdV\xbf\xe6\xd2Vxt\xf5\xe4\x8f\xb7\x0eU*h1\n\xda\x9aG\xb7z\x12t\x13\xb8wt\xad\xc1\xeb\xcbGw\xdd\xbd`\xa4\xc8\xca}my&lt;\x04=\x1a\xf8\xe1\x97;\xbd\x1a\xca\x98\x8fE\xff\x18\xf3\xfe\xb1uf\xb2e\x99\x01`\xfd\xe4\xbe\x1fo\x1d\x1a\xd71";@\x9f\xc8\x80\xa7\xe7\xb6)\x1c\xb1\xd5\xc4\xd7\x15\x12:\xd6#\xab&amp;\xcd\x1e\xd0\x12\x00\xca\xe5N\xae=\x00&lt;=\xbb\xd5\xe0\xbd\xf7\x8f\xaf7\xdb)\xf6\xc9\xf5\xd35\xf6\xdf?\xb6Nms\xcc\x0b+\x80I\x92\xae\xdd\xad\x01\x8e\xad\x99\xe2\x9e\xfe\x1f\x9f\xbd,\x00\x8fNm\x92\xb0\x15\t\xf1\xca\xc1\x8c\x01?\xd56\xc4\x9c`~\xf6\x17w,P,9\xd1\xcd\x03+\x1e\x9e\xdc\xa8Tkf\xca\x83\xe3\xeb\xf1\xeb\xdd\xc2\x00erY=:\xbd\xc9`\x04\xa3\xb5l\xad\x7f\xbcu0\'\xc0\xfe%c4\xdde\xbf\xa8\xc0\x91m\xeaj\x0f\x00\xdbf\x0fq\xd6\x13W.\x99\r\x0e-\x9f\xc0\x140\xa6\':\xbdwS\x7f\xfbL\x06\xdf\x92\x1b\xc4\x17\x1a\xfbOo\x9c%O\x13\xb8lT\x17\xbeZ\xaa\xe6@&amp;\x00D\xf4\xb6I\x01\x00\xe5m\xa4\xd9J\xdc&lt;#\x0e\xf1\x99\xe6\xbf\xce\xa9\xa0\xaa\xa3\xb5yN\x0eDrt\xf5\xe4O\xb7\x0f\xabm\x85\x1e|U\xdd\r2\xa3O\xec\xc6i\xfd\x993I\x05\x98\xda\xb3I\xb9\xdc\x943\xc3,8\xb0t\x1c"\xe2\xdf\'\xe3:E\xc4\xf8\xb9i\x0f\x00\xc6\xb2L\xfc\xbf\xc4\x8b\x8b\x06]]\x11\x9f\xad\x9f\xd2\x8f\xa3\x01Y\x01Je\x83\x011!\xc2\xec\xd7\xe1\xd5\xe5\xdd\x1a\xeb\xca\xe4\x92\xc5\x15\x88\xa9|l\x87\x06\x16\xb3\xf1\xa1\x05#9\x9e\x01\xe0\xcf\xd3\xb3\x81\x12eD\xb9}h\x95\xe61X9\xb6\xfb\x9eE\xa3\xfaE%6Q\x9d\xfe\xd1\xc1\x9a\xe7Jm[\xfeE\x92]\xf4&gt;\x91U\x1f\x9d\xde,\xf9\x19\x91\xc5\xa1\xa2\xc8\x84\x86B\x00*\xfe~*\x17\xce\xc0\xfe\xa0\x8fh]GS\x80\xc5[\x94;\x9al\xc3\x92h}\xc7\xc5\x84 \xa2\xf6\x9cTr\xfaG\x07}{p\\\xbe\xfa\x95A&gt;e\xf5\xc1\xcd\xc2\xe4P7R7\xa4X\'Nh\xf9\x98n\xaa\x9a#\x03\xe7\xb6\xce]3\xa1\x17H\xea\x8dcqT, \xdc\xb1\xb2\x8a]\xc6\xdd\x0bG\x8a_\x90\x15\x04@\xfc$\xb2\x121X\'Lrs\x18zW\xa3\xcb\xdd3\xa2\xb2\xc8\x86\x98\xc4\x8d[g\rf*\x9c\xc8G\xdf\x8d\x05|s\xa5\x7ft\x90$U\x19\xa4w\xa3\x00D,b\x81\x9e \xf2a\x07\x90^\x90\xdb.G\x8e\xad\x99"UfSa\x94\xcd\x9dL{\x00\xf8t\xc7\xfc\xf6\x82\xc4\xc3\xcc\xe7\x12\xa5\xc3\xb22\xe0\xcf\xff\x0e,\x1b\'\xbe\x9e\xb9\xc6\x13\xd9\x03@j\x00\xc4o\x03\x9b\x86\x8ao\xc8\x18\x85\x00b\xfd\x8b\xe1\x8f\x07\x9a+\x9aG\xff\xd8\x9a)\xb5=\xf3K\xb2V\\&lt;\xbcc\xddR\x05\x8bf\x90X\xbf\xa1[x\xa5M\xd3\xe3\x10\xb1ayGI*\xd4\xa7*\x87\\W\x99\x01\x9e\x9e3|\x8aN\x08 \x15\x80I\xf5\x11\r\x06\xf38\xe9d\x8a\xe6E\xa9l\xf1O\xe9\xcd\x03+\x04WB$r\x10\x9f#\xa2\xe4\xcev\xfa\x0ch\x12\xa2dz^\xd7\xb4\xff\x1f\x00$\xac\xf6\xf2\xaeEc;6\x80\x84] \xa9\xaaM\x0fpi\xe7Bs\xd8\xaeU\xcc\xab\x820\xc9\xfc\xc1mE&gt;\x0f\xb1\xfe\xc5\x10qX\xabZR\x99D$B\x10\x11\x7f=\x14/@op\xfbE\x00\xc6\xb4\xf8\xf9\xd2\xc4\xcf\xadUpIi\xea\x02\x00\x00\xc7\x14p\xf7\xc8\x9aM\xd3\xe3\x04\xdc\x9b\xd2\xd4d\xb0}\x8d\xb2\x81NY\xcd&lt;\x85\xbd\xc2,\x19\xd1)\x13@\xd7z\x15\xc5T\xa2\xe7\x14\x96\xe40GuS.X\xa2\xc7\x02G\xd6O\xe9\xcb^ \x19\x80b\xc7\xdbR\x9d\xa0Hu\x88\x86\x88\x0b\x87\xb6\x97\xa8\xb2xj{\xe6G\xc4[\x07W\x8a\xa9\xe4\xe4\x86\x19g\xb7\xcc\x19\xd1\xba\x8e\xb0\xdb+\x16`\x1b\xd9\xb4\x97\xfa\x8ef\xa5\xc9\'59\x01\x94&lt;\x8d\xb0\xd4\xee\x8f\xd0a\xd1\xb0\x0ej\x9b \r)\x00\x10\xf1\xee\x915j\x1b\xa2\x04&gt;\xf9R\x85\xb8\xe6`W\xb0*\x04 \xb7\x90m\xcf\x06\x95\x99\r\x96\xfdK\xc6N\xe8\xd2HX%\x93\xba5^4\xacC\xfd2\xfc\x1c\xaf\x12[\x82V\xd9\x10&amp;\xbeD$\t\xd2\x00\xdc\xd8\xb7Lm+\xa4!\r\x00\xbe\xbc\xd4H\xd2\xe3\xbe\xa1-\xf9\xc9Z(\x83\x15\xc0\xae\xf9\xc3\x17\x0ci\x87o\xae\x9c\xdb2W\xbf@\tk\xe8\x17\x15X\xdb3\xff\xde\xc5\xa3\xe56&amp;\xfe@\xe0\xdd5D\x14&lt;\x01e\xea\xf8\xfb\xec&lt;\xf7\x90$\xee\xc7\x80\x8c\x93\xbb\x9b\xb8\x95\xaf\xe5\xae\x1eTI\xc6@X\x0cf"\x8a \x9e\xe4\xac\t\xbc\x0c&amp;|0I\xcb\xc0\x12\x82\xed\x91\x95[\x07W.\x1e\xdeq\xc9\x88\x8e\xf8\xed\x1eK1\xfc\xfbD\x01c~?9\x83\x1fo\xee_:\xb6E\xa0\x87\xb0\x1a\xb4\xfd\xea\xa4\xb5\x8d\xa1G\xfcJ\xe5\xfb\xf4\xdeM\xe5\xa8_$\xbc\x14\x15W\x8c5\xecx\xde\xbd\xbe\x9f\x84Y\x12U\x07_\\P\xfd\xe8\x9e\xb0$\xc6wn\xa8\xbd\x9d\x95\xe8\xd3\xf8\x08\x1b\xd2d\xa2cM\xef#\xab&amp;\xe1\xaf\x87\xc2N\x9a\x11?j\x06\x80\'g\xb6Hl\x1c\xc0\xcf\x87\xa7\x98\xcaw/\x14+u\xa5:\xcc\x07I\xdc\xb1\x07\xc9\x00\x10\xf1\xc1\xf1\xf5j\x1bB\x88\xa6gD\xe5\x8a\x05\xd2\xb8\xa7\x83p\xafB\xd2j&gt;\xe8\x84+\xa7\x01\x98\xdd\xbf\x85\xc5\xae\xd4-\x80L\x00\x15\xf2\x19\xf5\xfe\xa8\xe6\x9a\x03\xf1G\\L5\x015\xb7\x08\xf4x|z\xb3\xf6"\xe0\xdb\x83\xe3!.\x92\rq\xbb\x17\x8cD\xd6\xecf\x16Da\x80E\xc3:\x98\xd5\xf0O\x10&amp;h\x16P\\\xda\n\xed\xad\xe0\xeb\xbdc\xd2\xd6\xa9C\x01\x00vG\x9e\xce\xb5}B\\r\xc4Tv7\xcf\xdc\xf1r\xd0:\xa4\x14\x8b\xff\x9f\xe0\x8d\xf2\xdd\x0bF2\x1dZT%\x17\xe6\n"N\xed\xd9DS /\xc0\xc7[\x87J$\xfae\x9d\xd4\x98\x8d\xb88aQT\xb1SG\xc1\xd1\xb2\xc8\x08\xb0ph;\xfc\xf9\x1f\xbe\xba\xac\xb6-\xca!\xbd\xb6\x0b@\xab\xe0\x92\x85\xfe\xbdrp\xd9x\xcd\x15\x974p\xe7\xf0j\xfc\xfe\x80\xc2\xa9\x04 \xc7\xdf\xcb\xa2\xe1\x9b\x1a\x84 Lp~\xdb&lt;\x83\x1a\xceI\x13\x01\xd9\x1dJX\xff\xf3_\xf7\xf4\x80\x88\x9eY\x00\x00\xb2\x00\x8c\xe9P\xff\xed\xf5}\x8a)\xd4\x12D\x12ep\xb3\xb0\xcd3\xe2\xd4\xb6"1\x13\xec\x92]\xe1|/\xca\xc3w\xdb\xa1\xaa\xa3\xb5\x8ev\xd8\xd5=K4\x1e mC\xbd\x9e\x9d\xdf\x1e\xeb_T"\xeb\x08\x820BM\x8f\xbc\x94&lt;OV\x9a\xf8\xb9U\xb1\xcb(\xbe\x1e\xa9\x04\xdcM\xe2\x91\x19\x10q\xed\xc4\xde\\\n\x07;\x0b&lt;\x9a\xd4\x89\x01\xb3\x03`\xa4\x81\x00\xe0\xdc\xd6\xb9\n\x04\xb8f\x05\xc0\xef\xf7eoF\x8b\x99}\x9bM\xed\xd9\xc4\x1cT\xc7\t"I\xa3\xb0\xe8\xb5$~J\x0b\x86\xb4c\x12z\xc8\r\xfe\xfc\x0f\x11\xf1\xeb\xdd\x9a\x1ey\xeb\x95\xb6e/|\xef\xe8Z\xcdqx\xeb\x90R\x92\x18 L#\x88/\x99\x00\xa6h\x9d9+\x80sj\x88\xf6u1\xf6\xee\xdd#k\xc6vl`,\x0f\x0fA\xc8\xc2\x96\x99\x03\x15\x9bZ\x9a\tes\'\x13\xaf\xd7\xa6\x00\xb9\x00\x1a\x95w\xd4\xb81\xda)5j1~\x99\xa76\xcc(\xc8A\xff\xeb\xeb\xfdc\x9b\x13\xfa\xeb\t]\x1a!b\xfd2\x85\xf7.\x1a\xbd~\xb2\t\x8d&amp;\x16b\xfc\xdc\x04\xdfk\xa1h\x87\xc5y\xe7I$\x8e\xcd\xd5\\s\xaam\x02a\x8a|\x00\x9dk\xfb\xa8m\x85\xc5P\xc8t\x11s\xa1l\xaed\x00\xe0\x94\x12"\xca\xd9\xf3\xba\x91\xe9\x86\x9e\x9e\xdb\xc6\xa5\xf0\xd0\x165\x10\xdf0\xaf\x1f$\xe4\x8bG\xfc!kZ\xae\xc4\xc7\xbd\xa3k5\x03@\xf1D\xe4\x8eGN\\\x84\x8c\x1cY5)\xd4\x9d\x9cq\x0c\xb0`H;\xc4w\xfd\xa3\x83v\xce\x1b\xberlw^\xf7\xe2\xefGL\xee\x17\x8e\xe5G\xb5\xab\xc7\xbc8\xbev*\xd3\x85\x9dX7\x8d\x92&gt;s\'\xb1\xbb\x08\x10\xf2\xe3\x9a$\xf5\x9f\x8ae\x84\x99\xf2\'`\x11\x83\xe0\xc9\x9c\x80\x98XMlZD9{\xa6#\xbe\xbcs\xa1\xac\xb9\xc3t\xf0+\x94\x1e\x11\xbf\xdc=\xba`H;\xbe\x125\x0b\x86\xb4[;)\xfe\xd8\xb9\x96\x07\xf9m\x13\x04\x07\xc4\'\xa1%\xe4\xc3&gt;\x19\xe0\xf3\xf3^R\xa5w1\x05\xe3\xcd\xd5\xb7q "&gt;;\xbfm\xfe\xe0\xb6\xe2\xeb\xb4\xe5S\xd8#3\xdc:\xb8r\xff\xd2\xb1\x88\x1f\xd7O\xe9\xc7\xab\xa1G\xa76i\xdc@+\xe4\xa7\xd4#\x16\xc3\xae\xf9#\xd46!\t3\xa3O\xac\xda&amp;\x10l\xc4\xfa\x17\xe3{\x0b\x97\xcd\x13\x83\xfe6\xcc\xae\xfd\x8c&gt;\xb13\xfb6\xe3\xdb(\x00X\x03\x1cY9\x89Y:h|Qx\xedN\xdc:\xb8\x12\x11\x11\xdf"\xe2\xf1\xb5S\xf9\x1a\xe0\x93\x8f\xab\xef\xe7\xb8N\x11\x06\xf3\xbe\x12\xca#f\xff\xcal\x95w-\x86=\x96\xaft(\x15\x88\xb8b\x8ca\xd5\\\xcb\x82\xe9\x82\xd9g\xc1r\xe4&amp;\xbd\xff\xff#\\\x14\x96bA\xdb\x95e\xe7\xbc\xe1\x92[\xa8\xd3\x90\xe6\xbf&amp;}U-\x88P7i\xce\xb4\x1aW("I=\xc6\xb0\x96\xa2\x92\x10W%V\xc7v\x00\x8b\x87w`\x9e\x99_\x8fO\x9f\xd94K\xc0\xb4\xccLa\x97\xca\x9a\xd6\xbbi1\t"\x90,\x83\x1b\xfb\x97\x0f\x8a\rS\xdb\n\t\xd0\xf4\xa1,\xc7:\xfe\xf6\xd2{\x8a,\x1d\xd9Y[\x9b\x93\x17\x8c5\xfb\x16\x8fA\xc4[\x07W6\xad\xec.\xb7\'c\xff\xe8 \x00\x98\xd85\xb2HJ\x88\xad\x92Hb\x86\xc3\x8a\xe6\x96\xaa*\x01\x7fD\x85\xb1\x03\xc0\xbfO\xe5n\x05\x8d#\xd9wm\xb6l\x9f3\xe4\xf7\xe33j[a\x14\x99N\xfa\\\xd3B\xddR\xdc\x93G\x99\x1d\x03\x9bV\xc3_\x8f\xb6\xcf\x19\xca"\xe9\xe5W\xc8\xb0\xf8B\xbf\xa8@o\x1b\xe1}\xef\xa0\xd8\xd0\xc3+&amp;\xf6m\\\x95\xd7]\xe3:E\x0cUU\xb4\xc7A\xb1\xa4\xcf\x86\xb0\x93\xa2\x12D|v~\xbb\x84z\xcf\xec\xe96\xcb\xdb\xa4\x946\x8f\x9e\x00B\\r \xe2\xbb\xeb\xfb\xe5k\xa2LN+\xfd~\xff\xe1\xa9M\xcc\x8b\x1ds\x87\xc9\xd74\xa1&amp;\x96\xeeH\x9d\x0f 5@\xd7\xba\x15\xc3\x8c8\xb9\xf6n\xe8o\xf0z\xb9\xdc\xc9Om\x98\xe9\xa4` Q\xfd2\x85\x0f.\x1f\xdf-\xbc\x92rM\xf2G\xd6\x10\xbaE\xc3:\x88\x97\x06\x17\xb6\xf0\xb2\x94\xe6\xf49\xbev\x9a\xe0\xe5&amp;G\x92\x19\x9a\xfe\x97L\xc8\x86\xe8\x94\x12\x8ag\x82]\xf3G\x048$\x16a\xf7D\x93\xe8Qr\xac\xd56@r,\xd7\xf7+\xd6\xbfX\xa0S\xa2zT%\xc9\xd3\x82\xf8B\xee]{m^^\xda5\xa9[c15\x84\xb8p\xda\xbewO\x07o\xaf\xed\xdd\xa0\xe7\x12\x96\x1b\xe0\xc1\xf1\xf5\x19\x00\xe4\xd36\xc1\xe7\x17\xb4\xbb\xfe&amp;F\xc2\xcb\xf1\xd5%\x0b\xde.\x10CbH\x95\x94\xc4(\x9f\x97{\x06u\x95a\x99V\x95\xb7\xb1\x98O\xc1\x85\x91m\xea\xaam\x82\xf9\xd2\xaez\x19\xa6\xffU\xfe\xdcU\xbb\xf7g\xc9\\\x9d\x15`h\xcb\x9a\x89\xff&lt;@\x87Dsnf\xb6h\xaf7\xa5"\xb0H\xd6\x9aj\x04I5\xaeX\x84WL\x7fa\x80;\x87Ws\xd4\x86K\r\x10X$Q\xad\t\x18\xea\x95\xb6MdC\x1d\x0b\xf8\xf1\x96\xd1\xb7d\xde\xea1\xc8\xca\xb1\xdd\xb5\x07\x00\x93\xe5\xff&gt;;\xaf\x80Ur! -\x9f\xf9;\tX:\xf8\xe1F\x9bj\xa5\xd5\xb6B\x1a\xbc\xf3\xa4\xe02\x98\x9d\xde8\x93y\x91\x13\xe0\xec\xe6\xd9\xdc\xeboJ\xd3\x11\x0b\xe7\xd4\x86\x99\xc6\xde\x8akZM\xf9\x01@g\xeb\x9fKyU\xa6V\xaa\xa1\xfc\xb6W\xd2qHe\x10&amp;\x86\xd3/*\x08\x11],3\x12v\xd9\xa8.\x9a\xd7?\x1f\x9eRL\x9dD\xff\xd0{z\x9fX\x90\xdf\x17\xc0\n\x00\x11w\xcc\x1d*\xecv\xee\xab\x03\xc9\x13\nU\xc8\x9f\xba\x9a\x9brR\x9d\xcc|\x9c{\xf9:\x9e\xf9\x05\xe7\x9af\xd0\x19\x00\x864\xaf\xaeS\xc0;O\x8a\xbbG\xd60\xaf\x1d\x93\x03"&amp;\xfe\x93\x80\xf2yS\x9a\xb9r\x0e\xc1&lt;\xaf\xab\xc7\xf7T\xacE_\xdbt\xdc\x0b\xa74\x94\x97F\xff\xa7\xea\x99\x05\xde\xdd\xd8\x9f\xe8e\xc6/l\x9f\xff\xf9\xce\x11\xbeZ{\x1a*\x17\xe6\x9aHM\x92s\xe6$\x85\xbe\xff\x8fN\x81ry\x92#b-\x8f|\x9a\xf2\r\xcaJ\xe2\xd0k\xc6\xec_2\x16\x11\xad\xd56\x83\xd0\xc0D3i\xb0\x01\xb8\xbew\xd9\xedC\xab,]\xe2td\xdb\xba\x97v.\x9c(\xce\xcf\x84\xad~\xf38w\x15\xa9\xc0\xb8bL\xb7\x8a\x05H/Y \xec\x9e\xc7\xba\xdd\xff\x97;:\x05\x92\x03 \xa2F)\xfd\xc9\xd9\xad\x8e\x16-`\xcb%\x85\x9e5@\xcf\x88\xca\x00\xe0\x99\xc8gf\x16\x03\x93]\xa0H\xc2^\xc0\x80&amp;!\x92(\xb8ih_\xbd\xac\x84\xb5q\'\x07\xc0\xe8v\xe1\x17\xb6\xcf\xbfwt\xad\x1c\xf5\x17I\x14g\xab\xcc\x8f\xd1\xa2\xe9X\xd3[m\x13\x0c\xb3vRo\xed\xfe\xff\xfa\xbee\xfaeB\x136\xc1\x92\x01\xbc\xb9\xbaWY\x03\xa5\x06\xf1\x0f\xbe\xbb\xa6\xb6\x15\x84(Jg\x87&gt;\x91\xfc\xa2p9rd\xd5$\x05\xd6\x14\x1b\xa6\xf6\x1f\xd8\xb4\x9a\xe6\xbf\xb3\x07\xb4\xbc}h\x95\xfc\xcdZ$\xb6\x00\xce\x96y\xd2\xa3\xcd\x8b\x8b;\x8cmO\xb1\xefZ)\xb0\xa7\xa5=\x00\xb0\xef\xef\xe7\x028\xb7e\xae\xfc\x16\xc9F\xb7\xf0J\xcc:GmC\x00\x00\xe4\xcf\xe6M\x98)\x1dky\xf7\x89\x0cP\xdb\n\xcb\xc0\xdf&gt;\xd3\x9d\xc3\xab\x8d\xbd\x9b\x06\xa0]X\x19%\xed\x11@\x0e\x00D|~a\x07\xdf\x1b\x0b\x01\xfcz|\xa6G\x03?\xee\xb7hrEpGk\xff\xe7.{\xc9"\xa9,&lt;(*\xdc\xab\x10\xe2\xdfckx\x0b\xf0\x12&amp;\xc9\x07\xe0o\x9f)(1:\xaa\xeb\xd0\xb1\xa67\xdf\xe4\x91R\xe1o\x9f\xa9mh\xbc\xcbla\x80[\x07V\xaab\x86\x92Tu\xb4F\xc4\xd5\x13z\x19|\xd7\x06\xa0Y\x80\x8c\x91S\x1a1m6\xc1 \xd9@|\xcd\xf4\xcc\xbf\xe4T*\xb3\xb32\x10\x82\xa0\x7f\xe4\xa2T\xb6\x0e\xc22ywc\xff\x81e\xe3&amp;w\x8f\x16SICo\x87\x96A\x9ef~\x02\xdf\xbeFY.\x9dN\xeb\x90R\xcbFu\x91V~\r\xf1D\x96:\x02\x00\x00 \x00IDAT)".\x1c\xda\x9e\xf9o\xefF\x86\x95\x8e\xcc\x96\x02\x00\xbf\x1e\x9f\xe6{\x97|\xde\xf1\xecA\x1b\x85\x01\x10_\xc7\xdb\xf0\xfe\x86\x1c\x06\xe8P\xc5\xee\x1f\x1fp\xc4/\xccg\xef\x17\x15d\xec\x16\xa9`\x1a\x1a\x14\x1bV\xd5)\x8b\xfe\x17n\xe9\xa2a\x84\xec\x04:e]&lt;\xbc\xa3HGlD\xbc\xb1\x7f9"\xee\x9ao@%?\xc4%{~\xfd\xab\xa2\xe1\x9b[\x9cc4\xbc\r\x00\xbe\xbe,\xad\x1bA\xe5\xc2\x19\xbb\xd7\xf7\xe3\xe1\x8e*)\xa9\x01\xc4hR\xe6\x05\xb8\x7fl\x9d\xb0{+\x15L\xcb\xfd&lt;;T"\xcf}\xa6\x1fL\x9f\xf0\xba[\xbdJ\x92Tk\xaa\xc5o\x9a\xffjR\x96\xe2\xafGr7\r\x00\xc7\xd6L\x89\xf4q\xd2\xac\x064\xd9#\xb8G\x1ahF\x0ek9\xec#\x12=\xf8\xfb\x11~\xbau\xef\xd8:c)&lt;\xdb\x86z\x95\xcc\n\xd2\xba\xffK\x1e=$+\xe5\xf2\xa8\xe9\x85\'x2n\x97p\xaf\xb1\xe1\xd3\x0c\x0fz\x19\x83\x99\x0c\xd2\x88?g\xf5o\xa1@\xa3\xdey\xfe\xe9o\x8d\xb9\xe7s\x87\xef\xd3\xcd8\xfe\x8fhS\xa7AY;.\xfb\xb9\x03\x9a\x04\xf7o\x12\xcc\xbc\x96o\xadFpePlh\x9d\x92\xf2I\x07\xcaK\n\x80\rS\xfb!b\tk\xc3\x05\x0e,\x1b\xd7\xa6ZiD\\:\xb2\xb3\xa2\x96%\x90_\xfe\x1cR\xe6\x0c\xe2\xe7\xb6a^\x02nd\x14\xe7_]\xde-\xb9I\xf2\x81\xf8\x0c\x11\x99N\xb0w#\xff\x98\xca\x86e2e\xe5\xcc\xe6\xd9f\xde\xa5&amp;6\xe1\x82\xceu*DWrQ\xdb\n\xe1|\xb9{\x14\x11\x95\x8b^\x97\x01\xc7\x14F\x85\xe95\x03\x83\xc2\xaa\x84\xa9\x01\x10\xb1b\x814\x1e\x99\xe5\x15\xcdW\x9e&lt;\x00CZ\xd4(,\xff)\x9f\xc5%\xa4l_\xbd\x0c\xe2\x0f\xcd\x7f\x9b\x05\x14\xdf:k\x90F\xc7\x89\x0b\xe2;\xc7\\\x1c\xe4\xc8\x92\x9cB\xa7\xacd\x02p\xb2\x84\xf0\x19\x83\x1b\x17\xf5J\xdb\x1eZ&gt;\xa1i\x15w\xdf\x82jm\x14\'N\x1a\xf98"\xe2\xd5\xdd\x8b\xd56DJ\xa6\xf4\x88\x06\x80\xe6U=\x10\x7f\xfcwb\x03"\xfeyrVm\xa3\xcc\x0b\x9dSb\xc4?\xf8\xed\x9e\x92\x06\xd8\xf0\xd4 !\x92:{\x16\x8d\xaa\xe6\x9a\xa3S\xad\xf2;\xe6\r\xb3V\xdb\x18\xc9\xb1\x02\xf0\xcc\x02\xc66\x88\xe4\xa3E\xa0\x07"\x1a\x0c!\xf4\xb7\xcf\xec\x91\x19\xfc\ne\x10pR\xd7\xbcjq\t\x8c\x13\x8aF\xa1\xc1--\xd4\xf6\xcc\x7fh\xc5\x04\x93\x93\xcd\x18?7\x00\xf0\x92b\xb1\x80\x1fo\xf6n\x140\xb9G\xb4\x04u\x19Ar\xdf\x95\x10\xd7\x1c\xbd\x1aV\x91\xbaV6\xf0\xcdU\xc4OJ\xb6H@\xc5\x02i*\x15H\xbbdD\xa7\x8b;\x16\xa8\xe2\xff+\t=\x1a\xf8\xb5\x0c\xf2T\xdb\n)\x99\xde\'\xf6\xea\x9e%\xb7\x0e*\xed\xfc\x9e\x1b\xa0\x9a[\xce\x1b\xfb\x97\xe3\xb7\xfb\x83\x9a\x85\x01@F\x80\x89]#\x99wC\xddr-\x1f\xdd5\xa2\x9c\xfd\xa2a\xedyU\xcbhd\xba\x99\xc7\xf4\xce\x86[1&amp;\r\xf2\xf8\xce\r\xc5\x871N\xec\x1a\xd9\xb9\xb6\xcf\xbcAmD\xd7\xa4\x1c\xca+!\xd3\xb1\xaar\xa4\x04\x98\xd0\xa5\xd1\xa6\xe9\x03\xd6N\xea}b\xddt\xc4\x9f\x88\xf8\xeb\x11o\xb7e3\'3\xc0\xe4\xeeQ\xcc\xeb\xdd\x0bG\x1a+vr\xfdt\xa5,\xe2D\xa7Z\xe5\x11\xf1\xcc\xe6\xd9\xf8\xe7\x89\x98z\xb2\x01\xc4\xc5T3]\xee_\xca\xe7MY\xb7TA|~\xe1\xcb\xbd\xa3\xcc\x95\n\xf9\xe3ce\xf2\x03\x08V\x0c\x1e\xd0$\x98\xe4\xa6$\xa4]X\x99\xb8\xa6\xbc\xff\xb8\xdca\xcf \xaf\r"FUtV\xb8Q\xee\x94\xcb-m\x80\x8aQ,)\x8f\xb0\xb7M\n\xd4\xe5\x87\x1c\xdf\xbe\xba8\xa5\xf8\xff\xb1\xd2\x84.\x8d\x98\x17\x8b\x86u\x10V\xdb\xdaI}Z\x87\x94R\xe0\xcc\xb9k\xbd\x8a\x88\xb8nr_^\x91\xf1\xfa\xf8\xdbgzv~[\xbd\xd2\xb6|\x97G}\x1b\x07\xbe\xbe\xb2[ZQJD\x1c\xd6\xb2\x96\xa4U&amp;i\x06\xc5\x86n\x98\xaa\x9bV\x97P\x91%#:\xa9m\x02g2\xe9\x8b\xa3\xbe\xba\xa4_,\xd89\x9b\xa5GE\xebk\xfe\x95\xca\x06\x9eZ\xe7]\xdcO\xc1\xcfo\x9d\xfb\xea\xd2.\xcd\x7f\xe5\xcbm\x92\x07\xe0\xdb\xfd\xe3\xe7\xb6\xcc\x11\xe9\x85\x19\xd7\xb4\xda\xd1\xd5\x93[\x87\x94\xe2+\xc0\x99\x1e\x80E\x94\xb8H*\x10 \x82qh\xc5\x84\xd7Wv\x17\x00\xa8S\xb2\x80\xb7\x8d\xb8\xd4\x1e\x04\x00hE-9\xcb#\xb6eo\x05\x00\x10\xe4\xac\\\xf0H\xe2\x9b\x83\x9a/9\x01\xaa\x17\xcd3\xb4eM\x96\xaf&lt;\xdc\xab\x90r\x06)\x8b\xc6\xb9\xfe\xd2\xce\x85\xad\x82K\xaak\x8c\x06f\x93$W\xfc\xf0\xfcK\xf0\x949\xachn\x00\x88\xf1s[7\xb9\x0f\x00\xb8\'l\xbe\xa7\x121n\xa5\x01@\xfc0\xba}x!\x001\xbb\xf9\x89\xcd\x99:1bo\x05\x1dky\xd7-%0#V\xefF\xfe\x87VL\x90\xd4"\x82\x90\x07D\x1c\xde\xaa\xf6\xb6\xd9C\xcc*\xdf\n\xb3*\x13\x1c\x91_\xcd\xd5\xf0N\x950\x01;fX\x9a\xd85R\x19\xa9\x16I\x10fgd\x05\xa7\xab{\x96\x04\xbbdo\xe8\xed \xde\x06UfO\xe2\xfd\xba\x03\x1c23\x8f\xdf\xe6\x19\x03\x077\x0b\xe3{{\xddR\x05\x99\xdb\x9f\x9d\xdf\xae9\x8137\xd4\xf5IS\x82E\xc3:\xd8\'\xb20\x1eS\x0cn^\xfd\xe5\xa5]\xb1U\x8ar\xcd\xaa\x07\x00\x00\xbd\x1aV\tq\xc9~~\xeb\xdc\xad\xb3\x06\xcbe\x19\x7f$IF\xda6TH \xabA\xea\x96*\xf8\xe8\xd4\xa6\x95\xe3zHU\xa1\x06\x99Dw\rni\x9a\xbe+\x81\xf9Rx\xec\xbc\xb8\xb8s\xdf\xe21\xe2\xebQ\x9e\x8f\xb7\x0f!\xe2\xc5\xed\xf3\x1b\xf98\n\xb8\xfd\xc5\x85\x1d:.=\\N\xa1\x86\xb6\xa8)\xc7\x90\xf9\xfb\xf1\x19}\x1fY\xf6\xdca\x89\x013\xd4\x1b\x91\x9bi\xbdb.l\x9f_\xd5\xd1ZmC\xcc\x82\xf6\xd5\xcb"b\xa7\xda\xe5\xa5\xaa\xd0\x8e\xcf|b|\x97F\\\xd2\xff\xe6I\x08\xd1\x92\x9c\xaf\xf7\x8f\xb1\xbc\xdb,\xa0\xb8\xc1\xeb\x03\x9a\x84H\xe8\x8c\x88\xf8\xc3r\xfd\x1a\x11\x7f\x8a\xb9}D\x9b:/\xb5\x0e\xcc\xb8 \xd3\x863"v\xad[Q\x8e\x9a\x89\xa4\x82&amp;U\xb7\x80\x15\xb1\x8a\xa8\x95\xd1\xa2Y@qD\xec\x17\x15\xc8\xa5\xf0\xf0\xd6\xb5\xe5\xb0\xe1\xea\x9e%\xd5\x8b\xe51\xf8V\xa9l\xa6%\x07$!\x15\x07m\x03Bn\x9e\x9e\xdb\xa6\xb6\t\xca2\xb5W\x8c\xda&amp;$Z\x02\x1c\x848\xfb*p\xc8lV.\xf6esY\x95\xe2\x9c\xdf\x8fcX\x16_n\x1eX\xb1m\xf6\x10c\xef^\xdc\xb1\x80o\x85\x88(\xc0\x9f\x9c\xfb\xf7`\xb9\x18K\x00I\xa8\xc3\xc8\xb6u\xd56A.\xca\xe7M\xe9\xa1x\xb8E\xad\x12\xf9\xf8\xca\xe8\xeb \xe1^\xbc1F\xb7\x0b\x97\xbb\t\xcb\xc2958\x18\x11\x93n_\xbd\xec\xe2\xe1\x1d\xf9V(L\x86\xcc\x92\x82\x83\x04\xb1o\xf1\x18\xfc\xad\x84\x82\xbfAJf\x03k\x89\xe4:4\xf8\xe4\xb3\xf0\x0c\xb6\x83b-i\x9b\xc2$\x8eZ.\xe3\xa3\xda\xd5\xdb&lt;c\xa0\xc2\x06&lt;9\xb3\xe5\xd7\xa3\xd3\x89\xfe\x97\xac0r\xfb{\xbb\xa41z\x90\x8e\x1fo\xe2\x97;2\xb7\x1f\xcf\xcaq\xdd\x8b\xc9\xe3\xf7\xaa\xd91wM\x03\'\xd6M\xd7\\\x94\\/\xb3B\xfe\xd4\x000\xb1kd\xb4\xaf\xab\xfe\xbb)\x00\xb8H\xb2\x07:%\xfe\xfc\xa9\xe6\x02"Vu4\xab-\x01\xcb\x06\x9f_\xc0o\xf7\xd5\xb6\x82\x8d\xa6U\x8a\xaam\x02\x0f*\xe6O\xd3*\x98=A\xa1\x04\xac\x9b\xdc\xd7XF\xc6\x8d\xd3\x06l\x9bmF\x1e_\xc2\xf8\xf1\xf0$3\xc21\xa7\xd6\xc6\xd2\nI\xc5\xf0\xd6\xb5-;I:\x7f^]\xde]&gt;o\xca!\xcd\xab[\xd8A\x8e\xf9\xa8n%\x0e\xf6,\x1au|\xed4\xb5\xadH\x0cTs\x8d_\xabo\x9f3T\xee\x1c\xbf\xb5=\xf3\xef\x98;T\xffz\x9bj\xa5\x99p6Y[\x17\x06/\xed\rD\xbc\xb1oY\xc9\xac\xa4\xa1&amp;1\x8c\xf7\x9a[\xda\xf8/\xf6\xce\xe1\xd5\x88\xb8fB/\xb5\xed\xe2\xcc\xa6\xe9\x03\xd46\x81 \x84\xd0\xb1\xa6\xb7\xfe\xc5\xf4\x00\x88/\x11\x91W\x88\x93O^\xc3;\xb9uJ\x16\xf8r\xf7\xa8 \xeb\xcc\x8b#\xab&amp;\xaf\x18\xdb\xad]X\x19\xc4\x0f\x88/T\xb1\xa1\x84\xb5\xc0\x80;\x8b\x80\x19\x00B\xddr\xceV$Af\xd2\xa5\x8eg~gna\x0b\xd5\\s\xce\x89k\x15\xe2b\xe9\x02E\x89\x19\xbfB\xe9\xb9oz\xdb\xff\xebX\x13\xe2j\xf8/\xcb\xfc\x14y)\x13l\x9c\xd6\x7f\xcd\xc4\xde\x01\x86\x82B\x8ajm\x96\x048\x18( \x13\x1c\xe7\xe9er\x02\x17\x1d\x85\xd6!\xa5\xde\\\xdd\xab\xee\xdc\x1f\x11G\xb5\xab\xa7\xa2\x01\xb22\x7fp\x9b\xbbG\xd6\xa8mE\xe2\xa2C\x8dr:n&lt;\xcbGw\x9d3\xa0%\xc7\xb0\xb5A\xb1a\xc6fv\x84\x99P6W\xb2\rS\xfb_\xe1\x96P\x0c\xf1%G\xb7\xae\t]"\xb9\xdb\x90\n`\xf3\x8c8f\xd8\xd0\xd72{yi\xa7*\x89\xa4w\xcc\x1d\x06\x00\x99\x00\xde\xdf8\xc0R,;\xc0\xcey\xc3L\x8ev\x1e\x99a\xde\xa06\xea\x0e\x00\x8d+:\x0bs\x8c\x96\x03:g\xb6H\xbe\xffw\x12\x11-Es\xce-\x1dH2\xfe\x8c\xeb\x14\xe1\xa0\x90J\xb9\n\xe4\x05\xe0\x98\xca\x06_^\xd4\x04\xd9IKN\x80\x07\xc7\xd73c@\x87\x1a\xe5\xfei\xf4\xf7c\x99r\x9d\xb4\xe3\x96D\x9e\xa5\xd3tM\x0b\x8d+\x8a\x92\x80\xd5\xa6C\xcdr\xa6\x0b%\x162\x80\x10\x91\xda\xa4H\xdbP\xaf\n\xf9\xccE*"\x0b\x00\xa3Xi\xb6\xf0\x93\x162\x84\xbf\xfd?q\x04.\xa9\x01\x11Om\x98!\xb6^3F\xc0\xc4P\xfc\xf7\xacO\xcb \xcfO\xb7\x0fk\xfa\x05&amp;D\x19\x11eR$\xbd\xb8}\xbe\x98\xdbk\x95\xc8\x87\xaf.\x7f\xbe{D*{\xec\x93A\xa3\xf2\x8e\x88\xd8.\xac\x8c\x80\xdb\xc3\xbd\nE\x94\xb3\x97\xca\x98`\x05e\xa5\x9344\x0c\x9a\x1b\xd6\x00:\x9d\x9b\xe4\x19\\\xcd\x8a\xfc\x00\x9bg\xc4\xf1\xbaE\x99\xd4\xc7M|]\x11\xf1\xc2\xb6\xffw\xd3\xfa\xcaQ\xb7\x0f\xadjP\xd6N@\xda\x9f"\xa9@\xd8\xaaN\xdb\x7fS\x0e\xf7\xed\xbf\xcf\xce\xfd}vN\xd8\xbdk&amp;\xf66\xf6\xd6\xc6i\x03\x0e,\x1d\'\xd4(B6\xca\xe5N\x9e\x9f\xb5@\x12\x13\t\xfd\x07_\xdb\xff{\xc8\x8a\x8c\xef%$$.&amp;dD\x9b:\n7\x1a\xec\x9c]\x13\x10\xc0\xac\x88\'v\x8dD\xfc"\xd8\xa3\xbegDe\x01w\xa9r \xa1!\x03@\xf9\xbcF\x1d\xac\xea\x95\xb6e\xb9w\x90EIc%\x15\x10\x9fv\xaf\xcf\x96J\xb0W\xc3*\x8a\x19\xa3\x00\xc3[\xd7\xd6\xa4\xdb\x0e*\x92u\xf5\x84\x9e\x00P2+t\xae\xe3\xc3~\xe3\xe8\xc4\xeb\xc0`\x9e\xcc\xe8\x13k,!\x812+\x00\x1d\xdaT+\xad\xd9wbt\xe3\x1a\x95w\xd4&gt;}\x9d\xd6\xbb)\xaf\n\x9f\x9d\xdf&gt;\xa3o3\xa9\xcc\xd3!\x0b\xc0\xd6Y\x83\\\xd3@\xbd\xd2\xb6\x82\x13E\xe83\xa9[\xe3\x8d\xd3\xfa\x1b{\xd7\'o*:\\\xd5`\x193FD\x1c\xd5\xd6\xec\xba6\xf6E\x89\x18\x1e\x9e\xdc\x88\xf8\x9ay\xdd\xa3Aef\x93\x97r\xcb\x99\x1bc:\xd47\xb7\x90\xa5\xd3\x1bg\x9d\xd9&lt;\x9b\xa5\x80\xc9c\x89`\xe7ls\xe3Z\xb5\x0b\xf3j\x17Vf\xeb\xac\xc1\x88\x88\x1foIi\xa2\x16mC\xbd\xde\xdf8P\xdb3?\xf35\xee[2\xa6\xac\x14\xe9\xce\xdd\xd3\xc3\xca\xb1\xdd\x8d\xbd[2+\xecY8J|+\xaa\xb3}\xce\xd0\xa4\xb2\xe2G\xc4M\xd3\xe3\x94ik\xe7\xfc\xe1\xca4\xc4B\xfb\xeae\xbb\xd4\xad\xa0\xf9o\xe7\xda&gt;\x88\x88\xf8F|\xcd\xafx\n\x9a\xebST\xde\xf8|~h\x87\xf23\xe31K\xe2_\xc9\xe9\xd5\xd0\x9f\xe9\xb9\x1c\x8dh\xb4)\xcf\xf1\xb5S\x8d\rHN)\x008\xa4\xe5yv~;\xf3\xa1\xfa6\x0e\x8c\xf6u\xfdz\xef\x98|G\x9d\xfb\x16\x8f~\x7f\xe3\x80G\xe6\xffg\xad\x19\xd9F\xb8\xec\xa3&amp;*{r\xf7(D\x8c\xf4q2V2q\x88}"~\x93]~\xc4L@D\xbeI\xc0\x85\x91\x1a\x00\x11\xbb\xd4\xa9`\xba\xa8\xe2 &gt;\xff\xfe\xe0\x84\xc8J\xfc\n\xa5\x97o\xe1\xa2&lt;\x8c7H\x01\x803\x9bg#~S\xa0\xc5\x8d\xd3\xfa\x9f\xde8\x93y\xbd}\xceP\xa6\xdb\xea\xd1\x80m\x7fRa\xca\xe62&lt;\x89\xaeU"\x9f;\x07=\x956\xd5J+\xb6\xac9\xbev*\xbe\xbd\x1a\xe0`\x1d\xdf\xfd\xbf\xbd\xfa\xe9\xf6a\xc1\xb5-\x1c\xd2\x8ey\xb1`H\xbb\x19}bYJ\xca\xad2$\x1f|3\xcc\xc4\xc5\x84\xc8d\x89\xa2 \xe2\xb7\x07\xc7\x15h(-\x00"\x9a\xa7\xae\x96_\xa1\xf4\xf8\xe9\xb6\xdaV\x98\x17L\xbf\xb1vR\x1f\x05\xf</t>
        </is>
      </c>
      <c r="E380" t="inlineStr">
        <is>
          <t>&lt;class 'numpy.ndarray'&gt;</t>
        </is>
      </c>
    </row>
    <row r="381">
      <c r="A381" s="1" t="n">
        <v>379</v>
      </c>
      <c r="B381" t="inlineStr">
        <is>
          <t>steps_per_sec</t>
        </is>
      </c>
      <c r="C381" t="n">
        <v>5500</v>
      </c>
      <c r="D381" t="inlineStr">
        <is>
          <t>3.3482525</t>
        </is>
      </c>
      <c r="E381" t="inlineStr">
        <is>
          <t>&lt;class 'numpy.ndarray'&gt;</t>
        </is>
      </c>
    </row>
    <row r="382">
      <c r="A382" s="1" t="n">
        <v>380</v>
      </c>
      <c r="B382" t="inlineStr">
        <is>
          <t>Loss/object_center</t>
        </is>
      </c>
      <c r="C382" t="n">
        <v>5500</v>
      </c>
      <c r="D382" t="inlineStr">
        <is>
          <t>0.14001523</t>
        </is>
      </c>
      <c r="E382" t="inlineStr">
        <is>
          <t>&lt;class 'numpy.ndarray'&gt;</t>
        </is>
      </c>
    </row>
    <row r="383">
      <c r="A383" s="1" t="n">
        <v>381</v>
      </c>
      <c r="B383" t="inlineStr">
        <is>
          <t>Loss/box/scale</t>
        </is>
      </c>
      <c r="C383" t="n">
        <v>5500</v>
      </c>
      <c r="D383" t="inlineStr">
        <is>
          <t>0.06477341</t>
        </is>
      </c>
      <c r="E383" t="inlineStr">
        <is>
          <t>&lt;class 'numpy.ndarray'&gt;</t>
        </is>
      </c>
    </row>
    <row r="384">
      <c r="A384" s="1" t="n">
        <v>382</v>
      </c>
      <c r="B384" t="inlineStr">
        <is>
          <t>Loss/box/offset</t>
        </is>
      </c>
      <c r="C384" t="n">
        <v>5500</v>
      </c>
      <c r="D384" t="inlineStr">
        <is>
          <t>0.14838833</t>
        </is>
      </c>
      <c r="E384" t="inlineStr">
        <is>
          <t>&lt;class 'numpy.ndarray'&gt;</t>
        </is>
      </c>
    </row>
    <row r="385">
      <c r="A385" s="1" t="n">
        <v>383</v>
      </c>
      <c r="B385" t="inlineStr">
        <is>
          <t>Loss/total_loss</t>
        </is>
      </c>
      <c r="C385" t="n">
        <v>5500</v>
      </c>
      <c r="D385" t="inlineStr">
        <is>
          <t>0.35317695</t>
        </is>
      </c>
      <c r="E385" t="inlineStr">
        <is>
          <t>&lt;class 'numpy.ndarray'&gt;</t>
        </is>
      </c>
    </row>
    <row r="386">
      <c r="A386" s="1" t="n">
        <v>384</v>
      </c>
      <c r="B386" t="inlineStr">
        <is>
          <t>learning_rate</t>
        </is>
      </c>
      <c r="C386" t="n">
        <v>5500</v>
      </c>
      <c r="D386" t="inlineStr">
        <is>
          <t>0.001</t>
        </is>
      </c>
      <c r="E386" t="inlineStr">
        <is>
          <t>&lt;class 'numpy.ndarray'&gt;</t>
        </is>
      </c>
    </row>
    <row r="387">
      <c r="A387" s="1" t="n">
        <v>385</v>
      </c>
      <c r="B387" t="inlineStr">
        <is>
          <t>train_input_images</t>
        </is>
      </c>
      <c r="C387" t="n">
        <v>5500</v>
      </c>
      <c r="D387" t="inlineStr">
        <is>
          <t>[b'512' b'512'
 b'\x89PNG\r\n\x1a\n\x00\x00\x00\rIHDR\x00\x00\x02\x00\x00\x00\x02\x00\x08\x02\x00\x00\x00{\x1aC\xad\x00\x00 \x00IDATx\x9c\xec]e\x80\x157\x17\xbd\xb8\x97\xc5\x1d\x16wwwwwwwwwwwww\x87\xb6Hq(\xd6\xd2"E\x0b\x14\xf9\xa8\xd1\xf3\xfd\xc8\xbel^&amp;\x93\x99\'\xbb,\xf0\xce\xaf\x99L&amp;\xc9\xccd"W\xce%\xf2\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f0\xc1\x07\x1f\xdcF\xeb2Y\xdb\x96\xcb\xf1\xa9[a\n\x00\x9e\xdc\xee\xef\xa5f\xd8G2CJ\xe9T\xdf\xb0\x03\x0f\x9fE\xc2\xe0\xa6\xe5\xbcX\x9a\x1es\x07\xb6\xda9o\xb8\xe7\xe5d\x8el7g2"8#\xb9*\xdb\xdd\x93\x1b\xd9\x01\xcf\xf6\xf2\xc6\x11v\xc0\xf3\xb0\xd3L\xaa\xaa\xcb\xa4\xf6\x03\x00&lt;\xe7)q\x89\x00\x94M\xe3\x17\x86(Sd\x9a;\xa0%\xbf\xf4\xf2\xc6\xe1\x1fv.,\x90 \xcc\x8a1]7M\x1f \x96\x93%*\x01\x98;\xa0e\xf7\x1a\x85\xf0\xf8\xa2X/\x11\xd5\xca\x95\x94\xa5t\xa8\x98\xdb\xd1\xcc\xa7\xf1y\x9e\'\x97J\xa7\x8a\xce3\x03\xa8\x9e-\xa1\xf4\x08\xbc\xb4xD~\x8e\x94f\xc52\x0coY)\t\x11^^\xe7\x8f\x9f\xc0)\xff\x1f\xbcLe\xdfc\xe9\x153\xc6\x01ph\xc5\x84\x9fOo\x06P/_\x8a\xb7wN\xb2K\xbb\xe6+&gt;z\xce\x18\xb4{\xc1H\xc5\xdb$\x8aH\xf4\xc3\xaeER\xe2\xf3\xab\x07\x01\xec[2\xc6\xac\xff\x8b_\x99\x88\xf2\xc7\x0be\x92\xed\xbdw\xff \x1f\x88\x88f\xf7k\xae|\xad\x87WNt\xa9\x9c \xfa6A\xfd\xc9\xcb\xa6\xf13\xa9\xf7ooU\x91+\xa6\xb7JrB\xb1d\x91\xc4\xd3Hf\xf9\\\xc7\xaaq\xdd\xbdW\x98\x02\xed\xca\xe7\xb4\x93-&lt;\x11^\xfd\xc8\x8e\xbf1\xc9\x93\xd1\xf1\xd8\x07\x96\x8e#\xa2\xb1\x1dj\x16I\x1c\xe1\xf5\xcdc\x17\x84a\xa8q\xe1\xb4\x16C\xcf\x7f\x8f\xc4\x94\xdf.\xec\x16\xc7#"\x8aC4\xa9k=\xb1\x90Qm\xab\x01\x7f\x01\xef\xa4\xa2\x88\xe8\xc1\xd9\x1d\xd7\x0f\xad\x02\xde\xf2\x94\x7f\x1f\x9d\x8fB\x94\x88(mX:\xbfc\xc1\xca\xb1\xdd\x88(k\xb4\xc0\xbb\xc2\t\xb7\xb3\x83\x9bG\xd7\x1a\'\x00~\xf5\xf9\xd5\x83D\x14\x9d(\x8cpc\xdap\x94\xed\x1b\x02\xd0\xb8pZ"\xeaP17\x99\xfc&gt;\x1f\xee}\xc7\xd3G\xb7\xabNDeR\xfb\xfd\xf5\xeb\x19^T&lt;\xa2\xa3\xab&amp;\x0fhTfd\x9b\xaac;\xd4d\xe9\x8f\xce\xef:\xb3u./d\xc1\xe06\x85\x12\x86S\x7f\x15\x07J\xa6\x88\xda\xa8p\xdaAM\xcaF\x10Fyc\xb6\x99}\x9b9.\xbeK\xa8-pL\xbb\xea\xfa\x1a\xbfFh^Y\xd2\xe0kE\x90\xa0o\xbd\x12\xc13\xe7\xfbV\x16"\xfc\xbcTN\x87\x8a\xb9\xbcT\x92)\xf6-\x1e\x03\xe0\xdew[xJ\xb5\xac\t\xda\x94\xcd\xc6\x8e\x01\xb0\xf5\x8d\xd9\xd0\xf3\xec\xca\xfeZ\xb9\x92\xd6/\x90\xea\xcd\x9d\x13,%\nQT"":\xb2rb\xa5Lq\x89(\x7f\xbc\xd0\xf8\xf3\xde\xe1\x15\x13\x01\x9c\xdd&gt;\x9f\xdf\xfb\xee\xee)\xf1\xff\x02p`\xe9\xb8\x03\xcb\xc6\x01`\xb3\xc5\xe5\xbdK\x87\xb7\xac\xec&lt;\xb2?\xe6\x99\xff\xb8u\x1cO/-\x1e\xde\x01\xf8\xfd\xef\x07g\xf1\xcf\xfd(DD\x14\x8ahZ\xcfF\x8d\x8b\xc8\x93\x16;mY*\x0b\xdb\xaf\x03\x08\xebH\x07\x90)\xb2\xbcar\xdc\x158E\xf1e\xfb\xc2!m[\x95\xcej|\x1b\xafo\x1e%\xc3\xa6\xb9E\xc9\xccD\x14\xdd\xf0\x8f\xec^0\xf2\xc0\xd2\xb1R\t\xc7\xd7N\x95R\x80\xc7\xbcI)\x8dU:\xe0O\x04\xa0L\xea\xe8\x00\xfc\xcc\xb3i.\xf9\xe0\x11\xf0\xcf}w\xee\x02\xf0\xfc\xaa\xed\xcc\xef\xdd)\xffs\x1e\x9aS\x87!\xd2\xce.{\x16\x8e2[\xdb\x06\x05bx\xaf\xa8\xaaY\x13\xc4uNI\xe4\xbd\xc2\xdd\xc3\xbe%c\x88\xe8\xd2\x9e\xa5\x952\xc5e\x83i\xf5l\x01\xab#\x00\x03\x1a\x956\xde\x02\xfc&gt;\xacEE\xcb&gt;\xf6\xea\xc7#\x11\x89\x00\xbc\xbb{\x8a\'6-\x96\xa1u\x99l\xe5\xd2\xc6\x00\x10\x86\xe8\xca\xfe\xe5\x00\xf6,\x1c\t\x00\xf8\x17@\xf3\x12\x992Fr\x1e\x97\xff{d\x9c\x0c8\x065)\xcb[\xd2\xa2d\xe6u\x93{\x13\x11\xfey@D\xcbGw\xe1\xd9\xd2\x84%r\xec\xd2\n\xc4\x0f#\x960\xb0q\xd9a-+\x018\'LTD\xb4c\xee\xd0+\xfb\x965)\x92\x8e\x9d\x16N\x1c\xbezvO?\xd7\xcey\xc3\xcc.\xb1\xc7\xaf\x98!\xb6\x90\x82\x19\xbd\x9b\xb8Z\x05\x80S\x1bf|\xd6#\x80\xf7\x915j\xd0\x96o\x14ak\x905\xda\'^;\x07\x8dp\xc5\t\xb1&lt;\xb8\x97\r\xb8\x00:U\xcec\x96g\x8e e\xd6\x83\x8f&gt;\x16\x1bo""\x8ak\x9d\xe5\xd3\xc0(V\x8eC\xb4td\'vl\xf6h\xc3ZT\xe4\xc7KFt\xd4\x94\x0f\xc0\xdf\x90\xd8\xae|N\xfc\xf5K\xda\xb0\x16\xdd\x15\xf8\x9b\r\xdc\x07\x97\x8d\x07P!},\xe7\xab\xf2\xbd\x00^\xdf&lt;\xea\xc7\x06\xf4\x97\xd7G\xb6\xae:\xbeS\xed#+\'\xf1\x01\xff\xcd\x9d\x13\xec\xa0G\xcd\xc2\xf5\xf2\xa5`\xc7\xa9CS\x87\x8a\xb9\xaf\xec_\xce\n\xe1\xb5\xf4oXJ\xd1\xa4\x0f?\xf3}\xc6\xb7\x9bf5*\x94\x86\x88\xe2\x12\xad\x18\xd3\x15@\xd7\xea\x05\xd2\x87\x0f\xcc\x1c\xd3\xd1\xc8\xda\xb9\x9d\xfecq\xfe\x98\xd3\xbf\x05?\xbe\xb2o\xb9\xe6m\xd8\xc4\xea\t=\xa4\x94|\xf1B\xe9\xdfs\x86\x08\x04 \xa1\xb0\xc2K\x17^\x91\r\xc0\x96\x19\x03=o\xe1g\x89\x90&lt;\xef}\xf2\xb5\xde\xe7\x05\xf6\xfb\xb94\xb3\x1a1\xb0q\x19\xe5O\xc2\x91\xdbj\xa6\xd2\xf7\xa8\xf6\x15\xac\xc55\xadJg\xb1\xccc\x89\x99}\x9bI){\x16\x8e\xd2\xb7\xady\x89L\xdfo\x99\xab\xc9`\x13S\xba7\x98\xd9\xa7)?\xbd\x7ff;?\xae\x97/\x05\x11\xbd\xbcq\x98\x8f\xdd\xe3;\xd5\x966g\xe3:\xd6\x92\n\xfc\xf8\xe8\x87K{\x97\xb2\xfcl\x85\x1b\x87\xe8\x9f\x07\xe7\xf0\xf2:\x11\x95I\xedGl\x8c\xfb\xf8\x90\xdf\x02|$aE\\(Q\xb8\x12\xc9\xa3h\xda\xdc\xb4h\xfagW\x0e\xb0\xf73oP\xeb\x11\xad*g\x89\x1a \xda\x8d\xe7\xfcM3G\xa1AM\xca\x91\xa0-hP \x15\xbb$*u\x9e\\\xda\'4&amp;\xf0\xf6\x1c~\x9aV(\xf0\xf0\xfcN\xd7n\x10\x00@\xd4\xaew\xafY\xc8\x98\xa7e\xc9\xcc\x0f\xcf\xed\\2\xa2c\xde8n\xd7\xf39\xc3\x93\t\xe0\xf6\xb1\xf5^lI\xc8AH\x9e\x14C&gt;\x8c\x13\x84(\xb1\xdd2\xf3\x93-\xb5\x9a\x16M\x7fq\xf7b\xcf\xcb\xf1\xb3\x9d\x93-\x90\xd3\x86\x0b\xe8Qk\'\xf6\xe2]\x8b\x8d6E\x93F4\xde%m\xaa\xca\xa5\x8dID\x9d\xaa\xe4e\xa7\x00\xae\x1d\\i\xbc\xabK\xd5\xfc\xfc8KT\xaa\x90!6\xd9\x90m.\x1e\xde^J\x89\xe5\xb8\xeb\xd4\x86\x19&lt;QY\x08K\xbc\xb4g\t\x80\x93\xeb\xa7kj\x01P7or\xd6H\x001L\xd6v\xf9\xe3\x85\xe6\xc7\xd14\xc5i\xffPiS\xc2\xd1\xb6\\v\x00\xf1\r\xe9\xcd\x8bg\xd4.x\xbe\x0eh\xd4&amp;A\x81^\xb5\x8b\xbaq\x97\xf1\xab\x0fm^Q\x99\xf3K\x85\'b"3\x94O\xeff\xa9\xd9\xa3\xdb\xcd\x99&gt;\x82{5\x84P\x94Nm\xfb\xc9\x9d\x01\xa0J\xe6x\xf6\xf3\xf7\xad_\x12x"\xa6\x14J\x14.)Q\xa6\xc8d\xb3\x9cHD\xab\xc7\xf70\xb3\x89m[.\x07\x93\x14\x11\xd1\xa6\xe9\x03\x96\x8d\xea\x0c 4Q\x97\xaa\xf9\x8c\xff\xda\\s\x11\xa2\x9d\x1d\xdb\xb5\x03+\xcc.qa\xf3\x9c\xfe-x\xbd\xb5s\'{rq\xef\x86\xa9}\x8d\xf9\x01\xb4)\x9b]Y\x14\x9b\xbav/\x18!\xeeb\x1f\x9d\xdf\xc5\xaf&gt;\xb9\xb8\xd7\xb2\xa9_\x17|\xab\xdd\xcf\x1dC\x9a\x95\xf7\xe4v\xe0c\x8d\x1c\x89\xbd\xd5\x1830\xf9\x83\xb2\xb3\xad\x9f"\xff\xe4n\x8e\xafDDT-\xab\xde\xc0\x8fv\xcc\x1d\xa6L\xb7\xf9#\xdc:\xba\xd6\xd5&amp;\x11Q\xb3b\x19z\xd6.b??w;P\x82\x19\xccx\x8e\x85C\xdb\x01\x18\xde\xb2Rb"\xe0\xa9\xfe\xb5G\xd4\xbe"\xe9\x92K\xa3J\x1aA\xc1,\xde\xe8g\xa2\x0e\xc9\xaa\xdf\x1d\x98\xc3r?\xf45\x02\xf8\xbbh\x12\xc5&gt;4\x84\xc0l\xed\xe8\xfb\x90\xde\xc2\x17\xf6&amp;\xdd{\x9cAM\xca\x1a\x13;T\xca\xedqs\x020\xaeC\xad)\xdd\x1b\xb8wo\xd1$\x11\xb7\xcd\x1e,\xa6\x0cl\\\xc6\x1b\x8d\n\xc0\xb8\x8e\xb5\xe6\x0ch\xa9\xf4_\xd3cd\x9b\xaa\xec ]8\x02P#G\xe2{\xdfnQ\xe6t\xbb\x8f\xe1\xbfG\xe9\xc2\x11\x11-\x1a\xd6\x9e\x1c#\xb8\xd1\x06\x94\x83\xbb\xc2I\xc8\x15\x93\xe2\x10\x01\xf8\xf5\xfbm\xee\xb5\xc4\x87\x90\x02&amp;\xe1\x0bc\x91\xeb3\x80\x9du\xcc\xb6\xd9C\xc4\xd3\x11\xad\xaa\x04Qc&gt;!\xbaU/\x18D%\x8b\x06\x82\x12\xa4!)KT""/\x8e\x0e\x921\xa8\x0br\x1f\x07J\xa5tw\xa1+\xa0W\x1d\xbb\xb2V\x97\xf6\x80\xec\xed\x95Kk\xd7\xdcWz\xdb\x13:\xd5\x912\xd8\xb17s\xaf.\x86\x0e\x15s\xa5\x0eM\xadJY\x88\xaa\xaagOtz\xe3L\xef\xb5\xc5\x07\x1f&lt;\x83q\x00S\xf6\xef\xc9\xdd\xdc\\]\x1a\xc1\xacG\x82\x13\xb7\x8f\x87\x08S\x82!\xcd+\xe0\xfdO=k\xb9 \xa8\xd1@\xb2FO`\x96\xcf\x1c\x1ay\x85\xcd\xd2\x82\xc1?\x8ea\xc7\xdc\xa1\x9d\xab\xe43\xbb*&gt;H\xb1\xa4jGr\xb7\x95\xf3\x9229\x96\xf0\x83\xd4\xc9\xe3O\x0e\xd7\xee\x8c\x91\xc8\x9f\x08\x7f\xdc\xd4\x97\xc6\xed\x9a\xdck\x8c\x0f&gt;\x04\xc0\x8e\x96;mXwJ^&lt;\xbc\x831\xb1E\x89L\xee\x94\x152\xe0En\t=\x064\xd2INb\x12\xbd\xb8v\xa8\x7fC\x85\x1b\x97\xdb\x18\xdb\xa1\xa6\xdb\xf76*\x94\xe6\xdbM\xb3\xdd\xbe]2j,\x9c8\x82\xd1C\xaaV\xae\xa4)\xdc*\xdc\xe6\x10\xc9\x84\xfb7\x0e\xaf\xc6\x9b[\xfa\x9cJ\xbb&amp;\x0f[\x92\x94\xe8\xdc\xf6\x05fW\x8d\xf6W\x89\x89j\xe5JZ,Y$\xdf\x04\xe0Cp\xc0s\x93\x1e\xd1k\xc9\x07\r\x98&amp;I\xffc{\xf1\xb7\xff\xf1\xc8\x1a\xcb&lt;\x96\xd5\xd9\xd1\xcb\x19\x8d\x1a\xed\x94\xec\t\xec\xab\xb2\xf3\xc5\r\xa0Z\x9b?\xb8\x8de\xe6f\xc53z\xd2\xec\xe5\xa3\xbb\x00\xe8R-\xbf\x98\xa84\xeb\xcfhXn\x88\x82\xb6\\\xb1\xe8\xf9\xd5\x03\x00\x8a$\xfe\xb2\x0c\xd7\xbe\x1e\xe0\xed\x9dO\xdd\x04\xbbP:d\xea\xa1_\xc3\xfa\xe0\t\xf6.\x1a5\xb2uUO\xcc\xa1\x8a\xfb\x9b*R\x95\xd6,z\x87\xbb\xef6[/\xff\x9b\x97\xc8(\xa5\x0chTZ\xaa\xab`B\xb7v\x9a\x1e\x03\x00\xe7\x84\xb0\x84\xdb\x96\xf8\xf6\xb7\xd16\rg\xbfRN\x08M\xdf\xf5!\x88\xd0\xbbN\xb1O\xdd\x04\x1f\x02qu\xff\nfj\xe2\x1e\xf4\xa3\xc6\xef\xd7\x0e\xb9]\xb2\x06\x8c\xc6GjF\xd0\x8d_"\xe3\x1b\xaf\xce\x83\xd2\x82u\x9c\xc5\xff~R\xa6_\xdd\xefDS\x11\x9b(\x8f\xa9\xe9\x80\x0f&gt;\x84\x18\xd4\xcb\x97b\x83\xc1\x82\x9e\xa3TJo\x92\xbf}\r\xfba\x0f\xc7#\xd1\x8b\xf5\x13\x02@q\x7f\x1d\xe5\x83\x11{\x16\xaa9\xf7\x8d\x98\xd8\xa5\xae\xeb-2\x05\x7f\xe1\x8c\x1e#\xa8\xf1\xe1\xdewR\xca\xc0\xc6eR8\xb7\xc4\x87\xcf\x0f\x9f\xfb\xc7s{\x7f\x0e\xc0\x92\'\xdd\x87\xd4\xb6\x87\xe5#\xab&amp;yR\xd1\xdeE\xa3&lt;\xb9\xfd+\x04g.\xf2\xfc\x17\x16\xad\xa5\xcb\x08~\xda\x00j:\x9c\x1cY-\x07\x97\x8d\x1f\xd8X\xe1\xf3\xe1\xc3g\x8c\xcf}\x0ep\x03\x00\x8a\'\x8bLDF\xb2\xdf\xcf\x05\x8cI8(\xc8-|\xf0\x1c^\xf0A\xd0\x929\x8a\x9a\t?o\xd4\xc5!\x8e\x06\xc03\xe5\xe0\xd0\xc3K\xc6\xbe_2\xe6\x0el\xf5\xa9\x9b`\x17q\x1c\x84Y\x0cA\xccc\xfd\xe9\xd1\xb8pZ\xfc\xfb\xd0:_\x08C6\x95P*\xe4L\xdeq\x89\xc4@T&gt;|\xa68\xb9~\xba^\xef\xed\xa0aUt&lt;oy\x81\xf8\x10|8\xb1n\x9a\xe4.\xfb\t\x11&lt;\xd2L\xee9\x15rFO70\xb6C\xcd"I\xd4\xca\x85f\xc53\x04sc\xc8\xc4P\'Hk\xb4\xefI\x1bDpMW\x10\x8cx\xff\xf3i\x0fK0\x1b\xe2y:\x00\x9f\xddK\x004\xba\xc4\xcf\x02\xdc\xe7eB\xe7:d;\x12\xac\x87\xc0\xcb\x1b\xee\xdd\xa8\'\xce\xfd\xaa\x10\xc2\xe5\xe6?\x9f\xde\xec\x95r^\xfdxT\x99\xde\xbaL6\xaf\x94\xef6f\x19B&amp;0\x94K\x1b#C\xc8\xa5\x07\xb3\x05\x00\xca\xc5\xc5\xe4\xae\xf5_\xde8\xe2c\x85\xf3\xc1\x14\xf6\xa3\xd0\xa4\xf9\xa4\x84D)\xbd\xca\xa0b\x86\xbf\x1f\x9c\xd5gP2\xdak0\xb8\xa9]\xee\xd2\xe0\x99\xc8%\xf8\xc6\x05"\x02P,\x99\x85\x83\xf6?\x0f\xcfi\xae\xbaj\x89\xc4\xd1\xafAI\xf7nT"\xac!:i\xe7*\xf9\xd8\xe8\xaf\' 9\xb0l\x9c\x17\x9b\xe1\xc3\x97\tOX\x8b?\x17\xa4\xb3\x9ad\xbcE\xe40\xa8I\xb9_\xbe\xdb\xea\xa5\xc2\x9c`sL\xc7\xc7\x87\x00f\x0b\x81\x0cC\x1a\xca\xa5\x8d\xe1\x86\xf3\xa0\x1b\xf8\xb2E\xe1\x9d*\xe7\xf5M\xf3\x16h\xa9\xa5\xcd\x9b\xd6\xb3\x91x\xea\x1e\xa7MP\xc3[\xdf\xb8\xadI\xe8\to\xe1\xf4\xc6YAZ\xbe\x087\xdeI\xc1\x04\xc1\xf1u\x01\x18\xa3\x02\xfcq\xebx0T\xcd1\xacE%\x00\x8cA\xcc+\xb0C\xb0\x9c%DZ,\x04\xcfG\xf7\n\xd2\x85\xa3\x05\x83\xdb\xdc?\xbbCL\xfc\xe9\xd4&amp;\xe09\x11\x01\x10\xc3\x14\xfb\xe0}l\x9b5\x98\x88*\xbb\x12\xe7(\xe8`\x16\'\xc8\x13\x98\xf1\x17\x86\x10\x94QE\xa7\xe2R,)&lt;^N\x17\x95\x8e+\xc7v\xe3\x8c.\x0cA\xb4t2\x16\x1b\xfe\x8b\x93\xc6\x94N\xe5M\xd7\xbc/\x12\x9d*\xe7\xf5n\x81\x00\xda\x96\xcbaL\xcf\x14\x99\x00\x9c\xdf\xa1\xa0\x8a\x13\xed\t\xbfF\xac\x99\xd0S\x9f\xc1\xe7&amp;\xed\x15\xb8a-t|\x8d\x1c\x07C\xa9\xcb\x9a\xd2\xbd\x81\x18\x1e\xd6,\x00\x96%\xaafM`\x9c\xfc\n\xc4W8V\xad\x9f\xd2\xc7\xbd*\x18\xecP\xa7}\xa6\x10=\xf5\xb6\xce\x1cDn\xf1B{\x11\xca\xda_\xdf&lt;\x1a\xc5\xf6t\xfb\xfa\xe61\xf1\x949sP\xb0\xcf\xd6]\xab\x17\xb0\x9f\x99\xeb\xea\x9e^\xde_9S@\xc4\xe5/ly\xe1&gt;V\x8d\xeb\xee\xdd\x02\x876\xaf\x10\xcc\x93\x04\xa3p\xb1\xaf\xbc\rj\xb8\x1d\xfbI\t3\x8e\x01\xe07e\'nY2\xb3\xb3/\x8c\x9c\'\x82\x89\xc9\xe3\xc1\xe5\xe3=k\xa9\x13\x1a\x14He3\xa7\xaa1\xaf\xbc\xd8\x12W\xb1`H[)\xa5\xfd\xa7PG\x073\xaad\x89\xef\xe7\x9c\xd2\xa3Va\xfb\xb7\x1fY)\xfbQK\xb1\xa6?\xe1\x80\xab\xa7\xa5\xab\x94)n\x885\x87\xfdl\x907n\xe0q\xdf\xfa%\xec\xff\xfc!\x19\xca\xd5\xae%N\xac\x9b\xe6\xddf\xf8\x9b\xfc&lt;}\xeb\x950&amp;\xaep\x96x6.\x92\xceh\xce\x91:4\x9d\xda\xa0\x08{\xa4\xb4\x8c\x0e\xe6\xffV\x13\xed\xef\x13\xc2\xb7Zt\x15~\x86\x94 z\x87zK\xe2\x9d\xf3\x867-\x96\xbea\xc1\xd4\x9a&lt;e\xd3\xf8y\xb9M_\x15\x96\x8d\xea\xfc\xa9\x9b\x10\x88\xa6\xc5&gt;\x81\x03\x91\x19r{\x89\xe5 \xadmcOWE\xfc\x12D\x81\x92\xfd\xdf\xb5{\xcdB\x9eU\xfaO\xa1D\x9f\x13\xa3\x11\x7f3S{4\x94.u\xa9j\x1a\x15\xebk\xc3\xc8\xd6UCY\xe7\nZ\xb0\xf8_\xf9\xe2}\xf2\x86\xf8`\x1bu\xf3&amp;w)\x7f\x18g\xc9\xb8{n\xb8\x9eh\xe74\x03e\x12\xb7\x0b\xf5\x1e:T\xb4\x15\xd6\x9c{&lt;\xd9\xa7N\xe38\xb3u^\x81\x04\xee;D\x04\xcf\xe2\xda[a\x87C\x13\x01\xb0\xe3\xff\x91\xe6\xb3\xb1\xa3\xf1&amp;\x98MSb\xa2\xf1\x9dj\xbb\xb1\x1a\x01~s\xbb\xea\xa5#;\x01\xd0;WKl\xa6\x9b\xa7\x0fp\xbb:\x1fB(\x8c\x01=\xdc\xf6I\xb1\x0f\xe6]\x12\xd4\xb5x\x08e\x80$"\xba\xb2o\x99\x9d\xdb\x1f\xfd\xb0K\x99\xae\t\xe5Q!}\xec\x92),\xec\x1c\x9b\x15\x97C\x9a\x84p\x00\xc0?\xf7\xdd\x8b\x18\x15\x1c&lt;!\x1e c$\xca\xef\xbd\xf52\xf0\xa7xzt\xf5\xe4\xda\xb9\x92Z\xdd\xf2\xc6\xed\xea\xfe\xbe\x7f\x16\xcf\xaf\x02/\x8d\x97\xb6\xcf\x19\n\xe0\xdf\x87\xe7\x0f-\x9f@D\xeb\'\xebl\x16XTa\xb3\x9f\xc5\x87/\x13\xfd\x1a\x94\xd2\x88\x8f&gt;\xed\xe0~n\xfb\xfc\x0f\xbf\xc8T\xe6n \xd8\x9e\x02\x80q\xf9k\x19k~\xe9\xc8N!V\x17\xd7\xbe\x82Stu\x00/\xae\x1d\xfa"\r\xcc\xf7-\x1ec\x99\xc72\xb2\xa6\xd28\xed\xe8\xaa\xc9\x7f?87\xa8I\x00\x15\xf3\x1f\xb7\x8e\x1bM\x92&lt;\xef\xa2\x9e\x94\xc0-\x9a|\xf8\xec\xb1\xc0F\x18R\x9bHB\x94/\xaeu6\xb7\x11laD\x82s\x02\x90R6L\xed\xebv\xcc?\x1fD\xb8\xbd\x87\xe8Y\xbb\xa87\xdba\x0e\x00v\xb8\xc5\x00\xf0\xc9\x80c\xd1\xd0vA\xd3(\x1f\xdc\x85W\x08\xf3\x82h\xe8\xf9\xfd\xbai\x98\xbd~\xf5\x15\x8c"}U\x89_\x0fjYm\xc05\x00\xfe\xf6bKB&amp;r\xf8\xd9\xcd\xd9\xa4hz27;\xde&gt;g\xa8\x1d\x1f`\x0f\x91\xcc:\x8b\x02)=\xae\xb7C\xc5\\\xd6\x99l@9&amp;|\xfc\xed\x07\x9f\\\xfe\x0bDD\x93\xef\xed!\x97\x1a+3\xe4\x98\xff\x7f\x85\xf8\x1aBE\x1a\xb1vb\xaf\xb9\x03Zj&lt;\xec\xe6\xf4o\xc1;|Jo\x07&lt;q\x03\xdfmR\xc7\x97\x8f\xe6\xb1\xe5\x98\xab`k\x103\xab/\x97\xdc\xbb\xbc\x8e\xd9\xfd\x9a\x03\x08\x86\xc9\xfb3\xc0\xd0\xe6\x15\xbc[\xa0\xab\x9b\x80\x7f\x1f\xfd\xe0IuwOm\xf2\xe4v\x1f\xbc\x08&lt;\xbf\xfa\xa9\x9b\xa0Cxg\x8f\xa7\x90\xaf\xccw\x15K\x86w\xd0&lt;T\xe7*\xf9\x96\x8e\xec\x94\xc4\x1es\x91\xe7\xc8\x1c\x94z\x1eQ\x03\xccwH\x8f/\xee\xe5\x89-Jd2\xbb\x97\xe9~\xbf\xdb&lt;{\xf5\xf8\x1e\x8f/\xec\t\xaa&amp;\xfa@\xce\x11\xbb\xcc\xba\xa6\xa4v\xb3\x0f/:!\x87"\x1a\xd0\xb0\xb4\xf7\xca\xfb\xda\xe1\x89\x0c*\xe8 \x91Y?\xb9\xb4W\x9dO\x85\x8c\x91(\xab\xc7\xb1\x13\xfd&lt;-\xc0\x02\x00\xe6\rj\xedI\t\xcbFv\xf2Vc\x82\x14y\xe2\x04\x8c\'\xa2%Sv\x81++\x1eQ"\xf3X1C\x9bW\xfc\xf2\xa6\xff\x10\x01\xfeZ\xe3\x1aF\xfc\xd6\xa5\xb3z^~0\x8c+J\x92H\xaf\xdb\x8a\xe1\xfd]o\x17)#}\xf0Jm\xca\xa7\xf3\x1a\xb5V\x89\xe4Q\x88\xa8E\xc9\xcc\x969]\x92\x8f\x0fkQ\xc9\xdd\x16\xc9\xd0\xc4g\xfe\xf8\x9bG;Z\xb7Q.m\x0c\x0f\x07\xb5\xb0D\xc0?\xec8\x84\x8f\x8fU\xb3\xc4\xe7\xc7\xa2\xaf\xfb\xff\xee}\xcb[\xde\xbcxF\xe5\x04\x10J\x98\x18&gt;y\xa0\x9eO\x06\xf1\xbd\xf0\x1f7\xbe2\xabg\x85sxE\xea\x97+\x16\x01\x7f\xf1\xd3\xc2\x89\xbdor\xc2\xf4~\x12\xdc\xe6Y\xb3DP\xf8.x\xf1\xef\xb5\x1f\x02&amp;\xa1\xb7\xaat\x05\xa9B\xb9`[\xe5\xa1P\xc2\x8f\xe8\xe9\xa5}\x1e\x15\x11\x94\xd8&gt;\xc7k\xd1R\xa3\x11\x1dZ1\x81\x1d\x87\xb4Pn\x15\xb4\xbcCld\xaf\x9f?\xa5xj\xf49\x1d\xd3\xbe\x06;(\x99\xc2\xe3m\xddg\n\xf1\xc5u\xa9\x96_\x933\xf8\xa17`\x00\x9et\xadf:\x97H\xac\xc8\x0c\x05\xe2\x87\xa9\x9d;\x99\x14\xdb\xe0\x8b\x04\'\xf5\xbcul\xdd\xc3\xf3;C\xf8:N\x0fF\xfc\x17\xa4\xd0\x87\x147\xc2\x92\xfd\xa9T\xcaO6\xa0h\xec,\xf8\x0f^?\x7f\xca0\xee\xc6\x07\x1e\xd5\xb6\x9a[\xf7\x05+2DP\xaf~\xb6\xcf\x19\x1a\xfc\x8d\t\xd1\xf8$CC2\xcf&lt;\x00\xed\x80\xff\x06FOq\xa3\x8c\xe2\xfa\xa1U\xee\xd5\x92M`\x94HJ\xb4vb/\xf7\xca\xf1.6N\xed\'\x9e\xb2\xe5\xcf\x95\xfd\xcb\x8d9\xbd\x1e\xf7 "\xd1\xc1e\xded\x18\xb5\x04^\xff\xe8\xea-\xbf|\xbf\x8d\x1d\xb8GH\xb4bLHw\x07+\x9c\xc8zC\x0c\xc0&amp;k\x08\x83\xc8\x00&amp;\r\x1a,.\xb7\x0f\x9f\x1f\xb2D\xa5\xfdK\xc7\xf2\xd3\x8b\xbb\x17{R\x9a\xbf+\x99\xb9\x90\xd1\x95[0\xba]uW\xef\xb2\xc4\xea\xf1=\x00H^\xec\xf7\xbe\xddbyc\xe3\xc2i\xf9q"\xa22\x02\xc5\xe0\xc8\xd6U\xbc\xd7@\xd7P\'\x8f\x7f\xd5,N\x1e\x97f\x8e\x9anci\xf0j\x08\xf1\xe1\x9e7K\x13^\xc5\x9a\t=\xe3\x12YrWH\x08\xe1\xe11\x86\xb7\x945\x1c"\xf5^X\xa2o7\x99\x06\xa4c"\x11%Y\xa6\x1f\x11\x97\xa8$$z~\xf5\x80\xc7-\xf5\x1a\x8a%\x8b\xe4\xa1\xd2\xfbkD\x89\xe4Q\x82\'.G\xf0o2\xdc\xd6zVr\xc4\x8eP\x96\xe0/\x1c\x03\x00^H\x19&gt;\xb9\xa4\xa5r\xe6x\xd2X\x1f&gt;\x08&amp;\x00=\xf4\xa1\xb7?9\xbaT\xcd/\xcb\x8b_\x05\xec!4\xcb\xe6*\x86\xf8wC\x9ay\xd9l\xda+xpn\'\xf0Z\x93!_\xdcP\x96\xdb&gt;\x00\x97\xf6,q\xb5\xea \n\xef\xec\x12\xda\x94\xcd\xf6\xa9\x9b\xe0\x839\x00XF\x1f3\x83M\x1d\xe9\xe6\x19\x03\x89\xe8\xf5\xcd\xa3O\x82^M\'\x8d#\xfe\x0e\xb3\xe2\xa0\xaeW\x03&gt;\xd6\x8b\xbbroM\x00^apnQ\xd2\xd4.;x\xa0q&amp;7\x03{{\x19\x9d\x07\xce\xc3+\'z\xd2\x8c\xe2\xfe\x9f\xde\xfbH\xa3\x0c\x0bR*\x94 \xc2\x85]\x8b8\x83\xd6\xb1\xd5S\xf4\x99-\x89\xaa\xbe.\x00`&amp;w!\x19v\x0c}\xd80W&amp;u\xf4\x1e5]\x88m\xe4\x1eR\xd9`Q\xdc\xb3p\xa41\xf4y\xd0!K\x14\xb5\xc9\xb3\x9d\t d\xda\xec\x07)\x92\xda\xdb\xb4\xb1\xb7\xe7\xdd!1\x88\x98\xc3E\x93\xd9\x89\x9d\xeb\xb2\xa7\xab\x98A-\xb5b?T\xc7Jy\xc8K\x040\xc1\x0f\xd1\xe4\x9f\xa1\\\xda\x18aT\x91\x1b8\xd2\x86\xa3\xe6%2}\xf2\xcdz\xc8\x82\x91Q\xd9\x07\x97\x00\x93\xf0\x8a\x19\x83=\xbc\xfc\xcc&gt;M;U\xceS!}\xc0?\xdf\xa3fa\xe0\x15\x00\x1edfX\x8b\x8a.\x15h\xd3\xac\xf3s\x0c\tg\x87\x13\x81\x8d\xfe\xfd\x1b\x962^rMu\xe0"\xdc\x08X\xe1\xef\xac\x00\xc8c\xcfi\x85\x99\xcf\xb2\xc7\xb4\xe3r\xf1\x05 8%\xa2_\x02&amp;w\xab\xef\xad\xa2dI\xaa\nvl\x18\xbc\x08O(a\x83\xc1B\xd1=\xf8\x13\x11\xd1\xe6\xe9\x03\x8a\xfbG\xae\x90!\xb6H\xf9\xebu\xd7\xfc\xcfPZ\xe0\x1d\xa4s](\xa6\x99r\x9a\x14I\x97\xc2|\xb5n\x07\xd2\xb8f\x8c\x0cj\x16\xb1\xaeW\x9d\xa0\xe2\r\r\xfeqv\xf7\x82\x91f\x97|\x83\xbe\x02b\xa79\xbda&amp;\x9e\\\x12\xaf\xf6\xa9W\x9c\x82\x98\xcd\xc3&gt;2Y\xad\xa6=1\xbdV\x8asl\xa8\xcb^{P\xe7\'\x00\x80\xfbg\xb7\x7f\xeaV\x84D\x94\xb0\xa1dZ;\xa9\xb7\x94\x92?\x9e\xf7\xb9\xbd\xddv\xa4\xfe\xfb\xc1YWo\x89\xe4 Ds\xb7N\x0b\xa4\x8f\x10\xdc\xd4\x8d\x1a\xf6l\xe3c\x06\xb3\x93|\x08\x85\x97\x02\xd9~z\xbc\xbcqX&lt;\xbd\xb0k\x912\x9b\xe5.\xc4\xce\xffpl\xcd\x94\xcfQl\xea\xf5_\xfd\xfd\xcf\xa7\xbd[\xa0}\x04\xbf\x1d\xce\xe2\xe1\x1d\xbcRN\x9e\xd8\x94\x82(\xaf\xb7yE\xca\xa7\x0b\xfc\x95m~h\xbc\xbb{H%\xba\xf4\x16\x82\x93x\xd4\xbd\xff\xf1k\xdf\x16\x18m\x19}\x10\xc1\xcd\x96\n%\xfc\x9c\xe2\x98\x87|4\xff\xdc\x02C2\x187\x01\x0cy\\\x94\xdc\x04/%3\xc19vnS\x15\xcd\xc9g\x84XDq\x89r\xc5\xa4\xf5\x93\xfb\x9cX;\rx\x03\x01\xdbg\x0f!\xa2\xe7W\x0f\x1ev\xf0X\x14I\x12@e\x02&lt;\xfdd\x8d\xfe\xbc\xf09.o\x1b\x16L\xed\xea-z\x91\xabf\xc8\xb7\xbfpP\xba\xd5\xf8\xf0Y0\n0\x18E\x8b\xfc\xeb\x1bC\\y\x0bm\xcb\xe5\xb0\x1f-+s\x14/\x9b\x1b\xb8\xba.\x1e\xd9\xba*\x11\xcd\xea\xd7\xdc\x9b\x8dP!Olzy\xe3\xc8\xf2\xd1\x9da\x89\x7f\xee\x1bo_0\xa4-;\xf0Z\x1c\xe4/\x00\xc9\x88\x16\x0cn\xd3+\xb8\x02\xc8\x05\'\xfe}t&gt;\x88J\xeeT%/;\x08\xf9[H\xde\xc2\x01\x8d\xca|\xda\x96|1\xc0\xff~2&amp;\xda7\xa5\x13\x17\xe3\xa76\xcc\xe0\xc7GWMv\xaf=nl\xa7\xe2\x11\x15\x88\xefa|&amp;\'\xb8\xf1#&lt;\xbb\xb2\xdf~\xe6\xd9\xfd[X\x0f\xfa\xce\xe8\xdf\xb0TQ\x07)\x96\xe5\x16\xed\xab\x8e`\xbas\xde0~&lt;\xbb\x7f\x8bO\xd7\x90\x90\x8b\xb0D=k\x17\xe1\xa7\x1f\xee\x05\xb8\x9c&lt;\xbb\x12\x82|\xe2\xf5\x08\xf9\xae\x1eA\x8a\x92)\xa2\x8eiWCL)\xee\x1f\xd9\xbd\xf0X\x83\x9b\x963zQU\xcb\x1a\xc0\xc0\x11\xc5\xc0\xc9\xacQ\x1e\xf8\x0b\xc7xv\xd9\xf3\xfd\xa2\xa5\xa42\x9b\xb9\x85\xa9\xdbL\xbd\xdf\x10\xe1\xf7k\xf6\xf3\xa7sq\xb8\xcd\x18\x89\xa4\xc1}f\x9ffD\xe4OT;w\xb2\xf7?\x9d\xd6L\x03\xac\x84%#:|v&amp;\x1bA\x0b\xdeQ\x80W\xb9\xac,\x0f\\\xb2J6\xda\x9f\xf9\x94\xed\x9f\x041?\x87\rJp\xc2+\xf6l5\xb2\'\x9a\xd8\xa5\xae&gt;\xcf\x91\x95\x93\xd2\x08\x04\xa36\xbfB\xce\x18\x04@Z\xaa\xda\xb9\xd7[_\xb9Y\xf1\x0c\xee\xdd\x18\xa4\xdd\xcc\x9f\x9cF\xffq\x1djJ\x96Eq\x89\xb6\xcc\x1cd9\x07\x84p\x12\xa7`\xc5\xca\xb1\xdd\xd8A\xd9\xb41\x00(W(\x9a\x8f\n\xfc\xc6\xe2\xa5&lt;\xbd\xbc\xff\xc7\xc3\xab=o\xcf\xa86\xd5&lt;/\xc4\x12^\xf1w\xfb\xac\x87\xd4N\x95\xf3~\xea&amp;\x84P\x00\xbf\x13Q,\xa2AM\xca\x89\x9f\xf8\xe6\xd1\xb5\xce\xd9\xde\x03X2\xa2\xa3\xb2\x90j\xd9\x12:\xb2\xc9\x9d$\xad\xb02\x9f\xd4\xb5\x9ey3\xe0*9\x9d\x17\x112\xfbv\xff\x86\xa5\xd88~`\xd9\xb8&lt;q(\n\x91q\xc1Z4i\xc4\x11\xad*\xeb\'\x00\x8eo7\xcd\x8a\xe5\xf8\xe2\x1cfN\x12_,V\x8d\xeb\xce\x0er\x9b\xcc\x8c\xfc\xc5u\xafQ\xa8a\xa14\xe2\xa5\x86\x05S\xf3x)^\x0f\x92\xe5!&gt;\xfev\xc1\x988g@K\xaf\x14.\xc6\x92\xe5\xf8\xe3\xd6q\xaf\x14\x1e\x0c\xa8\x993\x888\x08dt\xafQ\xc8\xed{\x83\xa9\x89\xce\x18\xd2\xac&lt;?\x16\x87\x8c(D9\xfc\x14\x94\x03DT"\xb97Gj\xb3\xc0U\x1cJw\xad,n5\xc1,\xe2\xd3\xa86U\xdd).(\xc1\xa26\x02\xd0\xff\xc2~D\xed+\xe4&lt;\xb9n\xba\xcd9\x80\x1c\xbb\x8a\xfc\xf1C\xf3\xd3\xa0h\xffg\tF\x0fb\xf6FR{Su\xf49A\xff\x7f\x864|\x8ev\\\xdeB\x91$\xde\x14:\x8a\x1f=\xe8\xd6\x895\xb2\'\xce\x17/\x941j\xd5\x97\x04\xa5\xe4_\xffO\xf1\x11&lt;CD"2u+\x0bCT&lt;Y\xe4\x977\x8e\xd8\x9f\x00\x88\x9c\xc8\xf0?\xa3_\xdbS\xec\x9c7&lt;\xe8\n/\x952\xda\xe7H\x0b\xe3\x12\xb8\x00\xcd\xeb\x08\xa2\xcd\xff\x90f\x15~\xfbaw\xd0\x94\xed\x84\xc9\xdd\x1a\x04C-\x1a\x84#\xc2\xc7\x87\xc1\xf03\xf7\xae[,(\x8a\xb5tw\x0f\x99\x00`\xe9U;\xb8iy\x8b\x1c\x06\xfcxx5\x1b\xbe\'u\xad\x97\x94(\nQ\x91\xc4\xa6\xd5d\x8bF\xf8\xef\x91K\x13\x80\x08o\xc5\xc1\xfd\x0cpr\xfdt\xf2\xf6\x8c\xd7\xb8H:/\x96\x16rp|\xcdT\xef\x16hG\xcf\xe6]/\xa1\x06\x05Ry\x12\xf8\xc1l\xcd\xb5xx{\xb7\xc9\xbd\x83\x02Q\x9d\xa5\x91\x9el\xd7\xccn\x9c\xd9\xa7\xa9\x1b\xa5\r\x13\x08\xda&gt;U\xb0\x84\xef6\xcf\xb6\x13\xf62\x87_\xc0\xc1\xb15\x16t\xca"\xea\xe6Mn\xf3U\xdbT\xc3rz\r\xe0\x1d\xfb\x8e5r$N\x1b6\x80\xb9a\xb6\xc3\xdb@\xb2Li\\8\xad\xd9\xe8\x0f \x93\xb0#\xfe\x8a\x16\xfb\xae\xe2\xd73\xdb\xde\xff\xe4\xb2s\x7f\xde8.{B\x86\x10\\U\x05J\x94`\\r\x98iM\xbc\x0e&gt;\x13t\xa9\x9a/\x04\xf6\xda\'\x17\xf7~\xea&amp;\x04Bz?\x03\x1b\x97\t\n\x91\x9d$\xa2\x11\x86\xaa \xff:\xadJg\xa1\xa0\x8c\xbb\x120R\xbe\xba\xe1yQ\x11\xedT\xf7\xec\xb2\xdd&amp;\x01m\xcadc\x93S\xb1d\x91\xcb\xa7\x8bit\xe3*\x928\xc2\xdaI\xbd4\x13\x00\xff@\x7f?8\x17\x02\x7f\xa5\x90\x02\xb3W\xa3\xa1X\xf2"Dw\x04\xcf\xf1\x05|\xe6O%\x0f\xe0\x9a1\r\xaad\x89\x7f\xe7\xc4\x06\xe5\xa5\xc1M\xcby\xbbE\x16\x90~r\x97\xf6\xfef\xd0D~7\x16\xab\xac\xa8bF/[H\xb4-\x9b=\xa8\x19\x9b[\x95\xca\x12\xa4\xe5+a\xd6\x91\x1c\xdf\xf0\xdd\xe1\x95\x13{\xd6*R\xdc?2;o]&amp;\x1b\xcb\xc0M\xabR\x10\xad\x1a\xd7\xdd\xce\x04\xc0\x10&lt;f\x87\x9f\r\xf4\x8c\x08\xb3\xfb\xb78\xbbm\x9e\xd9U\xe9\xcd\x86\xd8aW4\xf3p\tS\xba\x7fb\xb9v\xb0A\x1c@\x8d\xe6%\x92\xedc\x8fZ\x85\x99Y\xfd\xe5\xbdK\xa5\x9c\xc1O\x1f\x1b\x14\x13\x80%\x9e^\xb6pd]5\xae\xfb\x88V\x01\xd1\xa1]\xf5\xb1*\x9a4\x12\x80\xb4\xd6b\x1bo\xe2\x93X\tk\xbe\xd1\xc4.u\x01\xdc8\xbczf\x9f\xa6/\xae\x1d||q\x0f\xfb\xa6\x1b\xa7\xf57f\x1e\xd9\xba\x8a~\x02(\x96\xd4iAux\x85G1\xdd\xbeL\x00\xff3&amp;Z\x12\xbe\x87\xd8A\xdf\x126[\xbek\xbew\xd4\xe6\x7f?8\xf7\xf0\xfc.\xaf\x14\x15\x14`bR\x00\xb7\x8e\xad3^]4\xac\x9drdOfH\xc1\xd3K\xfc\xb8}\x85\x9cD\xb4}\xce\x10\xef4\xd1\x04\xfc\'\xdf&lt;}\x00Ka\x82i\xfb=\xd3\xc3&gt;\xcc\x8c\x83\xfa\xd4-\xee\xf5\xf25\x81\x1b\xbfx$%:\xb4|\xc2\xd6\x99\x83\xd6L\xe89w`+Q\xc8\x93\xc5\xd1\x15\xb9l_\xaf\x030v\x864a\t\xef\xef\x06\xeb\xf3\x84\x10\x000[\x8f\x00\x7f+\xf3\xdb)6\xfd\x97\xce\xa6\xe1-g\x02\xf7\xb0~r\x9f\xe0\xa9\xc8\xecs\xa7q\x98\xff\x8em_\x03@\xcb\x92\x99I\x15/,MX\xfa\xf7\xa1L\xc1\xd4\xb3V\x11CFo"m\xd8\x809\xa0\x91\xc3ae\\\xc7Z\xc1\xb9.q5,\x00\xe3$\xaf\x93\xc7\xdfs\xb5p\x13{\xf6\x17\xca\x08\xa6S{\xd8\x9d]N\xae\x9fa\x9d\xc9]\x14L\x10\xb8\xd3\xe1_\x90\xcd\xa9\x8e\xa1\xfb\xc3\xb6Y\x83\xbbT\xcd\xcf\x87r\xa3x-\xaa\xf3\xce\xcf\x80\xb7d\x90\xa9~\xbe+\xd7\x10\x01\x00\x8d\x0b\xa7\r\xa2\xc2\x0b%\nq\xf4\xcb[f\x0c\xb4\xcc\xa3!Zq\x15L\xda\xdb\xb6\\\x0e\xcb\x9c\xac\xce\x02\t\\p\xd0P96\xd9\x85~e=\x7fPk\x00\xa2\xe7T\xf0\xaca\xdb\x94\xcd\xaeY\xee}*\xb4*\x9d\xd5\xed{\x075\xb1\xa5J\xb1c\xb1\x93\xd5\x99\xd1Tb\x85\xe2\x82\xa6\xd3\x1bg\xb1\x03\xef\x87\xb9\xd1B\xfcX\xa2iY\xfex\xa1\x0f\xad\x98\x80\xbf~a\x1ft\xf1\xb0\xf6\xfc\xe3\x8ehU\xb9n\xde\xe4\xab\xc7\xf7\x10\xdd\x92&amp;u\xad\x87?n\xfe\xf6\xc3n\xe3\xf0\xff\xe6\xce\x89\xe0|\xa2\xcf\x15\xfcK\x0chT\xfa\xc2\xaeE\xfa\xbfH\xfa\xcf\xcd\xe0\x06K3\x11\xa5\x0eM\xe5\xd3\xb9\x1d\x1c\xe9\xb3\xc4\xbc\x81\xad\x8c\x89\x96\x03Y\x10\x11\xebo\x9f=Db\x0f\xe5Q\xe3\x9f]90\xaec-\xf1\x12\xde\xdc\xe6\xc7C\x9aU\x00\xf0\x8fa\x13`Dq\x7f\'g\xb5\x05\x83\xdb\xb8\xdd\xda\xa0^,\xcc\x1f\xd4\x9a\x1d\x0cm\xeeZD\xe5|qC\xb9:\x15\xb94{\x19U5vl\x88WO\xe8a\xb3|c\x18\x0ce\xdb&lt;T\xfa\x0chT\xda\x98\xf8\xf6\xeeI"\xca\x1a\x8d\xd6L\xe8\t&lt;c\xcbM\x16\xbf\x0c\xc0\xa2a\xed\x12;?~\x89\xe4Q\xf1\xf1\xe1\xaaq\xdd\x7f&lt;\xb2\xc68\x01\xf0l3\xfb6\xf3\xac\xb1&gt;\x10\x11\xd1\xc2\xa1\xed\x00\x18\xa9\x05\xe6\x0chy\xc3cv \xa3X\xd9\xbb\xb0\xff\x83e\xfdd\xbc,\x01P\xce\n"\xf8\xb3\xb8:6y\x11-\x9dM\x0c\xd9\xe9\xd4\x00\x00 \x00IDATS\xbaU/h\xe7.&gt;\xa3p\xc8\xe7\xce\xeb\xc1O\x85\xa4\xb6;\x8c\x92\x94\xdf\x8d\xbd\xc8\xd8\xf65\xcd.\x05\xf5\xaf!\xa2L\xea\xe86\xb5\xd0\x83\x9b\x96\xf7\x84k\xb6{MS\xe2\x90o\x88\xf2\xc5\xa5q\x1dk\rnZ&gt;\x19\xd17D\r\x0b\xa66\x8a\x072G\xa1b\xc9"\x01xy\xe3\xc8\xe4n\xf55\x13\x00\x19V\x1e&gt;8a\xb3\xb3\xa0C\xa9\x16\xf6\x10\xcf\xaf~6\x14\xca\xc1\x0fN(\x16\xa4\xa8\x9d;Y\xbf\x06%mf\xd6\x98\x88\x05G[M\x10\x9c\x062\xd7\x0e\xaet\xfb^\x97,y\xf0\xd7\xaf\xdc\x1b\xcbCT\xcc\x10\x9b\x0f|I\x9c\xd2C\x1a}\x17\xe5\x8eE\xc0s\xb3\xab\xe9\xc2\xd1\x98v5\xfa\xd4-.\n\x04\n&amp;\x08{\xff\xec\x0ei\xc2-\x91&lt;Jt\xa2\x19\xbd\x9bH\xa3\x7fP\xab\xa0\xbed\xb8\xcd\xfc3\xbamuc\xa2\xdb\xb6\x98\x1c\xca\xf5T\xb3bn\xd2\xd8\xdaG\x10Y6J\xc1\xf9"{\xa6\x98\n"\xc1\xf7\xed\xe3\xeb\x83\xa2\xe4\x10"\xa6\'\xa2\xfe\r\x15"\x08#\xa2x\x83PV\x13\xbak\xdd\xa4\xde\xe9&gt;\x91\xe6+s\x14\xda8\xad\x1f\x11\xad\x1a\xd7\xdd\x92\xd4!\xa5\xbb\xb5L\xef\xd5\xd8\x8d\xbbR\x85\xa2\x8a\x19b\xd7\xcb\x97\xa2pbk;\x93\x9a9\x93\x9c\xda0S\xbf\x03\x90P\xee+\x135\xbb\x06\x00KGvr\xef\xc6`V%\xd9\xc7\'\xb4W\xb2\x1c\xf5\x8c!A\xda\x95\xcf\x11\xfc\x04|\xa2\xc3kX!\x96^\xc8\x04\x93\x05?r\x9d\xef\x88-\x87%\x06\xe6r\xe9bn\x9bmm\xb7Z5k\x82O\x12)Z\xa2\xe6\xa5\x90Je\xecE\'\x86\xc8D\xe9#P\x93"\xe9\xea\xe6M\xae\x17\xdf\x0cl\\f\xc9\xf0\x0e\x81\x03\xff\x8b\xab\x00\x16\xda\x08\xae\xd9\xb9J&gt;o\xb5\xf6\x8bBY\xe7\xd8F\xf6\xf1\xad\xc3\xa2\xc0\x07\x11\x12\x0b\xb9\x84\xe1\x02o\x8c\xe1\xc6\x90\xb2^V\xc2\xebL\xc2\x9d*\xe7u\xd5\x12,\t\x91{\x13e\xe9T\xb2\xf1V\xb7\x1a\x05\xc9\xd9&lt;\xd1\x12\x9f\x05\x9bX\x99\xd4~\x9f\xba\t\n\xcc\x10H\x96D=\x90\xb4\x82\x8cJT7o\xf2\xff~\xbb\xd0\xabN\xb1\x0c\x11\x03b5\xa7\x0f\x1f@\xfe\x9a\x80\xa8_\x83\x92+\xc7v\xfb~\xcb\x9c\xbay\x93g\xfb&amp; \xc0N2\xa2\xbf\xef\x9f5\xabz\xeb\xac\xc1_\xba\xf9\xba\x01\xa2\x13\x80F\xfd\xc2a\\q\x04\x16U\xad\xc0\xa3\xf3\xbb\xb8\x06\xc6;\xed\xb3\x81\xd0D\xc1o\xd7%\x86o\xe5\x08i\xe3r\x19a\x03\xe1!k\xe9\xfe%cln\xfeJ\xa7\xfa&amp;8\xdf\x83\xbe.\xefR\xe9\xb9\x81\x1ds\x87)\xd33F\n0\xff\'\xa2\x18D}\xea\x95\x10\xafF1\x98\xea\x03`\xc4\xec^\x87^\x86\xd3\xb5Z\x01;d&gt;^D\x97\xaa\xf9\xf9\xb1^C\x9b)2\xad\x9d\xd8\xabQ\xa14S\xbb7\\8\xa4\xed\x85]\x8b\xa6\xf7j&lt;\xb1K\xddv\xe5s\xbe\xfa\xf1(\x80\xda\xb9\x93I\xa6\x04\xbf]\xd8-\x05&lt;O#,\x13\xf2\xc5\xfb\xea\xe3\xc3\xf7oXz\xfb\x9c\xa1\xec\xd8\xe8-\x82\x0f?\x03\xb0\xc3\xdc\x14\x9c\x00\xfe\r\xa2\x11g\xcb\xccA\xfc\xb8y\x89L\xe2%\xf7Da\x9f)\xd6M\xea\xadL7\x8b\xe6\xba{\xc1\x08\xf7*r\x83\xb9_\xff\xe9\x83\x97=A\x81\x8dS\xfb}\xea&amp;\x04+&lt;\xf9\x13\x1f_\xdc{j\xc3\x0c}\tRp!\xb6+\xcc\x1a\x8d\x9a\x97\xc84\xa0Q\xe99\xfd[\xd4\xcb\x97\xa2`\xc2\xb07\x8f\xae\x05\xa0\x9c\xba\xa4 \xb5?\xec\\\xc8\x0e\x8a&amp;\r\xcc\xfe5{\\\xbb\x8f8DS{4d;\xb8\xa0#\x80\x99\xda\xa3\xa11\xd1\xdf\xc6\x8d\x9a\xd8{z0\xe3z\x16\xf6\xd2\x8b\xa8\x90\xdeBX\xeb\x95\xa0\x95^\xc1\xf0V\x95?u\x13\x14\xd8\xbd`d\xeb2Y]\x1aq2G\xa1\x04\xb6=\x9b&gt;\xfc\xf2\xbd\xcdb\xcb\xa5\xf5\xceN\x03@\xbb\xf29\xbdR\xd4\x17\x83f\xce\xae-\xb3\xfa6\xb3o\xfc*\xae\'\x96\x8d\xea\xac\xec*lqS/\x9f\x13\xc5\xe5\xc3s;]j\xe4g\x8c\xfdK\xc6h\xae\xf6oX\xca\xbdb\x01\xd8\xf1k\xf7\xc4\xdf\xc7U\x14Of\xd7\xe0w\xcf\xc2QRJH\x93\xed\xf8`\x1fGVNZ&gt;\xba\x0b;v\x89Q5\x7f&lt;[3\x85\xdb\x0e\xf0#[+4%\x91\x89\xda\x94\xcd\xee^\x81\x12\x8c\xca\x8c\xcf\x11\xc5\xfd#gp,\xcd\xdf\xdc\xb6\x96\xf4\xb6)\x9bM\x99\xce\xd4\xc0\xa2|\x89A9\x9d|E\xff;\x7f\xd4\x8b\xbb\x17\xbbq{\xa9\x94\xdf\xd0W\xf5\xbe\xbc\x8a\xc5\xc3;\xd8\xc9\xb6dD\xc7\x1e\x0e\xe3en\x86\xff\t\xa5\xdb\x00\xee\x9e\xdc\xf8\xe9\xeaw\x01\xf9\xe2\x85\x02\xe0\x15\x07\xbeI]\xeb\xbbD\xb0\xe1\x1e2F\xfa\x94N|\xfeD\x89\x88.\xecrg(0C0\x0b\xd6\xcd\x0cx\xd8\x04\xb0z\xbc\xc2\xedY\xa2\x83^3\xa1\xe7W4\xa0\xd9y\xd4\xef6\xcf\xd6g\xa8\x9d+`\x1e\x95\xfe\x0f3\xab\xdbh\xc6\xa4O\x07\xaf,\x94\\\xa5\x08\x1d\xdf\xa9\xb6\xa5[\xef\xe7\x8e\x1e!\xc3\xe3\xc6\xbb?3[\x9e+\r\xb4\x8c6\xbb\xee\xa1Z\xd6\x04\xf8\xf8\xd0+Ey\x1d\x92\x91\xfc\'\xf4"\x0b6&gt;D\x1f(M\x18\x1a\xd7\xa1\x16\x11\x01\xa8\x9f_\xb6\x1a\xf03\xe4\x97~\x0f}\x80\x81\xa0\x80\xe8\xeb\xd8\xadFA3\xd5\xa2\x17\xe3\x15\x7f\xb7y\x8e\xab\xb7\x008\xbfc\xa11\xbd\x81[tI\x9f\x1d\x82A&lt;\xe1\xc9\xf0T\xde\xa1\xa1\x91\xc8\xab\xd9J\'(V\x88\\@\xd9\xb7^\x89\x9c\xce\xfb;\x00\xf6\x8d\xb8\n%\n\xa7\xd4I\xe8m\x8e]\x85\xf4\x06\xecp)\xe3\xf9\x15e:S\xe4*\xb7\tv\xdes\x8f\x9a\x85-\xdd\xbb|\xf0\x14v\x9c\xe8\xca\xa4\x8en\x16,\xacv\xee\xe0\xa4-\xf1\x08\x9f\xbc\'\xf5\xaeS\xec\xd36 \x98\x91!\x98\xcd\x0c\xed!\xb3\xeb\x0c1R\xcf\t\x99=\xfe\xd9\x15\x0b\xe6\x15?\x17\x0b&lt;\xbcr"\x1b\x19\xe6Z\x11\xa4o\x15l\xeaD\xac\x1e\xdfC&amp;\x11SA\x13\x9e6k4\xeb\xdfVi\xc4\xf1\xd7\xfd3\xe2i\xbb\xf29\xf3\xc7\x0b]"y\x94\xe0\xa1`\xf9\x9c\xd0\xb5Z\x81+\xfb\x97\xeb\xa3\xa2\xeb\x03\xc8y\xbe\x0b\xe0l\xa3wNl(\x980\xac\x860\xc4&gt;\x86\xb6\xa8(\x05\xc8\xae\x94\xc92\xe6\x8d\x05\x98\xd3\xa3FZ\x1c\x0csL\xa7\xcay\x8e\xac\x9a\xe4\xe9\x93\xf8`\x0fl\xdd\xc3&gt;+s\xc4\xedP)\xb7\xd7\xbfrY\xb7l\x8dD\xebF;\x987\xa8\xb5h\xc5k\xf9\x14\xb9c\x13\x80\xff\x1e_p\xa3m.\xc1\x13\x0f\xe71\xedj(\xd3\xa5@`\xccS\xcc\x07\xf7\x01\xc0\xeb\xe6\x92^\xc7\xef\xd7\x0f{\xb14M\xb7\xc4\xff~\xeaY\xbb\xa8\xf4\x0b\xdd9\xb1!\xd86\x19v\xc2\xdc3\x88\xf6.^\ts?\xba\x9d\x82\xfd\x89\xc1\xcc{\xe03\x82,\x00\x11N\x01\\\xd9\xb7L\xf9\x89c\x11\x01pO\xf0\x98\x94h\x91\r\x0e\x03\x86\xbe\xf5KXg2\x01\x80{\xdfnyf\x15\xe1R\xba\x85?/\x00o\x11\xd8I\x08"\xe7\xea?n\x1d\xe7\xc7\x1aj&amp;\x1fL!\xf6\xf5\xbb\'7\xe61\x19&gt;\xec\xec\xf28\xc6w\xac\r\xe0\xc3/\xdf\x7f.\x1e\x19\xd2\xbeaX\x8b\x00-H\xfa\xf0\x04&lt;\xe6\xe9\x89\x88\x88H\xa4\xde\x04pr\xfdt\xaf\xb7\xc7\x13\xb1\x8ad\x13\xed-|Z.\xed\x08^\xdax\xd9\xb1\xd1\x14Y\xfc6M\x1f@D\xd3z5\x06&gt;\xda\xacBi\xadHD\xb3\xec\x91\xd7\xbf\xbey\xd4\x8b\x04\xc7\xca\x15\xf1\xe4n\xf5\xc5\xd3\xb7wN\xb2\x83hD\xd7\x0e\xaed\x96\x81A\x07K\xe9\x8c\xc4\xe6dD\xf8\x10 \xe9\xfdr \x8d_\xae\n\xcf\x94\x1b[\xb7G \xcf\xbb\xfe\xa0&amp;e=.\x83\xecP\x15Z\xe2\xd8j\xeb\xe8Nf\x00P2\x85\x17\x8c\xad\x00\xd8\xb7|\x04\xc0\xc7\x82\x10\x08\x0fMV\xdcc3\x040\xaaM\xb5\xbd\x8bF\x03ol\xde\xd2\xa7nqc,\x04;`kd\xfc\xf7\x1bO\xb9\xb2o\x99\xe5]\x89\x89\xfe\xfa\xf5\x8cq@&lt;\xb6z\x8aF\xecn\x86a-*\x1eX:N\x93aV\xdf\xe6\xae\x96\xc9\xa1y-Y]\xec\xec\xc0\x7f\x00^\\=\xe88\xf5\xcd\x07*\xc4\xb4\x8ac\xf7\xe2\xda!\xb7\x0bg\xecZ\x13:\xd7\xb1\xcc\xc9\x96!\xcc\x0b|\xd9\xa8\xce\x9a\xf9\xfd\xc7#kl\xd6^={";\xd9$\x8a\xe6`F\x89\xe4\x81\xcfZ)S\\e\x1cv%\x9a\x15\xf7\x0e\'\xb6\xab\x81\xd88E\x92&gt;df\x90\xfeo\xf9\xe3\x7f\x02\xe6\xd9\xf7?\x9d\x8eF\x04&lt;\x93\xd2%\xd3\x89\xd9\xfd\x02\x87\xbf\xd4\xaaf\x9eX;\r\x801\xf4M\xd5,\xf1\xd38\xf3ZH\xef0K\x14o\xba\x8e\xd7\xce\x9d\x0c\x80\x1b\xcc\x1c\x12\xf2\n\xb3n\xef\xba\xc5\xc8\x99\xea\xc7%D \xda4\xad??5v!Q\x99g\'\xf2 \xfb4\xbc\x85\xa9B,_\xb1\x0ff\xb8\xba\x7f\xb9\xdb4p\xf9\xe3\x85\xeeP1\xb7\xfd\xfc{\x17\x8f\xb6\xe4Fw\x03\xf1L\xd2S\x87!q\x82\xb2?b\xbaA\x83l\x07\x9e\x0c\xd9\xbd\xea\x14\xd5\\-\x9c(|D"\x97\xbe\x85W`I\xc5!bB\xa7\xda\x99\x9c\x05\xc4\xd5\xb2%\x14\x05\xe5L\xec\x93\xd3JM\x8b\xa7:\x1e\xad\x94\x01\xa3\xd2s\xa5\xe5\xf4\xe0\xa6\x81\xf13\xa4\x95\xc0\xbe\xc5:\x7f~7\xd0\xacx\x06\xe9\xab\x01\x7f\xf0\xe3\x06\x05R\x9d\xdd6_\xba\xa5S\xe5\xbc\xc6N\x02!\x00\xef\x8bk\x07;U\xce\xdb\xa7^q\xf7\x9a$\xf9\xebh:\xe4\xba\xc9j\xea*\x11\x9d\xab\xe6\x03`\xe6\xa4\xf6\x15m\x08\xcc\xf4\x84\xf6\x17\x9bF\xb4-\xe7\x1d_\xf6U\xe3\xba\x13\xd1\xe3\x0b{\xcc2x\xe8\r\xeb\xd2g\xfe\xeb\xfe\xd9ric\xb2\xc8\x85U2\xbb\xa6\x91\x12\x15MF|\xb8\xf7\x9d\xcdr\xec\x08\x85V\x8e\xed\x1a\xa4\xdd\xf7\xd6\xb1uf\x97\x8a\xfbGVV\xedgH\x11G\x93O\x05We\x95g\xb6\xce\x15O\xfb7(\x95\xd8\xe1\xe6zl\xcd\x14\xb6\x9c\xac\x9c\xd9lB\'"\xaa\x9c)\x9e\xfe\xaf\xeaU\xa7(\x00\xbd\x0e\x86\x85j\tj,\x19\xd1Q\xe4\xcd\xff\xdf\xcf\xdfr\xd2\xb4 E^\x1br\xba)\xdd\x1b\xb0\x83\xb5\x13{\x05Q3n\x1cZ\x15D%\x878\x00\x90z\xb6\xcd\xbb\x82\xa21"R\xba\xc5\r\xe9\x12\xf6/\x19\xeb\xde\x8d\xaf~&lt;\xe2R~\xbe\xbcU\xbe7\x00\xc0\xdff\xf7&amp;p\xa9&amp;G\x0c&lt;\x17o\n@\xfb\n\xb9\xdc\xbb\x91C\xac\xda\xd20\\\x03\xa5\xcd_P[gkl@\x8c\xfe\x8f\x0c\x19#\x12\x11\xdd\xfbv\x8b\xcdwni\xcb\xa8,\'&lt;\x11\xe70\x00\xa0\xdfF0D#\xfa\xfd\xba\xfb\xe2Y\tz\xad.W\x14+C\xc6&gt;\xb9\xb4\xcf\xc3\xda\xf7-\x19cdu]6\xaa\xb3Q:\xcd\xe2\'?8\xb7\x93\x88\xfc\x9c_\xe6\xcc&gt;M\xddf6\xfb\x92q\xe7\xc4\x86\xb3\xdb\xe6\xd9\xcc\xdc\xb7\x9e\xa9y\xd9\'\xf1\xe6)\x99\xdck\xa6%\xa2\xaa3\xb9i\xae A\xea\xd0N\x92\xe2o7\xcd\x96F"q\x9b\xaaQ\\0;\xa4\xe0\xf4\x8a\xac\x9b7\xb9\xc8\x7f \xe9\xe1b\x08\xc3V\x08\x84FW\x99)2\x11Q\xfd\x02\x8aA?[\x10{0+\x19\xe2X\x90\x13\x86\x1c~\xba\xe5\x17\xfb\xfaE\x93Dt\xd51\n\x80d\xdb\xa3\x84$\'\x87\t\xc4&lt;\x19#Q\xc6Htt\xf5d\xcb\xc2\xc9\x1e\xad/\x11}C\x04@\xda-\x94K\x1b\xf3\xcc\xd6\xb9\xcd\x8bg\x94\x1aP={\xa24a(Uh\x85!)\x00oQ\xef}\x150\xea\xa6\\\x85\x99\x89\x18\xfbfY\xa28un\xaf\x18\xa4\x07?,[\xad\xb4B\xb3i\xbfd\x94\x0eH\xc2\xba\x1fv.\x0c~\tf\xb5l\t\x95\xea\xe2\xb7wO\x02\xff\x88)\xc1&lt;\xb9*\x11\x9f\x08xmT\xd8J0\xbeF\xa3\xc0X9\x1f\xbc\xbd\xab6\x85\xaa_ \x15\x97\xabt\xa9\x9a\xff\xe5\x8d#I\\\x8fX\xc0\xe8\xed4\x19.\xef]\xaaL\x976dQ\x882G\xa6\xd4a\x02l+\xccl\xbd\xf4uIW\xc3\xbb\xb2\xfe`\xd9\xd2\x84\xa5\x11\xad\xab\xb0\x94x\xae\x08u\xcfm\x97\x95\x10f(\x9b\xc6\xafy\xf1\x8c\xcd\x9di\xa5\xc9\xd1T)&gt;\x8c\x0f\x81\xb8\xb4G\xeeI\xd1\x95\xf9\x0cp\xdbr\x06\x00\xf0\x8a\x88\xca\xa5\</t>
        </is>
      </c>
      <c r="E387" t="inlineStr">
        <is>
          <t>&lt;class 'numpy.ndarray'&gt;</t>
        </is>
      </c>
    </row>
    <row r="388">
      <c r="A388" s="1" t="n">
        <v>386</v>
      </c>
      <c r="B388" t="inlineStr">
        <is>
          <t>steps_per_sec</t>
        </is>
      </c>
      <c r="C388" t="n">
        <v>5600</v>
      </c>
      <c r="D388" t="inlineStr">
        <is>
          <t>3.3592765</t>
        </is>
      </c>
      <c r="E388" t="inlineStr">
        <is>
          <t>&lt;class 'numpy.ndarray'&gt;</t>
        </is>
      </c>
    </row>
    <row r="389">
      <c r="A389" s="1" t="n">
        <v>387</v>
      </c>
      <c r="B389" t="inlineStr">
        <is>
          <t>Loss/object_center</t>
        </is>
      </c>
      <c r="C389" t="n">
        <v>5600</v>
      </c>
      <c r="D389" t="inlineStr">
        <is>
          <t>0.10764389</t>
        </is>
      </c>
      <c r="E389" t="inlineStr">
        <is>
          <t>&lt;class 'numpy.ndarray'&gt;</t>
        </is>
      </c>
    </row>
    <row r="390">
      <c r="A390" s="1" t="n">
        <v>388</v>
      </c>
      <c r="B390" t="inlineStr">
        <is>
          <t>Loss/box/scale</t>
        </is>
      </c>
      <c r="C390" t="n">
        <v>5600</v>
      </c>
      <c r="D390" t="inlineStr">
        <is>
          <t>0.04851343</t>
        </is>
      </c>
      <c r="E390" t="inlineStr">
        <is>
          <t>&lt;class 'numpy.ndarray'&gt;</t>
        </is>
      </c>
    </row>
    <row r="391">
      <c r="A391" s="1" t="n">
        <v>389</v>
      </c>
      <c r="B391" t="inlineStr">
        <is>
          <t>Loss/box/offset</t>
        </is>
      </c>
      <c r="C391" t="n">
        <v>5600</v>
      </c>
      <c r="D391" t="inlineStr">
        <is>
          <t>0.107460335</t>
        </is>
      </c>
      <c r="E391" t="inlineStr">
        <is>
          <t>&lt;class 'numpy.ndarray'&gt;</t>
        </is>
      </c>
    </row>
    <row r="392">
      <c r="A392" s="1" t="n">
        <v>390</v>
      </c>
      <c r="B392" t="inlineStr">
        <is>
          <t>Loss/total_loss</t>
        </is>
      </c>
      <c r="C392" t="n">
        <v>5600</v>
      </c>
      <c r="D392" t="inlineStr">
        <is>
          <t>0.26361763</t>
        </is>
      </c>
      <c r="E392" t="inlineStr">
        <is>
          <t>&lt;class 'numpy.ndarray'&gt;</t>
        </is>
      </c>
    </row>
    <row r="393">
      <c r="A393" s="1" t="n">
        <v>391</v>
      </c>
      <c r="B393" t="inlineStr">
        <is>
          <t>learning_rate</t>
        </is>
      </c>
      <c r="C393" t="n">
        <v>5600</v>
      </c>
      <c r="D393" t="inlineStr">
        <is>
          <t>0.001</t>
        </is>
      </c>
      <c r="E393" t="inlineStr">
        <is>
          <t>&lt;class 'numpy.ndarray'&gt;</t>
        </is>
      </c>
    </row>
    <row r="394">
      <c r="A394" s="1" t="n">
        <v>392</v>
      </c>
      <c r="B394" t="inlineStr">
        <is>
          <t>train_input_images</t>
        </is>
      </c>
      <c r="C394" t="n">
        <v>5600</v>
      </c>
      <c r="D394" t="inlineStr">
        <is>
          <t>[b'512' b'512'
 b'\x89PNG\r\n\x1a\n\x00\x00\x00\rIHDR\x00\x00\x02\x00\x00\x00\x02\x00\x08\x02\x00\x00\x00{\x1aC\xad\x00\x00 \x00IDATx\x9c\xed\xddw|\x14G\x9a7\xf0\x12":`a\x83\xc99\xe7\x0c"\xe7\x0c"\xe7\x8c\xc89\xe7\x1cD\xceI\x80\x00\x01\x12\x12\xcajr\xce \xb51\xc6\x18c\x8cM\x90\xfa\xf6\xc2\xee\xed\xbd{\xbe[\xdb\xb7k\xd0\xfb\xc7\xc00\x9a\xd8\xa1\xaa\xab\xbb\xe7\xf7\xfd\xf0\x87\xd4\xea\xa9z\x90f:TW=\x0f!\x00\x00\x00\x00\x00\x00\x00\x00\x00\x00\x00\x00\x00\x00\x00\x00\x00\x00\x00\x00\x00\x00\x00\x00\x00\x00\x00\x00\x00\x00\x00\x00\x00\x00\x00\x00\x00\x00\x00\x00\x00\x00\x00\xb2$\xec\\\xac\xf4%/\xef&amp;\x86/\x19\xcb"\x18\xdd\xa4%\xef\xe7\x1d\x02\x98^\x0e\xde\x01\x00hr=zk\xec\xf1(\xa5\xaf\n\x0c\x0c\xec\xdc\xbd\xdb\x98v5Y\x84\xa4\x8f\xd4\xf8\xc4\xfb\x89\xfbxG\x01\xe6\x86\x13\x00\x98\xd8\xb3\xeb1e\xcb\x97O\xf8:S\xd1\xab6N\xed\x9fEH``\xe0\x8c\xb9s\x18\x05\xa6\x83\xf5\'\xaf&lt;y\xfc\x98w\x14\xdc\x94\xe5\x1d\x805\xe0\x04\x00&amp;\xf6\xf1\xc7\x1f\xe7\xc8\x91\xa3\xce\xa7\xbe\xf7lQ"w\xe7\xca\x05l_\x7fY\xb8p\x00!\x84\x90\xcf\xbf\xf8|\xd7\xbc\x11\x0c\xe3cl\xdc\xaap\xde!p\xf3\x8aw\x00\xd6\x80\x13\x00\x98U\xf5\xbc\xe4\xed\xdb\xb7\x01\x84\xc4\x9f\x8d\x9b\xd9\xbb\x99\xf7\x9do\xff\xcb?\xf6D\x1c\x8c\xd9&lt;7?!\xad\xda\xb5\r\xc8\xf1\xee\x9d\xdf\xa5Gw\xf6\x91\x02\x18\x14N\x00`V\xa3\xc6\x0f\xb4\x1d\xc7\xf3\xe4\xcd;y\xe6t\x9f\xfbgee5n\xd6\xe4b\xe2\xde\x9c9s\xda\xee\x00\xfe\xf9\xc7\x1fM[\x0e`\x1c&amp;\x80q\xe1\x04\x00f\xf5\xc9\'\x9f\xd8\x8e\xe3\x01\x84\xe4\xcb\x97\xef\xea\x89\xcd\r&gt;\'5&gt;\xf2\xb8\xff\xbf\xfe\xe9Oiw\xee\xd9\x8f\xfe\x84\x90\xac\xac\xac\xbf\xb0\x8fS\x1f\xb9x\x07\x00f\x84\x13\x00\x98UVV\x96\xe3\xb7\x15+U:\x11\x7f\xf2p\xb4\xc7\xc9\x91\xad\x06\xcf\x1a2\x7fkfF\xc6\xdb\xb7om[\x02sx{\xff\x17\xa7\x12\xa5^^\x8a\x02\xef\x10\x98\xfb\xf9v&lt;\xeb.$?\xf85:\xc2\t\x00\xcc\xea\x81\xf8\x95\xe3\xb7o\xde\xbc\xd9\xb3}GB\xec)\xef\xaf\xea;=\xec\xff\xfe\xef\xff\xde\xbcyC\x08\t\x0c\x0cL\xd8\xb9\xc8\xd3\x9e\x7f\xa2\x12evO.\x9f`\xd0\xea;\x8f\xce\x1da\xd7\xb8\'\xdf\xb3\xfc\x1f9\xcaLO\xad\xd0\xa2?\xeb^J6\na\xdd\x85\xa1\x04\xf8\xde\x05\xc0\xa8\x9e^\x89\xfa4\x7f~\xfb\xb7\xb7o\xdc\x1c2\x7f\xab\xcfW\x9d\xdc4\'w\xee\xdc\x8d\x9a6!\x84\x94\xd2\xf7\x03?(\xb8\\l\xdaK\x16-\x9f\x0e_\xd5c\xe2\n\x16-\x03\x80\x7f\xe9[\xbf$\xef\x10d\xb9px\x9d$\n\xb6\x7f\x19i)\xa1\xb2\x17v\xf5\xaeS\xec\xe9\xd5\xe8:\xf9}\xef\t\x00\xe0_\xbaT\xf9\x9cw\x08r\xfd|;^\x12\x85LQxu/I\xd1\xab\x86\xb7\xa8\xcc.*\x00\x00\xd0\xc3\x8b;\t\x99\xa2 \x7fx\xfd\xe0\xf2\t\x03\x1a\x95a\x19\x11\x07;\xe6\x0c\xe7\x1d\x02\x00\x1b\x97\x8en\xe0\x1d\x02\x18\xd7\xd5\xe3\x9b_\xa7%?\xbb\x1e#gg\x1df\x92\x00\x00e\x8d\x0b\xf1\x8e\x00\x0cl\xf7\xfc\x91\xb6\xfb\x00\xde\x81\x00P\x16\xbdq6\xef\x10\xc0\xef\xb5/o\x8e\x07\xa6\xcf\xae\xc7d\xa6\xa7F\xac\x9cD\x08\xd91g\x98mc\xcd\x8fI\t\xaeQid\xff\x8f\xf8\x8f\xb8\xed\x0bx\x87\x00\x00fp/~\x8f\xfd\xeb~\xf5K\xfdx#6-i\xdf\xe4n\r\xef\xc6\xef\xe6\x18\x15EGVM\xe6\x1d\x02hU=\x9f\x9aW\rnR\x9ev \xd9`\x1d\x00\xf8\xa9M\xd3\x06\xcc\xdf\x1d\xc7;\n\xf0S\x8eK\x8e9\xae&gt;\xc3\t\x00,(\x88\x90\xbf\xf1\x8e\x01\xf8\xfa\x88\x90_y\xc7\xe0\x85S\xce\t^\xe7\x00\xa4\x82\x00\x0b\xfa\x1b\xef\x00\x80;#\x1f\xfd\x89\xcb\x11\xbfS\xa5 N\x81\x00\x80Z\xb7O\xed\xe4\x1d\x82AU\x94qmY\xc1\xbf\xaf?\x03\ti^,\x97m\x1d\xbb\x97\xddF\xb5\xae\xe6\xb4\xc5(\xe36\xfe\xfd\xe7\x03`\x9b\xdc\xcdhL]=\xcd.\x90\x90U\xa1=xG\xa1\xc0\xbc\x81\xad\t!\xc2\xfe\x0f\x89\x9e\xee\xc6\xed&amp;\x84\xc4m\xc3D)0\xb3\xda2J9\x02\xd0\xd5\xachN\xa7-^jH\x18\xc1\x18\x97\x0cW?\\;\xe9oi\xab\x01\x00\x98\x90D\xc1\xe0\xe7\x00\'&gt;G\x8d\xe4\xd3o\x14\xa7\xb4n=\x01\x80\xe5\xb4-\xfb\t\xa3\x96o\\\xbd\xf6\xc4\xe0\x8f\x8c\xb3+\xd9(\xe4\xf7\xdf\x7f\xe7\x1d\x85rS\xba7\xe2\x1d\x02\x00\x80\x15(J\x7f\x0b\x00\x00\xd6\xf1\xe8\xfcQ\xc7oCj\x15\xe1\x15\t\x05\xd7\xa3}\x17r2\x94\xf9\x83\xda\xf2\x0e\x01\x14\x0b\x9b\xd4G{#\xa1\xedj\xde\x8a\xdd\xa1\xbd\x1d\xb0\xbcn\xd5\n\xea\xd9]\xe5\\z\xf6F\x95$\nX\na\x19KGt\xe2\x1dB6\x91k\xa7Ql\xad\xc6G~W:\x1c\x80-\x8a\xcf\xb5A\xa6\xe0\xc2\x01\x84\x90\xd1m\xaa\xd3m\xb6w\xdd\xe2\xba^\xf6\xe8\xaeuiSM\x19\xe1\xea\xa7[\xc8\xb6\xc4\xc4\xe2a\x1dy\x87@\x15\xcat\x00;\x13\xbb\xd4\xa7\xd5\xd4\xc2!\xed\xb7\xcf\x1eJ\xab5\xf0s\xaa\xe7\xc5\xe0r\x19@\xaeA\xc1\xe5x\x87\x00z\x08.\x1c\xc0:\x7f2]\xa7d\xaf\xe6\x9d\xdd\xaf\x85\xebA\xff\x81p\x90vD\x0c&lt;\xbfy\x8aw\x08\x86S\xf73\xde\x11\x10B\x08\x99\x16\x12\xcc;\x04#z~\xf3\x94\xa9\x0b\xc8\xf8\xad\xee\xd5\x0b\xd5b\xb5Z\x80\xb3e#;\xe3\xaa\x1f(\xcbHK\xe1\x1d\x02\x80\xa5\xbcf\xf3\x99Z4\xb4=\x8bf\x01\xe42\xddT]\x00\x9d\x99\xa3n*\x80|\x92(\x14\xd0\xdc\xc8(\xdas\x8d\x00x)\xc6;\x00\xd0I\xfc\xf6\x85\xbcC\x90\x85\xe9\xc4\xc4\xd3\xfbWjla\xf5\xd8\x1e\xb6\xe1\xcb\x8f)\x84\x03\x00\xe4\xe9\xd5\xe8\x97w\x13yG\x01 \xcf\xc5#a\xae\x1bQO\x02,\x83]&gt;Q\x83L\x18\x01\xa3\xab\x14HR\xf6.\xbfz|\xf3\xb3\xeb1;\xe7\x0ew\xbbO\xa0\x87\xd7~\xc9.,B\x865\xaf\xe4v\xfb\x9e\x05\xa3Xv\x0b\xceP\x7f\x01\x9c\x18\xa5\xb8\x18h\xf4\xed\x85\xc8\x8f&gt;\xfa(o\xde\xbc\xb6o\x7f\xfb\xf5\xd7\x01!\x83\x1e\xfd\xc27(\x0004OW\x84`&amp;3z5m\xdb\xa1}\xae\\\x1frA\xe5\xca\x95\xabA\xe3z\xff\xfc\xf7\x97\xe5?\xcfS\xb9\xf0\'%?\x0e\xf8\xfb\xff\xfb\xc7\xdf9\x86\x08\xa0\xaf&lt;\x84\xbc\xe1\x1d\x03;\xa5\t\xf9o\x1a\xed\xe0\x0e\xc0\xf4J\x12r\xfe\xd2\xf1\xcf\x82\x82\x9c\xb6\xbf\xcd\xca\xfa\xe5o\x7f\xcb\x1f\x14\x94#  +++++\xebp\xf8\x81\xd5\x91\xe7y\xc4\x08\xa0^\xd8\xc4\xde\x8b\xc3\x93\t!\x85\x08\xf9\x0b\x8f\x006L\xe9\xb7po\xc2\xaa\xd0\x1e+\x0e\x9f\xe6\xd1?C8\x01\x98U\x19BF\x8d\xe9\xd608\xb8F\xad\x9a9r8?O}\xfb\xf6\xed\xb2\xf9\x0b\xc5\xfb\xcfR/\xc7~\xf4\xd1\xbb\xe7S\xbf\xff\xfe{\xc4\xbe\xf0\x8d\xb1\xd7\xf4\x8e\x15\x80\x86r\x84\xbc\x94\xbd\xf3\x84\xce\xf5\x0e\\x\xc80\x1aK\xc0D\x0cSJ\xda\xb5\xe4\xb6(\x84N\x9cP\xabNm\xc7\xa3\xff[\x9b\xac\xac#\x07\x0e\x1d\xbf\xf5\xec\xd9?I\xef\xce\x83^\xbf|\x95E\xc8\x9b\xb7o\xf3\xe6\xcd;y\xd6\x8c\xfdK\xc6r\x8c\\\x85\xd8\xad\xf3\xddnGR6\x7f#\xff\xe8O\x08\xd1\xe7\xe8\x9f\xbcg\xa9\x0e\xbd\xf8T-\x8f\xca\x17\xe2\x0e\xc0|\x16\x0cj;y\xe6t\xd7\xab\xfe7o\xdff\xbc|\xf5\xf0\xc1\x83G_?&lt;v\xf3\x07\xa7\x9f\x9e;\xb4\xa6F\xadZ\x01\x01\x01\x84\x90\x9b\xd7\xae\r[\xb8C\x9fh\x15\xc9A\xc8[\x97\x8dy\x08\x19\x1f\x12\xbc[H\xe3\x10\x10\x80W\x92(\x94l\x14B\xbd\xcd\xe8c\xc7\x17\xeeM\xa0\xdb\xac[8\x010\xf7\xf5\x99\x88\xfa\xdd\xa9]t\x17$\xe4\xe2\xe9C_\x16.\xec\xfa\xa3\x13G#\x17\xef\xf7V&amp;\xf4\xf1\x85\xc8\xfc\x9f}\x96#0\xf0\xf7\xdf~\xab\xd4j \xad\x90\xe8Z2\xbc\xd3\xba\x13\x17yG\x01\xc0\x84\x9c\x13\xc6\x88\x96U\xfe\xe7\x7f\xfe\'\xf9\x9b?\xc9o\xf6N\xdc\xae\xe6\x03\xa6\xab\x88\x07C@\xccQ&lt;\xfa\x13B\x12\xa2\xb7\x15\xfa\xd2\xcd\xac\xfd\xff\xfe\xdb\xdf\xbc\x1f\xfd\t!\xb5:\x8f\xfa\xf3\x7f\xfcG\x00!\xff\xf5\xd7\xbf\xd6\x0b\xa2\x18\x94z\xcbFuq\xda\x82\xa3?X\x98\x9c\xdb\x85\xe3\xb7\x9e\xf9&lt;\xfa\x87M\xec\x93\xf3\xfd\xd7\xc3ZT*]\xa6L\x95\xdcj\xe2\xc1\t\xc0d\x02r\x04\xd8\x86q\x9c&lt;{\xea&lt;\xe6\xe3V\xa3^\x13\x0f\xee\xdd\xf7\xec\xe9\x0f\xb5\xeb\x1a"9\xcf\xf8\xc9\x93x\x87`J\xf9x\x07\x00&gt;M\xef\xd9\x84z\x9bM\x8b\x06\xae\x19\xd7\x93\x10\xb2:&lt;\xe9\xfc\xb1\x8d\xb6\x8d\xbf\xff\xf6;!\xe4\xd9?\xd44\x88\x13\x80\xd9d\xb9\xdf\x9cxJn\xed\xbd5\xc7.\x94.Sf\xe0\xb0!\xc3Z\xb8_\xa0K\xc5\xe4n\r\xe5\xecF}\xfc\xd4O\xfc\xc6;\x00\xf0\xc9q]\x8e\x17\xe1K\xc7\xc9l0v\xcb\xbco\xfe\xed\xcd\xa8q\xa1\x84\x90\xdf\t\xe90\xf2]1\x99\x84\x07\x99\xea"$8\x01\xc8\xb1c\xce0\xde!|\xf0i~\xf7\xeb\xf9\xf3\xe7W\x90\x896W\xee\\U\xaaW\x0f\xdb\xb2YL9P-/\xa5\xc8\xb2\xdbw\xf6+\xc7o\xdb\x97\xff4u\xdf\n&amp;=\x01\x18\xd2\xd6\x84[rv\x9b\xb8\xf6\x90\xcc\x06\x07\xcd\xdd\xfc\x9b\xbbk\xa6\xcd\xd3\x06\xfe\xf5?\xff\xaa,\xb8\xf7p\x02\xf0m\xe6\xd6(\xde!|\xf0\xf1\'\xee+\x1e\xe5\x08\xf4\xf6\xa7\xecQ\xe3\xcb\xb9\xfd[\xd9\xbf\xbdx\xf6|\x00!\x01\x01\x01\x05\xbf,\xd4\xbcU]\xca!\xbas\xe5\xc5\xff\xf4\x9c\xbcJ\x87\x8e\x00\xfcM\xc3\xe0\xc6u\xba\x8eV\xf7Z\x9c\x00,b\xf6\xc2\x05{\x17\x8ev\x9b\x92\xb0m\x99\x8fwG\x1c\x986w\xb6=\xad`\xee\xdc\xefnN\x03\x02\x02\xa2.~\xa3W\x8c\xea\xcd\xee\xd7\xe2\xfc\xe1u\xbc\xa3\x00\x83*\xc9;\x00\xbeZ\x0f\x9d\xad\xfa\xb58\x01XD\xde\xbcy\xff\xf4/\xff\xf2\xe4W7?\x9a1\x7f.\xc9"\x01\x01\x01\xfb\x8f\xee\xb3my\xfc\xe8[\xdb2\x82\x00B\x1a\x956\xc1\x03\xc5m\t\xb7\xbb\x84.\xe1\x1d\x05\x18\x94\xc4;\x00\xf3\xc2\t\xc0dr\xe7v?\xdb+++\xeb\xf1\xa3o\xdd\xfe\xe8\x8f\x7f\xfe\x93\x10\x12@H\xe1\xa2El[\xaaV\xaf\xf6\xf6\xed[B\x08\t M\x9a7c\x12(\xf8\xb7\x8bG\xd6\xf3\x0e\xc1@\xec\xf5\xdc\x1f\x08\x07\xb5\xb43\xabOs\x1a\xe1|`\x82\x13\xc0\x85\xc3nj\x89\xf8\xad\xc0\x9c9\xddn\x7f\xfe\xe3\x8fg\x9e\xfc\xd9\xed\x8f\n\x16*\x94#0\x90\x10rp\xcf\xbb;\x80\xd6\xed\xdb\xd9\xee\x00\xde\xfc\xf1F\xbco\x85\x15\xb6Ex\x07\x00N:\x8dY\xc4;\x04\x03\xb1?\xb9m\x102^K;\xd4/\xd7Lp\x02\xe8\x1c\xba\x98w\x08\x06\xf2\x97\xff\xf8\x8fw\x17\xef\xd9\xe5\xcc\x99\xb3e\x89&lt;\xb5\x1d\xa6\x08\xd9W\x8b\xb5\x1a2+5!\xb1}\xd3\x90]\xd1Wl[*Vz7\x01\xf4\xb7_\x7f\xbd\xfa\xf2\x7fY\xc6KG\xe4\xdai\xdew\xf8w}\xe2\x00#\xe9Y\xcb\xef\xce\xfb\x03fo\xa4\xdb\xa0\tN\x00\xe0\xe8\xda\xe5+\xaeY\x80\x08!\xe5+T\x88N\x8a?}%\xd5\xbe\xc5\xf1v`\xda\xa6c?\xfeA\xec\xf5\x00232l_\xfc\xf3\x8f?\xa8GX\x86z\x8b\x84\x8cZ\xba\x9bz\x9bw\xe3\xe9\xb7IWi\xaa\xad\rnR\xde\xf6\x85\xda\xbca\xcc)-\xaa\x98\xfa\xd8\xca\xe7\xfdjy\xc9\x17\xec{\xc1\t\xc0dJ\x97-\xeb\xb4\xe5m\xd6\xdb\x0bg\xcf}\xff\xdd\x93\xbd;v\x96j\xdcSN#\x99\xaf3\xde\xbe}\xfb\xe6\xcd\x9b\xfb\xb7\xefP\x8f0\xa7I\xf2K5\xeb\xef\xe3\xae\x82\xbb\x0c\xaa\xad\xbdy\xf3\xae&gt;\xca\xffQm\x96"w3\x18\xfc\xd7/\xbf\x13\x95s\xfb\xc1\xc2\x02\x08y~\xf3TFZ\x8a$\n\xb6\x7f\x19\xe9\xa9\xcd\x8b\xbd\x9b\xd6)\xa7|t\xf0\x97\x01\x0f\xcfDd\xa4\xa5\xc4m[\xc0(\xc8\x0e\x15P\xc7\x1at5\xab/\xe5\xa7\xa3~\x02w\x00&amp;\x93EH\xa5V\x03o\xdf\xb8\xf9\xc7\x1f\x7f\x10B\xb2\xb2\xb2\xfe\xf7\x97_\n\x17-\xd2\xbcx."\xafJ\\\xe1\xa2E&gt;\xcd\x9f\xff\xbbo\x1f\xaf^Jy&lt;\xd1\xee\xf2\xcfT\xca\xd5\x01\xc8\xb5=\x91\xfe\xbd\xac\xb9\\:\xea&lt;\xedjD\xcb*\\"\x01=\xac\x9f\xdc\xf7\xeb\xd3\x117On\x9f\xd2\xbd\x11!$H\xc9k\x0b\x10\x12\xbbe\x1e\x9b\xb8\x80\x8e\xa5#:\xf1\x0e\x01\x00\x0c\xaf\x18\xef\x00\x00\xc0Q\xb7j\x85x\x87\x00\x00\x00\xba\xebW\xdfL\x99)\x02y\x07\xa07I\x14\xf2\xfe\xfd/w\xbeST^\x14\x00\xf4P\x82\x90\x12yH\x8e7\x1f\xa6,\x9b\xce\xd3\x7f\xfb\x85w\x08\xe0\xc1\xc33\x113\xfb \xf3\x01\x00\x18N\xcd\x8fyG\x00\xe0\xcfj\xbb/\xb5\x00`\x02\xbd\xeb\x16\xe7\x1d\x02\x03\x9b\xa7\x1b\xb4v9X\xcf\xbe\xc5\xa1\x1b\xa7\xf6\xe7\x1d\x85\x81\\9\xbe\x89w\x08 \xd7\xdd\xf8=\xbcC\x00_\xe4\xe7.\x19\xd3\xb6\x06\xc38\xc0\x83\x82\xbc\x030\x94\xf4\xe4p-/\xa7\x9b\xca\xc2UQ\xc6\xed\x03\x00Ms\xfa\xb5\xe4\x1d\x02(\x10\xb9v*\xef\x10&lt;\x92D\xc1\xb1\xc8\x1d\x00Cn+m\x01\x00\x18\xc4\xda\t\xbdx\x87`]\xc9\xbb\x97\xf2\x0e\x01\x00\x00\x00\xac\xeb~\xe2&gt;\xde!\x98\xd2\xa4\xae\rx\x87\x00\x00\x00\xba{u/I\x12\x05\x83\x8c\xd3\x96$dH\xd3\n]\xaa\xea\x90\xcc\x1f\x00\xbcjZ\x84\xc9Z\xf7&amp;E\x90F\xd7XX\xcf8R\xaa\xb2\xfb\xca\xad4-\x1e\xd6\x81y\x1f\xc6W-\xaf\x82\x9d+Z+\xf3\xc5\xe7\xd9\xbf\x1d\xd3\xae&amp;\x9f8\x0c\xcc^\x8c\x1b\xc0b\xcc\xfd\xde\xde2cPZ\xd2\xfe\x97w\x13_\xdeM|u?\xb9\x9a\xda:u\x11+\'\xc9\\\xc0\x99\x9f\x90\xf1\x9d\xea\xb8n_:\xa2\xb3\xca\xbe\x01\x00\xcc\x8c\xcf\x9d\xecO\xb7\xe2\xfa\r\x1eT\xacD\xf1\x9c\xb9r\xe5\xcc\x95\xeb\xf17\x8fz\xf4i\xf7\xe4\xd2\xf1c\xeb\xa6+m\xea?\xff\xf2\x973We\x9d\t\x7f!\xe4\xe0\xc5G\xae\xdb\xd7\x1e\xbf\xa0\xb4S\xe3\xc8\xc5;\x00\xa5\x0e.\x1b\xcf\xabk1E\xd3\xb2&amp;\x00Z\x8e\xac\x9e\xcc;\x04N\xb6\xcc\x18\xf4\xc3\xd5\xe8\xcc\xf4\xd4\x9b1\xdb]\x7f:\xaaM\xb5\xef.\x1d\xff\xf9v\xfc\x90\xa6\x15\xe4\xb7i\xee[!\r\xd2\x92\xf6\xf3\x0e\x01\x00\x14KK\xf2\xcb\xb9^\xb1[\xe6\xd9\xca\xd8n\x9b5\xc4\xcbn\x92(\xf8\xe9/\xc8\x8f\xa9\xab\xe9Z\x82z\x1c\x00\xfeD\xbf!\xa0\xdb\xa7v6k\xd9\x82\x10\xf2\xc7\x9b?*W\xad\xeae\xcfnmC\x8a\x16\xb7bf;\x13\xea^]\xa7\xdaF\xeaj\xba\xfe\x0b\xbd\x00\xe2\xb6-\xa0\xd7\x18\xb0\xd2\xbd\xc6\x97&gt;\xf7\xd99w\xb8\x0e\x91\x18\xc4\xeb\xfb\xc91\x9b\xe7\xf2\x8e\xc2\x97\x86_\xbc\x9b\xabk\xfb\x97\x91\x96\xe2}\xff\xcc\xf4\xd4\rS\xfa\xe9\x12\x1a\x00\x00s:\x8fT\xcb\xac\x14\xab\xd3\x1d@\xd8\xd6\r9\x02?\xcc\xc1|\xfb\xf6\xad\xf79\x8b\xe3G\x8c\xea\xdd\x1f\'\x00\xa3cw\xa9\xd5\xb2\xa4\x92\xe9\xbd\x00\x86\xf7\x97?\xffY\xcf\xee\xfeU\xden:\x9d\x00~\xfb\xed\xb7\xac\xac,\xfb\xb7\x81\x81\x81\xff\xfd\xb7\xbf9\xedS\xc6\xe1\xeb\x0b?\xfe\xbf\xcc\xd7\x19}eW\xd7\xdc:s\xb0\xb6\x00\xa9\xf1\xab\xdb\xcf\x19[N\xd0j\xaas\x95l\xab\x1a\x1eI\xbf\xd3j\x19\xc0\x08\xeau\x1f\xcb;\x047t:\x01\xe4\xc9\x93\'G@\x80\xfd\xdb7o\xde\xb4\xef\xdc\xc9i\x9f\x90\x9e\xc1#ZV\xb1\x7f[\xb4X\xb1\xc4\xaf%\x99\xed\xcf\xd9\x11\xa3=H*(\x1e\x13\xfdJ\xe3&amp;\xc1\x8e\xdf\xa2\xac*\xc8\xf7\xe3\x8dX\xde!\x98\x95N\'\x80\x88\xfd\x07\xecw\x00Y\x84\xe4\xc8\x91c\xd2\xba\x08\xa7}:v\xedR\xb6|y\xdb\xd7\x9f\x10\xf2\xc7\x1f\xffDu\x0e\xff\xb1\xea\xe89\xde!\x00\x1d\x8b\x86\xb6\xd7\xb9\xc7\xca\xad\x07\xe9\xdc\xa3e\xe8t\x02\x88\xff*\xe3\xd5\xcb\x97o\xde\xbe%\x84\xbc}\xfb\xe6\xda\xe5+\x84\x90\xdc\xd9\xf79\x1c~p\xd5\xd1\xb3\xb6\xaf\xbfOK\xc9\x99+\xd7\x7f\xea\x13\x1c\x00Pr&lt;l\xc6\xfa\xe8+\xbc\xa3x\xa7\xa61\xd2\xc3\x19\x99~\xd3@\xa5\x8c\xcc\xc0\x1c9\x08!\x7f\xfc\xf3\x8f\xc4Sq\x84\x90\x7fd\xdf!\xf9\x9b?}\x08+G\x8e_\xff\xfew\xfa1\xf8\xcd\x92\xb1e#\xbb\xf0\x0eA\xb1I]\xeb\xf3\x0e\x01\xb4\x1a\xb1xg\xf8\x12\xa3\x0cv\x7f\xf7+\xe7\x00|OY\xf5\x1fm\xca|\xf4\xf2n\xa2$\n\x99\xe9\xa9?\xdd\x8a\xf3\xb2g\xd2\xae%\x19i)\x9b\xa6\x0e\xa0\x1e\xc3\xf1\xb0\x19\xd4\xdb\x04\x0bh\xe05w\xaf$\nA2\x1a1\xe6\xe5E\x9fzX-\x07\xc6p\xf6\xe0j\xdb:\x80W\xf7\x926N\xe9\xefv\x9f\x1a\xf9HFZ\x8a\xf7\xa5\xc2\x00Z\x1cY=\x85E\xb3\x92( C\xafYt\xaa\x14\xc4;\x04\xbf\x14\xbed\x9c\xed\x1c\xf0\xd3\xad8\xd7+\x93\x05\x83\xdb\xde8\xb9\xad]\xb9O8D\x06~\xe3\xc4\xfa\x99\xc1_\x06\xf8\xde\x0f\x94K\xd8\xb1\x88w\x08r\xb5(\x91\xdb\xf7N@W\xef\xba\xc5\x7f\xbe\x1d\xff\xe2N\xc2\xf2Q]g\xf7k1\xb9[\xc3n\xd5\nF\xac\x98x\xe3\xe46\xef\xe3BT\x94%d\xdbL\xfe\xf7\x16U\xf0\xc6cfL\xbb\x1a&gt;\xf7\xe9P!\xbf\x0e\x91\xa8v\xe5\xd8&amp;\xde!\xa8W\x89}!\x14Z\xd6\x8c\x0b\xe1\x1d\x82\x1b\xc3\x1d\xa6\xc2[\xd6\xfcAmz\xd5\x91\xb9V\xd9\xbd\xa1\xcd*\xaa{\xa1\x11n\xd2W\x85\xf6\xe0\x1d\x82\xd5\xd8\xae\xe8?%dr\xb7\x86,\xda\x97\x93\x82\x06\xda\x96\xf9\x98w\x08r\xbd\xb8\x93\xc0;\x04\x00\xa0mv\xbf\x16\xbcC\x00\x13\xc0\xda1\xf0\xe1\xeb\xd3\x87x\x87\x004\xad\x18\xddU\xdd\x0b\xe7\x0flc\xfb\xa2\xeeg\xf4\xa2\xf1\xea\xcc\x81\xd5:\xf5d9\xa3\xdaT\xb7\x7f}/a\x0f\xc7H\xc0\xdc\xb8\xcf\xea{|\xf1\x18\xdf\x00\xc0\xa6e\xc9&lt;\xb6\x99\x0b\xba\xf5\xe8}\x19\xc7\xe1U\xfeZO\xca\xc1\xad\xd8\x1dn\xb7\x8f\xefTW\xdf@\xdc0\xcfs\x10\x00\xd3\xcaHO\xd5\xad/I\x14\x9c\x0e\xca\xcd\x8bq+\xc7)7E\xa2\x7f\xe8Z\xd5\xeb"\x0e\x06\x86\xb7\xa8\xacs\x8f`,\xdf^\x88\xe4\x1d\x02\x98L\xc5@\xdf\xfb89\xb9i\x0e\x83@,\xa5yq&amp;\xa7\xe1\x19\xbd\x9b:m\xf9\x94\x90\xc8\xb5\xd3l_\x1b\xb3X\xd5\x94\xee\x8dx\x87\xe07Z\x97\xce\xc7;\x04\xfe\xa6\xf7\x0c\xf6\xbd\x13\x00\xc8\xe08\xc9\xecs\x8f{\x01\x18\x06\xf7g$\x00\x96aO\xca6\xb1K=\x9eq\x00\xf8!a\xff\x8a=\x0bG\xf3\x8e\x02\x08!\xa4\x00\xef\x00\xb8@\x01&lt;\xf0w\xb5\xb8f\x00a1e\xd0\xd3L\x15\x00\'\x92(d\xca\xbe\xa5&gt;\xbaf*\xd3`\x00\x80\x02[\xdeC\x99;\xdfK\xd8\xcb4\x18\xc3\xea\xdf\xb04!\xa4U\xa9w\x17\xc1\xcbFv\xe6\x1a\x8e\xd5\xd4\x0b\xe2\x1d\x01\xf0R\xc1\xa2\x19\xcf,\xb9\xc0\xe7\xa7[q\xf2\xaf\x01\xadgp\x93\xf2\xc2\xfe\x15\xbc\xa3\x00\xff\x86\x07\x9bF\x10\xbet\x9c\xf7\x1d\x1e\x9d?\xaaO$\xb4\xc8\xbc\x0f8\x7fx\x1d\xebH\xb4+I\xc8\xeb\xb4\x14\xdeQPvr\xd3\x1cF3J\xedpz3\x84\xe2\x84\xfc|;\xde\xd3O\xad\xf7\xce&amp;\x84\xb4/o\xe8\xe4\x97\xae,\xb9\x90r\xdd\xc4\xde\xbcC\xa0\xa6YQ\xab\xfd\x89$Qxx\xf60\x8b\x96\xbbU+\xc4\xa2Y\x00\xe0iZHc\xde!x\xf3\xf2n\xe2\xd9\x83L\x12\n\xe9\x93\x15#y\xf7R\xd6]\xe8\xe3\xd9\xf5\x18\xde!\x00\xb0\'\xa6\x1c\xe0\x1d\x02\xe8\xc1v\x02\xa8\xfd)\xdb^\xf6-\x1a\xe3z\x9a\xb9\x1e\xbd\x95i\xa7|\xef\x94%QPT\xc4^\xe6i\x18\x89+\x00\x80&amp;}\x1e\x95I\xa2pp\xf9\x04B\x88}*\x03\xebazGut?\x1b\x98n\xa8\x16\x0cad\xeb\xaa\xbcC\x90K\x12\x85\x88\x95\x93\xee\'\xee\xa3\xd8\xe6\xd2\x11\x9d(\xb6&amp;\xc7\x92\xe1\x1dU\xbf\xd6vD3;}N\x00\x9b\xa7\x0f\xd4\x7f\xf8&lt;\x8f\xee=\x82b{\x17\x8d\xe1\x96\x89\xd1\x18\x064*\xc3;\x04\x03A\x11\x18\x9d\xb9V\xf36\xb5F\x05yG\x00\x8a\xa4\xec]&gt;\xb0qY\x16-\xcf\xed\xdf\x8aE\xb3V\xc2\xe87\x0f\xa6\x83\xc1e#\xb8\x1c\xb9\xd1\xf6\x85$\nk\xc6\xf5\xd4\xbb{.Kr\xa6\xf6h\x8c\t\xfb\x00|\x8dm_\xcb\xcbO\x1b\xb2\xbc\xac~q7\x11\xd7j6\xf5\xdf\xe7\x0eMO\x0e\x0f\xe2\x19\x08@v\xa5x\x07`U\x8c\'\xe0\xd01\xbam\r\xe5\x15\x10\xe4\xf2~\xee\xf1O\xb8&amp;\x06\xe0\xe0\xe1\x99\x88q\x1d\xeb\xe8\xd9\xa3\xf7\x8fz\xbbr\\\x93\xea9\xc0!IOt\xe7V\x00\x18\xd4\x9d\xb8\xdd\xbcC\x00P\xa0\x08\x9bf3\xd3S\xbf\xbf\x1c\xe5\xb8%\'!bJ8\x9b\xde\xcc\x03\xcf\xa6\xc0Q\x99\xf7_\xf4\xac]\x94c\x18fd\xb5\x84\x0f~@\xefr\x95\xdd\xaaa\n\x15\x18\x9dm0z\xc1\xe0v\x9c\xe3\x00\xb0\x98\xf2\xe6I8\xdc\xa1\xc2g\xbcC\x000\x13\xd7:\xe3\x92(\xf4\xaaS\x8cK0Z\xcc\x1d\x80)C\x00\x00\xd9}N\xc8\x98v5\xdd\xfe\xe8\xda\x89-\xae\x1bM\xfa\\\xd7\xa4a\x03\x98X\xf5|l\xdbO\xda\xb5\x84m\x07`\x15nSrZ\xb5\\\x92\x93)\xdd\x1b2l==y?\xc3\xd6)\xc1\xd0\x8f\x91\xed\x9e?\x92i\xfb\x86]\x8e\xd0\xb6\xec\xc7\xbcC\xd0\xcf\xb6YCx\x87`)8\xa6\x01\x80i\xd8\x92H\xef[\x1czl\xddt\xa5\xaf\x8d\xd9&lt;W\x12\x051%\xbc\x96QV8\x18\x82\xdb|\xa5\x92(t\xaf\x8e\x124\x00\x9c\x9c9\xc0\xa4\x0c\x8b\xd9\x9d\x0e_E\x089\x1f\xb1\xd66\x1c\xaftP\xdev\xfe\xb8\x9f\xb8\x97Ip\xbc\xcd\x1b\xd0\x9aw\x08`\x0c}\xeaY,\xd3"s\x17\x0e\x87\xc5m_\xc8;\n`\xee\x87k\'\x8d\xf0,7f\xf3\\-/\x1f\xd9\xba\x1a\xadH\xc0\x82v\xce\x1d\xc1;\x04\xf5&gt;\xe5T\x00O\x12\x85$\xabT\x10\x04Ef\xf5i\xce;\x04\x05\x8cp\x02\x03\xf5f\xf5e\xfen\x8b\xda0\x8bu\x17L\x99\xeb-\x9e\x96d\xa0\xf4)\xaf\xee%\xf1\x0e\x81\xb99\xfcRx~\x7f%\xca\xf7N\x8c!\x8b\t\xb0\xd2\xb9r\x01\xde!\x18H\xb3\xa2&gt;\xb2\x18\x8che\x9a2j\x96\x91\x91\x96\xb2~r_\xdeQX\n2\xff\x00\x13\xd3B\x1as\xe977\xe3&lt;\xf2r\x94$d\xc3\xe4~\xf6o\xd7N\xe8\xc5/\x16\x00\xb6r\xd0j\xe8\xc7\x1b\xb1\x8e\xdfn\x9e6\x90V\xcb\xa6vh\xc5D\xde!\xa8\xf1\xec\xe9\x0f\xfaw\xbay\xfa\xc0|\x84\xfc\xfaw\nM\x85\xd4r\xce\xc0(\x7fl\xea\xca\x8d\xd8\xa7\xdf\x7fo\xff\xb6y\xab\x96\x14\x022\xb3#\xab\xa7\xf0\x0e\x01\x0c\xcf\xe9\xe9\xdf\x8c^MyE\xa2\x9b\x90\x9a\x85y\x87`&amp;\x17\x8f\xae\xf7\xf2\xd3}\x8bC[\x94\xc8m\xfb\x9a\xc5=\xc0\xd0f\x15]7&gt;\xbex\x8cAW\x00\xe0\x07~\xbe\x13\xcf;\x04\x00\x13`\x9d\x14D)?Y\x81\x1d\xbdq\xd6\x99\x03\xab\xf4\xeb\xef\xd1\xb9\xa3\xfau\xa6\\\x93\xc2\xd4\xc6\xbb\xac!lbo\xde!\x18B\xf4\xc6\xd9\xbcC`\x8e\xef\x1c\x98e#\xbb\xb0\xee\xa2m\xd9O&amp;wc\x99\xf4\x86\x92\xa7W\xa2\xf5\xec\xaeo\xfd\x92\xfaM\xcc\xa3\xd8S\xff\x86\xa5\x1d\xbfU\xb4\xbaR\x12\x85\xe77O\xd1\x8a\xc4f\xeb\xcc\xc1Z^N=\x1eE\x16\x0f\xeb\xe0\xb4e\xdb\xac\xa1\x11+\'\xc5n\x9d\xc7%\x1e\xd5:T\xfc,n\xdb\x02\x9d;]&lt;\xac#V\xd6\x1b\xc4\x03\xe1\x90$\nnG\xf3L!H\xf7\x1es\x13\xb22\xb4\xbbN\x9d%\xedFvF3\xa9m\x8a\xe2\xe2\xaa\xd4\x0b"Q\x1bf\xea\xd6\xddG\xba\xf5dZ\x17\x0e\xaf\xa3\xd2\x8e\xb9\x16\x9a\xf8\x97\x11-\xab$\xec\\\xa4\xe2\x85\x9e2\x92\xab\x93\x91\x9eJ\xb15\xb3\xb3R\xca\xdb\xd1m\xab\xf3\x0e\xc1=\x13\x1d\x95,\x90N\x8dQ\x89]F\xc2\x97\x8e\xe3\x1d\x82\xe1\xddK\xa0\x99\xe3i\xe1\x10T\xfe\xcb\xc6D\x87\'F\x16\x0en\xb7\x8e\xe5t\xfe9\xfd\xfc}\xaa\xa8n$Q\xd0r\xb8\xb8\x1b\xbf\x87b0\x06!\x89\xc2\xa6\xa9\x03xG\xa1\xc1\xcf\xb71\x9dF\xa5\x81\x8d\xcbz\xdf\xe1\xeb\xd3\x87p\x02X6\xb2\x0b~\t\xa0\xb3\xd5cC\xe86\xd8\xaf\x81\xfb\xda\x16\xa3ZW\x8b\xdb\xb6@\x12\x85\xcd\xd3\xcd\xb9\xfa\xca\x7f&gt;\x9c(\x8b\x01\xfa\x0b.l\xa5\x81@\xfa\xaa\xe7\xe5\x1dAv&amp;]=\n&gt;L\xee\xd6\xf0\xc2\xe10\xed\xed\xac\x18\xddM{#\x00`c\x96\xeaZ\x96\xbdP.K\xc87g\x8f\xf0\x8e\x82\xb9\xf0\xa5\xe3,\xfb\'\xd4\x11\x95\x93\xa8w\xfb\x16\x87\xb2\xee\xc2\xaa:TpW\xa7\n\xc0;?Y\xa3%\x89\x02\xddR\xd4\xb8\xb7g\x01\xe7i\xbf\x82\x1a\x8a\xa0\x9fo\xcf\x1f%\x84L\xed\xc1\'\xdd&amp;x\x97\x83\x90BF:\x01\xe4\xe2\x1d\x00\xb06\xb1K}\xde!X\x88q&gt;\xba\xaayz\xd6\xefWr\x11\xd2\xb9\xf2\xe7\xbc\xa3\xb0\xa0o/D\xf2\x0e\x01\xfcC\xbd \xde\x11\x80\x12\xf5\x82\xc8\xf5\xe8\xad\xbc\xa3 \xadK\xe5#\x84|D\xc8~~\x03\xf1\xb6\x18\x00@=\x0b\\\x8c[\x98\xf1\x93\xbcs,\xdae\xde\xb7\xee\x93K\xc7y\x87 \xcb\xe0&amp;\xe5y\x87\xe0\xac\xae\x19&amp;\x03\x8dlm\x9eJv\xe6\xfd\x14Y\x8f\x9f\x97\x8b\xacf\xb0\x89\xde`4){\x97\x99\xe2x\x15\xb9v\x9a)\xe2$\x04\'\x00P\xe5F\xf4\xd6\x86_\xd0l\xd0h\xcb#\x7f\xba\x15\xa7h\x7fI\x14\xb4\x7f\x94\x864\xad\xa0\xb1\x05\xcb3H\x92Q\x03\xde\x1b\x01xCw\xa6\x8a$\n\x17\x8e0\x9f\xe9\xefo\xcc{\x0f\xa4\xdb\x01\xb1]97\xd9q\xf9&amp;r\x07C\x88\xc0\xcal\x1dS0\xca\xbc\xe05\xf2\xfc\xc8o\xce\x19eUc\xf4\xa6\xd9,\xeak\xfa\x0f\x0cc\x80\xb32\xbc\x03\xd0_\xd2.\xfd*=X\xfb#\'3AX\xdcv\xaduo^\xa7\xa5\x9c\x0e\xd7\xb1\x1c\xa0%\x14\xe7\x1d\x00\xf0w+f\x07\xef\x10\xfc\x17\xd6\xc7=\x10\x0e\x12\xab\x9f\x05M\xca\x08\x93\xa4\xc1\xe2\xee\xc6\xef\xe6\x1d\x82u&lt;\xbd\x12\xd5\xbb\xae\xc9\xae\xean\xc6l\xbf\x1b\xb7{X\xf3J\xbc\x03\x01C{~3\xaeUI\xd3&gt;\xd81\x11\xa6\x85D,l\x9d\x01*\xce7\xf8\x9cH\xa2\x10\xc8\xac}\xa5\xf3y\x98jX\x90,\x1f\xd5\x95w\x14\xd6\x17\xb5a\x16\xeb.\xba\xd7\xf8R\xcb\xcb\rw\xfb\xb8k\xde\x08\xde!\xc8\x92\xbao\x05\xef\x10\xb2\xb9\x1e\xb5E\xcen\xc6,\xa7c\x84wanB$Q\xc8\xc3;\x0cB\xc8\x82\xc1zT\xa9\xb3d\xb9+\xd6\xca(\xdc?a\xe7\xe2W\xf7\x92\x96\x0c\xef\xc8"\x189*\xe7\xcc\xf6\xad\xdb5\xebKGtBF\x19\xf3\x91D!n\xdb\x02\xc7oe\xbe\x8aYD\xea-\xd4\xe5\x90\xe7S\xc4\xcaI\x05\x08Y0\xb8-\xef@@\xae\x12\xf2v\xab\xa30\xed\xf4\xa8\xd6\xd5&lt;\xfd\xc8\x80\xb9@\xe5\x7f\xa8\x8f\xae\x99\x9a\xb8s\xb1\xd3\xc6\xd4\xbd\xcb\xed-tC\xaeS\x13\xb1=\x03\xb4\x91\xf9&amp;p3{\xd9*\xe4$\x97O\xd9\xb3\xcc\xe7&gt;\xfb\x16\x8d\xa1\x11\x0e\x80N\xb4_\xd5\xd5\xfa\x84J \x00\xfeGL9\xc0;\x04\x00\xf5N\xac\x9f\xc9\xa1W\x93\x16\x03\n"dv\xdf\x16\xbc\xa30\xb7Y}\x9a\x13BJ\xf2\x0e\xc3\xbbc\xeb\xa6\xbbn\x0c\xa9\xe5q\x89\xdb\xb8\x0e\xb5\x9d\xb6\xd8ST\xac\x19\xdf\x93ZX.Z\x97\xceG\x90\x91\xd4\xb4\xa8\xa4\xee\xa0\xa8O=\x99\x83j\x9a\xa5\'\xef\xd7\xa9\'\xcfT\x9c\x82\xd2\x93\xf73\xfd\x83q_\xb3\xfa\xe8\xdcQ\xd6]\xcc\xea\xdb\x9c\x18\xf5i\x04\xe8\x89n\x1e\'#[7\xa1waw\xdb%Q\x18\x14\\\xaeiQv\xb3\xcf\x94\xd1\xef\xaa|\xc3\x94~\xda\x1b\x99\x16\x12\xac\xbd\x11E\xaa\xe7%\xc3[T\xd6\xb9S=9M\x1b\x009|\x16p\xc6\xd9\xce\x1a$Q\xe8Q\xd3\xed\x91\xdc\xb7\x98\xcds\xed_\x0fhT\xc6\xde\xa0$\n\x91k\xa6j\x8f\xcdLL9\xfa\x03\x1a\xe4\xd6\xab#.\xf7\xd4&gt;\xe7\xf8\xab&gt;j0\xf5\xe3\x8dX\xde!\x90b\xbc\x03\xd0\xcdw\x17\x8f\xb9n4\xda\x10\x90\x95\xe95\xb8\x05n\xe8\xf6\xc8\'\x80\x90EC\xdb\xeb\xd3\x97\x9d)\xca\x83\x18S\xdb\xb2\x1f\xf3\x0eA\x99\xf9\x83\xda\xcc\x1b\xd0\x9aVk\xd5\xf3\xe1\xeeP/\x8c\xae\xc1\xccTv\xc7\x0f\xcc\xe9\xdf*\xb4]M\x9d;]9\xa6\xdb\xe4n\ru\xee\x14\xb4+I\x88$\n\xd7\xe4-\xa2\xb4\xc1\xf1\x1a\xb2\x19\x14\\\x8ew\x08\xfe\xc5u%\x0bw\xcbFv\xe1\x1d\x02\xa81\xbec\x1d\x0c\xc2\x10C~\xa6\x0c\x04k\xe3\x0c\x85\xd6\xc7u\xcd8\xf7\xc9\x96U\x94CY4\xb4\xfd\xee\xf9#\xb5\x06d\x0c~u@\x1c\xdc\xa4|e\xee\x13\xef\xc0\xdf\x18\xe4i\x84\x97\t?\xe3;\xd5U\xddl\xd7\xaa_hJOe\x00O\xafFo\x991H\xd1KL\x96G\xd43\xac\t\xb5\x1e\xff9\xa3\x83\x02\x9e\xde\x16\xfb\x16\x8d\xc9\x14Su\x0e\xc68\x84\xfd+5^\x05\x9f;\xb4\x96b&lt;\xa0\xda\x93K\xc7\xdb\x961\xe2C\xe6\x8a\x81\xe4V\xec\x0e\xdeQ\xf8\x9f\xfa\x05xG`$\x91k\xa7\xb9\xddn\x84\xd9\x81\xdc=\xbb\x1e\xc3;\x04\x00\xd0&amp;|\xc9X\xde!\xe8g\xc5\xe8\xae\'\xd6\xcf\xccL\x7fw\xf1\xee\xb6&lt;v\xf9\x00YM]\x8f\xf2\xf7zF{\x17\x8e\xe6\x1d\x82\x02&gt;\xefW\x0c\xf5\x1c\xcbt\x85w(\x1a\xd7\xb1\x8e\x97\x9f\x9eX?sxK7\xebL\xed\xc9\x9a\x03\tiU\n\xa5]\xe4)M\x88$\n\x87\x96O\xe0\x15\x80\xd2$\xb4\x1a\x15py\x82\xb7Vm\x16\x1a\x0c\x1a\x02\x0b\xb6\tsU\x18?w\x8d\xd9&lt;\xb7o}\x83\xe6\x9a\xf2\xfe\xc9\xda5o\x84_=\x84g\xe2\xca\xb1M\xf6\xec\xa6[\xa6+{\x94\'\xc7\xfcAmj|\xe4c\x1f\xdb_\x91\xe2\x82\x11\x00\x99\xf6,\x18U\'?qZ\x9a\xe63\x83\xe1\x86\xc9}\xb7\xcf\x1e\xca.*v\xee\xc4\xed\xd2\xad/I\x14\xae\x1c\xdb\xe4\xf6.z\xee\x80V\xda\xdb_4\xb4=\x8e\xfe\x16\xb1ldg^]\xd3JPl\xe4\xc2\xd6s\xfa\xb5\xe4\x1d\x82\xb3\x81\x8d\xcb\xf2\x0eA=[\x85\xbb%\xc3;\xf1\x0eD1\xb7y[\xd5\xd98\xa5\xdf\x85\xc3a\x1c\x0f\xc1\xab\xc7\x86\x18\xf9\x04\x90\x83w\x00\x9a\xe8&lt;\xee8v\xd2D\xb7\xdb\xdd\x0e\xcdk\x11\xbet\x9c\xd3\x96\xa2\xc5\x8af\xd2x\x1b}\xfc\xb1\x11gP\xd8lM\xb8\xc5;\x04g\xa7\xd2_\xf1\x0eA\xa5\xd7\xf7\x93s\xe4\xc8A\x08\xa9P\xa9"\xefX\x14\x1b\xb9\x84\xda\x1d\xc0\x82\xbd\tA\x05\x82j6r\xbf@\x84\xaeQm\xaa;m\x99\xd1\xab\xe9\x97\x85\xf9\xcc\xa0\xfe\xe9V\x9c\x05\xd3\x99\xf0]\x9b\x13@\xc8\xaa\xd0\x1e:t\xe46\xb1\xb6m\x0c\xea8\xbd\x8b#p\x84\x95\x93\xfeFN\x82\xa9\x9ds\x87\xcbl-3=\xd5m\x01\x87\xe77O\xc9\xdc\xa8\x91\xd3\xe3\xc9\x8aFIGMO\xef\xba\xc5%Q\xf0&gt;\xe7\xa5E\t\xb6I*=V\x0fa\xef\xe1\x99\x08\xc7\xa7I\xfe\x93s\x11\x8c\xaf[\xb5\x82\xbcC`\xce\xe7H\xce\xca\xd0\xee\xfaD\xe2\xd6\xe2a\xd9\xea\xd4\xe7!\xe4\xe1\x99\xc3\xbc\x82\xe1\x8f\xd1\xb8[\x1e\x16\x8d\xcav+v\xc7\xf9\x88u\\C\x00\xf5\xac\x97]\xaeN~rt\xcdT*\x9f5\xd7\xfak\xa6\xf3\xf5\x99\x08\xde!\x00{\xf5\x82xG\xa0\x96\x91\x1fF\x81IEo\x9c\xedX\x17\xc5,\x0e\xb8&lt;f\xf3\xa4\x9a\xc2\x8b&gt;\x7f^\x12\xc1\xd0\xa7\x84l\x9e&gt;\x90w\x14Fq&gt;b\x9d\xfe\xa5\xd3\x9c,\x1a\xda&gt;~\xc7B\xbe1\x80|\xba\x15\xf0\x91\xe3\xe4\xa69\xa1\xed\xdf\xa5\xf8\xeeX\xf1\xc3\xc3\xca\x15\xa3\xbb\xe9\x13\xc0\x8e9\xc3\xec_\x0fiZA\x9fNA\x13\\\xc0\xda}L\xc8\xf1\xb0\x19\xbc\xa3 \xeb&amp;\xf6\xe6\x1d\x82~Z\x96\xd0:\xfeg\xa27\xf0\xca1:\x1d\x88\xf5w\xe6\xc0*B\xc8\xc9Ms\xec[f\xf5m\xde\xa9R\x10\xafx&amp;t\xae;\xb4\x99\xef\x99Z\xa1\xedky\xf9\xe9\xed\xd8\x9d\xf4"\xd2\xc5\x9c\xfe\x8a\x17Y\xd4/@Z\x96\xe4;\x08\xafU\xdc\xb6\x05\xb4\x9a\xfa\xe6\xac\x1f?\xe1\x01\xb0\x84\xa4\xddKy\x87\xc0I\x97*\x9f\xab{\xa1\x89.\xa3\\Q\\\x14\xae\xae\x9d\x97w\x13\xed_\'\xeeZB%\x12\xebY:\x82\xdb\x8a?\'K\xb2O\xed\x90O\xe3\xdb\xacJn\x82\xa4\xfa`JL\xd5\nT\x00\x00 \x00IDAT\xeb\'\xf7];\xa1\x971g\xc1\x16\xe0\xba\x9c\x18l\xee\xc6\xef\xb6}1\x7fP[E/\x1c\xd5\xba\x9a\xc6\xae\xaf\x1c\xdf\xc4\xb4t\x84}\xa0_\xe3\t@\x12\x05\xef\xe5\x13&lt;\x17\x9e0\x19s]PN\xef\xd9\x84w\x08f0\xbce\x95\xafOG\xe8\xf9\xd4\xcbt\x85\xb0=1\xd7\xe7A\x8e \x97-GVO\xf6\xb4\xa7\xbe\xb9\xfe|\xfb\xf6B\xa4\xe3\xb7\xdbf\r\xf1\xbe\xbf\xfd\xcf\xe7\xfd\xef\xe8\xf8\xdc\xd5Q\xb3\xa2\xef\x0e\xec&gt;S\x8d\x1av.\x1c\xc5\x05}s\xfa\xb7T\xfdq`Q\xae\xbcSe\x05\xb9\xef;\xf2{\xaaaz\xf2\x97\xff\x19\xd6\xd1\xd5S\xd4\xbd\xf0R\xe4\x06\xba\x91\x98\x88$\nG\xd7L\xe5\x1d\x85&amp;\xf6\x03\xd6\xf6\xd9C\xef\xc5\xef\xf1\xb4\xdb\x97\x84\xec\xb7hZu\x83\\\xc1\x18$\x0c\xf0\x88\xee\x10\xe7\xcc&gt;\xcd\xa8\xb6\xa7\x1e\xc7\xc9\xb2\x1d+\x06\xb5.\xedv=\xbc9L\xef\xd9\xa4\x11\xb3\x05\xad\xe5X5\x9c\xedzer\xb7\x06\xcc\xfa\xa1\xc9\xf2\xf9\xef\xbbW7T\xbd\x06\xff\xd6\xa1\x82\xc7;\xfbZ\x94\xea\xa5\xf2z\xa0\xeax\xa1a\xfb\xfa\xd1\xf9\xa3\xac;-\xeda{\x10!\xc40\xe5\x91U3\xecX\x9e\xcaY\x13\xfcx\xb9\xc6r\x9c\x85\t \xcb\xa3sG\xd4\xbdpb\x97\xfat#a\xa4O=e\x07\xcf\xa1\xcd*j\xbf\xd3\x94Da\xe5\x18e9L\xfa\xd4+\xd1\xcd//p\xee\xc6\xef\x91\xf3\x90`fo&amp;\xb7\x83F\x1eU\x18\xdf\xa9\x8e\xfc\x1c\xce\xc3[T\xd6\xbe\xa8B\xa3\xef.\x1e?\xbcr\x12\xbb\xf6Y&lt;\x03\x00\x7f\xb1X\xf6\xe4?\xed\x15?F\xb4\xacb\xe4#\x8bn\xecS\x83&lt;\x91D!z\xd3\xecA\xc1\xe5\x86\xb7pS\xe1O\x7f\x1a\xffjE\xd5\xbe0n\xbb\xfb\xe5\xdfFX\x99\xa8\x88$\n\xae\xa7\xf3\xc1M\xa8\'wW&amp;\x90\x90\x06J\xee\xf5\xf0\xe15\xa8\xb4$7)\x9d\xcdK\xf5\xed\x97Y&lt;\x10\x0e:m\xa9\xea\xe1"UKe\xc2\x8dS\xfa\x19!\xa3\x89\x96%\xdc\xc6&lt;\xe2\xac\x19\x172\x7f`\x1bE/q\xfb\x1f\xe9W\xbf\x94\xebF#k\xcc\xa7\xdc\x80\x7fhW\x8e\xd2#\x0206\xdd\xc6#$Q\xa8\xa8{\x11\xa6\xafR\xb3\x9d\xdb\xbe\xbf\x12\xa5\xa55c\x9e\x00h1`Y:\x9f(\xe6\x17\x00M\\sz,\x1f\xd5\x85]wz\xae\nY4\xb4\x83n}\xe9L\x12\x05\xa7\xe9\xf6\x8c\xdc8\xb9M\xf5\xd1s\xc3\x94~M\x8aP8u\x0coYE{#\xc0\x85\x97\xc9,~-j\xc3\xac\xd1.\xc5\xd8\xfcA\xf3bX\xaeO\xc1\xb8\x8eu\xbc\xa7\xf0\xa5u\xcd\xbbtD\'EM\x85M\xea#g7\x9f\xab\xc3\x0c\x8b\xcb\xcd\x84\xd2\x84\xa3\xbb\xe6\x8dp\xbb}\xef\xc214\xc2Q\xcc2k\xb0\xa9\x89\\3\x95b\x8e\x1d\xa0\xe8\xf1\xc5c\xe7\x0e\xad\xf1\xb9\xdb\x85#aZz\x89\xda8\xcbu\xa3\xccu\xe0\xf1;\x16\x11B^\xddK\xf2\xb4\xc3\x0fWO\xaa\x0cK/\xc6?"\xac\x19\xe7\xa6$\xef\xa5\xa3\x1b\x14}fm\x19\xfc7N\xedO-,yn\x9frN\xb4Y9\x17!\x84H\xa2\xb0o\x91\xb7s@\x8d\x8f\xd8\x05\x05\x0e*\xe7"\x92(x\x9a\x9c\xc0\x97$\n\xaf\xd3\x92yGAGM\xe5oh\x99\'f\x9dO\xde\x87W}H\x05\xb1i\xda\x00\xe2uX|RW7s\x88\xc7f/_\x95\x91\x9e\xaa=\xaa\x04\x97\x1c\x06\x03\x1b\x97\x9d\xd45\xdb\xc2.\xc3\xaeQpu\xe6\xc0j\xde!\x80\x7fs=?\xffp\x8d\xc3\xd5\x9c$\nr\xae\x82\r\xa21\xbd\xf9\xfd\xbd\xeb\x14Wwdg\x9d\x9c=z\xe3l\xc7oCjz\x9b\xb4m\x9c:*5\xf2\x91\r\x93\xfb\xf1\x8eB\xae\'\x97O\xf0\x0e\x01@\x03Z9\r$Q\xb8p\xd84\x85|G\xd0{H\xa8z\\\xae0!\xd5\r\x93+\xa0S\xa5\xa0`\xcc\xb4\x03J|~"\xcc\xb2j\x95\x10zy\x14\xec2i\xdcJ\xd3\xd2\xa64\xb51\xbc\x1b\'\xb7\xd1j\x8a\xb5j\xf4\x8e\xbc\xa3ZW\xd3}\xc6\xa3&amp;\xcd\x8a\xe6\xbc\x9f\xb8\xd7i\xa3\x97\xd3X\xbc!G\x1d\xcd\xc5\xf6\xbbmS\xe6\xc3\xe0\xd6\xd9\x83\xa6\xb9]V\xc1h\x8f*5}B\x1f\xff/\xad0\xde\t\x08\x08\xb8\x16\xb5\x85r\xa3j]\xcf\xf8U\xfe\xce\x87WM\xf62\xbe\xd4z\xc8lO?2\x9a\xa7\xbfSk*\xf2\xc6\xd3\xb7\x1a^\xbef\\Oj\xa1\xc8\xd3\xa5G\xf7\xe7\xcf~t\xdcb\xfb\xb8FE\x1es\xbb\x7f\xffY\x1b\x84\xfd+\xdd\xfehV\x9f\xe6\xb4\xa3\xb3\x9a\xe77O\xd9\xbe\xa8\x18H\n\x16\xfa\x90\x84\xef\xce\xcd\x9b*Z+IHE\xf65@\x9e]\x8f\xd1\xf2r\x99\xc9\xba\x01\xc0\x10\xd2\x92\xf6e\x8aB\x97\xaa_\xf0\x0e\x84\xbe\xb2\xbc\xd7\x04|\xfc\xfe\xee*\x17!\xb5?\xf5\xbd\xff\xee\xf9#5\xf6\xa8[\xfa\xaa\x00\x19\x01`\xf5\x96&amp;{\x16\x8c\xd2\xde\x88\xf6D:\xe6\xc2\xe5\x19\xb8L\xee\x0b\x94\xf8\xbd@B\xe6\x0eP\\=\x9b\x17I\x14&lt;\xa5\xb1Ir\x97.\xf7~\xe2^-\xd7\xc2\x83\x82\x9dsl\'\xefY\xa6\xba5\x13q\x9a\x1b\x06\xe0\xc3\xd3+\xd1\x84\x90\xa4\xdd(\x02\xec\xcd\x9e\x85\xa3\xa9\xb7\xd9\xb7\xbe\x96\xd4A\xe4\xec\xc1\xd5\xfd\x1bzJ\xbf\xcd\xcd\x8d\xe8m\x92(\x8cm_\xcbi\xfb\xc9Ms\x94\x1e\xd0\xf5\x1c\x0cyx\xf6\xb0n}1\x95\xb0c\x11\xef\x10\x00\xcc\xc6\xe7\xb1f\xe9\x88N\xfaD"\xc7\xa9m\xf3y\x87\xe0\xcd\x91\xd5S"\\\xd2)\x87/\x19\xab\xf4\x80\xce\xae\x02\x0fu\x18\xb87\xae*\xb2gk7+\x96\xf3\xab\xd4\x83\xa3\xfc2u\x84a\xe938{b\xfdL}&gt;\xc3){)\x0cD&lt;8}H{#T\xf8\xdbH\xa9\'\xab\xc7\xf6\xf0\xb9\xcf\xf9\xc3\xeb\x14%s\x06&gt;\x96\x0e\xe7s\xad\xb7a\x8ai\x16\xf2\xe8\xe3SB\xbe\xbf\x12\xa5[*y\xd7Qc\xea\x9e^\x8dv\xcd,\xad\xda\x93K\x9a\x96Sm\x9cB?q\xc2\x94\xee\x8d\xa8\xb7\xa9\x8f\xc9\xdd\x1aRi\x87u\xa6w\x9fK\xee[\x147\xce\xf2DP\xc2\xf8\x95\xf0t\x9e\xefb\xf6\xdbjI\x14\\G\xe8\xf7Rz\x96`\xd8\x0cW\xc1\x85\x03\x98\x9fHA\xad\xfa\xa6\xbe\x05a\x9d\x06@\x91~\r(W\x87\x98\xd1\xbb\xa9\xea\xd7\xbe\xb8\x93@1\x12\x0bh\xf8\x05iQ"\xf7\xe5\xc8\r7\xa2\xb7\xdd&lt;\xb9]\xe9r\xdd\xcd\xd3(\x14fyv=FE\x810\xc7\xc3\xba\xa7\x9a\x13\x92(\\;a\x9451J\xf5\xac\xa5\xb8\xe0\x98_%\xb6\x95D\x81\xe2\x8aK0:\xfb\xa5\x9c\x96uwu\xa8&amp;\x03\x97Da@\xa324[tG\xc5\x9djpaO\xb3\xa8\xb3\xb9\x13\xb7\xeb\xe5\xdd\xc4\x9fn\xc5I\xa2p\'n\xd7\xa2\xa1\xed\xbbV\xfd"n\xfbB\xa74m\xe0\x96$\n\x15d\xfd\x9aU\xaai\xa2\xacu`=F\xab\xe4\x95\x9e\xbc_\x12\x05\xf9U\xb3u\xf0\xe4\xf2\x89f\xc5\x8c\x98H\xf8^\xc2\x1e\xefa\x15$\xe4\xe5\xdd\xc4\xd7\xf7\x93\xb7\xce\x1cl\xcf\xf7g\x1f\xb9jV,\xa7\x01\xc7\xd9TOu\xa1\xbetCfz\x93j\xdaj\xa4=\xb9t\\\xfe\xceu?3\xfdH\xa0\xa1&lt;:\x7f\x94w\x08f\xb0s\xeep=\xbb\x93D!j\x83\x9b\xb4\xf5\x14)J\x88-\x89B\rZ\xe9\xee\xf4u\xfb\xd4NI\x14~\xbe\x1d\xefi\x87\xd0v5}.\x08\xfa\xfat\x04\xed\xb8,\xa5\x80\xb6\x97+\xba\xb6\xa8\xff9\xff\x13@\xb5\xbc\x0c\x97"\xca\xbc\x1d\xf2T\x83Z\x11o\x89m\x99\xd2\xa7\xa8\x9e\x9d\xf6+\xfc\xbe\xf5Kz\xab\x02eB\x8a&gt;E,\x07\x00|xu\xdfM\x81\x84\xee\xd5\xe5\xce\x05}q\'\xe1uZ\xca\xaa\xd0\x1e\xc4\xf3\x95\xf5W\xa9\x07\xbc7b\xfb]\xd9\xd3\r\x8dh\xe5;)\x82\xb0\x7f\xe5\xca1\xca\x8aI\xb9u\xe1H\xd8\xe4n\xcaVr6P\xf5h\xbeg\xad\xa27OnW\xf3J}\xd9\xeay\x98(a\xa2R2?k~\xf5\x14\xc4\x10\xaa\xe4"\xbaM@\xd4\x01\xc7c\xbanNn\x9a\xf3:-E\x12\x05[}(\'\xb1[\xe6\xd9\xbeX?\xb9\xaf\xf7\'\x1c\xb6\x13\x80\xa2\x81\x0eI\x14:W\xa60\xc1B\xc5\xd5\xee\xca1\xdd\xd5u\xf4\xcd\xb9#*^\xa8\xb3*\xb9\x88$\n2\xb2\x01\x81\x15\x95\xe1\x1d\x80L\x8b\x87u0\xda\xa3\x05?\xf4@8\x98)\xa6J\xa2\x90\x99\x9e\xfa\xf0\x8c\xf30\x8e\xfdxW\xffs\xe2\xbd\x84\xba\xd2\xa9\xfa\x8d\n\x12I\x14\xbeS2\xb4\xed\x89\xea\xe1\x8e|\x84\xac\nUv&amp;h_\xfe\xd3n\xb2o\xadXk\xe49\x10I\x14x=\x8f\xeaV\xad`yN]\x03\x07\xaa?~\x92(8.\xe3\xaa\xec\xeb\x86m|\xa7\xba\xea:Rm\xf1\xb0\x8e:\xf7\xa8\xbf\x07\xc2A\xdb\x94*\xdb9`\xc1\xa0\xb6\xbau-\x89\xc2\x03\x81\xf3\xea\xdc\x15\xee\xc6\xa0\xa6t\xff\xb0\xbei\xc1`\xfd~!\x145+\x96\xd3\xe9\xf3e%[\xa6\x0f\xe2\x1d\x82G\xe6\xaa\xd8AA\xc9Fn\xeaS\xcbT\xa3fM\xfb\xd7\xe5+\xf8\x18\x97]\xb6f\xd5\xcd\x98\x1d\x92(\xec\x9a7\xe2\'\xcfO,):\x18uI\x87^\xf8\xfaZ\xfc*++\xcb\xf6u@@@\x99re\xdd\xee\xe6\xf3\x9an\xcf\xc2\xd1\xeb\'\xf5\xf1\xf4\xd3\rS\xfa\xb9\xce\xd2.\xd9(\xe4\xda\xe5\xcbr\x03%\x84\x102\xa3\x97\xfae\x1fn\xad:r\xd6uc\xe1\xa2E\xf7-\x0e\xb5}\xbd1\xe6\x9a\xa7\xd7.1\xf0\xf5\xc1\xdd\x7f\xfd\x83\x102t\xe4\x08\xde\x8101wW,\xef\x10\x80\xb6\xd6\xa5\x15\xcc\xa1\xe1&gt;\xc9\xc12\xc6u\xac\x93\x99\x9ej\xbf\x03\xb0ow\x1a]\xf0\xb9X\xff\xd2\xd1\r*\xfe(\xdbf\r\xb9\x1c\xb9A\xe9\xab\xc0\x93}\x8bC\xf1\xd1`j\xc5\xe8\xae\xbcC0\xad#\xab\xa7p\xec\xfd\xd4\xd6\xf9g\x0f\xae\xe6\x18\x80a=\xbd\x1a-\x89B\xa6(\xdc&gt;\xb5\xd3m\x12\xc0\x1ds\x86UbP\x1c\x8a\xd7\xa4\xd9;q\xbb\xf4\xef\xb4\x06\xb5r\xa8\x00&lt;h_\xe8/\x89\xc2\xf5\xe8\xadT\x82QG\xe7#\x0e\xebI\xb1\x0b\x87\xb4\xa7\xd5TYB^\xdfO\x96Da\xe1\x90v\x8e3s\xfa\xd6+\xf1\xcd\xd9\xc3\x13\xbb\xd4\xa3\xd5\x91#.\xd7\xaa\xb8@\xe6nf\x9ff\xbcC\xb0:\xa5s\xebt{p\xb1h(\xb5c\x16\xb0\x90)\xa6&gt;\xbfy\xean\xfc\xee&amp;Er\x14"\xe4\xd0\xf2\t\xec\x9e\x82&amp;\xed^\xf2X\xedb\x97C+&amp;R\x8d\x85\x1as\x9d`.\x1e\t\xd3\xb9\xc7\xe8\x8d\xb3Y\xfc\x8a\xbaZ\xa9\xc8\xa8\xfe\xf5\x8a\xcc\xf5\xae\x95\xe3\xf1E\xf7e\xc7\xc1\'=\xc7*\xac\xf4\xc6\xab\x9cSk\xb6\xd1\x12\xaa^\xe5\xe9FPN$\x8c~\xff\xdf\x18\xbeR\x98\xeb\x8cg0\x81\x8c\xf4T\x99\xb9\\\xactd\x01\xb3\x90D\xa1E\t\xf5\x99\xe5kaU\x8c^\x8c\\\xcd\xdbOEo\x9c\xed}\x87G\xe7\x8e\xfct+NNj\x8e\xfa\x05H\xa6\x98\xea{?C*\xc6;\x00P\xc41\x87\xd2\xc8VU}\xee\xaf\xe7\xa5\x89\xe1j\x1f\xbfwI\xaf\xa9_\x9f\x11\xf2\xfd\x95(}\xfa2\n\x93Vj\xa6\xfb\xc1\x18\xdb\xc1\xb9\xbe6\xf5\x8e\xbe&gt;}\xe8|\xc4Z*M\xb1f\xa8\xc5)\x1d*\xe4\xf7\xf4\'\xa8`\xa8@Mnt[Tie\xa2^\x10\xef\x08,IL\xf1\x91n\x8c\x8a\x8bG\xc2\xc6u\xa4\x96\xe0\xfe\xe9\xd5h/?5N\xa9\xbf\xfa\x05\x0c4&amp;\xf6\t!\xdf^\x88&lt;\xb8l\xbc\xeb\xd1^\xd8\xb7\x82C@j\xc9\xf9\x95\xda\x9er\xdfK\xd8#\xb3\xcdV\xa5\xe8\x945a\xfdHth\xb3\x8a\x8c{\x00\x17\x92(\xec}\x9f\xae]\x8e\xe77O\xb1\x0b\x86:\xe3\x1c\xa1d\xcaLO-\xe3u\x87\xe8\x8d\xb3m\xf5\xcf\x8c\x9</t>
        </is>
      </c>
      <c r="E394" t="inlineStr">
        <is>
          <t>&lt;class 'numpy.ndarray'&gt;</t>
        </is>
      </c>
    </row>
    <row r="395">
      <c r="A395" s="1" t="n">
        <v>393</v>
      </c>
      <c r="B395" t="inlineStr">
        <is>
          <t>steps_per_sec</t>
        </is>
      </c>
      <c r="C395" t="n">
        <v>5700</v>
      </c>
      <c r="D395" t="inlineStr">
        <is>
          <t>3.3311183</t>
        </is>
      </c>
      <c r="E395" t="inlineStr">
        <is>
          <t>&lt;class 'numpy.ndarray'&gt;</t>
        </is>
      </c>
    </row>
    <row r="396">
      <c r="A396" s="1" t="n">
        <v>394</v>
      </c>
      <c r="B396" t="inlineStr">
        <is>
          <t>Loss/object_center</t>
        </is>
      </c>
      <c r="C396" t="n">
        <v>5700</v>
      </c>
      <c r="D396" t="inlineStr">
        <is>
          <t>1.2626352</t>
        </is>
      </c>
      <c r="E396" t="inlineStr">
        <is>
          <t>&lt;class 'numpy.ndarray'&gt;</t>
        </is>
      </c>
    </row>
    <row r="397">
      <c r="A397" s="1" t="n">
        <v>395</v>
      </c>
      <c r="B397" t="inlineStr">
        <is>
          <t>Loss/box/scale</t>
        </is>
      </c>
      <c r="C397" t="n">
        <v>5700</v>
      </c>
      <c r="D397" t="inlineStr">
        <is>
          <t>0.49272963</t>
        </is>
      </c>
      <c r="E397" t="inlineStr">
        <is>
          <t>&lt;class 'numpy.ndarray'&gt;</t>
        </is>
      </c>
    </row>
    <row r="398">
      <c r="A398" s="1" t="n">
        <v>396</v>
      </c>
      <c r="B398" t="inlineStr">
        <is>
          <t>Loss/box/offset</t>
        </is>
      </c>
      <c r="C398" t="n">
        <v>5700</v>
      </c>
      <c r="D398" t="inlineStr">
        <is>
          <t>0.24169737</t>
        </is>
      </c>
      <c r="E398" t="inlineStr">
        <is>
          <t>&lt;class 'numpy.ndarray'&gt;</t>
        </is>
      </c>
    </row>
    <row r="399">
      <c r="A399" s="1" t="n">
        <v>397</v>
      </c>
      <c r="B399" t="inlineStr">
        <is>
          <t>Loss/total_loss</t>
        </is>
      </c>
      <c r="C399" t="n">
        <v>5700</v>
      </c>
      <c r="D399" t="inlineStr">
        <is>
          <t>1.9970622</t>
        </is>
      </c>
      <c r="E399" t="inlineStr">
        <is>
          <t>&lt;class 'numpy.ndarray'&gt;</t>
        </is>
      </c>
    </row>
    <row r="400">
      <c r="A400" s="1" t="n">
        <v>398</v>
      </c>
      <c r="B400" t="inlineStr">
        <is>
          <t>learning_rate</t>
        </is>
      </c>
      <c r="C400" t="n">
        <v>5700</v>
      </c>
      <c r="D400" t="inlineStr">
        <is>
          <t>0.001</t>
        </is>
      </c>
      <c r="E400" t="inlineStr">
        <is>
          <t>&lt;class 'numpy.ndarray'&gt;</t>
        </is>
      </c>
    </row>
    <row r="401">
      <c r="A401" s="1" t="n">
        <v>399</v>
      </c>
      <c r="B401" t="inlineStr">
        <is>
          <t>train_input_images</t>
        </is>
      </c>
      <c r="C401" t="n">
        <v>5700</v>
      </c>
      <c r="D401" t="inlineStr">
        <is>
          <t>[b'512' b'512'
 b'\x89PNG\r\n\x1a\n\x00\x00\x00\rIHDR\x00\x00\x02\x00\x00\x00\x02\x00\x08\x02\x00\x00\x00{\x1aC\xad\x00\x00 \x00IDATx\x9c\xec\x9de|\x1c\xd7\xf9\xb6o133333333K\x96A\x96%\x83\xcc\xcc\x0c1\xc6\x0e\xd8\x01\xc7afl\xa0I\nI\x9a\xa6M\x9a\xa4)\xbd\x85\xa4M\x93\xfes\xde\x0fc\x8dGC;\x0b\x92i\xaf\x0f\xfe\xc9\xb3\xb33\xb3\xbb3\xe7&lt;\xe7\x81\xfb\x01\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xd4\xa8Q\xa3F\x8d\x1a5jn5\x1c\xe5\xdc\xdfl^\xae\x82\x07\x87\x85:\x91t\xea\x13\xbc\xae\xf7%\xdc(\xf4\xe6E\xb0\xb6\xc4\xdbj\x0c\x14F/\xadM\xf3\xd6\x14{\xe3\xe6\xc1\xaay\xbc,\x0ewn\x19\xbfw\xd7\xf2c\xabz\xbb\xb2Ce\xee\xac#\xb0]\x130\x04\xdcUza\xf3\x81\xf9\xf58\xe9Hi\xbc\xc2\xef\xd5U\xdde\xa4\xb9\xea\x13B\x9a\x92|\x84vHq\xd2]\xd5\x96\xff\xd3\xd7\xefz\xaa\xee\xa4j\x14\xc7n\x9e\x8fO\xc8W\x16\xf3|\x8a\x1b\x9f\xaaH\x97\x05;\x97-\xb0\xa9\xbf2\xda\xf2\xda\x16\r \xd6z\xc1\xce?\x07\xf3\xd9?\xb2\xbdL\xa3-\x11g\x83`\xc3\xebs%7;\x1e\xa2\xafFY`Y]\xba\xc2\x07\xb7\x94\xbd\x8b*\xd1\x01\xb6\x0eU/\xec9o*\xc2L\xae\xe7\xd9\xeb\xe2&lt;\xcen\x1aS\xfe8\x91\xe6 \x84\x10B\xa6\x9as\x00\xd0\xf6h\xb4\x9c\xb7[\x84\x19zr\xc2\n\xfc\xad\x94\xbf\xa4\x05 \xd9\x89\xc7~\xa5\x97wea\xd7gA\x15j\x0cC\xc0G\x0b\x00\xc2M\x17\xfa\xecv\x0c\xb3\xbd(\xd0f\xa1O\x7f#a\x08\xac\xed.\x91iu\xb1\x16o\x1e@{F\x90J. \xd2\x9c=\x97xk\xc0A\xe0\xbe\x15\xc7\x03\xd0\x06\x16U$)p\x197\xa0_\xe1\xfa\xa3\xa4q\xd4\x91\x11\x94\xe4\xa8\xad\xe45$\xd8i&gt;\x7f~W\x7fA\x94\x92\xc7\x01\xae\x8e\xfe\x0f\x1f]Ko\xa9\x89q\x0b\xd2GWVH\x9a\x8b&gt;kg\x03\x00\xc2k\xff\\\x1f3\x15\xaeRo4"\x14r\xe7\xd5\xc4\xb8%:h\x1d[\xdd\'\xee\xea1\x07\x00\x98\x02f@WV\x08\x00\x1f\xd1\xfd\xe5B\xde\x1b\xd6@egV\x84\x7f~\xfc\xa2\x88k\x82I\x9c-\xffv7 \xd9QG^\x0b\x86\xc9xe2!dim\x9a\\\xef*\x0c\xb4Vf\xda\xcc\xf51\xa7\xfehK\x0fT\xe20l\xfa\x0b\xa2\xf4\x81\xdaX\xf7\x03\x93\x1d\x1bz\xcb\x92\x9dt\x9c\x85\x1fa\xf6\x03\xaf\x86K\x10\xe7K\xca\xf7[P\xf7\x89\x03\x10f\x82\x96\x14?\xe5\x0f\xf5\xeb\xe7\xee"\x0cX\xaf\x12B\x9a\x93}\x99[\xbasB\xfdt\xd0\x91\xa9\x1a3\xe7\xc6D\xc4\xf2V`L\xce\xf7\xb3\x88\xb7\xd5 \x84\xf8\x8b\xce\x8d\xd1\x96\x88R\xddMT\x19\xe1\xc4\\@,\xadI+\r\xb1\x97~\xf1\xe1\xd7ui\xfb\xabg/\xc8\xfb\x16{\xa0*\xca\xa51\xd1\x9b\xfao\xa8\xb1\xb2\xd7\xb0\xa4:u\xa2&gt;C\xb1\xd1\x90ZI31\x97\xf0\xaeL\x0f#\x85\xce&amp;\x86\x13\x00\xe0\x91c\xeb\xfc\xb4\xb1\xae\xbb\xf4\x9b\xf7\x1e\x7f\xe9\x9e}\xcf\x9d\xdfI\x08\xe9\xc8\x0c\xe6\xee_\x1f\xefI\x08\xb9\xad\x97~R\x10\xb7\x8fZR\xaf\x8d\xcb\xd6@\x9e\xafy}\xfc\xbc\xc4QT\x12^\xce\xf51\xe3\x9d\x00\x08\xf9FhV\xc8\xf35\xef\xe4\xbb{n1\xfc\x94]\xa4]\xa5&lt;\xdc\xb1&lt;\xcc!\xcf\xd7\\\xe6\x9e\xa1F\x08\x9a{o\x99\x00I\x8e\xda\x89\x0eZ\xf4\xb5x\x01\xce\xaa\xb9.A\xbc {*\xa2lkz\xaf\xeb\xeb\x0b-\xf0\xb7|\xe4\xd8\xba/\xde\xbar\xff\xbeiUy\xc9S\x9c\xf8\xa7k)\x1f\x94\x15G\xea\xca\x0e\xed\xcc\nQ\xfe\x92\x00\xf8\xcb\xe9\xfeq\x03\xcc\x81\xc9\xc6,o\r4\'\xfb.\xadMkJ\xf2\xe9\xca\x0e\xbd\xb4g\x05\xaf\x1b\xe3\xc4\xcc\xc0\x91\x95=B\x9f]\x8d$J\x82\xed|\x85\xc7\x0e-i\x07\t5V\xfc\xa1Jr\x90c\xe8\xda:T\xcd\x1d\xe83=\x8cD\x96\x05\x11f\xa8\x8dqW\xf0\xe2ni\x947\x9db8\x01\x14\xd6r\xe4\x7f_\xbe\x1d\'|\x9a\xe6d_q?\x95\xaa\xc6Gw\x00@\x88\x11\xca\xc2\x1c\x08!\x9b\x07*Ut`E\x88\xb2\x84#`\x05\xd4\xc6\xba_\xc7\xcb\xe0\xa5\xc0\xdf\x92\xeb\x89*\x0cP*\xd6\xdf\x90\xe0\xe5&amp;mO7\xa0&lt;\xdcqS\xbf\x1c\xbf\x8e=\xe0+q\x90R\xa3\x18\xe6\n\xbd$\x1dy3I\x08!\xac[\xe4\xc1\x83\xab\x85&amp;\x80\xee\x9c\xb0\xde\xbc\x08:7\xd1I\xe0\x98\x05\xfe\x0b\x9c\xb0p\xd3\xd0-+\xbd\xd2\x11\x081\xc2sw\xee\xa4\xfe\xcb|\x18cmpf\xe3(\xef\xbb\xccfw\xae\x8even\xd7P\xf8B\x19xk\x88E\xa43=\x8co\x84\x11\xc3\x1e \xe4\x1b\xf1}\xd2\\\xe5v\xea\xd0\xc3\xb7J\xbeIc\xe0\xf4\x86\x91r\xe5R\x0c\x8c\x80L\x0f\xa3\x14g=);\xf7\xe5GJ\xf1@0\x8f\x15j\x84\x00\xbd\x9b \x8b\xf7f%\xc1Nu\xd1=\xf9\xe9\xca\n\xa1G\x08\x1b\x80\xba5\x08!\xf4=b\x00\xf8iC\xc8\xfc\xcf\xf24Y\xd5V@\xb9\x08R\x9cuy=\x89\x90s\x15rC!b_\xcb\x8b\xd2\x8eh\xd4\xc5y\x90?\x7f }\xe81\x02\x98?\x99\xb6\x9c\xa9\\\xf6\x02\xdb;2\x82V\xb7\x17d\xb8_\xf3\x1a\xdch\xc9!.@[z`\xb2\xac\xdc\n\x85\x1f&lt;U%a\xf7\xe5G\x9e\\7$s\xb7\xc2\x00+BH\x80\xb0\'\xc6\x15\x88\xb7\x95t_\xb4\xa6\xfaK\xbf&lt;&amp;\xe3U\xc9\x8a\xbdQ\xcd\rMy\xb8#5\xc6\xe5x\x9b\x9e\xde0R\x19q\xd5\x88\xa7\xc7=\xf2\xe7\x0f\x98\xe6\x7fE\xc4\x1c+\xdf\x03\xa0\xe7\x8f\xce\xac\x10!\x7f\xb4\xbb\xf0\x05\xa4\xbb]\xdf\x1c\x13\x19\xc8\x1b\x8bs\x15~)P\x92\x89\xa6b\x98\xbe]3`\xfbh]}\xbc\xa7\xc4x\x86\xc8d\xd1\x9a\x16P\x11\xe1\xe4\xaa\x8aY\xedv&amp;P\xda\n\xa4)\xd9\xf7\xe3\x17\xeeQ&gt;\x94-\x91\xe1\x928\xee\xc6\x18+td\x04\xd17N\xa2\xc3\x8d\xb0\xccS3Ke\xa4sy\x98\xbcU\xc9W\x19+O\x04\xf0\xc5\x9b\x0f]9\xb2\x96\xfbj\x96\xa71=\xfa\x87\xcc\x8d\x14\xe9\xce\xbd\x0fX\tBL\xb6\r\xd72\xffk\x00\x14\x04X\x01\xd0\x06v\x8c\xd5\xcbu\xb5\xf3\x9d\x93\x90\xea\xa2\xfaq\xfa\xf4\x86\x11\x95\x1f\x93\x82J\x037\x06\xca\xc3%\xfd\xfa\xdbG\xebT{\x01r\x95\x9eX\xa9t\xc2PI\x92TU\xd4\xc2\xd5\xfa\t\xa1?WP@\xae\x91u\xf7\xe2&amp;\xc52\xfa\x85p\x04\xda9Y\xa7\x01\xba\xd0\x05FJ\xe37\xf4\x95\xab\xf0\\\xb7#z@_~\xc4\rXN}d\xba[\xe8\xa5\x92`[\xee\x05WF:\xb3\x9cB\xaf\xddw\x90\xf7\xedE\x816\x17\xb6-\x11:\xb8\n},*a^kokb$\x86\xeb\xa4B\xf9\xfa\xdd\xa5\xed,4\xb2\xd0vh\x8c5\x16W\xa5\xd0\xdb\x038S\xa1\xf2sca\x80\xdc\x85\x81^\x1a2J.d\x96\xbf\x888GT\xeb\xd9P ^j\x01\x84\x9b\xce\xf1)u1r\x84\xf2|\xc5\xa69S \xc5Y7Z\xa5\xa5\x96\xf4w\xc5\xfd\xce\xeb\xe2&lt;\x84bNjT\x8f\x05@I\xe7(9D\xaapDs\x01\xe8R\x9b=K\x9a\t!?\xfe\xe1-\x99\xef\xaa\x8du\x7f\xf5\xd2\x01\x1b\xbeq\x8a\x1bTP\xb3\xf0\x94\x859\xf0*\x16\x08\xb9\xb3B\x8d1P\x18\xad\xc0\x89t\x81\x95\xad\xf9r\xbd\xa5:\xda5\xd7\xc7&lt;\xd2\x9c\xbd\x9d\x19\x85\xa6\x9dt\xccL9fjM\x18c\xdd\xc1r\xba\x84H\xf0\xf0\xcdk\tve\x84Si\xc8\x9chK\xa81\x9af\x17\xd32\x8b\r\x95/9\xaa\x8f\xf7t\x98\xcde\xa7\x83"A\xfa&lt;\x19(A\xfab\x1eN5\x82\x0c\x15\xc7H\\z\xa7\xbb]\x7f\xc9\x15]\x01\x8b\x89\x15\xe8{\xe8\xf0\x8c\xc4"\x91\xfd\x13m\x84\x90;\xb7\x8css\x81\xe4-\xad\xa4P\xd5]x\xe3\xfb\xaf}\xb5!^/&amp;\xc2Pq,\x80\x9f\xbe~w\xb21+T\xe9\xa2"/\r,o\xc8\xa4\xff\x1b\xa3\xa8Y\xa1\x12\xffZo^xe\xa43\xeb\xe7c\r\xd31Vrk\xa5\x9d\\7\x14\xb4\xe0\x01\xa9\xfd\x13m;\xc6\xea\xe5Z9&lt;z|\x03\x95Y&gt;Q\x9fI\xaf)\x93T\xed\x94\xd7WQ\xa6\xd3\xed\x82\x0e\xd0 \xacvypE\xa7\xb9\xb4\xe3P_\xfa\xf6\x91\xab\x13\xc6\x82\xa9\x87\xd2P)\x07\xdc\xe8\x14\xab\x1a\xa8%\xc5\x8f\xd7&lt;9\xb7y\x11kKgV\x08\xf9\xf6\x13\xf2\xddor\xbc\xe5\xb6\xa5F\xcb\x13X[\x12\xec4\x92\x1d\xe5\xd6?\x91\x892:\x01*\xa4==\x90\x99\x18Z\x18`%\xd3\xb5/&gt;\x07G\x98\xa12\xc2\xf9\xed+\xc7\x95L\\1\x04V\xb5\xe5\x9f\xdb\xbcHa\xefe\x8e\x8f\x99\x90\x87\xc4[\xce\x91\xc6G\x8b\x9d\xde*\x05# \xd1^+\xd1\x9e\xff"\xfctx$Z\x99\xe4\xf8\x981\xbfC\x15\xfa\xf2D\xc6\x8d\xa1\xe2Xn\x94\xe2\xc0\xf2v\xee\x9e\xf4\x14\xaf\xaa\x0c\xa5\xdaXwf\xa2\x97\x1a\x05\xa1r\x8d\x97\xd6\xc8g\xea~\xf9\xf6#\xf4\xdf*\x94\x04X\x00x\xabo\xc6\xca\x13yS\x0b\xc4iJ\xf2\xf1\xe3\x1b\xea\xa3,  \xfa\x02\x00uq\xe2\n\x8c74\x84\xfcY\xe5q\xb6\xc6Do\xf2\xdf\xdf\xa9\xe4P\x13u\x19Rv\x0b5\x96[&amp;}\x01\xc8\xf62Iu\xd1\x9bn\xc9U\xec\xed\xdd9\xa1\xa3e\xfc\xd2\xcdJ:iKCy\x12nu\x00C\x01\xc1g!\xa3P\xf5\xda\x11\x80\x1b\x90\xe9&gt;\x1f\x07V#\x19\xe5\xf3R$ji)\xc3\xf5\xaceP\xa99v}qR4\xc1\xaeF\xd4"\xbe^j\xa6\x8aQ\x14dC\xcf\x82Q\x16\xe8\xce\tc\xbe:\xdfB\xe8\x0bO\xaa\x8b\xdec\'6*\xfc\xf6\xa55i\x86\x9c\xaf\x85\x1a4\x98Z\x11\xdc&lt;\xb10\x13\xd0\x8biu\xa7\x0e\x95\xa1\x12IN\xd5\xa2d\xae[k\xaa\x7f\x85\xb4,C\xd5\xe2(\\Z\xac0\x94\xa7gMG\x91\x92\xc7\x11Y\x820\x91w1b\t\xec\x9bh\x93\xfbj\x80`Q\xe75\xafL\xa6\xa34![[\xe0\xdc\xe6E\xd5\xd1\xae\x0b\xa3\xacP\x12b\xb7\xae\xbbDd\x87[\xcf1\xdd\x9a\xe6\xcf\xaa\x94,\x0c\xb0\x92\xe8\x92\xa4\xc4\xbb\x16U&amp;\xf5\x17D2\xb7\xbbs\xf6\xec\xcb\x8fdm\x19,\x8a\x1e+O\xf0\x02\xac\x80\xc7\xef\xd8$\xb4\xbe\xe1\xc5YE\xe1\x9c\x9b\x15}&gt;\xab3\xc3\xdd0\xd9Ig&gt;2[\xd6\xf7\x94*\xe3\x07Rrz\'?}I\xc8\xff\xc9\xf5\x16j\xca\x91\xa9S&amp;^\x08\xe3\x00&lt;uz\xab\\\xe7\x95\x08\x15 ]\x00\x8a\x83l\xaa\xa3\\\x15\x08\xe4P\xa9}"\xc5\x9f\xca\xe3\x0c\xb0\xca\xfah\xe8\xd1\xc8\x1c\xe8\xce\t\x8d\xb6\x9a\xf7\xf2\x0bU\x11c\x85\xa6$\x1fJ\xfe$\xdd\xcd@\xa2\xcf\x8a\xc6_\x97\xad\xdd\xc6\x84\x1a\x94\xe5\rd\xc9\xdc\x9f\x9b\x8c 3"\xc5r\xca\x0c\x97\xc4=p`\x15s\xcb\xca\x96&lt;)w\x9d5\xe0\xad\x81X\xeb\xab\xa5\xfe\x12\xb51\xf4\x00o\r\xb1/\xea\xb6\x80w\xa1\xee\xa7\x8d\xa1\xe2\x98\x85\xbe\x94y\xe6\x9e]\x133\x9d\xc5\xcc-2\xad0\xf1\x04\x9b\x18kI2\x8a\xd2\xf3\x9b\xe5\xb5\nE\x863U\xc9\xf0\xd2c\xb7PbIq\x90M\x88&lt;1\xb6\xc2\x00+\x0f \xdaRey\xbd!F\x10j\xd7\x93\xe5\xa9\xac\x9e\xa7\xde\xf5\x8e\xab\x07\xea\xb1\x7fJz2U\xf2\x07\xe6*\xf4))\xe6#\x05\xd6wI\r\xee\x9e@\x9a\x8b\xbe\x9f6\x8a\x02m\x14Ni\xfb\xe8\xf9\xbb\xff\xf9\xf1\x0b\x84\x90#\xd3\xddr\x053n\xbd\xa5\x98\n\xa8\x88p\xe2\x8d[R\xf4\x17D&amp;\xdaku(\xd7$h\xbe\xbfw\xe6xe\t\x98\x00\x19\xeeF\xf2Z\xa2\xdc\x1a"\x05\x90\xaeC\x9b`\xa7\xa9|\xe4\x97\xfa\xdd\xb2\xbdT\x9c\xf6\xcd[\xa8i\x01\xacn/\xe4\x1a\xf8"\xe3.\xed\xc6\xe1\xe6f\\\xf7\xae\x1d\x8b*\x92\xa4\x8b=\xc5\xdbi\xdcb\n\xc3~:PF\xeb*\xc1N\xc1g\xba!\xc1kS\x7f\xc5\xc3G\xd6R\x05\xe1\xe6\xf2\x1f\xc1l\xb6\x01\xd4\x1f\xdf{\xbc!\xc1\xeb\xc6H\x85\xbbI\xe0M\xd0^\\\x9d\xc2\xb3u.\xe1\xa67\x9cx\x96\xca\x11\x8f\x18\xccG\xc48\xc5Y\x17\n\xe9;\xb2p\x05&lt;\x01M\xd5]\xa4P\xca|o^8\xf5\x87\r\xa3B\x98\xbbZ\x90\xb2\xd0V\xfeR\x95\x8c\xac*i\x94\xe8J\xab\xc9\x88\xb2\x90\xaax\xc1$\xdc\xf4\xfat{\x97\x88\xcd\xdc4\x1bs&gt;\xbd6\x1b\x81t\xa0\x14g\xdd\\\x1f\x1eO\x8f\xa6&lt;-\x19jb\xdc\xea\xe3=cm\xb0\xb6\x8b\'\xf4\xc2]\x12\x0c\x15\xc7*\xbf@\xbc\x15\xa0R\xb7\x16\xb2Qk\xa0\xfe\x1c\xcb\xba\xc0\xdfJH\xafQy&amp;\xea2\x14K?\r\xd4GgVH\xba\xabXP\xb2@~=\x00Uqp\xb2C\xcan\xa6\xf3/w\xa5@&amp;\xbb\x14\xa4D\xa7Y.\x8b\x0cw\xc3\x92`[\xde\xab1\x14p\x98\x1c_\xdd\xb7\xa2\x89\xdd\xe8Ja\xa8\xd1_d\xe9LA\xcfR.\xf2HB-\xabK\xcf\xf51\x0b1R\xcaHW\x18\x99\xf6\xc8Pq\x0c\xdd\xfa\x11\x80\x1e\xb0\x7f\xa2\x9d\xb5\x8fD\xa5O\x9a\xc5\xd5)EA6\x84|\xf3\xbb\xd7\x1e\xf8\xed+\xf7}\xfb\xe9\xcb\x84\x90\x15M\xd9B\xfb\xc7\xd9b\xbc2\x997Q\x9b\x15\x9d\xd6\x07J\x82m\xa9\xbb\xe7\xfa&amp;\xfe\xdd\x8e\xc8\x1b\xd1R\x0cG`\xff\xf2veTk\x08!GV\xf6\xdc\x80\xab\x1cW\x80\x10r]d\x0c\x1d\xb1@\x03\xd0\xa5=+\xc4w0\xe6kR\xe8\xc8\xb71\xc4\x089&gt;f\xbc\r\xab\x7f\xf1\xd4\x9dL\xd5\xa0\x9b\x02\xae\x9e\x84Dv.j\x98\x8f{&amp;\xdc\x14\xae@GF\x90J\x04\xe9z\xf3"\x08!\x9f\xbfq\x99\x90\x7fR=\xbd\xbf~\xf71\xc2\x07\xf7\xbd\x8e@m\xac{Q \xcfZ5\xcb\xd3\x98\xae\x8f\xb3\x9e;\xef\nu`Vs\x13c\x0eL\xd4e\x88\xdf\x8f2\x1b\x18\x0c\x95\xc4*\xe9\xe2U}\xa5/\xe0\x04\xach\xcc~\xff\x893\x12\xf77\xe7\xdb\xa8\x05D[*\xe8\xf1p\x04b\xad\xa5\xe6\x8f*\x86\xbdp\xccY"\xfa@Q\xd0\xd5\xc7\x9c\xf2\xaa\xa9\xb9|p\xf5|\x04\xde\x16U$5\xa7\xf8=rl\xfd\xea\xf6\x02\xf1=\xe9\x19x\xa8\x84\'{\x8dw\x94\x17\x87{\x10c\xf07\xf9\xc9\xf24\xa1:B\xdb\x00\x8d\xf3_Nts\x13j\xac\xacL\x8dD}p.*4\xb7\xbbsd\xf4\xa8\xba\x19\xa9\x8b\xf3\x086\xc4\xeb\xf7\x1f\xda\xb7\xacU\xca\xfeBq9O\xa0##\xc8H\xd1)*\xdf\xcfB\xe1\x85\x95J\xbcf\xba\xb2\xd2\xb7\xa7\x9as\x86Kb\xc5\xab\n\x16\x06\xf3\xf9?\x85JR\x15\xe6\x89d\'\x1d\xd6h`\x06tf\x85\xb0\xcaB\x15\x18\xfd\t!\xcf\x9c\xddNM\xf2Y\x9e&amp;S\xcd9T\x87j\xde[:\xd8\xf0j8\xa14\xe4\xd6\xab\xc0S5\xd7\xb1bz\xebp\xcd\xf5;\xf9M\x83\x02r\x14,WX\xa49\xa8"U\xc5\x16\xed\xa7\xd6\x0fsW\x00N@\xd0\x82\xe7\xf1\x0c\x16\xf1\'+\xeb\x016\x80\x9f6\xcc\xae\x87\x0e\x95\x1a\x9a\xd3\xeb\x87\xa7\x18Q\x16/\xc0\x12\xc8\xf51kH\xf4\xa6\xb64%\xf9(6\xfaS\xfc\xf6\x95\xfbl\x81\x81\xc2(B\x88\x88\xfaH\xba\x9b\x81\x07\xe0r3(\'^7\x84\x16\xf5\x96\xf2\x8b\x84\xdc\xc8\x05\xd9\\\x1f\xf1\xad\x9a4F\xa7\xe7\xe7\xf9\x9a\x93\xff\xfc\x965\xd6\xab\xd0jLq\xd6\xa5\x8ef\x05$\xd8\x8b9\xd6|T\xed\x84\x16\x17\xd4\xf3\xd3FGF\x90j\x85\xe6yqW\xdd\xa1\xe6\xb5\xc7\xc6u\x7f0\x97\xd5\xa6\xb3\xb6\x88\x0c\xee\xef?q\xe6\x91c\xebd\xce\x01y\xbe\xe6UQ.\x84\x90W/\x1d\x14\x8a\xf9i\x00)N\xbae\xa1\xf6\\\xff\xd0\xc2+\xa7\xdedtf\x05\xd7\xc5y0gN\x1b\xc0\x100\x10\xae\xc0\xbc\xbe\x08\r\t\xba\xb3}\xe1\x17\xf4j\xae7)\xcez\xc7V\xf7}\xf3\xde\xe3\xf3}"\x17 \xccDRk\xe8\x05s\xcaG[\xa1!\xc1\xab2Rf)\xf7\x8d\x82\x07`\n\x94\x859,\xaaH\xca\xf55W\xed\xc1]\xf8\xd2s\xa9\xed\xe1\xa6\xf3;\xf1\x08A\xc8\x8f\xdc\x01\xfd\x99\xb3\xdbK\x82m\xab\xa2\\\x02\xf5\x90\xeef\xf0\xf9\x1b\x97\xc5\'\x80?\x7f\xf0\xa4\x13\xf0\xda}\x87\xda\xd3\x03\xf3D\xbf\xb4\xde&lt;\x9e\x1eV\x07Wt\xce\xdb\xe7\xbb\xa5\xe1\r\xb6\xdc\x08\x14\x06X\x8b\xacX\xbe\xfd\xcd\xcb\xf2\x1e\xd0\x048\xb0\xbc\xdd\x7f&gt;B\xba\xf3\x8f\x1b\xf0\xe4\xa9\xcdyJ7\xdc\x90I\xaa\x8b\x9e!\x10b$\xa3\xfb\x87\xcdl\xf7\x92\x85Qe\xc8\xf35\xcf\xf35W\xc0\xd3u#\xfb\n\xa8\x8f#1yZ\xde\xd2\xc2\x05\xf3\x98\x9dX\xd3\xcf\x1e\xcb\xff\xf6\xcb\x87\x8f\xae\xfb\xddk\x0f0U\xffr\xbc\xcd\x8es\xf7\x9c\xcb\xfd\xfbW*\xfc{\xdd \n\xea7\x1c\xeaX\t\x80[CG\\\xb5\x8f\xb4\xcc\x12\xa6\xba8\x0f*Uq\xaa9\xa79E\xb0\xc1\xf2|\xa4$\x1a\x00fs\x13U\xe3l\x90\xe5i\xcc;\xd98\x01\xb6\xc2BO7\xfe\xb0\xc0*\xc0\xce\xf51\xe3\xd5\\R\xd2\xd7W\xc6\x11y\xa6c\x84~:\x8a? :\x1c\xe7\xcf_\x7f\xf1\xccpI\\_~\xa4\x0bP\x13\xe3F\xa5\xe7\xea\x02\x15\x11N\xc5\xc1\xb6\xbb\x177\x8bN\x01\xdf.\x8c\xc6\xdf\x8d\x83*\xcb\x17\xa8\x8a;\xd6\x8d\xf2\x8d\nOp\xd3\xf2o\xf9\xdf\xe2s\xe3\x15\x96\xfcC\xa5Gsa\x8c\xa6\xeb{\xcb\xb8;\xdc\xf3\xc6g\x9e\xde\xae\x00\x9c\x9c\x9d\xb3r\xf9e\xebm\x01\xf9d\xf9\xa4\xf1\x1f\xe0\x1fs\'&lt;--\xad\x7f\xff\xfb\xdf\x7f\xe6\xec\xb9\xbe\xa7\xb4\xa35\xaf0=\xf0\xbf\x02\x87\xfa\x9b\xacsE\x9a\xa3&gt;^\xccq\xb2wi\x8b\x0e\xe08o\x89@\xbf\xfaa\xee\xf5DGg\xe6^K\xaf\xb4\x06\xb4\x80\x91\xd2\xf85\x03\x95r\x1d\xf6\xf4\x86\x11\xe6\x0cz\xf9\xfd?\xb2v\xc8\x9b\xedb\xf6\xc3\x8fb\x0f\x88x\xdf\xdd\xc33\x03\xcc\xff\xfe\xe3\xa3\x17V/_Q^]u\xe4\xb1\xb7\xc3C\xec\x9e\x7f\xeb\xf7\xaf\xbc\xf8\x92\x03\xe0\x08DDE\xb9\xb8\xba\xe8\xea\xe9\xde\xbbk\xf9O_\xbf+p&lt;\xa3\x9a\x86z\xb9&lt;}\xd6\xf2\x17\xa6\xdd\xca4\xa7\xf8\xee]*)\xb3\xf0\xd6@\xe1DU\x990s\xa8\xcc\xe7\xeb$\xd7\x93XkIK\x8aD{M\xa1"\xe1(\x0bD\x98\xe2\xf1;6I\x91qV\x1e\xe9\xae;\x95\xcf\xdd\xa6@wN\xe8\x8e\xb1z\xde\xea\xa4\xf9#\xc9Q\xfb\xc0d\xc7\xee\xc5M\xaf\xdf\x7f\xe8\xd7\xcf^\x90+\xe4r\xff\xbei\xf1\x1dR\x9cu\xcbB\xedC\x8d\xe5s\x12\xc4\xd9`mW\tu\xe7\xe8\xb3\xcd\xff\xff\xde\xb9e&lt;\xcf\xd7\xfc\xd7\xcf\xdd\x95\xe1nxp\xb2\xe3\xc9S[\xf6-k=&lt;\xd5E\xbe\xfd\x84r\xd1\xe8\x01\xcb\x1b2\x9f8\xb5\x99*\x10\xe3E(7z\xa00\x9a\x1b\xab\x0c\xd0Ea\xa05\xe4oru\xeb3O\xc9|Jj\x06\xc8t\x19\xab$\xd7C\xa8\x10a\xb21K\xdeC\x99,\x94\x9b{\xe1\xc9\xf16Ux\xac\xd4\x9e\xfdZ\xee\xdc2N\xd9\xcf\x1a\x80\x16`\x0cD\x9a\xe3\xf37.\xbbK&gt;T\xe8\x8d\xe7\xa7\xcf\xf6RV^&amp;\xd4\x18\x91|\xf1\x1ay]\xb2\x0f\x1cXE\x08\xf9\xe53\xe7\x0fMu)yI\\\x14\xa8\x02\xc9\xf40\x1a+O\xa4\x1eR\xf3\xb9\x13\xc0\x1f\xde\xba\xf2\xf4\xd9m\xf4\x7f\x93\x1c\xb4-\x80\xcb\x87\xd6\x10B\xeeX;\xf8\xc1\x93g\x0f,oOu\xd1\x8b\xb6\xc4\xb9\xcd\x8bD\xdc@\xff\xfd\xfd\x1b\xdc\xf3j\x03[\x87k\xd2\xdd\xd8\xf1\xef\x8f_\xb8\xe7\xe8\xca\x1e\xf9?\x87\x1a%\x083\x01\xf9\xf6\x13y\xf3\xae\xe6UM\x9e\x8b\x02-\x7f}\xaf\x8b&gt;\xcbM\x0b\xb5\xf0\xfe\xe0\xc9\xb3\xd4\x7f\x97T\xa7:\x02]\xd9!\xa9\xcez\x8f\x1e_/\xa2\xde1\x1f\xd2\xed\x85J\x08:\xb1&amp;x\x1dU\\\xa1\x130T\x12{h\xaa\x8b\xb9h \x84\x9c\xdb\xb2H\xe8-\xbc\x93qK\x8a\x1f!\xe4\xc9S[(\x89M\nn\xdc\x98\xb9`e-R\xe6\xf5\xa6&amp;\xff\xfe-5j\xbf\xfb\xe8\xc9/\xdf~\xe4\xaf\xbfx\xfa\x89\x93\x9b\xa8-\xe6\x00\x00\x1b\x80R\x88\xf3\x00\x0eOw\xafj+\xe8/\x88:13 \x1a\t \xbc.\xb9\x86\x04\xaf8[\x04\xce\xf5q\xef[\xd6ZyC&amp;1\xde\xe2\x10B\x8a\x83Tf\x19/@\x0f\xc5\xb20\x07\x99\x13\xc2@\xe1\r\xd7=\xed\xbaS\x1b\xeb\xce\xeb\x05nO\x0f\xdc&gt;Z\xc7\xdc\xf2\xc6\x03\x87\xeb\xe3=\xff\xf5\xc9KGD-\xb2\x8a\x08\xa7?\xfc\xec\xe1\x10#U\n\x89{\x00\xe3U\xc9\x8a\xbdW\x1f\xc8p7d\xa6\xbd\xaa\xea\xb6&gt;&lt;\xd5\xbd\xb1\xafbmW\tm\xb7\x12\xf2\x17\x91i\x8a7\xbb?\xd2\xfc\xaa\x95M{\xc6?|\xea\xdcLg\x91tmD\xd5\xd6\x17\x1b\x00~\xb3S\x8a\x05c\x05\xf0\xcd\xcf\x9f\xf8\xe1\xf37\xef\xdf?M\xfd\xf7\x1f\x1f\xbd\xc0|\xa8c\xac\xf1\xf8\x1d\x9b\xc8\xdf\x7f\xf5\xabg\xce\x8b\x0f\xfd\x14\xff\xfe\xecU\xde\xb3\x17\x06X-\x99u\xf5P\xd9\x07\xbc\xdaPj\xae!3I\xa3&lt;\xdcQ&lt;\xe1oa\xb8\x8e?cWV\x08\xe5-\xeb\xcb\x8f\xe0\xdd!\xd5E_%9\xefn\x02\x19\xdc\xf2\x12l\x88\xed\xa3u\xf3]\xbda\x07\x98\x01S\xcd\xb9\xbc-\x04\xb2&lt;MXv\xe8\x89\x99\x81(\x0b&lt;|d\xed[\x97\x8f2\xb7S\xce\x94l/\xd3\xcd\x03\x95\xa1FW\x93G-\xe4\xf4\xfc\x88\'\x86\xfbi\xe3\x9e\x9d\x13"\xbfP\x8a\xb3.o\xa80H\x1f}\xf9\x91\x86s\x93\x08\xa5\xd4@H\x81\xb2\xd8S]\xf4\x98\xb5\x99\xe2\x03\x96/\xdf\xe3J\x08)\t\xbe\xea:\xd2\x06\x96\xd5\xa5\'\xd8k\x16\xf8+\x9b\xdf\xa4\xd8\xfd\xe3\xc6\x10&amp;\xb9\xb0m\xc9\xdcq\xfb\x1fL\xcf\xfe\xa1\xa9\xae4\x17}\xfa\xd3\xa6\xb9\xea\'9j\xaf\xe9(\xa4\x8axd\xf1W\xea]\x11fXR\x9d\xca\xec9AKp\xfbj\xdf"\xd9}\xf3\xc5&lt;\xc5\x00V\xb5\xe5\xd3?\xcf\xf5\x85\xb7\x05\x02Ma\x80\xd5\r%\x17\xa5\xda|\xc4\xea(\x97\x05h\xfc\xa4&lt;\xcf\x9d\xdfyj\xfd\x90\xaf\x16:3\x83\x89@\xed\x9e\xcc\xe1\xd6\x1c \x844$x\x89\xfc\xe0M\xc9\x82\x89\xaa"8\x01\x13\xf5\x19\x8es](\xf2\x1a\x95T\xd54%S#\x9ePT"\xaa`\xd3\x9c\xec+\xd4\x13\x8d\xc9\x81\xe5\x1d\xb1\xd6rT\xe1\xc9[\xff/\x9d\x7f}\xf2\x12\xd3j\'\xff\xfd\x1ds\x08\x7f\xfb\xe1\x13\xf5\xf1\x9e\x8f\x1c[G\xed\xfc\xc2]\xbb\x07\x8bb\x08!T\xc3/q\xee\xdb7E\xbdk\xaa9g\xe7\xa2\x06\xde\xb3\xdf\x1a\xa3\xff&lt;&amp;\x1b\x1a\x18\xe2\x9d\x87O\xa8\xbcj?=;\x0b\xdf\xc9L\xaeS\x10\xfa\xf6\x7f\xe8\xf0\x1a\x99\x8d\x7f\x7f\xfd\x83\xe0K\x81zptv\x8e\x8c\xba\x81\\:v*]\x8a\xdb\xda\xdb?\xf8\xf3\xafUy\xc4y \xdc\x14\xdf}\xfb\xad\x9e\xbe\xbe_\x80\xed\x7f\xbe\xff\xfe\xd4\xfaa\xde\xdd~\x92u\x9c\x7f\x01UQ.\xdf\xfc\xf1\x1b\x91\xa7\xe5\xfc\xcb\x1f\xcbum\xd6@\x9a\xab~YQ\xf4\xdf\xfe\xfa\xb7\xaf\x80\xef\x18/U\xd5\xd5\xcau\xa8\xd7\xfe\xf8\x93\x9f\x0e\x92R#\xc3"\xfc\xbd}\xf9m\x8eUm\x05\xc7V\xf7=\xfd\x81XV\xf6\x9d/\x7f\xfc\xd8\xafe\x9bV\xcf&gt;\xf5\x94\x8b\x9b\x8b\x7f`\xa0\xc4\xf9?"\x9a\xdd~]%8\x01\xc6\xde~\x8c\r\x06\xf8\xf1G\xe6\x0e?\xfc\xf7\xbf\xf7\xbd\xfe\xdb\x92\xde\xd5T\xe9eZ\xc3\xf8\x97\x7f\xf8\xc3];\x96\x9a\xf8\xa4\xca&lt;x\xe5\xc8\x06\xea\x8f\x0bw&gt;\x05`QE\x12!dYm:\xe5\xaa\xf0\xd6\xc0C\x87\xd7\xa8\xe6c\xdc\xc2\xd8\x02)N\xbao&gt;x\x84\xb5\xdd_W)GDc\x92\xcf\x02\xa4\xdd\x9e\\;\xa8\xbc\xe1\xb2k\xbc\x91\xce\x13\x95\xbe\xdc}\xfb\xca\t\x96w{\xe1\xd1\xe6k\xb5x\xa3\x11lp5\x1a\xe9 `\xc8,\xa9N\xa5\x0c:\x99-w\xc4\xc33\xcb\xea\xd2?z\xfe\xee\xf6\xf4@!\xeb\xdaT\xe0\x02"\xcc\xc0\xabno\x06\x84\x18b\xba%\x8f\xfb\x92\x9e\x12\x8a@B\x8f\xd5\x92\x9aTB\xc8!\xd5i\x15\x04\xe8\xc2G\x93\xfd\x91Y.5:\x14\xccm\x1a\xac\x18\xcc%lWv(\x00B\xfe1\xc7n\xff\xe7G,C\x9e\xeb\xb8+\x0bs\x90\xe0\xff!\xaf^:H\xed\xaf\x05$;\xe9\xd0\xdb\'\x1b\xaf\xb5\x91i\x9c\xd5\xa1S\xc3\x8f-_O\xd7l/\x13\xf3\xebT:\xa1p\xa4W%q\x9e\x06\xc9\xb7K\x94\x05XM\xe7o\x16Z\xd3\xd8\xdd\xfbT\x88\x19\xa78\xce\x00\x08\xd2GOnx\x7f\xbe\xa0\x8d\xd9_\x10\x19\xc8Y\xfa\\9\xb2\xb6==\x90\xb9E\xa4\xb7b\x8e\xb7)\xf9\xfe\xb3?\xbcuE$D\x9f\xe5i\x92\xcf\xf1\x89\xe7\xf9\x9a\x0f\x97\xc4q\x1d%\x95\x11\xcez@\xa2\xbd\xd6\xbc\xabj\xcc\xb2\xae\xbb\xf4\x9f\x1f\xbf(\xbd-"o\x0eR\xb8)\x12\x1d\xb4\xa6\x9as\xb8\xb1b;\xa0(\xc8\xe6\xd4\xfa\xe1\x91\xd2xj\x8b&amp;\xd0\x9a\xeaO%\xc2\xe5\xf9\n~P\xe9Nb:.\x12e\x81\xb6\xf4\xc0{vNP\xff\x9d3l\xff\xf7w\xff\xfd\xfd\x1b\x8c\xff\xff\xf9\xc5\xbb\xf7t\xe7\x84\xa6\xb9\xe8\xd3S\xe3\xe5Ck\xc8\xf7\x9f\xc9\x9c\x00\xcem^D\xed\xaf\x01\x04\x19\xd0g\xf9\x91\xbeK\xac\x81\x1c\xef9\xa1Ku,\x98\r7\xc8\x16b\xa4\xf8`z\xa7p\xfa\x9a2H\x99\x88\x14\xae\x0e\x17Y\xe8\xd0\xf5\x9f\xbc\x03O\xd4\xdc\xc1$\xdb\xcb\x84\xb2enp\xc5\xc1\xe9\x96\xdc\xfe\x02\xa5\xbc^\'\xd7\r\xf1:\xd3\r\x81\xd5\xed\x85\xdc\x83\xbb\x02/\\\xd8-\xaf\xfaw\x92\xa3\xb6\xf4\x14]B\xfeN\x08Y\xdfS&amp;\xde\xa9*\xc4\x08\xdc$q^\x16\xbe\x81li\xa8}U\x94\x0b\xebV_\xd9\x9a\x7fv\xd3\x18k\xcf\r\xbde\xa3\xe5\t\xbc\x8d\x01\xec\x80\x02\x7f\xcb\xd2\x10v\n(e\xdfWG\xb9\x10B\x06\n\xa3\xe9\xedm\xe9\x81w\xefX\xa6\x0f\xa80[\x8f\x826\x03X\x85`_\xbd\xf3\xe8C\x87g\xe8\xff~\xf9\xf6\xc3\xeb{J\xa7\x9as\x0eLvtf\x85Po)\x0e\xb2!\xff\xf7\xa5\xcc\t\xe0\xab\xb7\x1f\xa1OW\x18`E\x08\xf9\xf1\x0fo\x89_\x95z\x02\x90\x8a\xaf6*"\x9c\xe4m\x05\xb5\xac.\xbd,\xd4\x9eW3`!\xa9\x8ev\x8d\x95P\x8ci\x02d\xb8\x1b.\x9b\xdb\xb4\x929\xe8$9h\t\xa9\xe0M\xb7\xe4\xaa\xbcbA\xa8\x15\xbbji\xcf\x08\\Z\xabT=\xa4\x11P\x1b\xeb\xce\xbd7\x08!\xc6@\xa2\xbd\x16\xdd\xf5;\xc4\x08\xb5\xb1\xeek:\n?}\xf9\xd2T3\xbfP\x04/e\xa1\xf62\xdb\xed\xd2X\x00\x0f\x1f]G\x08i\x9b\xbbb\xe0\xc5\x1c\x00\x10j\x8c\x1b\xad=\xe4\xf9\xad\x8bY\xce\x10\x1b`\xb08\x86+i\xaeZ\xe4\xed#\xcd\xf4\x19H\x99K\x13\xec4Y\x03\xf7+\x17\xf7\x13\xf2\'\xfa\xbf\x85\x81\xd6\xa6@\x8e\xb7Y\x94\x05z\xf3"\x82\r\xf1\xe0\x81U\x8f\x1e\xdf\xf0\xedo^\x16\x9f\x00\x98E$\x16J\x98\x80j\x00Y\x82\x88Rl\xf0\x1co\xd3\xe2`[\xf2\xcd{\x9b\x07\xabTsM\xb2hL\xf4\xe6\xb5[\x02\xf4\xa4f\xe9E\x98\xb1\xdb\x8c\x14\xce\xad\xe3\x17J~=\xb0\xbc]\xd2%\xaa\x9aT\x17\xbd\xf9sJ\xcct\x16\xeb\x03\xc6@C\x82\x98\x98|\x80\x1e\x8e\xaf\xe9\x17\xd9a\xc3\xac\x05\xb0\xba\xbdp\xd3@%!?\xbe\xfd\xf0\t\xde&lt;Q!\n\x03\xe4\x9b\x0c\xb3&lt;M\x08\xf9N\\\x1f\x86\xf9\x91\xca\xc3\x1dg\xba\x8a\xcbB\xed\x15\xc8\xe6\x9c\xe9*\x9e\x8fb\xc08\x1b\xd8\xcd]y\x9c\x98\x19X\xd3YT\x1cd\xab\xda\xea\xc8p\x139b]\\4\xe4\xefTL\xc8\x0f\xf4\xa8\xfd\xebg/l\x1d\xaa98\xd9Ao\xd91V\x9f\xeef\xe0\x00\xbc\xf1\xc0\x11\xe6\xf8\xfe\xe0\xc1U\xe2\x8e %&gt;\x84\x1a\x0e"&amp;3\xb5~\x94)\x0c\x89\xd9\x8a\xc4\xed#\x0b\x1a\x1d5\x17~\x89iD\xf2\xeef\t\xd0\x9eD\x8a\x18+\x14\x07_\xb5nCU\xd4/-\xdc\x14uqbJ\xbdR\xd6+*\xc4FZ+\x12s\x81\xed\x8e\x80xv\xa9\xebla\xa73`\r\xd0\xc3\x97\xd0\x01yi\x923=\xf7\x97\xcf\x9c\x17\xf2\xdb\x98\x02-)~L\xdf\x94\x17\xf0\xed\xa7/o\x1f\xad\x93\xb9\xcep\x06R\x9d\xafy[ZR\xfd\x98\xc3\xb1\xcc\xc9\xf8\x06\x14\x08\x19,\x8a\x894\x97\xc3\xb3/\x1dk`\xaa9\xf7\x9e]\xcb\x99\x1b\xb5\x81\xf6\x8c z\xd4\xfe\xed+\xf7\xed\\\xd4\xd0\x9d\x13\xfa\xf6\x95\xe3o_9\xfe\xf5;\x8f\xbe\xf1\xc0aB\x08\xf9\xd7\xc7\xe2\xf6&gt;\x17\x91\x95\x8b\xbe&lt;\xa1\x8b\xdb\x05z\xda\xf7\xd6@GF\x90\x94\xb7xkH\xed\xdc[\x18`\xe5\xa7\x83C+:O\xae\x1b\xfa\xfc\xcd\x87\x14\xbbB\x95C\xdf"\xb6\xc0`Q4w\x87L\x0f\xf6\x18\x1fa\x86$Gm\xda\x89q\xeb\x11o\x8b\xa1\xe2\x18)6e\x914\xbf\xb0\x92\xbaO\xaa\xa2O8\xc8\\\x13\xe3\xc6]\xc2\xb6\xa6\x05\x1c_\xdd\'\xf3\xb0[\x87kN\xad\x1f&gt;8\xd91P\x18\x95h\xaf\xf5\xcc\xb9\xed2\xdf\xc2\x9c0\xb8\xa5X%!v\xbb\x177\x89\xd7\xac\xf1\xfa\x1dm\xe6\xaa;T\x84;\xde\xb7oJ^C\xd8\x08\x083A\x90\x81R\xcds\xb8O\x8dL\x98\x03\xf7\x1f\xdf{|\xb21\xbb5\xd5\xdfO\x1b\x01z\xe8\xcd\x8bhJ\xf2\xf9\xd5\xb3\x17v\x8c\xd5\x1f\x9c\xec \xff\xfb\xe2\xbd\xc7N\x8d\x96%,o\xc8\x14\x19\xfd\xf7\xf3-\xc1\xb3&lt;M\xb6\x8d\xd4\xd6\xc6\xba3\xef\xc8\x9b\xa0\x10fa\x90k\rN!~\x9b\x020\x9d\x9dW\xc2\x8c\xe1\xa7\x8d\xc5U)\x84\x90_&gt;}\xa7"\xd77\xcf\x1c\x99\xee\xa6\xfe\xb0\x06\x8eLw\x8b\x0cZ-\xa9\xfe\xe7\xb7.N\xb4\xe7\xb70n&lt;\x05hIP\xaa\x00\xcd\xc9\xbe?}\xfd\x8eH:\r\x85;\x00 \xdb\xcbT\x1f\xf8\xe1\xf37\xa9\xc2$_m\xfe\x8aqzl\xa5\xd68.\xb2\n\xcb;2\x83\xa5\\0\xcb\xcf`\rhH[\x86J\xe4\xf4\x86\x91\xa7No\x95\xb2\xe7Pq,!\x84\xdb\xe0P\n\x95\x91\xce\xd4`\xd9\x91\x19Ly\xac\xef\x98\x19\x10\x9f}\xdd\x00B\x087\xc4\xcbZm4\'\xfb*\xe6\t\xd1\x00\x8a\x02\xadE\xd2&gt;\xf7,i\xa65$X\xeaIz\x80+\xb0\xa6\xa3H\xde\x93b\xee\x1c\xf0\xcf\x8f_lL\xf4^\\\x95\x92\xea\xa2\x17g\x83\x9a\x18\xb7\x91\xd2\xb8?\xbcu\x85\x10r\xc7\xda\xc1\xc9\xc6\xac\xa3+{\x9e;\xbfSd\x02\xe0\x1e\xffo\xbf|\x86z\x89~\xd2\xd5\x02\xd0\xfc\x08\rm\xbcH\\+\x00\x884Gc\xa27!d\xa3p\xbf\xe6\x1b\x8d \x03xk\xf2\xeb\xab\xf0\x86\x7f\xd7v\x95\x94\x86\xdaKl\xcft\xa3a\n,\xadM\x1b-K\x90+\x0bH\xde\x9c&amp;?\x1dte\x85\x08I8\xb4\xa6\xfa\x0bI\xb8\xd08\x03k:\x8b\x98\xd9&lt;\x03\x85Q{\x97\xb6TE\xb9\xd8\xca\xdf\xf4\x8a\xd7\xca\r\xd4G\x7fA\x14\xcb\xfb\xa70Q\x1681W\xf2\x9eIo^\xc4@a\xd4\x96\xa1\xea8\xc99\x15\\\x97`\xb6\x97I\xec\xdc\xf5X\x92\xa3\xf6\x96\xa1\xeaf\x85j\x9b\xc5\x99n\xb9\x16\xae\xbf\xb0m\t\xfd\x05\x06\x1bJ\xcd\xd2\x16\n\x91\xd0\xc3\xf7g\xaf\xde\xdf\x9b\x17\xd1\x9a\xea\xdf\x91\x19&lt;V\x9eH\x05\t\xfe\xf7\xe5\xdb\x9f\xbfqy\xa4,~mW\xb1\xc8\xd0\xff\xe5\xdb\x8f\xf0\xfe\xa6C\xc51\x97\x0f\xady\xff\x893\xf5\xf1\x9e7zu\xcc\xf5%\xc5Y\x977[n\xdbp-W=j\xba%o\xa8$\x96\xb9E\xc8k\x1ac\x85\xfax\xcf\x97\xee\xde\x9b\xe5qCH\xf7re\xd9\x97\xd5\xa5o\x1e\xa8\xca\xf2\xbcvy3\x9dEKj\xd2\xc4K\xf3Yx\x021V(\t\x96\xfa4\xa7\xb9\xea\x9f\xe39\xd7`\x00\x00 \x00IDAT\xdb\xcc\xce\xe4S\x18%\xef\xec\x05v\xd6\xf8ja]w\ts\x0b!\xe4\xa5{\xf6Iy/\xeb.\n3A\x99p\xe0\xc1PV6KwN\x18%\xe2\xe4\x08\xc4Z\xe3\xc1\x83\xab\xddg\xdbU\n\x11c\xa5\x88\xaf\x83\x8b\x17P\x13\xed\xda\x99\x15b&gt;w{\xa4\xf9\xd5:&gt;\x05\xe2\x04n\x00\xf9\xcb\x07wn\x1dg:\x98R]\xf4\xfa\xf2#]%\x1f\xd0_\xe7\xda\xec\xe8\x08\xf4\xe6\xf1\x8b\\\x89\xc3\xf5+$;\n\xc6U\x0c\x00\xf2\xcd{\xd7\xc6\xf2\xef~\xf3\x9f\xdf\xbd&amp;2\xd6s\xf9\xf4\xe5K\x00\x1a\x12\xbc\xdc\xe7\x1e\xd9\x108\xba\xb2\x87vj\xa9\x03\x00&lt;\x9c\xdf\xb68\xcaBl\x11}j\xfd\xf0\x87O\x9dcm\x0c\xd4\x97\xa4\xa1Hy\x15\xbc\x80w\x1f9\xa9\xd4U\xaa\x0e\xae\x9d\xee\x0c\x9c\xd98JO\x0b\xb6\xc0\xf1\xd5}mi\x01\n\x08\xa1\xb0\xa68\xf1\xa1d&gt;\x1a"R\xc8\xf4G]G\xf1j\x0b\xe0\xe0d\xc7\x8f_\xbc%\xfe\xe5H\xa7X`\xd25\x00r\xbcM\xbf~\xe7Q\x11\xd7\x8a-pq\xf7d\x9c\r\x06\x8bb\x1e&lt;\xb0J\\&amp;\xd3\x06\xd0\x06\x8a\x02mX\xad\x84\xd2\\e\x0c,\x0e@[z`I\xb0-\xd7D\xe5.\x89\x08!\xff\xfd\xfcMBH\x9a\x8b\xdc\xe3\xd5\xf6\x91:B\x08\xf3i\xcd\xf7\xb3\xd0\x90\x16\xdb\x0f6D\xba\x9b\xe1\xc5\xdd\x93\x1f&gt;unYm\xfa\xc2W\xad\x90?\xfd\\\xaeA\x9ffc\x7f\x05\x80(\x0b\xe4\xfb\xf1\x88f\xc9\xbb4\xbc\xed \xe4?51n\xdc"\x11\x9a$\x07m^\xc3\xb6.\xce\xe3\x9e]\xcb\x99\xf7\x16\xf3Ic6\xd9\xb1\x00D\x14\xde\x17\x98\xed\xa3u\xef&lt;|B&lt;\x98\xbb\xae\xbbD%%\xc4\xf2\xf6\x86Lq\xd6\x8dVQ\xf1\xbd82\x7f\x8e\xf9\x0bv\x07\xea\xe1\xa1Ck\xcen\x1a\x15)\xcd\xd2\x06\x98\x12\xf6\xbcX\x02\xcc\xe2~.Q\x16\x08\xd4\xc3O_\xbf#~\x1c\x91\xc1\x91Y\x7f[\x1d\xed\xea\xa7-C\x95O\x1f(\n\xe4\xb1\x1a6\xf4\x95?vb#\xf5\xb7\xb8\x03\xdaO\x07o_9\xfe\x9f\xdf\xbdN\x08\x11\xcf\x10cB\xab\xc4\x8dW%\x13B\x986\xbb\x06\xe3SH\xa9b\x0b\xd0Uj\xc4\xb4R\xeeI\xaf\x8f\xf7\x948\xe8\xff\xed\x97\xcf~\xfd\xee\xa3\xbf|\xe6&lt;\xeb\xec\\B\xe6\xae\x8ey5Sow\xc4\xc7\x9ct7\x03Z\xc4\x95\xc9\xf15}k:\n\x83\x0c`\x0f\x84\x18\xf1x!\x84\xd2%\xaf\xef\x9cl\x0b\x10B\xca\xc3\x1d\x85\x8a\xb9\xca\xc3\x1c\xa8\\\xc3\xb20\x87\xb5]%\xfc;\xcd\x03=\xb9\xe1\x84\x90;\xb7\x8c\xcb\xfbF\x05\xba*f{\xc9(\xa7\x15o&gt;\xa5\x8c\xc7iek\x1e!\xe4\xa0,q\x1b\'Y\x8e)\x1b\xe1f\xee4\x03\x85\xd1\xe4?\xbf\x95\xeb\xf2\x84\xa8\x89q\xab\x8du\x17\x19\xdd\n\x02\xac\n\xfc\xad\x0e\xad\xe8\xf4\xd6dO\x9fr\x99\x12}\xf9\x91\xd4\x18\'\xfeT6$x\xd1\x8aO\xaes\x7f/\xde\x9as\x1d\xa0\'7\x0c\xb3B\xbf\xee\xd2.\xa60\xc0*Z|\xd2\x9b\x0b\xf9\xcfg\x9f\xberI\xfa\xf1y\x89\xb5f7\x8bg\xf2\xcf\x8f_\xdc&gt;Z\xa7!-\n\xe5?\xb7g\xfd\xea\xf6\x82\x99\xce\xe2\xe9\x96&lt;\x96\xf1q\xcb\xe6\xf6\xa9\x84\x04;\xcd\xdb0nn:\x1b\x9b\x9a\xd7\xb3\x04\xe8]\x0b\x1b\xd4\xc6\xba?p`\x95\xb8\xea//B\x9a\xb7\n@\xe7\xd8\xc8}\x11\x92\xa1\xbe\xd5\xdd\x8b\x9b\x84"B]\xb3\xa5\xff\xe2TE\xb9\x98\x03\x98\xb5\'\xe4u(\xd1g\x17\x1agS]\xe6d\xdc\xd8\x02"\xe1\x1doML\xd4eTG\xb94%\xf9\x8c\x95\'\x16\x07\xc9[,\x7f\rJ#!\xc5\x89\xc7qE-VL\x80\r}\xe5/\xdd\xb3w\xb4,\x01\x80\x8b\x84\xcfn\x06\x14\x07\xdbRQ\xae\x89\xfa\x8c\xc3\xd3\xdd"n+s\xe0\xe8\xaa^\xea\xef#\xd3\xdd\xee\xa2GnM\xbd&amp;!\xe5\x04\xb0\xd6\x1f\xca\xf0\xc3\x17o~\xfe\xc6e\xeanIv\xd4\x89\xb2\x90*\xd7!Bs\xb2\xefk\xf7\x1d\xbc\xb8g\x05scGF\x902-\xe1n}\xaa\xa3]\x8d\xe4\x7f\xc0(\xf4\x80{wO\xaa\xfa\x8aT\xc0\xb9\xcd\x8b\xe2e=\xa4\xbe\xda*\xab\xf9\x12\xc2[\x03\x84\x10j\xd0\x1f+O\xbcOV3n&amp;\xc1\x86\xf0\xd6\x04!d\xe1\xab\x13\xca\xc2\x1c\xde\xba|T\xb1j&amp;\xea\x91\xfe\xec\xd5\xfb\xb9\xfe\xf6\x10\xbe\x95\x05=\x10\xa6\xbb\x190K\x10\xa8_O\x0b(\x0bs\x98\xe9,\xa6\xfd\x1b\xe2\xf9\xdd\xb9&gt;f\xcf\x9d\xdfY\x11\xeeH\x08y\xe9\x9e\xbd\xd3-y\x8f\x1e\xdf \xf7g\x00\x00\x8c\x96\'0\xff{\xff\xfe\x953\x9dEo&lt;p\xe4\x8e\xb5\x83\xf2\xba\xfe\xa4P\x1d\xe5\xfa\xd0\xe1\x19w\xcevq\xc7N\x80.\xcf\x172\xd5\x9c\xf3\xc8\xb1\xf5\xbc\xaaA\x98\x9b\xce\xdf\x9a\xe6/\xf2\x04\xdc\xb5c\xe9+\x17\xf73\xb7\x88Dzy#1\xb1\xd6WSH\x17\x8c&lt;_\x8b5\x1d\x85\x0bx\xc2\x1b\x1e\x96\xe6\x01\x17w%\x0en\x07\xec\x9bhS\xe2\x00J\xc1;.&amp;:hQc\xd0\x1dk\x07\xe7yx\x97\x8d\x0ep\xff\xbe\xe9\xa5\xb5i\xce\xc0D}\x86\\\xae\x95\x8b\xbb\'\xcb\xc2\x1c\xe6\xb5\xb7\x17\xaf]\x94\xe2\xa4K%\xe4IOyb\xf2\xf0\xd1\xb5\x84\x10Bx\x94\xfc\x85\x0e\xb7\xb25\xef\xcb\xb7\x1fiI\xf1\xe3\x9dr\xec\x81\xff\xfc\xee5\xfa\xbf\x15\x11N\xccN\xdf\\\x97\xef\xe5C\xab\xeb\xe3=\xdf|\xf0\xc8\xee\xc5\xcd\xdc\xa3I\xf7xD[\x822K\rf/CU\x04\xeaA\x8a~\x91\x14"-\xc0\xbd\xc9\xcd\x81M\x03\x95\xf9~\x8a\xab\x87\x98\x02c\x15\x89g6\x8cH\\\xb0\xba\x00\xc3%q\\\xf7\xd9dC\x96%pv\x13O\xdfP57\x04\xde\x1a`M\x98\xda\xf3\xd3\x98[%\xb0\x0c/\xde\xceG\xb43qmW\x89\\\xa6\x87\xa3\xa86CQ\xa0\xf5\x99\x8d\xa3\xccjO\x89\xe4\xf8\x98\xb5\xa6\x05\xb4g\x04\xcdw\x9bF\xcc\xf6\x9f\x92H\x8e\xb7i\x98\xc9\xd5\x8f\xcc\xfcTi\xae\xfaT\x93\r\xc5\xae\xc1\n8\xbdad\xd7x#\xf7%\xa1\xfb\x8a\xfa\xbd\x96T\xa7\x0e\x97\xc4I\xf1F\x9a+ve\x0cxGs\xde\x8c\xd2W/\x1d\x90\xa8\xc9\x93\xe2\xac\xbb\xba\xbd@Jh\xd7\x96OvI\xf94\n\x03\xd1\xffJ\xc4\x1d\xc8\xf24\xee\xcd\x8b\x18.\x89\x95^0\xe1\x02\xf8\xe9\xf0\xfb\x15\r\xd4\x13\xc0M\x84\x9f\x0eJB\xecV\xb5\xe5\xeb1\xbaF\xdctP\xed\xe5\xc6+e\xa7\xb1\x1a\x02\xcc\x91N\xa4\x01r_~\xa42\xfe"\xe9\xd5@,&lt;\x01\xe9\x8d\xdb\xa84G\x89O~\x84\x19\xbasBY\xb9\xb0T\xc0\xd9M\x89e;!\xe4\xd2\xde)n\xfcV$\xb9\xfe\xd2\x9e\x15\x84\x90\xce\xac\x90s\x9b\x17\xcd_z\xa2\xb8\x1b8\xc1N\xf3\xe3\x17\xee\xe9\xce\t\xa5\xb7\xe8\x01\xbeZr4\x94\xef\xce\t\xfb\xd7\'/I\x91Y\x10Jl\x15B\xe4I\x14\xcf\xf7\xcd\xf55W@,\xd3\x0e(\x0bs\x90x\xd71U\x14\x85\x16\xb8\xd2\xf5\xbdU\xc8\r!Tr\x93\xb2\xba\xbd\x10\x80&gt;\xe0\x01\xd4\xc7{&amp;;\xe9\xcc_n\x95\xf9\xdc\xff*\xa3\xa2E\x1f*\xd3\xc3Xz\xe6L\xa2\xbdfkZ\x80\x12\xa7U\x10\xaaq\x92L\xd6\xf7\x94\xf5\x17D\x95\x87\xf1\x14rX\xc9\x1a\xd4T\x8e\x89\x80\xab\x97"\xc3\xdd\xc8\x1d8\xba\xaaw\xcbP5\xeb\xa5\x10#\x19\x8dy\xe3\xed4\xc6+\x93\xaf\x1c\x9e\x91\xd2\xf9\x16\x80!P*O8\xddh6,&lt;V\x9e(\xb4\x0f\xb3T\x90\xa2&gt;\xde\x932\xcce\xca\xf6Y\x02\x1f&lt;qV\xa2\xc8\x84\x08\xaa-e\xaa\x16m\x93 \x82\xc8\x90\xcdJ\xabe\xc6\x04\xb8\xefj\x97,(\xa0\x0c\xf9~\x16\xe9n\x06\xba\xb3-\x8e\xfd\xb4\xf1\xf4\xd9m/\xdc\xb5[$b\xa1F\x0et%\xc8k(&lt;\x12\xdd\x08\x1a;\x0b\x1f*HrP\xb0\n\xc1\x80\xd1=-\xcc\x18KjR\x15\xd6\xf6\x92\x0b)?\x13\xd5\x87O\x8fS9U\x15\xe5\xd2_\x10\x99\xeef\xc0\xb4\xafY\x98\x00UQ.\'\xd7\rm\x10\xed*Ae1\xb5\xa5\x07\xca\x9b\xc1\xe5\xa3\x89d\'\x1d\x0f\x80\x90\xef\x01\x18\x02\xed\xe9\x81As\x87\xdb\xd2P\xfb\xdaXw\xa6\x10\x16\xfdA\x14\xb3K\xa8Rs\xcax\n1D\x98\tld\xad\xcfjc\xdd\xbdf\x1f6\x1b\xc0[\x03\xb6\xc0\xa3\xc7\xd7\x0f(\xd4\xccG\x85q\x0bZ\xcaId-\xcb\rGS\xb7\xa6\x86B_\xa0\x03P\x1az\xf5\x13\x88\x1b\xa0\x8d\x89\xde\x8b*\x92\xca\xc2\x1c\xba\xb2\xaf&amp;\x98%\xdak\xae\xed*\x99\xef\x14\x0f5\xb75K\xaae7\xb0\x96\x8eD\xd7\x07\xd3\x91R\xe0oU\x1cd\xc3\x1a\xfe\x85\x92F\x94\xcc\xf4\x95in\xfbh\xa21\xd1{]w\t\xaf\x8a\x94\x11P\x15\xe5"\xf2\x8d\xb5\xa6\xfaK\x1c\xd3\x0b\xfc-\xa9\xbe"\\\x9dW?\xe1Y\x95\xe5_O\xb4\xd7:\xba\xaa\xf7\xc0\xf2vfL\xf8\x95\x8b\xfb\xcfn\x1aSR)\x88r"Rq\x00\xde\xcbiL\xf2\x96\xb9\x9e\xc8\xf6\xba\xfa3Z\x03F\xc0\xc1\xc9N\xd5\xdel\xf2\x92\xe9a\xbcc\xac^\xa6\xcd\xc2\x9d\x00b\xada\x08\x8cU$n\xea\xaf\xe4\xee\xbf\xb46]\xa2z\x0c\xbd\x9b;\xdf\xab\xa9.z%\xc1\xb69\xdef\xb7a:\xbb*QUnx\xb4%\xcc\x01\xe9\xfd\xa7D\xa2fr\x87\\\x17\x10B\xc8\x82\xf5\xc0\x11\xa2!\xc1\x8bv\xe2\xdb\x00?|\xf1\xe6\xe2j\xfe\x8eW\xees\xf3\xc1\xdcU}%\xfe\xbax\xfb\xcaqB\xc8P\xb1\x8c\xac3\x16\xae\x80\x06#t/3\xe3\xf5\xe2\xee\xc9#\xd3\xdd\xbc]\xbfe\xca\x9d\xd2\xf0\xee7\\\x1a7\xd3Y\xc4l\x9dH!=\x06\x03\xa06\xd6\xbd*\xca\x85:&gt;\xd7\xa7\x04H\xeaYD\x05\x88\xf5\x81\x86\x04\xafx[\x14\x06X\xdd\xb1vP\x8e\x8b\xe0\x10g\xa3\xac\xb70\x90\xcf9\xe507v\x9dh\xaf\xc5\xad\xbb\x1e-K \x84\xbcv\xdfA\xaei\xa2\xf0:\x18@\x90\x01*#\x9d\xa9!\x8b\xb6\x81d\x96\x97\xab\x91\xcdtK\x1eo\xaa\xb5#\xd0\x91\x11\xe4\xaf\x0b\x00\xde\x9a\xa0{LWG\xbbN6fG\x9a+5X\xd3&amp;\xcf|\xa3\t\xb6\x08h\xbc\xad\x82v\x83!\xa0\xda\x9eM\x12\x11\n!\xb6\xa5\x07J\x8fX\xaa\x9c@=\xd8\x00\x84|\x1bf"\xc3\x91\xed\xaf\x83\xfe\x82(\xda\n\xfe\xd3\xfbO&amp;9j\x13B^\xbck\x8fLAYw\xe0\xad\xcbGY\xf7gK\xaa\xffLg\x11\x007E\xcbYT\x8b-\x10b\x848\x1b\x94\x87;VE\xb9\xb0\xd6v:@]\xac\xd4bys\xc0_\x17\xc3%\xb1t\xda\xe8xer\x81\xbf\xa5\xf4\xea]\x1d`Iu\xeaTs\xce\xe9\r#\x92\xdf$\x15\xd6\xa3T\x12l\xc7\xab\x9e\xdd\x9e\x1e\xc8\xea{\xea\xa3\xa9l*\xd7\xda\xae\x92\r}\xe5\xcc\xca\x92|\x7f\xcb\xdd\x8b\x9b\xe8\xff\xbep\xd7n%\x9b`\xdf\xa6\x0c\xcf\x15\x01\xa5\xb1a\xd8M\xd4\x8a\x9e\x1e\xb3G\xca\xe2\xbb\xb2Ci=nUy\x1e\x95l\xe9 \x9eUG\x9b*y\xbe\x16"\x93O\xae\x8f\xb9rW\xa1b|\xb5\xf8\x93_o"l\x81\x03\xcb\xdb/\xee\x9elK\x0b\x00p|M\xbf3\x10d\x80\xf20\x87=Kx2\xf7\x01d\xceJ\x84\xf2fj\x8eU$\xd26\xa0\x94\xf4\x9a\x05Ho\xd3\x03\xae\x1cY\xfb\xe8\xf1\xf5\xbd\xb9\xe1`\xf8\xb2\xa1PJ\x0c\xb3 \xa31\xd1;@O\xeeDm!Y\x14\x11\x06\x8b\xa2\xe5\xed\x01\x99`\xaf)\xf1\xd9\xef\xcb\x8f\x94K\x9d\x9eIGF\xd0\xbd\xbb\x96\xa7\xb9\xe8S\x86\x9b\xb7\x06\x00X\x01^\x8cH\xc3\x0b\x17v\x13B\xc8\xdf~\xa1\xd8)n_\x84\xaa\x07!+\xcc\xeb\xa73\'\xce\xa3x\xa5\xbc\x8a\xc8\xf2\xbc:\xaa\x17\xf8[r\x97\xdc:P\xaa?\xea\r\x85\x97\x86\xdc#\xdaBD\x8dE\xd1\x07.l[r\xc7\xcc\x80!\xf0\xe1S\xe7ho\xfe\x8a\xa6\x1c\x11\xdb8\xd4\x18\xbc\xaed\xe6\xb2_\x85Y4R\xdc\xd3y\xbe\xfc\xc5V\xfe:X\xdd^H?2\xf3Q9L\xa3\xb0\x1b%\xd6\x06\xc5\xc1\xb6\xf4\x92\x89\xe5\x01\xae\x8b\xf7Lr\xd0\x9en\xcee\xbfM\x98T\x17=\x89\xc1\xded\'\x9d\'Om\xc9tWd\xbd\xf6\xdc\x9d;\x9f9+\xd8\xa0myC\x16\xd5\xc9\xe7\xb9\xf3;\x9bS\xfc\x148\xfem\x84\xaf\x16X9$\n\xc7\x9a4e={\x94\xeb3P\x96\x9fH.i*5ra\x04TF8\xef\x1ao\xa4\xe3\x04\xca\xcc\xd3o&lt;p\x98\xb6+\x15\xb3\xa9\xcfl\x1c5\x02\xba\xb2Bh_\xf9hy\x02\xcba\xe21\x9b\xddk6\x1b\x00_V\x97\xc15\x1d\x1d\x80\xee\x9c0\xf2\x9f\xcf\x94\x17"d\xc6\x00\x84&lt;\xca\xd4\xb8\x15m\x89-C\xd5\xca4\x0f\xf0\xbf\x91\\\xd6,\x93\xc8\x01\xa8\x8ev\xdd\xbb\xb4u&gt;\xce\x95\xea\</t>
        </is>
      </c>
      <c r="E401" t="inlineStr">
        <is>
          <t>&lt;class 'numpy.ndarray'&gt;</t>
        </is>
      </c>
    </row>
    <row r="402">
      <c r="A402" s="1" t="n">
        <v>400</v>
      </c>
      <c r="B402" t="inlineStr">
        <is>
          <t>steps_per_sec</t>
        </is>
      </c>
      <c r="C402" t="n">
        <v>5800</v>
      </c>
      <c r="D402" t="inlineStr">
        <is>
          <t>3.354598</t>
        </is>
      </c>
      <c r="E402" t="inlineStr">
        <is>
          <t>&lt;class 'numpy.ndarray'&gt;</t>
        </is>
      </c>
    </row>
    <row r="403">
      <c r="A403" s="1" t="n">
        <v>401</v>
      </c>
      <c r="B403" t="inlineStr">
        <is>
          <t>Loss/object_center</t>
        </is>
      </c>
      <c r="C403" t="n">
        <v>5800</v>
      </c>
      <c r="D403" t="inlineStr">
        <is>
          <t>0.09640217</t>
        </is>
      </c>
      <c r="E403" t="inlineStr">
        <is>
          <t>&lt;class 'numpy.ndarray'&gt;</t>
        </is>
      </c>
    </row>
    <row r="404">
      <c r="A404" s="1" t="n">
        <v>402</v>
      </c>
      <c r="B404" t="inlineStr">
        <is>
          <t>Loss/box/scale</t>
        </is>
      </c>
      <c r="C404" t="n">
        <v>5800</v>
      </c>
      <c r="D404" t="inlineStr">
        <is>
          <t>0.057814598</t>
        </is>
      </c>
      <c r="E404" t="inlineStr">
        <is>
          <t>&lt;class 'numpy.ndarray'&gt;</t>
        </is>
      </c>
    </row>
    <row r="405">
      <c r="A405" s="1" t="n">
        <v>403</v>
      </c>
      <c r="B405" t="inlineStr">
        <is>
          <t>Loss/box/offset</t>
        </is>
      </c>
      <c r="C405" t="n">
        <v>5800</v>
      </c>
      <c r="D405" t="inlineStr">
        <is>
          <t>0.14868025</t>
        </is>
      </c>
      <c r="E405" t="inlineStr">
        <is>
          <t>&lt;class 'numpy.ndarray'&gt;</t>
        </is>
      </c>
    </row>
    <row r="406">
      <c r="A406" s="1" t="n">
        <v>404</v>
      </c>
      <c r="B406" t="inlineStr">
        <is>
          <t>Loss/total_loss</t>
        </is>
      </c>
      <c r="C406" t="n">
        <v>5800</v>
      </c>
      <c r="D406" t="inlineStr">
        <is>
          <t>0.30289704</t>
        </is>
      </c>
      <c r="E406" t="inlineStr">
        <is>
          <t>&lt;class 'numpy.ndarray'&gt;</t>
        </is>
      </c>
    </row>
    <row r="407">
      <c r="A407" s="1" t="n">
        <v>405</v>
      </c>
      <c r="B407" t="inlineStr">
        <is>
          <t>learning_rate</t>
        </is>
      </c>
      <c r="C407" t="n">
        <v>5800</v>
      </c>
      <c r="D407" t="inlineStr">
        <is>
          <t>0.001</t>
        </is>
      </c>
      <c r="E407" t="inlineStr">
        <is>
          <t>&lt;class 'numpy.ndarray'&gt;</t>
        </is>
      </c>
    </row>
    <row r="408">
      <c r="A408" s="1" t="n">
        <v>406</v>
      </c>
      <c r="B408" t="inlineStr">
        <is>
          <t>train_input_images</t>
        </is>
      </c>
      <c r="C408" t="n">
        <v>5800</v>
      </c>
      <c r="D408" t="inlineStr">
        <is>
          <t>[b'512' b'512'
 b'\x89PNG\r\n\x1a\n\x00\x00\x00\rIHDR\x00\x00\x02\x00\x00\x00\x02\x00\x08\x02\x00\x00\x00{\x1aC\xad\x00\x00 \x00IDATx\x9c\xec\xbdex\x1b\xc7\xde&gt;|K\x96l\xc92\xc8\x92,\xb3-\xcb\xcc\xcc\xcc\x0c13\xdb\x89c\xc7\x89\x1dF\x87\x99\x99\x19\x9b6i\xd2P\x93\xb4I\xd36M!efL\x99\xcf)\xb7\xf3~\x18k\xb3\x16YNr\xce\xfb\\\xff\xe3\xfbC.g\xb5;;\xbb;\xf3c\x00F0\x82\x11\x8c`\x04#\x18\xc1\x08F0\x82\x11\x8c`\x04#\x18\xc1\x08F0\x82\x11\x8c`\x04#\x18\xc1\x08F0\x82\x11\x8c`\x04#\x18\xc1\x08F0\x82\x11\x8c`\x04#\x18\xc1\x08F0\x82\x11\x8c`\x04#\x18\xc1\x08F0\x82\x11\x8c`\x04#\x18\xc1\x08F0\x82\x11\x8c`\x04#\x18\xc1\x08F0\x82\x11\x8c`\x04#\x18\xc1\x08F0\x82\x11\x8c`\x04\xff\x97\xe1\xa0q\x84\x10\x92\xe5i\xa5\x04\xd2\x94f\x84\xfc\xe8\n\x84K\x07~Z5\xbe\xda\x83\x8b\xc6d\xdf\\\x1fYs\x8a_K\x9a\x7fm\xbc\xe7\xa7\xcf=d\xadc\xf0(9\xb6\xcf\x19\x1de\x8d3\xdb\xe6\xf9\x18\x0f\xfa)Mi\xf6\xce\xb5\xfb\xfa\x9bs\xf3|eD\x05O#X\x00\xa9\xae"\xfa\xdft7sz\xf2\xf4\x9a\xf4+\x07W\xf1T\xd7\x8a\x80\x0cw\x0b=\x0f\xf5\xf0\xee%\x8b\xc7\x94\xcci\xcaq\x1a|\xdcW\x00\x7fS-\xe7\x8b\x81\xe9\xb5\xe9\x85\x016\xba\x1e\x84\rK\xe0\xd9S\xdb\xe8\x0c#e\xb7\x8f\x9b\x03\x8f\x1eX\xa9\xf6\x98\xffep\x80\xda8\x8f\xd9\x8d\xd9IN\x02\xe6\xa0\xa3\xdeK,\x873\xbe5`\x05\xd8\x01Y\x9e\xe2\xba\x04/\x00\xc1\x168\xb7c\x01!\x84\xfc\xfe\xe1\xfe\xc5=\xfd\xcd\xb9\xe1\x12l\x99\xd1\xfa\xf5\xcb\x17\xe7\xb6\xe4UF\xb9v\xe5G\xcei\xcaiL\xf29\xbfs\x91\x14Ht2\x11\x0f\x1e\xd3\x1c\x88\x96sl\x00;\xd6\x11\x00\xfeB\xa8\xbdK\xbe\xc6\xb4y\xac#&amp;\x1a\xb3\xb5\x02\x9aS\xfd\xe7\xb7\x15fz\x18\xfa\x94"\xd5\x1fA\xe6\x83n\xa7\tO#\x98\xb0\xce7\x06$\x80\x91\x8e\x93\x0b\xfcm\xd4&amp;\x06\x80\x0f\xc4\xdb\xab\xdf\xc4\tP\x02\x01\xa6\x98\xdb\x92\xdfS\x14#\x85v\x08\xb5\x1d\xd4\xb6\xb4o\x83yWv\x80\x00p\xe7`\\atM\x9c\x87\x14X2\xb6trE2]\xd2\xcb\xba\xcb\x93\x9co/\x1eO\x1eF\x858\xb8s \xd1=\xb2\x0b\x10-\xe7\xf8\x9b\xa2%-@\tX\x00\x1c\xc0\x14\xd81g4!\xa48h\xe0\xc3JY\xaf\x0b\x80\x08\xf0\xe2\xa3*Z\xc9\x1c\x89\xb55\xea\xc8\nY\xd1S\xe9\xce\x1d4m7\x0e\x00\x98\x00\x81f\x08\x93\xc0\x16\x00\xd0\x9e\x19\xfc\xe3[\x8f\x9d\xd9:/\xccj\xd0d\x02E\xf8\xec\xb93\xff~\xffI\xf6\xc8#\x18\x1a/]\xd8\x9b\xe5)\x06\xf0\xf5+\x972\xdc--\x00;`\xd5\x84j\xe6\x04?!R]\xcd\x00\xc8\x80\x08)\xc6\x17\xc7^\xd8\xb5\xe8\xc7\xb7\x1e\xdb\xd9?f\xc8\xc1\xd9\xcb\\\x04l\x9d\xd9\x96\xe8dB\xc8\x9f\x94\xe8?\xb0~&amp;\xf9\xfb\xd33[\xe71\xe7X\x00\xec\xafW\x1e\xe1\xd2\x9e\x19|i\xef2\x1fc\x04\x8a\x10ggd\r\xb8\x00!\xda\xf6\xb5\x00\xd8\xd1?\x86\x10B~|K1\xd4\xc4\x9c\x80|?k:\xc3\x00\x11\\\x86|\x12@\x0c\xb4g\x06\x11B\x9e?\xb3Sm\xcb\xb1\x17.\x00\x8e\x01\xa3\xdd\x19\xf4l\xf5\xc6d\x9f\xd7\x1f9\xf4\xe4\xf1\rt_\x98\x01l.u\xc7\xb0W\xfdA\x1fJ\x04x\xaa\xa8\xdd\xf5\xfb7R\xda\xf1\xd2\x85\xbdk\'\xd6\xd9\x03\x16@\xbe\x9f\xfc\xc2\xae\xc5}\xa5\tIN\x82\x86D\xef\xd1Y!\x07\x96L\xe0\r&amp;\xd9\x00\xac\x81\xc3\xcb\'\xdez\xfe\x9c\x9f\x8a\xa4Y\x02\xf1\xf6|;\xd69\\\xa0$\xd4\xd1\x1ap`QX\x01`\x020R\x80\x8f\tf\xd6g\xad\x9f\xdc\x10d\x0e\x05 \x04\\\x011\x10b9@&gt;\xd8\x93\x87\x8a\x04k\x82r\x11;\xc0y\xa8\x17b\n4\xa7\xf8\xb5g\x063G\x92\x9c\x05\rI&gt;\x05\x01\x83h=3C+ \xd6v\x10\x83\x90b\x80\x96q\x80`\xd5y\xeb&amp;\xd5\x1f[=\xb5:\xc6\xed\x91\xfd\xcb\xa7T\xa5h\x9dg\xa0\x08\xb3\x1a\xb2*\xa3\\\xe3\x1d\xf8V\x00\x170\x07B\xc5X\xd0Q\xe4\xa7\x953h\x83+\xb0jB\xf5\xa4\xf2\xa4d\x17\xe1\xa7\xcf&gt;t\xdf\x9ai\x84\xfc\xf8\xc8\xfe\xe5_\xbd\xfcpgn8\xb3ak\xe3&lt;\xd6M\xaa\xaf\x8aVFY\xa3(\xc8N\x93\xcb\x02\x90\x01&gt;&amp;\x08\x15cby"C\xe2\xed\x80\xaf_\xb9H\x08\x99\xdb\x92\xefa\x04\x19\xc0\x05\xa4P\x97\xc0\xfc\x04\x03\x8c\xdf\x1a\x98X\x9e\x18c\xc3Uc\x89\xa6\x80%`\x0c\xc4\xd9\xf1\xbc\xf9p\x04\xcc\x80\xca(\xd7w\x1f?\xce\x08\x8ej\xfbnT\xb0\xfd\xa6i\xcd\x9ejKm\x04\xfa\x11h\x86\x96T\x7f\xe6\xbfv@\xac-7\xceN\xe7[\x14\x013\xea2\x8e\xae\x9c\x1c.\x01T\xb4\xcf\x9b\x0f\x0f#\xa4\xb8\x98\x02\xe0\xea\xa0S\xdb\xe7\x8c&amp;\x84,\x1d[\xfa\xcf\xe7/\xfc\xf0\xe6U\xfdb\x0b\x03{\x80\x10\x12b\x89\xbe\xd2\x04B~\xde=o,\x80,O+w\x0e\x8a\x83\xed\xd9\xeb2\xc7[B\xc8\x8f\x84\x90kG\xd6\x0e9\xec\x9a\xbeZ\xf2\xeb\xfb\x8f\xec_!7l\x1a\x14\xe5\xe1\xceg\xb7\xcf\xcf\xf2\xd2EF\x00\x18\xc4K\xee\t,\x01*\xb0\xd1\x9d#\x03\x1a\x92|\x16\x8f)\xa1\x1ct\xdd\xa4\xfa\xa9\xd5\xa9Q\xc3z&lt;\xdd\xa8\x8b\xf7\xec\xc8\n\xc9p\xb7\xa8\x8crMv\x19 6\xbe&amp; \xe4{B\xc8o\x1f=\xdd[\x12?:;\xd4\n\xb0\x04No\xe9_\xdd[S\x1e\xe126/"\xc1\xd1\x98\x92T\x86\x04&amp;:\x9a\xf8\t\x91\xeb#]\xdaU\xb6oQ\x0fC\xf1w\xcd\xed\\\xdd[\xc3\xbeiQ\x90\xdd\xfe\xc5\xe3]\x01\x1f\x93\xdb\x92Da\xa0m\xaa\xab(P\x84\x0cwKW\x00\x80\x04\xe8\xca\x8f\xf01\x81\x1d\xe0\x08(\xa1.\xb4z\xf1P\x14dW\x1d\xe3\x06\x80M1,\x007@\x0c\x98\xb08\xc4\x90\xcb\xd2\x08P\x02\xd6\x80\x0c\xb0\x05\xc4\x80\x02(\x0c\xb4\xed-\x89\xb7U\x9dc\x05\x04\x99\xdf\xbeD\x08$9\x0b\xf4\x88\xd2\x00\xba\xf2#{K\xe2\x9f=\xb5\xed\xb9\xd3\xdbOm\xeeOt2Q\xd3*\x9c\x8019a}\xa5\t\n\x15W\x16\x02v\x80;\x171\xb6\\\x0f.\x1c\x07+C\xe6@U\x8c\xdb\xb8\xc2hO\r\xf5\xc4\x08\x10\x002\xa0+?rvc\xce\xd9\xed\xf3\xc9\x1f\x1f\x11\xf2o*\x12QD\xdbp&gt;y\xf6!\xf2\xc3\x1bO\x1e\xdf\xb0\xa2\xa7\xd2~\xf0\x08"\xd5\x07\xe5\x01f\x80\x12P\xa8~\n\x93\xe0\xda\xd1\xb5\xe4\xbb\xd7\x0e-\xefKS\x9a\t\x01s\xd5\x17\xb9K\x81\xc4\x01\xb8vt-aa\xed\xc4\xba\xbb\x1br\x04\x004\xa43\xfd\xb0\x07&lt;TK\xca\x12\x88\x94\xc1\xfa\xb6\xf5\xe6\x9b\x03K&amp;l\x9b\xd5\xce^\xfd\x0cbl8\x84\x90\x8dS\x9bB\xc5\xb0\xd3\xf2\xbbv\x18\x03\x8f\x1eX\xd1\x94\xec\xfb\xfa#\x87\x08!\x89\x8e\x03\x8b\xdcb\xb09\xc8\x0cp\x00\x0e/\x9fX\x12\xea\xa8_\x85\xa7P\x02\x93+\x93\xc7\xe6E0G\xf8*z\xaa\x07\xe9\xee\x16\x84|U\x19E)\x0f\xe4@\xa6\x87e\xaa\xab\xa8:\xc6\xed\x9bW/G\xdb\x18*\xfa\xa7(L1\xd4\xed\xf4\xd3\x0b\ns@:X\xaa\x95\x00f\x00\x80\xbe\xb2\x84\\_\x19%\xd6\x06\xf2Z\xf6\xb0jX\xd9S\xf5\xf0\x9e%\xe7v,|\xfd\xf2\xa1\\_\x19s\xda\x1f\x9f&lt;C\xb7\xe2\xd3\'\xb7\xbc\xfd\xd8\xb1\xedsF3\xd3`\xcc8\x02`zm\xc6\xce\xb9\x9d\xf4\xedt\xe6\x86\xbbs0\xbe8v\xdd\xa4\xfa\xf6\x8c\xa0\xc2\xc0\x01\xb2\x99\xef/\x8f\xb1\x19$\xd1\xad\xe8\xa9,\x0bw\xb6\x01|L\xd4M\x1fV\xaaw8$\x8c\x81\x82\x00\x9b\xd9\x8d95\xb1\xee\xec\xe3\x02 \xc3\xdd"\xc1\xc18T\x8cp\t\x02\xcd\x0c\x19l\x10B,1~T\xec\xd8\xbc\x88\xaah\xe5\x8c\xba\x0c\xb6\r\xd0\n\xe8\xcc\rg\xfe\xeb\x00\xf4\x95%(X\xd7jN\xdd\x08X;\xb1\x8e\xfc\xf8\xe6\xb1US~\xff\xf8\xe9\xb3\xdb\x17\xa8\xed\x11\x1b\xc0H\x9bri\x0c\xd8\x01\xf3\xdb\x0b\xc97\xaf\xfc\xeb\xdd\'\x18\xdd\xb84\xcc\xe9\xda\x91\xb5\x1dY!\xbe&amp;Z,T\xf6@gn\xf8\x9e\x05\xdd\x97\xf7-\xa72\xf5\xc3\xbb\x17\xb3\x95o\x1epl\xd5\x14B\xfe \x84\xfc\xf2\xfe\xf5,Oq\xb6\x97\x15\x070\x07\x9a\x92}\xdf\xbar\xa4&lt;\xdc\x85\xb2\x0b\x0e`\xc5\xe2=n\x00]\x12\xb3\x1a\xb2\xa8\x06\xe0\xabU}0\x18F*\x0b\x925\x90\xe4,\xf8\xf9\x9d\xc7\xc9\xf7\xaf\x93\x7f\xbfK\x08\xd96\xbbc\xb8k{\x04\xb7\xe1\xce\x81\x93\xee_\x1b\x92|lt\xff\xca\x86\x17\x0f^\xbc\x81\xaf\xbe\xa4\xb3\xf4\xf4\xe6~\xf6\x85&gt;&amp;\x10\x03\x00d@\xbe\x9f\xf5\x94\xaa\x94\x00\x91\xd6a\x06\xc1YuI\x8c-\xb7)\xd9W\x004\xa7\xf8i\x15\xae\xbb\x0b\xa2&amp;\x8c\x8aKS\x9a\xf9\x9b\xa2,\\\xa7\x06\xcf\xccP\xeb\xaf~B\x90o^9\xbfs\xd1\x90\x13\xeb\xc8\na\x9e\xee\xc1M\xb3?\xba\xf1\xe0\x85]\x8b\xc6\xe6E\xbcz\xe9@s\x8a\x9f\xe6\xf9Z\r\xf1\xaeC\xddE\xa4\xb2\xd8\xea\x82D\xb5\xe5\xfcM\x91\xa7\xa2\xc8l*96/"\xd7G\xaa6\x02\x07(\n\xb4\x1b\xac7k\x81\xd3`Y\xd2\x06\xb8\xf5\xfc\xb9\x1d\xfdc\xfe\xbeu\xf3\x85\xb3\xbb\xa6V\xa52O\xd1]\x10\xf5\xdd\xeb\x8f\x10B\x9e8\xb6\x9e\xbe^\xcdo\x14e\x8d=\x0b\xba\x9b\x92}%\xaa\xab\x16\x8d\x1e\x15"F\xb6\x97\xe4\xbb\xd7\x1f]\xd8Q\xa4k\x1ac\xf3"\xecU\x8a\x8e\x81KQ\r\xa6\x80\x1e\xdbHa\xa0mm\x9c\xc7\xa8`\x87\xf5\x93\x1b\x93]\x84wp\x0bg\xc0\x0c\xd80\xb5iYw9\xfb\xad\xba\xb1\xf8\xb7\r\xb0r|U\xa8x\xe0\xbfzD\x1f[ L\x82\xd6\xb4\x00B\xbe;\xb5\xb9\x9f\xa1\xda\x1eC~0\xa06\xde\x93\x10\xf2\xe1S\'\x99o\x17o\xcf\xdf&lt;\xbdeT\x88CK\x9a\xbf\x9a\x12 \x04\xa6\xd5\xa4\xb1E\xe9/_\xba\xd0\x99\x1b\xaeF\xa8\x93\x9c\x85\x84|A\x19\xc0g\xcf\x9dY8\xba\x98\xf2\xb8\t\xa3\xe2\x08!/\x9e\xdf\xd3\x9e\x19\xa4v\x89\x00(\x0bw\xa6c\xa6)\xcd|\x8c\xe10|\xf9C+,\x80\x10K\xd8\x02\x81f\x88\xb6\xe1t\x17D\x11B\x8e\xae\x9c\xcc\x08\xaf\xf4;\xebr\xc6\x8c@\x0b\x84\x80.\xe7\xa7\x10xh\xeb&lt;\xc3m\xd9\t\x8e\xc6\xf4\xab\xef\x9a7\xf6\xdd\xc7\x8f\xab\xfdJW\x89\x12\x08\x10!\xd1\xd1\xc4K\x9b\x88\xee\xceE\xb2\x8b\xe9\xf8\xe2XK\xc0\x83\x8b\xf6\x8c \xe6\'.\x10*\xc6\xe1\xe5\x13\xb5\xde\xdaj(o\'\xc5\xd5\xc3\xab\xe9\x0cm\xb5\xfdz\xeb\xf9s\x84\x90\x8f\x9f95\xe48Qr0N\x8b\xe9\xb5\x19O=\xb0yuoM\x8a\xc2\xb4*Z9\xa3.S\x93\xda0\x0e\xed@3\x04\x9aAs/3\xbe,G\xd6\xdflh\xf5\x07\x9a\x03\xcd)~j\xdb\x8f\xfd^y\xba?\xae~\xcd#\xdd\xcdb\xcb\x8c\xd6\xe5\xe3*\x0e-\xeb3\x01\xc4@u\xac;c"\x97\r\xd6\x17\xcd\x81\xc5\x9d%\xeb&amp;\xd5S\xa2\xf0\xee\xe3\xc75\xdd3\xb9\xbe\xb2\xed\xb3;\xb6\xccl\xeb+K\x00P\x9f\xe8}j\xd3\x9cp)\x12\x1c\x8c/\xecZ\xe4\xc5\x03\x00S\x95\xe2\xa2\xf6,\x8c.r\x07v]\t\xa0i\x00\xf31\x06\xb3\x00\x92\x9c\x04c\xf3"\xbex\xf1\x02!\xff\x0e\xb3\x1a0e\xd8\x18\xe0\x1e\x1fR\xc5\xcc\xf1\x96\x8e\xc9\t+\tu\x14\x00.@\x9c\xfd\xed\xe9{\xf3\x11g\xcf\xb3\x06\x8cY7b\x0f\xe8\x02\\\xde\xbf\xdc\x05\xe0\xa9\x1c\t\x02\xc0\x1cp\xd1\x16\xb8\xc1\x80\x0b\xd4\'x\xe5\xfa\xcabl\xb8b\xc0\x1c\x90\x01y\xbe\xd6\r\x89\xde\xc7\xd7L\x9bY\x9f\xc5\x04tp\x01oc\x90A\xf8\xb19\xd5_\xd3&gt;#\x03\x8e\xae\x9cL\x08\xb9\xf9\xd0\x8e\xb7\xae\x1eU\x02K\xbb\xca\x9c\x80TW3\xf2\xd7\'\x84\x90\xf9m\x05j$B\x0c\x04\x99\x83\x10B\xbex1\xc7G\x9a\xede\xa5_\x8eaC\x0e8\xa9\xbe\xb8\x05\xcb\xa6d\x0fp\x01\x11\xe0\x04\xd8\x00n\x80\xb71\xc6\xe6E|v\xf3\x0c\xf5M\xb2\xf1\x9fs\xbf\xfd?\x08\xc9\x1d\xed+]\xa0K)\xc4\x12\xa3\xb3C\x87u\xa1#\x10 \x1aX%\xbe\x02\xed\xab\x9c\xca\xf8z\x06\x89\x94!\xcb\xd3\xca\x19p\x00\xe4\x80\x17\x0f&lt;\x96\xe8\xe1\'D\xa2\xa3\xc9\x0bgw\x8d+\x8a\xd6\xbc\x96\x07|\xf5\xf2\xc5\xbf&gt;\xbb9\xb7%\x7f\xc8\xd9\xd6%x\xfe\xf0\xe6U:\xc9\xa2@\xdbY\rY\x01\xa2\x81\r\xacGR\xab\x89u\x8f\xb3\xe3\x8d+\x8a\xd6|9u\xf1\x9eC\xde\xf4\xdeBM\xd4u\x04"XLfAG\xd1\xc5=K{\x8ab"dC/\x0f/\x1e\x1e9\xb0\xa22\xca5\xc3\xdd\xc2W0h\x1c\x06\xa1bt\x17Du\x17D\x8d\xc9\t3\x03\xfa\x9b\xf3&amp;\x96\'F\xc8(\xcb\x17R.\xe5/D\x909\xb4j\x86\x96\x80\x03\x90\xe5)\xbe\x03+\x8d.\xb8\x00\xae\x80=`\x0f\xd4\xc6{F\xcb9\xf6\x801\x10-\xc7\xfc\xb6B\xcd0\x123\r\xfe\xa4\x0b&lt;@\x01TF\xb9\x12\xf2\xc7\xe6\x19\xadF\x80+\x10`z\xdb\',\x02\xca#\\&amp;W$\x17\x05\xd9q\x81,Oq\xd8`c\x9fT\xe5fW\x0b\x85r\xd7A\xdb\xac\x00s \xd1\xd1dRy\xd2\xa6\xe9-%\xa1\x8e\xd1r\x0e\xf3\xae\x14@\xb8\x04\x0b\xda\x8b\x12\x1c\x8ci\xf0R\xa6\x87es\xaa?!\xe4\x9bW/=\xb8q\xf6\xe6\xe9-\x9aaW\x14\xe6\x80\xaf\x00\xf5\t^=E\xd1n\x80\x1c\xa8\x88TDH\xf1\xf0\xee%t\xb3\x17\x05\xda\xb1?\xb8\r`\n\xc8\x80\x17\xce\xee"\xe4\xf7Y\r\xd9\x1e\\\x885\x1e\x84\x82\xafA\xacm\x81 sd{YE\xca`\x85\x01\xb3\x01T\\\xd0\x16\x88\x92#\xd5U\x14h\x86(k\xd8\x03\x81fZX\x0b\x17Zd\xac\x11\xfc7\xf0\xc1\xf5\x13\x84\x10\xb6\xb0\xa3\x15l\xd3\xad\x03\x90\xe3-\x89\x19l:\x1f\x9b\x17\xd1\x9e\x19\xc4&gt;2\xbf\xad\x80\x102\xa4\x98?\xbd6\xbd5=P6\x1c_\x13\xb3\xf5B\xc5\xa8\x8eqc&lt;]\xc6\x1a\x83D\xcan\xaf\xd7\xd9\x8d9\xc3\xd2j-\x81O\x9e9\x9d\xe7g=\xbd6\xfd?*\xa1\x18\x12\t\xa2F\xc8$\xc0\xd1\x95\x93\x7fz\xfbZ\x91*hO\xac[uP\x83\xbf)\xbc\xf9\xb8o\xf5\xd4\xb7\xae\x1e\xfd\xfa\x95\x8b\x07\x97\xf6&gt;\xb8i\x8eV"\xce\x04\xe4\xf4\x96\xc4\x13Bn\x9c\xdcrl\xd5\x94L\x0f1\r\xfb\xe1\x00\x11R\xccn\xccv\x05&lt;\x8c\xd4\x9d\x1f\xc6\x805\xd0\x91\x15R\xe0oc\x0f\x8c\n\xd1#\x07#\xdb\xcbJ\xab\x83^\n\xd4\xc5{\xceo/lI\xf5\xcf\xf7\xb3.\rs\xd2d\'\xc1\x16\x98\xd3\x94\xf3\xd8\x915\xd4\x9a\xcf\xd6\xae\x0cw\xa5o\x9a\xd6\xb2{~W\xba\x9bya\x80\x8d\t`\x03\x9c\xda\xdc?\xae(\xda\x9d{[\xcc\xb7\x03j\xe3&lt;R\x14\xa6\x0e\x80\xaf\x00&amp;\xaa\x10[&gt;\x06\xa4\x16\xfa\xb6\x0c\x8e\xebA\xa0\x08\x1f?}\xea\x97\x0f\xaeWE+\xbd\x8d\x91\xa64c\xbe&amp;\x05\x8d\xef\xb4\x06\xaa\xa2\x95\x8b\xc7\x94\xb8\x01T6\xf71\xd6\xe2\xefQ\x83\x15 \x03\x9cU/\xa4!\xc9\x87Q\x1c\x12\x9d\x06\xa9\xa0\xe6\x80\x1c\xe8o\xce}\xe5\xe2~B\x08!\x9f\x8b\x01\x0c\x962\x19\x8b\x9c\xb9\x86\xde\x03\xc0\xc7\x04u\xf1\x9eZ\x83wS]E\x9bg\xb4\xcen\xccv\x06D\xf7\xc8\xac4\x82!\xf0\xfa\xe5\x83C\x9e\xc3,\x01)0~T\xec\xac\x86l\xe6\xa7\xb7\xae\x1e\xd5\x14\xdb\x19\xc5\x9c\x07DY\xa32\xca\xd5\x01\x88w\xe0/\x1c]LO\xf8\xec\xb93O\x9f\xdcB\xc9}y\x84\x8b=\xf0\xfe\x93\x0f\x90\x1f\xdf\x1cR\x91\xdc:\xab}T\xb0\xbd\x9e\x13\xd2\x94\x03\xab\x9d1\x14Fi#uZ-\x00\xb5q\x1e\xf4\x8fh\x1bN\x86\xc1\xd1\xe5\x8c\x87\x93N\xfe\xee\x9caCC\x7f,\xa0)P\x1d\xe3\xc6\xde]\x01"\x94\x85;[\x03\r\x89\xde\xc3\x8d\x9d\x96\x02\xef&gt;~|ju*!\xbfPW\xe1\x8fo=F\xfdrz2"\xc87\xaf\x10\xf2\'\xf9\xfe\rB\xbe\xff\xf4\xb9\x87^\xba\xb07\xcc\n\xe6@a\xa0\xed\xe3\xc7\xd6%:\x99\xac\x9dX\xb7wA7\xfb\x12\x1e\x10m\xc3\xd9\xb7\xa8\x87\x92\x1b\xcdWo\xae\xb2\x1bH\x80\x8e\xac\x90x\x07\xbe\x87\x86%\xd8\x0c(\x0bw\xeeo\xce\xbb~\xff\xa6\xc7\x8e\xac\xc9\xf3\xd3\xce\xe3\xf8\xac\xb0W\xea\xebV\x02\x19\xee\x03\xf7Lw\xb3\xe8\xcc\r\x8f\xb5\xd3gg^5\xa1\xfa\xa7\xb7\xaf\xfd\xf3\xf9\x0bs[\xf2\x00\x04\x88\xb0k\xde\xd8\xae\xfcHw\xcem\xd6\xeb\x02\xe4xK:s\xc3\x97v\x95M\x18\x15\xe7\x02xp\xe1\xcd\x07\x00\x11\xc0S\xad\x16\xc3i\\i\xa8#!dA{\x91\x03`\x01&lt;r`EI\xa8vy\x89zk\x99 "!\xcb&gt;\xc30i!\xe0\xce\x19\xc4~\x8a\x02m\xaf\x1c\\\x95\xe0`\x0c`\xf9\xb8\nB\x08\xf9\xeb\xd3\x96\xb4\x00\xcd\xf1\xa3m8\xaf^:@\rG\x84\x10}\xd1r\x83A\xc5\xf68{\x9e\x17_\xfb6\xf1\xe2\xa1&gt;\xd1;E!\xb2\x1c\x1c\xb55\x82{\x00o\xe3;t\x9ep\x80\xeb\xf7olN\xd5\xe2\xfclK\x0f|\xf9\xe1}N\x80\x04\xb0\x1f,\xce0\x1f\x8f\xb9i\xae\x8fl\xf1\x98\x12\xcdA\x04@M\x9c\xc7\xd7\xaf\\R\xf3\x9aj~\xfex\x07\xfe\xf3gv\xaa\t&gt;Za\x03xp\x07\x98\x10\x1dG9\x98\xac$9\t\x0c\xb46\xb0s\xd2\xd2\xdd\xcc5Y\x94!\xd1\xd9!\x96\x88\xb3\xe7\xcdk+\x182\x02]\r^|D\xcb9lZ\xd6\x98\xe43\xa7)G\x97\x85\x9a\x078\x03=E1\x11R\xc8\x00\x07\xa0*Z\xa9\xa6/\xaby\x11\xf4 R\x86\xa9\xd5\xa9\xfb\x16\xf5\x90??\xfe\xf9\x9d\xc7\t!\x87\x97O\xfc\xfa\x95K\xed\x99\xc1b\x80\xaf\xc3P\xee\xc6A\x9e\x9f\xf5\xa1e}\x7f}\xf6\x1c\xa5\x11S\xabS\xad\x80\xdax\xcf\x17\xcf\xefY4f\xd4\xc5=K\xdd\x06\x7f];\xa0:\xc6\xed\x81\xf53|\xf5\x8a\x00\xa1b\xc8\x81(9\xd2\xdd\xcc\xf5P\x07/&gt;\xb6\xcche\x7f\x17\xb6\x11C\x93uEYczm\xba%\xd0\x9a\x1e8:;\xa49\xd5O\x97)\xc6\x140\x01\xca\xc2\x9c\x7fz\xfb\x1a!?\x1dZ\xd6K\x8f\xcfk-\xa0Z/\xf3\xaa\xb9\xc0\xac\x86\xec\x9b\x0f\xed\xb8\xf5\xfc\xb9\xcfn\x9e\xfd\xec\xb93\xbd%\xf1\xf9\xfe\xf2\x8aHE[F\x10{&gt;|h\xb7\xaaQ\xb0\x93\x1b\xd2\x94f4,[&gt;8\x93F+\xd8R\x12\x9d\x95P\xf5\xbd\x8c\x80\xf6\xcc\xa0m\xb3;\xba\xf2o\x07\xc8-\x19[\xfa\xc6\xa3\x87\x0f-\xeb\xe3\x02M)~\x8dI&gt;\x0e:,\xfb\xde\xc6(\x0e\xb6\xcf\xf6\xb2z\xed\xf2\xc1\xee\x82\xc8t7s}y\x9b\xac\xf9\xb3\x15G=\x0b\x8f\x06\x95\x06\x88\xb0oQO\x9e\xaf\x8c\xfd\xbd\xf8\x803\x10d\x0e5\xbdd\x04\xf7\x00\x96@_Y\xc2\xbeE=\xf2\xc16\x84\x1c\x1fiE\xa4\x82}\x1a\xe3\x03\xac\x88T\xf4\x96\xc6S\xd1\x8c\x074\xa7\xfa\xd5\'z1\x8b9\xd0\x0c\x11*#\x8b&amp;\xa5\x10\x00\r\x89\xdeL\xe6\x88!\x01\x91\xc1\x16\x98X\x9e\xa8\xd5\xc1\xcbF\xac\x9d\xd1\x9e\x05\xdd3\xeb2\xc5\xaa#\xa76\xf7\x13B\x16\x8d\x19\xc5\x84\xb7\x1b\x03\xec4\x1f=\xa0\xc6t\xca\xc6\n\xfc\xe5\x8c}\xdf\x18\xb02\xd8jL\xc1D\x890P#F&gt;&amp;(\x8fp\x91\r\x8es\x08\x97b\xfd\xe4\x06\xe6\xbf~BTD*\xac\xf5\xcaGs[\xf2:s\xc3\x97u\x95\x13B\xdex\xe4\x10s\\\x06\xfc\xfb\xfd\'\xc9\x17/P\xe6\xc75\xc0?D\xe3s\x02L\xd1S\x14\x93\xa2\x10\x81E\xe3$\xd0\x12X\xc9\xb6\xddL\xabI[\xd2Y\x92\xeb#\xa3t$\xc9Y \x07\x9c\xb5E\xa0\xda\x00IN\x82\xde\x92x\xc6C\x9e\xeb#mI\x0b\xf0\x13\xde\x16\x15#\xad\x91\xe7g-\x00\xe4:|\xe6\x0c\x02E8\xb5\xb9_\xab\x98`\x03\xe4x\xdf^k9&gt;\xd2\x14\x85H\xa81\xa0\xd6\xd7\x12-\xe7L\xadJ\xadO\xf4\xbeyf\'el\x0cc6\x07\xc4\x80\xbf\xe9\xa0\x0f\'\x03\x8e\xaf\x99F~\xfb\x90\x9e\xbceF\xeb\xc9\x8d\xb3\x1f\xdc4\xfb\x9bW/\xb3\x03\xf3\x8c5&gt;\xa51\x06"\xf7\x84\xac\x0c[\x0106/"\xc6\xd6P\xeb\xf7\xc2\x8e"]F\xad\xc2@\xdb\xb1y\xe1\xd3j\xd2\xbcU\xdb\x92\xaf\xda#\xa9\xae\x83\xcc{\x1c\x1d\xcb\x8c\x03\x08\x00; \\\x82\rS\x1a5m\xc2\x9a\x9f\xd8\xca\xe0\xe8\x1d\x13\x9a\xdf\x10\xad$\x84\xec]\xd8\xed\xcd\x1f\x105r}\xa4\xc7VMi\xcb\x08\xeco\xce\xbb\xb8w\xa9a\x83\x8d`\x98\xe0\x03\x0e\xc0#\x07V\xd041\xcd5\xf4\xf4\xc9-\x85\x81\xb6\x9e&lt;\xb8s\x90\xeb#c+\xcb6@\x909\x02D\x08\x97\xc0A\xe5\xaa\xd5\x05\x0f.\x16\x8e.\x8e\x96\xab/0=\xd1\x17\xae\x86\x99\xfe3\xdc-\x08\xf9\x9e\x1d\xfe?\xa7)\x87\x90\xdf\xa9\xbc\x16.\xc1\xd1\x95\x93S]E\x99\x1eb\x03\x06\x03\x80\xb20\xa7\xe3k\xa7S\x91*\xcd\xd5,\\\x82\x18\x1bngN\xd8\xc2\x8e"7\x1d\x97\x04\x99#\xcc\n%\xa1\x8eC\x9a_\xd5f\xde\x92\x16P\x18h\xbbuf\xdb\xb1\xd5S\xe8\xc1\x02\xffAo\x91\x0f\xa4(L\xe3\xecy\xe6\xba]a\x9c\x81\x8c9B\x08a\xa7\xfb\xcdm\xc9\xa7\x07\xef_7C\xd7\x1clu\xbb"\x198\x02;\xe7vfy\x8a\xb5\x9a\xd7tA?\xb3\x9cX\x96\xf8\xd2\xf9=M\xc9\xbe\x0c\xe16\x03\xa6V\xa7m\x9f3:\xd2\x1a\xfe\xa6\x98T\x9e\xa4\x04\\\x01[\xbd\xcb\xc0\tHQ\x98\xcen\xcc\xd6\x8c\xf8\x0c\xb3BOq\x0c\xe3\xfe\xb5\x04zK\xe2Oo\xee\xd7\xa5u\xa8Q5\' \xd9Y\xf8\xfd\x1bW\xe8;|\xf3\xca\x11f\x1a\xc6\x80+\xe0m\x0cM\xebd\x8e\xb7\xe4\xc4\x86Y\'\xd6\xcf&lt;\xbef\xda\xc7\xcf\x9c~\xee\xf4\xf6t\xbd\x95N\x00\xe4xKw\xf6\x8f\x89\xb6\xe1DYC\x04X\xaa\xfc\x07iJ3\xc3\x95x?!\xb2\xbd%\n\x8d\xe3\xae\xc0\x8a\x9e\xca\x13\xebg\xb2\xbf\x9d\x11P\x15\xe3\xa6\'t[\xd7}M\xb5\xd1z\x03"\xc0\xf5\xc1\x18\xb0\x07\xc6\x15F\xd3\xf7|y\xffr\x00r\x80|\xf1\xc2\xbc\xd6|\x01\xe0o\x8a\xa5c\xcb\xee\xee&amp;#0\x0cZ\xc5\xed\x9aXw&amp;O\x8a\xc1\xdd\x84o\xe82\xb7\xb7\xa4\x050y\x80\xd6\x80\x9fpx\xde\x7f\x17\xd5\x1e\x8e\x92\xdf\xd6\xb2\xeb\xe2=\x7f\xff\xf8i\xb5\x8c!\xad\xa0^b3 \xd7GZ\xe0/gl\x9dr@\xc2\n\xf3/\x0e\xb6WsYz\x1b\xe3\xd0\xf2\xbe\x14\x85\xe9\xd3\'\xb7.\x1a]l\xb8\xa3\x8fA\x945\x1a\x93|0\x98\x1d:\xab\x1e\'\xc4\x12s\x9ar\x00\xf8\xe8\xd6\x83e\xc0\xe9-s\xd5\x1e\xd3\xdf\x14\xe4\xd7\xf7\xc9\x8fo\xf6\x96\xc4\xeb\xba\xb0\xbb0j\xe7\xdc\xce\xf9m\x05\x8c\xb6\xa4\x89\x92P\xc7\x8b{\x97\xbez\xe9\x00\xf9\xf9\xed\xc5cF\xb1\x7f2$\xe4\xcc\x9d\x83\xfa\x04\xaft7\x0b\xf6\xd3q\x00Mi \xce\xce\xe8\xd1\x83+\x03\xcd0:+\x84I&lt;\xf4\x13\xc2\x01p\xe7j\xf7m\xfa\x98`^[\xc1\xc5=K\xbd5D\x89 s\xd4\xc4\xba7$y\xd3\xff\x8a\x00sh!\xd9z\x10 \x02!\xffP\xc2\xc4\x8e#\xb2\x07x@\xa0H{0\x8c\x10\x10\x01\x0e@\x80\xc8 \xe2\xe8a\x84_\xde\xbfN\x08\xa9\x8eq\xf3\x15 \xca\x1aY\x9ebC\x12\x05\xd8p\x02R]E\xec\xca?\x0c(\r\x1dR\x93f\xc0\x07\xfc\x84\x06\xf9\xab]\r(\xb3\xa1\x1f\x1c @\x84\x05\xed\x85e\xe1\xd4\xceF.\xee]*\x05\x8a\x02m\t!\xbb\xe7\x8d\xcd\xf4\xb0,\x0bw~d\xff\x8a\xbb\xbb\xcf\x08\xee\x05\x86\xac\x88\xd0\x96\x11\xe4\x0c\x14\x05\xd9\xe5\xf8Hu\xf9\xac\xf4`\xd7\xbc\xb14#)\xd1\xc9\xe4\xe4\xc6\xd9Q\xd6CGg\xb3q|\xcd\xb4\xc9\x95\xc9k\'\xd6\xcd\xac\xcfb\x1b\r\xc7\xe4\x84\xe9!\x9d\x0c\xf8\xda\x8c6\x9a\x10h,\xfaX[.!dzm\xfa[W\x8f\xfe\xf2\xfeuji5\xc4NJ\xc1\x05\xfa\x9b\xf3\xd4j\xcb\x00\x084C\x90\x19r|\xa4j4+\xc8\x0cQ\xd6\xb0\xd6H\xec"\xe4k\xe6\x03\xd1\xa0C\x1e0\xb3&gt;k\xcb\x8cV\xcd\xca\x01lr\x90\xe4,\xd8&gt;g\xb4\x1ek&lt;O\x95\xbbwt\xd5\xe4Q!\x0e\x0ci8\xbd\xb9\xff\x85\xb3\xbb\xd8&lt;\xc0\xdb\x18l%\xc9\x0e\x90\x03\x0fm\x9dG\x089\xb7ca\xaab\x08zh\x01\xac\x1c_\xa5\xf5\xd5UD*\x02u\\\x9d\xe3-\xf9\xe8\xe9Sl\x1f\x80%\x8b\x95JX\x07\x87\x8b\xa2@;F\xfc\xd7d?\xf4\xfdk\x9a\xa7\xd4\x16\xad\x18paEa\xf9\nn\xa7\x86\xd0)%\xbb\x08\xe9].\xed]\x16.A\xb8\x04o]9\xfa\xeb\x87O\xe5xK\x87\x15\xd2\x1df\x85\xd2PG]n\x15\xba\x04\x0cq\xb4\xf6\x95%t\x17F\xb9\x0e?\xc0\xc1\x9e\x15\xe9o \xc4@\x84\x14\x19\xee\x16\xcb\xc7U\x10\xf2\xe5S\x0fl\x8a\xb7\xe7\x8b\x80\x92PG\xf2\xafw\t\xf9\xfc\xb1\xc3k&amp;\x95\'\x19\x98"&gt;\x82{\x83\xde\xd2xF\xe4\xaf\x89s7Q\xd9(\xbf\x7f\xe3\x8a\'\x0f\x13\xcb\x12uUd\xec)\x8e\x99\xd5\x90}\xeb\xe6\xd9\xde\xd2x]\x01\xf8\xf6\x1a\x85\xb4\x18\xd0x\xeaLOq[F\x10\xf9\xf6\xb5\x14\x85\xe9\xb0&gt;\xbb1P\x17\xef\xf9\xee\xe3\xc7\xf7,\xe8\xa6\tJ\x0c\x9c\x0c\xc8\xf4\xb9cX\x00\x84\x90M\xd3[\xe6\xb6\xe4w\x17D\x01\xc8\xf3\xb3\xd6Z\xdbN\x17\x08!\xe3\x8bc\x99\xec_\xfd\xa8\x8aV\xaa=\x8b\x19\x10b\x89}\x8bz\x98\xbd?\xad&amp;\x8dN\xa04\xccI\xab\x01=Eaj\xe0\x04\xf3\xfd\xe4\x96@\xa6\x87x\xc5\xb8\xca\xb6\x8c\xc0\xa3\xab\xa60\x04zl^DY\xb83[;\\\xd3W\x1bl\x8e0+\xb4\xa4\xfa\xfb\x18\x0f\xa8,\x9eF8\xbevZc\xb2O\x81\xbf\x8d\xb9\xde\x0f\xc1\xd7\xed\x1c\xd2\xc3\x9f8@\xa8\xf8\xb6\xd5\xc2\x93\xa7=\x12\x8c\x81\xa9\xc1\xd18\xb1\xb6F\xe4\x8b\x17~z\xe7\x1a\xad\x82)\x05j\xe3&lt;\\X\xec\xd3\x9b\x0fM\xab\xa0\xd5\xe0\xf1\x15\x80\x0c\xa0\x99\x01\xc6@a\xa0m\xf6\xe0\xc2S\xd4\x1bw\xe3\xc4\x96\x1b\'6\x17\x04\xd8\xb4e\x04R~\xd0S\x14\xdd\x91\x19\\\x11\xe12\xa9"\x891\x0bz\x1ai\x17\xbaK\xc3\x9cb\xed\x8c\x0e-\xeb\xd5_7\x8d\x19G\xd7Y\xb6@\xb4\x9c\xc3\xa8_z8\xb6\xe6;d\xdb\x12\r,\x0c#\x05\xba\xf2#\x8f\xae\x9a\xdcS\x1cS\x16\xe6\x14c\xc35Qy\xad_\xbb|pNSN\xba\x9b\xb9\xc2\xb0\xa1F\xa0\x1d\xec/-\x07\xaa\xa2\x95Zm\xbeZ\xa3\xbb\\\x80\xf5\x93\x1b\x1a\x93|h\xe9\x8f\x99\xf5\x99n\x1c\xac\x9dX\xa7U\xd3\x040\xaf\xb5`VC\x16\xf9\xe7VY\xb8\xb3\xd6*:\xe5\x11.\x1d\x99\xc1\n\xdd\xb3\x8d\xb2\xc6W/_,\x0fw\xa6\xb4\xb09\xd5\xdfp\xabz\xa8\x18?\xbf\xfb\xf8\xcd\x87v\x8c\nvX7\xa9\x9e9.\x01\x94\xac\xd4\xe2\xffD\xb4\xd9\x1b\x8f\x1e\xde1g\xf4\xde\x85\xe3\x0c\xf7\xda1\x10\x03\x97\xf6-\x1b\x93\x13vj\xf3\x9c!O\x8e\x90\xc2o\xf0\xbb\x97\x03\xf6@\x7fs\xee\xf3gw1\x07\x17w\x96t\xe6\x86\xa9]\xeb\xc6\xb9M|\x9b\x92}\xf5S\n\xe6-Q\x92a\t\xbcv\xe9\xe0\x83\x1bg\x13B\xd82\xa6%\x10 B\x90\xf9\xed\x12\x98\x00R\x14\xa2\xc6$\x1f\xe6H\x88%L\x01\xa1*2\x84!\xf1\xc6\xc3L\xf0\xd13as\xd6\x84\xe7\xb5\x16h\xcd\xbe\x1e.\xa4\x03\xb5\x0e\x7f&lt;\xbc|"u{\xce\xac\xcf|\xee\xf4v_\x01\xf2\xfc\xac\xd5\xc8\x9f=\x90\xefg\xed\x048\rU\x8eE\x17\xf8@\x92\xb3\xa05=\xf0\x9dk\xf7\x11BZ\xd3\x03\xa9@M\xc8\x0f\xe4\xafO\x98=[\x1a\xe6\xd4\x96\x11\xa4\x16\x1a\x17%\xc7\xf5\xfb7.\xeb*\xdb&lt;\xbd\xc5\xc0\xfd\xa2\x95\x8b\x04[\xe0\xad\xabG\xd9/O\xedA"e\xa0\xbe4\xd3\xa1\x8ci\x912\xe81*2\xa8\x8b\xf7\xfc\xe1\xcd\xab\xcb\xc7U\xc8X\xc1N\xf6\xc0\xdf\xb7n\x12Br}\xa4#\x92\xff\xdd\x82\xfd\x11\x1a\x12\xbd\xaf\x1cZ\xc5\x98\x17\x87\xf4\xfe\xf1\x81l\xbde2\x83-\x06\x89l\xc5Av\xfa9\xff\x89\r3\x17\x8d.\xd6\xa5\x01\x0cL2\xc9\x87\xf9{X\x15\xf9\xed\x81\xd5\xbd5\xd7\xef\xdf\x18g\xc7\xcb\xf5\xb9-\xf8R\xc3\x88@\x15\x84\xc3&lt;\xb4\xaf`\x08I\x90\xe60{\x1b\x0f]\xfajyw\xc5\xa7\xcf&gt;D\x08\xd1\x95\x03\\\x15\xad,\x8f\x18dB\xf3\xe4\r2J\xf04\nPk\xc5\x9a\xbeZ\xaf\xc1t0B\nG\xe0\xf4\x96\xb9\x0f\xb1Jp\x03Hu5\xf34\x82\x11p`\xc9\x84\xed\xb3;\xc2U\xb5\xd7\xf9@\xa4\xf5\xa0\x97\xac\x0b" \xcf\xcf\x9ay\xf4\xcfn\x9e=\xb4\xac\x8f\x10\xa26\x01g\xa0+?rzmz[F\x90\xa6\\P\x18h\xfb\xc3\x9bW4S\xbd\xa4:b{\xfa[\xf2jb\xb5,L\x07\xa04\xcc\x89a`Y\x1aB4\xf3S\xa6\x87e\x92\x93\xe0.\xf3\xe1i\x89\xf27\x1e=|t\xe5\xe4\xe2`{\x7fS\x98\x01%!\x0e9\xde\x12_\xc1 nG1\xbb1\xfb\xb3\x9bg\xfd\x84\x88w\xe0\xf7\x96\xc4\xefY\xd0=\xa52\xa5(\xd0\xb6$\xd4\x91)\x87\xc7\xfe\xdc\xe6\xdaD.\x1b \xc6\x86\x1bb9\xc8\xe9\xdd\x92\xea\xcfVh\xee_;\x9d\xfc\xfc6\xbb,\x1d\x00S\xa0\xb74\xfe\xda\x91\xb5\xdbfwx\xf1n\'\xdcj\x85\x19 \xd6!\xda\xa7(Lkb\xdd\xd9*\x9a\xe9`&amp;\xbd\xb4\xab,\xce\x9egk\x80+%@\x84\xfb\xd7M\x1f\xb2D\x98\xaf\x00\xa1bX\x01B@\xa2\xd2*\x84@\x7fs^wa\x94XU\xd8u\x04\xf7\x0c\xcc\xaes\x1c\x1ctl\td{Y%9\x0bt\x95\xaf\xa1\xb0d]\x02`\xeb\xac\xf6}\x8bz\x98_\x87\xd4\xfb&gt;}\xf6!v\xb8\xce\xbd\xc5\x8c\xda\x8c\xb5\x13\xeb\xde\xbazT+\xd3*\xf0\xb7a,\x89\x94)&gt;r`\x85\xfehT\x7f!J\xc3\x9c:\xb2B\x0c\x91\xaa\xdc88\xb4\xacO\xd7\xaf\x8e\x1a/\xe7\xfe\xb5\xd3\xd9%\xbb\rD\xb0\x85\x16\xc7\xa3-\xf0\xe8\xc1\x95\xdf\xbfq\x85\xbd\xddV\xf4Tv\xe6\x86\x97\x85;\x7f\xf9\xe2\x05B\x08;\x1a\xd2\x10\x04\x9aa\xd1\xe8Q4Q\x88\xa2=3h\xf9\xb8\n&amp;{\x8e\rc T\x8cH\x99\x16\x9a\xeeo\x8a\xe3k\xa7kz \xab\xa2\x95\x9a\xd4\xc1\x0c(\xf0\x97k-\xabW\x1cl\xef\xc1\x1d\xb0\xb7X\x001\xb6\\\xb6\x10a&gt;\xb8\x1f\xcb\xf5\xe3\x1b\xb5\x8a\x0e\xc3\x12\'\xcd\x80u\x93\xea\x0b\x03m\x17\x8f\x19\xe5\xaa*\x93\x97\xe3-a\xd7\xc8\x9c\\\x91\x1cc\xcb\xad\x8cr\xdd4\xbd\xe5\xc0\x92\t\n\xc0t\xa0\xb0\xda\xbf\x08\xf9\x86Zr\xb6\xcd\xeePch\xa5\xa1N\x07\x96L\xe8\xcc\rKq15\x01\x04\x00_wW\x03_\x01\xd8/*\xd5U\xb4o\xd1\xb87\x1e9\xa4\xe6\xaf\xf21\xc1\xf5\xfb7]=\xb4zl^\xb8~_\x1d\x0f06\xf8U\xa8\xc5zx\xf1\xe0\n8`\x08\x1e\x03`tv\xc8\xc1\xa5\xbd\xc1\x16\x10\xab\xdc\x0f\xcc%\xba\xc4N\xb3\xc1?Y\x00\xb6\x803\xe0\xc9\x1bF\xda\xf6\x08\x0cE\xbc=\x9fnKc@\x00\xb8\x0116\\% \x04\xf4\xa4\xe7\xac\x9dXG\xd5\xb4I\x15\xc9-\xa9\xfe\x93*\x92\x98\x9f\x0e-\xeb\xab\x8b\xf7|\xf6\xf4v?\xa1v\x87[{F\x10!\xc4\x90\xb0\x015Q8\xd2\xda\xa0\x8a\xfc3\xea2V\x8e\xaf"\xe4{M\x13\xb0V\'\xb0\xfe\xe8r\x06\x94\x92\x18X\x8bB\x8f\xae`\xc1\xaa\xd8c1Pg\xe9\xeb\xd8\xe1\x9b\x8c\xd4\xe0\'D[:\xb5\x1a\xffF_\xbb\x03\xd0\x9c\xea\xff\xd7g\xcf\x9d\xdd&gt;\xbf%-\xe0\xcc\xb6\xf9\x06\xd6X\xa7\xa2\xae\x1d\xe0\n$9\x0b\x12\x1c\x8c\x93\x9c\x85\\ \xc5\xc54\xc3\xdd\xf2\xa3\x1b\x0f\xde&lt;\xb3\x93N7U!\x1a\xb2\xfa)\x03\xad%9m\xb4U\xa7`\xbb\xee\xd9\xe4\x80\x16\x13\xb4cQ\xc9\x85\x1dE\xect*\xae\xaa4\x02\xc5\xd4\xaaT\x0f\xa3AY\x0b\xa1b8\x0f\xb3\xae\xa4;\x175\xb1\xee]\xf9\x91o&lt;r\x88R`/\xde\xed\x85\x14.\xc1\xd2\xb1e\x1b\xa76-\xe9,=\xb7c\xc1\xb6\xd9\x1d\x97\xf6.mM\x0f\xb0\x06\xfc\x04(\n\xb4%\xdf\xbcJ\x08\xf9\xe9\xedk\xef&gt;~\\M\xa2jN\xf5\x7f\xed\xf2\xc1\t\xa3\xe2\xe2\xecxF\x80\x03`\xa3\xb1\xe7:m\xa5\x00\x00 \x00IDAT\xc0\x12\x9d\x04b\x80\x07\x8c\xc9\t#\xe4\xd7\x99\xf5YL\x0e\xcd\xde\x85\xe3h\x91&gt;\xb5\x17\xdbW\x9a@\xbe}u\xef\xc2q\x86,\xec\xff\xb4X\xed\xc9\x1b\xe01\xc6\xaa\xdb\r)\x80\xd0\x97d\x07x\xf1\x11(B\x909LT2\x81Zl\xf4\x08\xee\x164\xb7\x88\r\x03]\x82|\xe0\xca\xa1U&lt; @\x84\xc2\x00[j\xd6Hv1\x05\xb0k\xdeX\x11\xd0\x92\x16 \xd0f\xcdHv\x11^?\xbe\x91\xb1\x90\xe8\xd7\x15\xd8\x12wOQ\x0c\xf9\xe5\xbdlo\x89!\xbbW\x02\xe4\xfb\xcb\xd5\xb8E\x9c\x1d\xef\xcb\x97\x1e\xd6&lt;\xf9\xce\x9c\x01\xa6\xacw\xa5V~`Fm\xc6\xdb\x8f\x1d\xd3\x7f9}\n3\x80\xfc\xf6\xe1\xca\xf1UZ\x93B=\x8d\x06z\x8f\x08\x01oc\x94\x84:\xc6\xda\x19y\x1bk\x0f\xbd\x9d\xdb\x92\xc7\x14r\xa1\xa1\x90\xe3\x8a\xa2\t\xf9\x91\xfc\xf5\xc9\xeb\x8f\x1c\xea\xca\x8fx\xec\xc8Zv\x1ei\xa8\x18\xf5\x89\xde3\xeb2\x1b\x92|\xd8_\x89\x03\xc4\xd8p\x93]\x84\xe9n\xe6_\xbd\xfc\xf0\xca\xf1U\x00\xd2\xdd\xcc]\x80\xaf^\xbexa\xd7\xe2G\xf6\xaf\xe8+M\xe0\x00f\xc0\xe2\xce\x12C"k\xd5\x9ezX\x98R\x95\xaa\xc7\x91\xbew\xe18\xb5\xfa\rl\x89\xdf\x150\xc6\xed\xb4D\x0f.\xe2\x1d\xf8\x06\xba%\x19t\xe6\x86\x13\xf2\xf5\xda\x89uZ\x15\xe2\xe7No\x7f\xe2\xd8\xfa\x87w/.\x0e\xb6\xafO\xf0\x9a\xd3\x9c\xfb\xd5\xcb\x17\xa7U\xa7\xcdj\xc8\xbavtmKZ@\x80\x08\xadi\x01\xe7v,\xd85o,\x9b\xda\n\x81\xa2 \xbb\xfb\xd7N\x7f\xf5\xe2\xfe|?k{`\xdf\xa2\x9e\xd6\xf4\xc0\xaahe\x88\xe5\x80\xc7\xceW\x80\xb9-y\x1c\xc0\x048\xbfs\x11!\xe4_\xef=\xf1\xea\xa5\x03q\xf6\xbc$g\xe1\xf8Q\xb1\x84\xfcJ\xfe\xfc\xf8\xf1c\xeb\xd9#\':\x99\x9c\xde\xd2?6/"T&lt;\x8c \xb4\xbb\x81\xb9*\xda\xcd\xc0\xd0g\xb6]\xce\x83;\xe0`\xe0\x03R\x96\xaa\xb1jB\xf5\xf1\xb5\xd3&gt;\x7f\xe1\xfc\x9e\x05\xddb@\x08DH\x11t\xef\x8a\x06\x8e\x00\x00&amp;\x96\'\xdeqT\x8c\x9e\x02\xfd\xba\x10d\x8e%\x9d%\x8a\xc1\x13\xa0\x7f\xb8q\xd0\x98\xec\xa3K:\xf0\x13\xe2\xc7\xb7\x1e\xfb\xf5\x83\xa7\xb4\xb6\xa3\xd1\xc4\xdc\x96\xbcM\xd3\x9a5K\x8bi\x95w"\xa4\xc8\xf6\x968\x02F\xdaNp\x02v\x0c\xd5 \x93\x96\xfdb\xf0\xcc\x83\xdb\x08\xf9\xc5\xa0\x89j\x03\xfd"\x02`NS.=bH\xec\xb6\r@\xc8-\xca\x00(;\xf11\x06\xf9\xf1\xcd\x83K{Om\xee\x7f\xf9\xe1}\x7f|\xfc\x0c\xbb)\xe0\xe4\x8adoc8k\xc4\xbc&amp;8\x1a\x07\x99\xc3\x0cp\xe7\xe0\xb5K\x07\x0f-\xeb\xcb\xf3\xb3\xa6$\xb6\xaf4\xc1\x9d\x8319\xa1\x912dz\x8a;s\xc3\xfcM\xf5%%hb8\td\x03\x88\xb3\xe7%8\x18\xeb"d\xa5\xa1N\x99\x1eb\xfdd\xc1\x8b\x8fL\x0fq\x8a\xc2\xd4\xf0\x10x\x06F\xc0\x1f\x1f?C\x08y\xe3\xd1\xc3j\xd6\x12!`\x0c\x9c\xdb\xb1p\xdb\xac\xf6\x8aH\xc5\x9c\xa6\x9c}\x8bz\xd6\xf4\xd5\xae\x18W\xf9\xe2\xf9=\xe4\x9f\xcf\xce\xefZ\xd4W\x96`\x06\xc4\xdb\xf3{K\xe25Y|\x86\xbb\xc5\xda\x89u\x84\x90\x89\xe5\x893\xeb3\xe9\xb7{\xef\x89\xfb\xa7V\xa7:\x03\xe1\x92A\xcdu\xcd\x81 sTF+\xc9\x97/\xee\x9a\xd7\xb9~rcU\xb4rNS\x0e!\xe4\xb5\xcb\x07\xd9,\\\x0c$8\x18\xbb\x00\x11R\xfc\xfa\xe1S\x9a\xb9;\xf7\x1c4\xde\xc9\x0e\x18\x964\x00@\x08$8\x1a\xcb\x00&gt;\xe0\x04D\xca\x06\xa2\xbc\xb8\xc0\xf8\xe2\xd8\x0f\xae\x9f\xf8\xf7{O\xee]8.\xc8\x1c\xc5\xc1\xf6aV:\xedc#\x18\x1e\xf4\x98\x1b\xf2|e\x06\x86.x\xf1\xa0\x04\xe2\x1d\xf8S\xab\xd34\x8d-\xe9\xee\x16ja*\n\xe0\xf3\x17\xce\xcf\xac\xcfT;\x93\xd9\xdb\r\x89\xde\xdd\x05\xb7G\x12\xb3\xce1\x036Mk^=\xa1&amp;\xce\x9eg\x88\xc0N\xf7\x12\x95G2=,]u\x93\x9eX[#9\xd0\x91\x15rb\xc3\xcc$\'\x81f\xe3\x17\xeb\xa1\xba\xd5S\xb0\x85\x1a3\xbd\xe5\xdd\xf5\xc3\x18hI\x0bHv\x11Z\x00Z\x9b+h\x85)\xd0\x98\xec\xfb\xe8\xc1\x95\xf4\xc1\x19)\xb8\xbb0J\x01$8\x1a\xdf8\xb1\xf9\x93g\x1f\xa2\x07K\xc3\x9c\x8e\xad\x9ara\xf7\xe2`\x0b\xf5\x950*\xc4\x811\xa1\xf8\t\xf1\xe2\xb9\xdd\xb7\x9e?G\x1b\xbdQ\xd0\x9e\xbd\x11R\x9c\xdb\xb9\x90\xfc\xfe\xe1\xca\x9e*MG\xa8&amp;\xee\xcc\xbc%\x07,\x80%cK\x7fx\xeb\xaaf\r8\x06\nU\xad\x7f\x06\x9a,\x89\x16\xdb\xd0d\x00\xa5aN\xfa\xa7o\xaaZK\x07\x96LP\xfb\x89\xae([\xc0\x15HQ\x98\xb6e\x04Q\xb7\xed\x98\x9c\xd0\xf7\x9e\xb8\xff\x85\xb3\xbb:s\xc3\x98\xd8P]:L\xbc\x03\x7fNS\xce\xf8Q\xb1\xe4\xdbWU\xfa\xdb\xbf\xaf\x1d][\xe0/\x9f\xd7Z\x90\xa64\xd7tb{\x18!\xdb\xcb\xca\r0\x06\\\x80\xcd\xd3[\xe8bc\xbf!\xbap:s\xc3\x08!\x93+\x92\x1d\x0c\xab\xb9rg`D2w.\xac\x01k\x03\n\x16i\xc2\x14\xf0\x13 \xcc\xea\xb6S:\xd8\x02\x07\x97\xf6\x1eY1izm\xc6\xb6Y\xed\xef&gt;~\xfc\xb1#k\xeex[\x8d\xe06\xf4\x93\x95\\_\x99\xe1\x9do\xcd\x80Y\rY\xd3k\xd35\x97W\x92\xb3@3a\xa7=3h\xf7\xfc.\xe6\xbf4\n\x88!\xcdr`JeJ{FP\x92\xb3 B\x8a\x8f\x9f9\xcd&amp;\xc79\xde\x92\'\x8fo\xeco\xce\x8b\x94\r\xadiJU\xc3\xc6\xdb\xf3{K\xe33&lt;,u=uoiB\x9e\xafl\xff\xe2\xf1\x84\x90\x95\xe3\xab\xfa[\xf2\x86\x1a\xfb6&lt;y\xea!\x89\xc6\x06t\x04\xfb\x0faM_\xed\x1b\x8f\x1e\xa6\x85\xdb\xd4~\x92\x00\xc5\xc1\xf6L\x04\x0e!\xe4\x93gN\x93o^]?\xb9\xa1!\xc9\x9b\xdd_^\xaa\xe2d\x95Q\xae\x13\xcb\x12\x19\x9b\xd2\xee\xf9]T\xfb\xf66F\xb2\xb3pzm\x06\xf9\xee5B\xc8\x95C\xab\x0c\x11\xca\x18I\xc0\xdf0\x9f\xa3\x15P\x14d\xf7\xf4\xc9-\xf3Z\xf3\xbfz\xf9\xe23\x0fn\xd5\x9fL\xe8\x000\xa5/R]\xcdz\x8a\xa2\xd9\xb3\xe2\xb3\xc2\xde\xd5xC\x8e\xb7D?\x03\xb0\x00\x9ez`\x13!\xa44L].\xb2\x00d\x80\x8d\x86\xdbV\x04xpa\xcd\xe2I\xc5\xc1\xf6\xa7\xb7\xccmH\xf4\x0e\x97hq\xba\xf2\x81 s\xbcrq\xff\xbf\xdf\x7f\xf2\xea\xa1\xd5\x84\x90\x13\xebg\xd6\'z\xbbs\xe0\xc15\xb4\xab\x87+\xd4\xc3\x82)(\xe3)\rsJr2\xb0w\xcb]\x81\x07\xf8\t\x11hv\xdb\x8e\xef\xad\xcd\to\xc5j\xb0a\x02\xb8\x01N\x80# Vy\xc2\xa1\xba\xdc\t\x98Y\x9f\xa5Z\x86_\xb0\x83\xfaF\xf0\x7f\x1aB\xc0\x9d;(\x13\xc7\x04(\x0c\xb4e\xc7\x8d\xa9\x85\x7f(\x80\xd9M9\x8f\xec_\xf1\xc8\xfe\x15R\xa0&gt;\xc1\x8b\x1d\x11\xcf\x07&amp;W$O\xadN\x8d\x96s\x0c\xb7\xdaK\x01S\x8d(f6\xc2%\xc8\xf3\x95\xe5\xfbY\xcb\x81\xda8\x8faU\xb9\xd1D\x92\xb3 \xc7G:\\+\xf3=\x819\xb0gA\xf7\xa5\xbd\xcb\x98\x1d\x17b\x89\xc9\x95\xc9!\x96hL\xf2\x99Y\x97\xc9X\xdb\x96\x8f\xab\x18\x9b\x17\xf1\xcd\xab\x97+\xa3\\\xd7M\xaaW\xa8\xceg\xef\xad\xbax\xcfU\x13\xaa\xe9\xb6\xfb\xed\xa3\x1b\xdf\xbcz\x89\xe6@\x95\x8484\xa7\xfa)\x81)\x95)\xaf?rh~[\xc1\x7f\xe2Y\x0e/\x9fX\x19\xe5\xfa\xc7\xc7\xcfL\xabNKw3\xcf\xf1\x96\xe8\xff,^|,h/b\x9ebNS\x0e[\xe2Nw3\xcf\xf4\x14S\xa1A\x8dX\xeb\xe7+| \xde\x81\x7fy\xffrB\x08\x9b\x90\x99\x023\xea2\x8f\xae\x9a2\xae0\xba37lVC\x96\xa6\x00\xe4\xa6\x12\xc9]\x81\rS\x1a\t!\xaf^\xdc\x7fb\xc3\xcc19a\x81f\x03)\xc1\xb4=\x00\x17\xe0\xa8\x02r\\\x01?!\xbc\xf8\xa8K\xf0\xaa\x88T\x18\xee2\x91\xe9\xe8\xcd\xc2\xc0O\x00\x07\xc0\x12P\x02\xd16\x1cCj\xd9\xde\x01\xf8\x00mTI\xd9\xaa\x9f\xf0\xb6\xf5\x92\xafq&amp;T}=[\xd2\x02\xf2\xfd\xe5\xf4\r\xcb\x81\x00\x11lX\xab\xd1\xd7\x04\xe4\xcfO~\xff\xe8\xe9\xa9U\xa9\x7f|\xfc\xcc\x7fd\xde\xff\x8fAS\xd85\\\xa8\xbf\x03D\xcb9u\t^j!C&amp;\x80\xed\xe0(cj\xe5\xd4#p\xf9\x98`tv\xe8\xc4\xb2\xc4\xbe\xd2\x04\xad\x86e\x07`VC\x16\x00]&amp;\x9d\xbe\xd2\x84\x8e\xac\xe0i5\xe9v\xaa9\xa8\x81\xfa\xd3\xd4\x1a\x94\xebGOQ\x8c\xe1B\xbd1\xe0\xce\xc5\x82\x8e\xa2;07\x0f\'\xd5A\x1f,\x81`\x0b\xe4xK\xbcxX\xdaUF\xa3P\xd6Mj`\xb3\xdb\x08)\xf2\xfd\xacmY\x0e\x00\'`\xef\x82\xee&lt;_\xeb\xca(\xd78;^\x9a\xd2\xfc\xad\xabG)\x03\xb8u\xf3\xec\xf15\xd3\xb4\x8ar\x1eF\xe8o\xce\xd5_F\x7f\xb80\x02\x16\xb4\x17\xf5\x14E\x93\x1f\xde\x9cQ\x97Ii\xb4\x8b\xb6\xeac\x0c\x9c\x80\xe9\xb5\x19\xf4oM\x11\xbb\xa7(:\xc9Y\xa0\x00l4\x12_\xf5\xbb\x94\xca\xc2\x9d\x97v\x95\xfd\xf3\xf9\x0b\xbf\xbc\x7f\x9d\xbd\x96hM\x0b\xf2\xf7\xa7\xe7v,xx\xf7\x92w\xae\xdd\xa7V\x1e\xd5\xd3\x08{\x17tS\xae\xe0\xceA\xb6\xb7\xe4\xea\xa1\xd5O\x9f\xdc\xbar|\xd5\xf7o\\\xc9\xf6\xb2*\x0bw&gt;\xbajrOQL{FPI\xa8#}\xb5\xf1\xf6|\x86!\x85K \x01\x14\x86\x05e\x18b)T\x023j3Nl\x98\xb9\xa4\xb3\xf4\xc2\xae\xc5L\xf9O\xde]\xe4\xc6ke"\xf6PO\x8a\xb6V\xb5\xc4\xd1\xfc4\xa6\x80\x02\xc8\xf4\xb0Lt41\x03x\xc0\x92\xb1\xa5W\x0e\xae\xca\xf7\x97\xb3\xbf\x8c\x1d`\x03\xbcpn\xf7\x0fo^\xbd\xd3\xc9\x8e@/\xee\x86\xfa\xb8\x02\xcf&lt;\xb8m\xee`\xe3Iy\x84\xcb\xe3G\xd7\xb1\xe5\xfd+\x87V\x11B\x18+\x9e\xd6e7\xbb1{A{Q\x98\x95\xce\xf0d1\xeb\xef\x1co)\xbbTV\xa45VM\xa8\x9eR\x95\xdaW\x9a@\x99\xd1\x84\x928M\xf7`\xa0\x08\xe3\x8bc\xf5?\x11\x83\xd20\'B\xbe\xd3T\xff\xd9\xd0\x8cndl*\xc3\xb2}\xf77\xe7\xe6\xfa\xc8\x0coy\xc6\xc6\xe8\xecPF\x08-\x0c\xb0Y;\xb1\xfe\xea\xe1\xd5\x0b\xda\x0b\xbf~\xe5\x12!\x7f-\xef\xaeP;\x9f\x96\xc4P\x0bk\xc9\xf6\x92D\xc80\xbb1{\xd5\x84\xeao_{\x84\xb0\xf0\xf0\xee\xc5Z\xd5\x1a\xda\x80\x90i\xf8sO`\nl\x9b\xdd\xd1\x90\xe4S\x15\xad\x0c\xb3\x1ax\xbd\x9a\xc6_\xf6\x8a\x8d\xb1\xe5\xe6\xfb\xcb\x01\x84\x8a\xb1\xa6\xb7\x96\xbd*\xc6\xe6E\xd0\xceE4\xb0U\rjIyjhN\xf1[\xdaU\xb6iz\xcb\x98\x9cA\xd9\xd4\xb4\x9d\xfa\xc4\xf2D\xda%\xfb\xf2\xbe\xe5\xd1\xf2A\x9dLx\xach\x16\xda\xf4\xe6\xec\xf6\xf9{\x17v\x8f/\x8e}`\xfd\x8c\x1co\xc9\xe4\x8ad\xf2\xcfg\x03N\xfb/_r\x05L\x81\xe9\xb5\xe9\x86\xcb\xe5q\xf6&lt;\xbaG\xe6\xb5\xe6\x1bR\xe1\x9c\x0fL,O\xdc\xd9?\xa6\xbf9\x8fF\xebAE\x94\xc5\xac\xe6\x16\x86\xeb\xd6\x1c\x15\x03\x18\x92\x7f\xb4\xa6\x07\x8e+\x8c\xf6\xe6\xa39\xd5\x9f]a\x9e\xb6\xc7\xe1\x01R\x80\x06,\x19\x03K\xbb\xca\n\x03l4\xb7-\x0f\x084CC\xa2\xb7\xc1\x13\x1c\xc1\x7f\x0b\xdd\x05Q\xcf\x9f\xd9EE\xf2\x82\x00\x1b1\x00\xc0\x8b\x8f\xbe\xd2\x04_\xc1\xa0\xb6D\xecx\xbe\xea\x187\xb5\xa5S\x9f\xe0E\xfe\xf5\xce\x83\x9bf\x87Y\x19\x14O\x16 B\xae\x8f\x94\x10b\x05\xf47\xe7\xdd|h\x07!\x84\x9d\xfc\xb5dli\x96\xa7\x18\x80\x10\xb7\x936\xb3\xbd\xac\x0cw\xaeb8\x9eX6\xac\x80&lt;_\xd9\xb8B-m\x8a\xb5\xc2\x06 ?\xbc\xb1~rCa\x80\x8d\x97\x81v_\x15x\xc0\xc6\xa9MLH\x96\x02X\xdd[\x9b\xe4$Ht2\x99\xd7Z\xd0\x96\x11\xa4K\x8a|\xfa\xe4\x16\xb6s\x95\xf2\x1eO#\xd4\xc4\xba\x13B\x08\xf9\x95\x10\xb2\xa6\xaf.\xc7[\xa2\x8b-UD*&amp;\x8c\x8a;\xb0dBwA\xe4\xf0&amp;\xad\rr\xd5g\xa2\xffJTva\xad\xe8+KHr\x128\x02^|x\x1b\xc3\</t>
        </is>
      </c>
      <c r="E408" t="inlineStr">
        <is>
          <t>&lt;class 'numpy.ndarray'&gt;</t>
        </is>
      </c>
    </row>
    <row r="409">
      <c r="A409" s="1" t="n">
        <v>407</v>
      </c>
      <c r="B409" t="inlineStr">
        <is>
          <t>steps_per_sec</t>
        </is>
      </c>
      <c r="C409" t="n">
        <v>5900</v>
      </c>
      <c r="D409" t="inlineStr">
        <is>
          <t>3.3585947</t>
        </is>
      </c>
      <c r="E409" t="inlineStr">
        <is>
          <t>&lt;class 'numpy.ndarray'&gt;</t>
        </is>
      </c>
    </row>
    <row r="410">
      <c r="A410" s="1" t="n">
        <v>408</v>
      </c>
      <c r="B410" t="inlineStr">
        <is>
          <t>Loss/object_center</t>
        </is>
      </c>
      <c r="C410" t="n">
        <v>5900</v>
      </c>
      <c r="D410" t="inlineStr">
        <is>
          <t>0.21838446</t>
        </is>
      </c>
      <c r="E410" t="inlineStr">
        <is>
          <t>&lt;class 'numpy.ndarray'&gt;</t>
        </is>
      </c>
    </row>
    <row r="411">
      <c r="A411" s="1" t="n">
        <v>409</v>
      </c>
      <c r="B411" t="inlineStr">
        <is>
          <t>Loss/box/scale</t>
        </is>
      </c>
      <c r="C411" t="n">
        <v>5900</v>
      </c>
      <c r="D411" t="inlineStr">
        <is>
          <t>0.061776247</t>
        </is>
      </c>
      <c r="E411" t="inlineStr">
        <is>
          <t>&lt;class 'numpy.ndarray'&gt;</t>
        </is>
      </c>
    </row>
    <row r="412">
      <c r="A412" s="1" t="n">
        <v>410</v>
      </c>
      <c r="B412" t="inlineStr">
        <is>
          <t>Loss/box/offset</t>
        </is>
      </c>
      <c r="C412" t="n">
        <v>5900</v>
      </c>
      <c r="D412" t="inlineStr">
        <is>
          <t>0.1373187</t>
        </is>
      </c>
      <c r="E412" t="inlineStr">
        <is>
          <t>&lt;class 'numpy.ndarray'&gt;</t>
        </is>
      </c>
    </row>
    <row r="413">
      <c r="A413" s="1" t="n">
        <v>411</v>
      </c>
      <c r="B413" t="inlineStr">
        <is>
          <t>Loss/total_loss</t>
        </is>
      </c>
      <c r="C413" t="n">
        <v>5900</v>
      </c>
      <c r="D413" t="inlineStr">
        <is>
          <t>0.4174794</t>
        </is>
      </c>
      <c r="E413" t="inlineStr">
        <is>
          <t>&lt;class 'numpy.ndarray'&gt;</t>
        </is>
      </c>
    </row>
    <row r="414">
      <c r="A414" s="1" t="n">
        <v>412</v>
      </c>
      <c r="B414" t="inlineStr">
        <is>
          <t>learning_rate</t>
        </is>
      </c>
      <c r="C414" t="n">
        <v>5900</v>
      </c>
      <c r="D414" t="inlineStr">
        <is>
          <t>0.001</t>
        </is>
      </c>
      <c r="E414" t="inlineStr">
        <is>
          <t>&lt;class 'numpy.ndarray'&gt;</t>
        </is>
      </c>
    </row>
    <row r="415">
      <c r="A415" s="1" t="n">
        <v>413</v>
      </c>
      <c r="B415" t="inlineStr">
        <is>
          <t>train_input_images</t>
        </is>
      </c>
      <c r="C415" t="n">
        <v>5900</v>
      </c>
      <c r="D415" t="inlineStr">
        <is>
          <t>[b'512' b'512'
 b'\x89PNG\r\n\x1a\n\x00\x00\x00\rIHDR\x00\x00\x02\x00\x00\x00\x02\x00\x08\x02\x00\x00\x00{\x1aC\xad\x00\x00 \x00IDATx\x9c\xec\xbdex\x14M\xd75\xbaq\x87\xe0\x0eAC\x82\x13\xdc\x9d\x00\xc1\x12\xdc\xdd\x9d\xe0\xee\xc1\xdd\xdd\xdd\xdd\xdd\xdd\xdd\xdd\xdde\x9d\x1f{\xa6R\xd36=\x12\x9e\xfb\xbd\xce\xb7~\xc0\xa4\xa7\xba\xba\xa6\xbb\xbad\xcbZD\xff\x0f\xff\x0f\xff\x0f\xff\x0f\xff\x0f\xff\x0fjD!\x02\x807W\xc2\xb8P\xc9\xfc!\xed\xd2\x85\xd58\xde\xb5FQ\xbb\xe7B\x07\x07\x97\x8f\'\xa2\xb4a\xa8F\x9eTs\x06\xb4"\xa2\xcaY\x93\xe8\x15\x16p\xae\xfd\x00\xae\xed]\xaau\xfc\xb9\xfa\xe0\xbdck\x1d\xaa\xbc\x8d\x7fn\xe7Ze\x06Q\x1d,\xef\x15\xc1\xf2\xc1\x83\x08\x1fo\xca_\x95L\x1b\x93?x\x9a\xa8\x07x\x99\'\xbec\x97n\xe1\x97#\x86\xceWIm\xff\xcc\x16\xd3\x81jg\xf4m~c\xffr\x83\x02\x0e\xd5\xf6/\xe1\x13\xc9\xa5\xd3sxP9\xefx\xea\xe3\xad\xcb\xe7\x14\x9f3F\xd1&gt;wj\xaf&amp;\xa5\xd2\xc6$\xa2\\q-GJ\xa4\x8e.\xbe\x050\xbaCM\xcd\x13\xf1\xfbQ\x95\xecI5\xbf\xf2\x8eH#\xdaV3\xd3r=\x0ck\x15\x10\x9fh|\x97\xba\xc0\x1f\x00\xe5|4~]\xe8a\xeb\xac!#\xdbU\x9f?\xb8\xed\xf21]\xff\xe5u\xd5\x98\xd4\xad\xc1\xf69CC\xf7\x1a{\x16\x8d\x12\x9f\x9b\x96\xca\x8a\x0f74\x8b\xf9\xc6&amp;\x00\x114\xbf#""\xd7_.\xdd\xb1\xfc\xcf\xe3\xea\xb9R\x8ab\xb9\xe2\x11\x00\xfc|\xe0\xae\t \x99\xf4\xf9\xc9\x99\xcd\xe6O\\\x1c\xdc\xc9|a":\xb0l\x9cC\xe5\xed"\xa2\xf4\x19\xc0\xc6i\x03\xdc[?\x115-\x95U\xf3x\xf7Z%\xc8\xf6\xd6\x99\x07\xf0\xc3tI\xed\xe7X5g\n\xc5:\x03x)\x9e{\xb6\x18\x94\xc8\x91\xda4\x91\xc2|Q\x97Q6C\\G\xe7o\x03\x88\xa1\\`\xe9\xa8.\x05\x93\xea\xbe\xbb\x1d\xab\x14X;\xb17\xdf\x9c4Du\x0by\xf1\xf1N\x01\x05\x15\xaf&lt;\xbf\x84\xb3\xfa\xb5 \xa2\xf2\x19\xe3\xe3\xddU\xf1UP\xb5"\xae\xb4\xf9\xe8\xea\xc9\xe3\xbb\xd4\x13\x7f\x16H\x12^|^4\xbc\xa3+5;\x87\xb8D\x00N\xac\x9f\xae\xf9m\x89\xd41\xc6t\xac5\xb6S\x1d\x93\xb5\riQ\xb9x\xaa\xe8D4\xbdO3\xb75\xd1-\x88@\x943N\xc8\x9f)\xb5\xca\x14K\x19uH\xf3J\xc7\xd6L\xb9\xbck\x91\xf1D\x1c\x90#\x19^_\x92\x8fT\xcb\x95\xf2\xef\xb3s&amp;\x1b#\xc6\xeeK;\x17\x8a\xcf\x8b\x83;\x95I\xef\x91\x98\xa8p\xb2HD\xd4\xba|.\x00\xf8r{BP\xbd[\x07W\x1aL\x00\x8e.K\xf5\xf0\xf9\xf6a\xf5\xc1m\xb3\x87F&amp;\xeaU\xb7Tt\xf5w:hS!\xb7b\x00*\x93\xde\xc3\xd5\xc6\xb9\x1b\x1eDMJf\x96\x8f\xf8\xc66*_&lt;U4\xf76 g\xdc\x90az\xe7\xbc\xe1\x00\xb2\xc7\xd2(\x86\x97\x17\xbaV/*\x1f\xd9\xbft,\xfe&lt;\xce\x1d\x8f\x88\x08\xc0\xe4\xee\r\xd5g\x8d\xedT\xdb\xbd\xadu;r\xc6\xa1!\xcd+\x99,\\\xc6K\xfb\xd9\xd4\xc8\x93Jq\xc4\xfc\xd6\x07\xcf\xcf\x19O\x93UsZf\xc6\x91\xed\xaa\xcb%\x81\xb7\x153\'\xb4[\x7f\x0b\xbf\x1c\x9a3\xeb\xe5]\x8b\x00\\\xd8&gt;\x9f\xff\xfc\x97\xb3\xaf&amp;f\xf6m~v\xf3\xec\xffu+\xfe9\x0c\x9e}\xa7\xc0\x82\x11\xf5\xbe\xb3\xa9\xe1\xad+\xe6\x17\xe0\xd7\xd5=K\xea\x17\xce\xf0\xf0\xe4F\x00\xab\'\xf4\xaa\x92=\xa9\x07\x11\x11\xf9e\x88\x93\x90\x08\xc0\xb9-sx\x88\xbf\xbeo\x99\xbb6\x01N7\xd8\xb1\xf2o.\x87RK\xba\xd7*\xde\xaa\\N\xe0O(\xd5\xef4\n\'w\xd8\xbaqv\xf3\x1c"\x02\xfe\x02\xa8g]\x8d*\x00|Q\xbc\x9f\xfe\x99\x12\xa4\x0b\'\xbe\xfd\xa6sV\xc8\xf3JAtl\xcd\x14"JN\xf4\xf8\xd4&amp;\x93m\x0bg\xbfH\x08\xbc\x0c\xf6\xcb\x12\xca\xfb\x84,UR\x10\x8d\xe9X\xcbd\xfdq\xb4\x0e\x02\xf04y\xbe\t\x88\xb9d\xf9\xe8\x10c\x88\xe6*\x10\xc0\xd1\xd5\x93w\xcc\x1d\xe6\xf4\xb5\xf2&amp;\x0c3\xbeK\xdd\xe5c\xba\xbab\x82v\x14MKeq\xfa\xdc\xc8nl\xc7?C\xc3\xa2&gt;\xfc\xe1\xe5\xc5\x9d\xeao\xf1\xeaR\xcf\xda%\xd5\xc7\xdb\xf8\xe7\x06\xd0\xbcLv\xbb\xf5\x03`c\xa3\x13]a\xff\x92\xb1\x00\xb6\xcd\x19zb\xdd\xb4\x18DYc\xd0\xa1\xe5\x132G\xb5\xdc\xe8XD\xf7\x8e\xad\xc3\xcb\x0bo\xae\xecy\x7f}\x1f\xf0a\\\xe7:\x06\xa3\xff\xf7\xfb\xc7\x1dm\x00\x11e0|i\x15]\xf3\xc9i\x07\xecE\xc9\x88\xd6M\xee\xc3\x9f\xfd3%0(i\xb8\xe6\xd6FL\xa2ta\xe9\xd3\xadC\x8e\x9e\xe8\xa1:rq\xc7\x82\xe0\xd6U\x1do\x82\x12O\xcfn%\xa27W\xf6\x98\xe962\xee\x1d]K\xbc\x1a\xf8~O\xaf\xcc\xb6\xd9C\xc4\xce &gt;\xd1\xdaI}\xc4\xe0\x1eYgb\xfez\xef\xa8|&lt;&gt;Q\x81$\xe13G\xa3\xda\xf9\xd3\x1e^9\xc9\xa0=^VkD\x18[\x9b\x9b\xbb\xb0vRo7\xd6\xc6\xa6\x9eY\xfd[\xba^U\n\xa2&gt;\xf5\xfd\x12\x11\xad\x9b\xdc\xc7\xae\r\xfe\xd7\xa3S\x8a#-\xfc,\xcf}\xe3\xb4\x01\xeb&amp;\xf5Q\x9f\xe2\x1dQi\xf5%"\xe0m\xa9\xb41\x074\xf67\xd8\x1f\xb7,\xeb\x1b\x93h\xf3\x8c\x81\x8ez\x06\n%U&gt;\xc0\xd5\x13z\xf2\x87\x9aySk\x9e\x92-&amp;\xf5oT^\xf3+\xe0c\xa1d\xae\xf6\x08\xbd\xeb\x86\x16z\xd6)\xc5\x1f\xd8\x86+#o\xc20\x00\x86\xb5\nP\x9f\x956\x0c\r\xd7:.\xb0`h{\xc5[\x07\xa0q\x89L\x8e\x1a\x08\x00\xdc\xd8\xbf\xbcv\xfe\xb4\x19\xa3\xd0\xa0\xa6\x15|"\x91\xb8=\x89\x89\xe2\xb2\x95\t\x00\xf0\xf5\xee\xd1\xff\xed\xf2\x9f\xa1\xe7\x073@D"\x00\xe6\xfdK\xb9\xff\xa9\x03\x8c\x88\xe8\xd4\x86\x99&amp;K\x96\xf3\x0e\xb17\x03\xa8\x94E\xd3\xf6n\x81l\x94\xb3\xdb1j\xe5Kc\xf0\xadolZ7\xb9/\x7f\xfer\xf7\x88\xfc\xc4\xa3\xe9\xec\xb4\x00\xe0\xcb\x1d\xf5\xfc\x8e\xafw\xec\xb5\xe5\xff\x1e:T\xceOD\x91M\xdcgc\xd4/\xe2]\xa7`\xfa\x82I\xcc\xedel\xb1`h\xfbI\xdd\x1a\xf0\xe7\xe7\xe7\xb6\xf1\x87Ricu\n(HD\xcbF\x07i\xbe\xb6\x1e\xa6\xeb?\xbcr\xe2\xc3\x13\x1bL\x16\xd6\x1c\x13\xe4\xdf\xd5\xba|."\xfa\xfd\xe4\x0c\xff\x19]rj\x16H\x1c^\x98:\xe5\x1e\xfe\xea\xd2.O\xc3\x8b\xf6mP\xd6n\xc3\xb2\x987"\xff\x03\x04dO&amp;l\xbeu\n\xa6oX\xcc\xc7C\xa7\xa4\xaf\xed\xfe\x13\xc0\xd6Y\x83]o\x00\x00\xe0g\xffF\xe5\xb3D\xa7\x16~9x\xed\x15\x99h\xd3\xf4\x81\xbc\xb7-\x94,b\xa9\xb41\x01L\xec\xd6\xc0`\xf47\x8e\x06q#\x8cF)}8\xf4Zn\x99\xe9\x86\x1bk\x80V\xe5r\xae\x18\xdb\xcd\xee\x94Y*]\xac\xb9\x03[\x8b?\x97\x8e\xeaBZ\xe6f\x93`\x9f\x98\xd3\xa8[\xc8+\x0c\x11O(&amp;\xa7|K\xa1\xf7\xd7\x14\x06q\x87\xd6\nq\x88\x92\xab\x0ejE\xbd\xe9\xe2_\xda7\xc8D\xdb2Euf\x11\xfa\xf2\xc2\x8e\xb4a\x08\xc0\xf5}\xcb\xa2\xea\xc7\x02\xa4\xd71\x99\rnV\xc9\xf5\xa5\xdb\xcey\xc1im\xef\xa6AH\x82\x1c\xda\xc48\xb5a\xc6\xedC\xabj\xe5O+\x8e\x04\xe4\x08\xa9\xe0\xdb\xbdc\xf5\x0bg\xa8\x9c51\x11\xc9\xbb\xf5Ri\x95.\xa9\xd4D\x91\x88\x00hZ\xe4\\\xc7?\x9d `\xe3\xd5q\xe0\x91\x00P\xef\x01\x89\xe8\xc2\xf6\xf9\xf9\x13\x87kP\xc4\xdb\xd3\xf6\xf8\x89u\xda\xeeuq\xdd\x9euJ5-\x99\xa5I\x89\xcc\x89\x88\xaa\xe6L\x11\x86\xa8`\x92\x08\x0b\x86\xb4\x1b\xda\xb2J\xb6\x98T(i\xc4\x1b\xfb\x97\x9b\xe9C\x0e\x19m\r\x90/\xa1C\xaf\xb9\x05\xd9cQZ\x97\xdfx\xe3\xbd\x97\xa3\x107\'ST\xe5\xf1n5\x8b\xd9==w&lt;:\xbev*\x7f.\x91Z/\x98\xd3\x9d\x00\xf0\xf2\xe2\x0e\xf9H\\\xdbx*\xfcy\x0c\xbcV\x9c\x15\x99\xe8\x81\xed\xf2P\xf4\r\xf3;\xaa$D3\xfb\xb5\x90\x8f\xbc\xb9\xb2\xa7m\x05\x9bX^\xa7\x1fo\x96\xe8\xe4\x16S\x9b&amp;\xb4\x1c\xe7!\xb8{d\x8d\xe8\xcf\x0fOnX3\xb1\x97A\xe1jR\x00\x9e\x8c\xac\xd1\xe9\xfc\xb6y\x0e\r\xd9\x02\xf2\xab\x9a5\x06\x01\xef\x1d\x9d\x00\xee\x1f[\xa7nVy\x9fx-\xcb\xe6\xb0{nY\xef\xb85\xf2\xa4:\xb7e\xae\xe2Z\x9a\xf1\xdf\x02\x85\x92E\x1c\xd2\xbc\xd2\xd1U\x93\xd5_]\xda\xb1@\x11\xfc"cR\xf7\x86"\xa4if\xdf\xe6v\x9b\xf7\x8f ~\xbc:hL \xd079\xc7c-\x19\xd1\xd9\xa0\xaa{\xc7\xd6\x028\xb0l\xdc\xd1\xd5\xca\xbb\x03\x00x\r 0\x87\xd9\x88\xc1\x82I",\x18\xda~l\xa7\xdam\xfcs\x17J\x16)o\x820\x9eDU\xb2\'\xedY\xbb\xe4\xcey\xc1c:\xd6jY\xd6wd\xbb\xea\xf8|Kw\xf8\x7fu\xa9~\xe1\x0c\xa2B\xe38\x16\x93\x10\xaf\x81C\xdd\xbdII\x8b\x8b\xa9_\xc3r\xc6%{\xd6\xd1p\xbd\xd8\x85\xa7\xbd\x02\x15l\x9d\r\xd9bj\x84\xeb\xe1\xc3u"\x02`2\x12\x11@\x12""\x8aa\xe8\xb14\xe9\x02\r%\xd4+\x9cah\xcb*\x8a\x83\x00\x14\x03\xba\x02\x8d\x8bg\x12\x9f\xab\xe5J\t@=\xfcm\x98\xda\xbfiIm\xcf\xe1\xa9\r3\x9cjl\x08\x14\x16\xb4\xac\xe6f\xd8B\xc9"\xea\x85\xf9\xab\xc1F\xd4)=\x1a9\xd4\xb0\xd2:\x16y\xd7\'\x00\xde\x8f]\xd9\xbdXo\x02\x88O\x84\xef\xf7\x1d\xbd\x84\x1a.Z\xc3\xee\x1c^\xfd\xf9\xf6a\xfc|\xe8\xd0Y)\x88~=&gt;\xa5y\xb7\x8d\xbbb\xa8\xe3\xd6\xc1\x95s\x07\xb5Q[\xfc57\xf5GWO\xd1\xab\xa7\x98g\xd4\xbbG\xd6\xf8gL\xe0\xba7#&gt;\x11\x07r\xa4 \x9a\xde\xbb\xe9\xc3\x13\x1b\x80\x97\xc03\x00KFt\x9e\xde\xbb\xe9\xc6i\xfd\rV\xfd\x0e\xad \x9cF\xc941\xf4gLm\x8bPJ\xa2\xc3+\'j\x96w\xd7\x06\x85\x882\xdbv\xf0\xd4D\x8d\x8agR\xdb+\xdc\x8b\x95\xe3\xba;w\xe2\xd3\xb3[\xa6\xf7n\xea\xd0)\x95\xb2&amp;6S\xacU9_\xa7ZD\xea\xee\x9b\x94\xc8\xd8\x96\x18\x86h\xde\xe0\xb6\xe2OM\x87`\xd2\xd0q\x1d;\r\xdf\xd8T\xb7`\xfaf\xa5\xb5\xd3;4Q2M\xcc\x19:\x01\xec\x0b\x87\xb5w"KK\xbc\xaa-\xfcr\x10Ql"~\xcd\xdd\xfb\xfe\xbe\xbf\xb1_\xd4\x06@^\xac\xb4,\xeb\x9b\xe6\x1f\x1b\xe3\xfeO ,\xd1\xba\xc9}\x15A\xb8\xc9\x1d\x8fw\xd4\xc4\xf3\xf3\xdb7M\x1f\xa0\xf7\xed\xfd\xe3\xeb\x89\xe8\xf6\xa1U\xfcg\xa0or\xe0\x8d\x99\xe1^o\xf47hs\xc5\xccF\xbeJ\xd7\xb18\xb8\xa3\xc1\xb7\xd1\x89\xe2\xb9l\x04W\xa3i\xa9\xac\xc2\xe7FD\x9a\xabWF\x1a7=P"\x8aAT\xa7@:\'N\\\x1c\xdcI\x8e,4\x8fw\xd7\xf69\xdaxy;(\xc3\xee\xb8\xb5`h{w\x99\xb92E\xa5\xef\x0fN8\x9d\x1f\x9b\xc3\xde.\xb6\x8d\x7f\xee@\xdf\xe4\xb5%\x8b\xb6\x01\xba\xd7*\xfe\xf7\xd9Y"2X\xca\xc8hV:\x9b\xdeW\x9aO\x7f\xd3\xf4\x81\x01\x86\xc1\x11\x8fOm\xe2\xb7\xb5m\x85&lt;\x13\x82\xea)v\xf3\xe6\x1ae\x07\x83\x9bWr\xba\xaaf\xa5\xb2\x8a\x95\\\xc7\x80\x02fNIF\xd4\xb9j!\xe7\xf2"\x15\xc8\xe1\xe1\x8eZ\xdc\x85\xb0D-\xcb\xfa\xe6I@~\x19\\rr4,\xe6S9k\xe2\xceU\x0bk~[$\x85FL\xad\x13\xa3\xff\xea\xf1=\xc5\xe9\xef\xae\xed[6*H\xf3r\xc6\x16-\x19Kujp\x05"\xdb\xc5!\xd8\r7\xca\x19\x87\xae\xef[&amp;Rq\x02r$\x1b\xd9\xb6\xbazDh\xe1\x97\xe3\xd8\x9a)n\\g\xf1P\xe2\n\xec.\xec\xe5t3\xc5\x18\xd1\xa8XF\x83\x139\x94H\xd3\x15\xe9\x1d\xc9\x92\xf6X,\xa5\xae\xe9\xcb\x8dwI\xb36\xe7\xa2k\x0c\xea?\xb4|\x82\xfax\xf1T\xd1\xba\xe8\xbcw\xb5\xf2\xa5\xe1`\xcd\xa8D\r\x8b\xfa4+\x9d\xcd-\xeb\x92\xd7\x97w\x0fl\xe2\xaf&gt;~p\xd9x"\xea]\xaf\xcc\x9e\x85\xa3\xf4\xb28]\xbf\xba\x8b\xf0\x89L\xab\xc6\xf5\x98\xd4\xad\xc1\xf2\xd1]\xf1\xfb\xd1,\x95\xa1&amp;\xbc\xe6iD\xd1\xb56\x91D\x94\xc3\x83\xd2\x87\xa7~\x8d\xca)\xfa\xb9X\xec*0\xa4ye\xc7Z\x1c\xda\x00~\x03\xf8v\xef\x98\xcb\xf5\x00@\xfbJ\xf9\xcc\x9f\xb2m\xf6P\x93C\xbf\xfa\\\xe3\x04$\xa7\xd3\x84\xc7tt5\x9b\xb4n\xc1\xf4\x8e\x9e\xb2j\\\x8f\xf8DA\xd5\x8b\xe8\xad\xc5\x1a\x16\xcb\x18\x9f\x08\x80\x99\xc8\xb3\x07\xc7\xd7\x07\xb7\x0e\xd4\xfc\n\xf8=\xbeK]\xf3\r\xcb\xe4F\x06\x03-D\x94\xacja\x89\xb2\xc5\xa0\x0b\xdb\xe6\x03oM\x9e^2\x8d\xee\xfa\xbd\x98g\xd4*\xd9\x93\x1a/\xef\xcfm\x99c\xf7\x12\xb3\xfa\xb5\xd0\xccUVC\xa4\xe0\x080\xc9A\x89\xd4\xd1]\xf4\rn\x9c\xd6\x9f\x88f\xf4m\xae\x8e\x9d\xfft\xeb\x10\x00\xc5\xd0\xa3\x17\xb9U+_\x9a\xad\xb3\x06\xf7\xac]\xd29\x8f\x14\x11\xb5\xf1\xcf\x9d\x82\xa8B\xe6\x84\x06\xa9\xbc\xc2VY:\x9d\x07\x00\xe0\x13\xf0\x83\xdfb\xe1\xdb\xef\x1cXHq\xd6\xcf\x87\'\xd5F\xe6\xce\x81\x85N\xea\xb05\xb8\x0eEJ\x90b\xdc\x9f\xd4\xbd\xa1\x18|\xca:\xb58\x06~;\xdf\xb8\xd0\xc6\xdb\xab{\xe5?\xdd29\'"\x02\xe0\x10y\x00\xbf\xfc\x7f\x9e\x9e\xd5\x1b\xf7\xdbU\xccc\xb7\x92V\xe5r\xda-c\x17\x81\xbe\xa1eN\xf7\xcf\x98\xc0-\xa4\x15\xcc\xe5gfD6~\x94\xed+\xe5s\xeeY\xcb\x06\xa8\xd0@"\xa2\xd8Dz\xb9\xc1\x9a0\x9f\xe2k\x80\xe06vbu\xee\x1c^\xdd\xb2\xac\xaf+\xc4\x1e\xcdJg\xf5\x8e\xa8\x9d\xd9k\x1e\x8b\x86wP\x1cID\x947A\x18~\x9a\xb9\xe2\xd2\xb8\xce\x16\xee\x1a\x8e\xe1\x8eE4\xb4E\x153\x0b~\xa7\x8d\x12\xa5\xd2:\xc9\x10f\xbe\x07n\x98\xda\xdf\xd1\xca[\x97\xcfU9k\x12G\xcf\x92\x11\x8b(O\x02\x02\xb0i\xfa@\xb1&amp;\x8b\xeb\xe0\xda\xce-q\xf3\xcec\xf6\x80V\x06\xdf*\xd2\x13j\xe6M-s\xc6i\x82G\xe4l1\xe9\xdb\xfd\xe3\x9a\x13\x86^\x8afh\xa3m\x85&lt;\xc6\tJ\xff)\\7\x8cES\xa0O\xfd2\xf2\x9fWv/V\x97\xb9\xb6w\xa9\xa7\x8bm2\x01\x11r\x13\xd9J\x16\xa6F\x97j\xda\x86\x08=\xc8to\x9al\xac\x06\xf0\nO[g\r\xf9v_w\xdb:\xb4E\x95\x19.\xc7\xe4\xc9\xeb\\\x83\x10\x88\xa8\xf6z\xbew$jX,#s\x0b\xbaqO\x95\x8a\xa8i\xc9,w\x8f\xac\xe1?9\x01"\xb5\xadM\xacK\xb5\xc2n\x0c`ob\x1b\x1f\x05@3\x18L\xbd\xe2\xf1\x89dv\xf9b\x8c\xda\xf9\xd3\x1a\xa7XV\xcb\x95\xb2C\x95\xfc\x89\x89Z\x96\xcd\x917\x81}G\xf0\xae\x05#\xf0\xea\xd2\xb0\x96Ux*\xab\x91\'\xd5\xa1\x15\x13\x0c"A*dJ\xa8\x99Kk\x1e\xa5\xd2\x99\xdbQ\xba\x086\xec(\x0ef\xd1Y\x9d\xe3\xcde3\x9b\x80\x08D[g\r\xe1\xcf\'\xd6M\xd3,\x13Q\x8b~\xc0&lt;\xb6\xcd\xb6!G\xcd\x15\xcf\x0e#G\xc7*\x05\xfe\'\xb6E\x83(\x8b\xd1\xedk*\xda\xd3\xa0\x887\xde]\x1d\xd0\xb8&lt;\x11\xfd}v\xcetD\x9f)\xe4\x8ccv\x05\'&lt;\x8d\xc5&lt;\x1d{\x11=\xac\xfb\xd9\xe4D\x91\x1cL\x8c2\x86Odb\xc2\x8f\xe7\xe7\xb7\xab\xbf\xad\x9e\xdb\xd3\xe0\\~\xee\xa77\xcer\xbd\x19\x8dKd\xb6_\xc8\xa0%_\xef\x98\xe9\x81\x9a\xf4 \x8e\xc60G\x0bM/\xe2\xb15S\xf7,\xd4]\x08V\xce\x9a\x18@\xde\x84!\xa3j\x91\x14\x91\xd5?\xfc\xd4\x86\x19\xe7\xb6\xccUp5\x02/\x00\xf88H\xaf\xd3\xa0\x88\xb7\xfa\xa0\x9e\x8d\xde\x15\x84!\x1a\xda\xb2J\xabr\xbe\x1c\xaddD\xe4B\x04`b\xd7\xfa)\x88L\xfa\xe4M\xa2\xb9\xbe+\xdey\\\xdc&gt;_\xb6?\xce\xea\xd7\xa2J\xf6\xa4\x15m\xd7\xcbxy\xc1\xc0\xd4\xce\x88B\xe4\x9f)\xc1\xfa)\xfd\xe4\x83n\xa2\xe3\x0cA\n"vr^\xdd\xb3\x84\x8f\x94\xcfh\xe7"v[\xae\t\xf3V*M\x7f2lY\xcc\xd4W\xaf\x94\xc5TD\xa3"3\xc5\xd3\xb0\xf0\xb6\xd9C\x9d\xdeq\x87\x1e\\\x8c\x80\x1c\xda\xa2\x8a\xc1\xb3\xbb\xb4s\xe1\xc8v\xd5\xf5\xbe\x05`\xde*\xe5m\xeb2\xaae\xfb\xea:Jz*\x97f\x1e-3=P\xc1o\xcaxrf\xb3\xa3\xeb\xe2\xba\x05\xd3\xaf\x99\xd8\xbbJ6\x97\xac\x1c\x0c\x85\x1d|\xf5\x04\xa3\x941\x03\x94J\x1b\xf3\xfc\xd6yD\x94;\xbe\xf3v\xa1\xff-d\xcb\xb3ol\x1b\xefW\x18\xa2\xb6\x15Bl\xd1\xdbf\x0fq\xfb\xa2\xb3W\xddR\xff\x13\xf3\t\x11\xd1\xf4&gt;\xcdd_\x99^w\xac\x9975\xbe\xdd\x05\xbeU\xce\x96\x84\x88\x80O\x8a\xb0\x15\xbd\x84,\xcd\xe8\x16\xbb#;cT\xbb\x1a\xe2\xf3\xe7;\x1a\xbc\xcdD\xf4\xf5\xdeQ\xf3\xc4\xfd\xb1\x88n\x1eXa\xfe\x95\x93\x078\xd1b\x0ep\x0cn]5o\xc20Q\x89\x9c\xf3\x119\x04\xbc\xbbZ\xdcSw\x90\xca$\xed)\xa6\xf6j2L\xca\x90\xcalzdKBT2ML\x87\x82\xa7\xe3\xaa\x06VGQ&lt;U\xb4!-*\xbbT\x85&gt;"\xb8C\xc4B\x13\xc2q\x8d\x9f\x0f\xb6\xcf\x19\x06@,Y\xf4\xd0\xbdfq\xfe\xa0\xd8?\x01(\x94,b\xbdB^&amp;\x93\xc2\x18\xaf/\xef\xaem\x1b\xa0\x996\x8c\x9d\xf4`Rm\xaf\x1d\xc5\xb4\xdeMI\'\xb5\x05\x00~?\x12Dd\xff\x12\xc6\xa4R\xe6!O\x00\x93{4\x92\xdd\x99\x8d\x8ag\x94\xf7\x04i\xac\x85\xc7w\xa9\xf7\x7f\x8c1\xd4\xcf+\xb6[\xe6\x99\xba\x85\xbc\xf8\x168\xf4\xfa\xf3\x8e\x89o\x99\x13\xbb\x87\tA\xf5\xec\x17\xb2\x87\xee\xb5\x8a??\xbf]^;\x99\xf1\x1e4*\x9eQm\xa6\xb8y`\x85b!`2\x95I\x13\xde\x86ki\xbb\xbf]X\xab{\xd4\xb6!\x01Tx\x11\xf4\x10\x90\xdd\x99\x10\xe7\x0b\xdb\xe7o\x9e1\xc8I\xb6\xa0P\x86v\x8aD(\xa0q\x89\xcc7\x0f\xac0Y\x98\tv\xe4#\xfcg\xfd"\xda\xa9\x0cz\x00\xa0\xe0\xe6/\x9e*z\xbf\x86e\x8b\xa6\xd4\xb5/:\x11\x9c\xa6\x18\xd0\xd3X/\xad.\x99\x9a\xa8Z\xae\x94\xab\'\xf4lY\xd6\xd7\xed\x86\x01\x86\xd3\xb4T\x02i\rm\x97\x9aA(\xeab\xd1mK&gt;;\xb7\xd5\xc5V\xfd\xd7\x11\x8d\xe8\xf9\xf9m\xea\xe3Nl\x82d\xf3b8\xf7\xb1 \xc9\x8c\x95\xa1\x075K\x14\xe3_n\xdc\x0cx\x87\xb6[\xd9\xb9\xe5\x94\x8b&gt;\xf5\xcb,\x19\xd1Yn\xa1\xd8\xa4\xa9\xe3\xf0\xfe;X3\xa1\x97\xebw\xf5_\xd0\x189\x08\xdf\xd8\x04|s{\x87\xc9\x1c\x8d\xfa7*\x973\x0eM\xea\xde\xf0\xc1\x89\xf5\x9ae\xf4X\xdb\x14\x88Fd\xd7A\xa5\xb7\xe2\xce\xe1A\xbb\xe6\x8f8\xb5a\x06g\xff\xba\x1d&amp;wH\xc2C\xa0\xe0\x04\x8cG\xb4`h\xfbj\xb9R\x8e\xefR\xb7eY\xdfi\xb6i\xea\x16\x15B\x05\xde_\x97g\xd9r&gt;\xf1\xf6.\x1amw\x92\x08\xaa^\xb4C\xe5\xfc\xee\xd9\x958\x8d\x19}\x9b\xbb(\xb46\xbdO\xb3\xeb\xfb\x96\xf1g\xf1#5\x03.[\xf8\xe5pN\x0b\x17@\xfap\x14\x97H32=\x7f\xa2pLb\xc3p\xc2\xf1\x85\xf7\xd7\xed\x17\xd2A(\x87\xbf\x1bAO1\xaaw\xbd\xd2\x06c\x87\xde\xdb\x81\x1f\xf7_H\x1b\x97\xf0D_\xee\x1e\xb9\xb1\x7f\xb9\x99\x10\xf8\xd0\xc6\xa2\xe1\x1d5w\x90\x07\x97\x8fwt\x94\x04&gt;\xb8%K3T\xb1{\xc1H\xb7\xdb\x8e\x05\xb6\xce\x1arx\xe5\xc4\xe5\xa3\xbb\x1a\x987\xc7u\xae\xe3\xfa:\xda\x00\xbb\x16\x8c\xd8\xbdp\xa4\xa0\xe0\xff\xdfB\x93=il\xa7\xda\xbb\x16\x8cP\xdbm4\x97\xff\xb2q2&lt;\x11^\x9c7\xb9K\x10\x8b\xb0\x8c\xff\x05\x0b\x11\x87\xaf\x15\xb3\xb5 \x03\x00&gt;\x96IoY\x11\x1a\x8b\xbd\x1d\\&gt;\xdeS\xfaS\xb1\xb9\xe6\xbb\xa0\x19\xa1HD\xead]aMst\xa5`\xec\x9aW@a\x9b\xf6\x8ed\xd6\x1c&lt;\xaes\x9d\x06E\xbc\x9f\x9e\xdd\xe2\xc8\xd5\xec\x03\xaf\x9d\x17\x0bkU.\'\x80\x89\xdd\x1a\x94\xcd\xa0\xbb\xd7\xe1\xf5\x0eO\x93\xc9\x89\xf4r\x978\x03\xc8\xbe\xb2\xdf?A\xfd\xc2\x19Z\x96\xd5&amp;\xf6q\xc8\xa9\xd21\xa0\xc0\xf69\xce+U\xfdK\xb8&gt;\xfag\x8cbD0U1s\xc2\xcf\xb7\x0f\xa7\x0fG%\xd3\xc4\xc0\xcb\x0b\x8ao\xe3[o\xac\xa3a`j\xe4\x8aK\x99\xa2R\xfeD\xe1\n&amp;\x89 o/V\x8d\xeb\xa1\xf9\x1b\r\xda\x9c;\x94lF\x8e`\xc5\xd8\xee\xaa\x81\xfd\x8d\xa2\x0c\xf0\xdd\xe4\x04\xa0\x898Dx~^\xfc)K\xcd\x84\x8af\x80&amp;\x8fc\x88\xf3\xea\xdd\xd5\xee\xb5\x8a\x9f\xd94+6\x11\x80\xbbG\xd6l\x9e1\x88\x88\x14\x1e\xb9Z\xf9\xd2\xe4\xf0\xb0\x84u\n\xb7-\xf0\xea\xc3\x8d\x03r\xb1\x12\xa9\xa3\x7f\xbdw\xd4\xd1\x18\xaf\xd0\x03\xd3Z\xc83^\xa5\xac\x89\'wo(/\nR\xa8r\x899HC,$\x1d\xca\xe2\xb7\xab\x1a\x03\xa0\xa1!\xab\x81\xdd\xd3_^\xdc\xa1\xd7\xdb2F\x0e\xc9\x97\xf9\xef/\x84]\x84\xd3\xfc\xdb\xa1\x97\xebg\x17w\x8e\xacq=)\x81Q#O\xaa\xbd\x8bG\x8b?\xd5~\xdd\x01\x8d\xcb\xdf:\xb8\x92c\x934\xd9\x90\xdc;\xdcd\x8eF\xd3\xfb4\x13\x11\xf7\xf8|K\x1dH\xca\x03\xa5\x13\x12~u\x0b\xa6\x07^\xea9\xd6\xa6\xf5n\xda\xa4Dfw\xd9\x7f\xc5\x80\x9e6\x0ci\xea\x8d\xaf\x18\xd3\xcd\xd1\t\xa0c\x95\x02\x06l\x83\x03\x1a\xfb\xe7O\x1c\x8e\x88\xcem\x9d\xebr\xf3MC\xac\xa39\x86W\x80\xb9h\xd4\x91\xadb\x9eZ9\xb6\xbb1qRl\xa2\x15c\xba)\x0e\xba\x12\x1f\xb3p\x982\xf5\x91\x88\xfc\xcd\x85\x0fiB\x04\xc2\'\xb7\x9d\x1edsa:\x95\xa7h\xc5\x98nxy\xd1n\xe5\x06"\xf5)\x89\x80Wb\xd1\xe54E\xa8\x9al\x80Q\xa7@\xbaP2,\xfcoa\x86\x872\x97i\xaa\xca\xfdK\xc7f\xb6&gt;\x03\x85\x9d\xe4?\xb3t1\x85\xbe\r\xcb\xfa\xe9\xe8\xc53\xaa\xe5J\xf9\xe6\xcanu\x97\xc8\x19\x87\xba\xd5(\xb6u\xd6\x10\xfe\xca\xa4c\xc0!t\n,(\'\n0\x16\r\xef\xd8\xd66\xa5\xdf?\xa3r?o&gt;\\M&gt;\xa5n\xc1\xf4&lt;|M\xe8Z\xdfn\xf9\xa8\xfa$\x19D\xd4\xbb^\x19\x00\x13\xf5\xeb\xe1\xdc`\x87\x96\xff\xd0Ipa\xac\x1a\xdf\xe3\xef\xd3\xb3c:\xd6jT\xdc\xf9\xa5\xa13\xe8a\x95\x05\x16?\xe3\xcc\xe6\xd9vw\x85\xc0\xbbs[\xec\xccT\xbb\x17\x8c\x94\xff49X\xdb\x9d\xc3\xbbT-,\x12\xaf\xb8{\t\t\xba\x7f\x00\x00B\xec\xd7\x00bwQ:\x9d\x07k0\xc8\x93\x9f\x82\xb5\x06@()\x01M\xed\xd5\xc4\x8d\xb5\xbd\xbf\xbe\x8f\x1cgZw&gt;\x16\xca\x04\x82\xaa\x17U[w\xcd\xcf\x7fY\xa2S@\x8edz\xa6\'w\xc1a\x1dQ\tUs\x1a\x10\xed\x10\x11%"\xfar\xe7H6\xc7C\\\x83\xdbTe\x8d\x07\xfc|@Dq\x88*fI\xd4\xa0\x88\xb7y\xa7\xcb|\x89\x1c\xfb\x7f\x82\xd9\xfd[:\x17\xb1FD\x9d\x03\x0b\xed]4:\xab\xed\x8b\'\xfb5\xb7\xcc\x1c\x0c\xab\x80\x01\x111\xa1V\xce8ta\xdb&lt;|\xbd\xc3\t\x9e\xce\xd9\x7f\xf4\xa0\xc7\xc2\xfdO\x91\x8a\x08\xf8`\xd7(\xe8A\xb4q\xda\x00\xf5q\xc5\xf0\x9d34c\xe2s\xc5\xa5\xbf\xcf\xcen\x9f3\xf4\xc9\x19\r\x1b\xbdz\xf1\xee(.\xefZ\xa4~\xaeN/\x0f3\x18FvrV\xf6\x82\xa1\xedE\x87L\xa5RY\x99\xd6\xab\t\x00\xe0\xb3\x99\xcb\x85\x92\xfa\xa8\xa3\x81+\xce\xb9\x97\x076\xad`\xb2\xa4O$\x92Ia\x15P3\xf6\x9c\xde\xe4\x86T\xe1\xff\x8bPg\xccN\xef\xd3\x8c\x88f\xf4i\xc6;\xf5\x8f7\x0fN\xee\xde\x10\xf83!\xa8\x1e\x00\xcd \xe6\xc2\xc9"\x19(J9\x84$D"\xae\xc4&lt;*dN(\xbbR\xed\x8aL\x18\x98\xf9\x1a\x14\xf1\xe6\xb7[,d\x97\x8d\n\x82\xa4\xf5\xb88\xb8\x13\x00\xbc\xbb&amp;\x9f\x95\xd0\xb2P\xfe\x9d5\x86r\x07\xf0\xf3\xd1\xc96\xfe\xb9\xe5\xbdL\xe9t\xb1\xc4RO\x1e\t]L5w\x1e\xe9\xc2Q\xeb\xf2\xf6\xb9\xd2\xe4\xb6\x1al\xa9\xf9gWvG\n\xa2\x1aa\x88\x86\xb7\x0e\x8cK\xd4\xbdVq\x83\x91\\\xd1\x1d\xe5?\xabZ\x8d\xbc\xe1\x88\xfa5\xd4e\xcd\x94\x8d\xc8\xea\xa1-O|\x9a\xd5\xbf\xa5\xd9F\xdbB\xedwiT,\xa3^\x02\xd7\x99\xcd\xb3\xf9\xc3\xf5}\xcb\x00\xe0\xdb]\x00\x05\x12\x87\xbc\xb6\xd7\xf6.U/4\x16\x0cmo\xd0\xc5\xf5\xa8&gt;\x14ptE\xef\xc4J\'\x995]N`\xff\xd2\xb1\x8eV"\xc3K\x87\x01\x00\x9fo\tr\x18\xcd\\\x8a\xff\xa0q,\x95i\xa6~\xe7`\x8dUW\xd2+\x01\x90\x93\xf9\x01\x08\x9eNE\xc9\xc4DUs\xa6\x08\xf4M\x0e\xe0\xe5\x85\x1d\x8fNnt\xbdUW\xf7,\xd1\xabGO\x90\xb5J\xb6\xa4\xeb&amp;\xf7ytr\xa3p\xd7\x19\x98h\xcc\x00\x00\xfe&lt;\x060\xaa}\r"j_)_\x95lI\x9a\x95\xcajS\x00\x00 \x9b\xb1\xfe&gt;;\xdb9\xb0\xd0\xae\xf9#\xd4;\x80\x87\'6\x18+M2Xx\xf1\xbf\x8bg\x92EE~\x89\x00\xc8$qGWO~{u\xafq\x1a-o_5\xb7\xa73\xfa43\xd8\xdc\xe2\xf7cq[\xcdd\xf1\x18G.\x99D\xfeD\xce\xd8A\xfd3\xc6\x9f\x10TO\x90/\n\x18\xa4\xe1\x8clW]\xf1\x9a\x9d\xda0S\xf4{\xcd\x1d\xe5\xabK\xbb6\xcf\x18\x08\x89}\x85\x89&lt;\xed\x8ehv\x7f\xd2\xa6\xe9\x03\xed\x15\xb1\xc08w\xc6!\xf4kX\xce\xa4aD\xd3\xb8\xe1hD\xdd\xd5\xdd\x8by\x9e\xfb\xf3\xe4\x8c\xfa\xdb\tA\xf5j\xe6\xd3\xa0w3\xe9_*\x93\xde\xc3\xae\x08\xa81x\xd6w\xa5\x06=\x1cX6.\x9a\x967\x8e\x88\xe4\x91\x8e\x88\xf2$\xa0!\xcd+\x03\x10\xea\xca\xd9c\x11\x80\xb8D\x1fn\xec\x07P$Ed\x9fHDD&amp;i\'\xba\xd7*\x0e@o\x91~h\xc5\x84\x0f7\xf6k~\xb5\x7f\xe9X5\x11z,\xa2O\xb7\x0eu\n(([5g\xf63\xebK\xe7\xd5@R\xa2\xb8\xaa\xe9V\xbc\xf5\x05\x93F\x9c\xd2\xa3\x91\x92\x1a\x07\x000\xbaC\xcd)=\x1bg\x8eJ\xcf\xcfm{zvk\xc8\x90\xff\xf1\x06\x80pD\x9eD\x00\x9a\x95\xcez~\xdb&lt;\xf9t\xcd\xc8f\x9f\xc8\x94/\x91\xf2]rT2\xcf\xcd\x98\xda\xab\x89\x1c\x8a\xa4\t\xe05^)\xd5\x90\xaf\xeaD|2\x96\x8d\x0e"\xdb \'\x92v@\x1d*\xe7\xd7;q\xd7\x82\x11=j\x97\xf8\xfb\xf4\xec\x8d\xfd\xcb\xcfn\xfe\xdfG\xa9\xcbPd!D!rB\xfb\xe9\xf8Z\x1b\xfa\xbc\x8cQL\xd9\xeb\x1d\xa2G&amp;"\x00\x8d$\xe5[W\x10\xd7M&lt;\xe1\x9a\x98\xd1\xa7\x99s5_\xde\xb5\x08\x7f\x9f\x00\xbf\xdc\xde$\xf3\xb0c\xa47\x81pD\xc6\xac\x96N\xc0\t?\xaa\x02\xfc\xb8\x87\xb6\xac\x02\xfcq\xe2\xe90O\xf0\xeb\xcb\xbb\xf5\n\x8chc\xf6\xad\x19\xd1\xa6Z4"\x00\x83\x9bU\x14\xc1{\x11\r\xc5k\x15\xe8\xdf\xb8\xfc\xc4\xae\xf5\xf9\x17\rjVQ]`@c\x7f\x00\xc6c\xe0\xe2\xe0N\xad\xca\xe5\x04\xde\x8fl[\xbdj\xce\x14k&amp;\xf6.\x9c&lt;\x92X%\x00\xd8\xb7d\x8c\xc2 \xa9\xb9P\xc1\xe7[&amp;\x9b\xfd\x1f\x02\x00w\xf1\x96\n\xb9+\xe0\xc7\xa5\x1d\x0b4\xcb(2\x15\xe6\x0fi\'\xff\x99&gt;&lt;\xd557\x14\x02\xef\x1cm\xde\xe1\x95\x13\x81\xaf&amp;\x0b\xb7\xad\x90\' G2\xa6!\x8bC\x84\x97\x17\xfeST\xd4\xd5s{\xaaGm\xa7cC\x01\xcc\x19\xd8\xda\xf5V\t\xe4\xb6Z\x18\xf5\xa6\x96:\x05\xd2\xd9\r\x0c_;\xa9\xb7C\xc3\x13S\xce\xfd{\x11{\x03\x92\xa8\x7f\x19\xad+\xeftD\x82\x88\xa6\xf0=?\x94W\x97v\xd5/\x9c\xc1&lt;\xbf\x16#&amp;\xd1\x93\xd3\x9b\xa1\xcf\xcf\x1aA\xc5-AD~^\xb13\xa9\xb6\xcd1\x89\xf0\xf5\xce\xc0&amp;\xfeSz4\x96\x8f\x1fZ&gt;a\xc7\\\xc7\x12&gt;\x82\xdbT\x05\xa0\x9e\x19\xf9\x97\xda\x95\x82`T\xc8\x9c\xd0S\xebx\xabr9\x81\xe7\xef\xaf\xef\x97\x0f\xd6\xca\x97F=\x07|\xbcy\xd0\xc75\xd6,\xb7\xa1c@\x81\x0f7\x0fh~u\xe7\xf0j\xf9O7\xa6\x0c\x8a\xd7\xd5!KX\xefze\x8a\xa7\x8a\xf6\xeb\xd1)\xfe\xf3\xe9\x99-\x82q\xbe\x85_v\x9e~\x15\xa7\x94N\x17\xabS@A\x93\xf5\xc7\xb1:N\x8dW\xd9,\xaa\xc7\xa8n\x95\xe1\rG$\xe7?7\xf9_9yT\x18\xd2\xa2\xb2\xda\x8b\xb3k\xc1\x08\x87\xe6E\xd1\x83+:"\xb4P q\xf8(\xf6\xac(b\xb9%;\x1c\x1d\xcd\x90H@\xd4\xadf1\xfe\x0c\xbcn^&amp;\xbbq\xf9b\x9eQ\x01\x14J\xfa\xaf\xc5\xdbE\x16d\xbd\xc2\x19\xccX5]!Q\xd0\x1b^\x14\x02\xa5\xdf\xee\x1d\xc3\xeb\xcb7\xf6/\xaf\xaf\xc5\xb4\xcc\xc3\xa2\x1c\x10\xc8\x03h\x9b\n\x96\xae^)k\xe2ms\xb4\x19\xe5&amp;\x04Y\x96\xdb\xf8\xf5P\xfdmL\xa2\xf5\x93\xfb\xca\xe6\xf2\x84D\x07\x96\x8e\x03\xd0\xb9\xaa\r+\xc9\xee\x85#\xcb\xfb\xc4\xbbup\xa5\xf9H\xaa\xfc*\xeb\x8a\x80\xa7\xd6A\xefH\x96_\xda\xc9\x84 \xb0z\xdd\x90-&amp;\x15M\x11\xe5\xc1\xf1\xf5|\xa3\xc4$\x9f9\x1a\x95\xf3\x8e\x0b\xbc\xef\xdf\xa8&lt;\x1f9\xb1n\xda\xe7\xdb\x87\x89h\xdd\xa4&gt;\x9a\x83L\xfc\xff\x9aDp\xe8\xc1\xc3\xf1S\xf8\xcej\n\xab\xce\x1f\xd2\xce]\xd6\x89&amp;%2\xb7*\xe7\x1bF\xdf[h\xac\xa1xd\xd5\xa4\xd7\x97wo\x991\xc8\xaeo\x1cx\xed|+%\x9c\xda0\xc3\xe0\xdb5\x13{\xf7\xa9\xef\'[\x03\x9c\xb8K\xee5\xfb\x18S\xde7,\xea\xe3\xe8\xe5\x14np1R\x84!\xbaup\xe5\xb2QA\xea)aX\xab\x0099|\xe3\xb4\x01\x0b\x87\xb5\xcf\x93\x80\xfc39\x94`\xee6h\xfa\xd1\xf0\xfe\x9asw&gt;_\xc20\x00\xd4\xfa\'\x8fNmTTX-W\xca\xef\x0f\x8eC\nv4F\xa9\xb41\x155\xe8\x05\x89\x08#\xb9\xa6p1\x11yG"\x85uH\xcd\x80\x1f\x96hJ\x8fFi\xc3\x84\xae\x16\xa9Od\xbay`\xc5\xc3\x93\x1b\xe4\x83\xea\xf1\xe4\xe2\xf6\xf9l\xd1R\xf0\xac\x0cnV\xf1\xf3\xedC\x00\x14\xcb\xd9\x85\xc3:\xdc\xd8\xbf\x9c7Q|d\xe5\xd8\xee\x00.\xed\\\xb8lT\xd0\xff8O\xd6\x95\xc0d\x05&lt;\xb4\xdc\x17z\\\xd0\x8e\xa2eY\xdf\xac1(\xa8Z\x11\xe3\xa0\x91\x88D\xc0{\xe7\\\xb8j\xd4\xcc\x9b\xbaT\xbaXz\xef\x9eq4\xa7\xe8\xf7\xdc\xe0\xa4\xaee\x15\x89\x85\xad\x1e\xe2\x11\x01\xc8\xa7\xca\xb5\xb1\x8b\xb3\x9b\xe74-\x95\xd5\xe4k\x05\x80\xbb\xb2\xa3W1\x86]\xbbG\xefze\x8e\xae\x9el\\ft\x87\x9a\x00JK\xb2J]k\x84\xdc\xb4\xcd3\x06N\xd3\xf2\xad\x01\x7f\xcc\xb7\xd3\x00\x9a\t\xf62\xe2\x12E\xb3\xa5\xe4\xd3\x84\x1c\xee%\xf0\xe8\xe4\xc6u\x93\xfbj\x967\xd8:o\x9b=4:\xd1\xa6\xe9\x03\x14\x1a\x84\xc7\xd6L\x01^\x9d\xdf:O8\x9f\x80\xbf\xf8\xf5\x90\xbb\xab\xc9\x01\xe1\xcc\xa6Yv\x7f\x0bI\x11\x96\x8b\x83;\x1a\x14\xcb\x12\x9d\xc2[\xf2{\xe1\xa1S\xc6\x8drC\x06\x00 h\x91*dNX,eT\xe0\xa7[:\xbc\xdc\xfe\xb8D\xf8\xfb\xc4\xf5:\x1d\xc0\xc7[\x075\x8fw\xa8\xa2\xeb}\x95\x81\xd7J\x97\xaf&amp;\xd4\xe3\xae\xebA\xe8\x85\x93G2\xbf\xa8\xef\x1cX\xc8\xae\x07[\r\xb1vV\x0f\x9f\xdc)\x1d\xadP\x818DO\xcel\xb9h\xbb\xe9v\x08\xa2\r\xb3\x07\xb4\xca\xad\xb3\xd6JA\x04\xc0nXF\x9f\xfa~\x9a\xc7\x9b\xda\x86\x82\xa8\x91!B\x08\xed\x89\xbd\x8b8\x8fw\xd7\xf6\xb6\xaf\x94Oq0!\xd1\xe5\x9d\x0b\x8dO\xac\x989!\xf0\\\x8e\x01\xbb\x7f|\xbd\xf8\xac\x19\xcc\xeeI\xa4i\x97P\xa0d\x9a\x18\x9a\x02\x87\x0e\xa1I\x89\xccf\x02\xaf\xcd;l=\x89\x80\x9f\xc5RF];\xa9\xb7A\x86\x9d\xc1\xc3\x02\x903\x8ee\xe9 \xa0\x99\xf8\xa9x\x89sx\xd8\xd9\xfe\xcaxvn\x1b\x00\xbd`\xad\xd9\xfd[\n}\xb7\xc1\xcd*\x01\xc0\xebK]k\x145Y9\x07\xb6\x16Lj\xff\xf1\x98\\~\x9d\xdb:W6\xb8\xf1=\xd92s\xb0y\x03\xb2\x01^_\xde\x9d\xd7\xf1\x8d\xa5{\x16\xb3;\xe6\x0ew\xf4\x94\xb5\x93B\xd2\\\x01\x88\xf0m\xd1G\x15Y\xac\xff[\xd4+\x9c\x81t\x84\xa8v/\x18\xb9`h{\x83s_^\xd8A&amp;\x04\x00\xea\x17\xce\xd0\xbf\x91\x93A~\x10\xb4X\xc2\x00\x00 \x00IDAT\x1c\tjp\xbf\x8c\xbbp\x97jE\xf8\x83\xc1\xf8\xdb\xact6\x8b\xad\xf5\xf1)qPv\xa4\x05\xe4HFD\x91\xb5\x18t+eI\xcc,\x02\x1e\x86\xcd\x10\xc3\x84a)\xb30\xc8,9\xb2J{\xbd/3\xa8l\x96\x82V#0+\xea\x8f\xfb}\x1b\x84Lo\x8bGt\x12z,.\xa6!\x1e^9\xf1\xed\xd5\xbd\x9a\xabc\xdf\xd8\xa1\x1b\xbcOD\x91\x89\x0e\xaf\x98hL\x80\x11\x90=\xa9\xe6\xee\xcf\xe0a\x05\xfa&amp;\xe7\xec\xbc4\x92\x13^\xcfP\xa3\xc0\x80\xc6\xfe\x8ap\x0cF\x1d[9\x1a"\xe2&lt;)\xcdJNo\x9a\x05+\xd9\x0c\x11\xc5\xb7v0\x03B\x8b\xc4D\x00\x1a\x97\xc8\xcc\xa3\x90&lt;c\ro\x1dh\xd0\xe0\xb5\x93z\xab\x0f\x1a\xc4\xa6\x87\x06\x00t\xafU\xbch\x8a($\xd1\xaf\xfd#81\x83\xbd\xbf\xbe\xdf\xaeo\xb6}e\xe5b\xcd-H@\xd4\xadF1\x83\xb81=\x0cn^I\xdd\xdbj\xe7O\xeb\n\xe1\x9a\xc0\x92\x11\x9d\x15\xfe\xf0\xe3\xeb\xa6m\x9cfa[\xfbvOW\x88\xdc.\x9c\x10\xe5\xd0\xc4\xba\xc9}\xf8\x15\xeaf\xb5~\xdc;\xbaV\x16\x8d\xe1\x95,SM\t\xec\x9a\x1f\xeca\xaf\xe6C\xcb\'\xcc\x19\xd0\xca\xbd\x13\x80+\x90\x9b\xc1{\x97\xe4*9\xb9n5\x8b\xe1\xed\x95\x0f7\xf6{8u\t\x17\xad\xcd\xae\x0f+ESF%\xa2\xf1]\xea\x02\xf8\xf9\xe8\xa4q\xe1?O\xcf\xf8e\x88s\xef\xe8Z\xceg\xc4\xa7[\n\xe6\xd7\xba\x05\xd3\x0b\x15\xd8\x1e\xb5J\xa8*\xb0\x81\xa7\xbd\xb69d\x90\xd1S\xb5\x9d\xa7"\x90\xc0\xf3\xf3v{\x97\xe8\x84l\xf43(\xd9\xber&gt;1!}\xbf\x7f\x9c\x83M+dN\xd8\xa4d\x96\xf6\x959u\xe6\x99\xde@|\xeb\xe0JN\n\x13\x98\xdd\xbf\xe5\xc1\xe5\xe3\xf9s\x95lI\x0c\xde\x05\xcd\xac\x9f&amp;%3\x8fj_c\xfd\x94\xbe\x00z\xd7\xd3\x90c\x12\x13jj[\xd7\xfd\xbfP5i]&gt;\x97\xfa\xe0\xfb\xeb\xfb5e&lt;\xf5(\x85\x89\xc8nH\x13\xde]\x15\x9f\xd5\x99\xab\xeb&amp;\xf7\xe5\x89j\xee\xa06\x8a\x9b\x9b\x92\xe8\xf3\xedC\xe4\xf2R\xce\x15h2^\x08\xb8"\xe9.\xc6-\xefHf\xbd\xff\x1c\r-\x9b\xbc\x05\x0cD]4\x13\xa1\xd7M\xee3\xa4ye\xf5\xf1\xe5c\xba\x91\xa4\x8b\x1b\x9f\xe8\xe7\xa3\x93\xff\x91\t\x80\x88r\xc5\xa5\x04D}\xea\x97\xe1Mz\xd6\x18\x1aRB_\xee\x1ea\x87\x9b\xe2x\xa0o\xf2\xb6\x15r\xab\x8a\xff\xb7\x90\x90\xa8q\x89L|\xc3\xef\x1d]\xabWL\xac\x1e\xd2\x86\xd5]k\xcf\x1f\xd2\xaeU\xb9\x9c\xb2\x1d&amp;\xa1\xfe\xe6 \xb2=o\x7f\x96h\x04|\x97\xfb\x12\x80\xf3\xdb\xe6\ri^\xc9\x15\xca\xa9\xa8\xa6\xf3K\xf0\xfc\x9c\x9e\xd6f\xb3\xd2\xd9&amp;\x04\xd5S\xdb\xc4V\x8e\xeb\xb1`h\xfb\x9euJ\x01\xa8\x9e\xdb3]X;n\x1b\x00A\xd6m7\xa3C\x95\xfc\xb2\x1diX\xab\x00G\xdf\x85\xcc\xd1\x94;\xa4\x8cQ(_\xa2\xb0\xe1\xad\x01i\xd6K\x7fa\xebKt\xa2\x1e\xb5J4.\xe1\x9e\xf4\x1d"\xa2@\xdf\xe49\xb5&amp;\x94oZ\x8c\xac\x9d\xab\x16r(D\xb5\xa5_\x0e\xc5\xedPs\'\x88{:\xbeK\xbd9\x03Z\xc9\xd2.$i\xa6\xcbwVX]\x1a\x14\xf51\xe6\xc3\x12\xa4\x98)\x88n\x1fZ\xe5H\xdb\xcd\xc24\xc5\xa4\x93\xe8\xdf\xa8\xdc\xda\x89\x96\xbd\xea\xe2\xe0\x8evuM\x8d\x83U\xf4\x1c\xb6\x82#Z\x00\xf8\xa5H\xbbWg\xe17/\x9d\xado\x83\xb2\x00D0C(A\xcf\x87\xa3\x08(X=\xbe\xe7\xcc~-:V\xb1D\xec\xa5"\x02\xf0\xe6\xca\x1e3\x97\x00&gt;.\x1d\xd9e\xfe\x90v\x06\\\xad\x8c8D;\xe6\x0eW\xf0\x9c\xffK\x00\xa8\x15jBR&lt;\x1e\x95H\x1d]&amp;\xf4\xb5;\xae\xad\x1a\xd7\xa3v\xfe\xb4\x1b\xa6\xf4\xe3\x19wd\xbb\xea\x9fn\x1d&lt;\xb7eNd\xa2j\xd6xh\x19\xeadW"\xaa\x9e\xdb36\xd1\xea\xf1=y\t\x13\x87g\x91\xads\r.\x1d\xcb\x04\x19{\x97\xaa\x85g\x0fh\xa5\xf9\x15\'\xeb\x02P\xe8\xa1r\x03&lt;m\x0b\xab\x07\x1a\x99\xb0\xa8d\x9a\x98\\\x95\xc8MIA\xd4\xb0\xa8\x8f\xd8"(\x10\x8f(\x9d\x8e-\x7f\xc5\xd8\xee\x8a\xbd\xa6\x13\xe6z\xb3\xd81w\xb8Z\x89%\xb6[c\x81LBm+\x94\xb1ddgEP\xe3\xdd\xa3k\xa3\x9a\x08C,\x9c&lt;R\xf6X\xd4\xa5ja\xc1l\xea^\xc4tA5\xc5\xe4l\xeaADD^\xe1\t\x80\xe6\xe8\x14\x96\xc8\xd8\xebU2M\xccC+&amp;\x94N\x17+\x92V\xb2~\xe6h\x04\xe0\xdb\xfd\x10\x83U\xa5\xac\x89\xef\x1eY\x83\xb7W\xf8O\xcdY\x87\xed\xb3\xec\x90\xef^\xab\xb8\xb9\x9f\xe2f(,\x06MJd\x06\x00|!\xa2\xca\xd9\x92\xd4\xce\x9f\x96W\xca&amp;\xfd\xa8\xb5\xf2\xa5\x19\xde*@\xa6#6Hqr\xaf\x10P\xe6hF\xdc5\xb9\xe3;\x96\x16\xe3"r\xc7W\x8e\xf8QMD\x04\xa8\xc1L\xa2\n\xec\x9c\x17\x8c\x9f\x0f\x0c^[\xe03\x80\x83\xcb\'\x18\xcf:\xb1\x88\xf2\'\x0e\x07)D\x87\x88\x0e\xaf\x9ch\xd0\x9exD\x03\x1a\x97\xdf8\xb5\xbf\xbcn\xf0\x89L\xaf.\xed\xb4m\x80\x05\x03\x1a\x977\xa8M\x81\xa5\xa3\x82\xe4\x06\xc7\'\xfa\xf5\xe8\xd4\xa9\r3\xfc3\xc6\xefX\xa5\x80\xde\n\xa6y\x99\xec#\xdaV\xe3\x13k\xe4I\xd5\xabn\xa9\xd1\x1dj\xb6*\x17\xba\x04\xb46x|z3\x80\x80\x1c\xc9v\xcc\x1dn #\xe5(\xd4\x81\xc6n\x84\xd5Z\x874DC[V\t\xbd\x0b9\r|\xbfg\x86v\xfc\x1fXN\xd2\x87\xa3\x08\xd6&gt;=\xa3os=\xbb\x01\x00\x85\x1f8\xb6\x95\x02\x8c\xff,\x90$\xbc\x1cCyy\xd7"\xfe\x10\xdf\xf6W\xfcKG\x96\x10\xdd\xd6\xdb\x03\xb6,\xeb\x0b\xa0\x85_\x8e(\x86\xd4\x8fz(\x98$\xc2\xf69\xc3L\xc6\xe0\xc4%\x9a\xd2\xa3\x91\xe3\x171\x85\xdb\x87V\xc9\xa18\x8a\xdf\xeb\x8a\xee\x85&amp;\x8e\xac\x9ad&lt;\xf8z\x12\x89@\x1dM0\x9f\x81\xa6\xd4b\xf5\xdc\x9e]\xaa\x166\xee\xf9\xbb\x16\x8c\xa8\x909\xa1B:\xb0t\xbaX;\xe7\x05\xf3\xe7-3\x07\xcd\x1b\xdc\xb6l\x86\xb8\x8a\x81\xb5\x815g-.\x91:\xca\x83\x7f\x14\xf7\xf3\rS\xfb\x91\x0e\xc4\x04`\xc6f\x10\xc9z]\xbc\xbb\x06\x00\xdf\xee\x89\xafD\x7f(\xef\x13?\x9c\x8e\xe1\xbe\x98g\xd4\xceU\x0b\x01\xcf\x9c\xf0n\xba\n~\x06I\xff\x93$\x88\xc6Vo\xf1\x84\x989o\xe9\xc8.\xff\xa6U\xaeC\xd1\xa7/l\x9b\xa7x{W\x8f\xef\xa9\xe7E\xb7\x1b_\xe5\xa1s\xd6\xb9\xads\xd7L\xec\xdd\xa8XF\x03W\r\x9e\x9fkZJ\x99\xf1\xcf7yf\xbf\x16\xfd\x1a\x96kP\xc4[\x1eC{\xd7+\xa3\xc9[[1\xf3?e\xbb\x18\xd5\xbe\x06\x80a-\x034\xb3\x81\xf0\xfe\xda\x9a\x89\xbdX\xce(4\xae.hG\x85\x00\x88\xf9s=ul#\x9aX9\xae\xbb\xc1\xb7\xaf.\xed\xd4\x1cj\x89\xa8\x89\x16\x8b\x83]\x88\xf7K\xf3\xdbXDI\x89\xc6v\xaa\x9dH\xc7\xfe\x99+\xae2\x8dK\x86\x9fW\x1c\xe0\xad\x8bO\xe4\xe7\xc3\x93\x8fNm\xd24\xeeE$z}y\xf7\xda\x89\xbd!E\x131\xd4\xc1\xc4\x9aX0\xd4\x92:j\xb0\x12\xc7\x87\xeb\x95\xb3&amp;!\xa2\\q\xa9\x8d\x7f\xee\xb6\x15\xf2\x10Q\xe6h$\xb3\xa1\xf0\x1c\x19\x81\x08\x7f\x9fD"j_)_\x0c\xa2\x81M\xfc\x8d\xaf&gt;op\xdb\xf5:\x19\x1e\xffih\xf0%\x86\x1a\x96\x8c\xec,:\xa8\xa7\x16\xb1\xbbI\xb4\xf1\xcf\xb5o\xc9\x18u0~\x0c\xa2\x1b\xfb\x97k\xf2\xb2fv*\x10D\xa8\x1ai\xc6\x9e\x13Q9o\x87\xf7^\x07\x97\x8f\x07\xde\x8a?Oo\x9c)^*=\xca\\\x03L\xe9\xd1hj\xcf\xc6\xf6\xcb\xfd\x1f\x04w\x95\xd0\x108_:\xaa\x0b\xdbm\xb6\xce\x1e\xe2\xe8\x04\x00`t\x87\x9aN_\xbad\x9a\x98i\xc3\x12\xf3\x13\xf8\xe9\xf3\x08\x19\xc0 5\xc6`\x02\xa8\x9c5\xc9\xbbk\xfb\xc8\x1aCX$y\x88\x13T\xccg\x87VL\x18\xd3\xb1V\x0c\xa2\tA\xf5\x93\x13UP9\xa52G\xd3\xb6\x9aN\xed\xd5$\x11Q\x8e\xd8\x1a\xf6L\x9f\xc86F\x85\x1e\xb5K(4\xeb\xc5\xda\xa6m\x85\xdc\x00\x1e\x1c_\x8fO7\x018\x97v\xca\x16Q\xc5-\xaaS \xdd\xac~-\xfc\xbcb\xf3\xcda\x8f\xf7\x8a1\xdd\xc4\xe4\xab\xce\x03\r\xc8\x91l\xc7\xdca[f\x0e&amp;"\xe0+\x00=Y:\x00\xbc\x16\x04\xa0&amp;\x0ff\x14L\x1a\xc1\t\xfa2wB\xe1*\x11\xc8\x970\xac\xa2\xbb\x8c\xefR\x0fx\xcf\x07\xe5\xdd\xa2\xdeR\xc5\x0cV\x8d\xeb\xe1\xfc\xc9\xaeA/i\xc0\xa4z\x03\x0bL\xfexpB\x11m\xe9"x\x9f\x94?Q8\x00ER\xb8\x12sDo\xaf\xee9\xb3i\x96\xf9\xe6e\x8eF\xcd\xcbd\x03\xe0\xd2UM@\x11w\x91R\xc5;=oP\x1b\x00;\xe7\x19y\xc9\x0e\xad02\r;\x07\x0f"\xa6\xc8\xbf\xba{1\x87\xa8\x99\xbc\x15"u\xce\xc5\xa8Pu\x1e\x93z&amp;\xe0\x0b\r\xb5\x95\xef\xd6\x83\x88\x9a\xd7\x9c\x00\xb2\xc7\xd2\xb0qe\x8bIm+\xe4\xae\x989\x11\xbe\xdf\x1b\xdc\xbc\x12\x1f\xe4\xe4\x92\xa8D\x07\x96\x8d\x13\x95\x8c\xe9Xkt\x07\xed\x18\x9b\xe9\xbd\x9b\x02\xc0\x9b\xcb\xd6\xcb\xfe}|z\xb3\xf8\xb6Dj\xfb\x89\xa3CZT\x16\xb6\xcd$\xdc\xfe\xbfO\x00\xe0\xd3M\xbb\xe7j".Q\xbd\xc26\x84&lt;\xb5\xf2\xa59\xbcr\xa2\xc2\'\xa4\xd7\xb60D-\xfcr\x8ch[\xadx\xaa\x90\x02"\xa2I3\xd8L\xe8\xac\xbc\xb9\xb2\xa7f^\x8d\xe5t\x85L\t\x1c]d\xb8\x8axD\x0fNl\x00\x9e\x1f[\xa3A\xac\xbar\xac\xcd\xb6\xd4n\xe3\xaa\xe6L1\xa9[\x03\xbd2\x9b\xa6\x0f\xb0\xdb\x1e\'r\xcc4c\x84\xfa7*g\xde\xdba\xbc\xb8\xca\x14\xd5BSe\xb7\x1e\xceG5\xf9\xfc\xf4\xba|\xe6hN:W\xf2\xc4\xd7\xbd\xf4\xe6\x19\x836N\xeb\xff\xf1\xa6vZ\xb8\xf1\xee*}\xe8\xbb&amp;\xe5$g\xce\xec\x93\x01\t\xe6\xeb\xd4\xb3_\x1fY5\xd9\xee\x0e]\xc6\xc4n\r\x00t\xa8\x9c\x1f/.\x88\xd0#c\xf8\xc6&amp;\x00\xa1!\x849\xadW\x13\xbeUc;\xd5\xe6#\xad\xca\xe5\xfcz\xf7(\x00\xc5\xabj\x17\xac-\xa1\xbe\xa5\x9a\x19\xe3\\\xf2\xd6\xc1\x95s\x07\xb5Q|5\xa0qyQ\xc9\xc3\x93\x1b\x01\x08\x93\x94b\x8d\x0f`d\xbb\xeag\xb7\xcc\xc9\xa1Z\xb0\xaf\x18\xdb-\x8a\x89X\xbb\xb9\x03[\x03\x9f\x9fH3\x87\x014\xe3\x1ee\xf4\xa9\xef\xa7\xfe\xf9\x0e\xc5\xc5T\xc9\x96dD\x9bj\xb9\xe3\xd9\x84\xfa\\\xde\xb9\xe8\xd4\x86\x19\xed*\xe5u\xa4&amp;*\x91:z\xdd\x82\xe9\xf1\xe2\x02\x00\xe3\xf4U\x97\x00\xfcR\xff\xe6\x9eu,\x913\xdb\xe7(\xb9U\x87\xb5\nP\x1c1\x0e\xe3a\xd8\xe5oq#4Y\x0c\x19\xed*\xe65i\x10\x8cL\xb4pX{\xb9_\xce\x1d\xd8Z\x96Iyrf\xcb\xf1\xb5S\xe5S4C\xdc\xd4\x88I\xa4i\x04\xf0\x8eH}\x1b\xf8%#\xc2\xa7\x9b\x8b\x86w\xe4\x83{\x17\x8d~yqg\xa1d\x11\xbdm#\x87\xcc\xf0\x11\xd4\xcc\x9b\xda@\x7f\x86\x88|"\x93\xbc\xe88\xb8|\xfc\x83\xe3\xeb\xff\x83\xea\xe7\x17U\xf4\xe0\xe6\'\x80\xd2\xe9&lt;\xf8\xc3\xf3\xf3\xdb5\x0b\x87%\x02\x9e\x03\x10&lt;\xb2v\x11\x93h\\\xe7:\xce\xad\xcb\xe6\x0f\xb1/\x99;\xa2m\xb5\xf1]\xea\x9a\xb1:\x02x\x7f}?\'\xf1z\x12\x11Qd\xa2\xd9\xfd[\xe2\xe3M\'\xb6\x1a\xfc\x8b\x8a\xa5\xb4\xb9\xf0\xb0V\x01\x9a$\xa9\xce\xcd\xc1\x8eB\xed\xe6\x86J\x7f\x1b\x80\x19:\n3M\xcd\x16\x93N\xae\x9f.\x1f\t\xab#a\x9b7a\x18\xbd\xb9_0Z+Rs\xa2\x11UpD\xa2\x8a{,\x00\xd9\xe4\xeb~\x00\x1f\xffA\x82\x19\x00\x93\xdc\tL\xa3\xef(6M\x1fh\x92\xb9\xdb&lt;\x80\xf72kX\x03kn\x01\xc3\x83Hs\xcbf\x17u\x0byi\xf2y\xb5\xad\x98g\xe7\xbc`~\xe0\xe6\xf9U\xf4\x90\x94\xa8~\xe1\x0c\x0e\xb5\xaf\xbcO&lt;\xe0\xa7W\x04\x9a3\xa0\xd5\xc4\xae\xf5\xdd\xa0\xa6\xa6\xc2\xca\xb1\xdd\x05\x97\xce\xe2\x11\x8e\xb1\xc9+\xc07J3\x12F\xf6\x01\x02\xb0+\xb5q~\xeb&lt;\xe3\x02zP\xd0[\xd9%\x9d&amp;\xa2W\x97v\xbd\xbb\xb6\xd7n1\xae\x98\x8d\xebzA\xc3\xbc8a\xc3\x0b\xc3\xcf+d\xac\xd2\x9c\xf9;\x05\x16</t>
        </is>
      </c>
      <c r="E415" t="inlineStr">
        <is>
          <t>&lt;class 'numpy.ndarray'&gt;</t>
        </is>
      </c>
    </row>
    <row r="416">
      <c r="A416" s="1" t="n">
        <v>414</v>
      </c>
      <c r="B416" t="inlineStr">
        <is>
          <t>steps_per_sec</t>
        </is>
      </c>
      <c r="C416" t="n">
        <v>6000</v>
      </c>
      <c r="D416" t="inlineStr">
        <is>
          <t>3.3563652</t>
        </is>
      </c>
      <c r="E416" t="inlineStr">
        <is>
          <t>&lt;class 'numpy.ndarray'&gt;</t>
        </is>
      </c>
    </row>
    <row r="417">
      <c r="A417" s="1" t="n">
        <v>415</v>
      </c>
      <c r="B417" t="inlineStr">
        <is>
          <t>Loss/object_center</t>
        </is>
      </c>
      <c r="C417" t="n">
        <v>6000</v>
      </c>
      <c r="D417" t="inlineStr">
        <is>
          <t>0.038985297</t>
        </is>
      </c>
      <c r="E417" t="inlineStr">
        <is>
          <t>&lt;class 'numpy.ndarray'&gt;</t>
        </is>
      </c>
    </row>
    <row r="418">
      <c r="A418" s="1" t="n">
        <v>416</v>
      </c>
      <c r="B418" t="inlineStr">
        <is>
          <t>Loss/box/scale</t>
        </is>
      </c>
      <c r="C418" t="n">
        <v>6000</v>
      </c>
      <c r="D418" t="inlineStr">
        <is>
          <t>0.0649011</t>
        </is>
      </c>
      <c r="E418" t="inlineStr">
        <is>
          <t>&lt;class 'numpy.ndarray'&gt;</t>
        </is>
      </c>
    </row>
    <row r="419">
      <c r="A419" s="1" t="n">
        <v>417</v>
      </c>
      <c r="B419" t="inlineStr">
        <is>
          <t>Loss/box/offset</t>
        </is>
      </c>
      <c r="C419" t="n">
        <v>6000</v>
      </c>
      <c r="D419" t="inlineStr">
        <is>
          <t>0.14987625</t>
        </is>
      </c>
      <c r="E419" t="inlineStr">
        <is>
          <t>&lt;class 'numpy.ndarray'&gt;</t>
        </is>
      </c>
    </row>
    <row r="420">
      <c r="A420" s="1" t="n">
        <v>418</v>
      </c>
      <c r="B420" t="inlineStr">
        <is>
          <t>Loss/total_loss</t>
        </is>
      </c>
      <c r="C420" t="n">
        <v>6000</v>
      </c>
      <c r="D420" t="inlineStr">
        <is>
          <t>0.25376266</t>
        </is>
      </c>
      <c r="E420" t="inlineStr">
        <is>
          <t>&lt;class 'numpy.ndarray'&gt;</t>
        </is>
      </c>
    </row>
    <row r="421">
      <c r="A421" s="1" t="n">
        <v>419</v>
      </c>
      <c r="B421" t="inlineStr">
        <is>
          <t>learning_rate</t>
        </is>
      </c>
      <c r="C421" t="n">
        <v>6000</v>
      </c>
      <c r="D421" t="inlineStr">
        <is>
          <t>0.001</t>
        </is>
      </c>
      <c r="E421" t="inlineStr">
        <is>
          <t>&lt;class 'numpy.ndarray'&gt;</t>
        </is>
      </c>
    </row>
    <row r="422">
      <c r="A422" s="1" t="n">
        <v>420</v>
      </c>
      <c r="B422" t="inlineStr">
        <is>
          <t>train_input_images</t>
        </is>
      </c>
      <c r="C422" t="n">
        <v>6000</v>
      </c>
      <c r="D422" t="inlineStr">
        <is>
          <t>[b'512' b'512'
 b'\x89PNG\r\n\x1a\n\x00\x00\x00\rIHDR\x00\x00\x02\x00\x00\x00\x02\x00\x08\x02\x00\x00\x00{\x1aC\xad\x00\x00 \x00IDATx\x9c\xed\xdde\xa0\x15\xc5\xdb\x00\xf0\xe1o\xa0\x18\xa0\xbe\n\x88 \xd2\xdd\xdd\xdd\xd2\xddHwwwI\x83\x84\xd2\x1dJ\x8b"\x8d\x84\x84\xa0 )\xdd!\xdd\xf5\xbc\x1f\x96\xbbw\xef\xd6\x99\xdd\x9d\xd9\xd9\xdd\xf3\xfc&gt;\xe8a\xcf\xec\xccs\xcf\xee\xce\xd6\x04!\x08!\x84\x10=\x88\xd0\xbalv\xdd\x04\x1fs(\xf1\x97\xe9\x83\x95K&gt;T|\xa5\xbb\xca\xd5\x03\xeb\xe4\xcf\x8d\x8a\xa4\x8b\xcc\xea\xe6\xa1\xfb\'\xb7\xf5kX\xc6\xbc8\xd5?\xd3\xbe\x17\xf9\xcf\x8dsF\xca\t\x9a\x96\xc8\xa4Lf\x14\x8c:\xff[Gh\x92\x85\xce\xc7\xa0\xb8!\xcd+\x02\x80"d\xd2\xb5F!e\x82\x86\x8a\x1f\xc4&lt;\x7f\xe5\x1f\x88\x90\x17P\x1ee\x88#\x93m\x90\xecM\x02\x00u\xf3\xa7\xb4\x9dy\xae8o\x98\x17\xbds\xd9$\xed\xf2\xec\x9fZ.\xa8B\xc6x4\xc9\xb6-\x1ck9k\x85\x12\xc9\xd5\'Dx\xf8\xafIz\xd5o{\xff\xe4\xb6\xf3{V\x02\\\x0e\x99R\xe9\xc2\x9eUVbD(\n/W\xb2^\x8e-\\\x00\\5O\xd0\xef\x9b\xd2\xf4\xb9\xe5\x8c\xfd?g\xe1P\x01\x80\xb3\xbb\x96\xab\x96\xb0\xca|\xe6\x80\x96&amp;\xd9.\x1b\xdb\x9dUA\x92\xfa\x05R\x99\'hP(5\xdb\x12QX\xc1J\x16\x11B\xc8\xb3\x0b{\x08!Sz6\x12\x1d\x88?\xac\xfbap4B\x08!C\x9aW\xdc\xb1t\x82|\x14E\x8b\x9a\xacz\x8eD\xc4\xf11\x96\xf5\x13\'k#\x8eZ\x94\xce*:\x04\x1f(\xf0\xe5\xbb\xa2C@t\xde2\xfeJ\xae\xc5\xbe\x08\x95I8lme\x9d\x0e\x00\xc9\x8d\x7f8NWX?\xf4m\xc6#[d\t^&gt;#\xe4!\x8bGu\xb1\xb1V\xd3\x12\x19\xe9\x13[=\xe6\x874\xafh1\x1cB"n\xc8\xbc\x00\xeb8\x84\xc2\x9d\xbdZ\xc0\xe5\xba\xc3\xe4\xf6E\xd7\xb1M\x0b\xac\x16\xb1~\xd60\xdd\x97\xb4.\x00x.\xa4\\\x84\x102\xd4\xa3vQ\x93o\xeb\xe6K\xe1Z$\x08!\x84\x18\xab\x913\xf1\xdai\x03l\xaf\x0e\x0fN\xaa\x96Dw\x16\x8f\xec\x03\xc5\xe7\xe9\xfd[\x8c\xef\\\xcfF&amp;E\x12+\xb3!s\x87\xb6s\x14\x13B\xc8o\xdch\x9b\xe8kC[T\x12\x1d\x02I\x13\x83YV\x00\xf7\xe4\xcfk\xa7\r\\&gt;\xa1\x17\xb3\xac\x11B(|\xb8\xf9\xba\x92\xd5K\x05\x80G\xd29`J\xaf\xc6\x00\xf0\xfc\xe2&gt;&amp;\xd9"\x84\x90\x9f8\xafR\x01\x1e1\x89\x84\xae,V\'\x80\x9b\x8d\x8b\xa6g\x92\x95\r\xe5\xd3\xc7\x15U\xb4\x16\xbe[fB\xbbgb\xeb)\x84\x18cxP\x01\xc0\xe1\xf5sY\xe5\xe6_\xbf/\x19/:\x04\x84P\xd8\x1b\xd6\xa22}\xe2\x8a\x99BvG\xf37|+\x85\x10B\x9e\xe6\xe6m\xbe\xa8\xfe\x07\x08!\xe4\xaa\xe4o\x8a\x8e\x80\x1a&gt;\xeaE\x08!\x84\x10B\x08!\x14N\xfcs\xc7\x8e\x10B\x88\xa9\xad\x0b\xc6\x88\x0e\x01!\x84\x10BL\x94H\xf11!d\xd6\xa0\xd6\xa2\x03A\x08!\xe4\xae\xbb\'\xb6b\x13\x17\x84,\xf9i|O\xd1! \xc4\x08\x9e\x00\x10Bb\xdd&gt;\xbay\xfd\xaca\xb7\x8fn\x16\x1d\x08B\x81s\xf9\xcf\x9fE\x87\x10\x1cx\xc1\xc4\x1c\xdc9\n\xb2\x87\xff\x8a\x0e\x07\x11\xf21!\xf0\xf8\xb4\xe8(\x90_%\xd0[\xe8\xd9\xaa\xd3\xb3\x81\x85\t\xf9\xf7\xff\x88\x90\xfe\r\xbf\xae\x83\x13L\xb9\xe6S\xd1\x01\xa0\xf0\xf1\x99\xe8\x00\x907\x01\xbcR|\x86)\xbd\x1a\x0b\x0c\x06yW\x9exV\xa7\x04F\x88\xb1\xfa\x05R\x89\x0e!h\x00\x9e\xc9\x9f\xdf"\xa4A\xc1\xd4\x02\x83A\x08\x05M\x9br9\xb5\x0b\x0b|\xf9\xae\xbd\xdc\x82z\x89\xaa|\x14\xa6\xbc*w\xc1\xbe\xd5\xdf\x13Bb(\x86\x08\xc3\xe7r\x08\x89\x01\x00\x00\xafF\xb7\xaf):\x10f\xf0Q\'\r\x00\xd88g$!\xa4^\x81\x94X\xff"\xf1\xe2\x88\x0e\xc0\x17\x8em^\xc8*+P\xe8X%\x1f\x00\x9c\xdd\xbd\x82U\xe6\xa2`]FI\xfa\xa1&amp;u\xff\x86\x10R\'_r\xa3\x04(L}.:\x00\xc4UD\xcd\xff \xea\xc2\x17\xa2\xe2A\x081\x90Pt\x00\xc8\xfb\x00\xc0\xe8N\xa2X\xd2\x98.\x07\x83T\xbe\x12\x1d\x00B(\xb0\xa4+\xff\xf1\x9d\xeb\x1a\'\x10s\x1f\x00pMH\xb9~\x14Wt\x00H,\xffM1;oX{\xd1!\xa0H\xf1\xe2\xc7W-\xf9\xa1o3\xe9C\xb4hbF\x83\x8f\x16-\xb6\x90r\xfd\xe8\x8a\xe8\x00\x102t\xea\xf7e\xa2C@\x86\xe4\x17\xbfKFwU._2\xbak\x9f\xfa\xa5DE\x85\xbc\xa9Q\x91t\xa2C@\x08\xb1\xa3l\xfc\xa3\xfa\xaaY\xc9LBBB\x08\x85\x8b\xcd\xf3F\x89\x0e!R\xf0\xaa\xbc;\xc7\xb6\xc8\x9f\xcf\xfd\xb1R\x9b@y\x02\xd0\xedl\x1d\x8bSd\x08!w$3x\x8a\x0b\x00\xa2^\xf1\xe5O\xf0N\xaaw\x08\x00\xfc\xb3a\x9e\xbc\xb0r\x16\xdd\x91\xc4\xdcsr\xdb\x12\xb1\x01\xb8\x0f\x9e\x9d3\xba\x03@\x08\x05A\xb1\xa41u\x1b\xf2\x03\x80\xf2\xd4pt\xd3\x02w\xe2\x81\'g\x00\xe0\xafu\xb3\xf4B\xba\x0f7\xfev\'\x0c$\xe9P)\xaft\x02X&gt;\xa1\x97\xe8X\x10b\xe3m\xd1\x01\xf8\x8f;\xd7\x80y&gt;\x7f\x0b\xaf7=H\xf9,h@\xa3\xb2\xb8\x8d\x90\xa4Zv\x06]\x11\xb2\xbb&gt;"\xc7\xf3\x0b{\xdd.\x12\xd1\xb8\xfe\xf7\xaf\x00P0a\x0c\x934\x199t?\xba\x7fr;\xfbL\x83\xc5\xe4\x850B\xfe\xb2`DG\xd1! =R\xfd2\x7fx\x07\x934\xbfL\x1f\x8cu\x10\x0fp\xeb\x1f\xd1! 7\xf4\xa8]\x8cS\xce-\xcbd\xb3\xba\n\xc3\x11\xab\x90\xbf\x9d\xde\xf9\x93\xea\x1a\xb3T\xcaO\x94\t\xa4\xf3\xb6\x94\xa0H\xe2\x0f\x04\x84\x88\x10B\xe1\t\x00\x00n\xd5/\x98\x9a\xd3\x058\xc0=\xe5s\x86\xf4Qkxxr\x06\xe0\x99\xfc\xed\xa8v5x\xc4\x10\x18s\x87\xb6\x13\x1d\x02b,\x91\xdeBu/m\x84\xec1\xa9\xd6G\xb7\xaf\xe9\xc2S\x17\x80W\xca\x13\xc0\x89\xad\x8bU\xe1\x01\x00\xdc&lt;,\xfd\xff\xc8\xc6\xf9\xbc\xe3\xf15\xd5\xe0\x9d\x08!d\xc6\xa4\x8a\x97\x1f\xcbp\x1dWHY\xfb_\xde\xbfv\xf7O\xdf\x99$\xebR\xbd \xcfX\x10\xf2(\x1c\x01\xd4\t|}hGD\xb5|+\xdd{\x84\x10\xd2\xa4xF\x9e\xa5\xc0\xf9=:\xbdRe9c\xff\x0f\xe09\x8f\x00h\xc0\xb5\x83\xa2\x8aFJ6\xa7mD\x08\x85\xa4z\x9b\xafz7\xdb\xb0pZ\x1ec\xcc\x02&lt;U\x96r\xf5\xc0:\xddd\xcf/\xee\xeb\xdb\xa04\x87\xf2\x11B\x02\xe4\x8e\xfb\x86\xcb%\xa6\x8c\xeer\x81&gt;\xb7v\xda\x00\x00\xa8\x937\xf9{\x9c\x0b\x92N\x00w\x8fo5O\xc3\xaa\xb8\x95\xdf\xf5a\x95\x15\xf2\xbb?\xd7\xfc :\x04\x84\xc2\xdb\xbf\xdb\x97J\xe7\x80\x91m\xaai\xbf\xdd4\xef[irj\x17|\xe1N1\x84\x10B\xdew\xb1,\x84\x10\xf2\xb4]?N\x92N\x03\xf2\x00p\x152\xc6\x03\xb8\x81/p\x10B(\\\x14M\xf2a\xa6\x8f\x08!\xe4\x1dB\xc6u\xaa#:\x1c\x84&lt;\xa7w\xfd\x92\xa2C@\x08!\x84P\x80e\xffLt\x04^\xd2\xabNq\xd1! \x84\x10\n\xba"\x89?\x14\x1d\x02\xf2\xb4\x1c\x9fE\x13\x1d\x82o\x9c\xdc\xb6$\x8e\xe8\x18\x10r[\x89\x14\x1f\x8b\x0e\x01\xf1\xb2dLW\xd1!x\xce\xf0VUD\x87\xe0a\x00\xf7D\x87\x80\x10B\x08!\x84\x90 8\xbc\x12\xf2\xa5\x0e\x95\xf2\x8a\x0e\x01\xa1H\x9f\x12R8\xd1\xfb\xa5S\xbb&gt;\xc7#B\xe1\x06ggD\x9e\xf2\xfc\xe2^\xd0(\x9b6\xb6\xe8\xb8\x10\n\x9c\xcc\x1f\xbd&gt;\x014-\x91I^\x18\x97\x10\x00\xc0\x99\xd2\x90\xcb\xb4\xf5\xbe\xd2\xab+\x07D\x07\x88P\x84,Ai\x0b#\x1f`\x89\xa3E\xf9\xe7\xca\xef\xfa\x8a\x0e\r\x85\x11\xa3z_j\x84\xd3\xb7A\xe9\xd7C\xc9\x1f\xdd$:R\x84\x02D\xf5\x08\x08\x00\x066)\x87\x0f\x85\x90\x9b\xde\x8ez\x02H\xfd.\x89F\x08\x00|\xa8\x98&lt;jr\x8f\x86\xd2\xb7\xed+\xe6\x11\x19+BA\x82\xef\x00\x90p\xca\xda_\x9e\'\xaa`\xc2\x18\xaadi\xde\xc5\xdd\x15!\xc4\x07\xc0#\xd1!\x84#e\xed?\xa9[\x03\x9a\xc4\xb1\\\t\x0c!\x14(nN\xcf\x80hl\x9e7J\xf5\xd0?\xe4*\x00\xb0a\xf6\x08\x17b#8\xf7\xafw\x0cl\\Nt\x08~\x05p\xdd\xf6\xba+&amp;\xe1dg\x88#\xed[\xdfK\xfb\xd6\xe8&amp;\x93\'\xf8\x03\x80\xc7gv\xb1\n@\xfb\xa0\t\xf9C\xb5\xec\xd8\xf3\x0e!\x1fKh\xd0\xf8\xa7G\xed\xa2)\xde\x8aL6\xa0qY\x00\x00\xf8\x8f\x10\xb2}\xf18|\r\x10^&gt;%\x04\x00n\x1f\xdd\xac\\X"\xf9\xc7\x00\xafp?@\xfc\xe0\xde\xc5[\xda\x18\xfa\'\x80o\xdbV\x97\xd3\x0cmQ\xe9u\xd7\xb0\xa7g\t!i\xdf\xc3\xf7\xc0&gt;\x04\xf0\xa8X\xb2X\xf6\xd6]2\xa6\xab\xb4\xc9k\xe7I\xa6\xc8\x90\xf6\x89!B\xc8\xb3tO\x00\x00\x8f\x95i\xd2\x7f@\xf2|\xfeV\x94Un\x1dq=R$H\x8f\xdaEu\xebz&lt;\x01 \xe4w\'\xb6,\xd2V\xffo\x18\xa7O\xf7\xbe\xe5\x03\xbfE\xe9,\xf6b\xfbc\xf9d{+"\x96\x16~\xdb\xc9\xe8\x04 $\x1e\x84\x10C\xea\xea\xff\xd5eB\x08\xc0\xcd\xec\x9f\x91\xbe\rJ\xa9\x12\xbf\xb8\xb4\x1f\x00\xee\xff\xbb\xdda\x89NVGn\xc3\x8b\xfd0q\xed\xaf_E\x87\x80\xdc\xd6\xacdfe\xfd?\xaes\xddl\xffG\x08!\xc5\x93}\xa4M\x0c\x00p\xe3o\x17\xa2\xc2\n\xc7\x8b\xb6.\x1c+:\x04\x84\x103Sz5\xfe\xef\x9f\x8d\xc5\x92\xc6\x1a\xd1\xba\xaa\xf24\x10\x8b\x90\xc4\x84d\xfe(JJ\xd5\x8b@$\x1e\xbc\xb8H\x99rl\xc7\xda\\#A\x08\xf9\xdd\x9dc[\x14g\x81\xff\x00\xe0\xc6\xa1\xf5\xf2\xbf\x99LX\x0c7\x0e\xb1\xc8\x06\x11B\xac\xdc(\xe1-\x15\xf2\x91\x7f6\xcc\x13\x1dB\x98\x02x\xac~+\x80U6B\x08\x85\x8fw\xe4\x97\xc3O\xce\xb2\xca\xf3\xe0\xba\x99\xac\xb2B\x08!\x84\x10;L\x9e\xf1!\x84\x10\x13\xf8\xe0:\xbcL\xecZ_t\x08\x08!\x84Dxxz\x87\xe8\x10\xd8kX$\x9d\xe8\x10P$xp\xd2\x8dR4\x97\xae\xd9?u\xa1X\x84\x10B"\x98?\xaf\xc0\xb9\x10\x10BH\xbc\xa7\xe7\xfe\x10\x1d\x02B&lt;\x01\xc0\xf3\x8b{EG\xc1\xd1\xb1\xcd\x0bE\x87@\x08!\xef[L\xbftL7.qxOt\xd1\x01 \x14\xd6&lt;\xfb\x02\xdd\xb3\x81!\x14\xe62\xc6\x14\x1d\x01B\x88\x102\xaa]\r\xd1! \x84\x02\n\xe0\xbe\xe8\x10\x10\x12\t\xee\x1ec\x98\xdb\x0f}\x9b1\xcc\r!\x97\xe4O\xf0\xae\xe8\x10\x10\xf2\xb7L\xb1DG\x80\x90\x12\x00\xe4\x8d\xf7\xb6\xe8(\xec\xc3\xf7\x04\x887\x80\xcb\xa2C@\x08\x85\xb1NU\xf3\x8b\x0e\x01!\x84\xbc\x87\xf2&amp;\x00\xef\x15\x10B(L\t?\x01\xa4\x89\xc1,\xab\x9a\xb9\x920\xcb\xcb\xe7n\x1d\xd9(:\x04\xa4\x03\x00\xbe\x14\x1d\x03BQ| :\x00V\x84\x9f\xcc\\\x16n\x7fo\x00\xb4\xaf\x98\'\x96\xe8\x18\x10\x12\xa6I\xf1\x0c\xfc2\xa7\xaf\x10s\x7f\xfe&amp;\xbf0\x10B\x08\xb1\xc4\xf6j\xb7x\xf2\x8fB\'\xf2\xad\x89\xdd\x1a\xd4\xcd\x9fRt\x14\x08!\xcex\x0f\xe9\x13\x97k\xee\x089\x83\x0f\xc1P\xf8\xbaud\x13\xdc\x0c\xc2|\xd3\xf8Z\x0c!\x84\xac\x01\x800\x19\x91\x02/\xf4P\xc00\x9c\xde\x06\x8f\x8ep\xd4\xb7Ai\x00\x98;\xb4\x9d\xf4\xcf\xb5\xd3\x06\x00@B\x91\x11q\xd4\xb3Nq\x80{4)7\xcc\x1e\xce;\x18\xe4AX\t"\xa7\xe0\xeeq\xd1!X\x03p[\xfe\xfc\xfc\xe2^\x00\xc8\x15\xf7\r\x81\xf1 \x84P\xf8ryNv\xb8}T\xf9\xcf5S\xfb\xbbY:B\x08!dG\xe9\xd4&gt;\x98\xe4\x1b\x1f, {p\xcf\xf1\x9a\xff\x89\x0e\x00E\x91.Cz\xdd\xe5\x952\xc7w9\x12\x13\xd1\xa2E\x13\x1d\x82\xef\xcd\x18\xd0Rt\x08n\x0br\x1f\x13\x84D\xd9\xb7\xfa{\xd1! \x84\x10\x8a`o\x12T\x93\x1bdx\xf0\xaf\xfdh\x90\xf7\x88}\x18RF\xd0\x93F|\x04\x84\x10\xb2`\xdd\x0f\x83D\x87\x10\x10m\xcb\xe7\x14\x1d\x02K\xbex[\x86\x10\xb2,\x1c\xae\x13\xcb\xa6\x8d-:\x04\x91\xb0]6B\x08EJ\xf1\x96\xe8\x08\xbc\x04\x9e\x9f\x17\x1dBX\xc031B\x9ep\xf3\x95\xe8\x08XK\xfd\x0e\xb9\xf1\xc2\xe6\xba)c\xbe\xb9l\xfdN\xa6\xe1 \x84\x90\x8b\xce\xed^!}\x18\xd8\xb8\x9c\xd0@&lt;\xe4\xd1\x99]\xa2C@t\x96O\xec-:\x04\xe4-\x89\xdd-.\x18\xa3\xba"\xe4?\x00\x10\x0e\xef\xe2\x90\x0b:V\xcegoE\xb6{\xe0\xe1\xf5s\x9dgr\xe5\xc0:\xe7\x99 \xe4u\xb5r\'\r\xde\t \x96\xe8\x00\x10r\xa8T\xcaOD\x87\xa0c\xf1\xe8\xae\xa2C@L\xbd\x17\x1e\xad\xf1&lt;\xe2\xc1\xbf\xbf\x8b\x0e\x01!\xc6\x94\x15\xc8\xac\x81\xad\x04F\x82\x10B\x88\x99\xb5\xd3\x06\x00&lt;\x13\x1d\x05\xe2\xe6\xc4\xd6\xc5\xa2C@\x08Y\x03p]t\x08\x08!o\xab\x937\xb9\xfb\x85\xee_\xf3\x83\xfb\x852A99\xf3g|\xa3@\x88=\x1c\xd7\x17!\x9f\x91\x9f\xad\xe3\xb8\xdc\xc8!\xb3\xf9\x00n\x1d\xd9\xe4Z\x1c\x08!Jr\xbd\x8f\xcd4,\xd9\xfd\xd3w\xa2C\xf0\x0f\xd7\xfa\x01\xa4~\x97\xc4p\xa1\x18\xc4\x93\x1f\xe7\xfa\xd82\x7f\x94\xe8\x10\x1c\x01xf~\x84\xf6\xaa["d&amp;\xd9qHM\xe4D\xb27EG\x80\x08\xc9\xfd9n\x06/\x12{\x85~p\xddL\x81\xa5#\xdf\x9b;\xb4]\x81/\xdfe\x9bgB\xb6\xd9!\xe4\x13\xee\x9f\x0cn\x1cZ\x8f\xcf\x88\x90\xe7\xe0N\x89\xfc\xabP\xc2\xf7D\x87`\x01\xab\xc1\x94v,\x9d\xc0$\x9f\x90\xb0r\xf0\x96\x1a9\xdd\x18\xfe+\xfd\xfb.\x14\x12\x85\xcb\x83\x9a\xf9H\x8b\xd2Y\xe9\x13\x17Kjk\xeaK\xe4\x96\x0e\x95\xf22\xcc\xads\xd5\x02\x0csC\xe85!\xa7}?\xce\x84\xf0\xea\xca\x9f\xfc2?\xbaq\xbe\xd5U\xee\x9f\xdc\xce#\x12\xd7\xe0\x1c,\x08\x89\x87\xf7}&gt;\x05\xb7\x8f\x88\x0e\x81\xe4\x8ac\xd6\x94\xd9kN\xef\xfc\x89an!\x0f\x1c&amp;G\xd6\xa0&amp;8\x99\x01\nKo\x8b\x0e\xc0M\xf9\x13\xbc#:\x04\x1f\x9b\xdc\xb3\x91\x9b\xc5\xad\x9e\xdc\xcf\xe4[e\xbd\x0f\xf0\x94{4\xa6\xf0.\x0b\xbdv\xea\xf7e\xa2C\xf0\x04&lt;$\x10\x8d\x0b{W\xd9[\xd1\xe1\x85\xff\xa4\xee\xdf8Y\x1d!d\x87\xd4\xe4vx\xab*\x82\xe3@a\xcf\x9d\x87K\x08\xb9\xe1\x97\xe9C\\+\xab^\x81\x94\xf6V\xac\x9a-\xa1\xa5\x83\n\x8f@\x14\xd2\x88VU\xed\xadX-\xdbW\xe6\tz\xd5-n/g\x84\x10\x03u\xf3G9\xd3$\xf3c\xab&amp;d \xc0g\xf7\xa3\x9b\x16\x88\x0e\xc1L\x89\xe4~\x1c\xd6\x04!\x84\xdcB3\x80P\xf7ZE\xb8\xc7\x81\\\x93/~t\xd1! \x84\x10Bt\xf0\x94\x85\x98;\xb9m\x89\xc9\xb7\x0fO\xefp-\x12\xd7\x8chm\xf3E\x02BH0\xd5\xd3\xe4v\x15s\x8b\x8a\x04\xd1Pm\xaf\xc5\xa3\xbb\xd0\xac\x15r\xc8\x96\xdb\xc76\xeb.\xaf\x9e#Q\xc80\xb4\x93\xce&lt;&gt;\xbb\xcb\xa4,\x80{F_%q0\x81M\x80\xdf\x8bx\x1a\xc0\x15\xd1!\xb8\xeas&gt;\xd9\xe6\x8a\xf3\xbf\x0f\t\x99\xd0\xa5&gt;\x9f\xec\xa3\xf0\xef\xe4\x8b\xa8^~\xb3VdF\x95\xe0\x86\xd9\xc3\xcd\xb3\x05\xb8\xa6\xbb|L\x87Z\xbb\x7f\x9a\xac]~l\xf3B\x93\xdcl?\xdf\xaf\x98\xe9\x0b{+2\x17\xf2t\xf2\xb1;q\xa0\xb0r\xef\xc4VN9\x9b_\x94\xa1p\x93%j\x05\xc6\xf6\xf2\xd9(7xy\xb1]\x05\xbc\xc5\x0c\'\xebg\x0e\x15\x1dBxiV2\xb3\xe8\x10\x90\xab\xca\xa7\xd7\xbf)\x05xh\xb0\xfcQ\xa3"\xe9f\rl\x15u\xa1\xb5\x13@\xfd\x02\xa9\x8c\xbe\xca\x17?z\xd1$\xfa\xa3\xc0:y\xc2#\xf9q|O\xa7Y \x14\x0e\x00n\x89\x0e\x01\xf9C\xc8\xb9!\xe1\xf9y\xfa\xdclwuD\x08\t\x80o\xcf\xc2\xdc\x82\x91\x1d\xd9f\x18\x9fmv\xc8\xb3f\xf4o!:\x04D:W+(:\x84\x00\xf2\xd7\xa4@\x00w\t!\x9d\xaa\xe4\x17\x17\x00\xb3\xcb\x08\x00H\x8e\x93X#\xe4\x829C\xdb\x8a\x0e\x01\tP&lt;Y,\xf7\x0b\x85\x07\'\xcd\x13$p\'\x0e\x84PPI\x97\xa2\x83\x9bV\xe0]P\x8e\xcf\x0c\xdfiv\xadQ\x88w\xe9\xfe"m\x14\x9a\xf93\x1c\xdeI\xc4d1\x0e\x9d\x9f\xa6\x10BHv\xf0\xe7\x19\xa2C@H\xc7\xa33;](\x85\xd5c(\x80GL\xf2\t/)\xde&amp;\xbd\xeb\x95\x14\x1d\x05B\xc8\xdf\x9a\x96\xc8(:\x04D\xed\xde\x89m\x00\x00\xd7\xff\xca\xfc\x91\xfa\x0c\x1c\x1d[\x98PX6\xb6\xbb\xe8\x10\x90_\xe5\x8fO;Og\x91\xc4\x1f@\xa4\xdb\\\xa3\x92\xd8\xee\xd4\x8b\x95\x86\xcf\xcc\x1f\xd1A\xfa@3\x0c,B\x88\x89\x90\x03&lt;\xc8\x00\xee@T)\xdf\x96\x96_\x7fz\xee\x0f\x1bES\xd6\xd16\xaa\xf2\x96e\xb2Y\x0f\x87\x01y\x14\x16&lt;\xfd\x04\x10nT\x8fh_1\x8f\xe8\x10\xc2\xcb\xd6\x05cv.\x9b\xa8\xac\xfaw.\x9b\xa4L\x10\x8f\x90\x94\xdc\xc6\xc5\x8dI\xc8\xf1-\x8b\x9c\xe4\xa0\x9c\x80%\xfd\xfb\x8e\x03Bl%\xc5\xf7\xe5\x08y\x98\xb2\xea\xef\xf7M\x19\xa3dq\xdc\x8c\xc9\xaeJ\x999\xf60\xab\x91+\t\xbf\xccQ\xd0\x98\xdc8\xff\xf5\xcb,wb\xf0\xce|\x06\x007E\x87`\x01\xfd\xed\xa0\xdf\xbb#)k\xff\xdbG\xf5\x07|\x96e\xa1\x1b\xdf\x12\xe0EJ\x9a\xe6\x9c\x84\x10B\xbe\xf4\xc9\xa9\x05!\x14.r\xc6q\xe3\xbe\xd5\x0bO\x1dU\xcf\xfd\xcd\x13\xf7\xa8]t\xf5\x94\xfe4y2\x8a\xceU\x0b\xbf\xedd\xf4\x95O\xff"\xc4\x18\xee\x07(H\x067\xab`\xe9\x04\xd0\xb4DF\x80\x17o\xb9\x13\x1c\n\x8c\xde\xf5J:|\xcf\x83\x90V\xd1$\x1f\x8a\x0e\x81\rQ\x17\x16\x00\xd7U\'\x80_\xa6\x0f6_\xe5\xfe\xc9\xed\xf4\xedJ\xdd1\xb9GCo^\x99\xad\x98\xd4Gt\x08^\xe2\xcd\x8d\x84XQ6\xc6\xb0\xa4B\xc6xl#\xf1\x9dY\x83Z;\xcc!\x86\xf1W\x9f\x19\x7f\xa5m\xfa9\xbd_sU\x9a\x14oG9r\xe1\xfa_;\x97Mt\x16\xac\xdb*d\xa0\x9a\xa3\xcf;/\xcc\x10\x17&amp;g \x93\xc7\x7fn\xf2\xf59\xf2\r\xd1\x01x\x90\xc7\x07=\x06\x8da-*k\xd2\xdc\x97w\xcbC\xeb\xe7\xd0&lt;)B\xc8\x8b|\xb1\xe3\x9a\\\xcaq2\xb9GC\x86\xb9\xd5/\x98\x9aan\x88\x07\xf9T\xad=\x01h\x13\x03\x00&lt;;\x1f\xf1\xf9\x15\xbf\x13\x00\xc0cvY\xb91{%\xb2\xafg\x9db\xa2C@\xc8\xa3\x1c\xcf\x8aH\x0b\xe01\xfd\x1b`\xa28a\xb8\x12\x9b?\xaa]\xbf\xc4\xe9!-\xcbd\xc5_\r\x853\xa3\xd7\xd7\xb9\\i~\xaa\xf4\xcb\x8c!R\x9d\xbetL7\xf3\x94\x00W\xa4\x943\xa3\xce\x15\x8c&amp;uk :\x04\xff\xc8\x18\x93,\xfa\xb6\xb3\xe8(\xc2Hf\x9b\xaffQ\x00\xe9^x\xa5x\x9b\x00&lt;\x0cyM\xe6\xe6\xe5?\x13\x03\x1b\x97%\x84\x0coUEt (\x0c\xf4o\xf8\xb5\xe8\x10\xd8xrv\xb7\xe8\x10\x90\xdbr\xc6\xfe\xdf\xf7}\x9a\x9a$\xf8\x8a\x903\xbb\x96\x03\xbcL\xfb\x1e\xfb\xd2\xd7N\x1b\xc8&gt;S\x84\x90\r5q\xc0\x13:\x19\x02\xd2\tA=7Y\xfa\x0f\xc8\x8aI}\x96O\xecE\x08\xe9X%\xdf\xb6\x85c\x13\x11\x12\x97]qI\x15\xcd\xc5j\xe7I\xc6.cf\xdeu\xb0n\x97\xea8\xf96\n\x85\xc7e\x94\xc7\xa5q\xbfy\x93?\x01\xbc`\x9e\xe7\xe0\xa6\xe5\xad\x04\xa0\xf1\xfc\xbcQ\xe2|\xf1#[\xcf\x17se\x0e\xe1U\x93\xfb\xbaP\n\x12C\xe0\xc8\xa1&gt;z\xb8\xe9/\xda\xfe\x01u\xf3\xa5h[&gt;\x97nb\x1fm\x85z\xf9S\x8a\x0e\x81\x0bU\xe5\xff\xe0\xd4\xef\xa2#\xf2\x1c\x80{\xa2C\xf0\x9b!\xcd+*\xff\xf9\xe2\xe2&gt;\xa3F\xc7nE\x84\xbc\xe8\xe2\xde\xd5\xa2C\xf0"x|\xda\xc9\xeaMKd\xb2\x94\xbe]\x85\xdc\x81y\xa7\x85&lt;d\xdf\xaai\xd2\x07\x00X2\xba\xab6\x01\xe5x\xb3&lt;\xb0:\xf7\xa8\x1ek\xd6\xc9\x9b\x9cI\xb6\xde4\xa6C-\x9adU\xb2~\xc9;\x92`\x83W\x97\xb8\xe6\xbf\x7f\xf5\xf7\\\xf3G\x88\x10q\x83\xc2w\xac\x9c\xcf\xb5\xb2\xe0\xd99\xd7\xca\x12n\xd1\xa8.\xf6V\x04\xb8\xc16\x12\xbf\xf0\xf8\xe0\x10\xfc\x04\xe6\x9d9r\xc4\x9b\xef\xfd\xcd\xd1\xbf\xb3\x05\x80\x14o\x91\xc7gv\xa9\x16\xb2\x8f\xc9\xab(\x87\x82x\xcc\xa8\xb1i\x90~[y\xa8\xfd\xde\xf5J\x8a\x8a\x01\xe7fA\x8c\xd1\x1f\xa2\x9e=\x98?\xa0K\x96?\xc1;\xd2{3\xf9\x84\xe1\xbb\xbe34\x98t\x14\xb0\xf4\xb3|\xe5\xbc&lt;O\xfa\x84\x10\xa2\xd8\xed\xf7\xe1s\x18\x14\x9e.\xee[\xe3\xaf\x8aR7\xd4a-*\xa9j|\x80+s\x87\xb6\xf5\xd1\xdf\xe5M\x00\x97E\x87\xa0\xafu\xd9\xec\x0es8\xb5c\x99\xbd\x15\x95;\x15&lt;9\xe30\x0c\x1a\xf1}\xf5\x18\x07\xe0\x8e\xe8\x10\xc2\x9b\x8d\x01\x08\x02PQ\x02\x804\xa8aBB&gt;\x8d\\x_T&lt;\xb9?\xf7\xf9\x94\xb5(\xcc\x00\xc0\x17\xa2c@\x0c\x98\xd4\xe6\xa9\xdf%\xa3\xdb\xd7T-\x14\xd7\xfc\x871\x80\xe7\xca\x7f\xe2\xc8Yib\x90\xc1M+\x88\x8eB\xed\xef_g\x8b\x0e\xc1+\\\xe8\xc0\xb5w\xe54\xfa\xc4R\xd5Q5[B^\xd1 !\xe4g#\xae\x8dv+\xca\xf0VU\x86\xb7\xaa\x02\x00\x97\xf6\xad\x11\x18\x86\xed)\xba\x98;\xb8n\xa6\x8d\xb5\x02pG(\xb5\x7f\xf5\xd6\x0c\x8a\xec\\\xfes\xadva\xa3\xa2\xe9\xb5\x0b\x8d6\xa5Qg i\x1c7\x8fK$:\x00\xaf\x03\x80L\x1f\xa9\x97\x18%v\xf9\x0e\xa0V\xee\xa4\xee\x16\x88\x18\x93\xf6\xa5X\xae\x94\xb5\xeb\xc7I\xf6V,\x9c\x88\xb2\x01A\x14\xfc\x1e\xdb-\x1a\xc5w ^\x00X&gt;\xa1\x97\xeer\x1b\xb9\x15\xfa\xca\xbbC\xa6\x04\xe0\xea\x04\xa9i7\xea\xf7}\x9b\t\x89\x04y\x8aw^\xa5\xd8\xaew\x9a\x97\xca\xc26\x12-\x00HD\xc8\xd7iL&amp;!\xb6l\\\xa7:\x0csC\xdeB5U3b\x87\xb2\xe3nP\x01\xbc\xb2\xbb"t\xac\xe2\xa8/\xa1\xb2\xe2\xce\xf2\x89\x93\x9cl\xfa}\xf1x\xf9s\xbb\x8a\xb9\x95_5+\x99\xd9^\x9e\xc1\x18\xe0/\x1e]\xb26\xe5r\xf0\x8d#x\xca\xa5g8\x88,\xe2%\x18\x871W\x8f\xce\xect\x98\xc3\x1f\xcb\xa7\x9c\xde\xf1\xa3\xf49\x9d\xb3\x07\x1by&gt;\x7f\xcba0*\xcb\xc6vg\x9b\xa1\xa4\xb1\xe2e\x80\xa89\xa0hf\xb9q\'\x92\xb0\x03\xff\xfd#:\x04\x14\xda\xbca\xed\xed\xad\x98\xf7\x8b\xb7\x99\x040\xb5Wc&amp;\xf9\xa0@\xb244\xbf\x93q\xfcCR\x9e*\x1a\x15M\xc7\xb3\xa8\x00)\x95\xea\xffD\x87@Z\x96\xc9\xb6e\xc1h\xd1Q \xa4/\xb1\xe8\x00\xe8Y\xbd^\xeeQ\xab(e\xca\xb7\tI\xf7&gt;UJ\x87\xdd\xc2\xcbX\x7fE\xa1\x1d\xa1R;\xc29\xd2\'\xb0\x0f\x94\xd2\x93s\x7f\x88\x0e\x01\x89\x14=t\x12Z\xd3\xfb\xb7\x90?;y\x80p\xe7\xd8f\x16\xe1\xb8\xaa\xd5\xd7\xd9\xe8\x13{\xea\xe9\x8a\x9b\x03\xd2x\xa5\xc1\x00B&gt;\xf2\xe3\xf8\x1e\xac\xb2\xca\xe3b\xa3\x1d\xb9\xbe\x18\xdb\xb1\xb6\xd5u\xcf\xeeZ\xce:\x1c\xafs^\xbd\xf6oX\xc6V\xb9O\x1c\x96\x8b8\xe2\xfa\xf0\x0e\xb1B\xd3\x1a\xb2\x01\xddh\xa0\xc8/\x8enZ\xa0\xfc\'\xc0\x15\xdbY\xad\x9d6\xd0S\xb7\x05\x88#\x87[\x1aw\x14?\x1a\xdd\xae\xe6\xa8v\xeaA&gt;Px\x02x$:\x04\xc6\xaae\xb7\xf6\x02\xe2\xc8\x86y\x9c"\xf1\x01\xac\xc1\x91_\xd4\xcc\x95D\xb5d\xfe\xf0\x0e\xf2g!{r\xe2\xc0\x8f\x97\x82\x90\t\xa3I\xc3\x91p\x03\x1a\x05\x7f\xb6\xd8L\xb1DG\x10\x15\xc0mQE\x9b\x0c\x01]Cs\xe2\x94N\x96\x00\xb7\xb8\x86\xc4\x96\x8d\x13|\x85\x8c\x94\xbd\xc7\xc2\x98\xed\xee*x\xe9\xe3\x0b\r\n\xa5\x11\x1d\x82\x87H\x03\x1d~\x1a:!\x01\x805S\xfbs\x0f\x88\x1b\x9a\xea\xf2\xf6Q\xdf4p\xfa\xbeOS\xa3\xaf\x92\xfc\xcf\xcd@\x02\x07\x00\x8el\x9c\x1fu\t\xedU\xcc\xa0&amp;\xe5\xd9\x07\x84\xfccT\xdb\x1a\xa2C\xb0\xc6\xd2 \x13\xf8tT\xd7\x8aI}(S\n\x9c HnO\x0c\xf0TT\x0c\xbe\xf1\xeb\xcc\xa16\xd6\xf2\xd7\xd4`6\x0ci^QT\xd1/.\xeec\x95U\xb0\xb7\x91k\xf0gD\xc1\x94]s?\\"\x05\xd5\x90\xcf\x81?\x01\xd0\xf0\xe0\x0c*&amp;\x00\x9eQ.\x0c0\xe6;m\x8e\xd8\\\x9e\x86N\xe8R\xcf\xea*\\\x8f\xc7;\xc7\xb68Y\xdd\xb3\xd5E\xb8\x0f8?c@\xcb\xea9\xf4\xa7L\xe8\xdb\xa0\x94\xc9\x8a\x00P8\x11]\xafpdQ,\xea\x94\x1d*\xe7e^z\xe4T\xc9\xd7\xff\xb6\xb1z\xd1$\xfe\x99\x91\x16\xb16\xacee\xdd\xe5\xda\x13\xc0?\xbf\xcd\x95&gt;\xf0\x9b\x8c\x0fn\x1f\xe1\x943\xd2\xefjo\xfb$\xcfoV,o^wX\xf2\x19!\xda:U\xfe\xbbt\xa7v\niP\x93r\xce\x82B\xc8\x8cv\x0c\xf9\xea9\x12U\xcc$f"a\xe5S\x8d\x00T\x08\\|):\x00\x1a6\xae-q\xb0kJ\x1e\x1cm:\x96\xe8\x00\x02@j\n\x99\xe5c\xef&gt;\x84Q\xf9\xaeGC\xd1!\x84\x9f\xff\x11\x92\xd2\xd9\xb0\xc1V\xf7\xad\xb2\xe9\xe2D\xac\xf8\x80a\xb6\x9e\xe20x{\xcf\xd7\x18\xfeb\xf0\xf0_VY\xf9Q4B\x00n(\x970\x1e\xe0\xdf\xb4-ujF\xe3\xae$$\xe4\xea\x81u\xc4\xd9\x8eq\xed\xaf_\xd9D\x83\x82\x8af\xf7\x92\xa6\xdeF\\\x9d\xd8\xbaXt\x08\xde5\xa2uUK\xe9}}\xfd\xe1P\xefz%D\x87\x80\x82\xc5\xc6\xe1\xe4\xaf#\xb0T\xca\xff\xebV\xa3\xb0\xc0\x00\x065-O\x93\xacceG\xf3&amp;\x06\x92\xee\x157\x00\xd0\xbc\xd3^4\xaa\x0b\xfb\x80\xecZ&lt;\xba+M\xb2\xf3\x7f\xac\xe4\x1d\x89m\xef\xf0/\xc2_\x15K@\x04\xfeG\x07\x80\x86E|0\tQ\xae8o\x18\xcd\xf3|\xfd\xef\xf5\xae\x86b\x0c\xdb\x12\xe9\n9Q\xf1\xf8\xceu\xe1\xdeq7BA\x01\xa0\x9ai6\x0c\x07|\xb6tZ\xfa\xa1_3\xe9\x03\xe5+S6\xf31"_)\xcdy~\xbd\xf8\x8a\xcf\xf2\xde[=\xa7~cns4#\x87;\xe7\xf0\xca\xcf\xc9\xab\x97\xc6\xb6\xda\xc8\x85\x11\xabS\xf08\xe9\xf4\x02\x00\x17\xf6\xaev\x90\x01\x17\xbfL\x1fbc\xad}\xab\xa6\xd1\'\x1e\xdcLp\x7f1\xed8\x9a&amp;\x00 \xad\xb3\xf9\xd0\xbd\xe0\xf0\xfa\xb9\xa2\x8a\xee\\\xad\x80\xa8\xa2\xbd)\xe4]\x0b?\xa7w\xfc(\xae\xf0\xc0q\xf9z\xd6\xb5\xc7)\x000\xa0qYw\xca\xf2&gt;~O\xea\x98\xb7\xa2\xf1\x94i\xc6\x03\x969\x14\x86S\x92\xd9\x00\x0fN\x8a\x0e\xc1\x87\xe0\xe5E\x0b\x89\x83\xfe\x10\x9f\x9f\x1b\x87~s\xb2\xbav\xc4\x0eI\x97\xea\x85\xfc\xd2\xbe\xdb6\xaf\x8d\xf9\x1c\x004;\x8c\xf9@\x00\x0c\x0bB\xbe\xd1\xb2L\xe8\xc9\xa6\xbd\xb6\xc9\xb3\xf2}\x1ek\x06\xee\x9f\xb0\x94~\xfb\xe2q\x97\xf7\xaf%\x84\xfc4\xa1\xa7\xa5\x15\x1f\x9d\xdei)=\xe2\xcd\xcd\xa3\x00\xae\xff\x9d+\xce\x1b\xee\x945\xa2\x95\xb5v\xb4Fz\xd6)\xc6$\x1f\xe4\x14\x00\xd8\xae!u\xe7\xd7\xf6\xda\t\xc0e\xa9m5a\xab\x913\xf1\x96\xf9\xa3\x95K(\xdf\xb5L\xec\xda\xc0jY_\xa7\x8dmu\x15\x86\xc2d\xf7ps\x9e\xc5&amp;\xc53\xb8V\x16\x8dbIc\xca\x9f\x8d6\xb7\x0b\x83\xf8\xcbA\x0ch\x84Ow\x91\xb7I\x8fqT\xaf\xa3\x01\xae\xd2\xac\xb8llwnq\x85\xc0{f\xf9\x0f\xb8\xe6\xce\x93\xaa~\xc3NU.P\x9dl\xc2\xe4R\xc3=.\xddd2\x95\x84\xf5H\xbd\x0cg\x89\x92w\xd0\xdc\x9f\xbf)\x9d\x00\x9e\x9c\xdb--y\x83z\xf8\\\xb1{y\xab\xaf\xb3\xab\x96t\xaa\x92_7\xe5\xb6\x85c\xe9\xb3}v~\x8f\xed\x90P\xd8R51\xd84\xef[1q\xf8\x9aI\x85r\xe5\xcf\x9f\xdd\x8cD,\xa3\x97\xae&amp;h\xce5]\xaa\x17\xd4.\xfc\xae\xfb7Ru\xdf\xa9\xea\xeb\xda\x13"\x98\xe7V4IL\xf3\x04Zp\xfbH\xaf\xba\xcc\xaeF\x17\x8e\xecD\x93l\xc7\xd2\x89x9\xc6U\\B\x00\x9e\xbbY\xa2v\x9c\xa8\xe8\xba\xe9|"\x81\xe8\x00D:\xf5\xfb2\xd1!x\x97\x0b\xfdQO\xfd\xbe\x0c\x00\xe6\x0ci#/y|v\x17\xbf\xb6=N\xb2mX$-\xc3H\x94~\x99&gt;\xb8N\xde\xe4\x9c2\x0f\x92\x1f\xfa5\xd7]n\xde\x85\x9b\xdf\tX\xf5\xee*J\xa1W\x0f\x98\xac\xa8\x1b\x92v\xa1\xd1=%[\x1e\xec\x9f\xe4\x1e\xb8\xfe\x97\xee\xf2bIc\xe9^\xb1z\xcd\x98\x0e\xb5\x98\xe7)\xb7\xab\x01\xb8\xae\x9b \x1d\xbb\xb9p\xe6\x0ci\xab\xdd\xefc\x102wh;fe(\x00\xc0\xf6\xc5\xe3y\xe4\xec\xd0\xdd\x13[E\x87`\xc7\xaa\xc9\xfdTK\xba\xd7*b\x92\x1e\x1e\x9erX\xa2\xc9\x8c}\x00O\xe4\xcfw\x8em\x91\xf6\xab\x14~\xee\x7f\xa1\xfdy\x91K.\x87\xd33\x1f\x15\xb9_\x18\xcd\xa5\x93\xef\xc6{\xd88w\xa4\xe8\x10\x90}V[\xfdV\xcf\x91ht\xfb\x9a\x9c\x82\xb1\x07\x00z\xd4.\xea&lt;\x93\x90K\x8c$tXv \xc1\x8b\x0b\xa2C\x08w\xbf/q\xe9\xda&lt;[\xd4\xc6\xbf\xcb\'\xf6\x0e\xb9\x8a\xc3\x87\xbc\x89\r\x96\xe3\xc0\t\x84\x90Y\x83Z\xf3\xcb\xfc\xe8\xc6\xf9G7\xce7Osl\xd3B\xae18aT\xad\xb7)\x97\xd3A\x9e\xb7\xa5\x0f-\xcbd\xb5\x9dI\xd0\xc8\x93\xb4xD\xc8\x97\x13\x00\xa0lt\x1c\x00\x152\xc43\x9f!G\xa0\x05#;\xfa\xb1%\x987\xa9\xae\xe2\x01\xa0V\x9ed\x9c\xca\xfae\xfa\x10\x1e\x8fI\xb5\x00\xe0}B\xfe\xfeu\xb6\xc3|l\x1f\xd2\x1f\x10r|\xcb"x\xe4\xf4!\x1b\xb2\xa6c\x15\x1c_^&lt;xu\xc9v\x17\xaf\xcaY\xa2\xb4\x83\xa0|A\x87l\xd36Z\x9f?\xbc\x03\xbf\xe2\xfa}S\xday&amp;\x00`\xfezCN\xe6\xbc,\x86~\x1ao\xad_}\xb8\xcbb\xf2\x8e\x89\xbfI\xdd\xbf\x11Y&lt;"\x84\x10\xc2\xe9N0\x9b\xf5\xc6\xb5~d\xa3\x06tcPf\xc7\xbcV\xb3#a&lt;\xb8+\x00\xdc\x13\x1dBp&lt;:\xb3Kt\x08\xde\xb5a\xf6p\xf3\xfd\xbfZ\xf6\xaf\\\x0b\xc6\\\xee\xb8fg\x96\xce\xd5,\xb4\xf1S&gt;\xb3\xfa\x94\x90\x16\xa5\xb3&lt;\xb6\xb8\x93T\xca\x1c?t"\x9e\x00\xae\xe9.wa\\\n\xef\xf2`U\x1e\x9e\xf2~\xc1\xb11\x91\xaa\x1d`\x02B\x8a$6\x1bg\x01^]\x1a\xdf\xb9.\xbfxh\x00@,\xb1\x11\x18\xc8,\xf4\x16\x19\x85di\xf6\x0bY\x98\xd6\x84\xf4\xbdoR\xf9\xba\xab\x1f!\x05\xbf\xa4\x9c\xc5\xcb\x1a\xd5~S2\xc5\xc7\xcf.\xec\xa5Y\xb1D\na\x15\t&lt;\xf8\x17\x00\x8cf\x85TJ\xe9\xf3\x8d\xee\x90\x0b\x83R\x00\xbc2O\xe0\xf1\x01\x91\xb8\x0e\x10\x10K\xb3\x84fp\x17_\xf7{@^4\xb5w\x13\xa3\xaf\xa6\xf7o\xa1Z2\xacEe\xce\xe100\xb5w\x13\x86\xcf\x9d\xf7\xaf\xfe&gt;d\x9as\xbbWh\x17r\xbd\xef\t\x80w\x08\x89G\xc8\x89\xad\x8b\x01n\x89\x8e\xc5[\x8c\x9e\xe7 \xa7\xda\x96\xcf\xa5\xbb\x9c\xeb-R\x83Bi&lt;{\x0b&amp;\x8d\xca0\xb1k}\xfa\xf4&lt;\xc3\xa1\xd2\xbf\xd1\xd7\xa2C\x10\xa9}\xc5&lt;\x87~\x9dcu\xadr\x8af\xd0p\xfbh\xf3RY\x98\x06\xa5C;\xc1\xc6\xcd\xc3\x1bT\xfbOj\xcf\xcc\xd3\xfd\xe0\xd4\xef\xe6\tl\xef\xf9\xf9\x13\xd8\x1aE=\xaac\x9b\x17:\xcf$\xdc\x01\xdcp\xb9\xc4\x92)\xb9\xcc\x18\xca\xb0\x16\xb61\xe8\xc34\xe3;\x06\xbf\xe07-\xf0\x85\xbd\xab\xcc\x13\x00\x80\xd1\xf0$\xf4\xae\xfd\xf5\xab\xd5U\x96\x8e\xe9fu\x95&amp;\xc53Z]\xc5\xdc\x91\x8d\xf3]\xb8\x80\x08\xd8mW\xab\xaf\xb3\x7fF\xc8\x17\x11G\xbd\x17\xae\xc0\x90`\xaa\x9d`d\x9bj\x0e3\x01\x80D\x16V|i\xa38$\x01\x00xz\xd6\x9d\xb2\xcc\xdb\xeb\x8cjW\xc3|u\x80;\x8a\xcfOC\x16\xa7=\xad\xe6\x8b\x1f\xe55\x0b\xdc9*\x7fN\xe5\xf8\xb2\xd8\xb5\xaap\\\xa7:\xee\x14\x84D\xca\xfc\x11\x97l\xdf\xe2\xb3\xa7\x02\\a\x9d!\xc4b=x\xaa\xc8\xd9\xb9\x02mx\xab*\xa2C\x884\xa9[\x03B\xc8\xad#\x9b\xb4_\x99\xdcsg\xb05\x14m\xa3\xa2\xe9\x14\x99\x83\xeeg\xb66\xce\x1d\xd9\xbfa\x19\xf34xU\x8el\xb2\xbd\xeb\x18\r&gt;c\xdb\xe1\xdf\xe6\xb2\xce2P\xbc\xd3\xcd\x0b\xe0\xb1\xfbO\xce\xa7\xf4jl\xf2m\x80\xdf\xca\\\xde\xbfv\xc9\xe8\xae\x94\x89\x85t\x06\xb4`\xe4\xd3@\x00\x00 \x00IDAT:;7r\xd5\xee\x9f&amp;\x8b\x0e\xc1\x02\x80\x17!\xd3\xd8hr\xea\x9d\xdeC\x9e\xc5\xb0Ad\xf1d\xb1f\x0fnC\x08\xe9\x12\xd1\x19\xeaKv\x99\x17\xfa\xca\xf2\xfb\x13_\x0fi\xc5vp\xd9J\x99\xbep\x98C\x994\x9f1\x89\x04\xb9\xa4n\xbe\x14\xa2C\xb0 \xdc&amp;,\xa4\x7f\x07\x1e\xce\xb7\xf9\x99?&amp;\xf2\x84n\xf2\x03q\xb8}\xd4x\r^\xecm\x85\x9c\xb1\xf5\xbb\xc3\xe6\xf9\xdcZ\xa3\xfa\xed\x8b\xc7\xd9(]\x97\xed\x0b"\xf9\x17`2\x02\x12"\xc4\x95c{\xac\xa0\xf7HV\xe7\xde\xa2im&amp;gx`\xedt\x9ba\xb9\xc8\xb51`\xd9\xeeE&amp;\xafO\xec\xf5\x05e\xce_gD\x00\xa8\x99;\xa9\xd3L\x9e\x9e\xbd\xb4\x7f\xadja\xd3\x12\x99L\n\x95?\xa7\x88\xda8\xe9\xf1\xd9]\x84\x90?\xad\x1fA\x7f,\x9fbu\x15\xe4Q\xef\xb0;\x8a\xfcu4\xba\x03\xe02!\xa4\x14\xbb\x96\xb8\xe6?\xb2\xf9c\x0e\x93j\x82\xbe,\x17\xb6\xb2\xf9\xd3\xbdL\xb1\x08\xd1t\xa6a\xd0\xca\xdd@\xf1d|\x1af\xb8\x05\xee\x1d7O@\xdf\xf4\x0e\x05\xd6\x8f\xe3z\x84Ls\xff\xe4v\x17"1\xf2\xdf?\x1bB\xa6\xf1\xfe\x85\xc9\x8a\x89\xbd\x05\x9e&amp;{\xd7+)}\xd0\xc6\xb0c\xe9\x04\xf9s\xbb\n\xb9-e\xcb|\xa0M\x0f\xce\xd5\x1cn\xa4\t\xceB\x8e\xa2\x81\x82,\x96\xc5\xf4\x96\x0e\xb0\x90\xe3\x03JW\xcd\xe9\xde\'\xd19\x1c\xba\xec\xe6\x1bF\xfa\xa4\xf9\xd0&lt;\xd3\xc7V\xadB\x06\x9a\x81\x9a\x0c\xf1\xbb\xe1pBu&amp;\xb6w\xd4\x84\xc9\x88\xe2\xe1\x85f\x80\'B\xc8\xe8\xf6n\xccj$\xf9\xcetZ\x82\xf2\x19&gt;\x07xNL\xa7\xe7\x96\x01@\xd1$f\x0f?VO\xe9o-8W\xc8C\xf7~b|\xacn\x9e7\xca^\xe6;\x96N\xb4\xb7\xa2%p\xf3\xb0\xd1W\xc7\xb7,\xe2R\xa2bNv\xab\\\x9e\x91\xf1\xe7\xef\x07\xc1\xad\x7f\xdc,Q\xa5z\x0e\xf6Ow\xe4\x1d\x15\xc7\x83Cf\x9a\x14\xcf\xc00Y`(+\xfa\xb8\xaa\xaf\x1e\x9f\xa6\xcb\xc1\xdaP"\x94w\xf1\x00O\xf6\xae\x9c\x1a:\x19\xe7\xb9\x00\xabd}\xddX\x14\x1e\x9c\xd4\x0f\x00\xe0\xfb\xbe\xcd\xb8\xc6P/\x7fJ\x93o\x01\xaes-\xdd\x1eK\xdb%\x9e\x8d\xfc\xf1\xe9Y0\xa4p&lt;F\x89\xf9eT\x87\xcay\x9d\x16\x10\\L\x9a\xa23&lt;\x14\xe5\xac\xe8\'I\x86\xbb\xc7X\x95\xeeS&lt;\xa66Y&gt;\xa1\x17\x87\\\xbd\xc5\xc7\xbd0\xf8Q\x1e\xcc6\x86\xd6\xf28\xb8\xaf\x7f\x11G\xb5nP\xae8\x94\xe3\xb2\xe9\xf6sNf\xe5\x15*\xc0U\xf3_\xc6\xb5\x11~(1\xdc\x8eqC\'qj\x86f\xe0q\xf7\xfd6k\x98\xe8\x10\x90[r|F\x066.\'\xa4h\x00\x00\xb8\xca\xb5\x88\\q\xdf\xe0\x9a?\x13F5\x14}\xcd5\xa6\x03\xd5\x8b\x93\xc3\xbf\xcd\xd5\xe6\x19\x98\xf3\x9c.xvn\xff\xea\x1f\xcc\xd3d\xe7\xf0\xca\xf1\xdb\xb6\xd5\x89\xc1o\x9bT\xc4\xdc\x84\xfe\xda\xca\xbe8l\x91\x0f\x14I\xfc\x81\xf7w}\x9a\x08s\x7fn\xbf\xa1\xa3\xf9\xa0\x05\x19\rn\x8c\x9d\x0f\xc9 \xff]\xee\x8cK|\xfb\xe8fW\xca\t\x14\xddICk\xe7M\xe6B\xd1\x03\x1a\x95\x95?\xd7/\x90\xcaF\x0e\x13\xbb5\xb0\x94\x1e\x1f\x01\xd9\xd1\xac\xa4\xb5\x9e;\x92\x8eU\xf21\x8f\xc4\x1e\x97O\x00V/]&gt;\xa6\x8b\xd0Q\x83AS\xa3\xdb\xd7\xa2k\x9f\x15\x1c\xbf\xcd\x1e.:\x84\xd7\x00`\xc9\x18\xda\x11\xd6\xdc7\xb8iy\xf3\x04\xda\xab\x87"\x89?\xb8q\xe87N\xf1\xd0\xe8\x17j\xc8R\xe4\x06Q\xd7\xdd\x01\xee62wh[VY\xc9[\xa7D\xf2\x8f\xbc\x7f\x87\xe4D\xb7\x9a\x85\x89\xc5\x81@\x9c\x9f\x0e\xe9\x87\xa5\x04\x80O\xc2c\x88\xc0{\'\xb7\x89\x0e\xc1g\xcf\xc1\x02\x0b7\x83\xa7Pn\x8e9C\x98\x9d~L\xe4\x8ac\xe7\xe1/\xc0\xa3\xa8\xff\x04\xdd\x7f\x9a\xd7\xec\xca\xf6\xea\xcb\'\xf6\xb6\x11\x86\xe4\xc2\x9e\x10S\xa1\xd9\xe3\xbc\xed\x9cX\x96\x8ez\xab}\x07(3\xc7\x9a\x07\xb1\xd1\xb0p\xda^u\x8b\x8b\x8e\xc2U\xe6\xe3\xe0+\xb90k\xabQ\x15\xafk\xc7\x92\t&amp;\xdf\xd2K\xc0$\x17\x07\xee\x9d\x10\x7f\x11\xed\x1a\xabcF\xa1\xa01\x9a\xb6\x1e\xd1\xeb\xdb\xa0\x14M\xd7*\x86\x84\\d\xed\\\xe6F\x97cJc;\xd6\xd6]\xde\xa6\\N\x9a\xd5W~\xd7\x87i8!\xc8c\xeag\xa5\x1e*\xb0h\x12[s\x98\x11B\x08\xa9\xc1n\x00W\xddf\x11\x13\xbb\xd6g\x95?\xe2\x8b\xa61\x1c\xc37\x9f\xfbW\x7f\xcf.33u\xf2&amp;g\x92O\x96\x8f\xd9\x8c+\x977\x9e\xd3g\x07\xf0\xe4\x8c\xb5\xf4\x00\x94s\xcdo\x98=\xc2j0\x99b\x91\xf6\x95\xf2X]\xcbM\xf3Gt \x8eO\x84\xba#(D\'\xa4\\z\x17\xba"\x981o\xa09\xb8Y\x05\xb6\xc5Y\xed0\xac\xfd\xd9)w\xc5\xf0\xc5\xa9U2\xd7v\xbcSz6\xb2\xba\n\xe5EK0\x06\xa1J\xea\xec\xd7\xaf\x901\x9e\xf2@J\xa8\xf8jX\xcb\xca\xd2\x07\xdd\x99o\x89\xf5y\x17\xec\xd9\xfd\xd3w\xbc\x8b\xe0M9\x8c\x8d\xf9\xc0\x0f\x9eB\xd9GlB\x97z&lt;J\xc7\x87\xf8|Ew\xb78\xe5\xb9\x99\xebt%\\\xf7\x1b\x00XC=\xd0[f\xbdq\xdd+d\x8c\xbc\xd0\xd1\x9d\xe6\x0e\xee1\x9b\xec\xd4|\xfc;\xb1\xf0\xf0v\x87\xd5\x1e%r\xb3\xceQ\xedjP\xae\x82\x9b\x12E\xb2\xdd\xbb\xdd\x17\xb3\xc4\xf8b_\x07\x80e\x14\xd3-\xc8\x94\xe7$\xb1t\x87\x18\xeb\xdb@=\x0b`\xbaP\x83k\xf3\xd8Lp\xe5\x00\xf3&lt;-)\x9c\x08\xc7\x14\xb7\xc6\x17G\xabG9\x19\x05W\xa9F\xce\xc4\xf4\x89\x19N\x11n[\xd9tq\x9c\xce`m\xd7\xa1_g3\xc9\x07\x00\xcag\xf8\x9c\x18\xbfZ\xb7t`\xd4\xce\x93\xacw\xbd\x12\xceCr\x98\x83\xd5\xe2\xfa\xd4/\xa9Z\xc8|\x1a\x19\xff\xe2=\xbe)[\xf0\xf2\x92j\t\xa7\xa1\xbf\x915\xf6\xdb\x07\xd82\xc9b_\xf0\xf0\xd1\xb8X\x06\xe5?C\xd6\xb6V\x9bi\x0fh\\\x96\x84\xba\x02\x85[G\x8c\xbe*\x9a\xe4\xc3\x8dsG\x02\xdc\xa5/\xd4!\xe6\xe7\x9b&amp;Q\x7fa$\x01\xb8\x93\xfe\x03B\x08yz\xfe\x0f\xd1\xb1\xa8\x01&lt;\x14\x1d\x827\xcc\x18\xd0Rt\x08!P\xb6u\x88\x9c\x1aB\xaf\xa9\xcb\xc3S;\n}\xf5^\xb1d\xb1\x1c\x06\xe3\xbc!\x8dp!\x7f\xcfi\xbd\x9b\x98\'p\xfe\x92f\xcf\n\x91\x93e\xba\xf3v:LL0mm\t//\xba\x15\x08\xb2\x05\xee\x1c\x15\x1d\x82{p\x04(Bw\xfd\xcb\xbb~\xcc\x19[\xc40\x98\x84\xfc\xcd\xe81\x9a\x97I\x9d\x0fz\xd6\xa1\xed\x9c\x08\xf0\x1f\xcfpP\x10q\x9d\x7f-3\xcd\xbc\x8b\x84\x10B\x00\xee\xd5\xca\x9d\x94m\xe9\xce\xeb\xbeX\x84\x10Bj\xb2\xeb\xe7\xe22{Oc\xd6L\xd5i\xfetv\xd7rV\xe7\x92`\x8fR\x17&gt;3\xdb8\xe9\xbc\x00\xf7\x8e3\x8b\x03\xc9\x8c\x0e\xd1\x90\xe3\xff\x85\xd4\xbdVQ\x93o\x8d\xfaCZ\xdaE*g\x11\xde-?h&lt;2\x9aJ\x0cB\x00^r-B\x85\xed\xecf=\xeb\x14\xd3\xfd\xaa~\xc1\xd4\xacJq\xc1\xe1\xf5:\xb3\x06\xa1\xe0\x08\x9f\xe7\xa1\xcdKe\xd6]\xde\xef\x1bu;B&amp;*e\x8e\x1f:\x91W\x9d\xde\xf1\xa3\xe8\x10\x08\x00lY0Z\xb5\xb0u\xb9\x1c\xba)Cdu\xe3\x90j\xc9\xd2\xb1\xdd\xb4\xc9l\xcf=\xe2\xda5\x88\xc3C\x95f\xeck\xb8yh5u_\x96,\xd47\xeb\xfae\x85G\xcd\xe3iR\xe7\xfe m\x89u\xd3\x07k\x17\x02\x80I\xab\xc7\x0c.\xb7X\x8a\x90\xd2\xf7o\x94\x05`\xb2\xaf\xc2U\xee\xcd\xf6G\xb6\xa9\xe6&lt;\x13\xf3)\xaf\xe9\xdd=\xbe\x85I&gt;\xbal\x04\xb9v\xda@\x1e\x91 \xcbt\x0f\'\xe7-\xbb\t\xe7\x0e\xbd&amp;\xe0\xd1i\xa79\x00X\x1a\x96\xbdHbWO \xfc\xce\xd6\xe3;\xd7U\xcd\x05\xadm/\xef\xbe41H\xbb\n\xb9\xd9\xfe\xd5\xba\x03\xecP\xca\x17\xffu7\xf9 ]6\x85\x04O\xce\xea.\xafn\xda\x95\xe7\xc2\xdeUC[TjW!7qehX\xc4\x86\xa5=\xdbk\x87\xc1\xcc\x81\xad\\.Q\xb7\x96L\xfe&amp;!\xa2\xbb\x17\xb9\xdf\xc6w\x90\xf1{#y?\xb1\xb4\xc3H7I\xba\xf5\xb5Q\x7f\xa5\xaa\xd9\x12\xd2\xe7\xef\\\x92hD\xb7o \xf3\x89\xdb\xbcp\xa0-\x18\xd9Qt\x08(\xa0\xe8\x07\xa1e\xce\xf9\xa1\x15\x83"g\x80k6r\x1e\xde\xb22!\xe4\xe5\xe5?\x8d\x12x\xa1^\x90\x99\xcc\xc2v\xfb\xe8f\xb6\x03X\xda\xfe\xc3\x9d\xffb\xb5\xf3\xf0\x9d)\xd7;\xc3o\xb8\xafDr\xbdA\xb28\xf0\xd4\x81\xe3-\x00\xc0d\xfca!t\xdf\x01p\xc2{\x1f\x92\xde\xda\x99\xbf\xa8\xf7\xd4~\\.\x9d\xe1\x93\xbfo\n\xa5\xf1T\xa8\x12{\xcd\x88\xbbT/\xc8&lt;\x12\x97\x1d\xd98\xdf\x85R~\x9a\xd0\xcb\xe4\xdbz\x05D\x0e}\n\x00\xc1\x9f~\xd3\x08\xc0\xf3\x88\x0f\xfa\x95\xcb\xaf3\x86\xba\x1b\x91\x19\x0fV\x1c\xb2\xee\xb5\x8a\x98\'\xa0\x9c\xfd\xc3\xc4+\xe3\xcb\x7f\x8f\xe0\xba\x81\xe4g)\xbe\xb8*\xeeT5\x7f\x86\x0f\x08&lt;8\t\xf0P\xd4k0\xbfK\x1b\x83oO#\x894[\x03R\x03\x00\x80;.\x14\xb4{\xf9d\xca\x94\xd2Y\xcaa\x9b3!\xbc|\xea2\x17[t\x00\x1e\xa1;j\xb7\x91s\xbbW0,z\xed\xb4\x01F_1\xef\xff\xc8\x16\xa7\xc9\x90\x91\x1b~\xe8\xd7\x1c\xe0\x9e\xe8(\xd4X\r^\xff}\xdff\xfe\xad\x94\xc3\xd9\xb4&gt;ME\x87\x10\x82\xd1~\xd5\xaalv\xe6y\xfaK0\xfe\x8a\x00J\xf7&gt;\xe9UW\xa7\xc5\xa7\xf77\x98\xed\xa1d\xea\x17HE\xff\xd7\xd5+\x90\xca\xe8\xab\xd4\xef\xda\xf9\x95(W\xf9k\xdd,\xa3\xd5G\xb7\xafi\xb5P7\x9d\xffc%\xdb\x0c\xd3\x7f@n\x1f\xdd\x9c&amp;\x86\xf8}\xf2\xe8\xc6\xf9\xc3[U1\xfa\x16\x00L.\xff\x13G\x0cda4\xa4\xf9\x88\xd6U\x1d\x84F\xdaV\xe08ivF\x8bCh\xcd\x19\xd2V\xbbPwv#\xe4Q\x00\xd0\xef\x9b2\xfcK\xb9"\x7f\xbesl\x0b\xef\xe2\x14\xe5\xeaT%\xda\xc7\xb5\xd3\xed\xce]cB\xd4 h\x12\xa9\xbf\xc2\xdd\xe3[M\xa6\xd2]0\xa2\xa3\x93\xaaV\xd5\xdb\xee\xd5\x95\xd7o/f:h\x90*\xc5#\xfc\x04`\xce\xe8]\xda\xcb\xcb\xfbM\xbe\x95\xc4\xf0\xfc_\xe7\\\xdf\x06\xa5*z\xaci\xd3\xf1\xcda9m\x00\x00l\x9c;R\xf7\xab2i&gt;\x93\xd3\xb8\x18\x11\xc7\x12\xa3\xb6\xc24+B\x9a#\x85UH\xaaV"\xe9M\xe7\xb21\xea+\x90\x90\xa2 \xdb\xafE\x00@\xb7\xf7\xda\xe8\xf65\xdf\x89\xf8\x9c\xf5\x13\xcb\xddY\x8d~\xb4\xb41\xc8\xffY\xca\xc8W \xd2\xe3L\xb1\x8c\xbe\xb2\xb9;\xdd\xf8{=}\x18\x0c\x93\x05L\xc1\x84FM\xb5\x91\xb1\xd4\xef\x84N\xe3#p\xf3P*\xea\xbf\x08\x9e\x9e\x95?{|\x1ci{\x0f\xa3xT\x04\xa7~_\x16\xba\xe8[\xff\xc8\x9f\xe3\x08m\xceO\x08\xf9\xd2q\x0e\x153}\xa1\xac\xe5S\xbe\x1de\xe0R\x80{\xba\'\x00\xfaG"\xd2\x8a\xf7Nns\x1c\xa9Mu\x8d\xe7\xa9\x7fqi\x9f\xf4\xc1\xde\xb6\x00xj3&amp;S\xd7\xf5N\x99\xd2\xb4EH_\xc6\x98\x04\x00\x86\xb5\xac\xacZ\xfe\xdb\xaca\xca\x7f\xd2\xd7\x9e\xba\xc6w\xae\xabZr\xf7\xc4V/_\x8fd\xff\x94\x94M\x17\x87\x10\xf2\xdb\xac\xd0\xa3h\xf1c\xe3\'2\x1f\xca\xc2\xe15\xa9\xd2\xc1u3\x9dg\x92\xcc\xe6 l\xd6\xa4y7D\x02\xdb]\x11U\x97\xf9\xaa\xa1\xa5\x00\xae;\xfc\xb5\x01\x9e9\x1f\xe0$\x0c\ri^Qt\x08&gt;\x91\xfcM\x8b\xc3?\xbcR\xcf\xc3i\xcf\x9dc[\xdc&lt;\x01(k\x80y\xc3\xdaO\xa2hY\xd4\xab.\xed\xc4\x1aN|j\xb0|j\xaf\xc6\x84\x10\'\xb3}7/\x95E\xf7\x17&gt;\xb7{\x85\x97O\xbd\x1e4\xb0q9\xf9\xb3j\xfe\xd1\x82\t\xdf\x93\xaa\xf8\r\xb3G\xe8\xae\x0b\x11\xf30[U:\x95\xcd\'g\xe6O\x1d\xb7.\x18c/[\x15i\xf2\x19N\xda\x94w\xda\x81\x061\xe3\xf7\'h\x96Zs{\x81tM|r\xdb\x12\x87\xf94(\x98\x9a\xe1\xf5\xbe\xael\x8e\x9f\xee\xdb}\x80\xf0z\xad\xf7\x0c\x12\xe8\x0e\xd1c\x9b\xf9\x80\x7f\xcf/\xee\x05\x00\x</t>
        </is>
      </c>
      <c r="E422" t="inlineStr">
        <is>
          <t>&lt;class 'numpy.ndarray'&gt;</t>
        </is>
      </c>
    </row>
    <row r="423">
      <c r="A423" s="1" t="n">
        <v>421</v>
      </c>
      <c r="B423" t="inlineStr">
        <is>
          <t>steps_per_sec</t>
        </is>
      </c>
      <c r="C423" t="n">
        <v>6100</v>
      </c>
      <c r="D423" t="inlineStr">
        <is>
          <t>2.9164617</t>
        </is>
      </c>
      <c r="E423" t="inlineStr">
        <is>
          <t>&lt;class 'numpy.ndarray'&gt;</t>
        </is>
      </c>
    </row>
    <row r="424">
      <c r="A424" s="1" t="n">
        <v>422</v>
      </c>
      <c r="B424" t="inlineStr">
        <is>
          <t>Loss/object_center</t>
        </is>
      </c>
      <c r="C424" t="n">
        <v>6100</v>
      </c>
      <c r="D424" t="inlineStr">
        <is>
          <t>0.36945066</t>
        </is>
      </c>
      <c r="E424" t="inlineStr">
        <is>
          <t>&lt;class 'numpy.ndarray'&gt;</t>
        </is>
      </c>
    </row>
    <row r="425">
      <c r="A425" s="1" t="n">
        <v>423</v>
      </c>
      <c r="B425" t="inlineStr">
        <is>
          <t>Loss/box/scale</t>
        </is>
      </c>
      <c r="C425" t="n">
        <v>6100</v>
      </c>
      <c r="D425" t="inlineStr">
        <is>
          <t>0.24138494</t>
        </is>
      </c>
      <c r="E425" t="inlineStr">
        <is>
          <t>&lt;class 'numpy.ndarray'&gt;</t>
        </is>
      </c>
    </row>
    <row r="426">
      <c r="A426" s="1" t="n">
        <v>424</v>
      </c>
      <c r="B426" t="inlineStr">
        <is>
          <t>Loss/box/offset</t>
        </is>
      </c>
      <c r="C426" t="n">
        <v>6100</v>
      </c>
      <c r="D426" t="inlineStr">
        <is>
          <t>0.23234932</t>
        </is>
      </c>
      <c r="E426" t="inlineStr">
        <is>
          <t>&lt;class 'numpy.ndarray'&gt;</t>
        </is>
      </c>
    </row>
    <row r="427">
      <c r="A427" s="1" t="n">
        <v>425</v>
      </c>
      <c r="B427" t="inlineStr">
        <is>
          <t>Loss/total_loss</t>
        </is>
      </c>
      <c r="C427" t="n">
        <v>6100</v>
      </c>
      <c r="D427" t="inlineStr">
        <is>
          <t>0.84318495</t>
        </is>
      </c>
      <c r="E427" t="inlineStr">
        <is>
          <t>&lt;class 'numpy.ndarray'&gt;</t>
        </is>
      </c>
    </row>
    <row r="428">
      <c r="A428" s="1" t="n">
        <v>426</v>
      </c>
      <c r="B428" t="inlineStr">
        <is>
          <t>learning_rate</t>
        </is>
      </c>
      <c r="C428" t="n">
        <v>6100</v>
      </c>
      <c r="D428" t="inlineStr">
        <is>
          <t>0.001</t>
        </is>
      </c>
      <c r="E428" t="inlineStr">
        <is>
          <t>&lt;class 'numpy.ndarray'&gt;</t>
        </is>
      </c>
    </row>
    <row r="429">
      <c r="A429" s="1" t="n">
        <v>427</v>
      </c>
      <c r="B429" t="inlineStr">
        <is>
          <t>train_input_images</t>
        </is>
      </c>
      <c r="C429" t="n">
        <v>6100</v>
      </c>
      <c r="D429" t="inlineStr">
        <is>
          <t>[b'512' b'512'
 b'\x89PNG\r\n\x1a\n\x00\x00\x00\rIHDR\x00\x00\x02\x00\x00\x00\x02\x00\x08\x02\x00\x00\x00{\x1aC\xad\x00\x00 \x00IDATx\x9c\xec\x9de@\x14_\x17\xc6\x0f\x8a]\xd8\x8a\xa8\xa8 \x08\x02b\xa2\x08\x82\x80   v#``aw\x07vwwwwwwww\xeb\xdf\xf6y?\x0c\x8c\xc3\xee\xec\xec\xcc\xec\xec\x82\xbe\xf3\xfb\xb4;{\xe7\xce\xdd\xdd\x99\x1b\xe7\x9e\xf3\x1c"\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15\x95\xff\x03\x1a\xb8\xdbJ*_Pb\xfd\x19\x88\xdaWw\x07~\x02\xd8&lt;c \xf7\xa3\xf6\xe1\xee\x00\xee\x1c^-\xa6\x9e\xa1\xadj@\x8b\xb0\x12\x96\x12\x9b\xf3\xd7`\x93\xc2\xb8\xf5\x0f\x88\xae\xa6\xeb\xa3\xe0\xe2\xb9\x0c\xa99\x83\x882~6\x99\r\xb9\x84^:\xd5\xf24j\xfd\x02\x94\xb4\xd0\xf9\x91}j\xcaB\x14\x13XjA\\\xac\xf8\n\x83\x1crj\x1c\x01~\xcbj\x1a?\x95\xf2\xa7%\xa2\xa6\xde\x8e\xc6\xfeST\xfe\x1fytr\xe3\xbbk\xfb\x00\xdc;\xba\xb6a\xc5\xa2\xecq\xa7\x0c\xc4t\xe2\x8fOo\x16S\xcf\x95\xdd\x8b\xb5\x07\x80U\xe3{(\xde`[\xad\x9ew\xcf\xa2Q\x00\x04NI\xa7x#\x92+\xd5\x9cr\'u\x13DQ\xd5&gt;\xdb\xd8\x8e\r\xd8\xb7M\xbd\x1d\x93\xb01,\xd5\x9cr\xd7.kmF\xd47\xa2\xaa!\xf5\x08\xdf\x8d\xe2\xb11S\xa4\x1a\x15\x15\xdd\x145\xa7tD\x00\x9c\x12\xcf\x0c+\x17\xca\xc0t\xe2\xf6\xa9\xf4\xd4P!OJ\xed\xae\x9f\xe1\xcb\xdd\xa3"\x9b\x91UV\xe3Y\xe6\x0cl\xe5\x91/\xb5au\x18D\x9f&amp;\x01ES&amp;\xc1u7L\xed\x9f\x04W5\x18\x8f|\xa9\xe7\x0che`%6fT\xd5&gt;\x9b"\xedap\xceHDT\xca\xb0{1\r\x11\xbe\xdcU\xa4=F^d\nQ\xaf|\x91\xa4\xbb\xb8\x8a\xc9\x01\xb0o\xc9\x18\xee\x91\x0b\xdb\xe73\x9d\xb8\xdeg\x0c\xef\xae\xea\x1a\x006L\xed\'\xb2\x01es\xe8/\xf3\xfe\xfa\xfe\xb5\x93zg\x11Y\xa3i\x99?\xa4\x1d\x80\xa9=\xa3L|]\xa5&amp;\x9b\x7f\x1d\x05\x88\x06\xb7\x08K\xeaV\xf0\xd0\xd0\xc3N\x8c\x91M\x0c\x11^\x0e\x0ei\x14\xaaK"v\xa9\x88\x88\xda\x86\xba%\xcd\xe5\xffO\xc0\x87\x1bI\xdd\x84x\x00\x00\x1f\xb9\xe6\x83N\xb5&lt;\x9f\x9c\xde\x0c@\xb8\xc3\xad_\xc1FW\xef\x0f\x00x\xa5`#\x8b\xa7\xa7\xb6!n\xccH\x91\x9f\xa8K\x1do\x05+7\x90{G\xd7\x02\xe8\\\xbb\x92\x89\xaf\x1bX,\xbb\x87\x95\xb4\xa5Or\xb0+\xb8d4\xb4\x86\xef\x0fOX(\xd0\x10\xb1\xf0\xfeh\xd9\xf9\x0e\x02Pj\xe3\xcb\x04+\x00\x81\x89W\xeb\xe0\xb2\xc0\x0f\xe37AE\x16\xcc\xc6\x93\x85\x8eO\xdbWw\x17_\x153\xd9?\xb2j\x92\xc6\xf1\xaa\xc5\xb2\x9fX7\x9d\xf7\x94Ze\n2w?^_\x16\x1c\x00\x8c8?\rsI.;\xcc\xfd#\x83\x00X\xe9.\xe0U\xd0\x14\xdb\x10\xef\xae\xed\x13S,\x1b\x91KF\xf2\xb3I\xb2\xa5\xd4\xc1\xe5\xe3\xc5\xdf\x18\r\xdcm\x01\x0ckUC\xa0\xcc\xa2a\x1d\x94h\x972&lt;?\xbfM\xa9\xaa\xba\xd5\xablx%!N\xb9\x89H\xc6J\xa2\xd0\xff\xf1\xfa\xf2/\x80\xeb\x10\xa0\xed\x14"\xe9\x91\x18\xde\xa6\x16\x80]\xf3G\x88,_\xbb\xac5\x00\xbc\xb9|\xe7\xf0j\xe1\xde\x9f\xf7\x06J\xaf\xa3\xdav\xa1\xe5\xc5\xb79\xb9qi\xc7\x02\xee\xdb\xc0b\x89f\x87\xa6\xe9k\xa7\xf6\x8a\x16S\xacW\xa3*Y\x93\xc8\xbe\x1c\xe4\x98\xb3\xaa}v\xf13\x03\xf6.\x12\x18\xae*\x15H\xfb\xf0\xc4\x06\xed\xe3\xd1~\xce"[\xf5\xff\xe3#\xa0\xf2\xcf\xd2\xbbq\x00\xf7\xadT?A\x00?\x1f\x9f\x12Y8%\x11^_:\xb0l\x1c\xf0V\xb8\xf7\x9f"\xc5&amp;\x0e`\xe7\xfc\xe1\x1eV\xa9\xad\x88\x92\xc8\xf2)\x9fs[\xe7\x02\xe8^\xdf\x87\x88\xba\xd4\xf1\x16\xf0546z\x9d\x05KZ\x90\xde\r\xbe[\x07W*\xd5\x1em\x00\xfcw\xe7\x88\x98\x92\x95\n\xa4e^\x145\xd7Y\x86\xd7U\x06\x1fo\x8a\xff\n\xbd\x1aV1\xa5\xff\x00&gt;\n\x19~s\x12Y\x11\xc9v(h\x17Z\xbeC\x8d\x8a2O\x16M]\xb7\xc2\xc6\xbe\x84\xca\x1f\xc2]\xf3\xe9-\x93\xdf\xb0K\\\xdd\xbd\x04@ek\t\xdbW\x99\x89\xf0\xee\x9a\xf0\x00\xe0_\xd4B|\x85\x00\x06D\x05O\xe9\x19\xe5l\xb0\x81\xd8\x948\xa6\xa3\x06\xee\xb6\xe9\x89\x00|{p\x9c\x88Jg\xa3\x06\x1c\x87\xda\xbf\x9d GM?w\x01\x86\xc6\xd4\xd8&gt;\'\x8e}\xfb\xf4\xcc\x16#\xb4(\x111\x81\xa5\xb5\x0fJ\x9a\xd0\x00(\'\xe1+\xea\'\x8f\xe0\xa7z\'7\xb5\xcbZ\xefY8J\xb1\xd6\xa8\xfc\xdf\xe2]0=\x00\xaf\x82\xba\x8c.\x7f\xf8|\xe70\x00&lt;?/\xa6Z\xe7\x84a\xa2E@I\x81\xde\x7f|\xe7F\xe2\x9b\xea\x92\x89\x00\x9c\xdd2\xa7up\x19\xf1g\x89\xe7\xd9\xb9\xad\x8a\xd4\xa31\xbbNET1_\xbc\x9f\xec\xc8vu\xee\x1cY3*\xb6\xae"\x172\x10\xdd3f=\xb8d\xd2&lt;2\xadWt\xbf\xa6\x81R\xeb\xc9F\xa4U\x93\xf2\x04:\xe4\x18\xdf\xa5\xb1\xf6q\x00\x07\x96\x8d\x13Y\t\x80\xc8\xca\xc5\x0b\x11\xbd\xba\xb4K\x91V\xe9\x9f\xaf\xe9C\x9f\xeb\xb5\x8a\x8a8\xfa5\rz|j\x93\x85\xbeb\xa9\x12\xec\xad\xc5\xf5\r\x16\xfd#\x83\x1ay\xd81\xafk\x95)\xa8\xab\xf7\x7f\xc0g\x96\x15\x06\x00^]$\x1d;\xdb\xb27|#\xbc\x1c\x98\xcaK\'\xb8\xb3\x06:\x88\xf09\x15\xc1\xd2\x91\x9d5\x8e\xe0\xd5E\xe0\x8d"\x95\x9b\x061\xb3\xfb#+5\xbd\x03DbH\xbc\xf2\x9d\xc3\xab\xa7\xf6\x8c\xda6;\xee\xe9\x99-\xd6\xba\x8b\x15KC\xbcq*\xde\xa2\xd7\xb2)\x88\x00\x9cX7}l\xc7\x06\x00\xfa4\t\xd0\x7f\x8e\x8a\xca_\x84\x9fMf1\xb3\xa1h?\x97e\xa3\xba\xe8-6wP\x9b\ny\xe2-\x94\xbaz\xff\x97\x17w\xcah\xe7\xf21]\xdf]\xdb\xcb\xfb\x91K&amp;\xda5\x7fD\xd9\x1cr\x86\x01K\xa2\\\x89\xfd\x19z6\xf4\x93\xd1\xbc\xe4F\x8f\x06\xbe\'\xd7O\xd7\xd5\xc9\xc6\xc5\x84\x8f\xeb\xd4Po%\x8ei\xf5_\x08I\xe1\n\xb2vb\xef\xd8\xea\x15\xf0\xfa\x12{u\xfd\xcbX)\x0c\x8c\x0eaB\xca]2\x12\xb3Z\xed\xd3$`\xdd\xe4\xbe\x8a^Dy\xd8\xfd\x8e\xbcI\xd9\n\x95\xe4\xca\xc6i\x03\x16\x0em\xaf}\xbc\xb9\xbf+\xfb\xbacM\x0f\xe0-\xf7\xd3k{\x97rE{&amp;v\x8d\x10\xb8\x84E\xc2d&lt;\r\x11\xde\xf0\xfb\x80\xce\xee\x1f#\\\x03o\xac\xe5\xc1\xe5\x13v-\xe0\xf1D*iA\xe6D\xaf.\xedb\xc6\x16"rLG\xc0G\x8d\xc1\xa0\x1c\xa7/\xe4&gt;\x1e\xfeE\xb3\xee^8\x92\xeb\xe3T\xbb\xac\xb5@\xf3\xfe\x16\xfcl2\xefYd\xa8\xa5X\xef\xd6\x11\x9e\x9f3\xd9\x00\xb0qj\xff-3\x071\xaf\x7f?=;\xa5G$\x11\xad\x1c\xd7#6\xac\x82\x15\x91\xde\xb5)\x17n\xe1\x1e\r|\x9bU)\xa1\xab\xa4W\xc1t\x8b\x87w$\xa2N5=#}\x9c\xe4\xb4\xfb\xff\x0fU\xa3"\xf9b\xa0\xa6\x82x|\ng\xd2\xb5\x02\x18\xd2\xb2\xba\xc0\x89\xba:\x9da\xadj\xf2\xdeW=\x1a\xf82/\xa6%\xb89\xd6.c\xad\xdd+\x05;\xe6$\xa2RYir\x8fH\x8dOKg\'\xdeq\xd1\x18\xe4"bMd\xc9\x9c\xccD\x1a\xe1\xdf\x1a\x94\xcdA\xb7\x0f\xad2\xd9\x000\xaeSCv\xdfh\xce\xc0\xd6\xc0\x7fx\x7f\r\xc0\xdb\xab{\x89\xc8\xa7\x90N\xdf\x00\'-{\xcf\xb2\xd1\x7f\xd6\xb2e\xb2\xd3_\xe5U\xf0\x17P\xc5\xd6"\xa9\x9b\xf0/\xe2S8\xe3_$\xc0\xe1U \x9d\xae\x01\x80\xd7\xc7\xbc0Qi\xe5\x84[\x00L\xea\xde\x94ym\x9b\x82&amp;u\x8b`\xfb\xa9a\xadk\x1a\xaf\xcf\xfagl\xc4\x83\x9b\x87N\xed\x15\r@`=\x94\x93(\xca\xd7y\xff\xd2\xb1\xe2\xabuHK\x03u\xeb\x98\n\xa0\xad\xc0\xc3\xdeNn\xb9\xf4L8\xcfn\x9e\xadq\xc4\xddR\xf6.x&lt;^\x05\xd3\xa9\xf3\\\x15\xe3R\xa9@Z\x19\xfe\x15\xbaHG\xd4\xbd\x9e\x8fR\xb5\xb1\xe0\xf99\x8d#\xcf\xcem{vn+o\xd7\xbfo\xf1\x98\x10\'\x1e/\xb8tD\xc0\xefRJ*wQ\xcb\xaa%\x99\x17i\x89\x9a\xfb\xbb\x02\x98\xd4-\xe2\xdb\x83\xe3R\x05\xb1\xffa\xcdj\x01\xba\xd6\xf1&amp;\xa2\x8f\xb7\x0e\xea\xea\xe6\x80wKGv. \xb1ZFD\xb6\x0c\xafH\x82 \xf3\x06\xb7=\xb9&gt;Q\xd8\xf9\xe4\xeeM\x01\x9c\xda0C\xef\xb9\x92\xc2MD\x02|L\x12_\xccVA&lt;^\xad2\xe8^\xdf\x97\xb5\xa7\t\xb0i\xfa\x80\x89]\x9b\xe8\xfaT\xaf\x10\xa4\x8aL\xae\xed]\xaa\xb7\xcc\xe5]\x8b\xf4\x9aSX&amp;u\x8b\xa8\xebV\xf8\xdc\x96\xb9\xec\x91\xad\xb3\x87p\x0b\xd4.k-o\xe3\x885\xa7\xc6\x86U\x983\xb0\xb5\xaeY\xff\xfdc\xeb*\x17\x8a_\x8a/\x1a\xd6\xa1\n\'\x02\xa0Z\xf1\\5K\x17\x00`\x0c\xbf\xc0U\xe3\xe2\x15\xa7\xe7\rn\xbbr\\\xf7+\xbb\x17\x1b\xe1":\xa9j\x9f\xfd\xc2\xf6\xf9b\x1cm\xff:d\xaf\xa2\x00\xc8\x8b\xab2\\M\x95YF\xfc\x03\x13\xf7*\xb6\x86\x06\x8f\xf7n\x1c\xd0\xbb\xb1\xbf"\x8da\xc2\xda\xad\x89\x9aV.\xaeH\x85*b\x993\xb0\xf5\xe8\xf6\xf5\xc4\x94\x8c\xf4q*iA\xdc\xc0+\x00\xec\x1dpl\xcdT\xbc\xbd2M\x9cT\x80.\x8a\xa6$\xe0\xd5\xee\x05#Om\x98\xc1t\xfaA\x0e9\x0b\x12\xb9\xe75\xd7\x1b\xf8\x9a\x92Hc~\xf7\xcf\xd0\xb5\xae\xb72^\xa5\xff\n&amp;\x88D\xfd\x97\xe0\x9d\x965\xab\xe2\xa2}pj\xcf(\r\xcf.\x0f\xab\xd4\x02\xeb\xddpW\x01y*\xc9\xcc\x1f\xd2\xced\x1bi*rhP\xb1h\x14\xc7\x8dahL8~=\xea\x1f\x19\x9c\x8a\xa8G\x03_&lt;;k\xaf\\\xc0;\xf0+6\xac\x82b\xd5\xfd\xcd\x0c\x88\xd2c\xf2\xfe\x07&amp;\xa4*\x1a\xe8z\x92\xac\x94\x88\x02\xe3\xc2\xae\x8a\xdcr\x9b\xe1\xeb]f?\x9c\x88\xdc-\xcd\x1d\xd2RI\x0b2e\x1a\x0c\x01\x13B\x85&lt;I\x98\xbc@E\x1fN\x19\xe8\xd3\xadC&gt;\x8532\x1eo*,&amp;\xc8\xe2\xa2\xe44,13\xfb\xb54Z\xdd\x7f\x01\xcc^\x13\x80\xf7\xd7\xf7\'qS8H\x12\xe2\xd5K\xdb\x90r\xcc\x0b\xaf\x82\xe9\xc7wn\x14`\x97\x95\x88\xf2\x13-\x19\xd1\x899\xae\xac\x88\x85&lt;T5=\xd3\xe1[DZ^\xd0\xb4D\xeb\xa7\xf4c,6\xedB\xdd\x92\x7f\xa8\x8b\x89\x01\xd0?2\x88\x88\x8a\'\xdc\xc5\xf2\x9cX\x84\xa9U\xa6\xe0\x92\x91\x9d\x14\xaf\x16\xf8\x00\x89\x82K\xa6\xe7\xf7\xd3\xb3F\xaa\xb9\x7fd\xf0\xe3S\x9b E\xf6\xc7\xd8X\x12\x010P\x98\x8b\x17\xae\xfe\x1a\xde_;\xb0l\x9c%)\x9c\x10M%\t\x90\xb1\xd5\x96I\xe2Yk&amp;\xf6\xee^\xcf\x87\x99)\x04K\x11\xf6J\xb6\xb4\x08p\xd5_H\x04\x85\x88\x80g\xcc\xeb\xaeu\xe3\xb5\xd7WO\xe8\xa9H\xe5\x1at\x087\x8ae\x1c_\xee\x88\x97f\xd4N\xa7\xac\x17\r\x83\x86\xb6R\x900\xcc\xccC\xf2UEpv\xf3\xec\xdfO\xcf\x02O\x7f=9\xad\xab\x8c\x86\x83S!c\xb4C\x8b\x17\x17v\x18\xb5\xfe\t]\x1a\x03\x18\xdc"\xacI\xa5b\x92N\xacj/\xdd7K\xc5\xd8,\x1d\xd9\xd94\xf7%\x11\xcd\x19\xd8\xba\x84\xd6\xfa\xc1\xdd\xd2\xdc\x04B\xfc\x8a\x1bZN\xac\x9b\xa6\x88\xfb\xe6\x99\xcd\xb3\x89\xe8\xcb\xdd\xa3\x00~=9CD\xcf\xcf)\x96\xd0\x83\x8b\xb4\x85\x9bh\x84\x85\'\r\xa4_\xd3\xc0]\x0bF0\xc3\xcb\xc8\xb6u\xb8\xbd\xb9\x98l&lt;}\x9a\x04\x00X84V\xf1\x86\xad\x1a\xdf\x03\x9fn\xce\xe8\xdbBx\xf5S\xbf\x82\r\xf3"\xca\xd79\xda\xd7\xb9\xb1\xa7\xbd\x8ck\xd9\x19\x1aQ\xa0&lt;W\xf7,Y3\xa1\x97\xd4\xb3\xfe\x99\x10\x16\x15\x99\xb4\r\xd1\xcc\xf0\xd9\xb4\xb2\xe3\xd5=K\x80\xf7\xaeYx&gt;MV\xac\x18\xd3\x8d\xfbv\xf6\x80V\x8fOo6\xb0N\xdb\x94\xd4&gt;\xdc\x9d\x88\x80\xef\xc03ok#zs\x1e\\&gt;\xfe\xd6\xc1\x95\xac\xa7\xac\x89\x91\x97\xab\xb2up\xd9\xf9C\xda2z\xcb\xf8|\x1b\x00\xbe\xdc\x11y\xa2%\x91\xd4\x80\x0cIHR\x86 Y\xa9\xde\x99\x9e\x1f@\x1d7=\x934\xff\xa2:k7\xea\x08m\x0cr\x11\x1d]=\xe5\xdd\xf5}I\xdd\x90\xffKL\xecQ\xeei\x95f\xe1\xd0\xd8+\xbb\x173R\x88\x9e\xf9M\x97\x88\x85\x99N\x16\x91\xeb"30:D\xbc\xad\x86\xd7M3\x05\xd1\x81\xa5\xe3\x80\x8f2[ \x91\xc5\xc3;\x02\xb8sx\xb5\xec\xaf\xcc\xa272VA\xd8\x91\x03\x9fn2Z\xadziP\xd1\x16\xf8\xc9+\xd3\xff7\x02\xe0\xc0\xd2qz\xca\xfcw\x1b\xbf\x1e\x99\xa49z\x08q\xca\xcd\xba\x8aZ\x11\xb1\xba\x8d\xe2\x99\xd8\xb5\xc9\xe4\x1e\x91\x86\x87R\xabH \t\x7f\xec\x02Dn\xb9\xcd\x88c\xa5iS\xad\x1c\xf0\xc1\xa8\x17\r,\x96\x83\x19\x00\xc4\x1bq\x16\x8f\xe8\xe8\x94\x81\x9ax\x15\x13Hc-\x896\xd5\xca&gt;:\xb5\xa9^\xf9"u\xca\x99\xc8\x08\x07\xa0\x8e\x12\xa9\x94\x04\x94mV\x8e\xed\xfe\xe0\xc4\x86\xd6\xc1e\r\xbf\x8a\x06\xc0\x87\xb9\x83\xda\x88)\xf9\xed\xfe\xf1U\xe3\x8d\xb2\x8f\x92$\x0ck]S\xaf\xed\xe8\xd8\xda\xa9\xc9$EV\x8d\x92V\xac\xab\xa8\x0c\xdaWw\x07^*\xd8\x1e\x15=xZ\xa5Y6\xba\x0b\xeb)\xc8Z\x8a\x1b\xb8\xdb\x9a\xa6\x01\xd1\xbe\x9a\xa9So\x1eX!{\xe3\xcex]\xe9\xa0f!D\xf4\xe8\xd4&amp;\x07\x11\n\xc6\xc28\xa5\xa7\x95c\xbb\x03\xe8\x1bQU\x81\x96\x89\x83\xf5\xc5\xaa.\x98\xdf-\xbc\xe4\x1f\xafQI\x0e\xde.\x99\xe8\xf5\xe5\xdd\x87VL0\xde\xbe\xabQ\xd1\xdb\xe6\xb6\xa1n\xc3\xdb\xd42\xd2\xd5\x8d\xe7\xaa+\x8f\ny\xe5\xef\x9a\xfd\x93q\xe9\xff,x\x7f\xed\xdc\xd6\xb9&gt;\x85\xff\xcc\xeaR\x13\xd9\x98\x11^h&amp;\xe7\xaa\\(\xc3\xc7\x9b\x07\xab\x15\xcf-\xa9\xfe\xaeu\xbd\xf1\xe3\x81\xae\xb9\xf6\xd1\xd5\x93\xb5\xa3\xfb*Z\xcaW\x00)&amp;\xc2\x86t\xd5\xb4j\r\x1fo\x1ed\xe4\xaf7\xcf\x18hADD\x0fNl`zIkS\xb5\xa1\x08G\xda\xacg\xc3*\x02%#\xbc\x1d\xba\xd6\xf1^9\xae;\xc9Z\xbf\xa7%\xaa\xee\x9a\xef\xaf\xd3\xbb\x16#\xbb\xe6\x9c\xe1\x8fS&lt;\x17E\xbe\xac\xa3\xd2\xae\xec\x83\x9a\x87\xce\x1e\xd0J\xde\xb9a%,w\xcc\x1b6wP\x1b\xfcx\xa8`\x93\xb4}\x80\xa2|\x9d\xd5\x9d\xe1$\x06\xc0\xbd\xa3kk\x96N$\xbaeEtl\xcd\x14\xed\xc2\x1fn\x1c8\xb4b\x82\xa4\xfamR\x10\xf0\\\x97\x0e\xcf\xd8\x8e\r\x98\xa5\xab1&lt;\x97\xb9p\xe7w\xba\xe6z\xca\x86Pr.\xf7\xfb\xc1\xf1\xf56f\x04\xe0\xe4\xfa\x19\xed\xc3\xdd\x99\x8e\xf8\xca\xee\xc5&amp;\x0b`a6\x00\x00|\xb9wTLyk#\xb7\xc7H\x18\xbc6\xe3\xa7j\xb1\xec\x19\x88\xfcl2k\'\x8b\xb6"\n.nH\xe61!\x0c\x91\xaej\x13Rn\xed\xa4\xde\xda\xc7E\x0e\xe9\x03\xa2\xaa\x1dX6.\xd9\xe6^W\xe5\xa0\x15\xa3V\x99\x82\xa3b\xebj\xac\xd9\x8a\xa5\xa1\x19}[(R\xff\xcd\x03+&lt;\xact\xda\x12\xfa5\r\xdc:k0\x11\x95\xcaJQ\xbe\xce\x1a\x89b\xb4\x19\x10\x15,\xaf\x19\xdc\xfb\xfe\xe6\x81\x152j0\xd0{\xc6=\xaf\xf9\xdd\xa3k\xe2Z\x86G\xfb:\xbf\xbd\xba\x97\x1d\x84\n\x11\x1d^1\xd1\xb0\xba\xf5\xb3hX\x87\xab{\x96\x00\x10c"3\x92\xc3\xa8\xb1)\x9b\x93\x00H[\x9f\xf2\xc1\xfb\x13\xcd\x1f\xd2N\xfb\xa0\xb7u\xfa\x15c\xba\xe95\tJU@\xf9z\xef\x18\xf3\xc2@E6;\xad\x854\xbe\xdf\x07\xf0\xe9\xf6!C,&lt;\xc9\x81\xf77\xf6\x97\xcf\x9d\xc2pc\xac\x8a\xce\xf4\x84\xc0O\xc3C\xb6\x16\xc4\xc5\xea\xd5\x92\xab\xe6\x94\x9b\x88j\x951\xaa\xcf^"\x00HZq\xbb\xe52\x1b\xdc"LA\xb3\xc6\xcb\x8b;\xf1\xfa\x92R\xb5i\xa0\xe16\xceNZ\x0f.\x1f\x0f@\xa9t\xc4\nR\xc56\xcb\xa0\xe6\xa1\x86\xd7\xd37"p\xe7\xfc\xe1\x06V\xb2aj\xffm\x89Ul\xb9\xc8\x9b\x92{\x8b\xb0\x89\xb3\xaa\xec\xdbf\xc7\x19O\x05\x1a\xf8\xef\xd4\xc6\x99\xc0\x13\xd9?\xb8g\xfe4\x8fNm\x1a\xd4&lt;T\x86\xe0\xb6RD\xfa8\x01`\x9f\xe0P\xe7&lt;\xc2i\x85T\xf4sn\xcb\x1c\x8d#\xe6D\x00Nm\x98\xc9\xbc\xadW^(UL5\xa7\xdc\x9djyj\x1f\xdf:k\xb0\xc9\\\\\xc4S\xa9@\xda\xaa\xf6\xd9\xbc\n\xa6KE\x14\xed\xe7\xa2\xed\xcd)/`\x87\xbbf\xea/\xb8R\xe9\xd9\xc0o\xdd\xa4&gt;2.!\x9e\xf5S\xe2%7\x98\xdf\x1f\xdf\xee\x01\xef\xc2KZI\x95\xd77\x01\xb9\x89\xfe\x85\xe8p\x83a\xd6\tGWON\xe2v\xe8#\x1f\xd1\xe9\x8d3\xcfl\x9amgN\x02\xee^\xb9\x89&amp;til\xa46hD\xcc\xe0\xbf\xdbF\xba\xd0\xff5\\w\x8e)Zi\x0e\xb9\x84\x95\xb0T7\xfe\xdf\\\xd9\xc3\xbc\xb0&amp;\xfa\xf1\xe8$7\rr\x92\xc0N\xd1\xea\xba\x15\x06&gt;3\x8e\xd5\xbd\x1b\xf9\x9b`\x0c(\xae\xaas\x89\x83\xebs\x95\xdc\x08,\xa6s\xb1\xd8.\xb4&lt;\xf0"\x15\x91\xed\xdfmIR\x11\xe4\xc3\xcd\x03\xdcN\x7fF\x9f\xe6\xbaJ\x16&amp;\x9a\xc5\x11\x86\x1c\xd8,D\xf6E\x0b\x101\xbb\x02\xc20\xa9\x82\xa2\xb4\\H\x93\x10\xf6Q\xb6L\x18;5\xb6\xd6\x15A#\xab\xe5\x91U\x93\xf0\xe6\n&gt;\xf3\xcc\x80"}\x9c6L\xe9GD\x1d\xc2\xdd\x85W$\xa4\xb4\xd7/\xbbW*\xc6Ppp\xf9\xf8h?\xe7\xa9\x86\xe5\x8a\x10\x89c:\xfa\x87g*\r+\x16u\xd5\xb1k\xe0\x9e7\xa5$!\xa6i\xbd\x9b\xad\x99($\xf6\xd0*\xa8\xcc\x96\x99\x83\xca\x19k\xff[%\x19\x00|\xe2\x0e\x00\xd3z7\x13(\xdc*\xa8\x0c\xfb\xbagC\xbf\xe6\xfe%\xe4]\xd43\x7f\x9a\xde\x8d\xfd\x8f\xad\x99*\xa6p\xb2\x95"\xbcup%\xf0K\xd9:\xcb\xe4 "\xb2H|p\xf9\x98\xae\xc0\x7f\xf8p]\xa3\xb0O\xe1L\xcbFuiX\xb1\xa8\xb2m\x10C\xe9lT\xcd)w\xeb\xe02\x94\xe0p\xd5\xab\x91\x7fSoGv{6\x1b\x11\xf0\x94\x88\x1a{\xda\xef^0rA\\\xec\xa2a\x1dL\xd6&lt;mO\x9e\x7f\x06\x81\xd1V\xd8=:&amp;\xb0\xf4\xc7\x9b\x07\xb9G\x8a\x9a\xebqo\xb5KE\xe5s\xab\x99&amp;\xfei\x86\xb4\xa8./\xa2\xc7\xf0\xfd\xa1\xc1-\xc2\x0c\xae#\xc9`{\x18\xd9\xb92\x9c\xf8\\\x8e\x8e\xac\x9a4op[\xe2H\xdc4\xf2\xb4\x070\xa2Mm\xdeJ\xdaWw\x17).4\xb8y\x98\xae\xe4\xab\xdb\xe7\x0e\xed\xd3DZ\xb4\xda\x933\x9b\xfb5\r:\xbby\xf6\xac~-\x81\xdf\xcc\xc1\x1a\xa5\xf2\xf7iRu\xe9\xc8\xce{\x16\x8db\xedCx}\t\xc0\xa6\xe9\x03$\xd5\xaf xs\x19@#O\xfb\xff\xcf\xb4\xcc\\\x92\xddN\xdd\xbf\xa2\x1c\xfcW\xb2m\xf6\x10\x00\xb7\x0e\xae\xdc0\xb5\x1f{\xf0\xc7\xa3\x93"\x83&lt;\xf1\xee\xaa\xd4&lt;\'\xa5\xb2\xd2\xd0\x98\xf0\xde\x8d\xfdW\x8e\xedn\xa3\xb5V\x15\x13\xa7\x93|00\xbe\xb7\\\xaeD\x8e\x98\x8c\xe7I\x84\xb7#\x11=9\xb3\xc5\x9c\xa8\x91\x87\x1d\xf3Qf\xa2\x15c\xbbiU\x90\x08\x03\xf3$\xe5$\xca$QP,&amp;\xb0T\xb7z\x95{6\xf4\xebTS\xd3/`\xf6\x80\x18\r\'%^_uS\x82/wz5\xf2O\xf2\r\x1b]\xf4n\xe4OD\xc0;\xd95\x18/\x1d\x82Q\x19\xdd\xbe\xde\x828\xe5e\\U\xf4S.\'\x01\xbf\x7f?=\xab1\x0f\x05\xfe\xe3:\xb0\x1b\t\xbc\xbd2\xab\x7f\x8c\xc6A+\xa2\xaeu\xbcY\xb7\xe8\xe4\x90\x84\x88t\xc7\xd4\x08{L\t\xa3+\xda\xa0R\x81\xb4\xdan\xddJ!l\xc8-L\xb4k\xfe\x08c];\x19P&lt;=M\xea\x16!\xef\\1\xf6\xa4\xbcDL\xb8{\x96\x84\xbd+\x06\x87\xb4$2\xe16\xf0J\xde@\x9e\x81\x08x%\xebTCy~~\xbb\xbc\x13\x8b\x99.\xc5\xa4\x8a\x0e\xda\x85\x96WJ\xf2LA\xba\xd7\xf7a^T\xca/\'\x02\xc4=\xafA\x92w\xda\xbdd\x88\x93\xd1\xa5v\xdb\x85\x96g\xcc&gt;\nR"\xb3fj\x8e\xdae\xad\x81\xcf\x81\xc5d\x9a\xee\x06\xb7\x08\xd3v#\xfe\xff\xc1B_\x81\xf7\xd7\xf7\xbf\xba\xb4\x8b\x88\x80\x17/du\x8b&gt;\x85e\x06\x05\xcb\x8e%nY\xb5\xd4\xe0\xe6ar\xcf&amp;2\xc0A\xa3g\x03\xfe\xc8$\x15\x95xX\xbdY\r\x0c\x8f\x02\xd5&amp;\r\x11\xa3\x9f\\&gt;\xb72Y\xa7%\x05\xbc5\xf2\xb4o\x1bjh\x9a\x04\x7f\xbb\xac\x8c\x93O\x1e\xa2:\xe5\n1\x9d\x11\x972\xd9\xc9\xcf\xe6/\x8d\xff\xfd\x0b\xd80\xb5\xff\x933[\xf6,\x1a\xa5\xbdWOD\xd7\xf6.5\xd2u\xb5Mp\xe2\xe9\xd9\xd0\xcf\xc0)\xa0\xc6\xdaHX\x82\x90\x8b\xc8\x94\xa8\xbav\xadT\xfe\x7f\xe1\x0e\x0c\x99\x89\xd2\x12\xc5\xb5\x0c\x17&gt;\xc5\xab\xa0\x1e\x97\xf5\x89]\x9b\x00_\xfdl\xb24\x92\x15\x1df \x86X\x93Xb\x02K3[|5K\x17\xc0\x97;\x004\xf2\xb2\xe1\xd7#\x00\x13\xf9\xcc w\x8f\xac1\xbc\x01&amp;#9\x1b\x0f\xacu\x1cW\xe4/\xe6R\xcdh\xdaD\x92\xe0n\x1fJB\xfc&lt;\xabW\xa3*n\xaa\'\x92\x81\xf8\x16\xc9\x0c&lt;/\x9f\'\xfeg\x1f\xd6\xaaf\xd2\xb6G/y\x14\r?\x19\x1aS\x83\xfbV\xdbo_x\xdf\xdb%#\xd9\x99\xf3\xe4{\xa9U\xa6\xe0\xf5}\xcb*\x17\xd24\x11\x8f\x8e\x15e\xf3\x15OQ\x89f\xad\xfb\xc7\xd7\xf1~\x9dz\xe5\x8b\x00\xd0\xee9&lt;\xf3\xa7%"\xbc\xbf\x06\x80\xb1\xbb\xb1\xa2\x05\xc9\x1c\xe3I7\x13Qn\xa2\x99\x9c\xc0\x17\x03\xb1\xd0q\xbc\xa1\x87\x9d\x0c\xa5\xb91\x1d\xeaK}&gt;R\x10\xf9\xdbI\xcfX&amp;HI\x0b"\xa2\xb4Dm\xaa\xf1H\xa8*\x82\xba\x060\x94\xd8\xea\x15\x00\x00\xff\xfd]y\xe3\x96\x8e\xec\xacTU\x11^\x0e\xcc\x0bs\xa2\xf3\xdb\xe6i\x17\xc0\x97;\x07\x97\x8f\xd7u\xfa\xc2\xa1\xed\xeb\x94+40:DC\xcdt\xe7\xbc\xe1\\\x85m\x16e\xb7\xaf3\x12)\xa5\xd6\xb8j|\xcf\xe7\xe7\xb7\x17\xd41\x89.\x93\x83\xd8\xbc\xcd\xc3Z\'\xf7)\x82\xb1\xc9C\x14d\x12I%y\x0e\x17k\'\xf6v\xca@i\x88ZV-%\xf2\x94\xe6\xfe\xaexf,g\xa1#\xab\x8c%nam\xa4z\xff\x1f\xe8\xd1\xc0\xef\xfe\xf1\xf5\xb3\xfa\xc7&lt;&lt;\xb1\xa1U\x90f\xf2&lt;\x81\x19\x04\xf0\xa6[=\x1f\xa3\xb6\xcd\x940\xb6\x90lD[f\x0e\x92\xbd\xae\xf0\xb0J\x1d\xe2d\x8c\r\x08M|\ng\xbcuh\x15\xde]\xadV&lt;\xb7\xe2J\x88\xde\xd6\xfa\x05O\xb5=t\x93\x16^\xd1r#1\xb1k\x13\x0f\xab\xd4\x81\xc5\xb2\xcf\x92;\xf7o\\\xa9\xd8\xa8\xd8\xba\xc2e&lt;\xac\x0c\xca\x8a\x9a\x8a\x13\xd4\xbdj\\\x0fv~#\x8co\x91L\xf8p\xc3\x90\xeb&amp;\t\xc3Z\xd7L\xe6\x89\xc4\x93/\x9bg\x0c\x02~2\xe1\x9a\xda\x00\xe8V\xaf2\xcf\xf1_\x8f&gt;\xdd&gt;4op\xdb\x12\x99)\xaf\x91[hJd\xfb\xb62\x19k\x05D{\x8b\xa5!\xe0\t\xf0\x851%m\x9a&gt;P\xde\x85\xde^\xdb\xfb\xed\xfeq6\xa9\x8b\xf8\xf1F\x11A.v\xfa\xaf\x0bc\xa7s\xe0%\xbb\tS\x99\xb6\x08(\xc9\xd84H_H\xbc\x81(\xe8f\x9d\x81\xc83\x7f\x1a\x91\xf6R\x19\xc9\x7f\x18\xb4\x13:\x99\x8c\xa6\xde\x8e\x0fOlH\xaa\xab\xffSd"\x8ak\x19~pY\xbc\xadcL\x87\xfa\xbc\xc5\xa4\x86w\x11Q\xf9&lt;)\x18\x95\x88)="w\xce\x1bf@\x1b\x8d\x85Q\xbd9C\x9d\xf3 \x11\xd2R\xc0\xb7\x08(\t`h\xab\x1a\x00\xfe\xbb{\x84\xadE\xbc+\x91\x9d\x12}\xa4\x7fQ\x8b\x1b\xfb\x973\xaf\x1bW*\xa6]@v\xcc\xb3\x89\x01\xbe\xdd;\xb6n\xdd\xe4\xbeI\xdd\x90\x7f\x87J\x05TU\xfe\xbf\x9c\xbbG\xd6\\\xde\xb5(\x15QL\xe0\x1f[\x90\x83A+\xd1x\xa6\'\x9e+}{p\\\xbb\x8c\x05\x915\x919\xf1l\xa5J%\x19z22\x89\xc0\xb8;\xc9\x92\xbe\xa6]*\x1a\xdb\xb1\xc1\x8a1\xdd~&lt;:\t\xbc&gt;\xb4b\xc2\xb2Q]L\x9fq\xb7\x7fdP\xd7\xba\xde\xcck\xed\xcc\r\xab\xc7\xf7\xfc[Rs\x00\xb8}x\xd5\x9eE\xc6\x12\xdc\xd7\x86\x992\x89\x19\x85\x19\xe1\xbc\x14D5J\xe5/\xa5\xf0\x8e\xac~xe\xb5R\xa9v\xf6\x7f\x1eg\x8e\xe1\xf7\xc9\x99-\n\xd6\\&gt;w\n\x91\x11\xa4\xf8\xf9\x08\xc0\xf8\xce\x8d\x0c\xbcb\x92\xe7"\x9f\xd6+z\xdd\xe4&gt;\x94X\xe0\xfe\xd8\x9a)J%\x7fg\xa6\xd9\xb2\xd3\xa2\xc9\xc6\x92Ha_E\xb90\x96/&amp;e\xb1\xe18\x8a\x18\xb7lS\xfe\x89@\x94\xcd\x95]\x8b\xd8\xd7\xbatO\x87\xb4\x08\xc3\xb7{"\xd5V\x14\xa1L\xf6?I4\xd9\t\x1f\xd3\x1f\xbc\xbb\xb6\x8fy\xabT\x1e\xa4\xe4\x17W\xaabdB\x9cr\x8bW\xa0\x050\xb6c\x03\x8d\x83u\xdd\xf8&lt;i\x921\xd7\xf6.e\x9e^\xcf\xfcJ,\xa0\x88F\xb4\xad\xcd]\xd6\xe8\x12\xfbMZ\xd6L\xecm\xb2\xfcP\xc0\xf3\xbcD\xba\xf6\xae\x92\x84f~.\x8c\x9dm\xdd\xe4&gt;\xec&gt;\x81\x06\xfeEEM\xe9\x99\x01@\xf1\xc8\x00^\xd8\'\x8bi&lt;\xbb\xc2\xcbD\xd4\xbe\xba;\x001\xa2\xee\x1eV\xa9\xb92\xc0*\xff8g\x8d\x16\xf1/&lt;\xebI\x92\xb4\x13fD\xc0\x0b\xa9\x9a\xfe\xf8\xf1\xc0H\xed\xd98m@\x92/q4`rs\xeb\x1a\xeb\xd6LT^\xe8\r@\xbf\xc8 \xa7\x0cI\xac^\xc9\x9d\x97D\xfb\xc5k\x1e\xb8[\x9a\xbf\xbc\xb8\xf3\xd0\x8a\tD\x14[\xbd\x82^}\xd1\xc5\xc3;\x1a\xa7u\xfaav\xbd\xda\x86\xba\xf1\xe6\xa3\xa9V&lt;\x97x\x05!\xa3\xear\x8dh[\x9b\xeb7aI\x04\xbc\x97\x1a\xfb\xa2\xc2\x03\xf0\xe4\xdc\x96\xb9\x92N)\x99\xd5\x88\x03\xc0\xaa\xf1\x9ay\x19\x93\x10v\x0f\xfc\xf6\xa1UI\xdb\x12.w\x8f\xac1d\x000D\x18@\x12\\k\xb2\xe2\x89\x9e\xdb\x85\xba%\x89\xc7\x11\x974D\xfb\x97\x8e\xd5\xf5i\xa8s\x9e:\xe5\n}\xbe}X\xb8\x92\xca\xd6\x19\x00(%B]B\xe9\xed/\x03\xb7\x00?\xdd&gt;$\xfb\\v\xb6g\x97\x8a\xee\x1f[\xc7\xfd\xe8\xfc\xb6y\x00L\x99=\xe2\x9fE\xbc\xd0\xc7\xf2\xd1]\xeb\x95/\x92\x8d(=Q\x92\xc8!hc\xad\x95\x18KA\xa4\x1a3L\xe6\x0e[\xa7\\\xa1\xa6\xde\x8e\xa6\xba\x9a\xa91p\x07\xe8\xd4\xc6\x99\xc6\x13@xwm/\xde]eo\x8cK;\x17\x02\x88\xf2u\xb20\xac\xda\xe0\xe2\xb9\x94MO\x06|\xf4-"[\xff\xed\x0f\xb3\xfa\xc7\x1cY5\x89}+#a\x03\x00\xc3\x8d\xfeesR\x88\xf3\x1f\x0f=\xd5\xe33\xc9\x90\x97$]&lt;R\xfb\xd0\xfe\x91\xc1\xc5\rxtL\x11\xb2e\x04\x98I\xde\xea\tB\x89\xfad\x00|P\xb6By\x18h\xf6\x9e\xd2#R\x99v\xf0q\xff\xf8z\x00\xd3\x13R\xa2\x9e\\?\x03\xc0\xee\x05#\xf5\x07\xce%0\xba}\xfd\xa3\xab\'k8\xcb\xae\x99\xd0k\xe7\xbc\xe1"khS\xad\x9c^9[\x00\x97v,\x00\x9e\xe8\xf5\xc9\x15\x0e\xe8\xd3XN\xc8\x08{\x06P\x80HR\x12J\x15\x93"OQ\xd9@\\\xb3\x90\xc6\x9aW\xf1\xa5\xabx\xfe.!\x11\xe3e\x0f\x17iV*\x9e\x9e\xe2b\xf4(\xeb\xfd\xc3ht\x81\xed\xc2\xcaK\xd2\\\x03\xbe\x02\xcf\x0cq?MM\xd4:\xb8\xac\xee\xfa\x7f\xe7$zui\x17\x138"\xf0\x9f\xae\x18\xdb\x9d\xe2\x15\xaeD\xa5,MEtz\xe3,^\xa1@\xbd\x98,m\x87o\x91L\xbc\x81\xab*:ywm\x1f+\xbb\xca\xe4\xff\x12\xb8i\x82\x1cr\x18U,\xa8Y\x95\x12\xda\x07y\x03\x8eL\xc0\xb7\xfb\xc7yW\x17yD\x04\xc4&amp;\x15\x99\x89\xac\x88z6\xac"\xe3\xdc\xaeu\xc5&gt;9u\xdd\xf8\x95\x87\x14\xb1c\x98&amp;%c\x9dr\x85X\x07G\xa5\xf8|\xe7\x8f\xb9_A\xb3\xbex\xb2\x12\x01/%\x9d2\xb2]\x1d\x03/\xda\xbd\xbe\xcf\x84.M\xa4v\x0b\xd2\x1c*D\xa3\xcb\xf9JE\'L\x8f\xdf\xd8\xd3\xbeLv\x02\xf0\xf6\xea\x9e\xe5\xa3\xbb\n\x947j\x10ocO\xfb,D\xc3[\xd7\xec\xd5\xa8\n\xfb\xfc\xa4$\xc2{\x1e\xfdtc\xb3}\xceP]\x19\xed5\xf2\x10x\x15L\xb7c\xeePI\xca0\xcd\xfc\\\xc4\x14\x13\xf6z\xf2\xb6N\xaf1Z\xe7$\xaah\x99\xaa\xaa\xdc\x8c.\x06\x82\xaf\xf7\x067\x0f\x954:*\xe3$+\x85*\xb6Y\xb8^\xffb\xc5\xe9E0\xbdw\xb3\xecD\xc0\x8bA\xcdB\x02\x8b\x89\xb2\x96\x88qn6#\xe2\xcej\xdb\x85%\xaf\xc9\xc7\xa4nM\xf5j\xadk\xc3\xceQ\x92\xed\\\xea\xff\x05f\x00\x18\xd4&lt;t\xef\xa2\xd1\x00\x80W\xb5\x04\xfd\x1d\x19\x13D\x9dr\x89\xbc\xef\x8a)\xf4\x1c\x03\xb8\x7f|\x1d\xa3J\xff\xed~|\xb4\xf0\xee\x05#\x05\x16%\xfb\x97\xe8t\xc3\x90D\xb4\x9f\x8b!\xbbf\xcc\xcf\xa8=\xa9\xb4MA\xe9\x88\xfc\x8bZ\xd4\xaf`\xa3\'\xe1\x00\x1f\xdaR?\xcd\xfd]\x8f\xad\x99\xd2\xdc\xbf\x84m\n*@\x04|a?\xf2\xb7\xcb\x9a\xb4\xf1\x01\xc0\x8b\x7f\xfey\x1e\xde\xa6\x96p\xac\x03\xf0\xb9sm/\xe1J\xf2\'\x0c&lt;a.y\xa3\xfd\x9c\x85=\x8c\x0bqd\xdd\x88\x08\xef\xae\x1a\xdb\t8\xac\x84\xd1W/\x87WN"\xa2h?\x17\xe6\xb9\xc1\xbb\xab\x1a\x05"\xbc\x1c\xc4\'@\xceE\xff\xd7fI\x83`w\xf9g\x0fhu\xf7\xc8\x1a\x8d\x9e]\x17\xc7\xd7N5Fc\x16\rk\x7f\xff\xd8:\r\xd7:\x00\xf8\xfdX\xd7)n\xb9\x92E"\x08\xe7\x8c4\xacU\xcd`GMkg\xed\xb2\xd6\xf9\x13\x86\x07\x19\xcf\xad\xbd\xd6.\x9e\x9d9\xe5&amp;\nr\xcc9\xb0YH\x97:^\xec\xf1$\xf7\x89\xb6I\x16\xff\x83(do8\x01\xf8\xf9\xe8\x94\xf0R/\xb7\xa0\xcf\xabK&amp;\x9a\xd9\xaf\xe5\xf1\xb5\xd3b\x02K\xcf\xec\xd7\xf2\xf2\xce\x85\xf8\xef\xf6\xdb\xab{\x05*l\x15T\x9a\xdb^\x00\xf8tSb\xc3\xa5\x01|\xe8^\xdfGvb\x001\xdb\x8a\x8c\xf0\xf0\xfe%c\x99\xe7bA\\;\x8d\x02\x05\x88\xf0\xebQr\x13\x9dU\x89\x87\t\xfc\xd1\xc0p\xbb\xc3\xb0V5\xb5\x1d\x81\x80\xefut\x18\x9d\x8dD.\xa2\x8f7\x0f*X\xe1\xb6\xd9q\x8cyM\xa9\x9c\x18\xf6\xa9\to.\'\x93p\xb0\xe4\x19\x96,\x89\xef\x0fN&lt;8\xbe^da\x03\xffD\xb67oY\xb5\xd4\xbe\xc5c\xf4\xce\x0c\x1c\x13\xaf\x1c\xfb5\r:\xb3i\x96!\r\xd0\x8b\xc9\x1e\xb6\xe0\xe2\xb9:\xd6\xf0\xd0\xf5\xe9\xb8N\r\x99\r\xf6$\x0c\x94S\x91\x80^\xab\xa7\xde\x1b\xabY\x95\x12\xdc\xe4\x15\xd7\xf7-{uq\xa7\x81\xad\x92\xca\xd1\xd5\x93\x1bW2\xd4\xdb\xb5\x8am\x16f$\x9b\xda3\xaa\xa4\x05\xbd\xbf\xbe\xff\xee\x915\x9dkU\xbaup\xa5\xe1-$\xa2\xb4D\xa76\xcc\xf0/j\xa1Hm\x92\xd00\x80\xb4\x0fw\x97\x97\xdf\\/\x8b\x86u0\xd9\xfc\x0f\xc0\xaf\'\xa7\x8dz\x89\x9a\xa5\xe2\xed&lt;\xe7\xb7\xcdc\xbf\x97\x80\xf1G\x97\xeb$c6\xb9\xb4s\xe1\xbd\xa3k\riO2Wq\xb7 \x1a\xd4,\x04\xdf\xef\x975\x99\x0b\x91\x8a\x00U\xed\xb3\xe1\xc3u\xe07{D\xc38\xe1\x92\x89?\x9f8\xd7cD\xccV\x01\xd7\xfa\xb8i\xfa\x00\x05\xf7\xe8\xe4\x81\x1f\x0f\x18\x879\x99\xa7\x03x}\x99\x99\xe5\xedZ0B\xd8\x89\x13x\xe6niN\xe2\xb2\xb9:\'\x03u$\x0b\xa2\xdd\x0bG*\x98\x97\xcd\xd8\xf0\xceQR\x12\x01Pj3I\x98\xfeQ\xc1\x86\x87\xb0\xba\xe52\xab\xebV\x18\xf8dH%\xbeE\x92\xa1f\xee\x1f\xf0\xe3\x01\x00m\xc5Y\r\xecSk\xfa\x90\xd78\xc5\x00\x00 \x00IDAT\x9e\xfd\xa5\xc1=\xc9\x14&amp;\x9c\x9dq\x16\xd6\xb5V\r\xb0\xcbV\xd4\x9c\x80wx\xab\xb9\x93CD\xc5\xd3\xd3\xe4\xeeM\rl\x86F \xb81\xc0\xeb\xcb\xbc\xc7\x7f?=;I\x96\xef3\x97\xe1\xadk\xad\x9d\xd4\x877t\x8b\xbb\xe9\xd2\xb2j\xc9\xf9\x83\xdb\x92\xa9\\!\x8d\x84\x80\x97:\x97$\xe9~tE2\x06\xd8\x19-\xa0\x9cCN\xa2\x1f\x0fO\x02\xf8\xf1\xe8\x94\t.\xa7\x8b\xc6\x9e\xf6\xb6)\xa80\x91c:\x1a\x9a\\\xf7N\x13v\xcd\xf4\x04\'\xe6$\x02\xc0\xc8.\xa9\x18\x85\x1e\r|\x81\xcf\x00&gt;\xdc&lt;\x10`\xcf\xff\x9ct\xabW\xf9\xda\xde\xa5\xbav\x01\xf1\xfa\x92\x81m\xb8\x7fl\x9d\xa3\x0c\x1f\x1a)\x94\xcfct{C5\x1d\xd9\xbb\x86\xb4\xa8\xce\xbe~qa\x87"\xd7\x1a\xd3\xa1\xbe\xe2y\xe7E\xf2\xf5\xfe\xb1$\xb9nR\xd1\xbd\xbe\x8fx\xa3\xfc\xd2Q\x9d\x01TwM\xca\x95m\x84\xb7\xc3\xad\x83+\x93\xdai@\x0f\xc0\'f\xf5\xac\xb7\xe4\x82\xb8Xk\xe3\xb7\xe7\xff\x1a\xbd\xf6\x88z\xe5\x8b\xf0.\x0e&lt;\xf3\xa7iP\xb1(\x00\x03\x03}\xdbT+gT\x7f\x80\x0cD\x00t\xe9\xb3+E\x8dR\xfc\xf2eN\tJ\x02\xc9zM.\x8e\x92\x16\xb4c.\x7f\xa4H\x92(\xb9\xca&amp;?Q\x94\x8f\x931jN\xf2\x949Q&gt;N\xef\xaf\xefO\xeaV\x10\x11\x05;\xe6d\x1f\xebz\x15ld\xd4P\xb3t\x81I\xdd\xe2\r\x0c\x8cMt\xf7\x82\x91J4ME\x1fx\x7f-\xd1[\xc0\xa7\xb0\xa6\'\xbdQ\xe5\xda\x95U\x8fX6\xaa\x8bT\xa3z\xcb\xaa%\x95l\x81rx\x15HG\xc6\x17n\xe2E\x97\x92\x8f\x8c-\xc7\x9cD\xe5r\x12\x11u\xaeU\xc9\x80\x16)\xc6\xd5\xdd\x8b;\xd4\xa8\xc8\xbe]&lt;\xbc\xe3\xee\x05#\x9bV.\xce\xbc\x95\xaa@\xc7\xec\x05\x85\xbaH\xf8a\x9aVv\x04^K\xbc\x0e\x0ffDKGu&amp;\xa2\xc8\xca\xc5\xed\x92T\x08\x85\xf5\xbcJC4\xb8E\x98o\x91\xccRUc\xbd\xad\xd3\xe3\xeb\xdd\xc2D\xd7\xf7.\x1d\xdc&lt;\x8c\x92A2\xa8\xffS&lt;\xacL\x9d\x0cV\xdbG\xde\x10ZV-\x89_:\xa3\rx\xb9sx\xb5\xc8&amp;\xcc\x19\xd8ZF\x93\xe4\x91\x92\x08?\x1e\x94\xceNCZ\x84\x11\x91m\nj\x17\xeaf\xb2\xab+Kz"\xcf\xfci\xba\xd4\xf1v\xc9D\xbd\x1aU\xd1\xb01\xe6%J\x12[\n\xf0\xec\xe5\x85\x1d\xf8\xfdX\xf1\xa4]A\x8e9\xb9&gt;VQ\xbe\xce\xdcOG\xc5\xd6U\xearL\xa6Ie%HE\xd2\xb8R1\xfcw\xfb\xd5\xa5]\\{h\x88S\x1e\xd9\x9b\xd2\x97w.\x8c\xf2qzrf\xcb\xed\xc3\xab-\x92\xe8K\xa9\xfc\xf5l\x9f3\x94\xbb\x08\x9d=\xa0\x95\xdeS\x92\xad\x83\xda\x89u\xd3\xbc\xad\xd3\xcf\x1d\xd4&amp;\xc0&gt;\xdb\xf1\xb5S\x9f\x9d\xdbf\x9a\xeb*\xfb{4\xf7w\x1d\xd4,\xf4\xc5\x85\x1dSzF\xad\x9d\xd4\x9b\x9dk\xb3t\xac\xe99op\xdb\x87\'7\x1ax\xa1\x00\xbb\xac"7\xaeY\x16\x0em\x8fW\x97\x98\x01\xe0\xd8\x1aC\x83"\xd9\xdfmp\xf3P\xee"\xda\xd8n\xbe\xb6Ia\x95\xab\x98/\xd5\xe0\x16a\x95\x0b\x89WP\xd5\x03\x00\x97Lt|\xed\xd4$\xf1\x8aV\x91@\x98\xcb\x1f\xf7\x16&lt;?\x97t\r\xe1a\xdb\xec!\xdc\xb7;\xe7\r\xf3\xb3\xc9l\xffw)\x85&amp;\xc0\xcc\xad&amp;u\x8bX&lt;\xbcc\xf7\xfa\xbe\xc6\xbe\x9cS\x86DZ\x05Ja\x9f\x8a\xd6M\xee\x03\xbcyqa\xc7\xf69q\xda.\x06\x16DQ\xbe\xcew\x0e\xaf\xbe\xb1\x7f\xb9\xe2Wg\xd1\xa5\xea\xd3\xa7I\x00\x1b\xe0\xedm\x9d\xf4\xf3N\xc6\x81\x981\x83\xe8\x85\xd9\x01V\xd0c\xb2\x7fdP\r}:\xb5I\xa8\xf8\xab\x92\xbc\xd8\xb3p\x14\x00\x91\xb2\x13I\x85\xec\x00W\x8d\xe7\xaa\\r]((\x05\x00\xa3\xc6j6\xabR\xc2xi\x7f\xf4\x12\x1bV&gt;R\xc7n0\xf0\xf4\xe5\xc5\x9d\xcf\xcem5q\x934(\x91\x99r\x11\xe1\xd5%mq@a\x9c\x14\x9a\x85g$\x9a\xdc\xbd\xe9\xf9m\xf3\x84\x8b\xed[&lt;Fo&amp;\x03\x95\xff\x17\x1ay\xd8)\x98\xb9i\x9a\x91\x1dxx\x11\xe3\x97\xd4\xdc\xbf\xc4\xe5\x9d\x8b\x04\nt\xa9\xed\xf5\xe5\xeeQ\xa5\x9adzf\xf5\x8f\xe1\xca \x9b\x92pW\x83R#\x0coS\xcb\xc0\x06T\xb5\xcfFDI\x9e\x0c\xdd\xbf\xa8E\x89\xcc\xc4\xc4\x971\x03\x80\xb0z.\xebQ]\xd12\x15\xf0T\xc6\x15\x03\xb4d\x82\xbc\x0b\xa6\xbf\xb2{q\x90\x96\x16\x16K\xa8K^\x00xsE\xc6\xe5T\x92/\x0ei\x89\x88\x16\xc4\xc5\xf2~jH\x08X\x92\x18(Yx\xc5\x8e\x8c\x84^\xcd\xadu\x93\xfbR\x12\xb97\xec]&lt;\xda\xf0\x8e\x92\x882\x12\xf5iR\xd5\xf0z\x92\x15\t\x16\xa0/\xfa\x8b\x1a\x87\xb4D\xcd\xfd][\x04\x94l\x1d\\\x16\x00+\xca/&lt;&amp;\rmU\x83yQ!O\x8a\x18\x8e\xf2\x8aH\xca\xe4\xe0\xd7t\xb9\xbeo\x99\xc0\x94n\xe7\xbca\x00\xb4\xd7R\x83\x9a\x85z\x15T\xc0\x80V\xbf\x82\x8dI\xf5\xc2T\x18\xf0\xeb1\xf0UW\xdf\x14\xed\xeb&lt;\xbdw3\x137\xa9^y\tY\x05;\xd6\xf0`D\xb05\xc4\xa0]-\x08\x1fn(\xdc2\xc3\xf8\xf5\xe4\x8c\x89\xaf\x98\x9bhf\xdf\x16\x0e\xd2\x1d\xd7\x0b\x11ix\x04\x87\xba\xe4\x15\x13\xd4cl\x94\xcdM\xff\xe3\xd1\xc9\x86\x15\x8b\x8a/\xdf\xad\x9e\x8f\x82W/L\x14X,\xbbO\xe1\x8cDT\xdd5\x1f\xf0\x82\xc49\xe3-\x19\xd1)5Qz\xa2S\x1bfh\x7f\xaa7\x14\xd16\x05\x01odx_]\xda\xb9pxk\xcd\xc9\xc4\xb3s\xdbF\xb4\xad\xad]8\x9b\x9aH\xd2\xc4\xb8\xe52\xab]\xd6\x9a\xfb\x9b[\x88;\x11\xff\xdd\x16\x98\x9c2\xd2\x89\xfeEeJ\xcb\x1a\x9b\x99\xfdZ\xea\x8a8\x97\x94\xeaO\x83\xf4\x7f\xbf&amp;I&gt;\xa2hqYkX\xac\x89\xb6\xcc\x1c\\\xc56KekC\xad\xcb\xb3\x07\xb4\xc2\xfbk\x13\xbb6\x91z\xa2]*zsew*\xa2\x86\x1ev\x06\xb6A\x03\x9b\x14\x9aO\x84\xbc\x1e\xaay\x95\x12\xb3\xfa\xc7\xcc\x1f\xd2\xce\xc0\xbd\xa1\xe2\xe9\xe9\xdc\xd6\xb9\xeb&amp;\xf5a\xde2\xe6\xb0\xd1\xed\xeb\xf5n\xec/|"\x9b\x01\xd0\xc4\xd4*SP\xe4\x1f:\xa6C\xfd\xcd3\x06\x19\x9eM^E\x1a\xad\x82\xca\xb8[\x9a\xf7\x8f\nf\x8f0\xd3\n.\xbeE$\xe7M\ts\xc9\x8bgg\xbb\xe9\xcb8\xb8L0\x13\x99\x81\xd4-_\xc4N\xc7\xfe\x13\x80\xf6\xe1\xee\xdc#\x86g\xdd\x1d\xd1\xa6\xb6\x8c\xd1#\x85BWO*\xea\xba\x15\xfe\xfd\xf4l\x8a\xc4\x02G\xf5+\xd8\xc8\x18\r~?=\x0b\x00x#\xa3\x19\x00\x8c\xb1i\xdc?2H\xc6\xcd\xaf\x8dcZ\xc2\xb7{\xf8t\xcb\xc04J\xd9\x89\xba\xd6\xf1\xbe\xb6w)\x11\x85\x97\xb4b\xf6\xe1\xa7\xf7n&amp;/:A\xfbI7\x06z\xa7\x81\xccB\xbc^\xf9"5K\x17\x88\x8b\t\xff{rL\xa8\x18Lj\xa2Y\xfdc\x8cW\xbf\xae\xa7"Il\xeb]\xebx\xef_2\x96]%\xe4 \xb21\x8b\xd7\x80S\xd0\x94y\xda\xc8\xc2\xf1\\V\x8e\xed\x0e\x80\xd9_d\xcd\xfd!\xceyr\x10u\xaf\xaf\xa4\xe9\xc3@2\x12-\x1a\xd6\xa1ieG\xa9\'\xd6.k\xad\xed\x18V*\xab\xe4\xfcY\xde\t&amp;o\xc6qS\x80\n"\xf4\xa9\x80\x8f\xec\xeb\x9c\x06\xa4\x1eZ1\xa6\x1b\xef\xf1F\x1evD\xc4\x0c\xa8\xc0O\xde2g6\xcfn\xe2\xe5\x10\x9d8lM\x1e\xc1\x8e\xb9F\xb4\xa9\xdd\xb1\x86G\xab\xa0\xd2\x07\x96\x8e\x1b\xd3\xa1~\xa5\xfci\xab\xbb\xe6\xebZ\xd7{l\xc7\x06\x9b\xa6\rX?\xb9\xaf\xe1WQ\xf9\x7f\x84\xf7\xa9\xc8J\xd4\xdc\xdf\xd5\xf4\x8d!\xa2\x1e\r|\x8d\x9aI\xe5\xf4\xc6\x99\xc6\xac^\x08|\xbb\x07|\xec\x1bQU\xaf+\xad\xe9\xf3\x88\xf5iR\x15\xc0\x85m\xf3\xe5\x9d\xae\xe1\xd4;\xa4eu\xd9\xcb\x82J\x05\xd2\x86\x8b\x8bd~ya\xc7\xfb\xeb\xfb\x85\xc7\x99\x0cD\x8c/\x10;\x00\x88\xdf\xbbq\xce@KFt\xd2[lx\x9bZ\xba|\x9a\xed\xcc\t\xbf\x1f_\xd9\xb5X\xf45\x13aM\x14\xe4\x98\xd3\xb7H\xe6\x83\xcb\xc7\xbf\xb8\xb0\xe3\xe5\xc5\x9dWv/\x06^\xe2\xd5\xa5\xcd3\x06\xae\x9d\xd8\xfb\xc3\x8d\x03\xf8\xc3/\xe0+\xf0aJ\x8fH\xed\xaa\x042\xcc\xa8$1\x8a\x05\xff)\x07\xf0&gt;\xa9\x9b`,,\x8cY\xb9p\xbf\x8d\xe7\xe7\xde\\\xd9\x03\x00\xf8\xa1\xd4\x15\xab\x15\xcf\xf5\xf4\xec\x161\x9dZ\x84\xb7\xe3\x96\x99\x83\x85\x9a\x07L\xe8\xd2X\x91V1k\xb8"D\xe5\x14tj\xd6\xd2\xa1\xab\xee\x9a\xef\xd8\x9a)\xc2\xa70\xa2B\x87WN\xe2\xae\x00D\xba\xd7T\xb5\xcf\xa6Wy\x9f\xc1M\xf7\xd7\xccG\x04\xa0Y\x95\x12\xe2\xaeID\xe4\x94\x81lR\x90Sz\x8a\xf0r\x18\x10]mR\xf7\xa6w\x8f\xae}\x7f}\x1f\xf0\x9e\xed\xec\xdf_\xdf\x87\x9f\x0f!\xc4\xb7m\xb3\xe3Z\x04\xc4\x0bs\xfd\xbf\x89\xd1*\x86$)4+\xa2\xdfO\xcf\xd6)WHL0WV"\x07\x85\xb2\xc6K\x02x\xd1H\xdfN\xa0&lt;?h]\xe4I\xfc6\x99\']2\x04\xbd\xbe&amp;c\xda\xd7\xff\xf1\xe8\x94@\x064\xa9\xd2{\xccp\xc2xm\t\x97t\xcbm&amp;|[\xee]&lt;\x9a\rJu\xceH!:d\xba\xc5 \xf0\x17?=\xb3Eo\xec\xab.\x85\xf0"r\x17F\xe3:5\xc4\xafG\x87WN:\xbaz2\x89\xce\xcd \x952:\xb2\xbf\xeeY8J\xfb`\x1e\xad#\xb9\x88\x9c2\x90[n\xb3)=\xa3\xfa5\r\x8a\xf0v\x8c\xac\\&lt;\xca\xd7iJ\x8f\xc8\x93\x1bf&lt;?\xbf\xed\xe7\xe3S\xc0+\xd6\xcbV\xb0\xf7\x8f\xe7\xce\x915\n\x7fI\xe3\x93\x8cv8\xfc\x8bZ\xfc\xf8\xf1c\xcf\xdd\xcf\xe2O\x89\x7f\x0e_^0\xcb\xa5\xdfW\xe4\xc7\xc3\x93\xb5\x82C\xd6\x9dW\xb2\xb7\x15I:"\x93\xf9i\x97\xb4\xa0\x0b\xef\x885\x946\xaeTl\xc1~\x9e$9*2H\xe8\xf7_\x13e03\x93\x90\x1d\xa20\xd1\x9d\xc4GB\x9cr/^\xbb*\x93M\xbc\xad\xa0\x91\xa7\xdd\xf93\xd7/\x18\x94_K2\r+\x16]x\xf0:\x11\x99\x99\x19\xa5\x1f\xc0\xf7\x07m\xc2k\xa6M\x9bv\xf4\xaa\x03\x92N\x0c\xb0\xcb\xba\xed\xfa[K\xa2\'\xba\xcb\xac\x1e\xdf\xf3\xc5\x8b\x17\xbf~\xfd\x1a3l\xee\x1d\xdd\xc5\x88(5\xd1\x88N\r\xdb\x8f\x8e\x8f\x854#\xaaW\xc1\xa6P\x91"o^\xbf\xfe\xf9\xe3G\xdat\xe9r\xe6\xce\xf5\xf5\xcb\xd7\xef\xdf\xbf\x15.R$g\xae\\\xc1\xd5C\xd3\xe6\xc9\xfb\xf9\xd1\xa3\xff\xfe\xfb/g\xb1bdnE\xf4Zt\xba\xf1\xcfff\xc9 O\x9eh\x92\x85\x9b\xabM\n\x9a\xd1\xb7\xc5\xa4Y3$\xf5\xfe\x0cg7\xcfY\xbbl\xc5\xa8vu\xf5\x96L\x95\xbf\x8c){\xff\x1e\r\xfe\x08\xe0\xf0\xf6\xfe\x81\x0e\x92}\xcc\xc4HM]\xe1\xf4\xfe\x99\x88:\xf5\xe8\xb6i\xfa@I\xde~I.\x16oT\xba\xd5\xad\xcc\xddl\\8\xb4\xbd\xf8s\xcd\xcc\xccJg3\xb33\xcf!\xd0\xfb3\xdb\xaaQ\xbe\xce\xc1\x1c\x17\xde\xdb\x9c&lt;\xa6\x0c\x1b.&gt;g{\x7f"Zx Q\xef\x0f&lt;\x17\xdf*\xd9T\xae\xe2GD\xf4\xed\x9e\x91\xea\xb7N] e\xca\x94Q-[H:k\xc5\x98n[\x0f\xec\xfdz\xef\xd8c\xbc\x12\xb8\xe1k\xc4\xc6\xf5\x1d2\xcb\xc3\xabR\xeb\xf6z\x92\x0e}\'b{\xff2\xd9\xc9\xd6\x9c\xcc\xcd\xcds\xe7\xc9\x9d&amp;M\x9ao\xdf\xbe}\xfd\xfa\xc5\xcc\xcc,c\xc6\x0cDfdffko\xf7\xfc\xe9\xb3{g\xced(\\(\xa7\x93\x1f\x99\xa7&amp;z.\xba\xf7\'\xa2\x0c\xf8r\xe7\xd3\xadC\xa2\xcb\xab\x10U.\x94\x01_\xee\x00X\xae\xe5\x85\t\xa0R\x01\xcd\x1e)\xc2\xcb!\xe1\xd3\xa7CZ\x84\x1dY5\xf9\xf6\xe1\xd5\xc2\x97\xb8\xb0}~\x15[\x8b\x8a\xf9\x8c\xae\xac\xc6h\xa10,\x1f\xddu\xd9\xa8.\xda\xcbO\x06\xde\xfcb\xc2\x8af\xa6\xc9\x19\x1b$}d\xfa[(bF\xe3;7\x02\xbew\xad\xe3\xad\xfdi\xf1\xf4\xe4\x92I\xf9\x94</t>
        </is>
      </c>
      <c r="E429" t="inlineStr">
        <is>
          <t>&lt;class 'numpy.ndarray'&gt;</t>
        </is>
      </c>
    </row>
    <row r="430">
      <c r="A430" s="1" t="n">
        <v>428</v>
      </c>
      <c r="B430" t="inlineStr">
        <is>
          <t>steps_per_sec</t>
        </is>
      </c>
      <c r="C430" t="n">
        <v>6200</v>
      </c>
      <c r="D430" t="inlineStr">
        <is>
          <t>3.3535678</t>
        </is>
      </c>
      <c r="E430" t="inlineStr">
        <is>
          <t>&lt;class 'numpy.ndarray'&gt;</t>
        </is>
      </c>
    </row>
    <row r="431">
      <c r="A431" s="1" t="n">
        <v>429</v>
      </c>
      <c r="B431" t="inlineStr">
        <is>
          <t>Loss/object_center</t>
        </is>
      </c>
      <c r="C431" t="n">
        <v>6200</v>
      </c>
      <c r="D431" t="inlineStr">
        <is>
          <t>0.17373487</t>
        </is>
      </c>
      <c r="E431" t="inlineStr">
        <is>
          <t>&lt;class 'numpy.ndarray'&gt;</t>
        </is>
      </c>
    </row>
    <row r="432">
      <c r="A432" s="1" t="n">
        <v>430</v>
      </c>
      <c r="B432" t="inlineStr">
        <is>
          <t>Loss/box/scale</t>
        </is>
      </c>
      <c r="C432" t="n">
        <v>6200</v>
      </c>
      <c r="D432" t="inlineStr">
        <is>
          <t>0.038329482</t>
        </is>
      </c>
      <c r="E432" t="inlineStr">
        <is>
          <t>&lt;class 'numpy.ndarray'&gt;</t>
        </is>
      </c>
    </row>
    <row r="433">
      <c r="A433" s="1" t="n">
        <v>431</v>
      </c>
      <c r="B433" t="inlineStr">
        <is>
          <t>Loss/box/offset</t>
        </is>
      </c>
      <c r="C433" t="n">
        <v>6200</v>
      </c>
      <c r="D433" t="inlineStr">
        <is>
          <t>0.16543448</t>
        </is>
      </c>
      <c r="E433" t="inlineStr">
        <is>
          <t>&lt;class 'numpy.ndarray'&gt;</t>
        </is>
      </c>
    </row>
    <row r="434">
      <c r="A434" s="1" t="n">
        <v>432</v>
      </c>
      <c r="B434" t="inlineStr">
        <is>
          <t>Loss/total_loss</t>
        </is>
      </c>
      <c r="C434" t="n">
        <v>6200</v>
      </c>
      <c r="D434" t="inlineStr">
        <is>
          <t>0.37749884</t>
        </is>
      </c>
      <c r="E434" t="inlineStr">
        <is>
          <t>&lt;class 'numpy.ndarray'&gt;</t>
        </is>
      </c>
    </row>
    <row r="435">
      <c r="A435" s="1" t="n">
        <v>433</v>
      </c>
      <c r="B435" t="inlineStr">
        <is>
          <t>learning_rate</t>
        </is>
      </c>
      <c r="C435" t="n">
        <v>6200</v>
      </c>
      <c r="D435" t="inlineStr">
        <is>
          <t>0.001</t>
        </is>
      </c>
      <c r="E435" t="inlineStr">
        <is>
          <t>&lt;class 'numpy.ndarray'&gt;</t>
        </is>
      </c>
    </row>
    <row r="436">
      <c r="A436" s="1" t="n">
        <v>434</v>
      </c>
      <c r="B436" t="inlineStr">
        <is>
          <t>train_input_images</t>
        </is>
      </c>
      <c r="C436" t="n">
        <v>6200</v>
      </c>
      <c r="D436" t="inlineStr">
        <is>
          <t>[b'512' b'512'
 b'\x89PNG\r\n\x1a\n\x00\x00\x00\rIHDR\x00\x00\x02\x00\x00\x00\x02\x00\x08\x02\x00\x00\x00{\x1aC\xad\x00\x00 \x00IDATx\x9c\xed\xdde\x80\xd4F\x1b\x07\xf0\xc1i\xdfR\xae\xb8\xbb\x1f\xeep\xb8sHq8\\\x8b\x97\xc3\xa58-Z\x9c\xe2\x14\xa7\xb8S\xa4h\xb1\x16-^\nE\x8a\x15w\x8a?\xef\x87p\xcb\xdeJ62\xc9$\xbb\xff\xdf\x87\xf6\xc8&amp;3\xcf\xdd\xeeN\x92\xc9\xcc3\x8c\x01\x00\x00\x00\x00\x00\x00\x00\x00\x00\x00\x00\x00\x00\x00\x00\x00\x00\x00\x00\x00\x00\x00\x00\x00\x00\x00\x00\x00\x00\x00\x00\x00\x00\x00\x00\x00\x00\x00\x00\x00\x00\xd8\xd8\xa7\xa2\x03\x00\x00\x00\xb0\x96X\xa2\x03\x00\x00\x00\x001\xa23\xd6\xa6Bn\xd1Q\x884\xb0ye\xd1!\x88\x16V$\xfd\x81\x95S\xdaV\xca\xbb~\xda`\x8a\xec\xda\xa1\xf5\xa2\xa3S\xe7\xfd\xad\xe3\xa2C\x000Ot\xc6\xd2\xe8+\x81\x9e_$\xa2\xab\xbf\xad\xe5\x11\x0e\xd8\r\xbd\xbeJ\xb2\x8em\x9c].}\x1c\xd1a\x02\x80vu\xf3\xa7\xf2\xf6\xd2_\xbb\x97J\xdf\xf4%\xa3\xbb\x9b\x19\x12\x08V7\x7f*\xf9\xa6\xdf\xc5\xde\xa5\x135\xd75\xaekC\x8e\x91\x03\x80r_0&amp;}\x85\xdd_J\x1f\x859}\xc5\xdf|n~p\x8a\rhVIt\x08\xfe\xe2\xe4\x96y\xae\xad\xfb\xbdS\xd2\'\xc0\xd7Y\xe0\xbe\xe8\xd8\x01@\x9d\xa9}[:}\x85\xdf\x8d\xecXG\xdaN\xf4\x9c\xee\x9ct\xfez\x8b\x8d\x13\xccp~\xd7O\x1f\xdf\xf0WW\n&amp;`\x8c\xb1.5\x8a\x1e\\\xf5\xc3\xc7\xedo\xafy;\x03\x94N\x83q\x95\x00vr\xfd\xc8\x06\x97o\xb1\xb4\x9d\xde\xb8|\xcd\x9f\x88\x8d\x13\x0c\xb7{\xc9x\xe77&lt;m\xc4\xf6L\xd1X\xc9T\xb1?\x8d\xb8U\xdc\xbdd\\\xbd\x02\xa9Om[\xe0~\x02hW9\x9f\xc8_\x00\x00Tj[)o\xa4\xef\xf0\x9d\x93\x8e\x97\xb6\xcd\x1d\xe9\xf4\x02\xee\xef\xfd\x9d\xe3\xad~s\xfd\x88\xc7\x1d\xd6\xfe0\xf0\xfe\x99\x1d\x8e\x7f\xf6jP\xda\xfd\x1c\x90\xf3\x7ff\x85\x0b\xd6\x16Ut\x00\xa0\x10\xbd\xf8{b\x8f&amp;\x9e_zxV\xfa^\x9f\xdb\xb9\xc4\xe4\xa8\xc0T\xb3\x06\xb6\xfd\xd0\x84\xbf\xbb!\xb3[\xa3\x90\x8c\xce\xff\xf4\xd4\x0ft;\xa9\xc1\xa1\x82\x1f{s\xed\xb0\xe8\x10 \x12\xe7~!\xf0[\x8e\xf6\xfb\xc8\xfaY2\xbbe\x8d&lt;C4\x19cDw\xdcO\x02\xc6\xc6\xca\xc9\xa4^\xcdD\x87\x00\x91t\xfe\xb2\xb0]&gt;&lt;\x01b\xc5\x84\xbe\xe15CDG\x01\x06kS!\xb7\xa3\xedN\xaf\xf2\xd8\x16e\xb2\xbb\x9f\x00\xb6\xcf\x1feH\xa0\xe0\xef\x94\x9f\x00d\xf6\xc4Y\x04@\x85\x86E3H\rw.\x95\x93\xba\xcag\x8c\xeb\xa9\x17\x88\x88\xa8U\xb9\x9c\xc6\x04\x0b\xc0\x18cD\x94\x15\x19\x8b\x00\xf4\x9b\xd4\xb3)\x11\x11=\x8e\x16\xb1\xa5y\xa9l&gt;;s\xf2}\xc1\x88^{;\x01\xfc\xbat\x82\xf1\x81\x83\x0f-J\x07\x8b\x0e\x81\x83J\x99\xe3\xb9o\xa4;\'\xcc\x8f\xc4o\x18w\x93\xe4\xe1\xad\x02\x8b;\xbcn\xa6\xd4j\xb7\xad\x94G\xda\xf2\xd3\x98\x1e\xf2\'\x80\xa8\x1eF\n\xbb\n2)|\x00\x00\xd0\xeac\x9b\xfd\xecbL\xc6\x18c\x0f\xce\xee\x946\xf4jPzr\xe4\x87\xa5Yc\xb1\xc1-\xabN\xe8\xdeX\xbe\xf5\'\xa2\xf6\x98\x16\x00\x00`q\x8e&amp;{\xd3\xcc\xa1.[$\xee3\xbc"\xcf \xf7\x0cI~&lt;\n\xaf\x85a\x15,\xbe\xe8\x00\x00\xe0\x83\x88\x16\xfb\x85#\x97C"\xc6\xe8\xfe\x19i\xeb_{\x96\xb9\x1f\xb2{\xf18\x9f\'\x80\xb0"j\x87\x14\x01c\x8ce\x88":\x02\x83}\xcaX\xdbJyEG\x01\x00\x8c1\xc6NG\xe4u\xa8\x91;\x99\xf3\xf6\x91\x1d\xea\xb4(\x1d\xbcq\xc6P\x97\xfd7\xce\x18\xea\xb3\xf5\'"\xbfo\xc8\x00\x00l\x8f\xde\xdd\x90\x9a\xec\xcaY\x94\xde\x9a;\x9e\x12{sh\xed\x0cCc\x06\x00\x00\x0e\x1c\xad\xf6\xdca\x9d4\x1c\xe5\xc1\xc3\xb3\xc8\x0b\n\x00`\x03\xbf\xccs\xa4\xfd{\xe3q\x87t\x8c\xd5/\x94\x96^\\\xca\x1b\xc4\xe6}\xdby\xe7\xa2\xef\x19c#:\xd4\xf6\xd6\xfe\x7f\xd7\xae\xa6\xb9\xbf\x01\x00\x00hEt_j\xbb\xbf\xf2\xbe\x0c\xf4\xc4\x1eM\x9c\x93\x02&amp;a\x8c\xe8\x91\x87\xe6\xff\xc1\x193"\x86@\xf2M\x93\x8a\xa2C\x00\xf0kK\xbf\xefI\xf4\x92\x88\x86\xb6\xa9\xee\xfej\xe6\x18,\xa3S\x86_zx\x96\xe8\x95{\xe3\x7f\xfb\x8f-C[W\xfby\xf6\xb7\xd9b\x9b\x179\x00\x00\xe8U6]\x1c\xa9\x1d\xff\xe7\xd0z\x97\x972\xc7`}\x1b\x95\x97\xc6u~\xe5\x94&lt;\xce\xe1\xc2\xaf\xcb\xbb\xd6*\xd6\xaer\xde\x17\x97\x0e\x10Qn+/!j\x96\xc1-\xab\x88\x0e\x01\x00@\xb1\xe5\xe3z;\xda\xf4Y\x03\xdb^:\xb0ZZ\x18\xb2L\xda\xffm\x993|\xd1\xc8\xae\x9e\xfa\xfc\x9f&amp;p*\xa1S\xb5B\xf3\xbf\xfbZP\xf8\x00\x00\xa0O\xe4\xd5\xe0\xe4L\xe9\xdd\\t\xb0\x00\x00\xc0\xd5\x92\xd1\xdd\x87\xb4\xae\xb6i\xa6\xdc\x9c\xaf\xc3\xeb0\xd8\x1f4"d\xed\x07\xb0\xb8\x92\xa9b\xbb5\xfb\x0f\xcf\xeeX\xfc\xdb\xea\xa9{~\x9a\x90%\x86\xe8\xf8\xc0\xb6\xce\xeeX,:\x04\x00\xf0%\x7f&lt;\xb6u\xee\x08\xa2wR\xf3\xdf\xa6B.\xd1\x11\xd9\xc6\xe69\xdf\x89\x0e\x01\x00\x00D@/\x07\x00\x00\x00\x00\x00\x00\x00\x00\x00\xd8\xceg\xa2\x03\x00\xb04"\xa2\xd7WEG\xe1\x15\x96S\x070\x01\xbd\xbb\xce\xab\xa8\xa8\xbew\x01\xd3\x11=\xf7\xfaZ\x8cT&amp;\x06\xa2\xce\xa9\xe3\x7f\x88\x0e\x01lF\xca\xec\xf5\x85\x82=S\x18\x1b\x88\x9dD\x89f\xab?F\xc3\xa2\x19\x8a\xa7\x88):\n;\xb9qt\x93\xc7\xed\xee\x83\x7f:V-\x88\x11A\x00\x00 \xcc\x83\xb3;E\x87\x00\xfe)S4\xd1\x11\xf85t\x01\x01\x07\xb1b\xc72\xad\xae=?\x8d7\xad.\x10\xee\xafw\xa2#\x00\xf0\x0faE\xd2\x8b\x0e\x01\xc0\xb7\x14\x98\xea\xe8E\x00\xfdY\xe2\x89\x0e\x00\x00\xec\xee\xf1\xf9=\xa2C\xe0)s\xe0$I\x0b\x12\x1d\x00\x00\xd8]\x89\x14\xe6uN\x82\x9d\x84$\x8d.:\x04\x00\xbf\x95Ft\x00\xd2\xd3\xe3\x00\xea3\x01\x7f\xd2\xa4D\x16\xd1!\x00\xd8^\\\xd1\x01\x00\x18.\xdf\x17,\xab\x88;\xdd\xe9\xfd\xdbT\rN$\xa0b\xb0\x0c\xb5\x9d\xd2X\xea\x03\x80?"\xeaT\xad\xa0\xe8(\x00\x02H\x06\x8c\xa2\x07K\xc9ez&gt;\xad&gt;\r\xcb\x9a]\xa5\x91\x9a\x97\xce&amp;:\x04\xb0\x99\x1bG6\x8a\x0eA\x0e\xbd\xba\xf2\xc7\xe6\xb9\xa2\xa3\x00\x7f\xb4c\xc1\xe8Zym\x95\x96\x04\xc0/|\xa2xO&lt;\x06\x07\xa3\x0cl\x1e*:\x04\xb0\xb7\xd5\x93\xfb\x97I\xfb?\xd1Q\x00\x00\x00\xf8\x17\x9f\x97\xffx\x8a\x01\x00`9aE\xd2\'g\xec\xf4/\x0b5\xf7\xe1Xe\xaa\xd3\xf5\xc3\x1b\xd0\x0f\x05\x00\xa0\xd6\x83\xb3;\xf54\x9e\t9\x86\xa2\x19\x11\x11\x11\x86L\x819B\xb3&amp;\x10\x1d\x82\x0f\xa3:\xd5\x1d\xd6\xa6\xba\xe8(\xccFt\xd3\xe4\x1a\xc3k\x86\x98\\#_\xbd\xc3\xca\x10Q|\xd1a\xe8\xf5\xf6\xc6\x11\xa2\x87\xa2\xa3\xf0\x07\x01\x94\n\xca\x14D4\xb5_+\xd1Q\x04\n"\xfaTt\x0c\xf6\x92\x86\xb1l\xb1E\x07\x01\x00\xfa\xd1\xab+\xa2C\x10)\xdf\x17\x8c\x88*g\xb1J\x92\xdf\x82\tX\x86(\xa2\x83\x00\x00#\x10QZ\xd11\xf8\x9f\xa5\xdf\xf7\xd4s\xf8\x9a)\xfd5tg\x97L\xe5\xe3\x1aX\xf3\x8aaX\xa5\x16\xc0\xdf\xa4cl\xe5\xc4\xbeD\xd4\xa7a9\xd1\xb1\xf8\x9b\x91\x1d\xeb\x98_)\x11\xe1R\x1d\xfcJ\xd5\xec\x89\xbe\xaa\x98[t\x14\xfeL\xd5\x95&amp;\xa62\x9b@s#\x8e\x01\x84\xe0WJ\xa5\xfe\xc4\xee\x83\x13\x00\xd4J":\x00\xeb\xc8\x82\xbe\'\x00\x00\xe3\\;\xb4^t\x08\xf6\x80\xc1\xf9&amp;\xa1\xfb\xa7E\x87\x00`W\xdf\xb5\xad\xa1j\xff\x87\x0f1\xee\\\xb4\xfd+&amp;\x8b\x0e\xc1B\x90\xef\xca/}\xd3\xa4\x82\xe8\x10l\xa0l\xba8z\x0e\x97f\x92\xf2\n\x06@\x00\xa2G\xa2C\x00\x10c\xf7\x92\xf1\xd9\xb5\xce\x01#zGDt\xeb8\xd7\x88\x00\x00\x00\x00\x00\x00\x00\x00\xc0*\x82D\x07\x00\xa0Q\xde V,\x19\x92\xb7A`\xb1J\xae\x1fO&amp;to":\x04\xf0\xae\x7f\xd3Jx\xd6\x0f`\x1ci8M\xc0\x0eHC\xf3buD\xf4\x85\xe8\x18\x00\xfc\xd8\xd4\xbe-E\x87\xc0\x9f\xc2\x96\x1d\'\x00\xab\xdb0}\xb0\xe8\x10l`\xfd\xb4\xc1&amp;\xd7\xd8\xb1jA\x93k\x04P.)\xef\x02c\xf1.\x10\xc0\xc6p\xe9\x04B\xd4\xca\x8bL}\x01\xa3Z\x8e\xc4\xa2C\x08D\xdb\xe6\x8e\x9c=\xb8\xbd\xfc&gt;\xed*\xe75\'\x18\x084\xf7No\xd7_\x88\xf2\x0b\x14":\xb5u\xbe\xfe\x1a\xad\xc9\xde\xab\x87\xd9\xf72s\xdb\xdc\x11\xf2;,\x1a\xd9\xd5\x9cH4p\xcc\xb3\xcf\xa5k\xba&gt;\x800\xca\x1fk\x13\xd1Ocz\xf0\xad\x9d\xe8=\xdf\x02\xc1\xde\xde\\?\xe2\xb2\xe5\xe2\xde\x15B"\x013\x9d\xdb\xb9\xa4~!\xab/D\xd6\xa9Z\xa1|\x18h\x01\x16q\xe1\xd7\xe5\x9a\x8f\xbd\xfa\xfb:\x8e\x91\x04\xac\x02\xf1EG\xe0\xbf\x88\x9e\x8a\x0e\x01\x00\x00L7\xa4UU\xfb\xf6j\x02\xa8\x86\x8f\xbbe\xe9\xb9\xd3\x02m\x9e\xff\xbd_\xf3z\xe5\x00\xf6c\xb5\x13\xc0\xc2\x11\xe1\xa2C\x00\x00\xff\xa75\xd7u`\xc3\xb3(\x00\x00`?\x0e\xed(:\x04\xf0\xe0\xd1\x9f\xbb\x1d?\xbf\xbevH\\ \x00\xe0\xbf\xb061\x00\x00\x800F?\xc5\xa1;\'\r-_8"Z:\xb6\xa7\xe8(\x14\xa1w\xd7E\x87\xe0[\xdf\x86\xe5D\x87\x00\x00\x9c|\xdb\xb6\x06=\xbd`N]\xa7\xb6-0\xa7"gD\xd4\xa2t\xb0\x11%\xef\xf9i\xbc\x11\xc5\x82\xa1\xaa\x06\'\x14\x1d\x02@@\x122\xbf\x8d\xee\x9d6\xaadAC\xec\x88\xee)\xdc\xb3v\xbe\x94\x86F\x02\xe0Y\xc1\x04\xec\xd0\xda\x19\xce\xdf\x90o\x9aT\x10\x18\x0f\x00X_\x9d\xfc\xa9D\x87\x00\x91\xe5\xfe\xfc\xc3\x0f\xee\xd7;3\x07\xb6\x95?6G\xe4\x8cP\xf9\xad\xbc6\x1d\x00\x08\x95-\x16\xfby\xd6\xb7\xa2\xa3\x00/\x88^\xeb,a\xef\xb2I\x85\x13G\xe1\x12\x0c\x80BW\x0e\xae\x11\x1d\x02\x80\xfd\x11\xbd\xe0R\xce\xc0\xe6\x95\xb9\x94c\x04\xac:\x04\xe0g\x02v\xbde\x91l\xfa\xeci\xc3\xf4!VK\x9ea2L\xa0\x07\x00\xb0=zxN\xfb\xb1\x01v\x16\x9c\xd4\xb3\xa9\xe8\x10\x02\xd1\x81\x95SL\xa8\xe5s\xdf\xbb\x008)\x99J\xcb:nB\xae\x9dC\xb3b\xe9\x00\x0e\x94\x9f\xf0Fv\xa8ch$F\x08\xb4\xd39\x80.Ybz}ir\xaff\xe4\xc4\xc4\xa0\x02\x1d=\xfaSt\x08\xe2M\xee\xdd\\t\x08\x00\n\xf8e\xe38{p{\xe7\xd6\x7f\xcd\x94\x01\xa2#\xf2\x8a\x1e\x9c\x11\x1d\x02\x88\xd1\xa8XF\xd1!\x80\x85a\x99q\xcd(2\xd1\xe1\x80Q\xbc\xdf\x01\x02\x80%%\xd6tT\x1a\xb7-\xc1\x9fx\xdd\xb9l\xba8DD\xf4|\xd6\xa0v\x9aj\x0b\x14m*\xe4V\xb2[\xc5L_0\xc6\x8a&amp;\r\x88E\xbap\xc5\x00`!\xf4\xf4B:\xc6\xde\\;\xec\xd8r\xeb\xd8\xcf\xffc\xacY\xa9l\x02\xa3R\x85\x88\x9a\x14\xcf,:\n\xed\x8a$\x8e\xca\x02\xa6e\xac\x957\xc5\xd6\xb9#DG\x01\x00\x11&lt;\xf6\xe4\xe4\xb3\xf0\xa2h\xd3\xfa\xb5r\xd9\xb2s\xd1\xf7\xa6\xd5.\xb5\xd7\xdcu\xa8R\xc0\x88b\xadi\xee\xb0N\xa2C\xd0\xaeY\xa9\xac\xa2C\x00\xe0\xc7^]\xf9\xa3;\xd7#"\x9b\xce\xb0\x03+\xc3s\xc1@\xf1\xd7\x9ee\xa2C\xb0\x8aj\xd9\x13\xd9\xa8\xf5\x97\xd0\xd3\xbf\x8c+&lt;\xb5qE\x03\x80\x15X\xbc\xc9\xdb&gt;\x7f\xb4iuY\xfcOa\xa6\x00y\x0c\x0b\x10\xe8\x02y\xe2\xe8\x9a\xc9\xfd\x9d\xff\xa9\xe4\x04\x90\xd7\xc2\xcf\x03 \xc0\xc5\x15\x1d\x00\x04\xb4\xc5\xa3\xbai;\xf0\xc0\xca\x1f\x1c?\xb7\x0f\xcd\xc7\x18\x8b\xc1\'"9\xdf\xb5\xabY0\x81\x96\x03\xb5]\x1bO\xed\xdbR\xd3q\x10\x10\xb8\xdc}Z\xf6\x16\x16)u\xdd\xd1\xeb\xab\xd5rh\x1b\xa9\xee\xa7F\xb4\xaf\xcd\x18\xebT\xbd\x90\xe8@\xe0\x83$&lt;\nI\xcf\xd8g&lt;\xca\xf1c_\xf0n\xbb-u&amp;\xe8\xd5\xa0\xf4\x9c!\x1d\x8c(9\xba\x11\x85\x9ab\xc3\xf4!\xa2C\xb0\x8f\xa4&amp;~\xa0\xe9\xc5%\x85{J\xbd\xe4\xe15C\x8c\x0cG\xb0\x19\xfd\xdb\xe8/\xe4\xd2\xfeU\xfa\x0b\xf1\xc6R-\x9d\x1eQ\x18\xcbl\xc2m\xaf D\x0f\xa5\x1fz\xd4-\xc9\xa9\xc0G\x8c\xb1\x19\x03\xbe\xe2R\x1a\xc0\x07\xce\rJ\xb0\x82\x04\xa0\xf5\n\xa6q?\xd0\xe2\xf0x\xd7\x9a\x88\xee\xf0+J\xefR}\x00\x81\xe5\xd6\xf1\xcd.[\x88\xa8\xbb\xe2\x0b\x16\xa2\xbb\xbc#2\x8a\x8d\xceU\xa0\r\xfd\xa7\xf4F\x16\xf40m\x8a\xa8!\xf3-\xed\x8eoC\x964\x8f\x87e)\x1f&gt;x\xa0\xf0\xf0(Q\x12*\xdc\xb3j\xb0\xd2=\rrf\xfb"\xb1\x01\x80*!I\xa3\xab\xfd\xa8G\xf9$\x9d\xcc\xabY\xfd\xe2\x99\xac\xf3\xdf$\x85\xa0\x18\xaa|i\xdd\xb5l\xd9\xd8\xf00\xd1!\xd8[\x81\x04\xac\x90\x01mu\x95\xe0\x84\x13\xba7\xe6_.\x80\xacJY\xe2)\xdf9\xc8\xb00\xd4\xf2\xf6\x1d\xa4WWL\x8d\x03\xb4)\x95\xda{.M\xc6XD\xf6\x05\x15\x9fM\xc6*d\x8ck\xeb~\x8c\xc3\xebf\x8a\x0e\x01\x80\x03\xbeY\xb2\x1d\x17F]j\x14\xe5Z0\x08\xf2?\xc6\x1e\x9e\xdb\xe5s7\xb5\xad\xb9\xad[\x7fyu\x0bX(\xffB\xf3\xd2\xc1\xa2C\x08P\r\n\x7f\xe8\xc3\xb1\xdd\xea\xb5\x89\x18#z\xa5\xa7\x84\xe1\xedjI_\xf0-s\x86s\n\n8\xa9\x9e\x83\xcb\xd0p\xbd\x0cj\x98\x88\x88\xe8\xb1\x11%\xdb\x94_\xf4\x15\x83\x16\x1bg\x0c\xd5v`\xbex\x1c\xae\xcf\x14\xae\x1e\xa1\x8d\xe0Gp\xb66\xaaS]\xd1!\xf8\x0f\xa2w\xa2C\x00\xd0\xee\xd7\xa5\x13rz\x9a\xe3\xf7\xe4\xaf_\r\xaa\xf1S\x83\xca\xf5o\xd3\xfb\xb7!\xba\':\n&amp;3\xaa\xbewXYif\x07\x80N\x8d\x8be\x12\x1dB\xa0\x18\xf3u}\xf3+\r\xf2\xb4\xf1s\xc6\xfa6*gr$\x00\x00`Eu\xf2\xa7\x12\x1d\x82\x855,\x9aAt\x08\xe0\xc3\xe1u3\x98\xf71p\x00\x00\x81bJ\xef\xe6\xa2C\x10\x83\xee\x9d\xe2U\xd4\xb5C\xebU\xd4K\xc4\x18kn\x9f\xc5\x90\x01\xc0p\\\xb2\x83\xa9\xb5a\xfa`\xe7q\x059&gt;\xf5\xe7a\xa0\x00\x00z\x11\x91\x11\x89*+f\n:\xb9u\xbe\xc2\x9d\x8f\xac\x9f\xb9hTW\x85;\xbf\xbbyT\xe6U\xa2\x7f#\xff\x93r)X\xb4\xb4f\x9e\xe4&gt;\xf7\xd1p.\xf9\x9f\xda\x03\x18c\x8cEg\xacH\x92\xa8\x1eW\xda\xc2\xf9\x0cDY0\xfck\xf7\x8dD\xff\x12=w\xd98{p{S"\x02\x0b\x8b\xcb\x18\xd1m\x85;\xe7\rRQ\xb2\xaaF\x90\xe8\xb9\xcf\xfd\rjU\x95\xac\x1a_,Y\x8c\xa1\xad\xab\xab*S_P\x00&lt;\x9d\xdb\xb9\xc4}\xa35?\xa5\x8e\x81\xa1=\xeb\x97\xb6H\x84\xbf\xad\x9e*:\x04#\xa9\xfa++\xcf&lt;\xac\xf6\xcd\xdb\xb5h\xac\xcc\xabC\xdbTWX\xa0\xcbnU|ej\xdb\xb9p\x8c\xcf2\x9f]\xdcG\xf7\xcf(\xa9]\xa2?\xa7`\xbfF\xe5\xf5\x16\x01\xe0]\xae8\xec\xce\xc9m\xce[\x9e^\xdc+*\x18\x17D\x14\x83\xb1\x12)c=\xbd`\x89\x90\x96\x8e\xed%:\x04#u\xa8R@\xf9\xce\xf5\n\xa6!z\xa8\xa4-\xa6G\xe7\xf6.\x9b\xa4#.-\xd6M\x1d\xe8|E\xbfn\xea zwC\xe1\xb1\x1e\xa7\xc0x3\xa8E\xa8\xda\xd8\x00\xac\xec\xee\xa9_\x92\x8a\x8eA\xa2ma\xd7@\x11\x8b1\xf7\x8ep\xe7!\xb2\xefo\x1d34\x80\xfa\x85\xd2\x12=\xf3\xb9\xdb\xc0\x16\xa1\xaan\x02\xba\xd6*\xa6#\xa8\x8f\x88(\xdd\xc7\x9f\xdf86\xd2\xab+!I\x95.9\xa7\xe4aC2\xc62\xdbw\t;\x7fg\x91\xde\x03\x1b9\xbf{iF,-\xe4\x07\x9a\x97\xca\x96Ft\x0c\x12\xe7\xb6\xd8\xa7\xf4\xfc*u\xdfX&amp;\xed\xff\x18cQ\x18;\xbei\x8e\x92\xfe\x99\xc5\xa3\xba\xf9\xdc\'9c\xd5\xb1\x06\xb4 h\xdfMS1s\xa4/\x0c\xf2\x9d\x80RD\x94_UVhO\xa6\xf6k\xa5j\xf2T\x9b\n\xb9\xd0:\x80O\xb8\xd8U\xa2K\x8d\xa2\xf86\x81\xcd(\xbf\xed\xb0\xa9!\xad\xaaz{\xe9\xf5\xb5CfF\xa2\x93\x7f,eeqs\x86t\xc8\x8e\xa4k\x00\x00\x01\x08\x97\xf0\xe0*\xfb\xa7\x8c\xe8\x9d\xf9\x9f\x0c\x9b~\x16\x9d\xc3\xbesr\xab\xc0H\xacC\xd5\xe01\xf0c\xf2S&gt;\xc1\x8aD5\xc4\xbc\x9e\xf4z$\xbfV\xe5\xb3\x8b\xfb\xf4\x14\xee\xf8\x8b\x85\x151\xf4\x97\x00\xb0\xab^\rJ\x8b\x0e\x01Tj\x14\x92Q\xed\xc9`\xff\x8a\xc9\xd2!\xe5\xd2\xdbny;\x80@D\xff]\x12\x1d\x02\x98\xe2\xca\xc15\xaa\xf6\'"\r\x0b/8\xce\x196\xed\xd2\x91\xf0]\xff\xda\xc5\x9a)\x03\x8c,^)\xba\xfd\x87\xe8\x10\xf8\xa0\xc7\x7f\x8a\x0e\xc1$\x0bGt\x11\x1d\x02X\t\x11\xe5\xd0\x96\xaeL\x81M3\x87\xe99\xdc\xd6\'\x00zw\xa3p\xa2(\xa2\xa3\xb0\x84\x18\xa2\x03\xf0\xc6\xb1\x1c9\xd6\x05\xb3\x14\x8b\x7f\xf1\xbfkWSt\x08\xfc\xbc\xbfu\xec\xf2\x81\xd5F\x94&lt;6&lt;Lg\t\x8f\xcf\xef\xe1\x12\t\x88%\xf7\xf0\x04\xc0\x8dc\x8e=\xd8\x98t\x1a\x1f\xdf\xad\x91\xe8@&lt;P\xb2PAJ\xb7-DO\x8d\x08\xc6\x16\xb6\xce\x1d!:\x04\x00CL\xe9\xd3Bt\x08~\'\x7f&lt;C\xee\xe3\xf4\'\xc2T\x8e\x1e\x9fw\xd9R\xb7@j\xf9C\xe23\xb6o\xd9$"\xa27\xd7\xe8\x89\xeb\xe1\x10 \x1a\x86`\tU\x9b\x19\xdc\xb2\x8a\xe8\x10\xfcK\xd1\xa4\xd1\x8c8\x01t\xabSB\xc3Q\xe6\xac\x10In\xf6,\x19\xaf\xb3@\\\x9b\x00\x98\x8f\xe3\xd2\xaa\x81\x8b\x88VN\xec\xc7\xab\xb4O\x18;\xb1y\xae\xe6Hx\x85!I\xc4\xd8\xf8n\x8d\xd6O\x1b|\xf9\xc0\xeax\x8c%e\xec\xdf\xe3\x9b\xddO\x00Dt\xeb\xd8\xcf\x03\x9aU\xd6S\xd7\x8b\xcb\x07\xea\x17J\xcb+r\xd0\xa0E\xe9`\xd1!\xf8-k\xe6f\xb6\xf8S\xe8\x80\x93\x9c1\xa2\x7f;V-\xa8&amp;o\xdbG\xdc\xdf\xceG\x7f\xee&amp;"\xa2\'\x9d\xab\x17vl\x94f0x\x94!\x80G\x03\x1dZ;]t\x08\x00\xc0\xd5\x84\xee\x8d\x9d\xff\xe9\xb3s\\\xa7\x85#\xc2\xadsNN\xc3Xpl\x96\x921\xf7V\xbd@|F\xf4\xc8\xd3)\xe0\xdd\xb5C\xeb\xcf\xef^j~\xb4`_\xcdJe\x13\x1d\x02\x80\x9bM3\x87e\x8b\xad\xf1\xd8LZ\xf3\xe4Z\xe4\x04\x90?\x1eK\xa1`\xb7\t\xdd\x1b{\xbc\x15\x08I\x86E^\xec\xad~A\xf3\xba\xe3\xfa7\xaddZ]\x00\xd6\xf5\xb9\x89\'\x00\x99\x8a\x92\xabY\xa5+\xacHzO\xa7\x80\x97|\xa2\x04\xef\xe8\xfdM\x85{Z\xa4gn\xde\xb7\x9d\r*\xd9"\x97M\x00z\x11Q\x10\x8fB\x88\x1e\xca\xefs\xeb\xf8f\x8f\xdbk\xe5MQ=g\x12U\x93\xa6\x0f\xad\x9b\xe1~\x06\xb8vx\x83\xc7\x9d\xd5\xac\x19,^\x85\x8cA\x06\x95\x1c\x95\xb1\x95\x13\xfb\xea)\xc1\x8f[\xbdN\xd5\n\x89\x0eA\xa46\xe5s\x89\x0e\xc1\x87\x83\xab~P\xb8g\xc3\xa2\x18+l:\xa9\t\xd6p`\xbd\x82i\x8eo\x9a\xa3v8\xe9\xfco;\xbb\x9f\x00\x9e\xfc\xe5\x0f\xd3\x9b\x89\xa8g\xbdR\xa2\xa3\xf0\xcc\x8fO\x00\xaa\xd0\x833\xa2C\x90\x13\x97\xb1\x8b{W\x88\x8e\x02@\x01zq\x89\xe8\xa9\xdaQ\xf9\xde\x06\x05\x19\x14$\x98,\x88S9\xees\xce\x01\xcc\xd3\xaa\\N\xd1!\xf0\xb1b|\x1f#\x8am]&gt;\x17\x11\x9d\xdb\xb9D\xd5Q\x9f{?\x01`\x05=\x10.\xa9\xe8\x00@\xad&lt;q#\xfd\xb3Z\x8e\xc4\x1c\x06\x95\x10\x91\xd6\x11=\x1fT\xc9\x96@g\t\xda\x98\x93\xc27=cwNn#\xa2&gt;aeU\x1dHO\xce{;\x01\xf4\xb0j\xe7\x89\xbc\xc2\x89DG`7\xb8\xdbc\x96y\xd2\xee\x07n\x1e\xfb\xd9\xc0\xd2\x89\xeeI?|\xa2\xf2\x83{\xeb\xf8fzv\xd1}\xfb\xc1US\xf9D&amp;\xda\x921\xdd\xcf\xed\\\xd2\xadvq\xe7\x8dE\x93\xf8\x18\xd0J\xf4\xda\xdb\t@\xe1*wC\xdbT\xaf\x91+i\x98\x05\x1e\x16u\xaaV(}\x14FD\xf4\xe2o\xa3\xeb\xeaZ\xab\x98\xd1U\x00\x80\x1c\xa2\xd7\xa2C\xb0\x8a\xf0\x9a!Do\xe9\xf9\xc5\xb5?|\\\x83\xa5JpB"\xda\xb5h\xac\xcc\x81D/\xbc\x9d\x00^]\xfd]I\xd5[\xe6|\xa70Hs\x96\x91\xc4\x9c^\x8bhd\xcc\xea\x05\x05\xad\x99\x96\xc1D\xc6^b\xdbH\x1a\xd1\x01X\xc7\xab\xab\xbf;\x1a\xee,\x11+\x9b\x8c\xecXG\xdaR:\x8d\xe7q\xa1)\xbc?\x00\x90\xf0\r\xb2F\xeed|\x0b\xf4\xe8\xde\xe9\xed\x9a\x8f]k\x8d%\xcc4\x8b\xc1X|\xd118\x18\xd4\xb3\x84\x0e+\x17\xf1D\x07\x00\xe29\xb7\xda\x8e\xa5\xd3:V- m9\xb0r\x8a\xfb!\xa9\x18kR&lt;\xf3\xe9m\x0bM;\x01\x18\xe7\xeb\x1aE4\x1c\x85a-\xfe\xc4\xe7\x9d\xc1\xc2\x11\xe1f\xc4!T\x89\x94\xb1D\x87 \x1a\x11u\xa8\x92\xdf\xcc\x1a\xff\xdc\xf5\x93\x99\xd5y\xe4\xdcj\x8f\xef\xf6!\x03R\x90S\x0f\x8f\xb7\x07\xe0m*\xe4\x929\x01\x04G\x1c\xa6\xbc\x9f\x07\x80;\xa2\'\xa2C\xb0\x07G\xf2\x9bB\xda\x12R\x82\x0c"\xf2\xf8\xd4\xc1\nW\xcawO\xfd\xe2h\xb5w-\xfe\xd8\xe9\xff\xc7\xcfs\xef\x9c\xd8\xda\xa5fQo\x07f\x8b\xcd\x8e\xac\x9fI\xcf.\xc8\xdf\x01`B \x80\xf5\xad\x9c\xd8\xb7R\xe6x\x8c1\xad\xc9\xcc\xc0\xbbx\x8c\x9d\xd9\xbe\xc8\xe4Jc16gp{\x9f\xbb\xd1\xc3\xb3\x8eV\xfb\xc9_\xbfj\xa8\xc8\xbd\xf5\x7fq\xf9\x80\x86r\x00\xc4Z=\xf9\x1b\rG\xf9\xc7j\nq}\xef\x02\xb6R%8\xe1\xc2\x91\xe1&gt;w\xeb\x1dV\xe6\xd2\xfeU\x1f\x1b\xefG\xe7\xd2\xa8\xa9%\x05c\xf4\xe8\x9cs\xeb\xbf||o\x8d\x11\x1b\xcf}V\x89t\xd5\x03`q\xbf\xaf\x99&amp;:\x04\xffr`\xe5\x94\xdd\x8b\xc7\x89\x8eB\xb0\xc6\xc53W\xce\x12\xef\xdd\xcd\xa3\xce-x\xae8*J\xa0\xf77\x9d\x0e}\xefcg\x0btyi\x16Ut\x00\x00\xc0M\x82\x88\x15\xd8_\\\x8a\xd4_\xe1\xf3{\xee\x7f\x19\x8f\x9f^\xd8\xeb|\x02\xf8y\xd6\xb7\xca\x8f%z/\xf5\xfat\xae\xee;\x8f\xa3\xcfL\xa5\x00\xd6G\xf4\xc8\x88b\x9b\x14\xcflD\xb1\xc0\xc1\xd4\xbe\xad\x0c-\xff\xc9\x05-\x9d\xef\x1c\x9d\xda\xba \xa2\xfd\x7f\xd9&gt;4\x9f\xf2\x0e\xc1\xeeuJ\xfcsh\xfd\xc3s\xbb\x0c\x0c\x0ed\x1d^7Ct\x08\x81\xe5\xe8\x86\xd9\xce\xff,\x97^\xcd-s\xc0+\x9e"\xe6\x85_\x97\x8b\x8e\xc2J\x88\x88\xee\x9e\x12\x1d\x05\x93F\x7f\xd5\xca\x9b\xe2\xeb/\x8bH\xf7F1"\xef\x10\x9f\xb1\xdayST\xca\xe2\xdai\xee7\x0b\xfb\xd1\xc3\xb3/\xaf\xfc&amp;:\n\xb0\x99nu\x8a\xfb\xde\t@\x894\x06\x94\xa9\xe1\xf9~\x83\xc2\xe9:V-(\x8d\x0c:\xbf\xeb\xa7\xde\r\xca\xc4g\xec\xbf+\x07\xa5{\x84\xfd+&amp;\xc7\xf4tT\xf7\xba%\xf4\xc6*\xda\xf4\xfem\xcc\xac\x8e\x9e{\xc81\xc5]\x0c\xdf\xbb\x00\x04$U\x0b`ytd\xfdL\x0eq\x18\xa3D\xcaXD\xf7ZG^f(\xf7\xe7\x8a\x8eu\x1d\xda\xf9\xfe\x86\xf3\xbf\xbe\xaa\x90\xdb\x88\x80M\xf3\xe6\xfaa\xd1!|`\xc2\x83\xf1"\x89\xfd\xf3\x01v\xdd\x02\xa9E\x87\x80\xfe\x1f\xb0\xa4\x12)c\x85\xd7\x0c\xd1SB\xcb\xb29\xdc\x07\xf8;L\xea\xd9Tg\x84\'\xb6\xcc\xd3Y\x82\x1f\xb0\xf5\xb0(^\x14\x9e\x9d\x94]\xb7\x98\xed\xdf?\xb6\x88\x0eA\x05|\xde@\x85_\x97N|\xf5\xcf!"z}\xed\x90\xdb)\xe0\xbe\xce\xc2=v"A\xa0!\xba\xed\xb3U*\x9b.\x0e\xd1]\xa2\xdb\xdev\xb0BJ\x15[\x08+bN^]0\xc0\xd4\xbe-\x05\xd6\xde\xa1J\x01\xa2\xf7t\xff\x0c=\xf9\x8b\xcbZKwOn\xe3Q\x8cW\xe3\xc2\x1b\x1e\xdb8\xdb\xf7~\xa2u\xa8R@\xfa\xe13\xb1q\x08BD\xc5\x92\xf9xHQ+o\n\r\xc5j\x8d\x08\xc0b\xce\xef^\xca\x18\xab\x99\'y\x1a5G\x9d\xda\xb6\xc0\x98p\xeca\xd9\xd8^\xa2CP$\xa0\x9a\xaa\xbcAf\xd4\xf2\x85\xb2\xbf\xea\x94&gt;-t\xaf7\x08\x9e\x051\xc6\x18\xeb\xdb\xa8\xdc\xfd3;\xc4F\xe2W\x92\x88\x0e\xc0\x1b\x0b\xb6bD\xaf\xf967#;\xd6\xe1Y\\\x84\xdc\x9f\xb3\x8c\xf6|Fk\x91D\x9b\x1e\xd3\xcd\xee]6\xd1\xe7\x81\x97\x0f\xac\x96\x06\xc8\xcd\x19\xd2\x81wP\x81\xcb\xbd)\x88\xc6\x18\xdd;\x1d\x92\x14g[\x1e\xd6L\xe9/:\x04\xdb\xe0{Z\xbaqd#\xc7\xd2\x9c\x15Nl\xcbeeM[_kp\xab\xaa=\xea\x96\xe4^\xec\xad\xe3\x9b\xa5\x85\x86\xa6\xf4i\xc1\xbdpp&amp;=6\x14\x1d\x05\x18\xacX\xf2\x8f\x9d\xb9\xe5\xd2\x89\x1f\x1e\'\xf3\x99\xdb\xf3\xd3x\xb5\xa5\x95N\xf3\xa9\xbep\xfc\x8a\x1f\xfc-\x1e\xfd\xb9\xdb\x96\'^\xabZ5\xb1\x9f\xcc\x14_\xba\x7f:\xa7\xaf\xc7\\\x96\xed\xe1\xe0\x03i\'-"$Y\xf4\xe9\xdf\xb4\x96~\x96\xc9\xeb2\xbe[#\x93\x02\xb2!z\xfe\xb7q\x85;O]\xdc0}\x08c\x8c\xbc/L$\x0f\x17\x9e\xe6H%]\xe6?&lt;\xeb\xfe\xd2\x8a\xf1}\xea\xe4Oe\x8f\x9b\x80\xc5\xa3\xbb\x89\x0e!\xe0Hi\'D!z\xea\xfc\xcfQ\x11\x1d\xfd\xb5\xf3\xa5&lt;\xb7c\xb1\x88\x88\xac\x82\x88d\xa6I\x9a\xf6Mq\x8c;6\xa7:\xf0fp\xcb*2\xaf\x8e\xf9\xba\xfe\x87\xf7\xe9\xf1y\x97\xce\xd2\xe2\xc9c:\xde\xc4?6\xcf58L\xa1\xde\xdd&lt;*:\x04\xdf\xecu\xf3^)\xb3\xdc\xf9a\xc3\xf4\xc1|\xab\xbbqtS2\xc6B\xb3Zg\x81t\xcbQ;\xc1Pf\xfc\xbe\xe2\x12\xa8T\xeaOt\x16\xa2\xd0u\xc3\x9e\xf4\xf8\x81*\xd9\xbc&gt;\xf7\x19\xdf\xadQD#\xff\x82\x1e\x9d\x93\xe6\xc7I\xa30"M\x1fz\xe0\xe1\x16\xc1Yb\x9e\xf1:\x91\x1fH\x1c\x93\xb1\xd9\x83\xda\x19T\xb5\xbbLV}\x1eN\xf4H\xf5\x88k\xb3\x8c\xef\xd6x\xa9\xdb\xc8N\xfd\xf3\xd1&lt;\xaa\x9d\xcf\xf0U\xdf\xed;(b\xd5\xc4~\xaa\xf6\xa7\xff.\x1b\x14\tXG\xd6X\x1f\x1a\xfa\xa2I\xa2\xfdw\xf9\xa0\xf3KDNK\x86\xbc\x94\xfb0\xcc\x1d\xd6\xd1\xffo\xf5\x9e\xff\xbd\xdf_\x7f\xc9\x86!\x19E\x87\x00`c\x7f\xef[):\x04\xed\x88\xe8\xc0\xca).\x1b\x13D\xbc$yxn\xa7|!\xd6L\xf8\xc1\xcd\xb6\xb9#\xfc\xb2C\x13\x13\xcc\x01\xf4#z-:\x04\xedfx\xcf\xa4\xbbo\xf9$"\xba|`\xb5\x99\xf1XKpl\xc6\x18#\xba\xa7\xbf\xf5\xefR\xa3h\xe1D\x1cB\xe2n\xf3\xeco\xabe\xb7dd\x86\xb1\xfe%\xdb\xc0\xe6\x95;W/,:\n\x03M\xfb\xa6\xb5\xc0+*\xcbv\x99\n\xb1o\xf9d\x8f\xc9\x86\x89\x1e\xaaZg\xd0o\x11Q\xaf\x06\xa5evX0\xfck\x9f\xfd\xda\xe15C\x88\xa8\x80Y\xcf)\x89n*\xd9-\x11c\xa3:\xd5\xb5\xec\xe3\r\x83\xf8\x1c\xdal\x05\xd6\x89\xf1\xe9\x85\xbd\xcf.\xee\xe3X\xe0\xa9m\x0bNm[\x90\x96c\x89*\xe5\xd0\x9fP\xdeM\x8d\\\\\xb2m\x89q\xfb\xc4Vz}5\x15c\xf4\xe2o\xc6\x984\x00\xb4k\xadb\xa2\xe3\xb2\x80\xd8\x8c\xd1\xab\xab\xf2-\xe4\xc5\xbd+|^\xce\xb4,\x93\xfd\xf4/\x0bevxpv\'\x11\xc9\xac\x033c\xc0W\xf2U\x04\x8e\x8c\xd1t\x1d\xde\xbfiE\xc6X\x9e\xb8\x1f\xc6\x9b7,\x9a\x81KT6\xb2v\xca\x00\xe5\x17\xe0D\xc4q\xd0o\xb6\xd8\x8c\xf1X\xd2\xc3\x82\xec\x99\x1c\xe4\xa3ZyS\x10\x91\x94=%k,\xd1\xd1\x88U=\'\x9f\tn}\x1b\x95g\x8c\xc5elb\x8f&amp;.\x13.\x9c\xbf\x81\x89#\xce\xbaD\xb4\xf6\x87\x81\\\xaa\xf63.#\nu\x9e\x03\x18cM\x8ag6\xa2\xe9?\xb4v:\xf72y)\x99\xea\xc3_\xd1/\x9fi\xf9\xdf|\xa0\x05\xc3\xbb\x88\x0e\x01\xf4\tb\x8c1\xf6\xebO\x13\xf2\xc7\xf3}\xe3ID?\xcf\x1af\x91o\xa6t/\xf2\xe3PcSn\x11\xbd6\xf9\xf7M\xc8\x98\xa1=\x9b\x16y\xfb\xe4)\xc9\xb9\x9d\xca\x98\xae\x12\xe3&lt;\xbb\xb8O~\xb11zp\xc6\xa4Px\xd0}\x85\x03Z\xfd\xb5g\x99\xf9\x95\x12=%\xa2\xaa\xd9\x13Y\xb3\x05i^*\xdb\xfe\x15\x93\xb9\x17\x9b)\xba\xa9-\xa6\tKA\xd1\xab+\x06\x95\x8cU\x82\x01\x8c\xb2\xf6\x87\x01\xa2C`RV\xa6\x95\x13\xfbz|\xf5KOO\x99J\xa7\xd1{\x91V%8\xa1\xfbF\xf7\xd5\x9a\xccI\n\xcfW\xc9T\xae\xa9h\x8c&gt;\xd9\xf4\x0e+\xe3\xb3wEff\xa6&lt;k^\x19H*d\n\x12\x1d\x82\x19\xac\xd0J\x04\xba;\'\xb6\x8a\x0eA\x8b\xd6\xe5s\xe9\xfc\x02{&lt;\xdc}\x89mU\xb5xk\xad\xe8\xed5U\xb1\xa9\xa9\xf1?\xe9\x87:\xf9SM\xf7&gt;\x06Y\xbf\xa3\x1bfI\xbf\x9a\xf4\xdf \xc6\xbe\xaa\x98\xc7\xe8\t\xae\x8f\xfe\xdc\xed\x97\xdd\xeb~I\xf3\xdbd\xd9\xf7\x97\xe8\x96\xe8\x10\x8c\xf7\xf6\x86\rR\xf7x\xe4\xfe\xb9\xd9\xb9\xe8{\xe5\x87\x9b9x\x99\x9e\xfe\xe5\xf8y\xcf\x12\xd5I\x98-\xc5\x91#(W\x1c\xb6k\xd1X\xe9g\xf7\x13\xa7~\xe5\xd2\xc7a\x16n\x1d\x94\xb3\xd1\xaf\xe08\xbb\xf3*m\xc7\x82\xd1\x9c\n\x03\x11\x0e\xad\x9d\xa1\xbf\x10\x85_\x00+\x8c\xfa*\x9d\xda^i\xe2&gt;*\x92\xd8\n\x7f?\xfel\xd4zrg\xf2\xef\xce\xbd[\x92\xfe\xbb\xc4\x94-L&amp;\xdc\xb06_\x8a\x0e\xc1x\xa2\xda\xb6\xf4\x9e\x96\x9cp\xc9\x8fHD?\x18\xb0&amp;\x11\x11\x85\x15Q\x91\xa3a\xf7\x92q\x8e1-\xc9\xbc\xef&amp;3\xbd\xc0\n\x96\x8c\xeenB-\xc9\r(\xd3\xb9\r:\xb9u~\x8d\\2o\x02p\xe6\xe1\xe1\x95P%R\x06\xf8\xe0y[)\x9b\xee3m\xcd\xe2\xd5\xdf\xd6\xea\xaf]\xbaV\x92O\x9b\xac\xc4\xba\xa9\x03\x1d\x97]Dd\x8b9\xae\x86\x9a;\xacS\xb0II\x88]\x05\xf2\xb5?0\xbb\x8d\x9a\xb5\x13\xff\xfbj\xedZ&lt;v\xe5\x84\xbe\\~/\xa2\x7f}\xee\xe31\xd7\x87_"zL\x8f\xff4\xacp\x1a\xd5\xa9\xaeA\x85+W4\x89\xdc\x18\xf1Zy\x91\xea\x06\xfc\xcb\x90\xd6\xd5\xf8\x16\x98\x88\xb1\'\x7f\xfd\xca\xb7LwG7\xcc&amp;zbt-\xfewv\xb4&amp;\xeb\xfc\x9de\xd6= \xad\xab0jS6\x9d\xff\xdfrv\xa8\x92_t\x08\x81\xed3+}\xf7T\xe9Y\xaf\x94\xa1\xe5W\xcb\x9e8CT\xd6\xa7aY\xc7\x96uS\x07M\xee\xd5L\xfe(3\x1b\x08\x93\xf1\xed\x14.\x9b.\x8e\xf3?g\rl\xcb\xb5xC\x0coW\xd3\xcc\xea\xac6.&gt;KL\xd1\x11\x00w\xe5\xd2\xc7\x11\xd5\xab\xab\x13\x11\xad\x9f:\xc8\xd0\xf2]\xb6\x8c\r\x0f3\xe2d\xe9\xf3\xa4\x02\x9a\x85$\x0b\xb0\\\xacZU\xf54c\xd1\xc5\xfc\xef\xbeV[l\xf7:%4\x85\x03v\xb0~\xda\x87\xf6\xf7\xca\xc15&amp;W\x1dE\xfd\x8dK\xf9\x0c\x16\x1f\xad\xe3\xff6\xcd\x1cjP\xc9_\xe6\xd4\x92.\x98c\x1aN\x1b\xf98\xae\xe1\xfei\xb1\x91\x00\xf0\xd7\xadv\xf1\xfc\xf1Xe,b\xee\xa7\x0e\xac\x9c\xf2\xfc\xef\xfd\xa2\xa3\xb0\xb1b\xc9c0\xc6\xca\xa4\xc5\xa8\x1a\xf0G\x01\xbd\xca\x9az\xb6{\x02\xe41\x1b\xc4\xfe\x15\x93\xab\x06\xd8\xcak\x00\xc0\x8d\xed\xdaA.\x82?Q\xf7\x8bO\xe9\xdd\xdc\xb0X\x8c\x12\x98\xef,G\xeb\xa6\xdaf\t\x8dt\xa2\x03\x00\xd6\xb2l\x8e\xd1\x9d\xeb\x89\x8d\xa1T\xeaH\xcf\xb5\xe9\xc5%\xc6X\xd1$\xd1fz_\xf6+\x10\xf2\x83\xa3)\x043\xe5\x8a\xe3{\x9f}\xcb&amp;\x19\x1f\x08\xd8\\HRuc9\\\xba\xff\xa5\x86\xafwX\x19\xf7=\x8b$\x8e\xea\xb1Yl].\xa7\xe7D\x9eD\x02W[\xd5\x83o\x8f/\xdd9\x915\x16#\xa2I\xea\x870Ee\xacaHF\xa9\'\xe7\xdb\xb65\xb8\xc6\x05\xdc\x10=\x16\x1d\x82x\xd9\xed9BR\x97\xebG6\x88\x0e\x813\xa2\xa7\xbb\x97\x8cS\xb8\xb3\xb4h\'\xc8{s\xed0EP\x9e5L\x9aHED!I\xa3\x13\xbd#\xa2A-\xab\x18\x18eD\xa5FW\xc1K\xb9\xf4ql\xbc\xf69\x00\xd3\xfd}\x13\xb8\xb0\x9cq\xe3\xf1=\xa5\xbf\xb3\xb7\xf77\x8f\x11\x91\xb4\xc6\x8eZs\x87u\xca\xf7\x05c\x8c\xf5k\\\xbez\x8e\xc4\x9c#sc\xa3\x1c2\x8f\xfe\xdcm\xa9G\xd98\x1b)7\xa57\xff\xe4\x95\xa0\x94\x1d\x87|V\xc8\x18\xd7F\x17\xa7\xf4\xe0\xac\xe8\x10@\x85 }\x87K\xf7v\x1b\xa6\r\xe6\x11\x8bRaE3\xd8\xe8\x1b\xe1\xc2\xbe\x91k$\xad\x8f\xd3\xb4dV\xd1\x81|he6u\x00\x00 \x00IDAT`\xbbL\xc1]k\x17\x1b\xdc\xb2\xaa\xd8\x18\x94\xe77\xe5\xbe\x8a\x99\xe1W\xfeB\x19\xb7\xe8\x9bB\x8e\x9b\xce\xacZ\x93(7\n\xc9\xc8)\x16\xa5\x88\xc8\xfc)\xa5\xbc\x98p\x02Xo\xee\xf9\xd8\x07G\x17\xb0\xa1\xb5\x14Onl\xfe\x914jv\xe6\xfb\xcb.\x1a\xd9\x95ci\xda4)\x91EH\xbd\xa1Y\xe3\xfb\xf7\x15\xd3\xbco;\x8b\x0e!\x92\xdf\xd7L\xab\x93?\x95\xcc\x0e\x0bG\x84\x9b\x15\x8b\xb54.\x96\xc9\xf9\x9f\x85\x12\xb2\xc7\xe7w\x0b\x8a\xc5,?\x8d\xe9!\xbfC\xe3\xe2\x99[\x96\xc9\xee\xf8\xa7\x97\xf10o\x15\x9e\x00\xea\xe4\x93I\xb0\xa8T\xdbJy\xf4\x17\xe2\xb0dL\xf72i?c\x8cU\xcb\xee\xdfW\xa2`!\x9a/\xc6\xbd\tb\xac_\xa3\xf2\x8e\x7f&gt;\x12\xddrM\xe8\xdeX\xcf\xe1\x9a\x137\xad\x9c\xd8Ws\xa5\x86.\x9d\xed\x0f\x8a%\x8b\xe1\xde\xca\xff\xb9\xeb\'\xc7\x1d\x80{\x8a\xc4\xe3\x9b\xe6\x14N\xc4\xd6N\xb1V.C\xf0Kt\xf7\xa4\xe8\x10\x84\xb9\x7ff\x87\xf3wS\xf9M\xd5\xd6\x1fG\xb8li^*\x9b\xfex\xa4\x00BM\xcf\xc2rp\xe5\x0f&amp;\xd7\xa8\x9f\xce\x93%\x7fY\xd5\xf4\xb5\xac\x9b:\xa8v\xbe\x94\xdeF\xc4\x0fj\x11\xca#"\x00\xdf\x84\xcf:\xb4\xb8\xd0\xac\t\xdc7r\xef\x7fkW9\x9fs\xe1\x85\xbc\xa7\x16\x1d\x1b\x1e\xf6\xdb\xeai|k\xf7WD/\r\xaf\xa3U\xb9\x9c\xd2\x0f\xd7\x0foh\x14\xb9;\xcc"\x82\x8dI\xb1\xdf&gt;4\xdf\x83\xb3;~[=\xd5\xb1\x85\x9e\xff\xed\xdf\x1d\xd3\x12\xdc\xf3\xfa\xbd\xcds\xbes\xfc\xfc\xd7\x9ee\x02#\x01=\xcch\x8e\x88\xc8\nO#\r\xe5mN\xe3\xf0v\xb5\x1c\x8f1\x88\x88\x9e^\x90)\xa4W\x03\x0f\x13\x89\xf5\xb0\xf8 \xeb\xa2I\xa256\xfe\x82`\xd5\xc4~\xa2\x96X&lt;\xb8\xca~\xfd\x06\xaa\xf0j&gt;l\xbd\xe0)=&gt;/:\x04\xd0\xa7[\xed\xe2\xc6\x15\xee\xbc\xe6\xbb\xc9\x97\xff\xc5\x93\xc7TX\xa3\xa8\xfb\x92l^\x1eZ\x9a\xff\xb7\x02\x8f\x88\xa8s\xf5B\xfa\xcbQ\xfe\xec\x95\x88\x8a&amp;\x89\xaa\xbfFgM\x8ag\xe6[\xa03\xe9\xb3\xfa\xfa\x9fC.\xdbo\x1e\xfb\xd9\xb8J\xe5\x11=\xd3s\xb8\xf9\x8fXl/KL\xf6\xe8\xcf\xdd\xa2\xa3\xb0\x04.\xb9M\xee\x9f\xd9\xce\xe5\x04\xb0m\xde\xc8\xcaY\xe2\xe9/\xc7_\x11=4\xa9\xa2WW\xee\x9d\xdenN]&amp;\xb3\xe0\x95\n\x871\x91\xb6c\xc1\xb7\xc1R\x86}\xf5\xa5\xe8\x10TH\xcd\x18c\xachR\xbd\x19T\x85\xac\x9f&lt;{P;\x11\xd5ja\xc1oMx\xcd\x90\x07gw\xfa\xc7Jj\xf9\x03\xfc\xda#\x7f&lt;\xf6\xea\x9f\xdfEGa,G\x1e\x98\x89=\x9ah~\x1a&amp;\x8dy\xe5\x16\x935h\xfb\x8dn\x1c\xdd\xb8o\xf9$"\xaa\x95\'\xb9\xccn\xdd\xea\x18\xd8k\xa7\x13\x97\xf1\x8e\xe60\xeeS7\xbe[#\xa2\x07\x9a\x0f_g\xe4Z\xdc&amp;\x18\xd7\xb5\xa1\xff}\xa3UK\xc9\xd8\xebk\xae]c\\\x8a\xf5\x1bG\xd6\xcf$"z}\x95\xe8\xbe\xc7\x1d\xe8\xcd?\x1c\xab\xcb\xf9\x19\xabW0\r\xc7\x02%\x1e{\xf2\x95\'\x81\x00\xffCDD\xef\x85Tm\x855[\x96\x8d\xebED{\x97M\x94\xd9\xa7[\x9d\xe2\x98%\n\xacRf\xaf7\x8a2\xcf\xc2\x86\xb4\xaefD0\xda\x94Ic\x9f|\x98\xa0\x8f\xc2^\x8d\xba\x05R73\xf7N(\x96\xca\xb4+F\xdb4s\x98\xc95.\x1b\xd7\xcb\xe4\x1a9Pr9o\xe5\x9b)\xa9\x9bo\x941)\xfe\xa3y\xfa\xdd7\xce\x18jD]z\xcc\x1d\xd6It\x08\xc0_&amp;\x8dy\x13@\x11\xb9\xc4I\x9a\xdc&gt;\xb1\xf5\xc8\xfa\x99\xbcK\xb5\x80\xb3\xdb\x179\xff\xf3\xeb/\x8b\xf4jPZT0\xe0.\x1dc\xf6zjw`\xe5\x14\xd1!\xd8IT\xc6B\xb3\xc6\xaflp~\xbdz\x05\xd3\xd8qEh\x9dZ\x95\xcd\xc1\xab(\x81\xddn\xc6\xb2\xf2\x1d\x000\xc6v,\x1c#:\x04\x8d\xaa\xe5H\x9c\xcf&amp;\xe7\xae\xcc1D\xd6\xbea\xfa\x10i\xc0{\xeb\x88\x89\xfd\xa0\xd3\xf6\xf9\xa39\x96\x96+N\x00\xb7\x93U\x82\xbdg\x06\t\x0c\xd9b\x7f\x18:)\x84\xf2%\x1b\x03D\xb9\xf4&lt;\'\xb7\x86\xd7\x0c\x91\x19\x0fk\xda\t\xcc\x9c\xf4\xec\xa0V\xbb\xcay\x19cD\xd4\xb1jA\xd1\xb1X\xd5\xc4\x9eME\x87`\xac\x07gw\x8a\x0e\x01&gt;\xe8\xdb\xa8\xfc\xf8n\x8dDG\xc1\x1f\xf7&gt;k\xe5\x8a\'\x8fItG\\\xfd\x1f\x89\xba\r\xc3z\x90\x966\xb4u5\xc6\xd8\x969\xdfU\xc9\xe6!3"\x80\x1f\x10\xf8Hxt\xe7z\xff\x1e\xdf\xcc\x18S\xb2Ftn\xddw_%Sy\x9dAHD\r\n[a\xa0\xa9\x1f!\xba\xc7\x18\xd3;\xe9S%\x93\xabS+\tcQ\x19\xeb\x1d\xe6!=\x9c\xa5\xc6\xd7\xcf\xe8\xdf\xa6\x90\x85\xd6\x18g\x8c\xb1\x89=\x9a\x18]E\x97\x9aE\xf5\x1c^\xb7\x80\xc0\xee:\xed\x88\xa8z\xce$B\xaaV\xf2mUrm.\xa5\xe6]&gt;\xbe\x0f\xd1m\xa2\xb72\r\xbd7\x1e?\xec\xd7\x0foP[\x0e\xb8je\xe2\xc3%\xa1\x8f\xd3\x94"\xa2\xd5\x93\xfb\x8b\x8e\xc2\x07""z*:\n\xb0\xa2\xbb\xa7~1\xb3\xba\x1a\xb9},\xda\x1d\xc7m\x0b\xbd\xbbn\xd0\xa2R\xfa\xefB\xc0\x03\xf7\x07P\x95\xb3\xc6\xb7o\xbe\x8d\x1a\xb9t%l.\x9bN\xfc\xbd\xc0\x86\xe9CD\x87`i:\xe7]kx\xe8j\xa9\x87\xb4|\xd7\x1b!\xa2\xa7\x17\xf7*\xdf\xbft\x9aO\x1d?\x8f\x0bo\xe8q\x9fQ\x9d\xea\x12Q\xf6O=\xbe\x08\x00\x11&lt;\xb6,c\xbb\x84\x99\x1f\x89](\xe9\xb0\x06\x19_U\xfc\xb8LwZ\xc6\x88\xe8\xdd\xcd\xa3\x1a\xca\xf1\xf8\xd1\x9d5\xa8\x1d\xd13\x0cm\x02P\x84\xe8\x91\xe8\x10\xec\xaaz\x8e\xc4\xf4\xf0\xac\xe8(X\xd7\xda\xc5\xf8\x8e=\xe7%K\x0c6\xcf\xd7d\xf2\x1c\xff\xd3\xb8J\xc4\x98\xaf\xeb\xd3\xbf\x7f4(\x9cn@\xb3\xca,r\xe6\x15rR9\xcb\xc7$\xf8\x9d\xaa\x172\xbf\x0f\xc719Q\xfc}=8\xc3\xd5\x817\x9d\xaaqX*$p\xe8\xff \x11\xdd\xaa)\x9b$U\xe2|\xe1\xecOn\x9f\xd8zh\xedt\xb5G\x9d\xdf\xbd\xd4\xd1\xca7(\x92\xde\xb1=$it\xa27\x8e\x97\\F\x8a\x9b\xff\xad\xbfrp\x8d\xc95:,\x1a\xe5G+6:\xa7\xd5\x94\x9e\xf2\xefZ4\x96\xe9xGM&gt;!W\xcc\xf4E\xfb\xd0|\x16\x19Y#\x9f\x93\x19LFD:\'|\x9a\xbf:f\xe6\xe8l\xf1\xa8n\x1c\x0bT\xfb\xd8\xf6\xed\xf5#\xceW\xfa\xce\x03\x99\x9c\xb7\xef_aHv\x90\xe1\xedk\xf1**9c\x85\x13E\xe1U\x9a\xdf\xda\xb1\xe0cZ\x02^\xa7q3\x1f\xb7\xf6iX\x96\x88\x90]\x13\xdc\x85f\x8d\xbfk\xd1\xd8U\x13\xfb\x89\x0eD\x85\xef\xbb4 z%0\x00\x8a\xcc\xed\xd5\'\xd2vi\x9e\x817e\xd2\x8a\xef\x98\x19\x1bn\xcf\xe7mI\x18#\xa2\xf6\xa1\xf9e\xf6)\xa0x\x11\xca\x1c\x9f\xb2\xf9\xdf}\xadpg\x9f\xfdx?\x8d\xe9\xa1\xb4b\x1d\x88\x88\x1e\xff\xe9\xbe\xd1\xdb\xfeJ\x960]\xfb\x83!\xc3\xd7$\xf4\xe8\xdc\xd5\xdf\xd6\x1aW&gt;\xa4g,c4\xe6c\xdc\xa2nt\xfb\x0f\x85{.\x1aiH\'@"\xc6\x88h\xf7\x92qF\x14\xae\x90s\xeb\xff\xfe\xd6q\x97WK\xa4\x8c\x15\xf1\xe2\x13!\xe1\xc9\xd3\xbc\xc6\x94\x85t\xaaV\xe8\x9b&amp;\x15\xeb\xe4\x178\x93\xdcU\xc7j\x1f\x92f4-\x91\xc5\x9c\x1a\x9d\x9b\xfb\xdf\xd7L\xf7\xd8\xfa\x1f\xdd0\xcb\xf9\x9f\x1e{\x81\xa4\xbc/c\xbd\x8ci\xe3\xe5\xd9\xc5}oo\x1cQ\xbe\x7f\x9d\xfc\xa9*e\xf6\x9c\x92\xc6R\xef\xbbu\x10=6\xa5\x16\xc1\x8f\xaf2DaD$v\xaa`\xfb\xd0\xfcDtl\xe3\x1c\xc6\xd8\xe0\x96U\xdcw\xb8\xfd\xc7\x16"\xa2w7\xcc\x8c\xaaN\xfeTJN\xba.\xef`x\xad\x10\xc3"\x12\x8a\x88\xc6u5\xb6Qs&amp;\xa4Ur\xbc\x97D\xf4\xf2\xeao\xae\xaf\xbe\xbd6\xb0ye\x9f\x85$\x8b\\\x94E\xc8\xdci\xd1\xdd\x93\xdc\xabK\xa5{.\xaee}\xfbU\r%\xbb\xe9_-\xd9\x04t\xfft\x02\xc6\x06\xb7\xaa\xaa\xb3\x9c}\xcb\'\xeb\x0f\xc6\xdb\x92\xf4\xcf.\xee#z\xfc\xfa\xda\xa1`s\xd7\x8f\xeeV\xa7\xf8\xe1u3|\xeeFD\x93#Rd\x1f\xdf\xf4\xa3\xd5\xbe\xf8\xdcH\xf7`\x93\xfc7e\xdb\xa9m\x0b\x9c\x17r\xd13B\xfc\xf9\xdf\xfb\xfd\xf6s\x00\x16\xf6\x89\xca\xfd\x87\xb5\xa9\xees\x1f\xba{\xca\xf7&gt;\xfe\xf8i\x8f\xa9l\xb7_\x97N\x98\xf7mg\xe9gz\xfc\xa7\xae\x89\xa3\xf6\xa2\xf8\xa1\x80\xd9\xae\x1f\xde\xe0\xb2\x8a\xd9\xf5#\x1b\xe2\xca\x1e\xd2\xb2lv"r\x9e\xb1\xbci\xa6\xe5V\xf5\x02\x8b[0\xbc\x0bc\xec\xe0\xaa\x1fD\x05@O/\xb8o\x0c\xb5U\xf6\xc3\xd9\x83\xdb\x7f\xaei~5hA\x0f\xcfZ\xb6\x1d\x97\'\xa5\r\t\xaf\xf9\xb1\xc7-O\\6\xa2Cm\x8f\x1f\x9d\xf2\x19|O\x1a\xb1\xd4gN\n\xa6pb\xd7!e\xf1\x18\xb3H\xd2]C\x05\x7f\xc2\x9a\x95\xcc*:\n\xcbq\xfe|\xba\x7f\xa4\x89\xee*/\xea\xc0Jag)\x85B\x92F\xcf\xa2\xf0"\xdc\x0e2Gg\xcdK\x9b\xba\x02\xb3U\x9c\xdc2\x8f\x88B\x92EW\xdb\xc2~\xa12)\xe3\xf2q\xbd\xd5G\xc7\x18c\x13\xba7f\x8c\x11QhVK\x9c\r\xdf\xde8"\xe5?q\xcf\xeb\x18\x871zuE[\xb1\xf2\x7f\xfc\xaf*\xe4\xd6V,w\x0f\xce\xee`^\x1e\xb0\x07\xac\xdb\'\xb60\xc6\x1c]\r\x1e-\x19\xdd\xdd\xacp\x8cE\xf4\x961V4IT\xa3+\x12;\xe9\xda\x9c\xf1\x8dJy\x1b"\xc2\x85\xb6+\xeb\xa2I\xa2\xaa:P\xf3\xf5{4}\x87\x1b!b\xdc\xdb\xc7\x81(\xd2\x82j\xd5\xb2\'\xbasr\x9b\x86\x02\x7f\x9e5L\xfe\x17\xc4\x92m\xd6\'\xb5\x8c\x9e_zt\x8e\x88LN\x8e0\xb0E\xa8\xb9\x15r\xe3\x9ev\x148\x9b\xd4\xb3i\x89\x14\xb1\x18c\xe9\x15?Nq\xe6\x18\x17\x1c\x8b{dv \xfd\xee\xee\xc3\x1e\x88\xe8\xd6\xb1\x9f\xd5\x96\xb6\xf4\xfb\x9e|\xc22\x0b\x11\xf5mTN`\x00\x1a\xe6\x15\n\xcf\xbaAO\xce\x9bY\xdd\x8d\xa3\x1bM\xeb5\x1d\xd4"\xb4E\x99\xec&amp;T\xe4\x91\x86\xe4\x16\xc0\x875\xa7~\x98`T\xa7\xba\xa5R\xab\x1d\xd3\xe1U\xaf\xfa\xa5-u\x7f\xe3\x97\x84\xe7\x977\xff-Nlr}`)ie?s\xe7w/UU\x9a#\x17\xa3{\x99b\xa7)\xfa\x07\xb5\x9diD\x84\xdbd{y}\xed0\xbd\xbbnf\x8dD\xcf\xcc\xacN\'\xc3\x1f)\x80NG7\xcc6\xa8d\xb5k\xa5\xd2\xcb+\xdb\xe6\x8d4$\x14;\xb0\xd4\x80(\xa3\x8d\xe8P[t\x08|d\xe27\xf3,\x1f\x8f\x07\x825\xf3$\x1f\xdf\xad\x11\x87\x82\x00\xac\xc6oF\\x3\x82_\x8aD+\xebZ\xab\x18\x11Ec,Ht$\x0e\xb94\xddy\x1d^7\x83\x88Te\x12mX4\xc3\xa6\x99\xc3&lt;\xbe4D\xf7\xdc`\xc6o2\x7f\x8b2\xc1\\\xca\x01-\x0c\xbd\x12\x0cI\x1a}j\xbfV\xda\x8e\xed\xd3P\xe4C\xc2U\x93\xccK\xf7\xb8c\xe1\x18\xdf;\xd9\x8d\xdf\xa6L1Q\xcfz\xa54\x1f+\xdd\xe4\xedX`\xc5\xc5g\x94\x90\xd2\x07i&gt;\xfc\xdc\xce%\x1e\xb7\x0fm]\xed\xe5\x15\xd7\x1c0&amp;\x1b\xde\xaefKqO\xbc]\x19\x9dd\xb5\xb1\x82\xb4\x9a\x81\xac^\xc14\xb3\x06\xb6\x15\x1d\x85\x07\x81\xd3GdY\xf4\xfa\xaa|\x06_\xb9c\x89\xe8\xbfK\xf3e\'\x16\xf81\xbas\x82\xe8_\xf7\xedG7\xce&amp;z`~&lt;\xe0\x95\xf24\xd4VV2U\xec&lt;q\xd9\xc9-\xf3\x98\xa6\xe5k.\xed_\xa5\xf61\x06pW&amp;\xad\xdc\x1a\x10Yb\xb2K\xfbWi(v\xfb\xfcQZ#R\xc7y\xd0N \x9f\xbf\x9336\xb2c\x1do_\xa8\x87\xe7v\x99\x1aM@\xd10\x9e\xc7v\x9f\xd4WW\x7f\xf7\xb8\xbdC\xd5\x022GI\x13y\xbcM\x0e\x1c\xd9\xa1\xf6\x7f\x97\x0fr\x08\xce\x1a\xa6\xa9\xe9\xf7{\xfd\xcf!\xe3"Q\xa5X\xf2\x18\xf2;\x10\xdd3\'\x12\xfd\xf6.\x9b(:</t>
        </is>
      </c>
      <c r="E436" t="inlineStr">
        <is>
          <t>&lt;class 'numpy.ndarray'&gt;</t>
        </is>
      </c>
    </row>
    <row r="437">
      <c r="A437" s="1" t="n">
        <v>435</v>
      </c>
      <c r="B437" t="inlineStr">
        <is>
          <t>steps_per_sec</t>
        </is>
      </c>
      <c r="C437" t="n">
        <v>6300</v>
      </c>
      <c r="D437" t="inlineStr">
        <is>
          <t>3.3503096</t>
        </is>
      </c>
      <c r="E437" t="inlineStr">
        <is>
          <t>&lt;class 'numpy.ndarray'&gt;</t>
        </is>
      </c>
    </row>
    <row r="438">
      <c r="A438" s="1" t="n">
        <v>436</v>
      </c>
      <c r="B438" t="inlineStr">
        <is>
          <t>Loss/object_center</t>
        </is>
      </c>
      <c r="C438" t="n">
        <v>6300</v>
      </c>
      <c r="D438" t="inlineStr">
        <is>
          <t>0.095535226</t>
        </is>
      </c>
      <c r="E438" t="inlineStr">
        <is>
          <t>&lt;class 'numpy.ndarray'&gt;</t>
        </is>
      </c>
    </row>
    <row r="439">
      <c r="A439" s="1" t="n">
        <v>437</v>
      </c>
      <c r="B439" t="inlineStr">
        <is>
          <t>Loss/box/scale</t>
        </is>
      </c>
      <c r="C439" t="n">
        <v>6300</v>
      </c>
      <c r="D439" t="inlineStr">
        <is>
          <t>0.049901716</t>
        </is>
      </c>
      <c r="E439" t="inlineStr">
        <is>
          <t>&lt;class 'numpy.ndarray'&gt;</t>
        </is>
      </c>
    </row>
    <row r="440">
      <c r="A440" s="1" t="n">
        <v>438</v>
      </c>
      <c r="B440" t="inlineStr">
        <is>
          <t>Loss/box/offset</t>
        </is>
      </c>
      <c r="C440" t="n">
        <v>6300</v>
      </c>
      <c r="D440" t="inlineStr">
        <is>
          <t>0.09760024</t>
        </is>
      </c>
      <c r="E440" t="inlineStr">
        <is>
          <t>&lt;class 'numpy.ndarray'&gt;</t>
        </is>
      </c>
    </row>
    <row r="441">
      <c r="A441" s="1" t="n">
        <v>439</v>
      </c>
      <c r="B441" t="inlineStr">
        <is>
          <t>Loss/total_loss</t>
        </is>
      </c>
      <c r="C441" t="n">
        <v>6300</v>
      </c>
      <c r="D441" t="inlineStr">
        <is>
          <t>0.24303718</t>
        </is>
      </c>
      <c r="E441" t="inlineStr">
        <is>
          <t>&lt;class 'numpy.ndarray'&gt;</t>
        </is>
      </c>
    </row>
    <row r="442">
      <c r="A442" s="1" t="n">
        <v>440</v>
      </c>
      <c r="B442" t="inlineStr">
        <is>
          <t>learning_rate</t>
        </is>
      </c>
      <c r="C442" t="n">
        <v>6300</v>
      </c>
      <c r="D442" t="inlineStr">
        <is>
          <t>0.001</t>
        </is>
      </c>
      <c r="E442" t="inlineStr">
        <is>
          <t>&lt;class 'numpy.ndarray'&gt;</t>
        </is>
      </c>
    </row>
    <row r="443">
      <c r="A443" s="1" t="n">
        <v>441</v>
      </c>
      <c r="B443" t="inlineStr">
        <is>
          <t>train_input_images</t>
        </is>
      </c>
      <c r="C443" t="n">
        <v>6300</v>
      </c>
      <c r="D443" t="inlineStr">
        <is>
          <t>[b'512' b'512'
 b'\x89PNG\r\n\x1a\n\x00\x00\x00\rIHDR\x00\x00\x02\x00\x00\x00\x02\x00\x08\x02\x00\x00\x00{\x1aC\xad\x00\x00 \x00IDATx\x9c\xec\x9de\\\x15O\x17\xc7\x8f\xdd\x8a\x05*\x8a\xa8\xa4 "\xa0\x88\xa0\x98(\x08"\x18\x88\xa0`\xa0\xa8\x88`\xa1(X\x18\xa8\xd8\xdd\xd8\xdd\xdd\xdd\xdd\xdd\xdd\xddz\x9e\x17\x03\xcb\xb2uw\xf7\xde\x8b\xfe\x1f\xe7\xfb\xc2\xcf\xde\xd9\xd9\x9d\xe1"\xb3\xb3\'~\x07\x80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fe&gt;\x1aX\x16Tz\xc9\x84^\xad\x1f\x9f\xde\x9cO\xf9X-\xaa\x96\xdd0m\xa0\xe0\xa9q=\x82\xa5\xaf\xade\x9a\x87\x1c4q,\xd5\xc9\xcbI\xa2g\xc7\x06\x0e\xca\xa7\xa6\x99\xca\x85\xb5\xbdC\x01\xed.\xcf\xa6\xed\xf8\x8a\xf1\xa9`\xc4\xfeX(\xc3\'@\xa1P\xf4\x8b]^\xc5\x97\x04\xb9Y\x84y\xd8\xb7\xadS\xa1,@\xff\xd6\r\xe4_\xe8ck\xe4T\x08\x00 \x0b\xab\xd1\x00\x00\x00\xbe\xdf?\xde\xc4\xb1\x94\xe2\xa9\xa8\xe5\xcb\xdd#\xcc1\xa6\xe2kWL\xac\xff\xc2\x11\xd1\x1d\xebW\xca\x90\xa9\xfd\xd3X\xe7\xd0\xdc\'\xcc\xc3^\xef\xf3\xa0P(b\\\xd9\xbdxiR\xaf\x0e\x1e\xf6u\xca*~z\x1c^9)\xdc\xd3\xc1\xc5(3\xd3\x92\x0b\x00\x00\n\x02\x88\xbdR4s*\xadj\x9ar\xc1\xf4\x08\xf6\xd95\x7f\x94^\xe7\xa0\x88\x86\xe5\x8bh\xec\xd3\xafU\xfd\x0c\x98\xc9\x1fa\xeb\xeca\xccq\xce?8\x0f\n\xe5\xff\x92I1\xa1\xd2\x1dZU\xb7\xac\x90G\xe5\xcd\x9d\r\xa1\x9ey\x81\x84\x0e\x8d9\xed[g\x0f\x8b\r\xf6PyS\xada?\x00\xde]\xdf\xf7\xa7\xa6!H9^K\t\x80\x01m\xbc\xa4\xaf\xea\xd9\xcc]\xb0\xbd\x91\xf8[\x0e\xa4&gt;\x8c\xe5@^\xd6j\x9a\xe42\xcb$\xfb\x1a\x1da\xc3Z\xf5o\x1eXQ\xa3\x94\x8c\xb7\x06\n\x85\xc2\x01?\xde\x94\xee\xb0ga\x92`{puK\x9dOf\xf5\xc4~\x13z\xb5\xd6\xf9me\xb239\x91y\x00L\xee\xdbV\xac[\xc7\x06\x0e\xec\xd5G\x85\xf5,\xdc\xd3\x91\x1c\x0c\xef\xd4D\xfeU\x8a\xbd4\xfa\xe7\xe0\xf2\t\x00`\x9eEcGe\xe4V~\x89}~\x1d\xcf\x81B\xf9\'8\xbf-\xd9J\xd2\xb1\x88\xf8\x1e\x00\x06\xb5\xf3il_B\xfem\x17\x8f\xec\xa1b26\xb9\xe0\xc2\xb6d\xc1S\xc3;\xcbZ+\x13#\x9aIwx\x7f}\xbf\xc6\x9b\xb8\x19\x8b~#{\x16%=;\xb7\xed\xee\x915L\x0b"\x06\xba\x94\xc3\xcf\xb7\xfc\x1dJ\xba\x16\xcf\xaa\xf1\xe6N\x854\xbf]1\xa80\xafi\x03\x7f#\xaf\xf3\xc5]{\x06\xb5\xf3\xe67\x8e\xffs\xfb\x06\n\xe5\xff\x19\xablP\x14\x00?\xdePt\xd5\x98\xe8\x96J\x07\xaaj\x08\x88\xd8\xb0|Q\xa6%7\x80\x87y\x01\x00(*~U\x06\x93\x18\xd1\xec\xd5\xa5]\xec\x16D\xdc&gt;w\x84eV\x00\x80G\'7jy\x7f\t\xf3K\xe3\x8a\xc5\xe5\xdc\xc1K\x86o@\x10N\xb4\x0fC\x8f\xa65\xd4\xdd\x90B\xa1P\xd4C\xac1\x03\xdby\xc7\x854\xc8\xac\xb9{\x1aj}\x13\xb2\xe0\xbc\x1d "\xe2S\x15\xf7\xb1\xd0\xfc\xb6\x90\x0e\xeb\xec\x9a\xfb\xc4\x04\xd6f\xbf\xcf\xa90O\xc9\xc1P^\xb7\xd9\x83:\xebex\n\x85\xf2W\xe1ck\xb8a\xda\xc0}K\xc6\xea\xd6\x13\x87o\xaf \xbeVt\x89c\x86[\xca#}]\x10\xb1e53N{lp=\x9d\x8f\x15\xe0\\F\xe7\xf7\xd4\x12|q&gt;\x03F\xf9\xfb\x0cQ\x14\n%\x95\x84\x0e\xben\xc6\xd9.\xefZ\xe4,ss\xf8\xe7h`\xa5&amp;\x93\xa9]];\x89\xb3\xaf.\xed:\xb7e.\xa7\xb1m\x1d[\x15\x03Isd\xd5d\xd0\xb4\xaf\xf7\xb4\xd6:WM6n\xc6\xd9\xc4Bf\xf9TR\x9b\x02\x97\x1f@\xa5U\x8bB\xa1(\xa5q\xc5\x12\xfd[70QrI7\xbfj\xfa\x9a\x8d\x106\xb2\x03\x15\x17\x8e\x88\xe6\xb4\x94\x068\xbcr\x92\xc6\x0b\xab\x1b\xa7\x18\\\x92\xa2\x02\x97\x8f\x89\xd92{\xa8D\xe7\xc1\xed}n\xec_N\x8eCk\xd9\x1c_;M,*rr\xdf\xb6Sc\xdbi\x1c]\x8cn\x8d\xab\r\r\xf7\xdb2+\x01\x00:7\xac\x0c\x00f\x99`\xfd\x94\x01\xaao\xa8=\xf8\xf9\xd6\x1f\x1c\x9d\x83Uv\x90\xe5\'\xa1P(\x0c\x1e\xe6\x05\xd8\xe6\xe5n\x8d\x15\xaf\xe6\x83\xc3\x1a\xe9p&gt;\x12\x94\xd7:\xe7\xe7\xdb\xbdc%%;\x10\xff\xc1\x8aq}\xc8\xc7s[\xe7\xbd\xba\xb4\x8b\xd9V\x8f\xe8\xd2\x94/A\xb1r|_\xf6G\xf7R9\xf1\xf7#\xc1\x9b\xc7\x87zN\xe8\x1d\xa2|\xd6\xe9X0&lt;\n\x00\x10_\xda\xe5\x05\x9b\\pq\xc7\x02\xfe\xfb\x87\x1c4n\xdeukxa\x9e\xa9\xfa\xa3{\xd3\xea\x19c\x92\xa2P\xfe\x7f\xd8\xb3(\t\x7f=d\xac\xd8C;6Vz\x87+\xbb\x165\xae\xa8 H\xf4\xaf\xa54\x80\xa7Ua\x00\xe8\x90\xaa4\x10\xe6a/\x1c\x1c\xf3\xa7Y\x98\x18=8\xac\x11\xbe\xb9\\\xad\xb8\xc0B]?\xbd\xb8SE\xe5\x9aM+\xc6\xf6\xd1\xfb\x82\xadk\x8a\x00\xe0\xdb+\xee\xa5r*z\x7f\xa5P\xfei\xaa\x97\xcc&gt;\xa2KSm\xee\xf0\xe8\xd4&amp;\xbd\xbe\x04d\x98@\xd0\xbc\x84\xae\x0bGD\x1b\x03\xecZ0\n\x00\xaa\x14\x81\xe6UL\x83\\\xcd\xf9=\x19\xabt\xff\xd6\r\x10\xbf\xe9uV\xbd[\xd4\xc2\x0f74\xee\xa0uk\xfb\xe7[\xcfdR\xa7\xac\xd4\xd3Fa\xe8\x93\x1a\xfc+\x19\xeb\x7f\x10\n\x85\xc2\xc2@^7\xf9&gt;Cu\xb8\x14S\x14/\xca\x05\x11k\x99\xe6\x06M\x8bil\xb0\x07\xe2\'r&lt;$\xcc\x17_\\\xc0/\xb7\xe5+(\xe8\x89\xdd\x0bG\xeb\xe3\xb6\x8a\xde\xec\xf2\xe8B0\x95B\xa1\xfc\x1f\x82o\xaf&lt;:\xb9Q\x7f\x86\x05)\x81\x1bq\xbcmSB\x97\xc6\xf5\x08\xc6_\x0f#|\x9c9\x1d,yy\xc1;\x92\x13\x11\xd1\xcb:-8El{\xde\xc0\xb2`c\xfb\x12\xd3\xe3:H\xf4\xe1\x80\xf8F\x85\x16\x82jBk\x96\xd7\xf7\x10\x16Y\xe1?gM\xa2P(\xda\xc2\x89\xde\xcb\xa3\xdc\xaf\xa8\x13i\xa0+\xbb\x17k\x94\xa6(\x0bP\xcf,\xbf\xe0\xe6\xf5\xf8\xba\xe91\x81\xb5\xd9-}[\xd6EDA\xf9\x19N\x1e\xc2\xd4~\xed]K(3{ ~\xad\x92Qa\x8fJ\xf36\xf8\xe9\x0e\x12Xe\x83\x07\xc7\xd7+\x1cAg\x94\xfdS\x03S(\xff\x7f\xb0\xc5\x87\x1b\x96/*g3\x1b\x1f\xea\xa9\xcf\x19q1\xcb\x9c\xa2\x1b\xc1G\xbe\xddi\x84\x90\xe2\x10?\xaf\xd8K&lt;\xd6^{\xf5\x1e\xa5\xa1\xa2Sc\xdb\xdd&lt;\xb0"\xb4\x96\x8dt7\xf9RN:\xac9\xd3\xa2j\xd9\\\x00?\x1e\x9c\x18\xdb=H\xba\xa76\x19n\xc6\x00\xb5\xcb\xe85\xfb\x9bB\xf9\xb7\xc9\xc3Z\xf5\xca\x02\x8c\x8a\x0c`\x9f\xed\xd7\xea\x8fi8\x13\n\x02\xfc|t\x92\xac2\xfcHQ1\x95\x9b\xbf\x93\xa5I\xbd\x10?"\xbe\x91\xd9\x1f_]D\xc4H_\x17\xf2QP\x85\t\xbf\xdf\xc37\x97\xe5\xcfA\xd0\x9f\x91\x0b\xc0\xdbF \xd3O\'\x85\x1a\x14\xd5\x14bCs\xc4(\x14\xbd\xc3\xde\x15\x9ag\x86\xe5cb\xd8g[\xbb[\x0fh\xd3P\xcb!TT\x97\x94\x83:\xc7\x80\x04[yIa\x88\xef\xa4\x15U\t#:71\x97\xe7\xa2nS\xcbF\xfe[\x0b\xbe\xba\x94\x14\x15(\xddgl\xf7 N\x02\xb4t\xee\xde\xf8\x9e\xad\xf8\x8d\xf9R\x0b\x00HP\x9e\xca\xf2S(\xff\x1f\x8c\xe8\xd24\xd8\xcd\x82\xdf^Y?\x9b.\xed\x1f!|t\x1et\xf4\xe2\xc2\x8e\xb6u*p\x1a7N\x1fD\x0eFwk\xc14\xb6\xabS\x01\xd2o\xa5U\xaf\x8d\x12\x16\'\x9d\xe3a^ \xb4\x96\r\xfe~,xv\xf3\xcc!\x12\xd7\xd64\xc9\xd5\xc8\xaeX\x86\xc91\x89%\xfd\xb6\xd1d\r\xa3P(\x9aiV9\xdd\xcb}\xaf\xe65\xff\xd0D4 ft/&amp;\xc3:\xa1e\x89v\x8dtoZ]\xcf#\x80X\xd61\xc8+\x1b\xa9\'\x1e\x9c\xd8\x80\xf8V\x7f\xc9\x81{\x16&amp;\x89=ht\xe8\xc3\xa0P\xfeiZ\xe9\xa1\xecWA\x00\xeb\x1c\\\xf9\x04\x8aF\xa2D\x8c6\xeb\xa6\xc4\x8b]b\x91\x05\xea\x96\xe3\x9a\xd6&lt;\xad\ni\xd4e+\x04\xb0b\x9c\xb2_P&gt;\x9e\x11\xcfW\xb2\xf0$A\x1f\x8b5?\x90\x97B\xa1\xe8\x91@\x17~\xcdZa,\xb2\x00\x004\xafb\xba#9Q\xfbq\x1f\x9f\xda\xb4fR\xff\xedsGh\x7f+\x0e2\x8d\xf5\x84\x06\x96j\x14F3\x80\xac\x00\xed%uL%P*\xde\x19\xe1\xe3\x8c\xbf\x1f\xc5\x85(\x0b\xfd\x12\x0c\xbb\xa2P(\xff%\xee\x1f_g\x96\t\xde]\xdb\xf7\xf8\xf4\xa6\xb2\x00\xeb\xa7\x0e\x14\xeb\xb9(\xb1;\x00 \xa2N\xc2\xb4\x11\xf1\xea\x9e%bg\xc9\x10\xf2\x13S\xe5&gt;\xc4\xb4\xc6W^m/\x06\xa2\xca -\xb1 \x88\t@m\xd3\x8c\x8b\x8f\\\x9a\xd4[\xb0]E\x98\x90\x19\xef\x01&lt;\xa2KS\x07\x03\xe57\xa2P(z\xa5v\x99\xbc\xe4/\x9c\xc9w\xaae\x9a\xbbsC\xaed&amp;\x81h\xd9\xdb\xe4\x84!\x1d|9\xa7th\r\xe8\xe4\xe5T\xcfL\xb8L\xb8\x84Q\xdc\xb5D\xd6\x16U\xcbf\x80\xa6\x1dS\xe1R\xac\xc8\x97O\x05#\xb6\xfb\xfa\xe6\x81\x15\xfa\x96\xd0`\xb3gQ\xd2\xdb\xab{\xb5\xbf\xcf\xfdc\xeb\xc8\x01\xc7\x89\xdd\xb2\x9aYv\x00-\xab\xb8\x93\xe4j\x82u\x0e}\x85\x90Q(\x14\xcdHTQ\xe7P\xdf\xc2\x80\xfd\xd1SUy\x16\x8d\x08.\x97_\xee\x1c\x01\x80q=\xd2\x058\xc6\x04\xd6Y6Fx\xdfJhY\xcd\xec\xe1\x89\r\n\x86~\x7f]B\xc8\xc167\x8c\x8ch~~krbD\xb3\xc6\x15\x8b\x8b=\xa5\xf0\xc7}\xb6\xac\xf1\xee\x85\xa3\x87\x84q\x9f\x97\x845\x93\xe2&gt;\xde:\x98\xd0\xa1\xb1\xe0\xd9pO\x87\xeb\xfb\x96\x01\xc0\xea\x89\xfd\x11\x7f\xbc\xbe\xbc[\xe3\xfc\xcd2\x01"\xf2#y\xb4\xd1\xd7&lt;\xb6v\x1a\xfb7"\xa7hPF\x8aaP(\x94\x8c\x83\xbd\x94\xe8)\xc0Q\xbe&lt;\xe7\x9d\xc3\xab\xf1\xdb=\x89\x0e\x87VLD\xc4\xef\x0fN\x88u \xf6\x1c\xa2\x17d\x00\x80?\xeeK\x8f\xd8\xa8\x82\x11""~\x8e\xf2w\x15\xec\xd0\xb2\x9a\x19"\xae\x9e\xd8_\xd3\xdcS@\xc4\xae\x8d\xaa\xae\x99\xd4_\xa2\xce\xc1\xe2\x91=\xe2B=en\x93\x11?\xf3\x9f7\x12\x82\xd2\x1a\xe3&gt;\xb5,\x13\xa7B\t\xf6\xf6\xe1\xd5\xda\x8dI\xa1P\xfe\x1cL\xf8\x88\xc6\xe7\xc3\xc6\xe9\x83\xf9\x8d\x8d\x84\xe2O&amp;\xf6\x0e%\x07\xd1\xfenL\xe3\x8d\xfd\xcb\x11_J\x0f!-\x97\x86\xf8\xe4\xf8\xdai\xf8\xe9\x16\x00\x98\x90\x1a\xf1_nK\xf4\xafj\x98b\xd2\xe1\xbc\x0c\xb1\x91_N\xd2\x08\x80\xe8\x92\x1a\x00\x88\xa5;w\xa8_)1\xa2\xd9\x87\x1b\x07d\x06\xe8#\xe2\x9aI\xfdI\xf9I\x8d\xccK\xe8*\xef\xae\x19\x07\xbe\xbe\x8c\x88Z\x97\x0e\xa2P(\xfa\xa7\x91\x12\x9d\x06\xc7\x82\xd0\xda\xddZ\xdd@\xc3:\xf9\xdf:\xb8\xb2\x89c\xa9\xbbG\xd7\xca\xe9\xdf\xc4\xb1\x14\x7f\xd7k\x9b\x1b \xd5]1/\xa1\xeb\xd7{G\xe7\x0e\x89\xc0W\x17\x11_8\x15\x82\xa5\xa3{!bF\xda\xeb\x11\x11\xf11\x00\xf4hZC\xb0C\xc5|\xa4\xcfW\x0b\xfd(\xf1O\xee\xd3\x869\xb6\xca\xc6\xd5\xe1\xd0(\x01\xa4\x08\x99I\r\xb4\x1a\x0c\x85\xa2\x1e\x9b\\z\xd7W\tpV\xaf\xfd\xa5MeA\xfcx\xa3\x81\xa5\x86}0\xb3|\x9b\x8b+\x97\xc6\x06\xd7C\xfc\x8a\xf8\t\x11\xed\xf3\xc3\x900\xdf\'g\xb6\x00@\x19\x00D\x1c\xd7#X\xe3L\xb2\x03\xe0\xf3s\x82\xa7Le\'0wmT\x15\x11\xa7\xc7u\x90\x10\xe9\xdc6g8\xfe\xb8\xaf\xa7z:\x0b\x86G\x91\xa9zY\x17\x9e\x1a\xdbn\xf5\x84~\xec\xb3!5\xad?\xdf9,x!\t\x06\xa3P(\x7f\x1de\x01Txf\xb5O\xa9\xadj(VJ=\x1d\xda\xc4\x8f\x8e\xef\xd9J\xe2\xd9FV\xc9\xe7\xe7\xb7\x03@\xbb:\x15\xc4\x92\xe0*\x17\x81}\x8b\xc7\xb2[&lt;\xcc\x0b\x90\xa4\'_\xbb\xe2\x88(3\x87\xc0\xb1 \xf7&gt;\xf2!&gt;R|w\x95\xac\xbfq!)Jj:\x0c\xf9\xdc4c\xc8\xe8n-\x04\x8di\x0c9\x00VM\xe8w`\xd9\xf8Q\x91\x01\x01\xcee\x04_\xe5\x04Ea\xdf\\\xd9\xa3\xa3iR(\x94?\x84\x9c\x05\xbb\x0c\x80`IE\x80\x14\xf5\xe6\xb1\xdd\x83\xb4\x8f\xbc\xdc\xbbx\x0c\x00\xecT\x9b\\FTz\xa2\xfc\x84\xbd\xb2\x1c$\xb6\xdb\x88\xb8v\xb2h^\xaeP\xff\xb7C\xb4(\xa5\xe9\\\x148i\x10\xb1\xc1\xf5T\xdfM\x1f0\x8f\xdb\x81m\xbd3fD\xaa\x03A\xa1d\x106\xb9d\x15xA\xfc!\xd8\xbe`x7\xb7\x12\xd9\xc2R\xcb\xafkO\xef\x80Zb\xa7\\\x8bK\x99\xc0\xdb\xd7\xab\x08\xac\xc8t\xa5%\\\x18\x10\x9f\xab\xbbP\x1b\xd6\xa5&gt;r\xc6D\xb7\xac\xaf\xc9\xc0\xa5\x14\xbe\xa9\xaeF\xa94Q\xbb*Ey\xa7\x95sp\xf9\x84\x02\xa9)\xe2\x00\xe0n\xf2\xc7kkR(\xff\x0c[g\x0f\x13\xab\xa3\xc2\x87)\xb6\xedR,\xb3\x9d\x12s\xc3\x9c\xc1]*\x15\x80\x10\xb5\xfe[m\xe8\xd9\xcc=\xc8\xd5\x9c\x1foJ\xf6\xfb\x05\x01\x10\x7f\xb2\xf5M\xb5LP\xd2+\xe3z\xb4\xeaP\xbfR\'/\x81$\xbb\xac\x00\x01\xceej\x9b\xe6\xd1\x95\xbc\x1d"&gt;:\xb5\x89/}\xca0\x83\x95\x8a\xa5\xe5@\x1d\x1bT:\xbbyn\x06\xa4\xe0Q(\x94t\\\xda\xb1\xb0\xa1\x8d\xdc\x8d\xdc\xcaq}\x99\x18J\xb1\xb0\x93\xbf\x8d\x9cB\xfa\xc0N\x85R\x1c\xad\xcf\xcemC\xfc\xae\xee\xce\x88\xbf\xc5N\r\xed\xe8G2\xb0t\x0b\xe2\x87y\t]\x9b8\x8a\xfatW\x8c\xed\x03\x00k\'\xc7\xb1\x1b\xd59\xdc\xef\x1c^\x8d\xf85\xa1cc9\x9d\xa5\xc5\x1e\xdcKi\x88\xc9\xacVL\xc3\x9b$q\xb1&lt;&gt;\xbd\xf9\xd6\xa1\x95r\xe6C\xa1P\xf4\x82|Q\xfb\x9a\xa5u\x96\xce\xa94*)c\xb4\xd9v&amp;\x8f\x14;\x95\x0f`jl;\x8d\xeb\x9a^1\x048\xb7en\x16\x00DTT\xa8\x12\x11e\xce;\xdc\xd3Qc\x1f\x97b\x993\xf8{\xe0\xc8\x98S(\x14Q\xc4\xf2Q\xc5\x90ca@\xfcd\x9f\x1fdf\x12\xe9\x9c\x96\xd5\xcc\xee\x1d[7\xb6{\x90n\x83Y\xbdm\x0cGvm\xae\xd3[*C\xbe\xa5\x8e\x80\xf8m\xd1\xc8\xee\x9eV\x85\x10Q\x91O\x03\xdf\\\x96\x13\x87\xca\xa8\xec}\xbauH\xe6\x9dM\x01.\xedXxm\xef\xd2\xac\x00\x0e\x06PNV\xd8W\x1a\x03\xdb6\xd4X\xdd3\xdc\xd3Q\xcc\xe7D\xa1P\xa4\xd0X7&lt;\x13\xc0\x9aI\x9a%\n\x98\rx\x95\xa20s@\xb8\xfc\t(}\x1ae$\x88xz\xe3,\x03\xa1S\xea\x9c\xc6\xfe\x95\x8c5w\x12\x82\xbf\x99\xf7\x10J*F\xc4\xdb\x87W\xa9\xa8\x889\xa9O\x1bD\xe4LnD\x97\xa6\xfc\x9ed\xaf\xadQ8:6\xd8\x03RlJx~k\xf2\x96Y\t\xea~rDlU\xc3J\xd5\xa5\x14\nE\x17\xecY\x94\xa4\xe2\xaa\x10w\xeb\xff\xfak\xb9\xe0\x06&lt;\xd0\xa5\xdc\xe3S\x9b\xba6\xaa*vU~\x009\xbeM\x8d\x99\x03\xfc\xba.l\xdcMr\x16c\xb9\xe8\t_\xef\x1d%\xd1\xb1J!\x06\xfb\x97\x17w\xb2\x1b\xd7L\x8a\x13\xec\xac\x11\xe6\xd9\x88\xbf\x1e"\xfe\xaaoa 3V\x95\x1fd@d\x97\xa4\x93\'\xec\xf3\x03~\xbd\xfb\xd7V\xaf\xa3P\xfeE\xba\xfaVu7\xd1\xac\xce\xc2\xb7\xddk\x9f\xd6o\xa9ud8\x11Y\xb3\xcc*\xd7\x15qf\xf3\x1c\xf6\xc7\xaaF\x99v/\x18-}\xc9\xc4\xde!\x12g\x0b\xca\x88M2\x04\xa8\xa0\xa340|\x7f\xadc\x03\x079V \xa2\xe9\xcd\x0e\x0c\xcd`6\xcfL\xa0\xf5\xbf(\x94\xff\x13\xf4\x1a\x01\xeeb\x94\xd9V\xa1[\xba \x80yf(\x9f\xfa\xe4"UJ4\x8a\xeap\xc4\xb1\x89\x15^\xac\xb3\x96J\x99\x0c{\x16%}\x7fp\xa2f\xe9\\\x8e\x85d%gH0wH\xc4\x9aIq\x88(\xad\x82Gp3\xceF\xb2(\xb4\xa1\x9eY\x01\x00X5!v\xee\x90\x08\xa5\xd7\x92\xc7\x8f\x99Bw\x02\x85B\xf9\xc3D6v\xe1\xb4l\x9f7B\x87\xaa5\xbev\xc5HQ\xdc9\x83\xbb\x9c\\?c\xc9\xa8\x9e\x88\xef\xe5_\xceT\xed\xaae\x9a\xf2\xdc\xc80\x95\xb12\x00\x88o\xf0\xe7\x03\xf9\xb56\xa7\xf7\x0f\xc3W\x97\x96\x8c\xeaY\xa7l^\xfe5\xc1\nk;\x1f^9\t\x11\xe3C\xbd\xf8\xa7\\\x8c\xd2\xecUU\x8d2\t*=\xa8\xa0R\x01P\xe1\xae\x00\x80\xc1\xed}\x98c\x05\xb2\x82\x14\n\xe5\xcf\x92\x01\x7f\xae\xdb\xe6\x0eO\x8a\n|zf\x0b~\xba\xe9\xa00IvJl;\xe6\x98\xd8\xf1g\xb1\x1c\xda*\xcc\xeb\x16\xb2w\xe6D\xd0\xd8\xd7\xae\x98\xa0&gt;R\xef\x80Z\x9bg&amp;\xf0\xdb\xdf_\xdf\x8f\x88]\xbc\xab\xd8)\x88\xf9\x14\x99\x00\xbeA\xfc\xc9og\xbfBI\x94\x1f\xe0 \xbf\xa7\x04\x06"\xed\xf8=\xad\x9c\x03"vk\\M\x17\xa3Q(\x14\x11\x10\xb1\x7f\xeb\xfa\xd3\xfa\x87\xe9{ \xa5\x16\x1b\xdd2\xad_\xfbuS\xd2\t\xfb\xecLN\x9c?\xac\x1b9\xde4c\x08\xd3^\xd5H\xb3\x01"/\xc0\xb15Se\x0e\x1d\xe4f\x8e\xf8Q\xec\xac\x98\xe24\xbe\xbc\x80\x88\xef\xae\xed\xd3\x18\xcd\xa5\x13\xf6,J:\xb2jJ9\x80\x19\xf1\x1d3`\xb8(\x7fW\xc1oYc9\x07\n\x85\xf2\xff\x0f#\xde)\x11\x93#\x93\xc6\x15\x8b\xdf&lt;\xb0\xe2\xce\xe1\xd5U\xe4\xb9}\xb7\xcf\x1d\xc1i)\xcfs\x8bff\xd9\x944\x92\x0f \xc0\xb9\x0c\xa3\xb5p\xe7\xf0\xea\xbeAu\x99\xb35J\xe6\x10|\x00tk\\\r\xf1\xc9\xe7;\x87\x0f,\x9b {(\x00\x80\xc7\xa76\xc9\xe9\x86\xaf/y\x95O\xfbF\xf0\xc5\x85\xd3\x1bg\x8f\xed\x1e\xece\xado\xf9p\xb0\x12\xf7\xe4\xbf\xbd\xbag\xe7|\xd1\x8c&lt;\n\x85\xa2G\x88\xfb.\x83\x11\\q\x9a8p-\r\x19\x16\x9b2/\xa1+\xa3vi\x02p\xf7\xc8\x9ak{\x972g\xdb\xd7\xb3#\xc5\xbf\x8a\x02\x10\xd3\x8d\xcc\x89\xfd~r\x9a\x1c\xe0\xb3s\x88\xb8jB,s\xea\xe4\x86\x99\x82\x97\xe0\xf7{\xbf\x9f\x9c\x8e\x0bQf\x97\xb7\xcc\n\xf5-\x0bJ\x1bj*\xe6K\x17\xef\xefck\xe4mS\x14\xf1\x97\xa2\x81\xf4\x01\xbe\xb9\xdc\xaa\x86\x80\x87\xe3\xd2\xce\x85\x19?\x19\n\xe5?\x86\x9bq\xb6\x84\x0e\xbe5K+\x0e\xc0!1\x87\x85\xc4\x973g\x11\x85!\xfc|\xab\x96\xa9\x0e\x85\xebE\xa9\xac\x97z\xc3\x02pj\xd4 \xa2\xa0\xb2\xf4\xaa\xf1\xb1\xd2\xb1\x95u\xca\xe6{uiW\x0e\x80\xe4\xa1\x91\x00P!\x0f8\x1b\x02\x00\x0c\x0b\xf7\x93Yh\x0c\xbf\xddED\x7f\xde\xb3P\x0c\xaf\xf2E\x88\xd7\x9d\x9d\xcd+\'0\x89T\x82l\xea\xa4\xd8/.\'\xb2H{\x82\\\xcdo\x1fZ\x95\x01\x03Q(\xffy\x1e\x9c\xd8\xc0.\xec\xa7\x1a\xf6\x8a\xef[\xb18"\x9e\xdf\x96\xcc\x11\xac\xd7-a\x1e\x15\xad\xc5\xb7\xd3\x05Ae`\t\x9bJ\x05\xa0\xb6\xee\x1eW\xd2\xb6y\xb2\xca\xdb\xb0\x9e\xc5\xf9R/\x99=\xa8\xf3\x8b\x0b;4\xde\xbf\x89c\xa9E\x89\xddM\xb5\x99bF\xa1\xa5\xa7\x1a_\x9c\xd7\xd1D(\x14Jz\x98E\x95\xbf\x93\xe5\x04\xb9\x8ba\x9b\x0b\x10\x9f/\x18\x1e\xa5\xcbi\t\xa1o}\x9e\xb0z\x15WO\xeco\x9f\x9a\x88e#\xaf\xd68I\xca\xb5\xce\x01\x12\xcf\'&gt;+\xc6\xf5\xe1\xbb\x13dB^w\x04%\x16\x88\xda+3\x91\xbf\xa4Z\xfa\xd4~\xed\xc9\x81_zI\x8c\x17\x17v\x1c_;M\xe3\xe5\x88((\x8bM\xa1P(\x8a\x113M\x84\xd6,\xcf\xb6&amp;\xf3\xc3\xde\xb3\xb2\xfc\xcf\xfa\xc6\xaf\x92\xf1\x92Q=\xc91#\xf2,\xaf\x00e\x1a\x9c\xd0*EB\xa1\xdapr\xfd\x8c\x1e\xcd\xd2$\xc4\xb7\xce\x1e&amp;\xd8\xcd\xdd$g\xc7\x06\x0e\x1a\xef\x96a\xd3\xa6P\xfe\xffil_BNT~S\'\x93\xc5#{\xa8\xb8\xff\xd8\xeeA1\x81\xb5+\x15\x00)E\x1b\x11Bj\x96\'\xde\xc7\x891\xa1*\x86\x16c\xf6\xc0N|\xe7!_qa\xff\xd2\xf1\x19#.\xcdA\xa3\x88\x7f&gt;\x80)\xb1\xedN\xae\x9f\x91\x11\xb3I\xc5\xd9\x10\xc6D\xb7d&gt;.\x1d\xddK0#A\x10\xe2\xcaf&gt;.\x1c\x11%\x7f\xdc\xb2\x00b\xf5\xe5)\x14\x8a\xb6\xe0\xab\x8br\xaa\xb6\xda\xe4\x82\x16US\xaa\xb2\x7f\xbb\x7fL"8\x8f\xa1f\xe9\\\xc4\xb4\xfd\xfe\xc6~\x15\x15k+\x17Q\xb0\xbf\x16s}\x0e\r\xf7C|\xfa\xe5\xee\xd1\x1a%\xd3Yd\xb2\x02xZ\x17\xce\xcb\xb2\x9cdL\x04=\x9b W\xf3N^N:I\x95\xd2-\x88\xdf8-;\x93G"\xe2\xc3\x93\x1b\x99\x96a\xe1~\xa2\x97\xbf\xbe\x84_\xef\xa4\xde\xea\x15\x00\xd4\xb7,\xb8pD\xf4\xfb\xeb\xfb\x11\x9f\xd7S(m-\x86\x81N\xeeB\xa1P\xe4\xc0\xaeE\xc5\t}\x11cdDs\x03\x00D\xdc5\x7fTY\xe5#6\xb2\x93\xe5\xc7\x95\xceJ\xf3\xb6)\xda\xba\x86\xd5\xa2\xc4h\xfe\xa2F\xd0^\x7f\xe2\xe8\xea)\xa0)sm\xf5\xc4\xfeKG\xf7\xf2\xb5+&amp;\x18qUL\x17\xd3\xd0!\x81\xd5\xcc\xea\x94\x110\xb3\xc8tj \xbe\xdc\xb30\xa9E\xd5\xb2\x9c\xdf\x1f\xb3\x81\x10\xbd\xf0\xcbmy#P(\x14\xbd\xd1\xb2\x9a\x19s\xcch\xcb|\xb8q@\xdd\xdd\xf0\xc3ur\xa0\x8f\xdc\xde\xac\x00c\xbb\x07\xe9\xe1\xc6)4\xafb\xaaQE\x82\x187\xa4\x13\xa2\x98\x97\x0bA\x81\xd2\x8c\x91\xcb.\x060\xa8\x9d\x8f\xe6~\x00=\x9b\xb9\x07\xbbY\xa8\x1e\xa8qE\xb9yoS\xfa\xb6]9\xae\xef\xb9\xad\xf3\xc8\xc7\x1a\x9a\xeaGR(\x14\xbd\xc3\x8e\xcc\x10T\xa4!\xcc\x1e\xd4I\xd1m\xbd\xac\x0b\xd7)+\xe0\x08 \xcb\x9fX\xea\x80\xf6\xc8\xcf\xc2\xa50\xc8\x0f\xf2g\xbf\x1a\xaa\x0b\xc0\x97\xf9BI\xb8\xb0-\x999\xa6\x02p\x14\xca\x1fC\xf5\xc2\xca\xffs\xaf\\\x04\x86\xca+A\xaes\xf0\xf5e-\xef0\xaeG\xab\xf5S\x07\xeab.\xba!g\xeaK\t\x1f\xe9\xda2\x0c\x95\xf2\x0b?\xf8\xf9q\xb7\x88\xb8\x7f\xc98\x85\x13\x14f\xe9\xe8^\x9c\x16\xfe\x8b\xd1\xc3\x13\x1b\x1e\xb1\xfc\x10IQ\x81\xe9\'\xf3Y\'3\xa1P(\x9a\x89\t\xac\x03j\xe5w\x0e\xaf\x9c\x94\xf1NWA\xea\x96\xcb\xa7\x8d\x9c\x8d\x87y\x01\xc47+\xc7\xf5%\xab\x95\xc6\xf8D\x8d\x85m\t/\xceo\x17l\x97\x99\xe0\x8c\x88|s\xbb\xcc\x8cbE\xd8\x8ag\x91+\xf5jt\xf2t\xcc\x0b\xb0a\xda \xa6\x85\x1f\xe4*\xd3-D\xa1P\xfe\x00\xd3R\x13|\xc40g\xfdM\xaf\x99\xd4_\x85\nE\x86!\xbf\xb2\xca\x88.M\xcfn\x99\xbb\x7f\xc98\xfb\xfc\x80\xf8Z\xfe\x10\xc9\t]\xd9U\n\xd8*\x0e\xf6\x9a\xca\x80\x95\xe7Y\xcb5\x16\x05[3\xa9\xbf\xcd\xdf\xfb}\x03\x00\x0cj\xe7\xcd~D\xb1\x1f\x06b\xe4\x07\xa8\xacw=:\n\xe5\xdf\xc3\xa9\x10\x14\x03p0\xd0\xd0\xcd\x00 6\xb8\x1e\xb1\x17\xfc~rZz\x8f\xc6\xd9\x81\xce\x1e\xd4Y\xab)jBBr \xda\xdfM:$e\xdb\xdc\xe1\xf2\x07\xba\xbeo\x19\xfe~T&gt;\'$\x0f\x8dd\xdek\x86u\xf2\x1f\x12\xe6+qU!\x80\xd7\x97ws\x1a{4\xab\xe1S\xc1Hc\xa9E\xfeO\x96\xf1\xb5\x19\x03\x9c\xd32\x16\x18s\xcd\x84^\xad\xb5\xbcmdc\x97\nJ\x02\x06\xfa\xb5\xf2\xd0\xbe\xf6\'\x85B\xe1"\'D\xbdZ\xf1,\xe5R\rA\xf6*r\xbdD\xd0k\x06\xd6\xd1\xd5S\x11\x9f\xca\xef\x1fZ\xcbf\xeb\xeca\xe3{\xb6\x92vr\xb6\xaan\xc9X\xa5s\x02\xec]4\xe6\xed\xd5\xbdJ\xe7\xa64\xb9\xd7@^7\x15\xd9\x06&gt;\xb6\\k\xd5\xc3\x93\x1b\xf7.J)\x86sc\xff\xf25\x13\xfb3\xa7\xf0\xf7#c\x80\xf9\xc3\xba\xe9\xdc\xca\xa4\x11O\xabB\xd1\xfenLb\xca\x806\r3x\x02\x14\xca\x7f\x15\xf2\x96\xadt\xd1\xe1\x97\xc4\xb2S\xa8\x99\x96\x13\x80\xe8$g\x0c\xfdZypZ&gt;\xdf9\xcc\xd95\xb2\xa3Y8\x9c\xdb:oJ\xdf\xb6LyH\t\xfeH\xc4\xd1\x90\x0e\xbe\x8c\\s1\xed\xaa+?9\xb3eN\xeak\xd9\xc2\xc4h\xf9\xa1Y\xa5\x00\x02\x9c\xcb\xe4e\x15\xd1\xd4!\xf5\xcc\n0\xf2\xae\x9d\x1bV\xe6w0\x01\xc0oww/\x1c\xad\xf3\xa1)\x14\x8az\x02\x9c\xcb\x84\xd4,\xcf\x0e\xe7\xc8\x80Ho9o\x0fd\x95\nr5\x97\xe9\x95\xfd{0\x05\xd8.b\x9ez}y7"\xf2\x85\x9aOo\x9c\xad\xa7\xc9\xdc&lt;\xb0B\xcb;h\xfcey\x98\x1b\xb0\xc5\x7f\xc4J\xb0u\xf2r\x1c\xd7#X\xcb\xc9P(\xff4\xaa7ob\xd1)\xfa3\x080\x05\x1a\xf9\xf4o]_\xe6M\x82\\\xcd\x9bW6\xd5\xcd\x84\x94 \xb3\xdc\x98 \xdd\x1aW\x9b\xd2\xb7\xad/+\xd9\xaa\xa6I.\xf2\xfa\xe2\\\x14\xde_\xdf\xaf\xd1\x1b\xac\':\xd4\xaf\x04 K\xf1\xa9lj\xde\\\x01\xa1\x98`\xc2\xf8\x9e\xad\xf0\xd7\xc3\xdc\x00y\x00\x14Y\xf8\xaf\xec^\xac\xa4;\x85BI%\xa7\xb8/\xb1\xb6\x906\x80"\xc8N\xdb\xa9\x10\xdc=\xb2Fl\x01,\t\x10\x13X[\xe3\xad\xf2\x00\xb4\xadSA\xec\xac\xd2\x150\xe3\xcb\x0f#\xe2\xbd\xa3kU?\x1d[\xba\x9a\x97\x02\xa8\x90\x1b\xf6/\x1dW\xa9\x00\x98i.K,\x97\r\xd3\x06\xaa\xbe\xd6\xc7\xd6\xf0\xcd\xd5=\xd2U_\xe4+\x82T+\x96\x05\xdf\\\x19\xd1\xb9\xa9\xea\xf9P(\x14\x9d\x11\xdd\xc4M\x9b\xcb\x8b\x00\x10A\xe0\xfc\xac\x04\xce\x0c3\xbe\x9c\xdd&lt;gh\xb8\x9fD\xb1u\x15(\x8dH?\xb7e\x1e\xa7\xe5\xdb\xfdcIQ\x81\xf8\xeb\xa1\xba\t\xb4\xa8Z\xd6\xdd\xe4?\xa9\x9d\x10\xe8RNs\'\n\x85\xf2\x8f\x90\x05\xc0L\xa9\'Z\t\xc4G=\xa8\x9df\xd1S&gt;\xf8\xed.\xfb#\xe3be+&amp;i\xc3\x8c\xf8\x8eIQ-5\xf7\xfb\x7f\xa1W\xf3\x9ab\xa7\xd8y!$\x9e\x98S\x95\xa8Z1\xe1\xf4\x8c\xbeA\xf52&gt;\xfa\x88B\xa1\xe8\x86\xcc\x00\xe5s@f\x00\xc4w\x1as\xa0T\xb0\x7f\xe9\xb8\xb8\x90\x06\xbb\x17\x8cRq-\xdb\xf25\xb4c\x9a\x06\xb2\xee\xec.\x02\x94\x112\xa6\x93r\xc1\xffu$\xa2\xad\xf8\x14\x92]|\xf8\xd1\xa9MjgD\xa1\xfc\x934\xab\x9c12\x94\xb2\x08r5\x1f\xd2\xc1\x17?\xdel\xe6\xf4\xb7\xcc\x8a_\x98E\xdav1\xa0\x8d\x97\xd2!\xde_\xdf/\xf8\xbc\xe3G4\xe2\x97\xdb\x87WN.\x0c\xf0\xf1\xd6A\xa5\xa3d&lt;Y\x01\xda\xd7\xab\xc8|\xaco\x99\xa2\xa9\xaaQ\x11\x9aO=3=\xec\x08(\x14\x8aQ\xfa4"\x8dI\xbf\x1c\x98\xeek&amp;\xf5\xb7V\xa0\xe7\x08\x00 \x98\xea9\xb0mC\xc4\x8f\x87WNVv/\xfd\x80\x9fnI\xc4\x93\xe8*\xedVl9\x0cp.\xe3\x98^\x87\x1a\xf1\xcd\xa4&gt;m\x9c\n\t\xd4j\xfe\xdb\x90H\x1e\x18\x1c\xd6\x88\xdfH\x1d\x02\x14\xca\x7f\x8c\xdc\x00\x83\xdb\xa7\xfc1\xe3\xa7[&amp;\x00s\x87D\xc8\xbf&lt;\x07\x00g\x813%\xb7\xca@K\xae\xa9\xf8\xa9&gt;-\xeb,\x18.\x1af\x9a1\xcc\x88\xef\xc8\x1c\x8f\x89n\xf9\xf3\xd1\xa9\x95\xe3c5\xaa-\xe9\x04\xbdV\xa7q,\xc8\x95\xf9T\xadPd!_\xb0\x89B\xa1\xe8\x16\xa6Bl\xcbjf\x1b\xa7\x0f\xea\xe0a\xcf\xef\xc3\xde\x0cn\x9a1$\x1b@Y\x00D|uig\xcd\xd2\xb9\xf8&gt;===\x008i\n\xd5\x8d\xb3\xc7\x04\xd6\x0ep.3#\xae\x03\x93\xec\xfa\xeb\xf1)r\xd0\xa1~\xa5f&lt;\xbb\xf3\x9e\x85I\xfa\x98\x98\x1c2\xbef\xe4\x82\xe1Qb\xa7\xae\xecZ\xa4\xe5\xcd/\xefZ\xd47\xa8ni\x00w\x93\x9cZ\x16\x87\xa4!\xff\x14\xca\x1f&amp;+@\x80s\x99\x95\xe3\xfb2-\xf8\xe6\xca\xaa\xf1\xb1\xd1M\xdcL\xd3\xf7D\xfcI\x94\xc2\xea[\x18\x10I\x99\x91\x11\\}\xf9\xad\xb3\x87\xf2\x87hW\xd7\x0e$Eo\xf2H\xea\x1f4\xaaPl^BW\xc9\x1fB3]\xbc\xab\xa8\xbbP\xcbMj|\xa8b\xbf\x82 \xf8\xf4\x8cN\xee\xc3\xe1\xe3M\x95\x0e\t\xbb&lt;\nr\x02\xd8\xfcU\x8e+\n\xe5\xff\x87\xbeA\x8a\xeb\xb6\x0br\xef\xe8\xda\x99\x03\xc2+\xe6\x85q=\x82\x11_z\x98\x17\x00\x00\x9b\x9c\x80\x88\x9c\x08\x1f\xbe\x0c\x80\x84+at\xb7@N\x0bS\xb9\x8c\x11\xdd$\xa9\x06\x1c\x96%\xf56\xcb\x0c\x19\xaf\x13`\x99\x15&lt;\xade\n\xf8\x8b"!h\xaa\x141a\x9f0\xa1W7\x99\x9c\xdb27S\xfa\x12r\xfa&amp;)*PW\x0fE\n\x85\xa2\x0c\x99I\xb3V\xd9\x01\x11?\xdc&lt;\xf0\xfb\xc9i\xb2\xe8K\xd7L\x97\x03\xbe\xbf\x1eZ\xcb\x86\x1c\x1b\x03t\xf5\xad\x8aO\xcf\x94\x018\xbfu\x1e\xbe\xba\x08\x00\xf8\xe3A\x9b\xd4\x0e\xa0\xa3U\x89\x89\xf5\\0&lt;\xaa\x93\x97\x13y\x98I\xd8d|l\r\xc5N\xf5\n\xa8\x99\xf5Od\x1dkdab\xb4\x96w\xf8\xf9\xe8\x94\xcc`MA\xa6\xf4m+\xbfs\xffV\xf5\'\xc5\x84\xaa\x1e\x8bB\xa1\xa4\x90a\x1eWE\xa1\xdfb\xdc?\xbe~\xfb\xdc\xe1\xec\rq\x94\xbf\xabD\x8dC\x1bUI\xb2;\xe7\x8f|wm\x9f[\x89l\x00`\xcc\xfa\x8a\xfa\xb4\xac\xe3THj}\' \xa2Wy)\xa1\x9f\x0c\xce\xddED|\x7fM\xdf\xa3\xf4\n\xa8%\xa6\xbe1:\xb2\x85\xb4\xf5\xc9\xdf\xa1$\xe2+}\xcc\x8aB\xa1HAwR|Bj\x96\xc7\xa7g\xe7\x0f\x8b\xcc\x01\x80\x88\'\xd7\xcf \xed\x95\x0b\xc3\xf4\xb8\x0e\x7fvn*@D\xc4\x0fz\xcaY\x93\xb0\xaa\xb5\xaeaE\x0ej\x99\xe6\xee\xd9\xdc]\xe3\xad\xf8)\x17\x82\xf8V,\xee^\x8a\xfb\x04\x95-YM\xa1P\xb4&amp;PG\x12\x08\x7f!\x03\xdby\xf7l\xee\xfe\xfd\xfeq"\'\xc71jd\x15\xbaD\xb0Q\xb7\xbc\xbc\xb8\x13\x00\xac\x14fZ\x10\x9e\x9d\xdb\x86\x88ONo\x06\x00E5p\xb4d\xd3\x8c!\xe5\xf4\x9a*-N\xef\x16\xb5\xfe\xcc\xc0\x14\xca\xff%}\x02\xeb\x00@\xbb\xbavM\x9dL\xf2\x02|\xbau\x88\xb4\xb3U\xdae\x92\xf1e\x0b\x15a\x93\x0b\x02\x9c\xcb\x90\xe2\xe9\rm\x8aj\x94\xaa\xdf1/Q\'\xe3\x8a\x99\xcf\xab\x1bgG|M\xccP\xeb&amp;\xc73\xe6\xa7\x866E\xe7\x0c\xee\xc2$\xd3]\xdd\xb3D\xf0\xf2\xa2\x00\x81.\xe5\x98Z\xf0w\x8e\xac\x89\t\xac\xbdhdw\x9d\xcc\xf9\x0frt\xcdT\xb1S\xfd[\xd7\xdf5_\x8d\xe0\x07\x85B\x11\x86\x98h\x11\x7fw\xa8o_\x10\x00\x11U\xf8Ws\x01\x04\xbbY\xfc\xfd9\x9f\x13{\x87\xe8\xe3\xb6\x88XQ\xc4[\x81\xf8\x04\xdf__9\xae\xef\xc2\x11Q\xfc\xb3\x8b\x12\xbb3~\x08\xa6\x06\xafk\x89\xac\x9eV)\x8f\xa7=\x8b\x92\x10q\xd5\xf8X\xc1\x9b\xd7\xb7,H\xca4V*\x00\x1fo\x1e\x1c\x1d\xd9bTd\x80v?\xca\x9f\xc7\x80\xf5/\x07\xc4O\x88\xaf3p.\x14\xca\xff;d\x7fJ6\x92\xe52A\xddr\xf9\xc8[6\x91\xa1/\x0e\xdc\xc4NA\x92\xa2\x02\x97&amp;\xf5f&gt;\xaa(\x96\xab[J\x00\xf4nQ\xfb\xd0\x8a\x89\xaf\xaf\xa4+\xcb\xdeS\\\xabR\xb7\xe4\x060H\xfdV\x11\xbfN\x8a\t\x9d\x11\xdf\xd1\xb5x\xd6\x9e\xcd\xdd?\xdf&gt;\xcct\x1b\xd9\xb59"\x92W\x8d\x8f\xb7\x0erdq\xe2B\x1a\x8c\x89nyv\xf3\\\x89\x81*\x17\x81\x81m\x1b\x02\x80M.xtj\xd3\xc5\x1d\x0b2@[\x87]\xb8Q\x83\xdf\\-GWO\xe1\xb4\xe4\x05@\xc4?R\x95\x93B\xf9W@\xfc\xfe\xf4\xecV\xe6#q\xc1\xb5\x13/\xcf\xc2pq\xc7\x02\xe6XN\n\xe8\x89u\xd3\x11\xb1\xa0\xe6\x8ej@\xc4\x05\xc3\xa3&gt;\xdf9\xcc\xc9\xf0\xd2\xab\n\x02\x9bvu+ \xfe$\xcb\xff\xd6\xd9C\xd7M\x19@\x9e\xa3u\xca\xe6m[\xdb\x96\xe9\xb6r|,\xe2sD,\x07pc\xffr-\x07\xcd\xabP\xb1C#\x7f\x8f\x16Clp\xbd\xee\x86\xaev\x00\x00 \x00IDATY\x03;M\xcd\x10\xa9\x0c\n\xe5\xdf\xa5c\xfdJ\xbf\x9f\x9cQmi\x8d\x0f\xf5\x8c\xf4\xadz~k\xb2\xc6\x9e\xa76\xccB|\xebm\xa3!\xcaC\xbe|t\xc5|\xdc\xc8Wu\x15\x02\x94\xc27+\xb9\x96\xc8:\xa0\x8d\x17""\xfe"\xcf\x80s[\xe7\r\xeb\xe4/v\x07R\x8d\xa7y\x15Su\x13`\xecE\x04\xf9\xe1\xbf\x95\xd3\xe7\xb1\xa9\xf2CKA\n\x00\x8c\xee\xd6B\xc5\xb5\x82\x8e\x13\xceOJ\xa1Pt\xcf\xabK\xbb\x10\x91\xa9\xca\xebZ&lt;\xeb\xdaIq2\xb3^\xads@&gt;\xddUSQ\n\xbe\xbd\xc2\xfeh\n\xf0&amp;\xbd\t\x88\xc4\xae\x1cX6\xa1sC\'uC\x94\x03\xe8\xda\xc8\xd9\xaf\x92q\x9d\xb2\xf9\x00 \xcc\xa3\xe2\xac\x01\xe1\xb7\x0f\xad\xe2t\xeb\xdf\xba\xfe\xbc!\x11\xb7\x0f\xad:\xb7u\xde\xfe\xa5\xe3T\xe8$\xab\xe6\xe0\xf2\t=\x9b\xbb\x97\x038\xbf5yx\xe7&amp;\xf2/\xf4\xb3/\xa1\xdb\x99\xcc\x1d\xdc\xe5\xf4\xc6\xd9*\xf2Q\xaa\x97\xcc\x8e\xf8]\xb7\x93\xa1P(\xb2\xd80m ""&gt;\x8d\xf2w}{u\xef\xc1\xe5\x13\x92\x87F\xea*\xad\x8c\xbf\xcfe\xee\x8c/\xce\xebd\x08\x82EVr\xf3\xaf\xec\xc6J\x05 \xb4\x96\r"\x8a\x85\xd6pX;)\x8e\xf3\x83;\x15\x82\x93\xebgZ\xb0\xe2C\x0f\xaf\x9c\xcc\xffrJ\xa4f\x05s\xb2\xe4Hiu\x86\xe5c\xfb\xe8/_\xcf\xddD\x99\x0e\'\x13\xdd/H)\x80\x1f\x0fO\xca4\xc1\x9b\x00\xdc=\xb2\x06\x11U?h)\x14JF3\xbeg\xab\xec\x00\x9d\xbc\x1c\x11\xbf^\xdd\xb3dX\'\xff\x9d\xc9\x89Sc\xdb\xe9uPf\xfb\xac(\xb4\\\xac| \x07\xb1\xe5\xf5\xf1\xe9\xcdl[\xbc"Fvm\xce\xb6[\xc5\x04\xd6\xd96g8\xbf\xdb\xa5\x9d\x0b\x99\xe3\xe0\xea\x96)\xf3\xf9\xf9\x90\x9dU\xbbvr\x1c\xff\xed\xe1\xcf"Q\xd3Q\xd1\xb3\xaa\x04\xc0\xd9\xcds$:hY\x86\x9aB\xa1\xe8\x8b\x92\x00[\x84\x94;\xe5_\xbe~\xea\x00{Q\x1d\x07hS\xdb\x16\x00j\x94\xcc\xd1\xa2jY\xed\xb7\xc0\x89\x11\xcd\x04\r\xcd\r\xc5e\x1b\x1a\xd9\x15\xc3\xb7WU\x8c\xd5\xaby\xcdM3\x86\xb0[*\xe6\x83=\x8b\x04\xd4\xa4\xd7M\x8e\xe77jT\x9b\x90\xe6\xd6\xc1\x95\xec\x8f|\x85\x86\xf1=[\xedL\x1e\xc9n!Yo2\x9f\x97\x91\xbe.\x12\xbf\x0e\xe9\'\xb4\x0e\x93\xe6\xdcK\xe5d\xe4\xbb\x01\xe0\xfb\xfd\xe3\xe7\xb7%\xf7k\xe5\x01\xb2\x93\x8a)\x14\x8aV\xcc\x1a\x10.\xd8\xde\xb1\x81\x031\xe34\xab\\\xdaB\xf6\x1f=g\xd9#z\xd1\x8e:\x8a\x01\xc2\xe7\xe7\x11ql\xf7 n\xfb\xaf\x87\x8d*\x18\t^\xd2\xda\xdd\xda\xaf\x127\xe1a\xc5\xd8&gt;\x82\x9d\xcfo\x9dG\xa4\x87\x8e\xaf\x9d\xc6_\x1f[\xba\n;&lt;z\x05\xd4DD\xab\xec0{Pg\xa6\xb1f\xe9\xdc\xf5-\x0c\xc4~\x10\x8d \xe2\xa1\x15\x13}\xed\x8a1\x1f\xf9}\xa6\x08\xbd\xb1\xad\x9d\x1c\xe7ZB/y\xcd\x87VL\x9c\x14\x13\xda\xbe^Evl\xa8j\xcc2\x83c!\xf007`7&gt;8\xbe~\xf3\xcc\x84\x8d\xd3\x07i\x7f\x7f\n\xe5_\xe1\xdc\xd6yg6\xcd&amp;\xc7F\x00U\ru\x90\xbc\x8f?\x1f \xfe\xf4\xb1MYUUH\r3ri\xaa\xab\xc3\xf7l\xc6\x15\x9fI\r\xb7\x7f\xc7io,\xee\xd5d\xaf\xfd\xcc\xeex\xa0H\xd4P\x9a\x97\xe2\xd7Cm\xdeW\x1e\x9e\xd8\x80?\x1f&lt;&gt;\xb5I\xcb\x97\x1e\xf6\xcf\x15\xecf\xc1\x1c\x93o\xb4\xb2\xd0k\xcf\xd1\xd5S\xc6\xf7l\xa5\xc3z\x93\xf8\xec\x1c\xbfQ\xb0\xde\x83|FE\x06|\xb8y\xc0\'\xf5\x99\xcd\xf9\xff\xcaD%P(\x14\rd\x02@D\xa6\xaa\x17\x00T7\xce\x0e\x00\x1c\xa9-q#\x8d0s\x07wA\xfc!\xa6\r\xa9o\x9c\n\x0b\x9bPR\x1f\x00\xe9V\xd5y\t]I\x12\x96\xf4=g\x0e\x08g\x1c\x9b{\x17\x8f\x11\xec\xb3{\xc1\xe8\xb4\x81&gt;\xdfR8\xeb4r\x03 \xe2\xa3\x93\x1b%\xbe\xf6\xc9}\xda\xa8\xbe?\xa18@\'/G~\xbb`\xa1f\xd5 b-S\x95\xff\x11\x10?\xf0\xdf\xfd\x9e\x9f\xdf\x0e&lt;\xab\xdd\x91Ui\xe9`^\xe5\x8bT\xf8S\xff\xf3(\x94\xff\x1c\xb5L\xf3 "Q\xb7w)\x96\xb9\x14\xc0\xa6\x19C8.\xbe\xea%\xb3\x87\xb8[\xcb\xbf\'\xd1\x85\xef\xe4\xf5\x17\x85v,\x19\xd5\x93\xac\xfe\x81.iR\x14.\xc52#\xbe\xe5?\x15\xf8\xb4v\x97\n}\x01\x80\xec\x00\r,S\xd6+D\x1c\xda\xb1\xb1v\xf3\x15\xe5\xf8\xba\xe9\x88xi\xc7\x02-\x8b\xc4D\xf9\xbb\xbe\xbe\x9c\x12\xfc\xca\x0e\x03B\xfcqj\xc3Lr\xbck\x81\xb6\x8a:\xdf\x1f\x1c\xef\xd8\xc0A\xcb\x9b\xb0\xa9oYpp\xfbF\x8cuK\x90\x1e\xcd\xdc\xffr\xbd)\n\xe5/\x82\xd9i\x92rQ\x91\xbe.\xa4z"{3XZ\xb9\xb6\xfe\x1f\x17\xe4b\x8c\x03d\xe6\x88\xbf\xf9\x0b}\x8a\x08\xc3\xbd\xa3\xd2\xb7*\x03\xb0n\x8a\x80\xb7\x96\xb0o\xc9XD\xc4\x0f\xd7\x99\x96w\xd7\xf7!\xa2\xea\x12\x92\x12T)\x02\xab\xc6\xc76\x92\\\x01\x95"V]kr\x9f6\x99\x94\xbf\xff\xb1A\xfc\xf2\xe9\xf6!G}&amp;fU\xe5\xbd\xecM\xe8\xd5\xfa\x8f\xff\xdf\xa3P\xfe\xc3\x10Q\x87\xa6N&amp;\xecLK\x1be\xf1\xe2\xc2\xf03z-\x94(\tD\xf88\xcb\xefL\x82\xeb7L\x1bD^hJ\x03\xd4.\xc3\xdd7\x9b\xf0\x92\x00\xd4\xd1\xbe\xae\xdd\xf9\xad\xf3\xd8-GVM!9\xaer\xc8\x9cz UG\x06\x00\x00\xde_\xdf\x8f\x88\tZ\xbca(Z\x8d]\x8c2_\xdf\xb7L\xf5X\x00\x80\xf8\x9e\x13\x95\xa4[\x86u\xf2\xe7\xd71\x95\x1fw@\xa1P\x84\x99\x14\x13J\x12Y\xa5Q]\xf3\x96\x04\x9c\xd42\x95eu\x96\xd6\xe7\x11\\\xd4|+\x16g\xcc2\x19\x8f\xa2\x81c\x02k3\xc7\x1d\xebW\xda\xbfd\xdc\x933[\x9a8\x08\xd7\x9d|}yw\xf7&amp;\xd5\xc5\xaa\xfb\xea\x9c\xd0Z6\x16Y\xa1a\xf9\xa2[f\x0f\x95\xfe\xa1\xd8\xce$\x9d#\x96\\F"A\x8f\xae\x9e\xa2\xae\xfa\x1b\x85B\x11%1\xa2\x99\xc6&gt;dQP\x11\xacY\xa7l\xde\x1a%s ~\x12\x13I\x06\xa1\x18v\x86\x95\xe3\xfb2!\xe7U\x8d2I\x04\xf3\xfc\xb5\xe4\x07\xa8V\\\xe0\rh\xe9\xe8^\xd3\xe3: ~Y1\xae\xaf\x8a\xdb\xea\xbc\n\x0bg\xf1\xcd,\xdcK\r\xf8\xfc\xdc\xf1u\xd3\xe5\xf4|ui\x17\xa7\xf8\x04&gt;?\x07\x00\xfb\x96\x8c\xd5\xddt(\x94\x7f\x8f\xeeM\xaaky\x87\x11]\x9a\xb2?vl\xe0\x80\xf8\x82\xdd\xd2\xa3i\x8d\xc9}\xda\x08\xbe\x98#\xe2\xe9\x8d\xb3\xd8-\x0b\x86\xa7D\xf2\xd5(\x95C\x1b\xbd\xa0\x8e\xe9\x05\x15\xfe\x08\x95\xf2\x03\x00\xb4\xaan\xb9pD\xf4\xcb\x8b;IAy\x86\xce\r+\xf3\x0b\x1aw\xf1\xae2\xbc\x93\x02q\x1e6\xfa+7\xaf\'\x9b\n"\x9a\x00H\xbcB2\xdf\xd8\xecA\x9dc\x83=\xd8\xa7\x12:\xf8\xeagR\x14\xca?F)\x80B\x00Q\xfe\xae2\r2\x1aa\xab\xe8\x14\x01\x98\xde?LQ4\xc8\xdb\xab{\xc8\x81\xae\xe6\xa3Wv\xcc\x1b\xa1\xb1O\xaf\xe65\xf1\xcb\xed\xb9C"\x06\xb5\xf7\xe1\x9f\xc5\xcf\xb7\x01\xe0\xd9\xd9\xad$\xff\xcb\x04\xa0\x00\xc0\xdd\xa3k\x15MC\xba\xd2\x8e\x81\xf8\xa9@\x97r\xf1\xa1\x9e$v6\xd0\xa5\xdc\xfca\xdd|\xed2TQ_f\xc6\x03\xe7\x01 x\x9f\xa5\xa3{\xe9bF\x14\xca?\x86\t\x00)=\x88\xf8\xa4w\x8bZ\xd5K*\xd0\xfd]7e\x00~\xbd\x83\x1fo\xbc\xb8\xb0]\xb0\x03q\x87:\x18(\x98\x0f\xe2O\x05\xbdS\xd1a\x12\x93\x1c\xbaxW\xf1w(\x89\xf8\x94]\xbf\x85\x80o\xae|\xbcu\x90\xdd\x92\x19`\xcd\xa4\xfe\x82\x8b\x1d\xe2g\x00@\xfc\xc1\x04\xe0\xb6v\xb7f{\xa7\xed$\xa3&gt;msAH\xcd\xf2%\x01\x92\xa2\x02\x05;8+\x91\x96\xa8\xcd\x8b\xdc\xd7&gt;\xb2^Bo\x03\x00\xdcJd\x93\xbe&lt;\'@\x85&lt;\x10\xe5\xef*m\xe7?\xbby\xce\x1f*BL\xa1\xfc\xf7A|I\xc2"\x7f?9\xf3\xf8\xf4&amp;D\xb4\xd2\xf0\x87\t\x00`\x97\x07\x10\xdf\t\xa6YA\xea\xcaU^\x95\x83N,\xe7V\xdf\x1c\\6a\xc9\xa8\x9e\x000\xba[\x0b\x8da9\x04\xfe\xfbM\xf9\x9c)?\xfb\xe5]\x8b\x00@\xa3\x83\x82H"\xc7\x87z\x02@.\x00\xdb\\\x90\xd4-\xddj.\'\xf9\xab\x14+X\x8bq\x12/cUa\xd3\x13=\x9b\xa7\xe4]#\xfeV\x94L^\xa3d\x8e\xd9\x83:\x8f\x8a\x0c\x90v\xf2\x0f\t\xf3\x95(g_\xbdd\xf6\x15c\xfb\xcc\x19\xdc\x05\x00FF4\x97?:\x85BI\xe3\xc7\xc3\x13\x9bf\x0cyse\xf7\xcc\x01\xe1;\xe6%\xba\x16\x97e\xf8%.\xdc\x1c\xa91\xf5\x9c\xb3\xb6\x19b\xc2\xe9\xdaHAx(C\x13\xc7R##\x9a\xf7iY\xc7\x10\xa0&lt;+w\x88-`\xb0vr\x9c\xba)1\x92\xce3\xe2:\x00\x00~\xbf\xa7:n\xa7\x08\x80\t\xc0\xf8\x9e\xad$\xfa\xf0%\x10\xf0\xfd5u\x82B\xb6\xb9d\xd9dz4\xab\xc1\x1ck\x9f\x95`\xae\xc4\xb3\xcc\x11\x08\x89\t\xac\xdd\xacrJM\xd2\x91\x11\xcdWO\xec\xa7\xf5t(\x94\x7f\x15\xa6\xbaoa\xe5\xa5\\\x99\'\xc6\x8e\xe4DP\xa8\x0c\xac\r2\x15\x838a\x95\xa3\xbb\xb5@|.\xbd\xc7\x9f;$"yh\xa4\x8a)1+\x1a?)Ii\xcd\xe1\xd3\x1bg\xad\x9a\x10\xdb\xbbEm\xcd]uD\xdf\x96u\xc5N\xddS\xe8\x99\xd0\x07\xf3\x12\xba\xb2\x8dRA\xae\xe6\x7fl*\x14\xca\xff\x19\xf8\xe2\x02s\\\xa5(w\xd1Tv+|%\xa7\xdb\xa1\x15\x13\xfbi\xf2\xefi\x89X\x94\xaa\xae\x1eQmj\xd9\xc8\xef\xdcJ\xb2\xa6\n\x07\x8b,@\x8c\x1b\xd2\x94\x06(\t\xa0\x93\x9ab\x06\xbc\x96\xb3\x9b\xe7\\\xd8&gt;\x1f\x7f=\xf4*_d\xdb\x9ca\xda\x0f\xa1%|\x8f\x0b\x85B\xd1\r\x88h\xaa\x87\xdbJ\xbc\xe2\x07W\xb7 \x85\x06\xa7\xf5k\xaf\xc8\x14 \x1f1c\xc8\xa1\x15\x13ur\xff\x11]\x9a\xca|\x0b\xf9t\xebPL\x8b\xda\xa0;\x99k\x00X?u\xe0\xa7[\x87\x00`\xc9\xe8\x9e\xea\xee \x91\x8a\x01\x00\xa3"\x03\x88}o\xc3\xd4\x81\x1c\xa9\xfdn\x8d\xab\xa9\x1bQ\x1b2\xaer&amp;\x85\xf2OQ\x06\xa0n\xb9|ue$\x00\xeb\t%\xc2\x10R\xf4nQ\x9b/\xfd/Hf]\xe8\xd6\xd5(\x95\xa3\x08\x80\xb7\x8d!\xa3\t*M\xf1\xd4\x10x\x06F\x9b\xd3\xcd8\x1b\xe3E\x95\xe35p-\x91u\xf7\x82\xd1\x1d\xea\xdbk\xec\xc9V\xdd\xf0a\x95@X3)\x8e\t!\x15\x0c\x00e&lt;\xfc\x1fo\x1ed\x0fT\xdf\xc2\x00\x11\x93\xa2\x02}+\x16\xcf\x02\x80\xf8\\z\x02\x88\x1f5N\x92\xa1R\x01\xcd}8\x1cX:&gt;\xc3\xac\x8e\x14\xca\xff!dC\xa7?\xa3jH\xcd\xf2z\xba3\x07#\xd9E\xe7]\x8c2\xb7N\xafu\xaaMJ\xb1\xc6\xcd\xa9X\xd2\x93\x84|M|\x1ba\xb16\x06\x12\x84#g\xda\x87\x96\xa7\xbd\xf1D\xfa\xba\x90\x03F\xb3\xe8\xcd\x95=o\xae\xec\xe1\xaf\xa1\xb7\x0f\xad"Un\x10\x91]\x93y\xce\xe0.\x88xm\xef\xd2&gt;B&gt;\x83\xdc\x00V\xd9\xc1\xc7\xd6\xd0\xcd8%\x98\x8c1\x1f9\x16\x04\xa6Q\x90\xa6N&amp;q!\x9e\xdbe$X\xb0\xb9\xbew\xd9\xb4~\xed\xc9\xf1\xa4\x98PE\xd7R(\x94\x0c%\x94\xf70\xa8R\x14\xea\xf0\xf4\xda\xf4\x8dyfn&amp;\xb3\xa2\x1c\x086y\x00Z\x0b\xe9f\xcf\x88\xef\x18\xdf\xc6\x8bl\xb9c\x83\xebiLh"\x0c\x0ek\x04\x00\xed\xeb\xda\t\xaa\x1d\x84\xd6J\xfb\xf6\x06\xb4\xf1r)\x96Y\xacT\x99F\x98 N\x82\x84\xd7gd\xd7\xe62\x03~\x10\x7f\x01\x80\xb7\xad\xa1\xb7\xad\xe1\xc8\xae\xdc\xd0\xcc\x85#\xa2\x05_\x17H\x08i\xb8\xa7\xe3\xb4\xfea\xceEaX\xb8\x9f\xbc\xd1R\x12 \xfc\x1dJ\xb6\xafk\'\xf3\x12\n\x85\x92F\\H\x83U\x13b9\x8d$\x86Sz\xb3\x06\x00\x96\xac\xddk^!\xd9\x80\xcc\x00\xb3\x07u\x9e\xd6?\x8c1z8\x18\x08\xd4\xc8\x1d\xd0\xa6\xe1\xcc\xf8\x8e\xccG\xbfTy\x1f\xfd=\x13j\x94\xca\xa9\xab\x9b\xe7\x07\xf0\xad(`?\xc9\x04pi\xe7B\xc4_\x1b\xa7\x0f\x8e\t\xac#\x960\x01\x00\x8bG\xf6`\x7fd*\xb5i$\xbbv\xee\xdfS\xe9\xa58\xb4\xc7"+ \xbe\xedP\xbf\xd2\xe4&gt;m&gt;\xdd:4\x93W7\xb4w\x8b\xdaC\xc5\x17\xf7\\\x00\xef\xaf\xef\x0f\xf7TYH@\x9b\xb0\x05\n\xe5\xdf"\xa1\x83/)|\xd8\xacr\xe9\xeeM\xaaG\xf9\xbb\xee\x98\x97xl\xcdTv\x9f\x866E\r\xe4\xdd-\xa4f\xf9q=\x82\x07\xb4\xf1\x9a\xd2\xb7-\xbb\xf</t>
        </is>
      </c>
      <c r="E443" t="inlineStr">
        <is>
          <t>&lt;class 'numpy.ndarray'&gt;</t>
        </is>
      </c>
    </row>
    <row r="444">
      <c r="A444" s="1" t="n">
        <v>442</v>
      </c>
      <c r="B444" t="inlineStr">
        <is>
          <t>steps_per_sec</t>
        </is>
      </c>
      <c r="C444" t="n">
        <v>6400</v>
      </c>
      <c r="D444" t="inlineStr">
        <is>
          <t>3.353245</t>
        </is>
      </c>
      <c r="E444" t="inlineStr">
        <is>
          <t>&lt;class 'numpy.ndarray'&gt;</t>
        </is>
      </c>
    </row>
    <row r="445">
      <c r="A445" s="1" t="n">
        <v>443</v>
      </c>
      <c r="B445" t="inlineStr">
        <is>
          <t>Loss/object_center</t>
        </is>
      </c>
      <c r="C445" t="n">
        <v>6400</v>
      </c>
      <c r="D445" t="inlineStr">
        <is>
          <t>0.12952343</t>
        </is>
      </c>
      <c r="E445" t="inlineStr">
        <is>
          <t>&lt;class 'numpy.ndarray'&gt;</t>
        </is>
      </c>
    </row>
    <row r="446">
      <c r="A446" s="1" t="n">
        <v>444</v>
      </c>
      <c r="B446" t="inlineStr">
        <is>
          <t>Loss/box/scale</t>
        </is>
      </c>
      <c r="C446" t="n">
        <v>6400</v>
      </c>
      <c r="D446" t="inlineStr">
        <is>
          <t>0.059337206</t>
        </is>
      </c>
      <c r="E446" t="inlineStr">
        <is>
          <t>&lt;class 'numpy.ndarray'&gt;</t>
        </is>
      </c>
    </row>
    <row r="447">
      <c r="A447" s="1" t="n">
        <v>445</v>
      </c>
      <c r="B447" t="inlineStr">
        <is>
          <t>Loss/box/offset</t>
        </is>
      </c>
      <c r="C447" t="n">
        <v>6400</v>
      </c>
      <c r="D447" t="inlineStr">
        <is>
          <t>0.081040956</t>
        </is>
      </c>
      <c r="E447" t="inlineStr">
        <is>
          <t>&lt;class 'numpy.ndarray'&gt;</t>
        </is>
      </c>
    </row>
    <row r="448">
      <c r="A448" s="1" t="n">
        <v>446</v>
      </c>
      <c r="B448" t="inlineStr">
        <is>
          <t>Loss/total_loss</t>
        </is>
      </c>
      <c r="C448" t="n">
        <v>6400</v>
      </c>
      <c r="D448" t="inlineStr">
        <is>
          <t>0.26990157</t>
        </is>
      </c>
      <c r="E448" t="inlineStr">
        <is>
          <t>&lt;class 'numpy.ndarray'&gt;</t>
        </is>
      </c>
    </row>
    <row r="449">
      <c r="A449" s="1" t="n">
        <v>447</v>
      </c>
      <c r="B449" t="inlineStr">
        <is>
          <t>learning_rate</t>
        </is>
      </c>
      <c r="C449" t="n">
        <v>6400</v>
      </c>
      <c r="D449" t="inlineStr">
        <is>
          <t>0.001</t>
        </is>
      </c>
      <c r="E449" t="inlineStr">
        <is>
          <t>&lt;class 'numpy.ndarray'&gt;</t>
        </is>
      </c>
    </row>
    <row r="450">
      <c r="A450" s="1" t="n">
        <v>448</v>
      </c>
      <c r="B450" t="inlineStr">
        <is>
          <t>train_input_images</t>
        </is>
      </c>
      <c r="C450" t="n">
        <v>6400</v>
      </c>
      <c r="D450" t="inlineStr">
        <is>
          <t>[b'512' b'512'
 b'\x89PNG\r\n\x1a\n\x00\x00\x00\rIHDR\x00\x00\x02\x00\x00\x00\x02\x00\x08\x02\x00\x00\x00{\x1aC\xad\x00\x00 \x00IDATx\x9c\xec\x9du\\\x14]\x17\xc7\x8fb\'\x16e\x80JH)("\xa2(\xa0\x88\xa0\x12J(("*!"\x16*6\n*\x16*\x16vwawwwwww&lt;\xe7\xfd\xe3\xc28L\xed\xcc\xec.\xfa&lt;\xef|\xff\xf0\xb3\xdc\xb9s\xe7\xee\xba{\xe3\xdcs~\x07@AAAAAAAAAAAAAAAAAAAAAAAAAAAAAAAAAAAAAAAAAAAAAAAAAAAAAAAAAAAAAAAAAAAAAAAAAAAAAAAAAAAAAAAAAAAAAAAAAAAAAAAAAAAAAAAAAAAAAAAAAAAAAAAAAAAAAAAAAAAAAAAAAAAAAAAAAAAAAAAAAAAAAAAAAAAAAAAAAAAAAAAAAAAAAAAAAAAAAAAAAAAAAAA\xe1_O\x9b\xbaU\xb5\xfd\x08\x03)\x95\xedK\x02\x00\xbc\xb9\xb2g\xed\xe4\x81\xc733\xb4\xd3\xa3\xdc\xe3\xe2\xf6\x85][8\x02\x80&gt;\x00~\xbe\xf5\xf1\xe6A\x81\xca.\x15\nHj\xdc"?\x8c\xec\xd2J\xa0B\x0b\x1b}I\r\xfe\xe5T\xe2*&lt;\xb6n\xbaeAfa\x8c\xb7\x83\xf6\xbb\xc3\xcd\xc1\x15\xe9\x9c\xe5\x1d\x1bW\xc7\x8f7\x1aW-\x0e\x00-l\x85\xfe_\xccu\xc0\xc3\xb4D\x05\xad\xf4NA\x81\x9f\x88F\xb6\xcd\xac\xca\xae\x9c\xd0OeM\xf7\xcaE\xb5\xd4\x87\x166\xfa\x9e\xe6\xbaq\xbeN\xa9]\x03\x11\x9fq\xd6\x19\xd5%\xa08@\x13\xb3\x92\x92Z^&gt;\xbe\xcf\xa4\x84\xb0A\xed\x9b\xaa\xd9C#\xb97N\xec\xdd\xee\xc1\xf1\xf5\xea&lt;:_\xce?\xb7\xce\x1e1sH\xb4:\r\xfe\x1b\xf1\xab\x91\xe3\x7f`\xdd\xe4A\r*2g\x80\xc2\x00\x85h\x7f\xba\x9bh\xeb\xeb\xca\xe6\xee\x91\xb52\xee*\x02\xb0`D&lt;\x00\xf4\x0cp\x01\x80S\x1bfz\x98\x96\xd0p\xcf\x14\x14\xd8,\x1b\x9bP\x10`\xcf\xa2q\x00\x10\xe2l\xbam\xce\xc8h\xaf\x9a*\xef\xda\xb5`\xcc\xda\xc9\x03\xb5\xda17\x93"|\x97:7\xb1k]\xb7\xea\xca\t\x89\x92\x1a\xack\x907\xadgh\x9f`7\x19\x9d\xd1\xc8oqbBXM]\xde\xab\xd5\x8bIk\xad8\x00""\xa2z\x9d\xfa\xab\xa9UJ\xf2-)Q\xfe\xfb\x97MhU\xab\xe2\xf4\x81\x9d\xbb\xf9\xd6\rw\xb3\xd2B\xbfx\xa9k\x90\xf7\xd2\x8e\x85\xde\x96ee\xdcK\xff\xff_66AS]RP\x10\xa2m}s\x00\xc8+\xf1\xae\xd4\xae\x81\xe1\xae\x9a\xfci\xc9^V\xe7\x0e~5\x0c\xc9\xfb5\xa6\x15J\xfd\xd0\x84\x89\xf3u\xd2h{\xb9\xca\xf8\xee!u\xf5\xf3\xd0K\xba\xb7\xac\xa7f\x9b\x88O\x04\x16\x01*\x89\xf1v\xc8\xa3\xba\x96d\n\x03|\xb9{\x84\xef\xea\xb4\xfe\x1d\'\xf4j\xab\xe6#\xfc\xec\x8cJ\xab\xd9\x84\x82\x82&lt;\xf4\x01\x12C\x1b\xab\xac\xa6\x07\xf0\xe9\xf6\xa1\x08w\x9ba\x9dZh\xe4\xb9\xed\x1bZj\xa4\x1d\xed\xe1^\xb9he\x80\xf6\xeaM{\xbe5\x0c\xbb\xf9\xd6\xd5T\x97\x00 \xaa\xa9\xea\xed\xda\x1f\xc1\xd3\\\xfa\xea\x9dF^\x80;\x87\xd7L\xe9\xd7\x81}I\xcc\xb6 \xdc\xd5\xcaIO\x1b\xe3\xbfj\xac\x0b\xe5\xf8\xb3A\x05\xd6\x01\x85\x82\xc2\xdfFA\x00=\x00D\\3i\x80\x8d\xfcU\x97|\x9a\xdb\xe8\xb1\x0b\xd9\x1d1\x000\xd1Z\x1f\x8c\x00\xc4\xffX\xa5.N\x1f\x1c_\xff\xed\xde1\x7f\xfb\xf2b\x1eq|\xddtD\x0ckhi\xf7\xaf\xb5\x03\x0fj\xef%\xfb^D\xac\x040sH\xb4\x99\x8e\x8a\x9a\x9c\xb3\xe9\xd5=K\xf1\xeb\x1d5\x87\x7fj\x187\x02\xa8g\x98O\xa8jN8\xbe\xc7\n\nZC\x03v\x88\x8a\x00^vF\xe9\xe3\xfb&lt;=\xbb\xa5e\xb7\x94\x8b\x9f\xb3\xca\xd9\xce\x15\x02xUSk\xdb: i(\xbb\xf0\x07\xab\xe4\t\xe2\x95;G\xa4ZH7NO\xea\xdb\xa6\x91\xcaj\x8f\x01\xbe\x89ns\xcf\xdd\xcf\xaa+\xd18}\xf2T\x81J\x8e\x95\x8c\x8d-\x8b\xab\xae\\\xa8Pa\x00\x88\x88\xec\xfc\xe9#xZ\x94\xe2\x9bjR\xa2\xfc\xa5\x9e\x1c\xd0\x19\xdf=\x84\xeeu\x14\xedUK~[,\xea5\xa8\xdf\xb0Ra\xb9w\x7fl\xd7\xae\x89\xa5\xb5\x95\x99E\xd9\xb1\xf1\xad\x05\xeaM\xca\xe4\xb0\xc6\xbc\x7f\xf7\xee\xfc\x9e\xbd-k2\xfdh|k\x18\x02\x00"\xfaT7p6\x10\x9a[\x1c\xcb\x02uj\xfc\x13\xc0\xac\x9a\xb9pw\xe7%\xc7Q\xaf\x9f\xf3W\xfbt\xeb\x10\xdd/k\\\xf76[f%\xab\x9c\xe4\x14\x14r\x03N\x1f;:g7\xcf\t\xadg\xc6wu\xdd\x94\xc1\xea&lt;\x1d\x9f\x9de\x94\xe4\x07\xd8&lt;3\x99Q\xb8oI\x1a\xbe\xbe$\xb5\xf1\xab\xbb\x97\xfc\r\x87\xa5\x97w.\x16_\xb9\x9bo\xddhA\xf3N\x13\xb3\x92\xb1\xcd\x1dew\xa64\xc0\xdf\xf0\x99pr|]\xc6\x99M\xb3\'\xf7\xed`[\x14\xd6O\x1b*\xf5\xf6\x9a\xba\xb06}`\xf5b@?\x8a-\x050/9\xae8\x00\xbe\xbf\xbepdw\x81\xd5\xca\xd5=K\xa5wY\x14\x8c\x0f\x1cs\xa2\xa5\x87*(h\x80R\x00\xbb\x17\x8e\x15X7\xf5hU_\x9d\xf6\x11\xdf2J\xf2\x01\xe0\x97\xdb*o\xfc\xf1\xf0\xa4\x98\xf6WIt\x19\xca}r\xdf\xd8\xa3\xd9Cl1\x0c\x0ck\xaa\xd2\xbb\xb1~\xf9\xfc\x9fn\x1d\xc2\x17\x17\xba\xfb\xd7\xb3*$\\\x97\x17DD|\xbfuv\n}\x8b\xe3W\xc3\x10\x00*\x02\x04\xd66\xf6\xb3\xe3p;(\x0e\xd0\xbfm\x13\x01O-\xcd\x82,r\xe9\xc1\n\n\x1a\x848\xc6\x88\x1c\xbf\xd8V%rX\xc7&gt;\xee\xeb\x1d\xd4p\xfd\xb4!*\x1b\xf4\xb6,#\xe6\xb9\x02{\x17\x19T\xcb\xafn\x0b\x0c\xab\x8e\xbf}\xf9\x97\x17w\xaa\xdb(\x17\xbe\xd5\r:6\xb2\x95wo\x8f\x96r&amp;\xf5j\xfc\xd1l\x9bg\x0e\xb7*\x08\xc2\xb6\xc2B\x007\x0f\xac\x94\xf1\\:\x86\x00n&amp;E\xf6-Mc_B|\xfd\xf0\xc4\x065\xdb\xd7\x14\x8c\t@8\xacOA\xe1O\xc2i\x896\xd7\x01\x1f[I\xa1\xbe\xdc\\\xdf\xb7\x9cQrj\xe3,y15\x9cp\x1e2S\xa8&lt;0\x1c\x1c\xee\r\x005u\x01\x11\xeb\xe8A=\xa3|\xd6r\x17\xa7:\x00\xd5\x8b\xc1\xae\x05\xa3\x19\xe5|\xed\x058T2\x91\xf9(\xcd@6\n\xc2\xf6(\x8a9\xc3bU\xaed\x1bW-\x81\xcf\xce\xf1]\xed\x1d\xd4pb\xefv\xc2-\x04\xd7\xa9,\xa63l*\x00\xfcz|J8\x1e[\xb3\xb8\x94\x17\x8a\xee\xee\xee_\x8f&gt;\x01\xa84\xc3*(\xfc-\x84\xd67\xf7\xb6,\xb3tl\xef\x01\xed\x9a\xa8\xd9T\x83\x8a\x856f\x0cc\x14\xbe\xbd\xbawvR\x175[\x16\x89]q\xa8g$\xe4\xe9q\xffx\xe6\xaa\x89\x89o\xae\xec\xd1\xc8&gt;\xbd\xd0\x9f0\xbf\xc8 \xc6\xdb\xc1\xb2 Y\xa5~C\xc4{\xc72U\xde2\xa5_\x07DT\xa9/r\xffXfz\x9f\xf6~vF\xaf/\xef\x92\x1a\xed\xd5\xaaf\x85\xa3k\xa6\x02\x80\xae\xb4\xfb\x00\x00\xea\x94\x83\xae&gt;u\x10\x9f\xf2UX\x91\xd6\x97Qb\xc8\xdf\xda\xe9\x8d\xb3T&gt;Q\xcc\x17F\x17 \xbdO\xfb\xe9\x03:\xa9\xac\xa9\xa0\xf0g`\xd8\xfe\xcdh\x03\x98\xabqa\xfai\xdb\xb8\xf86\xf4\x9a\xc3;\xfb b\xaf\x80\x06\xc2\xed\xcf\x1a\x1a\xc3(9\xbfm&gt;ya*\xc5\xa1\xaf\x8a\x84\xba\xbf)\x00\x90\x1f\xa0aE\xdeU\xfd\x84^m\x8f\xaf\x9b\xbetL\xef\xab\xbb5\x7fBX\x11`\xef\xe2\xf1\xe54\xde\xae\x86\x981(R\xcc\x98N\xd0\x03`\xbb\xdf\xb0\xf1\xaaV:56\xe0\xea\x9e\xa52&amp;\xd4\x83+\xd2\xd7\xa4\x0f,\x03`+]\xdfa\xf5\xa4\x01\x88\x88?\x1f\xd0\x0b\x9d\ru\xcct@\x07\xc0\xbdr\xd1\x94h\x7f\xf1\xad\x99\xfd+\xa6q\x05\x05\xf5Y\x93&gt;`\xf5\xa4\xfe\xe45\xfbw\x97\xd4\xb1E\'\x8f\x1a|\xf7\xde&lt;\xb0RX\x9c\xcb\xd3\\\xf7\xf5\xe5\xdd\xf8\xcf#\xba\xdb\xe0\xd21\xbd\xc9\xef\xcb\xdf\xbe\xbc\x9c\x1e\xf3\x80\xf8\xda\\\x07F\xc7\x05\x99\xe9\xe4p|\xca\x03\x90\xd4\xb1\xf9\x96Y)\x9cw\xf5m\xd3\x08_\x9c\xdf\xb3x\x9c\x06{B\xe7\xc0\xf2\x89Zj\x99"\xd2\xd3N\xdb\x8f\x00\x80\x83+&amp;I\xaao.\xd7\t\xb2e\xcd\n2\xbe\x18&gt;\xd5\rB\x9cM\xe9%\xed\x1aX\x10\xf3\xcb\xd5=K7\xcf\x1c\xee\xa4\xafz\xb9\xc16?\xfd\x89\xc8\x19\x05\x85\\\xc4\xb1,\\\xdb\xbb\x8c\xef\xaa\xb3\xa1\xce\xdc\xe1]\xd5i?\xbdO{DD\xfcI\x95\xbc\xb9\xb2G\xb6\x1b9\x00\xb4v\xaa"\xf0Sf\x9f\xb6\xb5\xb0\xd5O\xeb\x19\xea\xc8#\xe2"`\x1e\xea\xee/A\xf3@\xb6\x91\xb7\xa2\xdc\x1b)\x1aUQ#d\xe0\xcf\xd1\xdc\xba\xdc\x95]K\xb4\xa7Y\xbb`D&lt;\x99\x00\xc6\xf7\x08I\x89\xf2\xe3\xf4\x0e\x12f\xf5\xc4\xfe\xdb\xe6\x8e\xd4F\xdf\x14\x14\xfe"\xf6-\xe1\xf0\xa9\xa0 \xe1M\x81\xb5\x8d\xd5\xd9\x16\x13AD\x00\xb8\x7f|=\xe2+2\x82;\xd0\xdc|Z\xda\x97\x17\x19\x9e&amp;\xfe\x9c\xd0\x00\xc0\x10`cFR\xb8\x9b\xb5\x84\xbe\xd2@|\xbbtLo15\x9f\x9e\xd9\xc2.\xe4\xdbv(\x00\xc0\xa3S\x9b~=&gt;\x8d\x88s\x86\xc5j\xbcq\xbb\x12\xd0\xbfm\x93\xd1qA\xb5E\xb9\x921\xa9*\xc28\xf9\xd7ju((HCX\xfc\xa0 @\x11\x80\xcc\xa9\xaa\x1d7EBV\xacU\x01\x88\xe1\x85h\xe5\x7f\xbdw\xb4\xad\x8b\x85\x98\xdb{\x075l-b\xd9X\t@\x93\x06\xa6\x9c\xb4\xaa\xc5\\\xb8\x1b\x01\xb0\xd5\x1d\x9aY\x95s\xf8s\xea_\x01\x0e\x92\xb7%\xf2\xcc6.\x15\nvl\\\x9d\x08\xe2\x8b\xe7\xca\xee%5u!\xb0\xb6\xb1:\xda\x12\xb2\x11\x7f&gt;]\x80\xe7\xbc\xb7okwC\x80\x1a\xd2\xde4\x00\x80UAP\xdb\xd9XAAk\\\xd8\xbe\x80\xad\x04\xa7\x8e\xd1\x86\x93h\xafZ\xc9\x91\xbe\x90-\x96\xdb\xb7\xb5;)gXr\xd9tp\xb7Q\xdfcg\xeb\xec\x11\x83\xda7\xc5g\xe7\xd2z\x86V\x11t\x08a\xd3\xdc\xba\xdc\xa6\x19\xc3\x19\x85\x06\x00\xea\xacdMd\xdf\xc9\x03\x9f\xc9KS\x049\x9a\x90\x17\x9bg%_\xd8\xbe@\x86%\xe7\xc4\xfa\x19\x1a\xee\x93\x14$\xe5\xbd\xb8y`%[\x9b\xe8\xdd\xb5}\x88(\xe6\x00F\x17`\xc5\xf8,\x1f\xa4\xbbG\xd7!\xbe\x16\xffh\x05\x85\\\xc5L\'\xcb;P\xdb\x0f\xea\xdf\xd6\x03\xdf_g\x97\xf3e\x83\xb9sx\r".\x1d\xd3\xfbDf\x86\x9a\x13\x80\x11\xc0\xd7{G\x13\x82\xdd\x88\x8dxRB{\x917\xc6\xfb;\x03\x80\x93\x1e \xbe`\xaf\xf73\x06vV\xa7W\x9a\xe5\xe0\x8aI\xda\xd0\xa2\x89\xf4\xb4\x1b\xd3-\xb8\x9b_]\x9b\xec\x15\xc1\xca\xb4~\xd5\x8bI\xd0\xda\xa3xyq\'\xa75O\x9e\xbb\x97x4\xe5\xe1se\xd7b\x95\xca\xd8\x0e\xa5\xc1\xaa\x10\xb8\x1a\x17&gt;\xbe.+\x05\xde\x9ca\xb1o\xae\xec\xd1L\x0f\x14\x144\x821\x80\xb3\xa1\x0e\xe2c\x00\xa8\x9c\x8b\xd9H:7\xb1c\x94tj\\\x9dZZ2H\x89\xf2CDY\x16]&amp;V\x05\x01__\x1a\x18\xe6\x89\x88\xf8\xe9\xa6x\x05\xba=\x8b\xc6\x95\x05\xe8\x1d\xd8p\xd6\xd0h\xf6\xe8\x9a\x10\xe4\xaa\x89\xde\xa9\x85M\x11\xd5\xf9g\xa6$F\xc8k\xbc \xc0\x85\xed\x0b\x88\xb7%5\xff=;\xb7M^k\x88\xb81#\x89]n/-\x1d\xdc_\xcd\xde%\xe3k\x95\x82\r\xd3\x93\x16\x8c\x88\xf7\xb6,S\xbf|\xfeec\x13\xba\xfd\x9b\xf3C(\xfc\x07yzv\xeb\xb0l\xa7\xfe\x166\xfa\x88\xb8{\xd1X\x19\xed\xb4\xado\x9e\xdeG\xecj\x9a\x93\xd2\x00Ky\x86\xe3b\xe2\xc2sD\xe2aZ\x82lt4\xa8$\x91\xa9\x9ej\x9e\xfa\xe8\x01l\x99\x95B\x9f\xbc\x93#\xfd4\xfb\x88\xd1qA\xf8\xfc\xbc\xfa\xd97\x01\x00\x11\x1f\x9d\xda\xa4~;b\x18\xd4\xdeK\xbc\xfe\xb6\xd4Hp&gt;[Rw\xffz\xf8\xfe\xda\xa8.\xad\x10\xf1\xc8\xea)\xee\x95\x8b\xce\x1d\x16\xbbjb\xff\xa1\x11\xcd$&gt;AAA\x134\xb5(5\x8f\xcb\xa7\xf3\xd5\xa5]\x9d\x9b\xd8\xe1\xcf\x07Rs\x973\x98\xd2\xaf\x83\x9a\xcaq\x16\xf9`\xe9Xn\xaf\x9b\xbem\xdc\x11QSz^\x1fo\x1eDD\xcd\xa6p\xf9K0V]\xe5\xaf`t\\\xd0XZha^\xc1\x83\xd9\x91]Z\xe1\xab\x8b\xb9\xd0+\x00h\xe7b\xa1\x91\xcf\x10\x11?\xdf&gt;lY\x10\x9e\x9d\xdb\xda\xa9quRh\x96W\xc2\xf9\xb3\x82\x82|\xdcr\xe6\xcb\xf6\xb2,\xd3\xa7\xb5\xfb\xae\x85cf\xb1\xb2\x8d[\xe4\x03\x03\x00|~^\xea#\x18\xc6\x84\xd9\xac\xa0_\x00H\xea\xd8\x9c\xfdDNj\t:\xccT+\x00\x88h!!\x81\x07\x94\x06\xf8v\xef\x98\x84\x1bh\xfc\xcd~\x1a\x7f$\xb1\xcf\x9f\x05\x11\xef\x1d[\'\xfbvI\xae:*\xe3\x90\x05\xb6\x08\x94\xdfU\x90\xa3\t"\xe2\xebK\xf4\xa06r*\xa3\xad\xc0\x07\x05\x05:\x94\x17`\x8c\xb7\x83\x99\x0e\xb4\xb0\xd5\x8f\xf6\xaa5)!L \xecK*$\xed\xb00\xed\\,L\xc4\xb5\x86\xf8\x99\xfc\xf4\xaa\x17\xe3\xce$\x8c/\xb8\xa7\xa8B\x00\xfd\xdbz\xb0CO\xc9a\x86\xecP\xa3\x82\\\x9e\x9d\x92PG\xd6_\xb3H\xd7V\xc8\r\xd8\xe7(|j\xac\x88(#\x9dz\xd7\x16u4\x1b\x89\x8d\x88\x91\x9e\xf6\x02\x15&amp;\xf7\xeb\x00\x00\xfa\x00\xc7\xd6N\x7f\x7f}?\xa7c\x98\x9afR\x05\x05Q\xd8\x16\x05c\x80p7+\xe2i12\xa6\xe5\x89\xcc\x8c\xdae@}\xff\xc0\xe1\x9d}\xc9\x8b\x7f\x9e\x9cQ\xe9j\xb2&amp;}\xc0\xd4\xc4\x88I\ta*\xcfo\x9d\ru\x00\xa0\x04\xc0\xe7;G\x02\x1c*\x89\xf7a\tt\xa84&lt;\xd2\xb7\x7f[Q\xd2u\x15\x00\xea\xea\xe7\x92\xd4\x8blaQN\xca\x00\xe4\x01\x88hd#\xe3^\xdb\xa2\x1c\xba\xd9Z\rQ\xa0{\xf8HRC\xda\x98\x91\xa4\xc15\x8a\x06\t\xaeSY\x92sD3\xeb\xac\xf7M_\x82\xccI\xea\x82\xf8D\xc3=SP`C~\x7f\xf8\xed\xee\xa2Q=\xf6-MCD\xc47\xb2[\x9b18\xca\xaf\x86\xd1\xae\x85c\xe2\xfd\x9cG\xc7\x05ull\x0b\x00\x88\xa8r\x88\xdb6g\xe4\xd5\xddK$\x05\xfb\xdc;\xba\xaeA\xc5\x82$\xcf\x1f\x1b\x19\xc7\x14\x8d\xab\x96\xc8\x0b0)!\xac\xb9\xb5f\x12\xbb\xcaP+\xd3\x14\tA\xaeR\xb3\x16\x13\x18\xb1\x1dy\x01\xecKBR\xc7\xe6\xc2w\x9d\xc8\x9c!=\xd4\t\x00\xe0\xcc\xe69\xd4\xeb\xf3\xdb\xe6\xe3\xcb\x0b\x8c\n\x9c\x86\xac\xfc\x00\x1a9a\x96\xc7\xc3\x13\x1b\x9e\x9d\xdb\xc6\xb7B\x7fvv+\xdf\x04\xc0\xe9\x05[\x02 1\xb4\xb1\xe6z\xa7\xa0 \x05D\xdc\xbflB\xb6 \xf9[\xc4\xf7j4\xf5\x12\x11\xa7\xf4\xebp\xff\xf8\xfa%\xa3{\r\xed\xd8\xbcN9\xc8\x0f\x80\xcf\xcfY\x8b\x88\x10\x1b\xdf#D\xf6\xa3\xd5\xa4\x10@@\xad\x8ak&amp;\r\xb0\xc8\x97\x95\x90]}7s\x8d\xb8\xa2\n`]\x086\xcf\x1c\xde\'\xd8-\xce\xd7it\\\x90\xd4\xdb\xf9\xba\x97\xd63\x943\x07z$\xcb\x19\x97N\x9f\xd6n-kV\x90\xe1\x9a\xb9k\xe1\x18j(/\x03pa\xfb\x02F\x85w\xd7\xf6M\xee\x1bN/\x11/\x8b\xa4\xc7\x12ns5\xd6@\xa8\xe2\xdd#k\x11\xd1\xdd\xa4he\x96\xf4\xa9\x9bI\x115E\xb1\x14\x14r\x95I\ta\xf8\xe4\x0c\x19\xfe]\xe5f\xf1N\x8d\r\xb0/\x99eL\xdf\xbbx&lt;"v\xf3ur\xaf\\\x0c\x00\xdc+\x17}~n\x9b\x18\xd1GD$I\x80\xb5=trR\n`c\xc6\xb0FU\x8a\xb5\xaaU\x91O\x11\xac\x85`V\x19IX\xc9\x88\x89\xe2a\'+\xb7\x0c\x03\xc6\x1a\xda\xdbR\xc8\xbc\x17\xd5\xb4f\xa3*\xaaW\xf3\x8cda\xbb\x16\x8c\x96\xe7\xb5\xd2\xb0\xd2\xef\xcd\xe1\xd4\xc4\x88\xe3\xeb\xa63*l\x9e\x99|q\xc7BYms\xac\xb8\xd5\xd4\xaaR\x89ua\xd81o\x946\x9f\xa0\xa0\xf0\xf7Q\x05`\xd9\xb8\x04\xc4\xb7\x88\x98\xda5p\xd1\xa8\x1e\xd4\xa5\xe2\xe4\x94\xf5\xd7\xc3v\xaa4|v\xccO\x1d\xd5%@\xcb=\x15\x05\x9f\xf5\x7f\xbb\x94\xdf\xb6Z\xae\xb2\xfcH\x92\xa3hfU\x16\x00\x8egfh\xbc\x1b\xfd\xdbz\xccO\xe9\xc6\x16\xfe\xf74\xd7\x15\xbeq\xd9\xd8\x84q\xdd\xdb\xd0\xe7x\xea|h:W\x8c\xb4\xec\xf3u\xce~hCQ\x8e\x02\x11\x19\'(\x9c}PP\xf8\x0fBRm\xb4\xa9[\xb5\x0c\xcb9\x92\xec\x0c\xd4\\yI\x1a\xf8\xb4D\xee\xe7m\'\x88tj\xe5\xfc\x88\x9a\x98\xeb"\xa2\x94\x9c:\xda%1\xb41C\xf9\xee\xdb\xfd,\x1f\\\xfd\xec\x12\xcd\xed\x8e4\x86mQ(\x04\xd0\xc2V\x9fO-\xba\x10\xc0\xcc\xc1Qb\x9a\xd2\xe0&gt;RA\xe1/\xa2A\x05\xee_\xae\x8f\xad\x81T\xd1\x88\n\x00\xf4D\xc3\x16\xf9`Xg\x1f5\xba\xf6W\xa3rtVS\xb2M{b\xfa\xf28\xb42\x9dn\x95r\xd4t.4\x03\x80\x82\x00\xcb\xc7\xf5\xd1p\xbb\n\n\n\xb9\x03q\xc8\xd1\x08\x7f\xbf\x8b\xc5\xbe\xa5B\x89\x16\xfe\xcf\x91\x9a\x9f\xa5\x85\x8d^\x88\xb3)\xfez\xa8Y\xa1\xaaec\x13\xa6\xf6\xef\x98\x0b\xea\x87\n\n\n\xdc\xfc\xf7\x12\xa7\xe0\xb3s\xe4\x85\xadD\x8f\xcd)\x89\x11\x1a\x94\x0b\xf6\xb6\xfc#\xe7\xee\xa2@D\xafje\xda\xb9X b\'\x8f\xea\x03\xc3\x9a\n\xbb*\x90\x85\xbf\xc6=\xca\xb2\xbc\xe4&gt;\xde\x14\xa8S\x90+\xa7&lt;\x9fj!\xc1\x08`B\xaf\xb6\x00\xa0\x97\xfd\x94\x95i\xfd\xd4\xeb\xa9\x82\xc2_\x80\x93\x9ef\xcc\xceD\xb4r\xf9xe;\xff\xff\xc8\xa5\x9d\x8b\xfcj\x18\xeae\x8f\xbf\xed\x1bZv\xf3\xab\xbbb|\xdf\xae-\xea\xf0\xdd\xb2k\xe1\x18\xd0\x82T\xed\xc2\x91\xdd5\x9e\xeb\x82\xf0\xe4\xcc\x16\x00\x8e\xf8;\x05\x85\x7f1\xc2+\xda\x8a\x00\xef\xae\xedc\x97#bW\x9f:Q\x9e\xf6\xba\xacr\xfa\x9f\x7f\xb3\x02\x0f\x00\x10\xe3\x15\xe2\xa7I\ta\x7f\xb8+\x7f\x01T@\xb8\x0c\xea\x1a\xe4\xed\xdb\xda}l|kza7\xbf\xba\x02b\x7fT\x8af\xafj\x1c\xdb\x1a\x95y\x84d\x80\x88\xadjU\xf4\xa9n\xc0(?\xbaf*\x00 ~g\x1c\xe1PyO\xab\x00\xd47\xca\x8f\x88\x1d\x1b\xdb\xd6/\xff\x97\x7f\xa9\x15\xfeo\x90"\xa4&amp;\x93.\xcdjs.\xd0\xb2\xe3\xd1\x98A\xf0I\x1d\x99\xa9\xc7DB\x8d\x01Z\r\xcamP\x91y\xfa\x1d\xef\xe7\x9c\xda5\xf0Oy\r\xe5\x02*\xd3\th\n\x86X\xa1\xca\xff\xc6M3\x86\xd3\xbf\xc0\xe7\xb7\xcdg\xa7\xfc\xd4\xa8\xf4\x06 b\x8db\x1c\'\xf9\x88\x8f+\x00xUcJi|\xbb\x7f\\\xe5\xeed\xd6\xd0\x18DT\x04A\x15r\x8f\x12\x00U\x00\xe6%\xc7\xed\x9c\x9f\x8a\x1fo\n\xdb.\xa5R\x06`\xc6\xa0Hz\t""\xbe\x98\xc9R\x00\xd5\xec\xe6\xbd,@F\xf6s5\xa5\x11\xcdf\x00K_\xa8\xb5S\x15-Y\x0cr\x13\xf3\x9ck\x01z\x8acv\x04\xc0\xdf\x83mQp\xd2\xff= \xb3\x87\xd1\xa6\x16Ye\x07WL"/\xd4q\xb3BDIY\x95\xf9\xbe\xe1\xe3{\x84R\xafWM\xec\x8f\x88\xcc=\x85\x82\x82\x96X9\xa1\xdf\xa1\x95\xe9\x00P\xbb\x0ct\xf2\xa8&gt;\xb9_\x87\xb4\x9e\xa1\xf4\n&amp;\\w\x89\xf7g^5!\x11\x11\xe9A\xfc\x88\xef\xe4\x8d\xf5\xec%\x15\x83*\x00Nzy\xe8\xfa\xba\x7f-\xf2r\xc1\xbb\x94\xd7R\x90\xd9\x7f\x13\x01\xf3:\xf5\xf5c\xc7\xaf1\xe6\xef\x12\x00\xf8\xfe\x1ag#c\xba\x05\xb3\x0b\xf3\x03\\\xde\xb5\x98\xdc\xf8\xcf\x93\xd3D\xb1\xaax\xf6C\xc5|\xedU~\xcf\x15\x144\xc9\xa2Q=\xe2|\x9cL\xf9\xbd/G\xc4\xb4\x94\xdd8\xfdK\xdf\xdd\xbf^&gt;\x80\x965+\x94\x04h\\U\xb2\x86\x18_\x96p\xdf\xea\x7fC\xacX\x16\xed\\,jih\x03_\x02\xa0\xaeA^\x03\x80\xa1\x11\xcd;7\xb13\x04\x18\xd6\xd9G\xf8\x88e\xb8\x86b&amp;R\xa2\xfd\xd9\x85\xff\xbaT\x8c\x88\xefel\xfe\x10\x91h\x99\xc8#!\xd8\xf5\xfe\xf1\xf5\xf8\xf6\nI\xa27\xa0\x9d\xa7\xc8\x1b\xef\x1d]\xc7\xce\x81\xaa\xa0\xf07b]\x08H\xbeVa\xcb\xec\xfc\x94n*W=\xe1\xaeV\x1a\xed\x9a\nZs\xc5F\xe5\x11\xa1d \x12\xfb\x92\xa0N\x1c\x03C\xefl\xc3\xf4\xa1\x88\xdf^]\xda\x85\x88:\x00\xdb\xe7\xf2*R\x848\x9b6\xaaR\xec\xe7\xa3\x93\xecK\xab\'\xf5\x07\x00s\x1d 3\x13\x95\x07B&lt;]\x9a\xd5\x96z\x0b\xc5\xe0p\xaf G\x13-\xe4\x9f\xe7 \xa4\x9e\x19#\n\x8c\xae8D\x87\xca\xc4\xc0\xbe|\xfb\xf0\x1a\'\xf5"v#\xdcm\x10qm\xfa@\x955_^\xdcI\x19H%\xff\xaf((h\x83Q\xb1\xaaey\xf2\x00\x10\xe7&lt;j\xb1;&amp;.\x18\x11\x9f\x9e\xddJ\xaf\xc6\xa7\xad\xa6\x92\xe6\xd6\xe5\xc4/\x9d\x08\xb2\xf5\xec\xfe8\xc2n\xb3\x13{\xb7\xa3\xa6,\xba-\x9e\x01"F5\xad)\x10\xfbvm\xef\xb2?\xa2Q\xbdyf2\xdbO&amp;\x97q6\x906\x01!~\xe0\xbb$r{\x87\x88\xfb\x97N\x10\xaeS\x10\xe0\xcc\xe69\x88X\x02 s\xca\xe0\\K\x80\xac\xa0\xa0\x02\x19Ci\xb6\x1b\xcf7\xd9\x1e\x90\xfe\xb4\xd9\xe2\xd8\xba\xe9\x0f\x8e\xaf\x0fkh)\xfe\xf6\xd6N\xea\x0b9k\x061=\xa1l\xf9z\x00o\xaf\xeeU\xff\xa1\xc5\x00R\xbb\x06\xfe\xc7\x82\x89\xd6O\x1d\xa2f\x0b\xad\xebV1\xd1\x90\xca\xac]\t\xd8:gDg\x8f\x1a\xc2\xfa\xd8"\x99\x9f\xd2-\xce\xc7\xa9Z\x01H\x8e\xf2k\xedT\xc5_\xeeRIAA\xebH:T\x95=\x10\x93\x14\xa9\xe4\xf5\x8b\x0b;\x92#\xfd\xd4\xccA\xffo\xe1\xfc\xd6y\x8c\x92\xf9)\xdd\xe4558\xdc[\x86\x97\x0e\xf1\x02\x90\x87Ft\xf6\x01\xe0\xf0\xaa\xc9\x00 ~\xaf0\xa1W[D$\xa2\xa7\x14\xd4\xfe\xa8k\x8b:$\xc1\xd1\xb8\xeem\xd8\xf7R\xb4uQ\x9d\xb2\x94\xc2\x08 \xa2\x91M9Vl\x8aTH\xce\xc8\xe3\xeb\xa6;\x96\xcd\x9a\x99\xa6\xf6\xefH.\xfd]\xcaM\n\xff\xb7\xf8\xdb\x97g\x0c\xfa\xfa\xdc\x15UPM\xca\x00\xfe\xf0\xe4FD\xb4\xf8\xbf\x0f\x8b\xf10\xfd\x0fG\x11d1\xb9o\x07FI\xbc\x9f\xb3\xa7\xb9.\xc9\xb2"\xd2[?\xc2\xdd\xe6\x9f\'g8/\x19\x00dN\x1d\xacV\x17\xb9\x10\xf8&gt;\xe7\x07\x18\x1c\xee\x951\xb03~\xbc!\xd0\xc2\xe5\x9d\x8b&gt;\xdf9L/\xb1*$!\xd1\x8d\x82\x82\x86\x89\xf4\xb4\x8b\xf4\xb4c\x146\xae\xfa{\x0c"\x91N\x9a\r\xafW\x10@\xaa\xc1Z\x1b\x90m\xdc\xb6\xb9#\xe9\x99{\x05 \x037".N\xed)\xbe\xf7\x95\x00f\x0f\x8d\x99\xd0\xab\x1d\x00\xc4\xfb9\xdb\x16U\xa1\x9f\xc3fRB\xd8\x95\xddK\x1e\x1c_\xcf\x96\x00\x12#HB}\xcb\xad\x0be\x1d\x17\xcb\xf6!\x8e\xf6\xaa\xb5k\xc1\x98ec\x13LY\x0f\xa6~;\x0fOl@DF\x96l\xe5\xecW\xe1O\xb2eV\xca\xc2\x91\xdd\xf9\xae"&gt;&amp;/\x18\t\xf0\xfe\x08jj#3(\x9d\xbd\x19\xd7\x14\x15\x00\x06\x86i ]mE\x00\x86\x11\xcd\xba\x10\xd43\xcc\xe7 h\xc9\x1e\xd2\xc1[\xfdGSL\x1f\xd8\xb9$@J\x94\x7fQ\x80ck\xa7\x81\xb8\x80\xeas[\xe6\xaaL\xfe\xc3\xe0\xe6\x81\x95TL\x16\xfc\xb9\xaf\x99\xae\xb8j\x8c\xb4\xc9\x0cz\x07\xb9r\x1e\x11#"\xf9\xeaj\\\xa7HAA]\xd6\xa4\x0f\x14Hg\xf1\xf1\xe6A\x19m\x96\xe4O\xad\xc5\x07"\xceO\x8e\x13\xaeC\x1cO%\xb1az\x92fGy\x01J\x02T/\xf6\xc7\xb6\xf3\xfd\xda4\xd2\xaa\x93O\x9c\x8f\x936\x9a\xb5+\xc1\xcc1)\x00Y\x9c\xaf\x9a\x98\xa8\xf1n\x88\xdc\xe80\x08w\xb5\x92\x14\xce\xf2\x7fo\xddT\xf8\x9b\xe8\xd4\xb8\xba\x0e@p\x9d\xcau\r\xf2\x82\x94\xadhp\x9d\xcaM\xccJ\x1a\xf3\\\xf50-\xd9\xb8j\xf1\xc4\x10iZ\xfc%\x01n\xec_\x81\xf8V\xd2]\x02\xd8\x95\x80\x82\x00\xf8\xec\xac\xa4d\xf7z\xb9\x9e\x94\xaa\x10@3k\t\x89Q\xea\x1b\xf1\x0e#\xcb\xc6&amp;P\xaf\xef\x1d]G\x16\xa3\xbe\xb9\xe8\x82I\x1df\x8a\xc7\xcd\xa4H\x94\xb8\x19\xba4\x00"6\xacT\x08\x11\xc5$\x9af\xa3\xd1\r$&lt;:\xb5\t\xf1\xe7\x99Ms\xb6\xce\x1e\xa1\xd1\x86\x15\x14r\x05\xb2`\x14\x99\x95i\xe5\x84\xdf\xfe\x85\x888)!\xacZ\x01X4\xaa\xbb&lt;I\x03\xbe8\x1b\xcdju\x01\xc0\xd8\xf8\xd6\xf8\xf2\x82\xc8\xcaz\xd9\xc3\xa5\xec\xf0\x05y,J\xedQ\x19\x00\xdf]\x15Y\x9fo\xb1\xfa\x98\xe6H\x8e\xf8\x02_^\x04\x00D\xbc\xb4s\x91\xba]\x14\x81\r+Fy\xcb\xacd\x95w\xc5x;\x88\xb7\x8a\xecY&lt;\x0e\x00:5\xae\xde\xbde=\xba\xe1H$\xb7\x0e\xae\x92z\x8b\x00\t\xc1n\xa9\xb1\x81\x1alPA\xe1o\x84\x1cj\xd1e\x18\x10\x11\xbf\xdc\x9e;\xbc+\xbe\xbc\xd0\xb6\xbe\x04G:\x8ab\x00\xdd|\xebj\xaa\x87\x9c\x10\x8f\xbaa\x9d|\xec\xa4\xfb\xd4H\x16\xa9\xd0\x04\xba&lt;\xe5\x0c\xa3\xb8\x11\xbf5\x86\xae\x14d\x0cpe\xf7\x92r\x00\x9bf\x0c\xd7L\xffX\xe4\x17\xf1\x9f\xe8j\xcc-]1m@\'\xf2\xa2\x18\x00\xbe\xbd\xa2N7\xfe\x9e\xa4\xc7\n\n\xffA\xca\xe5L\xd2\x0b\x003\x87D#~9\xbafjr\xa4_M]\xe8\xd7\xa6\xd1\x9f\xe9\x99\x08\xf8\x92\x15S\x98q\x19\x138\xdd\xb1\x93#\xfd\xd4\xef\x8f\x002\xc4\x91\x04(\x0b\xb01c\x98\x06\x1bd\xd3\xbde\xbd+\xbb\x97\xa8\xdf\x8e\x80\xbe\x85J\xae\xee^\x82\x88"\x15\xaa9wN\x8d\xd4\x90\xfd\xa1S\xab\x94\x16Eg\x15\x14\xfe::\xb8\xdb\x845\xa8\xb6yf2C\xed\xf9\xbf\x01;\x0659\xcaOR\x0b\x9c\xc3y\'\x8f\x1a\xec\xc2\xb1\xf1\xadOdf\x10\xd9\xc8\x7f\x11KF\xf7\x12o\xb6\xfa\x1b\xa8S\x0e\x18\x1f\xb1\x06\'uM\xa5\xd6\xacQ\x1c\x86F4\xd7Pc\n\n\x9a\xc0\xdf\xbe&lt;\xa7\x1c\x98\xb7UYDdk\xe2\xffq(o&lt;\x864\x98H\xbc,\xcb\xacI\x1f\xc0.W\xf3G\x1e\xdb\xdc\x11\xdf\\f\x97\x17\x04@\xc4x?gI\xadi[\xf3:!\xd8\xad\xb9\xb5^\x97f\x0e\x9cW\xf3\x02Xk\xfc\xc4\x06\x00\xa4(\x8d\xb3\x11\xd6+\xdd1/U\x8d\xb6\xb9)\x9e\x9dF\xa9\xb9\x8d\x1e9T[3i\xc0\x8b\x0b\xdb\x11?\xcah\xcd\xdb\xaal3\xabr\xb9sf\xa3\xa0 \x96\xe3\x99\x19\xfb\x96\xa6Q\xc94\xe8X\x15\x84\xd4\xae\x81\x00\xd0\xb2f\x85\xdaZK0\xce\x0e\xae\x11C^\xf5d,5KE\x80\xb4\x9e\xa1\xdd|y\x9d)%y\x1fE4\xb2E|&amp;\xef\x04^$M\xccJ\xa6\xf5\x08\xcde\x85\xa56\\Z\xad2X\x9c\xda\x93]\xb8oi\xda&lt;U\xae\xc62\xa8U\x1a\x16\x8d\xea\xb1hT\x0f\xfc|\x8bx\xfa\x7f\xb8q@\xaa\xbf\x7f\x0b[\xfdq\xdd\xdb\x90\xf3\x1e&gt;\x05S\x05\x85?C\xf5b0\xb6[\xeb\xe3\xeb\xa6\x0b\xd49\xb6v\xfa\xb69\x8a?\x9c\x10\x1a\xcc\xa5\x98\xd63\xf4\xbf\x14Rd\xa7\x85cw\xce\t\xd5\x9a&amp;\\\xd4\xc4LWj\x9b|\xbb\xae{G\xd7!\xe2\x8b\xf3\xdb\x11\xf1\xcb\x9d#2\xd6+.\xe5\x0b\xbc\xbd\xbaWS\x99$\x14\x14\xe4c\xc4\xe5\xd2\xa7\x12u\x82\\\x04\xd6\xe95uA\x9e\xd3\xb7HZ\xd8\xc8S9\x02\x01\x951\x8d\xfb\xa5x[r\xb8\xb0k#\xcb\xf9\x9f\x02\x11\x11\x7f b\x8d\\t\xc0J\xef\xd3\x1e$F\x83S^V\x1a\xdc\x169\xe9\xe5\xc9\x0b\xd0\xa5\x99\xc3\xcb\x8b;\xf1\xcbm\xcd5\xac\xa0 \x8b\xba\x06y\xc7t\x0b\x96\x1a\xca+\x92\x02\x00M\xcct\xe7\x0c\x8b=\xb3y\x8e\x18\xaf\t\x03\x80Y\xac\xec\xc1jB\x8f|0\x01\x90\'?\x87\x88\x9c[\xa2\x02\x00\xef\xae\xed\xa3\x97hj\xfe\xda\xbfl\x82\x86Z\xfa\x1biX\xb1\x10\x008\x96\x03\xf7\xca\xb9\x9a\xb6@\xd2RgJ\xbf,\r\xbbh\xaf\x9a\x03\xdai\xec\xe8\x0b\x7f\xdcGD\xc4\x9f\xff15o\x85\x7f+\xb6Ea\xdf\xd2\tZ\xd5b\x9e&gt;\xa0\x13c\xf1\xd5\xdcF\x8fs5\xce\xd8\x01\xa8\x1f\xa3\x85\x88\x17w,d\x97\xf3\xc56sRW?\xaf\tWyB\xb0+"\xba\x99d\x8db\xc5\x01\x18\x92\xc5"\xa9\xa9\x0b\xf3S\xbaQ\xef\xbd\x08\x00~\xbe%\xa3\x1d\xf1\x98\xeb\x00\xd5m6\xe3\xba\xb7\tr4\x91\x9d\xecA&lt;R\x13\x01i\t\xce\x08\xea\'g\xb6P\xaf\xa9\xcb\x1e\xa6\xff\xba\\\x99\n\n\x82\xc46w\xc4\xcf\xb7\xb7\xccN9\xbcr\xf2\x9f\xeeK\x16\x94\x99\xd8Zm\xfdy\xb6&amp;Wp\x9d\xca\tA\xae\xcf\xcfm\xe3\x0b\x8b\xfe\xf1\xe0\x04gBv\x8b|\xc0X\t"\xbe\xa57\xeemUv\xda\x80N|\xf1P\x04&gt;\xf9 J\xd0\xb8\x9ct\'TZ\x7f\x90\xa8\xb9\x89\xac\xdc\xdc\x86\xe9\x86CR\xab\xaf\x9a\x90C\x81g\xf9\xb8&gt;\x9cb\xfa&amp;\xd2{\xc8&gt;\xf1\xf4\xb7//i2&amp;\xd4/\x9f\x7f\xef\x92\xf1\xb3\x87\xc60\xcaI\xf6G\xed9\xe9\x0f\xe9\xd0\xac\xcd\x7f\xc8\x1c\xa7\xf0\x7f\x07\x95$\x96\x1c^=;\xbb\xf5\xf5\xe5\xdd\x88_\x11qdL+\x13\x00\x80,W\x1f\x95x[\x95\x85l\xc78\xa9x\x98\x96\x10\xb0:%uln[\x14,\x0bB\x8fVb\xb5\xc3\xf8\x88\xf7sfL\x00*3\xcf|\xbes8\xbdo8\xdbC\xd1\xd3\xbc\x14\xe3\xbc\x84\xe1\te\x9a\x87;\xd6L\x12\xbd\x83\x1a\xcaS(*\x08\x80o.\xf7\x17\xed\xa7\x8b\x88\x88\xcf\xe8\x1f\xce\xeb\xcb\xbb8\x87\xce\xc9\xfd:L\xcf\x8e\xe6\x05\x80\x86\x95\n\x97\x04X\x93&gt;\x00\x9f\x9fCD\xd9\xcaq\xd4\xb2\x9a\xe4\x991\x02\xa8\x93sN\x9e\x9f\x12\x87\x88\xb7\x0f\xad\xfe\xf1\xf0\x04\xfb^M9\x11\xd1i\xe7b\xd1\xc1\xcdZ\xa0\x82\x01\x80\xb3\xa1\x0e\x00\x08\x07\xc4\xfc\x97\x0e\xed\x15\xfeS\xac\x9f6\x04\x00\xf4\xb3\xcf\xb8\xc8R\x9b\xb1\x16\xb6\xcf\xb9\xcd\xe5[O!\xa2\xbc\x1f\xe1\x90\x0e\xcd\xfa\xf2D\x1471\xfb\xfd\xec~!\x8dM5q6\x81\xdf\xef\xb9W.\x06\x00\xe2\xdd.\x8c\xd4\x8bY\x95\xcd\x94~\x11\xea\xdc~&lt;3#\xa9\xa3\x90\x881\x1dDD|\x81\xcf\xcf\xd1K8\xd5:\xab\x00x\x9a\xebr\x96K\xd5\xf4\x17\xfe\xff\xa4\xfb\xa1\xd6\xd4\xcd\xce&lt;\xfa\xe5vZ\xcf\xb6\x92\x9e\xa2\x0e\xc2\x1b\xb8J\xb4\xbc\x02\xea\xe3o_\x9eq\x86\xa4\xa0\xa0]\xe4\xb9\xef\xff\r\x19\x02\xf8\xa8\xa3\xc7\x91g\x91A\x19\x00\xf7\xcaE%\xfdt\x8f\xad\x9d\x16\xd1\xc8\x96\xefj%\x80\x86\x95\n\x0f\xed\xd8\x1c\xf1\xb5@#\x92&gt;\xb5\xd9I]&gt;\xdeb*r\xa7D\xf9k/\n\xaco\x1b\xf7\x9e\x01.\xc2u\xf2\x02\xcc\x18\x1c%\xf2Pzl|\xeb\xc1\xe1Y\xb9\n\xd2z\x86\xb2+Hr\xfc\xa9\x96\x1f\xf0\xeb\x9d\xa3k\xa6J\xb9I]N\xae\x9f\xa9\x8df\xd9\xd66\x00X\x9b&gt;P\xd9+(\xfcG\xa0o\x148\xcf]\xb5\xc4\xc8.\xad\xa8\xf4\xc2\x02\xe8\x03T\x01(\x0f\x10\xe0P)\xd7&lt;\xb0-\xf2\x01\x00\xacI\x1f\x90\x12-s\x1c\x9f\xd0\xab-\xd1\xc5\xfc;\x91\x1a\xc5$\xc3\xdcO\'\xaa\xa9\xbd\x95z\x81S\x94\xc5RK\xb9\x1c\xd8r\x84\xcf\xcem\x83l{\x17\xc3\xa34\xac\xa1\xe5\x8b\x0b;\xb4\xd3\x11\x05\x85\xdc\xe5\xf1\xe9M\xde\x96Y\x1b\x0c\xc4w\xb9\xf9h1y\xd5w\xccK=\xbfu\xfe\x8c\xc1Q\x88\xcf \xa7-\xa2\xa8\x96e&amp;_\\\xd8\xf1_\xcd\x0fuz\xe3\xac\x01\xed\x9a\x84\xd43\x13Sy\xf5\xa4\x01\xf8\xfe\x9a\xbc\x07\x15\x04\xc0_\x0f\x11_unb\xb7y\xa6|\xd1S|y\x91\x9c4\x90\xaf\x81\x9a\xd4(\xce\xf4[\xcb\x18\x149\'\xa9\x0b;C\x06\xe7\xee\xf3\xcb\xdd#\x7f\x89\x1f\x94\x82\x82d\x1aU)\x1e\xe3\xfd[=\xe6\x9f\xc7\xa7\xbd\xaaiS\xaf@=\x9aY\x97kbV\xd2\xb6(\xb4\xb0e:\xa0R2\xd7\x9cyrd\xe7q\xdd\xb5p\x0cy11!\xcc\x04\xc0O=\x01\xb8A\xed\xbd\xc8\x0bJ\x13\xa2\x9eQ\xbe\\\x08\xa5\xc2\x0fBy\xcf\x11qM\xfa\x001\xfe\xf5E\x01\xfa\x854\x9a\xdc7\x9c\xfc\x19Z\xcf\xec\xde\xd1u"\xfb\x10\xe1n\x834D:)\xb0\xe9\x15\xd0\xe0\xfa\xbe\xe5\xe2\xeb\xd7//\x146B\xf5\x87zS\x84&lt;\x00^\xd5J/\x1c\xd9=\xb0\xb6q\xaf\x80\x06\xa401\xd4Cz\x7f\x15\x14\xfeb\xa2\xbdj-\x1a\x0c+o\xe3\x00\x00 \x00IDAT\xd5\x83Z;\xcb\xcb\xb4\'\x15\xcb\x02B\t\x0b\xedeyi\x07\xd7\xa9\x1c\xe7\xe3dW\x02\xf6,\x1e\xf7\xe1\xc6\xfe\xc5\xa9=M\xb2sR\xaa\xe9\x86ZB\x95f\x99\xae\xaa\n\xf8\xe3~w\xffz\xf4\xd3\xd1\xbf\\I\x94o\xd04\xcb\x0b\xc3#}\xe9%\xfdBr8\x02T\xa0\xe9\xfa1\xd84c\xf8\xe0p/j\xc0\xad$:\xaf/\x03\xe14\xbft\xbe?8\xae\xd2\x17\x0b\x11/\xefZ\xfc\xf5\xdeQD\xe4\x9c\x02\xedKB\xd7\x16\x8e\x92z\xa8\xa0\xf0\x97\xd2\x84\xe5\x07\xb2s\xc1\xe8\x1f\x0fO\xcahJ81\xec\xa4\x84\xb0\xe1\x9d}\xf8\xaej\xc3\x96R\xbd\x18\xb4w\xb5\xea\x17\xd2\x18\x11\x11\xdf\x9f\xdc0\xd3Db\x0bt\xe7%I\x14\x03hTEH7\x08\x11\x03j\xfd\xa9\xdc\xc3r\x08q6\xdd\xb7$\x8d\xfa\x93\x9a\xadK\xf3D\x1e\x88!\xde\xcf\xb9\x9d\x8b\x05"N\xe8\xd56\xb0\xb6\xb1\x97e\x19\rf-^3\x89C\x0b\x16\x11E.&amp;\x1457\x85\xff2\x8bS{\xb2\x85"\n\x03|\xb8q`\xe9\x98\xde\xf2B\xf93\xa7\x0e^\x9b&gt;P\xb8\x0e\xe2\x0fNs\x92\x11\xc0\xd21\xbd\xe9%\xdd\xfd\xebi*\x17\xbc\xa6\xc2\xa1-\xb3W\x8f\xba\x00\x9bf\x0c\x0f\xa9\xf7;tHj\xa0\x00\xdf!\xe1\x8f\x87\'z\x056\x90\xd7=m3)\xa1=d\xabb\xcc\xca\x8e\xd5*\x0c`\x96\x97\x99\xb4\xc7\xd3\\W\xc6\xe9K\t\x00o\xcb2\x9c\x82\xb5\x14b\xce\x8a\xd5\xf71&amp;\x11\x0c\xea\xf0G\x12\xd2)(\xa8\xcb\xf7\x07\'\xd6N\x1eD\xec$R\xc9\x0f\x80\xf8\x8a\xefj\xc3J\x85\x01 56p\xdb\x9c\x91;\xe7\x0b\xa9\xba\xbf\xb9\xb2\x07\x11\xd7\xa6\x0f\xcc\x1d\x9b\x88\xd4\xdf\xaa&gt;\xc0\xe8\xb8\xa0\xe5\xe39\xb2\x14\xa8\xe3VK$\n4"\xde\xc4&gt;\x0e\xd1\x08#\xbb\xb4*\x99\xedf\xa3+X\xb3 @\x07w\xeb\xbc\x00&gt;\x12\xd3\xd9o\x98\x9e\x94\x1c\xe5\xc7\xb93r5.\xf2\xf0\xe4\x86;G\xd6\xaa\xf4\xf5\xe2sI\x12\xef.&lt;\xad\x7fG\xe1\nN\xfaJ\x16K\x85\xff"e\x00t\x01\x96\x8dM\xe0\xbc\x8a\xcf\xce\xaal!o\xcet\x8c\x96\x05\xa18\xc0\xda\xf4\x81a\r\xab\x89\xef\xc6\xc8\x98\x96\xf4?\x9d\xf4\xf3\xa8\x1c\x19\xf3\x03\xc4\xb6p\x0c\x17\x0c\xf8\xa4\xa3\xd2sQ\xc6 \xaa\x8d(\xd6\x7f)\x8d\xab\x14\xafg\x94\x8f\xcc\xfa\xf2\x981(r\xe6\xe0(\x81\n\xf26v\xed\x1bZ\xda\x97T7/\x10"f\x0c\xec\xac^\x1b\n\nj\xb3hT\x8f\xd5\x93\xfa\xe7\xda\xe3\xde^\xdd\xc3.\x14^\x0beN\x19\x8c?\x1f \xe2\xa9\x8d\xb3d?W\xcc\xca:\xc6\xdb!\xbdo8\xe2s\xd9O!\xb4\xb0\xd5\xcf\x0fP\x11\xe0Df\x06h\xce|\xa4qR\xa2\xfd\x13\x82]5\xd2\x9462\xc6 \xa2A\xcet\xf6Rc\xb0\xdd+\x17E\xfc\x1a\xeef\xa5\xe9\xaei\x86\xa2\x00\xd5x\xbe\x1cc\xe3[\xd73\x94\xa7\xa5\xa2\xa0 \x05rvzu\xcfR\xbe\n\x15@\x03\xc2;\xbf\x1f\xf7\xf3\x01;v\xd4\xdf^u,\xd4\xa2Q=\xe4=\x91S\xd1\x9aS\x19\xcd\xdb\xb2\x8cF\x0eU\xe7\r\xefJ^ \xfe`\\\xcaM\x8dcc\x80`\xc1qYS\xcahI\x9dZ\xf4\x0el(\xbe\xbek\xa5\xc2\xce\x86:\xe2\xcf&lt;\xa8-\x00"n\x986T\xf83\xac\x02\xf0\xe0\xf8z\xca\xf7\xe6\xfc\xd6y\x88\xc8p+\xfa\xb3\x98\xe7\x1c\xd8u\x00\x9aZ\xfc&gt;\xd5\xd2\x03\xd8\xbflbn\xf7I\xe1\xff\x96\x11\xd1-\xf1\xc7\xfdW\x97v\xf2U\xd8\xbbx&lt;"\x069\x9aD\xb8\xdbpVx~~\xfb\xac\xa11&gt;\xd5\rB\xeb\x995\xaeZ\x82OJ\x93P\xbd\x18S%F\x9d\xe0\x1d\xd9p\xfa\x0b\xd9\x14\x91\x93\x03G&lt;&gt;\xb6\xfa\xdd|\xebj\xf1\x019ADJI\xf4o\xc3\xb7\x86\xe1\xd4DQ\xeaF\xa9\xb1\x81G\xd7L\xbd\xb6g\x19d-V\x9e\x865\xb4\x14\xa8_\xab\x14\xf3?\x97\xe1\x1a\xc0\x89\xa6\xd2\x0f4\xaaRL`\xcaE\xc4\xde\x81\rG\xe44N2p5.re\xd7b\x8dtFAA\x14\xce\x86:-x\x9c\xf0\x9a\xdb\xe8!\xbe\xfd\xe7\xc9\x19\xafje\xb6\xcf\x1d\t\x00\xfa\x005X\xde\x89\x8bG\xf7\x1c\x1d\x17$C\xa3\xdf\xa7\xba\x01\x95^#7\xe1\\\xfc\xd2\xc3sTR\x10\xa0U\xcd?\xef\x85\x99\x1b\x11\x16\xda\xc1\xc3T\xd4\x91\xea\xf8\x1e\xa1\xa1\xf5\xcc&gt;\xdd:\x04\x00\xbd\x83\x1aj\\\xfe(7\rt\x88\xf8\xe0\xf8\xfa\\|\xa0\x82\x82t\x18~\x17\xf8\xf3\xc1\xe3\xd3\x9b\x9aZ\x94\xc6\x97\x17\x01@\x1f@\x9d\x9c\xda\xe1n\xd6\xf4\xc4(dM\'\xf2\xde=\x8b\xc6\xda\xf2/\xd4d\xa7u\xa4\x983,6%\xda_|\xfd\x1d\xf3F\xc9I\xf2"\x88\xa1\x1a\xe2\x13\xc6\x00w\x8f\xac\x95z\xd7\xca\xb4~\xcf\xcen\x95\xfbL\x8e\xb4\x88\x06\x00\'7\xcc\x8c\xf6\xaa56\xbe\xb5\x8c\x0697g\xe3{\x84P\xaf+\xb0\xd4\xa1\x05\xc8\x10\x14g\x06U\xd1v\xb2\tw\xb3\x0ek\xc0\xf4Y\xe0\x0cU\xf1\xb7+\xdf\xa7\xb5\xbbvz\xa1\xa0\xa06=[\xb9l\x98\x9eT\x19\xe0\xd2\x8e\x85\x1e\xa6%\xaa\x15\x00s\x9d\xdf\xc9\x03\xa4\x82\xf8\x94\x11\x1f/\x12\xc7r\xf0\xcf\x93\xd3\xbb\x16\x8e\xb9\xb6w\x19g\x85"r\xc3}\xc5C\x8f\xcc:\xb9~\x06\xf1\xe2\xd0\xac\xbfd\x05\x809\xc3b\x85\xeb\xdc&gt;\xb4Z^\xe3\xf1~\xce\x9c\xe5Zq\xf9\x04\x10\x9f\x81@$\x9cy\xa1\xcb\x02tmQ\x87\xb12\xc8\xd5|\x92\x00\xb5\xcb\x80U\xce\xf8`&gt;C\x10\x99\x90\xd2z\x86\n\x08\xca*(\xfcu\x18\x02T\x06hT\xa5Xw\xffz\xa4D\xe5o\x8c\xd3\xed\x06\x9f\x9e\x91\x9d\xd5\xf6\xd4\xc6Y\x8ee\xe1\xfb\x03f\x0e\x10y\xf4l\xa5B\xee\x98M\x87\xecS\x90\x8d\x19\xc3\xf0\xe7\xc3\xf6\r-\xad\x0bk,\xd9\xafxT\xa6/\xde\x981,W:"\x01ai3[UG/m\xeaV\xe5[\xf4\x93e5C\x9e\xa1\xbe\x91\xac\x14\xcf&lt;\x049\x9a\xec\x9c?\xda\xcd\x84\xb7\x97[g\x8f\xa0\x9bEK\x03D4\xe2&gt;0\x03\x00gC\x9d\xeb\xfb\x96\x1f^5E\x83=TP\xc8\rv\xcc\x1b%2R\x89\xcf\x8eQ\x15\xe0)-\xa5\xaa$\x86e\xeb@hD\xb4\xf9\xd9\xd9\xad\x13{\xb7\x93wo\x90\xa3\xc9\xd33[\xe4\xe5\xe7\x92\x07\xc3\xe8!\xdeC0\xd7\xa4F\x11\x7f\n&lt;\xab\x7f\xdb&amp;\x9c\xebw\xf1p\x86\x03\x14\x048\xb2\x9ac$u,\x0b]\x9a\xd56\xe7\xff\x98\xe6%\xc7\xbd\xb9\xb2Gd4V\x8fV\xf5\xf1\xf5e\x81\nu\xcaA\xbf\x9c2\x9f\x02\xd1k\xcd\xad\xf5\xbc-\xcb\xd4V3\x8e@A!\xf7\xd9\xb7$\xcdZm\x81\x13Ddh\xa3\xdb\x97\xe4p$/\x06\xa0\xc9U\x1cOO\xbe\xde;*\xef\xde\xd8\xe6\x8e\xba\x1a\xed\x0c\x85\xcaq\xd2\x9d?i;\x83N\x1e\xd5\x11_\xa8\xd9\x1f:|\x96\x8dJ\xd9+q\x81\xa5|\x11\xfe]\xe3\x96Y)\xc2\xcf\x15\xe9\x9c\x15\xe1n3\xa1W[\x13\x80)\x89\x11\x88\xb8oi\x1a_MI6\xa2x\x7fg\x91\xc6E\xba\x1f\xc4\xa3\x93\x1bg\x0c\x8aD\xfc\xc0Wy\xfb\xbcQ\xb9l\xaaRPP\x8b^\x81\r\x86F4\xeb\xde\xb2\x1e;\xbb\x85x\x10\xb1\x7f\xdb\x1c\x12\xb8UdI \x88\x97\x08 \x87\x16\xc4\xed\xa4\x0c@\x9f\xd6n|5\x07\xb5o\x8a\xdf\xeeZ\x89X\xdbOM\x8c@D\x95i\x84\x81\xb6Zo\xc7:\x15\xe4d\xdb\x9c\x91|\x97"\xdcmf\x0e\x89V\xa93\x93\x18\xd2\x98\x9c\x13\x0c\x0e\xf7\xaa\xad\xd1s\xea&amp;f%\xf9\x0e\x12F\xc4\xb4DD\xa9at&amp;\x1a\xe8\xd4o\xbe\xde;\x1a\xe4h"\xb0\xd5\xf00-QK\x9b\xc2\xe4T\x18w!\x803\x9bfO\xe8\xd5\x96\xda\x159j\xdca@A!\x97\xb1\xc8\x0fu\xf4\xa0\xb5S\x95Jj\xeb!\xab\x1f\x85\xd4\xb7\x8d(\xdf\t\xb6/\n"\x8e\xe9\x16\xccYyDt\xcblia\x15YAv/\x1c\x83\x88\x88\x9f\x97\x8dMpUC\xae\x80\x13\xbe1\xea\xce\xe15}[\xbb\xa7D\xa9pUJ\xea\xd8\x02\xdf_\xd7l\x97\x08\xba9Cs\x01\x80\x1eg{`\xf9$\xfc|[|k2\xfc\x869\x11\xff\xe9Gz\xda\x11\xd1\xec\xeaE\x81S3N\x83\xd3\xc3\xd15S\xbd-\xcb\xfc\'\xb3\xfd(\xfcw\x90\x94\x07\x83\xd0\xb8j\xf1\xc9}\xc3G\xc7\x05\xf1U\xc07W\x06\x86q\x1f\xfa\t\x9c\xa4I"\xc8\xd1\xe4\xe0\x8aIbj""%&lt;I\xe8\xd3\xda\x9d3\xf8@\x0f`\xc1\x88x?;\xa3N\x1e5^_\xde-\xdclq\x11\x02\xd4!\xce\xa6\x92\xc6\x13c\x80\x82\x00\x1fn\x1c\x00\x80\x89\xbd\xc38\xeb\xec^4\xb6\xb3G\r\xbe\x16Dz^\xaa\xa37\xc4xG\xf8\xf4\xcc\xfaiC\x8c\x00\x10?\xe2\xdb\xab\xeb\xa7\rU\xa3m\xad\x13\xef\xe7\x9c\x12\xe5\x97\x18\xda\x98\xef\xffN\x83\x89\xdd\xbf\xdc=zl\xddte\x02P\xf8\xaf\x11\xdb\xdcQ\xf8k\xdd\xcc\x8aw\xbb\xdb\xd5\xa7\x0e\xf5ZW\xd6\xd3\xcb\x03\x94\x00\x98\xd6\xbf#eq\xe6\x13T\x01\x80\xb2Y\xc343?\xfb\xa5\x9d\x8bd=&lt;\x07\x9c\xa6$|{\x85\xbc\x08\xaeS\x19\xf1[\xb4WM\x95\xedT+\x00G\xd7N\xd3\xc9y\xb4\xab\xcbSY\xd8\xbfeP\xfb\xa6*\x1f\'\x89v.\x16\xc2\xb1W\x8fNm\xec\xe0f=;\xa9\x0b"^\xdf\xb7|\xdb\x9c\x91K\xc7\xf4\xfek\x05\xed\xaa\x02,\x1f\xd7\xe7\xf1\xe9M\x88\x1f\xfe\xe6\xa19\xa9c\xf3?\xdd\x05\x05\x05\x1eJ\x08\x9a\xd1\x85\xe1K\xed$\x12\xc7r\x80\xf8u\xcf\xa2q\xc7E\xaf\xad\x10\xf1\xed\xb5\xbd\xcc\xc2\x97\x17\xf9R2Y\x15\x84\n\x00\xc5\x01\\\x8denV\xd6\xa6\x0f\xf44\xd7\xad\x04`).\xcct\xda\x80N\x88o\x19\x852\x02\xa47\xcd\x18\xd6\x89\x7fs \x83\xc6U\x8b\x8bqVI\x89\xf6G\xfc\x84\x88\xc4\x14\xd3/\xa4Q{WKOZ\x9a y\t\xdf\xa9\\\x89\xe7\xb7\xceK\xef\x13.\xc3k\x86\xf3\xb0\xc4\xbdr\xd1\x0b\xdb\x17\xfc\xc1T\xcc\x948\x15\x9f\xe5\xea\xbf\x9a&amp;ZAA]\xc6\xf7\x08AD\xfcv\x17\xf1\x05"\x12\xc5D\x07A;K\x0b[}\xb6\x1e\xe4\x84^m\xe9\n\\\x14y\x01\x92#}\x11\x11\xf1\r\xfe|0)\x81\xdb\x0e#\x80o\r\xc3\xe6\xd6\xd2\x92[\xe9\x89p\xd6\xdc!\x98\xff\x00\x00f\'u\xe1K\x10\xd6\xbfm\x13m+\x0f#\xe2\x89\xf53\xe8%{\x16\x8dS\xa7\xc1\x81aM\xf7-I#\x82q\x88\xb8xt\xcf\xbem\xdc\xa5\xfew\xd8\x95\x80\x05#\xe2\x19\x85$e\x18"&gt;&gt;\xbdY\x9d\x1e\xca\xe6\xdb\xfdc\x02W\xd7\xa6\x0fTF\x7f\x85?\x0fY\x81\x06\xd7\xa9\xdc^P{+\xf79\x91\x99\xf1\xe4\xf4\xe6C+\xd2\x111\xde\xdf\x19\x00\xfa\x04\xbbM\xe8\xd5\x96\xb321\xe9\x8a\xf4\xf7\xef\xeaS\'\xb6\x85cD#[DD|\x8b\xef\xaeF{\xd5"\x97\x84sU\xaa\x0f"\xceO\xe9&amp;Pa\xaa\xaa\x04#c\xe3[o\x9d=\x82]\x9e\xd4\xb1\x05\xe2\xb7\x15i}\xd5\xea\x9f \xda\xc8mbS\x04\xcen\x9eC^o\x9f;\n_]L\xef\x1bn\xca\xf5\x1c\xdd\x9c\x7f\xba\x99\x14\xc9\x07P\x15\x00_]\xc2\'g\xf0\xdd\xd5fVe\xd9\x81f\x88X\xa3\xb8\xb6t \x08\xec\xc8\xb5\x08w\x1bW\xe3\xc2M\xccJvi\xe6\xd0\xb8jq\x00\xc8\x0b\x10\xecT%\xb6ymR\xe1\xed\xb5\xbd\x13z\xb5\x1b\x1a\xa1\xd8\x7f\x14\x14x(\x0epj\xc3L\x00\x98\x97\x1c\xc7\x97q\xf7\xfb\x83\xe3\x94\xff{\x90\xa3\xc9\xd9-s\xe9W\xf9\x0e\xfa\xe6\xa7t\xeb\xdb\xc6\x1d\xf1\x19"\x12\xa3\xf6\xe4\xbe\xe1\xe6\xf9\xe0\xf9\xb9mD\x9b^{\x90]?5\xdf\xb0\x19\xdf=D\xbc\x00\x0e\x83\xb4\x9e\xa1\x1dDg\xb9\x91Az\x9f\xf6b\xf2,Je\xfb\xdcQ\x15\x01\n\x13\xdf\\\xc4\xf3[\xe7Q\x97\xf0\xfb\xbd\xfd\xcb&amp;\xae\x9a\x90\xe8o_\x9e.\xb9\xa3\x0f\x80\x88[\xe7\x8c\xb0-\x02d\x8f\xb8g\xf1\xb8\xe1\x9d}\xd8.\t\x88H\xcf\xc8FB\xc6\x86w\xf6%\xda\xb4\xc2\xe6\xa6\xd2"t\x00\xbd\xaa\x959\x93=\x81\xd1\xd9&lt;399\xd2\x8f\xb2\xd4\xe9\x03\xe0\xf3\xf3\xd4[\xa0\x8ewr?\xbc\\AA2R\xbf\xa6~v\x9ar\xfc\x93@Z\xcf\xb67\x0f\xac\xa4\x97\xbc\xbf\xbe\x7fH\x07o\xb6\x05v\xfa\xc0\xce-l\xf4~&gt;:\x95\xed\t\x8a\xd6\x85\x01\x00\xaa\x02,\x1d\xd3\xdb\xd9P\xf2\xafR\xbc\x19\x84\xd8\xb5\x12\x82\\\xd9\x97*\x02\x048TB\xc4\x8b;\x16R\xa7\xebB\xd9\xe2sR\xcfH\xebyENo\x9c\xc5\xa7&amp;K\xe8\x1d\xd4\xd0IO\xec.\x81\x91Z@\x1f\xa0_\x9bFi=C\xa9\x92&gt;\xad\xdd\x10q\xc7\xbc\xd4HO\xfb\xe1\x9d}\xf1\xf9\xf9\xf9\xc9q5\x8a\x03\x0</t>
        </is>
      </c>
      <c r="E450" t="inlineStr">
        <is>
          <t>&lt;class 'numpy.ndarray'&gt;</t>
        </is>
      </c>
    </row>
    <row r="451">
      <c r="A451" s="1" t="n">
        <v>449</v>
      </c>
      <c r="B451" t="inlineStr">
        <is>
          <t>steps_per_sec</t>
        </is>
      </c>
      <c r="C451" t="n">
        <v>6500</v>
      </c>
      <c r="D451" t="inlineStr">
        <is>
          <t>3.361895</t>
        </is>
      </c>
      <c r="E451" t="inlineStr">
        <is>
          <t>&lt;class 'numpy.ndarray'&gt;</t>
        </is>
      </c>
    </row>
    <row r="452">
      <c r="A452" s="1" t="n">
        <v>450</v>
      </c>
      <c r="B452" t="inlineStr">
        <is>
          <t>Loss/object_center</t>
        </is>
      </c>
      <c r="C452" t="n">
        <v>6500</v>
      </c>
      <c r="D452" t="inlineStr">
        <is>
          <t>0.074123375</t>
        </is>
      </c>
      <c r="E452" t="inlineStr">
        <is>
          <t>&lt;class 'numpy.ndarray'&gt;</t>
        </is>
      </c>
    </row>
    <row r="453">
      <c r="A453" s="1" t="n">
        <v>451</v>
      </c>
      <c r="B453" t="inlineStr">
        <is>
          <t>Loss/box/scale</t>
        </is>
      </c>
      <c r="C453" t="n">
        <v>6500</v>
      </c>
      <c r="D453" t="inlineStr">
        <is>
          <t>0.043227248</t>
        </is>
      </c>
      <c r="E453" t="inlineStr">
        <is>
          <t>&lt;class 'numpy.ndarray'&gt;</t>
        </is>
      </c>
    </row>
    <row r="454">
      <c r="A454" s="1" t="n">
        <v>452</v>
      </c>
      <c r="B454" t="inlineStr">
        <is>
          <t>Loss/box/offset</t>
        </is>
      </c>
      <c r="C454" t="n">
        <v>6500</v>
      </c>
      <c r="D454" t="inlineStr">
        <is>
          <t>0.1582137</t>
        </is>
      </c>
      <c r="E454" t="inlineStr">
        <is>
          <t>&lt;class 'numpy.ndarray'&gt;</t>
        </is>
      </c>
    </row>
    <row r="455">
      <c r="A455" s="1" t="n">
        <v>453</v>
      </c>
      <c r="B455" t="inlineStr">
        <is>
          <t>Loss/total_loss</t>
        </is>
      </c>
      <c r="C455" t="n">
        <v>6500</v>
      </c>
      <c r="D455" t="inlineStr">
        <is>
          <t>0.2755643</t>
        </is>
      </c>
      <c r="E455" t="inlineStr">
        <is>
          <t>&lt;class 'numpy.ndarray'&gt;</t>
        </is>
      </c>
    </row>
    <row r="456">
      <c r="A456" s="1" t="n">
        <v>454</v>
      </c>
      <c r="B456" t="inlineStr">
        <is>
          <t>learning_rate</t>
        </is>
      </c>
      <c r="C456" t="n">
        <v>6500</v>
      </c>
      <c r="D456" t="inlineStr">
        <is>
          <t>0.001</t>
        </is>
      </c>
      <c r="E456" t="inlineStr">
        <is>
          <t>&lt;class 'numpy.ndarray'&gt;</t>
        </is>
      </c>
    </row>
    <row r="457">
      <c r="A457" s="1" t="n">
        <v>455</v>
      </c>
      <c r="B457" t="inlineStr">
        <is>
          <t>train_input_images</t>
        </is>
      </c>
      <c r="C457" t="n">
        <v>6500</v>
      </c>
      <c r="D457" t="inlineStr">
        <is>
          <t>[b'512' b'512'
 b'\x89PNG\r\n\x1a\n\x00\x00\x00\rIHDR\x00\x00\x02\x00\x00\x00\x02\x00\x08\x02\x00\x00\x00{\x1aC\xad\x00\x00 \x00IDATx\x9c\xec\x9de`\xd5J\x13\x86\x07w(\xeeP\xa0\x14www-Nqwwwwwwwwwwww\x87{\x81\xf7\xfb\xb1mH\xa3\x1b9\xa7\xe5~y\xfePr\x92\xdd=9\xc9\xca\xec\xcc;D\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0e\xaa&lt;;\xb7\x15\xf8\x10\xd8\xad\xf8\xefP8ID7\xd7\xe8\x1d\x82\x00\x18\xbd\xca\xc4%\x7f5\xc0k\xbc\xbc\x18\xd8\xadp\x13\x99\xa2\x04v\x0bT\x08\x13\xd8\r\x90\xb3qj\xbf\xc0nB`\x93!R`\xb7\xc0\xc1\x02KGv\xaa\x94)\x81\xd1\xab\x92\x05\xd39\xa1a\xe1\xb4&amp;\x1b\x14$\tG\x94:l`7"\xc8P)\xb3\xe1\x07\x86\x13\x8d\xce$uX\xc2\xcfG.\xaa7H\x91#\xa6\xe1K\xbc\x82\xbb\xa0\x1d\x9c|\xbau(O\xbc\x90\x81W\xbf\x83%\xb2F3|I\xb3\x92\x999\x9f\xd1\xe5c\xbaV\xcd\x9a\xd8p\x05\xff!\x82\xc2d:a`7\xc0.\xfa5(\x1d\xd8Mp\x07AnJ\x9d#\xa6\xd6\x92\x7f\xdb\x9c!\xeel\x8c\x83\xc3_\x04\x8fE\xaft\xea\x18.o\x077\xa1\x02\xbb\x01\x1a\xf4\xacU,\xb0\x9b\xa0\xca\x89u\xd3L_\x1b\xda\xc6v\x98%\x85\xf6\x1c\xfe\xaf\xb3\xf9V\xce\x92\x10\xdf\xee\x06v+L\x92+\x8e\xc2\x8a\xaeV\x9e\xe4\xc2\xdf\x7f\xdd\xcfa\x9av\x15s\x07J\xbd\x87WN\\&gt;\xba\x8b\xc5Bf\xf4izp\xd9\xf8\xe8\xb64\xc8-\xe0\xdb\xdd\n\xe9\xe3\x04v+\x02\x93y\x03[\xf1\x9c6\xa8Iy\xf9\xc1$D\x03\x1b+\x1c\xd7\x06\xc0\xff\xcf\xeb\xec&amp;\xfa7,\xf3W\xdfV\xe0\xb5\xfc`\x91\xa4\xee\xde\x1f\xfe\xbf\xe5\xd6\xc1\x95\xda\'\xd4\xce\xeb\xcdS\x0e\x00\xbc\xbdjG\x8b\xdc\x04\x80\x87\'6\x04v+\x02\x8dd\xc1\xc8\'S|\xdb\x8b\xd5\xb6\xcfO\xef\xd5\xd8\x84\xd1\xdfA\x8b\x10D\xcf\xcem\x0bj\x03@w\xdf"\x92#}\xea\x95\x0c\x94\x96\x88q\x9e=\t{\x17\x8d\xfe\xff\xdc\xb5\xe8P9/\x00\x0f\x9bJ\xfb\xcfl&lt;\x98\xa3y\xc9\xcc\x81\xdd\x04[\x01^\x04v\x13\xa4h;e\xc4"j\xef\x93\xc7MM\xf9k\xa9\x981^`7!\xc8\xd1\xa2t\xd6\xc0n\x82\xbb\xc9\x12\x8d\xc8\xcf\x16\xf1\xd6\xae2[\x96\xc9f\xbd\x90\xe8|\x9b(A\x90\xc9\xdd\xea\xa7\x0e\x82^\xab\xa6a\x16\x95\xa5#;\x05vC\xfeP:\x95\xab\x8c\xabe\xd3\xc6\x8amG9\x8aK\x90XD\'\xd6Ms\xfa][\x18\xd5\xb6z`7\xe1\xbf\x83\xbd\x13&amp;]3\x1a\x0fx{%\xc8\xee\xa0D\x08\xec\x06\xb8\x95\xa3\xab\'\x038\xbbyv`7\xe4ob\xdd\xa4\xdej\x1f\xfd~vv@\xa3r\xeel\x8c\x83u\xc2\x05v\x03\x82&amp;\xc0\xeb\xa0fn\r"\x84\'\x8a\x1a\xd8m\xb0\x8d\x1b\xfb\x97\xdb^f\xdb\n\xb9l/\xf3o!D`7\xc0.\xd2G\xd4\xd9\xe6\xfao\x90;N\x08\xa7\x9b\x93\x93:,\x01xwm_`7$\x88\x12\x99(\xa8\xb9\xf5\x07!\xd6O\xee\xc3sZ\xcf\xda6\xfb\xff6(\x94\xc6\xde\x02\xff\xcfQ4\xd4\xea\x05\x0b\xff}X\x1c\x00\x1e\x9e\xfc\x0f:\xd8\xec\x98;\xd4\x19\x175\x08\xf9\xdf{\x11\xe0O`7$\xa8\x90#V`\xb7\xc0\x14\x00\xba\xd5(\x1c\xd8\xad\xf8\x7f!"Q\xee\xb8\xff\x99U\xdf\x1f\x1a\x14N\x9b1r\xa0\xd5.\x8e^J\x16h\xad\xd0!g\xac`\x81)\xd5\xe0\nB\x12\x01(\x9e&lt;(\x04\xba\xff\xbf\x10\x91\xa8TJ\xe3\xba\r\xea\xb0Q\xdcQ\xb8q\xf8\xab\x11\x9cA\xae\xeeY\xf2\xd79\xfe\x95\xf0\xf6\x08KT&amp;(\x85\x82;\x04Q\\\xb1\xcc(\x9c$\xa2\xb3\xb1\x194\xf9K\xdd\x1f]D\x12\x8es\x00\xec^0\xd2\xe5M\xb1\x0f\xbc\xbeT#g\xd2\xcaY\xec\t\x99\xe0q:e\xe3L6{=\xabl.\xee\xef\'2\xd1\xa7[\x87l/\xb6p\x92@s&lt;k\\4}\xabr\xd9\x03\xabv\x07\x07]x6Z\xf1\xfaR\xcd\xdc^.oJ\x90g\xe9\xa8N\x0b\x87\xb6\xfb;\xed\xd6\xead\xb1\xd3:b\x89\x91m\xaaY\xb9\xdc\xd0\x94|x\xcb*V\xea\n\x9a\xfcW\xc5h\x16\x0ci\x13\xd8M\xf8\xcb\xe0\x99\xf8\xf3si\xc7B\xc5\x02\x01\xfc\x7f9\xf5\xff\x97\x98\xde\xabq\xd5l\x89\x89hHs\x1fw\xd6\x9b;N\x884\x7f\xa7\xf5\xe4\xde\xd1\xb5\x7f\xc5\x06\xfe\xd3\xb3[\x81g\x81\xdd\n\x87\xff\x0e\xe2\x1d/\xe6\x7f\xc8v1\x01L\xef\xd58\xf0\xdaED\x14&gt;p\xab\xff\xabqC?\xac\xa8\x84\xf1\xe4\xf4f"\x02\xfeq}\xfd\xbc\x0ci\xee\xc3\x9e\xa4Ta\x08\xef\x94e\xc8\xfe\x16\'\xae\xe3k\xa7\x06\xfdF\xf2\xe0\xcd\x9d,\xc3\xd1e\xb2\x82\x9a;C\xea0T Q\x80\x0f\x83\x13\x01_\xc2\x11\x01\xe8T%\xbfn\xc9\xc0W\x97\xea\xb59F\xf4?D!\x02\xc0B\xfc\xf1\xf2B`7\xc7\x0f\xe0\xa9]E\xd9.\x10"\xc9\x92\x01`\xed\xa4\xde\x8a]\xfc\x99M\xb3\x84\xde\x7f\xeb\xac\xc1\x92\xab\\\xd1\xdb\x16Mf)\x08f\xfe\xe0\xff/\x9bI\xcf\xda\xc5S\xb9Q@\xc6\xc3}U\xb9\x1c\x00\xc0W\xc5\x8f\x1e\x9e\xd8\xe0\xa1t\xfe\xf0\x96U\xb4\x1f\xfb\x86E\xd2\xf9\x9f\xfc\x81L%\xea\xe2dh\xf3J\xae\x13\xb6\tB\xf0\x0c\xb6\x19"\xf9uF9c\x07\x9b\xdc\xad\x81\xa1\xf2]\x95\xa7.\xc8\xa0\x969D\xe2d\x9c\x94\xa8{M\xa9\xf2\xa8\x98D\xb2#\xec\x9e;~\xbd\x0e\x16\x01\xf0\xe8\xe4\xc6\xc0n\x05/-JgiV"\x93\xf8\xc8\xb9-s\xd8\x1f^\xc1m\xc8\xba\x11\x82\xe8\xe5\xc5\x9d\xba\xa7\x9d\xd94\xcbbE\xad\xca\xda \xbdg\x1e\xdb\xd3\xa5\xeeY4\x8a\x88\x8a{{\xd8\\\xee\x7f\x94:\xf9R\xb8\xad\xae\xfa\x05S\xbb\xba\x8a=\x8bF\xb9\xdf\xf8\xd3\xadf\xe1tvl\x05\x96K\x17\xbbu\xb9\x1c+\xc7u\xb3\xa1,\x07\xf72\xa2uU\xf6\xe0\x95N\x15\xa3d\x8ah\xd6\x1f\xc2AM+\xe0\xc3uWo\x16\x16I\x1aql\x07_\xf9q+yz\x13\xb9"\x9b\xa9-/X\xe0\x92\xd9\xc3\xfc\xb5\xe2x\xc9h\x7f\xb3\xaf\xcb\xd1U\x93]\xdaA\x7f\xbbw\x0c\xf8\xe4\xba\xf2\x15\x01\xf0\xd0\xbe\xa9\xab+\xfc\x80\xff\n\xec\xf2j\x0f\x14\xf0\xe2&lt;\x80\xdd\x0bG\xa6\x08ED4\xbam\r\xebe\xba4\xc1\xafon/"j].\x87\xfc\xa3ric\xb7*\x1b\xf4\\\xb7\xd3\xdb\x17\xdf\x92\xd4\xe0\xf9\xbev\xb8\x00[1\xd4\xd9"1\x1dD\xf8\xe7\xd1I\xd7\x15\x1e(\xdeU\x03\x1a\xdb)\xce\xba6\xa0\x10\xac!\xeb1\xf04h\xee~\xf3\xeff\x075\xe2\x8a\xfe.\xaf\x9e\xf3\xd2\x7f\x83\xec_\xbb\xeae\xc5Y\xb1\xef_\xdc\xb1@\xe3\xd3\x85C\xdb\x99.\xf9\xafD\x9ce"n\xc0\x8f\x96\x8e\xec\x04 &lt;Q\xae\xd8\xff1\xdd\x8d\xbf\x83\xff\xd2\xf0f;F\x17\x8e\xab\xc7\xf7pI;\x02\x8fLn\xdc]R\x8b\x08*\x9e&lt;J\xbf\x06e\xb4\xafU\xb4\xa6\xd6\xcc\x95L&gt;$\xeb\x8e\x86\xfd\x1b\x96e\x03@\xc5\x0cq\xf5\xceU\xa6m\xc5\\\x8a\xeb\x87.\xd5\x0b\xb2?\x82B6\xf9 \x04\xf0\xb4|\xba8W\xf7,qyE\xaf.Y/\xa4^\xc1\xd4\x99\x02OEK\x8e\x15\xc9\xd5\xd4a\xa9C%K2,)B\xd1\xb8\x8e\xb5\xac\x94`#n\xe8\xad\xfe\xdf\xc4_\x9a\x96\xc8T\xc8\xd3\x1egw|\xbe\xa5\xa1\xfb\xd6\xb5F\xa1\x17\x17v(_\xf8\xe3&gt;\xf0\xce\\\xa5\x03\r.\x10\xf1\xe2\x02\xeb\xfd\x075\xa9\xc0\x13\xcefh\x1b\xf5\xff\xc0a\xc8\x14]\xaa\x15tu\x151\x89\xb6\xcf\xb1G\xff\xf6\xf6\xa1UC\x9a\xf9\x0cl\\.\x88\x98M/\xef\\\xd8\xbbn\xa0\xe5(\x8eFt~\xeb\xdc\x88\xff\x89\x8c\x8c\xd9cX\xf5\x7f\xfd\xef)\xc8\xd7\xce\xeb\xbdk\xfe\x08[\x8a\x9a\xde\xbb\x89\x9a1\x8a\xbd\x98\xa9\x02N\x8c\xb3\xc7\xa0\x18D\xcdKe\x01\xfeuER\x13\xb5\x960\x92\x1b\xb7G\xfc\xfd[\xa5\xd6\x88A\xf4\xeb\xe9Y[r\x8a\x1a\x85GN\xe2\xe2\xf6\x05\'\xd6MwQ\x03\xf6/\x1dkciF\x07*[f\xbe\xe6\x0cp\xb9\xe2\x04\'"\xfc~\xb2r\\w\x1b\x1aa+\x85&lt;#\xa452y-\x90(l\xcd\\\xe6\xc5\x89\xb3F\xa7@\x0fLe\xa4p\x97\xd1?\x7fBc\xe1\x0f\xcbGwQ&lt;\x9e2\x94\xdf\x1fb\xe7\xcbi\xbd\x1a\xb7*\x97\x9du\xc7?\x1f\x9f6\xda6\xd3k5s\xb15\xb5\xf2$\xaf\x92U\xee\xa7m\x8c\xbf\xdb!&gt;&lt;\xd1\xf8N\xb5\x03\xa5j\x9e&lt;\xce\x99=\xc8u\x96\x9b\x15c\xba\xdaX\x9a8n\xe0\xee\x915\x9d\xaa\x16\xd0&gt;\x9f=\xb2i\x02C!:$Q\xf1\xe4Q\x00|\xbbw\xccEU\xb8soyV\xbf\xe6\x92#B\xdf\xe4`\x91\x1e\xbeE\'w\xab\xaf}\x8eX8}d\x9bj\xfd\x1b\x96}\xc5\xe1\x8fo/\xed}\xf2\xe0\xed\x15\xeds\x12\x11\xd5\xca\xeb-&gt;\xb2nr\xefG\xa76\xae\x99\xd83O\\\x93\xc3o\x8d\x9cImqxq\xf8Oqt\xf5d]\x7fda\xddzz\xe3L\xb74\xea\x0f9c\xd1\xd9\xcds\x00\xac\x9f\xc2\x95$.(\x13W)\xd4\xce\xd5b/C\x9a\xb9U\x0b\xcb\x04\xf9\x13\x865\xb9\x19\x1a\xd8\x98[\x18{\x05\xa3\xcd3\x06h\x9c\x903\x16\x91LMy\xee\xc0V\xf8\xf9\x98I!\xf0\x00\xa0\x98\xd7\x9f\x19\xe9\xe2\xe1\x1d\x8c\xb63H0\xa9k=\xeb\x85\x04\x96\xda\xa2\xeej?(\xed\xf5\xea0\xb5GC6\x06\xdc?\xb6N8\x18\xd6\xaca\x87\x076U\xcb\x9f \x0c\xde_\xff+D\x8a\x18,\x17\xae\xa1KF\xb7\xab!~W\xff\xafX6\xbas6#\xc6\x14\xb6\x0c\x15\x9b2\xf2\xc6W^C\xa5\xfb\xcf\xe9\xa8\xf9\xe6\xf6\xe2\x7f\xb4\xf0\xf6\xca\xc1e\xe3\x01\xdc=\xb2\x86\x88\x1e\x9f\xdel\xa2F\xdb6!\xcd-s\x076)\xff\xb7\xbc\xf6\xff\r\xc2\x10]\xd9\xbdX\xe3\x84\xea9\x93\xaer\xaf-\xbew\xdd\x92\x03\x1b\x97\x03\xe0\xfe\x100\xd3t\x13\xe9m\x0coU\xa5\xa4^\xbe\xb6\xafw\x8f&amp;!*\xf1\xff\x17\xdf\x8e\x8f7\xcc\x99\x16\xf1\xeb\x899\xf7b]?\x99h\xc67\x1e$\xb8.c\x0f&gt;\\7\xd4\x1fV\xc8\x10\x17\x80\xc5\r&lt;a\xe7\xb9\xbd\xbf;_\xbe\xf8\xc6\xbdL%\x83q\xce\xd8\xc16L\xe9+?\xcd\xcb?Mr\xd6h\x04\xe0\xe0\xf2\xf1\x8a3\xa3\x06\x85\x9d\xd4\xed:\xd4\x0f\xaa\xd9\xed\xfb\xd6/e\xf4\x92\x7f\x1e\x9e\x040w`+W\xb4\xc7\x9d\xc43u\xd5\xfa)}\x83\x94[\xb0\x8d,\x1a\xd6\xbel\xdaX\xee\xdc[\xd2\xf5\xf7\x07\x80\xafwx\x8a\x92\x9bq\x8a&amp;\x8b\xbchX{\xd7\xb9\xccU\xcc\x18\x0f/\xce\xdb^\xacn\xc6\x94AM+\x0cl\\~\xd9\xa8\xce\xb6W\xad\xca\xb4\x9e\x8d\x00\\\xd8&gt;\xdf\xdeb\xdb[\xf3I\xff{\x99\xdd\xbf\x85+\x8a\xd5\xd0\x1aR{\\L\x84S\xbe\xba\xb4\x0b@\x90\xed\x03=\x94\x0ev\xadQhZ\xcfF\x05\x13\x07\xd8]\x01\xd0\xaebns\x1a\x00\xe9\xc2\x9bY\x8f\x8f\xebX\xab\x82z\x80k\xa0\x13\xb8\x11\xc4a\x89\x86\xb5\xac,9\x08 (\xf4\x12y\xe2\x86\xe8\\\xed\x8fk\xc6\xf8N\xb57M\xef\xcfy\xad\xe4\xa9\xb3N\x1c"\xaf`T6m\x10\xc8\x15\x96\xd8\xff\x0f\x8b\xd9\xb5\xfe\xdf\xb0Q\x82fz\xaf\xc6&lt;=\x8a\x86\xd5\x9e_\xa2\x8ey\x88\x17I\x1a\xe9\xaf\xb3\x04f\x8fI\x00$\xaf\xe2\xe4n\xf5\xad\xfa\xf19\xd8G`m,\x01_yB\x1f\x00\xc4!\nF\xd4\xa3VQ\xfev\xd6\xcd\x9fR\xee&amp;d\xc8c\xd5\xa5"E\x96\x00\xde\x02\x08:q\xa1V8\xb7e\xae\xa1\xf3\x83\xc8\xb7\x16\xdc\x81t\xcf\\3\xb1\xa7\x9a\xed\xb1G\xad\xa2\x15\xd2k\xf9}Hbd\xd2\x86\xa7\xc1\xcd*r\xb7\xd1\xdd\xf4\xa9W\xb2m\x85\\&lt;g\xde=\xb2\xe6\xff9F\xbf\\P\x98B\xfa\x93-F\xa0\r\x00\x85&lt;\xc3\xf3\xd4+t\xc4y\xe2\x86pm\x83\xfc\x01^\x06\xdd\x99\xd6\xe5\x9d\x8b\xd8\x0fv`\xd9\xb8\xc0nK\x10\xc2\xcd\xb9\xa26N\xeb\x9f\x80/&lt;]C\x92\x0f\xf8\x17\x80\xf6\xd6\x94\xa2\x90a\xd0$o\xbcP\x00.\xefZ\xa4{f\xfa\xa0\x11\xca\x19X\x1d\x1f\xcf\xb6\xed\xfd\xe3\xeb]\xdd\x0c\x06\xbb\t\xe7\xb6r\xcd\xc38#\xb0\xfey\xa8\xaf\x84X QX\x00\xdf\x1f\x1c\xe7)\x90\x9f3\x9bf\x13G\xa8p\xbd\x02\xa9\x88h\xc5X\xe5\xa0\xa2 4&gt;\xcb\x11\xe6\x9e\xf8z\x97\x1d\x89\x1f\xb8\rr%\xad\xcb)\xe8\xb5Fu}\xbdF\x85T5p\x9d/D\x10d\xe9\xc8N\x0b\x86\xb4\xd5&gt;G\xf0\x83\x08\\\x97\xd6\xa2\xc9"Yl@\xdf\xfa\xa5\xf5O\n\xf2\xb0\x9b\xb0y\xc6@\xf7W\xed:5f\x0f\xbd\x13*eN\xe0\x15\x8c\xa6\xf6h\xe4\xa2\x06\xb8\x16W\xbf9\xd94}\xc44\xe6/\x7f\xa3\x06\xd3\xa6\xe9R\x1f\x06{\xb7U\xdc\xa9\xf2\xf8w\xe1\xfe\x01\xa0i\xf1\x8c\xc2\x16z\xab\xb2\xd9\xb7\xcc\x1c4oPksE\xcd\xec\xd3\xd4\xaeV\x89q\x7f\x8c\xb9\xdfl\xd2\x0e\xf5F\x86\xa0\xf2\x94\'\x9e\xa5\xbd\xed\xeds\x86\xb0?\x9a\x06LIf\x9d\x11\xad\xab\xbe8\xbf=1\xd1\xac\xbe\xcd\xae\xed]Z5[b\xfdk\x1cLc:\x86\xc2\xfd\xfa\xc9_\xef\x1d\xb5\xbdL[\xcc\x96\xfb\x97\x8c\xb51\x19\x8bK\x01\xbe\xe9\xc6\xf7\x07\x16\xf8|{P\xd3\n,\x16\xb4Y\xc9\xcc&amp;\x86\x9f\xa8DE\x93E\xee\\\xad@P\xb0\x11\xaf\x9d\xd8\x0b@vk\xba\xa9\xfc\xbbY\x8a$\xd0\x14\xe6\xeb]\xb7\x84\x9a\x99E\xa3=\x153\xc6\x03&gt;\xb0V1\xf9\x13sm\x13\xf0\xc9\x14\xc0J\xd2\xba\\\x0e\xe0y\xc5\x0cq\x01\x94\xf0v\x83A\xe1\xff\x9e\xe0f\xa7\x03;\xe7\x0f\xb7\xbd1v\xd1\xaeb\xee\xc0nB\xd0\xc2;\xe4\x9f\xde\xa4n\x81T\x81\xdd\x1c\x05\xea\xe6O\x89_\x8f\xd9v\x919g\xbems\x86\\\xdb\xbb\xd4\xdeV\x99#\x0c\xd1\xc2\xa1\xed\x00x[\x9bb\xac\x1a\xdf\xc3\xdc\x00pm\xefR\x00\xed}\xb4\\E\xb7\xcd\x1e"\xb6\xe2\xc6!zvv\xabv\xb1\x13:\xd7\tN\xd4\xde\'\xcf\xda\x89\xbd&lt;\x8d\xb6I\x13\x13\xb2\xa3\xe6\tRj\xe6]k\x14\xd6\xf8\xd4\r&gt;\xc8\xcbFu^:\xb2\x93\xeb\xeb\xd1\xc2+8\x19R\xac\xb4\x85\xda\xf9R\x8ci_\xd3\xdd\xb5\xda\rg\x80\x12D\x14I\xe2\x92\xbd\x8f\x90Do\xae\xec\x99fA\n4\x18Q\xf3RY\n&amp;\x0e\x1f$\xbc\xb9\xf5\xd0\xe8\xdb\xc32U\x1c\xcb\xb3\xe3\xe0D\x00\xf8\xa5u\x04\xd8\x0f}}\xdf\xb2\xc2I"X\x8a\x18\xb6\x1b\xb5\xb7\x1c\x80!\x1bu\x08\xa2\xb1\x1d|\x15\x93\t\xeb\xa3\xa6\xcb\xe1\x1e\xdcfv\xee\xd7\xa0\xb4\xbcWu\xb5\x87_\x87\xcay\xb5O\xa8\x9c%a\xe0n0j\xe0\x1d\x92\xca\xa6\x89\xf9_\xdd\x18H\x17\xde\xaf_hY\x96W\xab\xfc\xeb\xbd\xa3b[\x9f\xf6x\x99#\xa6T\xcb\xfe?\x0f&gt;\xdf\xd2\xf84\x98\xc6g\x1cd\x8b\xce~\xaf/&amp;\xaee?t\x99\xd41^]\xdcY#\x97\x8dn\x13V\x01\x90Ai\xfa\xb1fBOC\xe5\xf8d\x8c\x07\xa0~\xc1\xd4\xe6\x9b\x12X\x03c`\xc8\x15\x07!\xd8\xa3\xd9\xb5z\xa1\xc0n\x88*\xff\x81\xa4.j\x00\x1f\x0c\x9d\xbfph\xbb\xb4\x81\x92\xe3\xd8\x1a\x1d\xab\xe4\x1b\xd1\xbaj`\xb7\xc2*\xf8|\x0b\x80b\x12\x98\xea9\xf4\xf3t\xd5+\x98:e(\x02\xd0\xa8H:\x17\xb4\xce$\x8a\xf9\xa3"\x19\xf4\x96\x8cd\x8b\x93\x82\xe9Ef\x9e\xb8!7N\xebo\xa9\xee\xff?\xf0\xfc\x9c\x95\xac\x8d\x81\x88\xe3\x87\x10\xe8x\x1a&lt;\xdf;\xa4rG\xc3\x08E\xd4\xa7^\xa0%\x8f\xe3DH\t\xe0)\xfb\xa8D\x8a\xa8S\xba7\xe0)\xc4\x83\x08\xbf\x1e\xe3\xd7c\xfez\xe7\xf4oa\xa5c\xad\x913\xa9\x89\xcbK\xa54\xec\xa2\x18\xa4F\xb5 \xc4\xc1\xe5\xe3-\x96P-\xbb\xa7\r\xed\x08H\x02"\x00V\xecn\x8a\xd9\x9d\xd4R\xeb98H\x10\x0b{\x04\x96\x00\xb3\x89z\x1b\x15U\xee\xe6\x98]N7\xf0\xbev^o\x003\xb8\x9db-:\x1dI\x18\xd9\xbaZ1\xaf\xc8\x12\x83O\xf3\x92\x99\xbf\xdd;vy\xd7\xa2\xff\x94\xb1\x10\x80nJ\x80(\xc6\xad\xffn{R\xc5S\xdc:\xf9y5p\x88(#\x9f"\xc7\x8a1]-&gt;U\x8a\xb7\x82-\x90\x81oVJvp)As\xb3gP\xd3\n\x92e]\xc7\xca\xf9\xb4/q\xa7\xeb\xd4\x94\x1e\r\x01\\\xdc\xb1\xa0bFs\xda\xacDD\xf8r\x87\xf5\xe6\x9c\x11\xc2\x8d\x8a\xa6\x07^\x01\xc8aS\xe0&gt;\x80\x8e\x95\xf3%\x92\x1d\xbcup%\xf0\x9d\'\x7f\xad.nR\x9f\xd0\xc5E\xbb\x9a\xee\x89\xc9o[!\x97\x86p\xc5\xd6Y\x83\xd5&gt;\xeaY\xbb8\x8f7IL\x17\xdc\x9f\xb1\x1dj\x11\x11\x80\xfdK\xc7Z_\xf4\xb8\x8em\xb3\x87\x04v\x13\x02\x19\x00s\x07\xb4\x0c\xecV\xe8pt\xf5\xe4 5P\x9d\xdb2\xc7\xca+\xe3ID\xa2\xe9&lt;gnd\x00\xeeq\xa2\xcd\x1e\x83R\xda:\xff\x176\xdby\xdd;\xa7\xf6h\xa8h\xe8\xd0\xb0\x1b\xba\x9a\n\xe9\xe3X\x8c\x191\x8dv\xac\x85\xda\xca&amp;\x12GH\xb7\x00\x80\x03K\xcd\x8b#\xa9=\xc0\xbb\x17\x8e4]\xa6"\x9eD\x1a\xd6\xd5:\xf9S^\xda\xb9P\xf8\xef\xb3s\xdb\x84\xbf\xd3\x85\xa7\x11\xad\xaa\xfe\x85\xdb\xa5\xff/\x04}\xa3\xbf\x84\xa8F\x16O%SD\xdd2s\x90\xf0_v!\x80_O\xcf\xae\x1a\xd7\xbd\x90\xa7\xbe)!*\x91\xa2\xbbQ\xf7\x9aE\x065\xa9\xc0\xd9\x8c\xc0%cd\xca\xec!\r+S\x06\xc0\xf4\xdeM\xe4\xc7\x1f\x05\xedx\xce\n\x19\xe2r\n:\xda\x8b\x87\xd2A\xe16\xb3\xbdtE] \xbb\x08"&gt;\xe1\x92\x05Y\xcd\\\x01\x92i6,\x92\xaeC\xe5\xbc\xe7\xb7\xcesg\x93\xdc\x80\x8b\x82\x06\xdc\xcc_7\x00\x18\xa2^\xc1\xd4\x00j\xfb\xe7g\xc7\x8f\xfb\xc2G7\x0f\xac\xb0Rr\xe5\xcc\x816\'6D\xca\xd0\x04\x00\xdf\xeef\xf2 "J\xaf\xfd\xccf\xf6P&gt;\xae\xe6\xa0)\xdc\x03~\x8dxW\x90*\x0c\x99\x08\t\xd1\xa5D\n\x9dx\xebS\x1bf\xd4\xc8\xa5\x9a9\xb8\xb0g\x04\x92\xb9&lt;\x9f\xdb2G\xd7\xa8\xea\x10\xb8\x04f,\x8c\x83\xdd&lt;?\xbf\xfd\xd5\xa5]\xc5\x93G!"\x00B\x00P\xa9\x94\xd1t\x93G\x96\xf0\x8ezt\xf5\x14W\xb7\xd0\xa5T\xcb\xee)v\xfc5\xbfs\x124a\xf9-w\xcc\x1d\xe6\xba*\xd4\xf6d|\xf3$7W`\xdb\n\xb9\x1a\x16Nk\xba=\xdah\x0b\xda\xf0x\xbb\xd7\x93\x85\x90\xb8\xd9\xd93\xc8&amp;\xb4p\xd0`z\xef&amp;\xab\r\x86,\xe9rq\xc7\x02[\xca\x19\xd2\xdc\xe7\xce\xe1\xd5D\x04@\x98\xe3\x96I\x13sP\x93\xf2&lt;\x97\x17N\xa2\xb5\xe7\x88\xef\xf7T\xe7\x80\xc61\x11\xe9\xfd\xe6\xcan\xdd \xd3\xbf\x89\xe3k\xa7\x1a\xdd\xe7q]\xe4Z2\x0e/\x08C\xecZ0B\xfc\xedl7\x8e\xab\xdd7\xb6\xf2c\xaf\x816g7\xcf\xb1\xb5E.ab\x97\xba\x81\xdd\x84\xffS\xb2D\xa5\x9fO\xce|\xbesX|\xb0q\xd1\xf4\x9b\xa6\xf7\xb7\x14}\xaa\xc4\xa2a\xed\xb5O\xe0w\x06\xf9z\xd7\xb0`"^\\\xf0\xfbC\xe5\x9d\x9a\xd8\xa5\xee\xdaI\xbd\xed\xf5\xe3\x00\xbe\xb2?t}\x81\x84\xae\xc3u\xf2\xd4\x81\x83on/vO\xb7\xcd\xf9\x7fw\x141A\x90\xf2\xd9`\xc4%zwm_`\xb7\xe2\xaf\x04\xf8\x1e\xd8M\x90b\xafG\xbcu\xb4R\xd3\x89\x10g\xe8\xd5\xe6\xdc\xd6\xb9\xe2\xef\xa8\xe1\xa8\x1d\x81\xa8z\x8e$\xf6\xde\r!\x1fd\x8fZE\x077\xad\xf8\x1f\xd5^\xd1\x83\xdd\xd3\xe6\xa5\xb2\x04vC\x82\n\xc2\x13\xa6\xbd&gt;\x8cmM\xceO\x9c+8k\xc0\x08D\x9eG\\\xb2\xf7\x8b\x97\x17\xd4\x8c9\xf9\x12\x84&amp;"\xe0\xd9\xbd\xa3k\xbf\xdc9"\x1c\x7fse\x0fo[\x1d\x02\x95\x0c\x91\xe8?\xfcz\xe2\xd7c\xa1[\xff~_\'\xf9\x17\xcf\x00P5[b\xe0\xe3\x82!m\x81\xf7\x86&lt;\xf4\x03+4\xcf\x00\xc3[VQ\xfb\x08\xf8Y!=O\x06r)\x85\x93D\x0c:S\x0cwR#\xa7\xb2:\x15\x97\x0b\x17\xd1\xbf\x8fO\xe1\xf99\xddG\xd6^\x00\x08\x93\xa6\xc8\xfa\xa7K\xb1%\xec\xc5\xc1A\x9b\x95\xe3\xba\x11\x11\x80\x81\x8d\xf5\xed\xfe\xf7\x8f\xad\x03\xf0\xf6\xaa\xcet\xc4P\xfa\xf5ric\xe1\xed\x15\x00xq\x9e\x88\x12s\xe4\xa1\xf2\xcd\xed\xd5\xa9*\xd7\xc2\xa5M\xf9\x9c\x03\x1a\x955\xd0\x1a\x13\xb0\x9d@C]sn\xffl\xc8&amp;\x162\xd3-h\xe7\xfeE\xe4\x8a\x13@\xed{\xe5\xb8\xee\x9d\xaa\xe67ZH\xcb2\xd9&gt;\xde&lt;hK{\x80\xa7\x153p\xae\xaa\xffP=G\x92{G\xd7\x02\xe8R\xad\xa0\xe9\xaa\x8dn\xe4\xec]4\xdat]\xee\'\x85\xa6kQ1/\xdeW$_\x820\xaepx\xfb\x0bf\x9a\x1c\x94J\x15]m\xa2\xc4n\x1a\xf0\x8fn!\x153\xc6\xe34su\xac\xe2\xb7;\x08\xe0\xd4\x86\x19&lt;\xb3\x9f\x90D\x00\xae\xee^|z\xe3,\xc5\xa2\xe4\xf0D\x86\xe1\xdf\x87\xcc\xcd\xc9\x1d\xf0\x0c\xa1\x0c\xd3\xe2\x91\x00\x82F\xfem\xf3T\xc9\x9a\xa8\x98\x97\xce#\xe1AT9KB\x89/Z`\xe5$)\x90(,\x11\x018\xb6fJ\x85\x0cqw\xce\x1b.\xe4\x1d|rz3\x80\xbbG\xd6\x10Q\xb9t\xaa\x19\xcf\x00\x98K^\x01\xe0\xf8\xda\xa9f\xae\xfc\xaf`"K\x0f\x97\x88\x81\x1e&amp;T\xe3\'u\xab\xcf\xe3\x00\xaf\xe3on+\x87VL`\x7f\xd8b\x8e\xaf[ \xa5\xa1}\x8e\xa8v\xec\x8b\x8ci_S\xd1T\x12\xf8\xdb-n\x96\x86\x8e\x12\x14\xbe\xb3?VT\xcb\x1f\x9f\xde\xac\xfb-\x80\xdfx{E\x12\x90\xd2\xb8hz\xfeZt\'nE\x92F$\xa2\x16"s\xadZ\xabZ\x94\xce\xca\xa4)\x98\x19\xea\xe7\xe3\xd3\x82\x10\xb9\xf0|\x7f\xbe}\xd8\xae\x9fFH\xc1JD\xe9\xfe\x1b\xf3O\x0b\x000t\x0f\x14%\x8f\x9b\x16\xcf\xa8v~=\x95Y\x05\xde\\6R\xad\x1f\x83\x9aV\xb0\x18Ee/\xbb\x16\x8ch^*\x8b\x8d6\x90\xb8D\xb3\xfa6\xdb&lt;c`\xee8!xD\x87\xd8\xdb\xb1z|\x0f\xfe*\x84\x08#a\xa6+\xffM\xabdM\x14h\x9daL\xa2\xb5\x13{\xad\x9b\xdc\x87\xf5 \xe6\xa4\x85\x16\x0em\x97/~hCN\xb2\xbd\xea\x940\xf7\x85G\xb7\xad!?\x986&lt;\xed\x98;l\xc3\x94\xbe&amp;\n$2\x16\\\x96@\xef\x04\xf9o\x897W\xe4_6\xb0r\x90e\x8bN\xc1\x89Z\x94\xce\xda\xb6B\xaeXD\xe3;\xd5\x16&gt;\x8aET)s\x02"\xaa\x90&gt;\xce\xb3s:\xb9\xf1\x14iY&amp;[\xf1\xe4\x1e\xe2#\x83\x9aT0!{b\xe8\x1d\xfb[x}y\xb7\xab\xdfs\x00\xdb\xe7\x0c\xb5\xb7@N%5\x81s[\xe7\xda\xd8\x001M\xd4G&gt;\xeb\xdc&lt;\xb0\xe2\xd8\x1a;c\xc1\xc2\x13\x01\xaf\xe5K\xe5v&gt;\x01V\x81\xf9\x12\x84\x1e\xdc\xac\xe2\x88VU]\x98\xb3F\xc3\xd6k}\x8b\x9fu\xe5\x1a\xbb\x97b}!\x00%\xbc=\xacT\xa7\xf6\xfe\xfczzFM9\xd6^j\xe7\xf56\x111\x903\x96t\x991\xabo3]\xcdA\xe0\x97\xd1\x8a4`\xc1t\xa1\xd5\xad\n\xd3z6\x12\xde\x81AM+t\xa8d8\xea\xa4F\xce\xa4\x12\x8f\xc6\xe0D&amp;\xcc&gt;C\x9a\xf9\x10QX\xa2\x94\x1c\xd1\xba\xbaq\x9e\xe6P\xdb\xa8\xb7B\xee\xb8!\xf0\xf2\x82\xf8\x08\x00\xe0\xb9]\xe5??\xbf\x8d\xcd\xe4\xec\xe2\xf5\xa5]F/1\x99\xa4PF2\x8b\xe9\xc4\x02\xf2\xf8\xd4&amp;\xdd\xbd\\\xdd\xb9\xdd\xdf\x8aKW\xde\xef\xaf\xef\x7f}Y\xff)an\x8b\xd6e\x95\x004\xd4\xcb\x84\x90\xfeo\xd8X\xd0\x0e;\xb4\x11\xc1\xe6\xb8qZ\xbf6\xe5s\xe6\x8c\x15,\xa3\xca\x9eE"\xa2a-+\xdb[{w\xdf\xa2&amp;\xe6\xbc]\xab\x17\x9a?\xb8\rg\x14\x98\xa0rS0q\xb8\x05C\xda\x1a\xad\xcb(V\x04\x8a%\x9c\\?]qM\xb0rl7\xbb\xaap5\xf2]M\x97\xbb\xa9p\x93Z3\xf5\xe0\xf5}\xcb\n\xeb\xa9&lt;\xe9H\xc4\x98E1\xc7\x19?=j\x15\xb5\xab%\xe6\x01\x10\x86(\x1c\x91\x86\x90\xb2Q\x98|G\xd94\xaa3\xe31\xed,e0oV2\xb3\xb9\x0b\r\xe5\xb0\x04~\x9a\xab\xc5\r\xb8\xc8\x04\xd1\xba\\\x0e"J\x1f\x91\xfa7Tx\xf9o\x1fZe\xb4\xc0b^\x91\xf1\xfc\\\x83BixN\xfe{\x93\xe2\xe0\xc7}\x00r\xbb\xab\xe9\xdf(\x8b\x8bz,ur\xc6\x0e&amp;_\xdd\x06\x05\xd2\x84\xa3\xc5\xc3;h\x9cp~\xeb\xdc\x96e\xb2\x12\x91\x86g\x9d\xae=M\x9er\xdc\xd5l\x9e1\xf0\xc2\xf6\xf9\xe6\xaf\xb7K\x93\x00\xc0\xe1\x15\x13\xcb\xa6\x89i{\xbe\xc0\x11\xad\xfc$\x8d\xd6\x1b\xb7\xe9\x8f\xed\xe0\xebj3k\xceX\xc1\xd4\xa4\xf4\xfe\n\xcc\xc4kXC\x9eSW\xf7\x07\xca\x19;\xd8\xa0&amp;\x158\xfd\xaf\xf3\xc4\x0b\xa2C\xc0\xd6Y\x83\xb4O\x18\xda\xbc\x92\xbd5\x8eio\xde\xfc\xa2\x9d]+\x04\xb7\x85\x04\xf8i\xcb\x0b\x98.\x02\xa5\x0cM+\xc6t\x15\x8e\x98\xf0\x9c\xd6\xe0\xc7\x83\x13\xcc\xcawu\xf7\x12v$Wl\x03\xcem\xa9D;[m+Z\x95(fN1\xe2/\xab\x81\xc9&lt;\x80\xcbGw9\xbaz\xb2\xa9K\x15x~n\xdb\xe0f\x15%\x07\xb5G\x97\n\x06\x1d\xcfM&lt;F\xf8\xfd\x14\xc0\xae\x05#\x8c^(F\xd1\x8a\xca\xbc\'\x19\xed}\xf2(^\x98@\xe5%\ti-p7\xe8\xa0k\xb4\xe21\xd9;\xfcu\xa4\rG{\x17\x8f\xce\x19\x9bk\xa6\xef\x15\x8c\x86\xb7\xac\xd2\xa3\x96k\xd3_\xef_2\xd6\xca\xe5\x11\x88\x80\x97\x8fNm"\x7f\x07H\xc9\xe2Iw\x07"\x99\xad\xe2\x89\xe5\xd3\xc7\x01 Vx\\&gt;\xba\x8b}\xc5\x13\x11\xd1\xfd\xe3\xeb\x8dv\xc1\xf6\x02@\x98\xd3}\xbau(\x0c\x91\xf6.\xdb\xb4^\x8d\xe5\x8a\x95\x81\xc5\x95\xdd\x8b\xf3\'\xd0\xd9l,\x95*\xfa\xefg\xe7\x14?\xe2\xcf\xdc\xa2\xbd\xa8\x8c\xc8\x170\xe2\n\xb6\xcf\x19\n\x00\x1fo\x10Q(\xa2\x1f\x0fN\xe0\xd5E\x97\xd6\xc8cm\x0fF\x04\xc030\xac\x1f\xae\xc6\x84\xe9\xccu\xec_:\xd6P@\xac\xab\xe9Z\xa3\x90\x95\xcb\x01\xfc\xfb\xf8\x14\xcb\xe1a}a\x91\xd5?\xcc\x9d\xb9W\x98\xdb\x88\nF\x04|&amp;\xa2b^\x91\x8b$\x89\xd8\xa9\x8a\x9d\xcb\x1d"\xa2\x91m\xaa\xf1\xe8\x0c\xe4O\x18\xc6\r\xe3\x04\xa7\xa1\xe6\xc9\xe9\xcdDT3W\xb2\xe1\xad\xaa\x04\xee\xfb\xc0%\xd1`\x07\xa3\xdb)\xf8\xb9\x8aa\x03\x84\xed\xdd\x9dn\x8c\xd2\xa0&amp;\xe5;V\xc9\xe7\x1fG\xf6z\xcd\xc4^v7\xc1$\xe1\x892\x05\x191-\xddY\xe1\xe9\x8d3\x15\x93\xf1\xb5)\x9fSr$\x88D\xc90z\xd4*\xf6_R\xa3\x9c\xd9\xb7\x19\xfb#\x89}\xf79KT\xba\xb4c\xa1\xfey\xea\x08\tm\\B"\xa2/w\x8e\x04\x9d\xa7\x8a\xa7%\xd5s$!"\xe0Sw_c\x1b\xdf&lt;\x03\x8c]*\xe4\x81\xc5\xd2QvF\x12t\xa9^P\xec\xb0[)s\x027&lt;*\x8d\x8be\x08:\x0f\xa4-h;\x96&lt;8\xbe\x9e\x7f\x8f\xcaD\xd80Y\x9e\x1a\x13\xd1\xfdc\xeb\xe4\x07\x01\x88\xf3\x8d\x04Y\x84{[3W\xb24|\xce\x1bMKd\x94\x1c\xd16u\x9e\xdb\xe2\xaa@\x07\x1b\x19\xd7\xb1\xd6\xf0V\xaa\xeamn\xa5\xa4^\xbe\xad\xc0Bq\x8b\xdf\xba\x8b_\x9fz\xa5\xbcCR\xc1\xc4\xee\xf6\x0f\xf8v\xef\x98\xc5\x12\xf6-\x19\xd3\xc3\xb7(\xdb\xc6p\xc5^z\x85\x0cq\xf1\xefC\xf1\x116\xff:\xbdq\xa6\xe92Mx\xeb7)\x9eQ\xbe/-\xe0\xd2\xb4\xe0}\xea\x95\x94\xdc\xd8%#:\xdaR\xf2\x97;G"\x12\rmQI\xec\x84\x96\xc6\xffk\x86 \xf2\xd6\x0c\xf2\xd4\x8e\xce\xe9R\xad \xcf\xc3\x90"$\xfd~v\x96\xa3\xb1.\x84e\xb4&gt;\xb5q&amp;\x80\xbc\xf1MnI\x01\x9f\xd5\xae\rAtd\x95\xceNj\x1a\xbb\xb3\x7f\x00\xd81w\xe8\x91\x95\x93\xf8/\xb9wl\x1d\xf0\x91\xeb\xd4D.^lj?y\xe6(\xee\xed\xb1hX\xfblAuk\xb5[\xcd\xc2\xfb\x97\xaanR]\xd9\xbd\x18@\xcf\xda6\xef\x921\xb3\x1d\xf0\xd6\xe8\x85B\xf0Wb\xa2\xf6\x95\xf2\xb8(\xae\x8a\xc1\x04\xa2\xc5\xb0\x0e\xd1m\x19k\xb3F\xfb3\xb6Y\xdcHd\xa8J&amp;)\xc1\xaa\x16\xd2&amp;\x1f_;\xadn\xfe\x94\xd6\xdb@\xfe\xaf0\xcb[\xa2\xd86m\xd7\x11\xed`x~%WC\xf3\x06\x00{\x17\xbbJ\xe9\xcfJ@\x9c\xb6\xf7\xa7\xfc\x19\x96\x906&lt;\x95J\xa9\xab\x01\xaa\x80\'Q\xe9T\xd1O\xac\x9b&amp;9\x8e\xf7\xd7\x1e\x9f\xda\xe4\xc2^z\xf7\x82\x11\xa5S\xa9\xb6\xd8b\xc5\xfc)\x1a\xf8\xd98\xad\xbf \\\xa3}\xa6\t_R9\x1abo5s%k\\,=\x9e\x9f\x97\x1c\xd4(mj\x8f\x86\xf8t3w\x1c\x93\x03\xa3\xf0\x95\xf1\xfc\xdc\x89u\xd3\xb4\xe5\'\r\x17\xfe\xe3\xbe\xeb\x9e\xb3&gt;\xf5Jr:\xba\xb9\x14\xc1\xdb/\x7f\x820^\xa6T\xed\xac`\xfb\xed\x8d\'*vZ\xaf\xc6\xa6\xcb\x97\x08\xd6\xf2 _\xe4\xde:\xb8\xd2\xd0\x00`\xb4\xc6\xa0\xc0\xd8\x0e\xb5\\\xb4\xe7\x04`\xcf\xa2Qo\xaf\xee\x95\x1f\xffz\xef\xa8\x0b&amp;\xd2"L\xc4\xfdsr\xfb\xd0*\x9e\xa8W\xf9\xd3\xc0n\xb2\xa2-E\xac\xcc\xb7blW\xff\x12~\xd8\xfeH\xb1*l\x0c\xfe\x94sp\xd9x\xf1\x7f\xfb5(\xad\xed\xe6\xfb\xf4\xcc\x16\xf6\xc7\xc7\x9b\x07\x97\x8d\xea\xac\xe8\xbc\x9c;N\x08\x1b]~\x8d\xa2\xa8\xd9\xf2\x97\xbe\xedF\xd1\xdd\x046\x118\xa9\xfd&lt;\xb0G\x94Y\x1d\xda\x94\xcf\xc9\x93\x0e:\xe8\x83\x7f\x1f&gt;;\xbb\x95=3\x864\x04\xf3\xc4um?\xc9\xe8\\\xad\x00\x00W\xbb\xba\xba\x15\xdb\xdfON\xcd\x9f?\xf3\xd9\x80\r\x08\xc7\xd1\xa4k{\x97J\xcea/\xc3\x96\x99\x03\r4\xd4\x1a\xc2\xfc[;\xecPr\t&gt;\xdd\x12\xfe+\xd9\x8b\x06&gt;\xa4\x0eC9c\x05\x8bD\x14\x8eh\xeb\xac\xc1&amp;Z\x15#`\x15n\xa0l\x9a?I\xcc\x14\xc7$\xc9/\xc5/6\xfe\x1f\x03\x80\xbdr=\x00\xd6M\xeecc\x81Fa&amp;M\xa3W\xe5K\x10:uXe\xf9\xd2l\xd1\t\xc0\xf21]\xfa\xd4+U\xc83\xbcon/;\x9a\xa9@\xdb\n\xfa\x01\\KFtl\xef\x93\xa7_\xc32\xe2\x83\x91\x88\x00l\x9dm\xe6\xdd\xd4 \n\x91\xab\x04\xcdt\xa3\x879sQ\xb9\x88\x13\xeb\xa6\xdb2\x02\xb1\x15(\x80\xce\x162\x96\x18\xc2\xc3\x7f\xdb\xb0\xa7\x91\xe9\xc0\x88\xd6U\x85i\x9d\xc4\xbb\x1a_\xefXo\xd5\xc2\xa1m\xf1\xe5\xb6\xf5r\x8crf\xd3\xec\xdd\x0bF2y\xdb\xe7\xe7\xb6\xb9\xbf\x01A\x1f\x00\xab\xc6u\'\x83\x02\xec\x1a\t\x18\xd2\x84%a\x11l\x05\xb5\xf0F]\xbe\xdf?\xfe\xf0\xc4\x06\xa3W\x1dY5yD\xab\xaa\x1a)\x07tM\xed\xd6\xe1\xe9s*f\x8c7\xbce\x15\xbc\xf1\x0b\xd1\xc2\xcfG\xc4x\x0e\xc8S\x00\x00 \x00IDAT\x04\xde\x81\t\x9d\xeb\xf0\xec\x00\x19\x1a\xed/\xefZ\x04`\xfe\xe06F.\xe2 \x88\x06\xcb\xfb\xa3\x11&gt;\xce\xc6%\xfe\x85\xb3\xbfeHGGs\xf1\x08\xde\t;\'\x8aO\xabb\xecB\xea\xb0\x04\xa0Q\xd1\xf4\xcc\x01F\x92O\xc6\x83{\xf1\xa4\r\xfey\xa0\xf6v\xb9n\xdb?\x18Q\x9d|)\xac8A\x00\xd8\xb7d\x8c\xc5fH\x82h\xca\xa4\x8e\xb1qZ\x7f\x8be\x06"\x19#S%\x97\xcd\xcf\x84\xa0\x04s9\x03\xfejL\xbf\x05\xb7\x0e\xae\xc4\xb7{^z\xd1\xc2\xdd}\x8b\x8ei_s@\xe3r\xfc%\x0fnV\x11x\x16\xa4\xed\xa5Q\x94\x82V\xaccT\x17\x05\xc0\xf69C\x14?\xaa\x95\'\xf9\xc1\xe5\xe3\xb5/\x0fGT0\x91\xdd\xeeZ\xdc\x00\x18\xd5\xb6:\xe7&gt;\xb69\xdc\x98\xa9)\x00a\x89\xd8\x0cW\x1bO%U"\xb6\xb2Nd6/\x85@\x90\x8aY\x95\xa0\x98\xd0\xc24\xad\xcbe\xb78]\x18\xd3\xbefL\xa2&lt;q\xb9\xa6\x88\xed+\x99\\%\xd8\x82]\xba\x00\xb5\xf2$\x1f\xd1\xba\xea\x9c\x01-9_=y\xa0@&lt;\x0e\xdd\xdcPD\x00&amp;wopf\xf3l\xfe\xb6e\x8dF\xc0\'\xbc\xbdJ\xd6d\xbb\x98\xf6\xfb\x7f\x19\x00x}\xc9\xd0%\xdd}\x8b\xd8R\xb58\x89\x8aE\x8a$\x8d\x18\x14\xe25\xb2F\xb3SaBmT\xd3\xf5&amp;L\x13\x96\x16\x0em\xebW\xc2\xef\'\xe6j\x8fb0\xc3OP\xa3T\xcah9c\x05\x03\xb0i\xfa\x00\xdd\x93#\x11\xd5+\x90\n\x00\xbe\xdd5T\x8b!\xef\xd5 \xe2n\x9d\xcd\x8ck\xa5\r\x14N\x12\x01\x00\xf0,@c\xd4oJ\xbb\x8a\xb9\xb3\x8a\x9e\xf5\xa6%2\x85!\xaa\xa1\xe9\x19(\x90%\xea\x9f\xd7\'G,\xdd\xd3\xed\xc0E\xd3\xa502e4\xa3\xfd\xb5\xed\xe8.\xd9\x02\xa5(\xceiH\xdf\xfa\xa5\xaf\xec^l\xe2\xc2\x06\x85\xd2\xec\xd6S\xc7\x1b\xdb\xdeW\x98\x03\x96M\x1b+\x85\xe6t\xd0\x83\xa8p\x92\x88\xac\xf6n5\n\xcbO0\xb7\xac\xa9\x913)\x80FE\xd35,\x92\xce\xca\xc2hd\x9bj\xe3;\xd51w\xad"!\x88\xc4\x99\xb8\x8b&amp;\x8bdE\x7ftp\xd3\x8ajr\xe7\xcc\xd0_.]l\xf6\xf5\x9f\x9f\xdf\xae[Z\xf1\xe4Q\xa6\xf6h\x08\x04\xd0\x11\x0b,\x80\xd7&lt;\xabj\xf1\xd8s\xfb\xd0*\xfe\xdf\xfa\xe4\xfa\xe9\x1e&amp;\x9bFDd\xc5\xe3w\xd5\xb8\xee\x00\x064*\xdb\xb4D&amp;\x9e\xf3\xc5]_\xe7\xaa\xc6\xfc\xe0/\xeeX\xd0\xb8X\x06C\x978\xfc\xad\x84\xd0\xeb\xc7\xf7.\x1e\r\x11b?z\x00\xae\xcba\xf4\xf4\xec\x16\x8dO\xd7M\xee\xc3\x9a\xfd\xf4\xcc\x16\xb1\xad\x89%\x06\xc0\xfb\xeb]\xaa\x174Z\xe3\xd6Y\x83\x98C\xcb\xd3\xb3[\x81\x7f\xf0\xe2\xbc\xd1\x12\xdc\x03\xf0\xfe\xd2N\xf3\x92/u\xf3\xa7\xcc\x10I\xa73\xc2\xef\'\xe5\xd2\x1a\x98\xfe\x05\x11\x931\x80\x9c\xc6\'\xad\x00\xe4\x8e\x0f\x87VLT&lt;\xd3\\\xc3\x18-Jg\xad\x95\'\xb9\xda\xa7\xef\xaf\xef\xefPY\xcb\x15\xde\x90X\xb4\x18\x003\xfa45w\xad\x83*P\xca\xa4!\x86M\xd2&gt;\xdf&gt;&lt;\xb5g#w4\xc8,\x00\xd4\x8c}\x90\xe1\xb6V5*\x92nv\xff\x16\x8a\x1f\xa5\tG5r&amp;e\xb9\xad\x9b\x14\x0f0U\xd98\xad?&gt;\xdc0\xdd\xce\xb4\xe1\t\xc0\x87\x1b\x078\xbfl\xc1\xc4\xe1\x0cu\x94v\xa1\xe1\xbb\xf2\xff\xcc\xf5}\xcbxN\xe3Q\xfeP\xfc\xf5-&gt;\xffU\xb3%\xd6X\xb7\x03O]\x97\xcd\xd8\x15\xd8\xe2*b\x03\xc0\xab\xb8D9b\x12\x194\xd2\xf1\xc4Vi\xe4\xc6;\xb0\x94\xcb/\x08@\x19\xa5\x14cC\x9a\xfb\xf0\\\xce\xc8\x14E+\xaf\xb2\xeb\x90\xf5\xffO\x03\xa3\x15\n\xe0\xd3M\xe5W\xf4\xc7\xfd\xc9\xdd\x1aXW%\x1a\xd4\xb4\xc2\xa7[\x87\xb4\xcfI\x15\x9az\xd7-\xf1@\xdd\x01\xd1\\\x94o\x8b\xd2&amp;\xb3d\xd7\xcc\x95\xach2\x97\x98S\x83\xbbf\x8eo\xbbE\x9d\xc7Q)\x04Q\xa5\xcc\xfa\x0b\xd7{G\xd7\xd6\x97m\xf9\xde?\xbe\x9e\xac\xa5\xb4\xd2\x08\xe9\'\xf5\\\xd9\xf6\xf2\xf8\xd4&amp;[\xca\xd9\xbd\x80Wa\xde\x0fO[\xaaU\x82I\x04\xff\xf3\xe8\xa4\xa5\\eJ\xf0\x8b\x90h#\xe4\xb2`\xce\xd7\xf5\xf9r\r\n\xe0\xcde\xe1\rlT4\xbd\xb9\xcd(\xc9zed\x9bj\x03\x1b\x97\x97\xeb~\x04\xa8\x97{\xfa\xefa\xa6E\xe6\x01\x00\xbc\xf54{\xb9j\xceO\x11\xc7\xd6\xa8\xa6\x92oP(\xcd\xd6Y\x83\xb2\xe8=\x1c\x008w\xde\x82H\x8a\xb7\x8e\x95\xa5\xf9u\x05\x98,\xae\x98\x9fON\xa7\x8f\xa8\x9f\xa2G\x83\xae5\nE\'\x02\xc0\\\xa2-F\x93\xc5\xb7u\xaf\x18\x00~=\x96\x1c\xfc|\xfb\xb0\xf5\x92\x13\x13\xa5\x0cl\x07\x99AM\xad\xa6F\xffO\xe1\xe1\xf6\x1a\xc5\xaf\x8dQ\x99\x07\xe05^\x9c_=\xa1\'\xcf\xc9\xb9\xe3\x86\xd8\xbd`$\x80\xc3+\'J\x1c\t\xf0\xf5\x0e^_\xd2\xee\xd6\xfd\xf6\xf7\xf0K\xb7\x89\x9c6\x13\x8d\xf4\xa7r\x14\x13\xfc2\xee\x1c^\xdd\xa6\x82q\x1dN\x7f\x8ayE6\x11&amp;v~\xeb\xdc\rS\xfb\x11\x11\x00\xdd|\xf1\xc5\x93G\xe19\x8d\x88~?;\'\x0c\xb1)B\xd1\x90f\x06\x96\x86\x81H\xd9\xb4\xb1l\x11\xa4a_\xbc^\xc1T\xba\xcf\x8f\xed\xc9_58\xb3i\x16s\x85\x14\x03\x803M\xb46\xc0\xa7\x91m\xaa\x15L\x1ch^\xe0\xcf\xcem\r\xac\xaa\xed\xa7c\x15\xd5i\x8b$\xce\x1b\xf84w`K\xc99\xccvd1\xeaox\xab*\x86\xf2d\n\xcfzh\xa5\x83E\x93i\xaf\x14\x8dUT5[b\x00L\xa7H\xfc\x8e\x01\xc0\xfbk\x00|\xd57\xa6l\xa7\x90\xa7\x01]\x15\xbc\xba\x98\xde\x7f\xa8\x94\x18O\xfd;\xcc\x9f\xb2\x8bt\xe8V\xb3\xb0w\x08\xca\x1d\'\x84\t\x9b\xc6\xd5=K\x00l\x9e1\x90\xf3\xda\x99\xdc;ol\x90\xd6\r\x1e\x0cD\x82\x11\xed\x98;\xcc\x15%\xe3\xcb\x1d\x00o\xaf\xee\x95\xb89\x8aa\xda\xc8\xeeTu\x8f\xadd\xf5\xd2\x15\xd0\r\xcf\x9e\xcc\x9f\x8f\xc4\x07\xa3\x135*\x9a\x9e\xfd\xcd\xf6\x8b\x04)7\xf9{\xeevm\xc0 \x80$\x12uz\xef&amp;\x8a3;5\x91\n\x89o\xa2\x06\x1an\xf8&lt;351\x11\x88\xe6\x0c\xf83\x96\xec[&lt;\xe6\xf6\xa1U\x1a\x1a\x9c\x19\x03\xfe\xd4\xda=Hb\x95\xfc\x82}\xea\x952\xd4H"J\xe5\x1f\xef\xbfrl7\xf9$=o\xfcP\x00R\xbbP}\xd9\x12\xa9\xc2\xd0\x99M\xb3\x1e\x9e\xd8\xc0Z.\xf1\xa0x}y\x97\t\xb9\xa1\xbc\xf1C\x1d_;\x95\xcc.\xfb\xee\x1cYc\xe8|\xfea\xc6\x8a\xfd7\xa3\xeb\xe3\xceR\x86r\xa1\xab\x0f\x8b\xbf[6\xaa\xb3\xda\t\xf2\xaaY\xa71\xb1K]]76\xa3\x1b\xe6,M#\xc9\xfa\x04\xf6\x10j\xef\xf9\'%\x02\xb0k\xbe\xd4\xe9YH\x0csh\xc5\x04\xc9G\xe2)\xd1\xe4n\xf5]\xa7\x89)\x86y\xde\x07\x91\xe8\n\xda\xbb\x88K\x92{\xff\xd2\xb1#\xdbT\xe3,\xf3\xfb\xfd\xe3\x16Z\xc4\x85\xe4\xa5[1\xa6+g\xf3\n\x99M\xd5"\xce\x0b\xafH\xe5,\t\xe5;W\x0c\x1e;\xbe\xeb\x00 I\x9c\xc2\xa3!\xbd}\xce\xd0#\xab&amp;\xe3\xf9y\xd6\xf2\xf7\xd7\xf7\xbb\xa6uDD\x19#\xbb\xa4\x83k\xc6\xe7\xb5m\x91I\xdd\xea\xbb\xa1\x16\xbbPLW\x92(`\xac\x83\x98\xb4\xe1(_\xfc\xd0\x8a\xcb\xe2Y\xfe\x89\x15\xe5\x08\x812\xe6\x94\xef\xd2G\x08\xf0&lt;\xf8/8\x1fi\\\xc2\x83\xc63\x06`\xfe\xe06\x86\x0c\tj\x18\n\xb2\xe3\'\xb3\x871aT^\x14g\xa0\xa9\xf9\xb2\xa9\t0C\xaa-\xedq5\xac\x9dU\xb2\xaa\xce\xf9\x1a\xfb/\x18\xc5\xf4\xa8\xc5\x95\x93\xf2\xdd\xb5}r3e\x9941\x01\x00\xffh\\\xe8\x06\xe5\x86HDc;\xf8\x9a\xb8\x10\xaf.\x02X:\xd2\xce\x0c\x94\x02\x1b\xa7\xf5\x0b\xdc\xd1\xd1:\xb6h\x85\xf3\xac\x03{\xd5)!?\xc8y\xdf\xf2\xc5\x0f\r\xc0\\\xfe\x19f\xb23\x14_\xbdg\xe1(\x13\x15\x91\xbf\xafD\x0c\x7fc\x0e\x9b\xa9\xe0\xf3\xadr\xe9\xcc\xf7\xab\xbd\xea\x94\xd0\xf5;\xc8\x10\x89\xacT\xe1\x06 \xca\x9d\x17\x9bhJ\x8f\x86jgjH\x07*\xa0\xa8\xa8\x03\xc0\xd0\xed\x08\xdc\x178g,\xfa\xe7\xd1I\xc9\xc1\x96e\xb2f\x89J\x91\xfd\x07\xe4\xd1\xedj\xd4\xcd\x9f21\xf7\x0b\xe3\xa9\xf9\xa9Z\x08\xc2\x9c\x01-\'w\xab?\xb2u\x80\xb5\x08K\xd3\xa1+R\r`\xe1\xd0v&lt;mS\xb9\xfc\x9db\x99\xa6\x0bt\x0f\xad\xcbe\x07\xc0\xc6H\xa3\xd7\xb6(\x9d\xb5\x94z"#\xdby\x16\xa8\xfa\xa6\xab\xc6\xf7\x90\xfb\x02\xc5WZ\x98\xaa\x8d%\xa9\xec06N\xe6[\xee\xec\x9a?\x9cG\xba\xa7t\xaa\x18\xf8t\xf3\xd7\xd3\xb3\xe4\xefE\xfa\xfa\xf2n\xf6\xd1\xd6Y\x83\xec\x92\xb0\xac\x9a-1\x8bL\xd4\xd8i\xf4\xe0sc\r\\\xc4\xc3\x98mb\x04%\x94r\xf6\x16Hhl\tpc\xff\xf2 \xd5\xd7\xf4\xae[\x12@f\x0f\x8aN\x84\x17\x17\xc8\x7f\x88:\xb0l\x9cu5.\x00\xcf\xcfo\xbfup\xa5\xc6\tGWM~v\xd6o\xaf\x9f\xe5/+\xe6\xa5\xb0\xc4fr\x1f\t\x89\xbcC*\x98\x89\xdaT\xe0\x12\xdd\x03\x80\xef\xf7\xe4\xc7\xb7\xcc\xe4\xdd/eLU\x9fS\xb8\x81\xd4a\xcc(X-\x1a\xd6\x0e\xdf\xee\t9\x15t\xcdt\x16\xd1H\x9c\xe7j\x14\xe7\x1c\xe2\x9d0\x81\x17\x17v\xf0o\x803\xd8f\xff\xaaq\xdd\x8b$\x8d\xf8\xe3\xc1\t\xe3\xad\x93\xa2\xfb\xe0\x05\'\x12\xf2D\xdd9\xb2\x9a\xfc\xb7\x9a\xfb7,c"\xcf\xb36Y\xa2R\xf3R\x99%\x07\xf7/\x1dk\xb4\x97\x0btx\xfc\xa7m\xe3\xce\xe1\xd5\xfc\'\xf3\xe7@\xcf\x18\x99+\xa8J\xe3\x01*\x9b6\x16i\x0e\x80Bg\x9a\x94h\xc3\x94\xbe\xac(\xd8\xa13,\xb4\xed\xfe\xf1u\xf2\x16&amp;\x0f\xf1\xe7\x84\x96e\xb2J.\xb9\xbck\x91bQ,.&amp;1\xd1\xeb\xcb\xbbY\xb3\xd9\xf6\xc6\xbc\x81\xad\x98\xd13g,\x9d\xb1\x9e\x05\n}\xbce\xc0\xc5S\x83\xb6|\xa3\x8e\xed\xdc?\xbe\xceDV\xc2\xea9\x93&amp;$\xfav\xffO\xe8Y\x02\xa2j\xd9=\xed\x8a \x91\x10\xa4f9D$\x91\x00\nF\x94&lt;\x04\xfd\xfb\xf84{\xc5\xf8\xe3\x1b\x96\x8f\xee\x82wW\x01\xbc\xbf\xb1\x1f\x80\xf5\x1c,\xecI&gt;\xb7e\x0e\x80u\x93z+\x9e\xa3\xf8\x1b\x01\x98\xde\xbb\x89\xc5\xdau\x19\xda\xbc\x12\x00\xe0\xb9\x8de\x16\xf6\xb4\x12\x95\xf1\x97c(I&amp;\xcf[\xa4\x96%\\\xe2\x0c7\xadWc\xc5\xed\nfu\x01\xe0\xd2$\xb7\xba\x18R\xfaL\x15\x86b\x10\x8di_\x93\x88b\x10\rm^\x89Ml\x077\xad`\x97\x10nP`\xee\xc0V\x8a\xc7\x8dZ\x99\x05b\x89\x9e\xa8b\xc9\xa3\xb0\x9f\xfd\xc8*\xf3\x1917N\xeb\x9fVe&gt;S!\xbd\x9fl\x07\x9b\xae\x06:\xde\xb2uA\xf2\xe0\x04\xe0\xd1\xc9\x8dD\xa4\xbd\xed$\x86)\xf1\xb1\x0b\xc1\'D\xaa\r\x9b\xab\x1eZ1\x01\xea\x19\xd0\xaafM$\xcf\xa3\xa7+\\h\x0bL\xb0\xe4\xeb\xdd\xa3D\xd4\xb8X\x86e\xa3:\xdbb\xfe\x1f\xde\xb2\n\xde^I\x1b\x8e\x80/\xb5\xf3z\xdbQ\xa4\x16U\xb2\x04\x92(\tWx\xa5:{\x17\x8d\xb6\xb1Sf\xc1A\x0c\xc9\xc6\xae\x9aA\x80=\xeb\'7\xcc\xb0\xab\r\xba0k\x8c\xc6n!\x9b\xb2\xe1\xc5\x85\xc7\xa77\x8d\xefT\x1bx\xdf\xa1r^\x00c;\xf8\x02\x10\xcfp\xddF\x18\xf7\xbaE\x03xwm\x9f\xc5Bb\xf9\xff\xb8\xef\xaf[-JB\xdex\xa1\xc8\xdf?\x98\x05\xe8\xb9\xc2#\xc3\x10\x19")o\xfc\x98\xf3J\xf5\xcd\xed\x05\xbc\x010\xaecm\xbbB\xa4R\x84\xa4\xdd\x0bU\x15\x0b\xf6.\xe6\xf2?\xd4\xa0@\xa2\xb0&lt;i\x1d\xe5\xec\x9a?B0\xb7\xfa[^_e\xb7laa\xe1\x87\x9fn\x1f\x02\xa0\xe8m\xf5w\xd0\xa</t>
        </is>
      </c>
      <c r="E457" t="inlineStr">
        <is>
          <t>&lt;class 'numpy.ndarray'&gt;</t>
        </is>
      </c>
    </row>
    <row r="458">
      <c r="A458" s="1" t="n">
        <v>456</v>
      </c>
      <c r="B458" t="inlineStr">
        <is>
          <t>steps_per_sec</t>
        </is>
      </c>
      <c r="C458" t="n">
        <v>6600</v>
      </c>
      <c r="D458" t="inlineStr">
        <is>
          <t>3.359073</t>
        </is>
      </c>
      <c r="E458" t="inlineStr">
        <is>
          <t>&lt;class 'numpy.ndarray'&gt;</t>
        </is>
      </c>
    </row>
    <row r="459">
      <c r="A459" s="1" t="n">
        <v>457</v>
      </c>
      <c r="B459" t="inlineStr">
        <is>
          <t>Loss/object_center</t>
        </is>
      </c>
      <c r="C459" t="n">
        <v>6600</v>
      </c>
      <c r="D459" t="inlineStr">
        <is>
          <t>0.34480408</t>
        </is>
      </c>
      <c r="E459" t="inlineStr">
        <is>
          <t>&lt;class 'numpy.ndarray'&gt;</t>
        </is>
      </c>
    </row>
    <row r="460">
      <c r="A460" s="1" t="n">
        <v>458</v>
      </c>
      <c r="B460" t="inlineStr">
        <is>
          <t>Loss/box/scale</t>
        </is>
      </c>
      <c r="C460" t="n">
        <v>6600</v>
      </c>
      <c r="D460" t="inlineStr">
        <is>
          <t>0.16755813</t>
        </is>
      </c>
      <c r="E460" t="inlineStr">
        <is>
          <t>&lt;class 'numpy.ndarray'&gt;</t>
        </is>
      </c>
    </row>
    <row r="461">
      <c r="A461" s="1" t="n">
        <v>459</v>
      </c>
      <c r="B461" t="inlineStr">
        <is>
          <t>Loss/box/offset</t>
        </is>
      </c>
      <c r="C461" t="n">
        <v>6600</v>
      </c>
      <c r="D461" t="inlineStr">
        <is>
          <t>0.12850216</t>
        </is>
      </c>
      <c r="E461" t="inlineStr">
        <is>
          <t>&lt;class 'numpy.ndarray'&gt;</t>
        </is>
      </c>
    </row>
    <row r="462">
      <c r="A462" s="1" t="n">
        <v>460</v>
      </c>
      <c r="B462" t="inlineStr">
        <is>
          <t>Loss/total_loss</t>
        </is>
      </c>
      <c r="C462" t="n">
        <v>6600</v>
      </c>
      <c r="D462" t="inlineStr">
        <is>
          <t>0.6408644</t>
        </is>
      </c>
      <c r="E462" t="inlineStr">
        <is>
          <t>&lt;class 'numpy.ndarray'&gt;</t>
        </is>
      </c>
    </row>
    <row r="463">
      <c r="A463" s="1" t="n">
        <v>461</v>
      </c>
      <c r="B463" t="inlineStr">
        <is>
          <t>learning_rate</t>
        </is>
      </c>
      <c r="C463" t="n">
        <v>6600</v>
      </c>
      <c r="D463" t="inlineStr">
        <is>
          <t>0.001</t>
        </is>
      </c>
      <c r="E463" t="inlineStr">
        <is>
          <t>&lt;class 'numpy.ndarray'&gt;</t>
        </is>
      </c>
    </row>
    <row r="464">
      <c r="A464" s="1" t="n">
        <v>462</v>
      </c>
      <c r="B464" t="inlineStr">
        <is>
          <t>train_input_images</t>
        </is>
      </c>
      <c r="C464" t="n">
        <v>6600</v>
      </c>
      <c r="D464" t="inlineStr">
        <is>
          <t>[b'512' b'512'
 b'\x89PNG\r\n\x1a\n\x00\x00\x00\rIHDR\x00\x00\x02\x00\x00\x00\x02\x00\x08\x02\x00\x00\x00{\x1aC\xad\x00\x00 \x00IDATx\x9c\xed\xdde\\\x14]\x17\x00\xf0\x03\xa2\x84\x01\x8a\xad RR*\x12*\xa0\x82\x81\x8a\x81 \x88\xdd\xdd\xdd\xdd\xdd&gt;vwwaw \xa84\x8c\x1d\xd8\xe4\xdau\xdf\x0f\xab\xbc\x08\xec2\xbb;3wv\xf7\xfc\x7f\xcf\x07\xd8\x9d\xbd\xf7&lt;\x08\x137\xce\x01@\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xe2\xc8\xee\x85\xa3h\x87\x80\x10B\x08!\x84\x10B\x08!\xa4\xa2\xb1\xed\x1ad~]\x90b\x1cHx\x13;7^;\xa97\xed(\x10B\x08\t\xee]\xd4\x19\x92\x1c;\xb6}\x83\xbc\x0fE\xea\xc9\xcf\xae\x18\xed\x10\x10\xe2\x86.\xad\x8e\xcfm\x99K\xabk^\x19\x18\x18@\x81\xfc\xde\xf5\xea\xd2\x0e\x04\xf1\xc5\xb5\xba;\xed\x10\x10RsU\x0b\xd3\x8e\x807\xcfo\x1f\x99\xdd/\x88v\x14\x08!\x84\x10\xe2\xd3\xb8\x0e\xbe|wA\xed9\x1d!\x84\x10B\x08!\x84\x10B\x08!\x84\x10B\x08!\x84\xb4\xce\xe6\x19\x03i\x87\x80\x90\x92p}\x01B*\xf9\xf9\xf3\xa7\x0e\xed\x18\x10B\x08!\x84\x10B\\[4\xb4\x1d\xed\x10D\xc4\x8av\x00\x88\x138\x04\x84\x10+I/\x93h\x87 "\x8fh\x07\x80\x10B\x08!\x84\x10B\x08\xa9\x91\xda\xe5\n\xd0\x0e\x01!\x84\x10%&amp;\xb4\x03@\x08!\x84\x10B\x08!\xa4\xacaA\xb5\x1f]\xdb\xdf\xd0\xc6\x84v \x883c\xdaa\x81?\x84\x10\x0bg6\xcf!\x12fV\xdf\x96\xb4\x03A\x9cyq\xe7\x18\xed\x10\x10B\xea\xc0Z\x17\xc8\x87h\xdaQ \x84\x10B\x08!\x84\x94V\xb3$\xed\x08\x10B\x08\xa9\x91\xb2\x00\x07\x96\x8d\xa3\x1d\x05B\x08!\x1aHZ|\xb7zNeh\x87\x81\x10B\x88GrJ\x02\xf8W.-\\\x1c\x08!\x11\x1a\x16\\\xbb\x81Ua\xdaQ \xbe\xb4r\xaf@;\x04\x84\x14\x86\xe9\xa0\x05\xf2\xf2\xf9\x8b\xfa\r\x1b\xd2\x8e\x02\xf1e\xdf\x9dg\xb4C@\x08\x89X5c\xda\x11 \x84\x10BH$\xca\xd1\x0e\x00!\x84\x10\x1d_\x9e\xdelboJ;\n\x84\x10B\x08!\x81\xe5\xa3\x1d\x00RHA\xda\x01 \x84\x10B\x88\x9a.u\x1d\x8b\xd1\x8e\x01\xa9\x08\x97\x81"\x84\x94\xd1\xaam\x9b\x07\xb1\xe7hG\x81\x10B\x88\x86\xaa\xb8\xb5\x11\xa9\xce\xd7\xda\xd8\xb34N\x04 \x84\x10\xe2\x879\xed\x00\x10B\x08\x89K\xfff\xd5G\x84x\xd3\x8e\x02!\x84\x10B\x88#&amp;\xb4\x03@"\xa7u\xab\x80\xda{\xd9T\xc1u\xecH;X\x14\xa1\x1d\x01\x127\xad\xbb\x00\xfc\xfa\xf5+0\xa4I\t\xdaa $\x80\xfb\x19\xb4#@H!\xadkT\xe4\xbb\x8b\x866\xc6\xd5\xf1\n\x80\x10B\x9c\xb0\xe0\xa8\x1d\'#\x90&lt;\xb8\x9apq\x17G\xed!\x84\x10\x92\x89\x9b!\xa0_\x9c\xb4\x02P\xb0 \x14,T\xb0\x92\x9b\xeb\x85m\x0b8j\x12!\xca\xba\xd6u\xac\x8c\xd3NH\x83]\xdc\xbe\x90\xab\xa6\xe2\xce\xef \x12\xa6y\xe5R\\5\x88\x10B\x88/\xdbf\x0f!\xef\xa2ZT\xe1\xa6\xf2\xf5\xc2!mIZ\xbc&gt;\xa6\x08E\x08!\x9e\xe9\xa9\xf8\xf9\xe6\x95KUqv\x06\xf2\xfb\xd3\xa7O\x9c\x044|\xc9.C#\xa3o\x00F\x00\x9f9i\x11!\x84\x10\x1f\xc6\xb5\xf7]6\xb2\xd3\x8b\xb0\xa3\xe2L\xb40o`\x08\xef\x8b\x8a\x10BH=\xa9:\t\xac\xa3\xab\xfb:\xe9\xd5\xe7\xcf\x9f\x9f\xe7u\xa4\x89\x8a=)e\xd4\xf2\xbdOh\xf4K\x8b3n\xfcA\x08\t\xc9\xc5\x84v\x04\xe8\xaf\x05\x83\xdb\xd0\x0e\x01!\x84\x10B\x08!\x84\x10B\x08!\x84\x10B(\x87\xf6\xb5li\x87\x80\x90\x16Q\xefl\xa0{\x16\x8e\xeaX\xbb\x12\xed(\xd0?&lt;J+\xffK\xd5\xba}[\x0e#A\x9a\x07\xb38\xa2\xff#\x12\xe6\xf4\x86\x99\xb4\xa3@\xffH\xb8\xb0\x93v\x08Hcu\xf6\xb6\xa7\x1d\x82FQ\xef\x84\x0b.f\xc5\x8a\x16+\xbaq\xdf)\xda\x81\xa0\xff\xfb\xf1\xe6q\xc4\xa37\xb4\xa3@\x9a)\xed\xd9\x87t\xda1 \xb1p-\nA\xaef\xb4\xa3@BP5i\tB\x08!\x84\x10B\x08!\x84\x10\xfa\x8b\x9b\xa4\xde\x08!\x84\x10BHQu\xcc\xf4i\x87\x80\x10B\x08!\x84\x8a\xd2\x0e\x00!\xb5T\x98v\x00\x08!\xb538\xc0\x93v\x08\x88\x0b}\xfc\\\xe3qw(\xd2V\x96\xb4\x03PGW\xf7,%\x19\xcc\x81\xa5\xe3h\x07\xa2\xe1\x84\xd8^\xb3\xfaT\xc4\xef_\xf3\x04\xe8\x08!\x11zL;\x00u\xf4Q\xf2\x11t\xa0BE\x0b\xda\x81 \x84\x10\x12\x96\x8d.H\x1e^\xf563\xa0\x1d\x08BHd\x96\x8d\xecD;\x04\xc4\xbb.u\x1di\x87\x80\x10B\x08!\x84\x10B\x08!$\x16n\xc5hG\x80\x10B\x88\x13mj\xe2\xc2Q\x84\xe4Z;\xa97\xed\x10\x10B\x08\t\xaeE\xd52D\xc2,\x1c\x82\xf5c\x11BH\xcb\xd4*\x97\x9f|\x88\xa6\x1d\x05B\x08\xa1,L\x84\xea\xa8E\x952Bu\x85\x10B\x08!qx\x11v\xb4\xa1\xad\t\xed(\x10R{\xba\xb4\x03@Ha\xe5+\xd9\xfa\x07\x06\xd0\x8e\x02!\x84\x90\xb0\xf2\x03\x90\xf7Q\xb4\xa3@H\x13\xe0\x13\x00R3?\x00\xf6o\xc7\xec\xe2\x08!\x84\x10B\x08!\x84\x10B\x08!\x84\x10B\x08!\xa4\x91\xaa\x16\x86\xa6\x0e\xc5iG\x81\x10B\xbc)\x05p\xf7\xf8z!*8\xab\x15+\x80\x1f/\xee\x10\tS\x90v$\xea\x02\x7fP\x08\xa9\x9f&amp;\xf6\xc5\x89\x84\xa1\x1d\x85\xe8\xac\x18\xdd\x85H\x18"az5\xaaF;\x16\xf5\xb0u\xd6`\xda! \x84\x14T\x04 :t\x0b\xed(D\xe7\xf0\x7f\x13\xa5\x17\x80\xb0\xc3k\xd8\x1cO\xd2\x13\xdeF\x9e.\xcdwX\x08!\x84Td\n\xf03)\xfc\xe3\xc3k\xb2\x0e0\x07H\x89\xbb@$\x8c\x8b\t\xab\x06\x0f.\x9f@$\xcc\xa2\xa1\xed\xa4\xdf\xf6l\xe8\xccA\x94H\xcd\x95\xcb\xf2u\xfff\xd5mpw,Bbpt\xd5\x14"a\xbe&gt;\xbb-\xff0\xaf\xb2\nL\x8e\xf4m\xe2\x96_\xb5\xa8\x90\x86)\x9f\xe5\xeb\xe8\xd0-!\xd5-Tl\xd0H\xc5\xcf#\x84\x00\xc0^\x1f\xae\xeeY\x1a\xe4jF;\x10\xa4\x15\xec\x0b\xc0\x80\xe65hG\x81\x90\\/\xee\x1c\xc3b\x08\x08!\xd5i\xddp\xd7\xb9-s\xe7\x0fjM;\n\x95\x18\x19\x19U\x11w6\xfc\n\xb4\x03@\x08\xb1\xa1u\x17\x80gO\x9f\xc5\xc5\xc4\xd2\x8eB%\xa6\x8e\xf5C\x994\xdaQ\xc8\xe4Z\x14\x12\x9e\xdc\xa4\x1d\x05B\x08\xe5\xc6J\x87v\x04\x1amJ\xb7f\xb4C@\x08!\x84\x10B\xb2\xe5\xa3\x1d\x00B\x08)`r\xd7\xa6\x85~\xa4=x\xff\x99v \x08!\x84\x04\x91\x99\xc5\xe8\xf9\xed#\x13:5\xa6\x19\nB\x08i\x8ck{\x96\xd1\x0e!o\xbe\xd6Eh\x87\x80\x90X\xd9j\xe2`^\xb9\xbc\x0fA\xaa\xea\xd1\xa0\n\xc9H\xa4\x1d\x05B\x08!\x1a\xd2\x12.\xd1\x0e\x01!\x84\xf8\x14sv\x1b\xed\x10D\xaac\xedJ\xb4C@\x08)n`\x8b\x9aKGv\xa2\x1d\x05\xf7\n\xf3\xd0\xa6)\x0fm*\xaa\x18\xed\x00r%\xce\xa8\x84\x87;\xd8\x85\xa0O;\x00M\xf2\xfa\xde\xc9\xef/\xee\xd0\x8e\x82c\xd5\x8b\xc3\xcb\xf0\xe3\xa5\x94\xfd8\xd6MC\x08i\x05]\x80\xfb\xa76\xd1\x8e\x82KQ\xa7\xb7\xbc\x8f&gt;K$\x8c\xad\xb2\'\xf2v\x9e\xd6\x9cF\x84\x10B"\xa6\x01\x8f\xf0\xb6z`\t0$\xd0KZ\xe1\xeb\xc4\xda\xe9\xb4#BH\xf3i\xe2\xe2A\xad\xd1\xd4\xa1\xc4\xc0.\xc1\xa7nD:\x97\xd2}\xf9\x89\xd0\x0eG%\xeb\x96\x8c\xcf\x9f\xffG\x11\xe3"\x05\x0b\xe8\x9b97\xdey\xec"\xed\x88\x10B\x8aH\xb8\xb8\x8b\xf36qZF\x0eG\x03\xf8\xf92\xbc\x99SI\xda\x81p`\xee\x80V&amp;\x00\x16\xb4\xc3@(\xa7\x1a%\xc0\xa7\x82!\xed(D\x0f\xc7^\x85\x97\x12w\x81\xbc\xbeG;\n\x844\x99\xb5\x0e\xb4\xaeQ\x91v\x14\xbc\xe0r\x08(\xfaE\n\x87\xad!6lK\x16\xacV\xcb\xcb\xe8\xe3\xbbsaq\xb4cAH3\xa5\x00$\'\xa5}\xa4\x1d\x06\x1fp\x0e@\xbdI\x9e\xc6\xea\xe9\xe8\x98\x9a\x9a\xee?s\x9dv,\x08i\xac\xcc\xb3\xff\xbc\x01!g\xc3\xd4\xbb\xa2\x14}c\xda\xd6\xa7\x1d\x82\x86\xd0\x05\xa8Z\x18\x1aX\xf2\xb1q\n!\x94\xdd\xa4.~\xb4C\xd0h:\x00f\xb4cP/NF@7M"\xee\xecCHM\x89\xae&amp;0\x01xA;\x06\xf5bZ\xdc \x83^\xef\xfeUJ{T0\xa2\xd7?BHyX\x1eW\xed\x19\x02|\xa1\x1d\x83*F\xb6\xf6\xb1\xb3\xb7\xbfz\xf9\xca\xe6\x8b8\xb4\x8a\x90\xa0D\xf7\x04\x80\x14\xa5\xd6g\x7f\x00x\xf4\xe0\xe1\xcd\xeb\xd7\xdf\xbe~\x1dP\xb5,\xedX\x90\xf62\x05\xb8\xbckqr\xec\xf9A-&lt;h\xc7\x82\xe4\x9a\xd0\xa9\xf1\x94n\xcdhG\xa1\x99\x1c\rhG\x80\x10\r\xfb\x16\x8f\x91\xa6!yr\xe3`5c\xda\xd1\x08E-\x9f\x00\x9a\x07\xb6\xd0\xd3\xc3\x05\xac\xbc\x88\xfdJ;\x02\x84h\xf0\xf5\xfbSg\xb8L\xd9\xb2&gt;\rj)\x9d\x8c\x16\xe5bF\xaf\x00\xe9\xd5\x95v \x08!\x94\x0bi\x0eZ"aH\x06\xb3j\\w-y\x14\x16\xe8\t\xa0\x881\x16tF|\x19\xdf\xb1!\xed\x10\x90\xda+Q\xd9\xf7\xfe\x95\xab\x00\xf046\xb6\xef\xac\r\xf8(\xcc\xb1y\x03CZ\xb9cn7\x84\x90x\xf9W)M;\x04\x84\x94U\x86v\x00\x08!\xc4\x97%\xc3;\xc4\x9c\xd9\x16X\xad\x1c\xed@Dj\xcb\xccA\xb4C@\x08!\x1e8\x19\xc1\x8f\x97w\x88\x84y\x1b\x19\xda\xa6\xa6%\xedp\x10BH\xbd\xa9\xd3N`}\x80\xaf\x12\x06\x00\xde?yR\xcc\xb4x\xbe\x82F:&amp;\xf6\xb4\x83B\x00\x00\xe5\x01^\xd2\x8e\x01\xc9Q\xcd\x18\xee\xa5\xd3\x0e\x02\x89\x8f\xb2\x85\xb7i\xf8\x06\x00?\x7f\x82\x9e^D\xd8\x9d\x84\xb8x\xefz\xf5hG\x84\xfe\xc0\xb3\xbf\xc8\xe1\xd9\x1fi\x82\xdb\x87V\x11\t\x83\xe3?H`\xdf_\x845\xb6+F;\n\x84\xd4MZ\xe2%\x0e[+\x0c\x10\xbaqvQ\x0e[D\x88\x05"a\xc8\xdbH\xe6\xf2\x1e\xbc\x08 \x84\x90\xd6\xa9U.\xff\x87\x98s5K\xa9\xd3\xb4\x19B\x08!\x84P.0\xa5\x1aBJjdkba\xac\xf7$\xf5;\xed@\x10B\x08\t+?\xc0\xf9\xad\xf3hG\x81\x90\xf2\xd42\x1d4Bb\xf0\x03 \xea~\xa46\xafH\xc3r\xd0\x08!!\x94\xfe{\xb7R\x92r \xff0\x02\xa8^\x9cv\x10\x88g\x93\xba\xf8\xd1\x0e\x01!\xed\xe6\xa0\x0f\x00`\x02\x10R\xdd\x82n$Y\xd5\xb50\xba\xb0m&gt;\xed(\x10_\x8c\x00v\xce\x1f\x9e\x1a\x7f\xb1"\xedH\x10B\x00\x00F\xb4\x03\xc8\xca\xad\x18\x10\t\xd3\xbdA\x15\xda\x81\xe4\x01\xb7/\xa0\\\xe1\x1c\x00R3\x9fi\x07\x90Ux\n\xbc\x7f\xfc\xa4\x9eo}\xda\x81\xe4!\x85v\x00\x08!\n\x1aX\x15\xe6\xa4\x1d\xac4 \xcb\xc1e\xe3i\x87\x80\x10B\x08!\x84\x10B\x08!\x84\x10B\x08!\x84\x10BbS\xab\\\x01E?R\x8a\x8f8\xb8`\n0\xa6]\xfdA-&lt;h\x07\x82\x10BHX\x07\x96\x8e\xfb\xf6\xfc\xf6\xafW\x11\xb4\x03\xd1\x16E\x00\xfa5s?\xb7\x05\xf32!\xa45\xca\xd2\x0e\x00\x89\xc4\xe3\x1b\x07\xc9\xfb("a\x8a\xd0\x8eD\xed\xe0F0\xa4\xaeJ\xe2\x9f;\x02\x00\x80\x8a\x95\x9d\xc0\xc0\xe0YLl\x06\xedH\xd4\x0e^\x00\x10[\xce";\xe1\xde\xc7?w$\xf5\xfd;\x00\xa4\xa5\xa6\xd2\x8e\x03!\x05U3\xa6\x1d\x81\xd6k\xee$\xaa\x04\xa3Ha+Fw!\x12\x86H\x18\xda\x81 $b\xc6\x00+\xc7v+\x02 M^\xa6\x07`\xa3\xb6O\x80\xc5\x01\x96\x8f\xeaL;\n$\n\xf9\x00\xe6\xf4\x0b\xa6\x1d\x05B\xe2V\xd7\xc2\xe8\xd0\xf2\t\x00\xe0UF\x8fv,\xea\xa7\xbd\x97\r\xed\x10\x10\xe2\x98\xda\xde\x01"\xc5u\xe9\xd9\xe3\xcd\x9b7\x00p\xfd\xf5O\x9e\xba\xb0\x04\x18\xd3\x8eZjL\x07\x03\x1e\x1b\xdfq\xfd\x01\x8f\xad#\xada\xaf\xf0\x8e\x17\x1e\xe1\x05@DZ\xd7\xa8X\xa3\x04\x8f\xed?d\x98\x98\xc8(\xa5?^\xdf\xb2p\x9eg\xd8\xcf\x00&amp;E\x8b*\xdd\x85\x8a\xe2\xbe\xd2\xea\x19\xd1\xb7r\\w\xb5x\xb0\x8d\xffN;\x02$Z=|\xab\xd2\x0e!w\x8f\xae\xed\xcfu\x9e\xcd^\x1f\xbc\xcd\xff\xb9,\x0c\x0e\xf0\x140.\xb5\x17\xe4j6\x7fPk\xdaQh\x02\xf2&gt;z\xfe@\xfcI"\xc4\x11\x03\x80EC\xdb\x01@~\x80\xf7\xd1gs\xbd\x00\x18\x03\xb4\xae\xf1O\xbd\xbc\x89\x9d\x15.\xa0j\xad\xa3J\x98\xf4u\xf6\xb6\x1f\x11\xe2\xad\xdcg\x1f^\xdd\xf7\xfc\xf6\x11n\xe3\xd1NWv/\xf9\xf12\xbc\x9d\xa75\xed@\x10\xe2\x0e\xc5A:?{\xd3\xe1\xc1u2\xbf\x9d\xd2\xad\xe9\x9eE\xa3\xf2\xfcTA&gt;C\x12\xa7]\x0bF\xde=\xbeA\xd6\xbb\x0e\x06\xd0\xc8\xd6D\xc0p\xb4\xd7\xd6Y\x83??\xb9\xe1k\x8dk\xab\x11BBY9\xae\xfb\xd8\xf6\rd\xbd;$\xd0\xeb}\xd4\x19K!\x03\xa2\xc7.?\xe5\x00\x9a\xd8\x9bR\x8e\x80\x0b\x93\xbb6\xa1\x1d\x02B9\xe4\xa3\x1d\x80\xd2\xaa\x17\xd7\xc6G\x13\x81\xe9\x02\xb0Y\xc50\xb5{\xf3\x94\xb8\x0b\xfc\x87\xf3\x87\x93\x117\xed\x94\xe3\xa6\x19V\xc4\xb6\xeb\x1e\xd1\xa1O\xaf\xeb\xf29^\xb1\x04\xd86{\x88\xf0\x91 \r\xf3\xea\xee\x89wQg\x04\xebn\xed\xc4^\xff\x8d\xed\xc6IS5K\xaa\xf9l\x15\xe2\x1c\xaf\xf7\x05^e\xd5ba\x1bB\nX=\xa1\xe7\x8e\xb9CiG\xa1\x8c\xfe\xcd\xdci\x87\x80D\xc6NL\xdb:\xc4\xc6\xb5(t\xaccG;\n\x84\x10B\x82\xfboL\xd7\xd3\x1bf\xd2\x8e\x02!^\xb4r\xaf\x90pq\x17\xed(\x90:[5\xae;\xed\x10\x10R\x03"|\xd2\xde8\xb5\xdf\x8b\xb0\xa3\xb4\xa3P\t\xa6\x82\xa0\xac\xef,\x99\xeb\xc7\x11\x12\xb3\'7\x0f\xb5\xa8Z\xa6\x81U\xe1\xc2\xfc\xb4O\x92c\xb2~+\xc2\x04\n\x84\x90\xa8\xfb\x91\xb4\xa3@\x08!\xc1\xe9\x02T.\x08%\x00\xf8\xd8v\xa5\x0f\xb0dx\x07\x1e\x1a\xe6Rc\xbbb\xb4C@\x08\xd1&amp;\xc2\xd1\tu\xe7h\xc8q\x83\xbb\xe6\x8f\xa8\xceg\xa6E5\x85C@\x1anP\x0b\x8f\xd0M\xb3s\xbe~`\xd9\xb8\x88c\xeb\x84\x8fG#\x89ptB\xdd\xfdT!a\xf9@\xff\x1a9_|\xc8&lt;\x88x\xaf|\x9b\x08\xa9\xab~M\xdd\x01\xa0\xf4\xbf/\x16\x03\x08r5\xa3\x12\x0fB\xbc"\xa9\xf1m=\xachG\x81\x10B\x88\x9dV\xee\x158i\xc7\xdb\x9c\xeb\xc1#\x8d\x86C@\xc2\xb1\xd6\x85&amp;\xf6\xc5iG\xc1\x8a}\x01\xa8]\x0eG\xb6Q.\xe6\r\x0cY\xc9Qf\x85\xac~|\xe7f m\xcd\x96\x8d\xdef|V\x86CH9\xe4\xcd\xbdY}[\xd2\x8e\x82\x95n\xf5\x9d\x88\x84)C;\x0c\x84\x14\xc5\xd5\x93\x04\x12\x1d\xb5N\x8b\xd3\xca\xbd\x02\x9103\xfb\x04\xca9\x86Z)\xc5\xdcL\xef\xd5B=\x9eV\x10B\x1a\xcfZ\x07&gt;\xc4\x9c\xabcF1?\xa6\xf2Hz\xa2\xe4\xc1\xd5\'7\x0e\xe2\xcd\x89Zk`\xc5\xd3\x9e\'\x84P^~%Ed\xab&gt;\xa8.\xaa\x19\x83=\x8e\xa8\xab3s\x80Ze\xf3\xaf\x99\xd0\x93v jIK\x8a\xe1p\xa5\xa2\xc8\x06\x03\x90\xb6k\xeba58PD\xa5\xdes\x0e\x06\xe6\xac^\xc0\x87\xcaXSFq\x0b\x06\xb5ytm\x7f\xe9\xbc\x0fD\x08!\x16\x16\rm\x97u\xad\x9fm&gt; \xef\xa3\xa8E\x83\x00\x02\xab\xe5R\x17\x83\xa4\'\x92\xf4\xc4g\xb7\x0e\x7f|tM\xba\tW&lt;#h+\xc6t\xa5\x1dB\xee8*_\x86\xd4\x99\r\xae\xce\x95\xab\x14\xed\x00\xa8s4\x80Y}Z\x8ad\x99\x96\x8b\t\xac\x9b\xd4;\xe7\xeb\xe4]\x14\x910\x8f\xaf\x1fHK\xb84\xbecCn;\xdd9o\xb8*\x1fod\x8b\xa3,H\xac\xc4\x9f\x06\x0b!\xa9f\x8e%f\xf7\r\xca\xf5\xad\xc9]\x9b\xc4\x9e\xdb\xde\xb2ZyW\xc5s\xa6-\x1c\xd2\x96\xa4\xc5\xcbz\xb7J! \x12F\xe1F\xd5\x81\xad\xfa\xd6\xddFH\xbd\x88gDB}\xdd;\xb9qD+o\xce\x9b\rp.K\xd2\x13d\xbd;,\xb8v\xd6\x0b\x00\x16\xeaU\x9aZ\xaf\xadGH%\x12\xda\x01\xa8\xafR\x00\xdd\xda7\xb0wt\xb4\xb3\xb7?\xb4\xef2\xe7\xed\x1f\xbe\xffJ\xc7Xf1\xd1\x12%K\xde\x0c\xfd\x7fYy\xc2y\xf7Z\x03\x07\x9b\x11}M\x1cp\xcf\x99\x9aY&lt;o\xb8\xa5\xb5u\xc7n]\xe3bb\x1f\t\xde{Fz\xc6\xa7O\x9f\xeaY\xe0\xaa,$2!\xd5-p\xd5\xb3\x9f\xbd)\xed\x10\xb8\xd1\xa1v\xa5\xc9\xdd\x9af~\x8bk\x193\xbd\x08;\xeago\x1a\xecfN\xa5\xf765-\xef\x9d\xd8P\xdf\x12\xc7\xf0\x90\xc8t\xa9\xeb\x10sv\x1b\xed(\x90\xaa\x06\xb5\xf0 i\xf1D\xc2\x9c\xdb:\xcf\xb3t&gt;\x00\xe8P\xcb\x167rKY\xe9\xc0\xd3\x9b\x87hG\x81\x90(y\x9bc2B\xb5\xb7aj\xbfG\xd7\xf6gM{I\xe7^W\xfd\x95\x05\x889\xbbm\xd3\xf4\x01\xb4\x03A\x887s\xfa\x07\x0b\xd6W\xf3\xca\xa5pK*R\x17&gt;\x15\x0c\xcfo\x9b?\xad\xa7?\xed@\x10\xe2G\x0f\xdf*\xa9\xf1\x17\x05\xeb\xee\xd2\x8eE^ep\xf9\x16B\x08\xe5\xc5\x9d\xff\xf9\xc8\xa2\x00mj\n7\xf5\xeb\xa4\xe0n\xf1aA\xb5\xf9\t\x84\x9a\xca\x05\x15\xfe!(\xc4\xdb\xdcp\xee\x80V&lt;v\x80\x90f(\x0b0\xa6]\x03\xdaQ\x88\x91xFi\xda\xd4\xb4\x1c\xabY\xffF\xbf_\xdd=\xfc\xdf\xc4\x9c\xaf7\xb41\xf9\xfe&lt;\xec\xdb\xb3\xdb\x19\x0f\xae$E\x9c8\xbda\x96r\xedo\x9b=d\xd1\xd0\xf6\xaa\xc5\x88\x90\x160\x05\x18\x11\xc2\xfd&gt;@\xb5c\x04 \xe6\xa5\xec\xca\xcdJKW\xbf\x88P\xb7zN\xb9\xbe\xeeV\x0c\x88\x84\xc9\xf9_\x17\x1f\x07\x85\xda\xdf\xbdpT\xc7\xda\x95\xb8\x88\x14!\xa4\xe9Z\xba\x947\x05\xa8\x94\xff\xcf\xb7\xd5\xf9\xbf\x14\xf4jTm\xf5\xf8\x1e\xbcw\xa3\x86HJl\xae\xd7\x80\xfdK\xc7\xb2od\xd5\xb8\xee\xfcE\x88\x90x\x88\xf4\x16O`\xc5\x01&gt;\xab\xf0q\x0bc\xbd\x92\xc6z\t\x1f\xfe\x94\xb5NR\xa5-v:\xb7l\xe8Z\xbd:s\xfd\x9c\xf1\xef_o\xb9)\xa6\xad!\x9c\xca\x18;\xb8T\xcb\xf9\xbaC\xb5j\x05?\xbe=\x1b\x16\xcb\xa6\x91\x13W\xefq\x1d\x97\x1ak\xeaX\xa2a\r\xa7;L\x92\xd2-\xdc9\xb2\xc6\xcd\xa6\xec\xf1+\x11\x1cF\x858\x81i\x94\x00\x00\x8c\x01\xd2i\xc7\xc0\x9fJz\x90\xf8\x13\xf2\x01\xfc\xa2\x1d\x890n\x1fZ]\xbdA\xbd\\\xdf\xd2)l+p0\x9a\xc1Z\x17\x1e\xfe\xa6\x1d\x848\x94\x07xI;\x06\x0eif.\xa0\xb6\x1eV\n\x1d\xaf\xc1g\x7f\x00H\xfc\t\x00\xe0X\x88v\x1cBY\xb1xI\xae\xaf\xff\x96|\x146\x10\xeeU\xd2\xa3\x93\x8eBk\xcf\xfe\x97v,\xca\xf6\x8a&amp;\x9d\xfd5\xd3\xd4\xee\xcd%\x0f\xaf\xaa\xd2\xc2\xb1\xd5S8\x8aE\x14\xaa\x14\x02\x00(K;\x0c!\x9d\xdd27\xe74@\x8f\x06U\x14j\xa4\x10@\xdf&amp;n&lt;E\xc8\x86s\x11\x8a\x9d#\x00\x80&gt;~.\xb4C\xd0\x02\xc7\xd7L\x93\xe6\xcf)\r\xf0\xe4\xc6A\x15\x97x\xcf\x1f\xd8:\xee\xfc\x0eUZ8\xbfu\xbeJ\x11 \xeeL\xef\xe9\x1f\xbaQ\xc9\xd5\x9c\x00pz\xc3\xacO\x8f\xae\x7f}z\xeb\xf3\xe3\x1b\x8a~v\xd1\xd0vi\x89\x97\xe4\x1c@\xdeE5\xaf\xfc\xa7:\x99\t\x0fO\xd3\x17\xb6-0\xe1\xbaM\x84D\xe7\xd4\xfa\x19\x9f\x9f\xdc\x0cv3\xd7\x01X7\xa9\xb7\xea\x8bh\xc6u\xf0U\xe5\xe3+\xc7u\xcf\xba}l:o\xbb\xd8K\xf0\xd4nn\xa2\xcfl\x15\xb07\xce4\xb1/N+\t\xcf\xa1\x15\x13\xee\x9d\xd8\x08\x00S\xba5\x8b\x0e\xdd\x92\xf3\x00"av/\x1c\t\x00{\x16\x8e\xbaupU]\x0b\xac\xe7J\x87Gi\xcd\x1c\xca\xd6"\xe9\x89\x97\xab\x88r\x90z\x80\x7f\x8de#;\xf1\xd1rUAr\xd9v\xa8e\xfb\xfb\xf5\xbd\xa9\xdd\x9b\x0b\x99\xadH3\xac\x9e\xd0\xf3\xd5\xdd\x13\x00\x10P\xb5L\xce\x9d\xde\x15\x00\x88\x84\xc9`\xae\xd8\xebC\xb0\x9by\xed\xf2\x05\xa4\xaf\xdb\xe8\x82\x7f\x15\x11\xe5\x8dv\xd0\xcf\xe3\x80 W3A\x02\xa1\xcc\xc5\x84v\x04H\x8e\t\x1d\x1b\xd1\x0e!w\xcd\x9dJ)6\xa1,2\xe3;6|"7s\xafWY\xbd\x1e\xbe\x8a\r\x8ek\x89\xde\x8d]b\xcfm\x97\xf5\xee\xd1U\x93\xa5S\x0b\x02l\xfb\xe0U\xeb\x1a\x15\xb9mP\xb3W\x16b\xb5\x0fQ\xabU\xae\x00\xed\x10\xd4\x8c\xf4,v\xff\xd4&amp;\x00\xa8\x94\x1f\xf0b\x90U]\xd95\xa72\xe7\x96\xa7\xf5h.dH|\xc8\x9f\xf7!\x08\xa9\x03c\xda\x01\xa8\x17\xd3,\'2\x000\x03h\xeeT\x8a\xd7\x1e\x9bjJ\xf5\xc7\xcc\x9f\xdb\xb7g\xb7[V+O;\x1c$.BN\xef\xa9B\xd3&amp;OD\xb5\xa2\xdf\xbe\x00\xd4,)\xea\x07\xe2\x1f\x7f\xbf\xf8\x95\x91\x01\x00/\x00\x8e\xc5\xbc\xe5\xb5G\xb3\n\x1aRXE\xa7\xb0\xed\xed\xb3\xe7\x01\xa0@\xb1\xa2\x9dzt\xa5\x1d\x0e\x12\x97\xf7\xb4\x03@\xf4\r\x0e\xf0\x0cq\xb7hboJ\xde\xdckh#\xd2\x87\x13wS\xd84}@1\xdaa\xa8\xa9\x82\x00?^\xdeyxu\x1f\xed@T5\xb5{3\xda!\x88\xd4\xf7\xe7aX\xce\x0c)#\xc0\xf9\xcf\xee\xab\x93\xebf\xac\x9d\xd8\x8bn0jJ\xd1M\xdd\xc2\xdb\xbdp\x14\x910\xea\xbe\x96\xe6gR\xb8\x1b\xde\x05\xe4P\xe1\xefX\x1f\xb7K\x14E\x93*\x1e!zn\x1e\xf8\x8fv\x08\x7f\\\xdf\xb7\\\xe9\xb3_\xd7\xba\x8e\xef\xa2\xce\xc8\x9aG\x953\x8d,*\x8an\x93\xd6\x1e/\xee\x1c#\x12\xa6\x1a\xa7\x0f\xf0\x8e\x86\\\xb6\xa6\nM\x9b\x03@j\xa4\x881\xdb\xbf\xaa\xca|n\xb1\xb2\xcb\x0f\xef\xde\xbeU\xfa&lt;\xbd\xe3b\xec\xa3\x07\x0fle\x94\\X\xbfck\x19e[\x16\xd2\xfasQY\xbf\xb5\x96}b\xf01\x17\xcd\xd9K\x10Q\xf7\xee\xaf\x9e=\xf7\x1e\xa7\xb3\x8b\xb1_\xb8lMs\xb8\x16\x15\xae/\xdc\xb5\xa9\x16V\x8f\xefqz\xc3\xcc3\x9bf\xab\xdeT\xce\x05Hg6\xcdY9\xae\xfb\xf4\x9e-\xda\xd4\xb4,\xa7l\xb3\x1b\xa6\xf6\xfb\xfe"LV\xe5\xd1&gt;~.!\xd5-\xd8\xb7\xe6\\\x04\xdc\x8b\x03\x00\xf8\xd9\xd1\x19\x91Y5\xae\xfb\xbd\x13\x1b\x99K\xbbe\x15\x11\x12\xedl\x16O4d\xd1\x02\xdf&lt;\xcbpPZ\xc0\x1e\x17\xf1\xa3\x7f\xbd\xbe{r\xcf\xc2Q\x9c4\x95\xf3\xd6u\xc3\xd4~\xe3;6\xda9\x7fx\xae\xc7[\xb2\xab\xed38\xd0S\xce\xbbv\xf9\x81|\x88f?\x82\x9c\xf9\xb8P\xab,\xcd\xd5\xf9\xe3:\xf8J\x9f\x01\\\x8be?\xe3\xb7\xf5\xb0:\xb3i\x8e0\xbb\x1f^\xdf;\x85\xa5\xd9\xd4\x83\x8b\x807\xef\x99\xb6\xcd\x1e"\x7f4\xad\xae\x85Q&gt;z\x9b\x03\x06\xb6\xa8I\xa9g\x84\xb8\xd1\xb3a\xd5K;\x17\x95\xfc\xfb\xad\x9f]\xb1A-j\xae\x1c\xd7\xdd\xdb\\\xb92\xa3\x8a\xb9\xb6w\xb9\x00\xbd \xb5\xe4UV\x8f\xbc\x8bL\xb8\xb8K\xd6\xc3\x87\x11\x00sy\xcf\xe9\r3sM\xe6c\xc1otP\x18`\xe1\x90\xb6&lt;w\x82\x10\xef\xa4I\xa9\xcd\x00\x12/\xed\x1e\xd3\xae\x01\xe5hX\xd3\xaa\xfc\xe7JS~\x12\xb8\x81U\x91\xf6^6\x1c\x86\xa2(\xbf\xe6\xcd@G\xd7\xc6\xd6v\xe9\xeaU\xb9\x1e\xf0\x19 !6\xaeQp\xd0\x8f\x1f?r\xbe\xfb\x94\xdf\xe8\xc0\xbe8\x14/\xa1.\xfb\x015\x93kQ\xc8\\C\xbaxX\xfb\x9a\xa5\xb2o\xca\xd3\xf2|\xfbU\x0b\xb3J\x02\x91\x01\x00\x00/\x00\xdc}\xda\xcc\xd9y\x8e\xdf\x988R\xa7\xbc~y\r\xd9r.Vm=\xacTL\xbb\xaf\x84\xb9\xfd[\x8diW\xbfu\x8d\x8a+\xc7v{xu\x1f\xc9`HJ\xac\xfcm8\xb4\xce\xc1\xe5\x00\xee\x1cY\x93\x99$R\x8dp\xbb\xe2\x8d"_\xeb"\x99#\x93\xbb\xe6\x8fP1Ix\xae.l[\xf0\xe4\xc6A\xce\x9b\x15\xc6\xa3k\xfb\xcfn\x9e3V}n\xea\xd9S\xf7m\x19(w\xcfn\x1d\xfe\xfe\xe2N:s\x99\xa4\xc4\xfdI\xc6\x92\x91\xf8\xe5\xc9\xcdI]\xfch\x87\x96\x8b\xde\x8d]\xf4\xb8k\xad\xbe\xa5(\xf3e\x8b\xd5\xed\xc3\xab\xb3\xd6\xf3\xdb4\xad\xff\x92\xe1\x1dTi\xb0\xa5K\xf6\x84?\xedk\xd9J\x7f\t\xfd\xecd\xac\x01\xd2\x0eZ\xfe \x85\x04\x95xi7\xc9`\xc8\x87h\x92\x1c\xf3\xe7\x1a\xf0.*:T-\xab\x9d\xb07\xb4e-\xf2.\x92v\x14\xea\xe4\xfb\xf3\xb0\xe7\xb7\x8fp\xd5\xda\xbaI\xbd\x7f\xbf\xbe[=\xc7\xe3$\x910\x0b\x06\xb7\x99\xd2\xad\xe9\xbb\xc8\xd08\xd9\xb9\xa35[\x03KAJ[ \x8dT\xafb\xc1`7\x05\xd6\xdaN\xe8\xd4X\xf2\xf0*y\x17\xf5\xfb\xf5=\x92\x91H2\x18\x92\x16\x9f\x1a\x7fqd\x88\x0fo1R\xe6_\xa54\x910\x91\xa77\xd3\x0eD\x9d|z|\xfd\xe5\x9dc\\\xb5&amp;\xbd\xd5xv\xeb\xb0\xac\x03\x9e\xdc8\x98xi7W\xdd\xa1\x9cZ\xba\x94\xf7\xb5\xd6\x94\xd1I\xd1\xe0p\x88BI\xb3\x16\xce7*Xp\x7f\xa3\xce,\x8f\x9f\xb1\xf5tu\x8f\x1a\xaf\x92^\xdd\xbcv}\xf3\xc1}@\x08\xe8\xea\xea\xea\xea\xda9\xd8\x03\\\xe23Rj\xca\x94-\x0b\x00a7o\xd1\x0eD\x9d\xec\xda\xba\xfd\xdb\xd7\xaf\xdc\xb6i\xee\xe8`\x02\x90\x96\xdb[\x15=[*\xd7\xa6.\xc0o\xe5#\xca]\xc7\xda\x95\x06\x0c\x1b\xd2\xaf[\xdf\x88T\xae\x9b\xa6\xe7\xe0\xdd\x97\xb4C@\\\xdb1w\xd8\x8f\x97w\xc8\xfb\xa8\x15\xa3\xbb\xb4\xa9i\xe9Z\x14\x96\x0c\xef\x10vx\xf5\xc5\xed\x0b\xd9LE\xfe~}\x8f\xbc\x8d$o\xef?\xbduH\xb3+\xf5\x9c\xdf6?gUB\xae8\x1a\x82\x18\x9e\xe1\xfd\xecM\x99\xcb{\xb8j\xcd\x82\xf5\x91l\xea7J\x9f\x00\x1e\\\xd9\xabt&lt;YU.\x08]\xeb9\xf1\xf7\x1b;8\xc0\x93H\x98\xc1\x01\xf2v\xa8!D\xdf\xdeE\xa3\xbf&lt;\xb9I\xd2\x13Hr\xcc\xb7g\xb7\xd3\x12.\x92\xb7\xf7Ij\xdc\xe7\xc77\x9a9\x95\xcc\xf3\xe3\x03[\xd4|\x17u\xe6\xfb\x8b\xb0\xd7\xf7N\xe5U\xfa\x14\x89]T\xe8\x16i]\x1a\x81\x8djS\xd71\xaf]MD\xc2|\x889\xeb\xccz\xba\x93\xee\x93\xb5\x15\xc0\x86)}-\xa8\xc6\x80F\xb6\xf6\xf1,\xcdA~\x04M\xb6nR\xef\xf4\xc4\xcb\xd2q|\x92\x96@$\x0cIO \xa9q\xe4\xed}\xf6\t\xca\x07\x07x\xc6_\xd8\xc9k\x9c\xbcb\x7fZ\xd1`&gt;\x15\x0c\xbf&gt;\xbb\xb5c\xee0\xe1\xbb\xb6bQ\xb3\'\xe1\xe2\xae.u\x1d\xd9\xb7I}\r:\x8d\x8d\xf9(\xbb\xcc\x04Sw\x8fo\x88\xbf\xb0sD\x887\xcdhD\xa8\x18\xc0\xa5\x9d\x8bHrlf\x81=\x92\x9e@2\x12\xc9\x9b{\xb6\xa2\xb9v\xcaJ6\x91\xf7\x13\nbm\xe1\x90\xb6\x9f\x1f\xdf\xe0\xb6M\x91\x97c\xe3\x951\xc0\xbe%c"Om\xe6\xa3\xf1\xa4\x88\xe3o\xef\x9fNK\xb8tm\xef2U\xda\xd1\x9e\xc5\xb3\xc5\x00\x1a\xd9\x16\xad"\xbe\x85\xdc\x94\xd3A\xa7\x00\xdc\xbcv\x1d~\xfe\xfc\xffK\xba\xba\xf0\xfb7\xe8\xeb\xcf_&gt;\x99^\\\xff\x90\x95\xba\xb5\xb4zdz\x17\x9a\x8b\t\\\xde\xb5xT\x9bz^\x8a\xe4\x07LOKo\xd5\xcc\x9f\xdbHn\xbd#\xdc6\xa8Ff\x8f\xedV\xbf\xa1o\x15/\x8f\xef\xcf\xc3\xb8m\xb9\x9d\xa7uY\x1b\x9b\x92V\x96\xc6\xe5\xcaZ\xdb\xdaf{w\xeb\xac\xc1l\x1a\xf9\xf4\xf8z%=\x18\xd2\x93\xe3\x7fq\xd1J\x01\x08eR\xa3&gt;\xd2\x8eC\x84&lt;J\xe9\xa6\xc4] \x19\x89\x99\x1b\xbb\xa4\xcb\xfc\x87\x07\xd7\xa1\x1d\x9a\xaaF\xb4\xd2\xd2\'&gt;\xcf\xd2\xf9\xee\x9d\xdc8]k\xfe\xbc\xc5\xa9\xa5K\xf9\xef/\xc2\x88\x84\x89\n\xdd\xc2a\xb3mjZ~\x7f\x1eF$L\xac\xb2\xfb\x1e\x8c\x01\xbe&gt;\xbb\xd5\xc4\xa1\xf8\xf2Ql\xd7\xfe\xf1\x04S\xb5\x08G\xce\xd6\xec\x13k\xa7\x93\xf7Q\x7f\xae\x01\xa9q$#19\xf6&lt;\x9b6E^\xc6h\xde\xc0\x10\x17\x13\xdaAPR\xd7\xc2HK\x8a\r\x95\x17\xf1V\xd8C+&amp;\x10\tss?\x97\x95\xd7Z\xb9W\xf8\xf4\xe8\xfa\xf15\xd3Tid\xdb\xec!y\x1e\x13~t\x9d*] \xb5\xd1\xa2J\xe9\xd4\xf8\x8b$-\x9ed$\x92\x8cD\x92\x9e\xf03)\x9c\xcd\xaa\xc7\x88c\xebh\xd5\xcd`\xa3\x06\xde`\xa8\xb9\xb9\xfd\x83\xe5\x1fP\xb5\xf0\x9f\x15\xa2\x9ct\xe7h\x006\\_67N\xed\xe7S\x81\xe3\x1a^\x81\xd5\x94.\x9f#\x84\xa5#:\xd2\x0e\x01)\xe8\xc8\xca\xc9\xe4\xcd}\x92\x1aG\xd2\x13Hz"I\x89k\xeeTJ\xce\xf1S\xbb7o\xcd\xdb\xbax$\x0cC\x80\xce\xde\xf6\xb4\xa3\xc8]\xef\xc6\xd5\x0e\xff7q\xd1\xd0vy\x1e\xb9dx\x07\xed\xaa\x91(VU\xffnfQh\x07x\x0f\xdf\xaaJ\xf7\xa8~\x89\x1eE\xcb\xbfJ\xe9o\xcfo\x93\xe4\x18\xe9s\xc0\x97\'7\x9d\x8b@\xf6\xe4[\x7f\x19\x02l\x9d5\x98\xf3\x84\x7f"\x1fP\xd2&lt;\x17\xb6-\xd0\x9e\xf4\tY76\xda\xe3\xa6\x15&gt;}y*\xf4\x9eyQ?\x10\xa9\x8b+\xbb\x96$\xc7\x9e\xff\xf12\x9c\xb9\xb4\xdb\x02`\xfd\x94&gt;\xbf^E\x90\x948\xc1j\xe3\xc9\xbf\x9esR\xf3\x12!\x00P\xeb\x9c6^e\xf4f\xf4\n\xa0\x1d\x85x\xf5n\xec\xb2xX\xfb\xd0\x8d\xb3\x1bX\x89vnH\xdc2\xebk\xbbS\xdfN\x93E\x03+1\xa4K@\x88{\n\re\x90\x0f1?\x93\xc2\x15j\x7fXpmYO\xf39\r\r\xaa\xa5P\xe3\xb9\xa2\xf8\xb7zz\xc3\xac\xaf\xcfn\xc5\x9c\xd9*\xa6\xb3\x17B\x08\xc9\xa0\xd0^\xf4e#;\xf1\xb7\xa1)\x1f\xc0\xcc\xde\x01\xaa\xb73\xbdg\x0b\xd5\x1bQ\x1a.\xfe@&lt;\xf267p+\x06\x9b\xa6\x0f\xe00u\x1aB"\xc1\xfeY\x81.u,\xf6\x874G\x80s\xd9Nu\xechG\x01c\xdb7p7\x05\x07\x03\xd81\x8fB\x1a\x1f\x84\xa8\xe8\xe4m\x7fe\xf7\x92aA\xb5i\x07\x82D,\xe6\xec\xb6\xcc\xaf\x07\xb5\xf0\xa0\x18\tOZT)M\xde\xde\xdf6{Hr\xec\xf9\xd0\x8d\xb3h\x87\x93\x07]\x00\xae\xf29#-\xe7\xa0\x0f!\xd5-hG\x81\xc4-3U\xd6\xb0\xe0\xda$5~\xfd\xe4&gt;\x99o\xb9*\x9e\xad1\xeb\xd2\xc1\x9fI\xe1bXA_I\x0fHr\xec\x84N\x8d\xfa5uoQ\xb5\x8cr\x8d\xe4\x95\x89Y\x19\xda\x93eL\x15\x8b\x86\xb6\xa7\x1d\x82\x1a\xb3\x13hq"R\x7f\xfb\x16\x8fy|\xfd\xc0\xb8\x0e\xbe\\5\xf8\xec\xd6\xe1/On\x8e\xeb\xd0\x90\xab\x065\x8cs\x11\xd0\xdeD\xa0\xff\x9a\xd5\xa7\xe5\xf3\xb0\xa39_/\r@$L\xeb\x1a\x15\x85\x0fI\x1b\xb0L\x8a\'\x95\xb5l\x80M&gt;\xd8\xb7x\x0c\x0f\x11!\xcd\xa2\xe4\xfd6U\x15\x84\xea\xa8\x91\xad\xc9\xfcA\xad\x85\xeaM\xbcN\xad\x9fA$LZ\xe2\xa5\x9c{\x95}\xcc\r\xa5I,\xae\xec^"|`&lt;\xe9Z\xcf\xf1\xc7\xcb;\xd4\xe7\xc6\x8c\x00\xfc+\xb3)4\x87\x906I\x8e=\xcf\xb2TV\x80sY\xe9\x173z\x07(\xb1o\xb6 \xc0\xc8\x10\x1f\x85?\xc6\xa9\xc5\xc3\xdas\xbb\\\xb2\xac\xe2W\xd0\x0f1gIj\xdc\x96\x99\x83r\xbe\xd5\xdc\xa9$\x910o#C\xf9\xde\xadd\xad\x03\xa7e\xcc\x0f\xd9\xe5\x875\x13{q\xd5Q)\x80\x84\x8b\xbb\xa8\x14\x95\xcb\xc6(\xb7\x17G\xb4\xf2\x1e\xde\xaaN\xae+\x87\xb0z\x0f\xd2\nD\xc2\x8c\xef\xd8\x88\xcd\x91\xeb\xb2\xcc\x97\xc8g\x05\xd0\xd0F\xc9\x8d\xb5z\x00\x87VL\xd8\xbd`\xa4#\xd7\xd9|\xbc\xca\xea\xbd\x8a8\xd1\xd4A\xf9\xcd@5K\xc2\xd5=K\'wm\xea_E\xc9{\xc9y\x03C\xc8\xbb\xa8\xdf\xaf\xefZ\xcb\x18\x0eS\xe2\x1a\xf9.2\xf4\xd9\xad\xc3\xa0H!\x11]\x80\xdb\x87V\xc1\xbf\xab\xe3\x03\xaa\x96\x99\xd3/\xf8\xf5\xddxL\x01\xdb\x00\x00 \x00IDAT\x93D\xc2\\\xda\xb9H\xd10r5\xa0y\x8d\x1f/\xef\x88\xe1\x02\x90\xab\xa4\xf0\xe3$%n\xf7\x82\x91\xb4\x03A\x9a(\xd7\x9b\x0e\xb1!\x12f\xde\x80\x10\x0e\x1b\xacc\xa6\xdf\xbaF\xc5\xeds\x86*\xf7\xf1^\x8d\xaaI\x87A&gt;?\xbe\xd1\xb3\xa13\x87\x81u\xac]I\x95zd\xd6\xba\x00\x00\x13:5"\x19\x89_\x9f\xddR"\xe9U\x88\xbb\x05\xf9\x10M$\xcc\xf7\x17\\\x16\x84\xe9\xdb\xc4\x95H\x18\x07\x03\x00\x80N\xdel\x9f\xcd"\x8e\xaf\xcf\xf6J\x8b\xaae\xf6,\x1c\xb5s\xde\xf0\x84\x8b\xbb\x1aU\xe2\xe6\x0ex\xc3\xd4~$\x83\xf9\xf2\xe4f\x9eG\x9as\xd2\x9f\x82\xba7\xa8RM\x8d3\x80 \xa4\xb2\xe3k\xa6r[%f\xc3\x94\xbe\xbf^E(=\x8a\xdd\xbaF\xc5\xd4\xf8\x0bD\xc2\xa4\xc4]\xe0vU\xd5\xde\xc5\xa3??\xbe\xa1\xe2s\x85%\xfc\xc95=\xa7\x7f\xb0\xa2\xa7\x0e}\x80\xa77\x0fI\'\x00T\x8b";"aj\x96\x04\x00X1\xba\x8bs\x11\xa8\xae\xec\xb6W\xce\x17\xd1\x04V+wm\xef\xb2\xe3k\xa6\xaa\xc5\xcd\x10B4\xc5_\xd8)|\xa7E\x00\xea\x94\xe72\x13\xe6\xc6i\xfd\xc9\x9b\xfb$9F\xe9\x16\xf2\x03\xbc\xb9\x7fz\xf7Be\x1e\xccg\xf6\t&lt;\xb7e^&gt;\x00\xcf\xd2\xbas\xfb\xb7\xca\xfa\xd6\xc2!mIj&lt;I\x89U:0)\xf2&gt;\x8aH\x98_\xaf"\x94\xf8\xec\xdeE\xa3O\xad\x9f\xc1mI\xa2B\x00$-\xbe\x8e\x99&gt;(\x98@B\x00\xcd+\x97"\x12\xc6\x08\xa0\x8f\x9f\x8b:.\x91@H8}\xfc\\9lM^\xe9\x06\xc5e\xfb\xebm\xeaP\\\xd6\xf8L\xedr\x05\xea[\x16\xee\xd7\xd4\x9d\xd3\xfe\xd9\n;\xbc\xfa\xc7\xcb;=|\xab\x0c\n\xf0\xc8\x96\xd7:\xe2\xd8:i}S\x96s\x1e\xb2L\xec\xec\xf7\xebU\xc4\xc2!mU\x8b\x943\x03\xfdk\xbe\xbe{\xb2\x9d\xa7\xb5\xd2-T\x00\xb0\x02hdkr~\xeb&lt;n\x93\x81\xb7t)O\xd2\x128l\x10!\x04\x90eM\x8e0L\x01l\xb3\xe4\xdendkru\xcfR\x0eW\xd5\r\xf4\xaf\xa9\xca\xc7\x0b\x02\x00\x80&gt;\xc0\xf8\x8e\x8d\xe2\xcf\xef\\2\xbc\xc3\xa9\xf532\xf7\x18[\xeb\xc0\xdc\x01\xad\xfe\x14\xb8\x960{\x16\x8dV1Z\xc1\xd6\xce\xe6\xe9\xda\xde\xe5D\xc2\xbc\xb8slj\xf7f\xd2W\x94\x18\xfe\x89\x0e\xdd\x9apq\xd7\xafW\x111g\xb6\xb6t\xe18\xf1\x0f\xee\xceE\x88{\xdd\xebW\xb6\x10\xbc\xd3\xe6\x95K\xdd=\xb1A\xfa\xb5\x9bh\xea~v\xa8e\xfb\xe9\xd1\xf5\x87W\xf7I/Hn\xc5\xe0\xbf1\xdd\x1e\\\xd9\xfb6\xf2\xb4\xf4\x80\x90\xea\x16CZz}}v[\xfa\x040\xa5[3\x8a\xd1rhN\xbf`\xe9%-\xe1\xe2\xael\xe3]\xecy\x96\xce\x97\x14~&lt;9\xf6\xfc\x97\'7\x9b;\x95\xe46B\x9e8\xe8\xe7^\x0b$\xcf\x010\xa5\x17\xa7!$O\xa0\xb0\xf7\xe3\xb4\xd4\xb50:\xb9n\xba\x8a\x8d\xcc\x1f\xc8\xd9v\xb0\xc1\x01\x1e\xf7Om\x92&lt;\xb8*=\x0ff\xae\xf1\xf7\xb56\x8e9\xbb-[f\xd6S\xebg\x12\tCR\xe3\xb8\xea\xbdE\xd52U\x15Lr\xbfpH[6%-Yzz\xeb0\x910\x1f\x1f]\x9b;\xa0\x95\x93\xb2\xd3\xacGWN&amp;\xef"\xfb5u\x0fv\xa3\xb2\x12Ga\xe5\x01\xf6.\x1a\x1dvxu\xb6\xd7\x9b\xd8\x17\xcfs\x11\xed\xb3\xdbG\x1a\xd9\x9a\xf0\x14\x18W\x14.A\xadD\x12\x1b\xc4\xadC\xf7_\xd1\x0eA\x08\x95\xec\xed\xeb7lh\xa3Z\x1d6\xb7\x9a\xd5\x97\x8f\xea\x9c\xf5\x15E\xa7+\xe6\xf6\x0f~y\xe7X3\xc7\x12&gt;\r\x1a&lt;b\x1e\x0c\xea\xdd\xf7\xed\xa3G\x00\x10\xf5\xf1\xcf\x01g\x1f\xa6;\xf9v\xb4\xf5\xfe\xe7J\x13z\xf2$\xfc\xf8\t\xbf~\xab\x10\xfb?\xac\xac\xad[\x864W\xe8#6\x95l\xeb5\xe4,\xfbH\xd1\xa2E\x01\xe0\xdc\xe93\xa3W\xec\x8b\xf9\xacd#\x1f&gt;|\xd8\xb1q\xf3\xca\x13w\xf6\x87?\xe7*\xb0&lt;\xa9\x92\xb59:\xfeB\xa1\xc2\x85\x8c\x8c\xb2_\xf1N\xc6\x7f\x98\xbf\xf7\x92\xfc\xcf\xde\xbcz-\x94Ic\xdf\xd7\xa9\xf53/\xeeX\xa8`\x80\xc2R\xf4\x1e\x04\xd1\xc5m\xe9\xd9\x11\xad\xbc9m/\xef\xee\xd6M\xea\xadb#CZz]\xdd\xb34\xeb+\x8a\xfe\x0e\xef\x9c7\xfcgR\xf8\xbc\x81\xf2\xb6/\xd8\xe4\xb8\x8f\n?\xba\x96H\x18\xf2.R\xb1\xce\xe4\xa2\xb8\x8a\xbc\xa1\x8d1ys\x9fH\x98e#;\xa9\xd2\x8e\x90I\xfa|*\x18\xea\x02\x048\x97\xb5e\xb9\xfb&lt;7\xd2\t\x98y\x03C\xba\xd6u\\&gt;\xaas\x8d\x92\x00\x00\xc3\x82y\xc9\x02\x1d\x7fa\'\x9bM\x0c\x08\xb1\x85\x8b\xe1\x80\xeb\x15Jl,\x19\xde\x81H\x98\xafOo\x8diW\x9f\xdb\x96\x89\x84\xe9\xe3\xe7\xc2m\x9bl\x14\x07\xf8\xf5*\x82\xa4\'\xc8\xbf\x10j0+\x1d\x18\xdd\xb6\x9e\x12\xc3\x1f\x1a\x99\x07\x1e!\x99\xb4&lt;\x0b\x9b\x93\x11|~|#\xf1\xd2\xeez\x15\x0br\xdex\xf4\x99\xad3\xfb\x04r\xde,\x1b[f\x0e:\xb5~Fc\x8ev\xed"\x84r\xd1\xbaF\xc5[\x07WfM\x0f\x9b\xa7\xa9\xdd\x9b\xcf\x1d\xd0\n\x00:y\xdb\x9b\xf0\x15\x97\x02\xac\xb2|\xbd`p\x1bjqP2\xbdW\x8b;G\xd6h\xea\xfa\x0f9\xa3)\x95T\x18iA\x08\xfd1\xbbo\xd0\xb1\xd5S\xd9\x1f?\xa3W\xc0\xc8\xd6&gt;\xbc\x85\xa3\x12Yi\xc84\xd8\xd4\x1e\xcd\xbb7\xa8B;\n\x1e\r\x0e\xf4\xa4\x1d\x02B\x1a\xcd\xdb\xdc@\xe9\x95vj\xad\xa7oU%\xb6(K\xd3\xae\x89d\xaf\x80\x16\xae\x93\xa8\xcc\xfdX\x17B*P6?\x95X\x04\xb9\x9a\xf5\xf4\xadJ;\n\xe1\x94U!%z\xfff\xd5??\xb9\x81\x9bnTW\x02`b\xe7\xc6\xaa\xb7#\x86\xa7\xbej\xc6\xf0\xec\xf6\x91A-&lt;\xd6L\xec\xa5\xc4\xd2#n3V!y\x8a\x00Xp\xddf\xb7\xfa\x95;\xf1S2W\x95,(\x8a\xb2\x040\xa6\xba\xf8O\x84b\xcfm\xcf\x96\xf0\xfd\xc4\xda\xe9\xe4C\xf4\x94nMi\x85\xa41\xa4\x1b\xdcj\x94\x00\x00hS\xd3R\xa1\xcf\x8a\xed!@\xf2\xf0*\x910$5\x9e\xa4\'\xa8\xb8t\x15\xf1"\xf37\xa6\xbe%\xa7e\x93\x00\x00\xc0Z\x87\x97\xd1gGC\xe8\xe1\xab\xc9\xc3\xbb\xe2\xb7s\xfe\xf0\xac\t\xbf\xfe\x1b\xd3\x95H\x98l\xbbpyuj\xfd\xcc\x9c\xab\xfe\xf3\xb4pH\xdb\x1ds\x87\xf1\x10\x0e\x97\x1e^\xddw\xfbP\xf6-\xaf,\xf5n\xec\x92Y\xb4@\xf9"8\xdc\xd1\x01X1\xba\xcb\xe5]\x8b\xbf&lt;\xbd\xf93I\x99\\\xaa\x88\x021&lt;&lt;"\x91\xebZ\xcf)\xf3\xebJzpv\xf3\\!{\x0f;\xbc\x9a\xbc\x8fV\xf4S\x01\xceew\xce\x1b\xeeQJ\xd4\xbf\xe0\xc2\x94\x87\x1f\xe8_\xd3]\xc0\xfd`\xbb\xe6\x8fX&lt;\xac\xbdp\xfd\xc9\xc0u\xc59\x84\x10\r\xba\x005\xd4}\x8aIpV:0\xa0y\r\xe9\xd7\xe1G\xd7\x92\xf7\xd1|\x0c\xa5\xea\x03|{v\x1bk."5\x90\xb9\x9d\'?@\xdc\xf9\x1dt\x83\x11\xc6\xda\x89\xbd8/\xbd\x8b\xc4\xaf\x7f\xb3\xea\x95\x0b\xc2\xc9u\xd3\xa5\xb3\n\xd2J\t\x99\xd9\xb39$-\x08C$\xcc\x96\x99\x838iP\xf8=\xe4H\xec\xb8\xcaaH\x92c3\x9fL\x07\xf8\xd7\xe0\xa8UQ\x93&lt;\xbc:\xbboPS\xc7\x12\xf9\x01j\x95\xe5\xbc  7\xbc\xca\xea\x01\x80\x9b\x909k4\xda\xae\xf9#\xa4#f]|\x1cZ\xb9W\x00\x80\xc4K\xbbIZ&lt;O\xdd\x9d\\7\x83H\x98\xef\xcf\xb9,\x83,58\xd0s\xfd\x94\xbe\xdc\xb6\xb9ld\xa7\x95c\xbb\x8dn[o\xf9\xa8\xceY/6\xd2\x92\xcbb\xa1b\xf5\x0c\r\x13q|=\'\x03\x00\x91\xa76\t\xf6\xcf\xacZ&gt;M\xceL\xef\xd9\x82v\x08y\xd86{\x08\x910\xe5\x01z7\xaaF;\x16\r\xb1c\xee\xb0l\xab\xb6x5\xb1\xb3\x1fy{\x9f\xbc\x8b\xe4\xb6\x10\xa6T9N[{\x1b\x19J\xd2\x12v\xcd\x1f\xd1\xdc\xa9\xe4\xf15S\xfb5\xa3S\xd5.o]|\x1ch\x87 "\xe3:\xf8\xaa\x92]\x16\x89Y\xe6\x1a\xd3\xd65\x84\x99\x10\xd5|\xbb\xe6\x8f \x12&amp;5\xfe\xa2\xbd \x0b\xeb\x0b\x01\xf4k\xea\xb6g\xe1\xa8\x8d\xd3\xfa\xcb9L\xf8\x95\xd5\x05\x002sC\x85T\xb7x\x17\x15J$\x0cI\x8b\x97&amp;qQ\x8f\xda\x08\x08\x00\x84\\\xc0\x80\x84\xb7rl7\xf6\x07\x1b\x02\xd41\xd3\x1f\x1e\\G\xa1\xdcMZe\xe5\xd8n$#1%\xee\x82\xc0uD\x1e]\xdb/\xe7]\xe1\xb3\x165\xb25\xc9\x9c\x00#\xa9\xf1\x7f*\x86&amp;\xc7H\x97\x14\x8ba\xe1\xac\xfa\xa1r.\xb6\xd6\x11h\xb5\\I\x80\x11\xad\xbc\xb1\xfc\x8eh-\x1b\xd9\xa9\x8d\x87\x15\xf5dG\xaa\xef\x13\xe4\xfb\xf7yB\xa7F\xfb\x97\x8c\xe5\xb9\x93\xec\xee\x9f\xda\xd4\xc4^\xe6\t\x82\xee6\xdf|\x00\x03\x9a\xd7\xd88\xad\xff\xbe\xc5c\xa8\x06\xa2\xe6\xd6M\xeeC;\x04\x1e\xd5\xad`D\x92c\xc3\x8f\xae\xa5\x1d\x08R\xc9\x83+{y=\xdd||t\xad[\xfd\xca\xca}V\xba\x07S\x93n?\xe7\x0eh\xd5\xa3A\x15\x00xpe\xef\xc9u3TlM]\xeaVj\xa9\xb8\xf3;p\xa4\x16\x89\x1cy\x1f%\xe7&amp;\xbd\x8e\x99\xfe\xbb\xa83\x02\x86\xa3\xe1\x12.\xee\x1a\xd3\xae\x01\x00\x90\xb4\xf8\xd4\xf8\x8b*\xb6V\xbb&lt;\xce\xf7\x89\x98f\'\xddE\x9a!g=\xf1\xacv/\x18IR\xe2\x82\\\xca\x0b\x16\x0f\xb7j\x96\xd4\x19\xd4\xc2cR\x17?\xda\x81\xfc1\xb5{s\xcf2\xf9\x1c\r\xff\xe45\x1a\xd4\x02W0"\xa4n\xbc\xca\xe89\x17\x81\x1e\xda\x91\x0fU\xc8\xf4\x82\x9c\xf363\xd82s\xd0\x89\xb5\xd3\xa5\xfb\'D\xa2\x9eEA\xe9\x05`\xef\xa2\xd1\xb4c\x11;\xc5\xf3Z!u\x93\xb9\x0b_-\xf8W)=s\xc1\xbc\xe6\x81\x8d\xd7\xed\xdc^\x84\xff\xee\xa8\x9f\xb7v\xdex\xc8k\xfb\x1b\xa7\xf5\xabka\xd4\xdc\xa9dgo{\xe0z\xfe\xf3\xd9\x8b\xaf\xa5\xca\x94\xfe\xf1\xfd\xbb\xa5\xf5\x9f\xcbX\x05N\xdbW\xd2\xdf\x99\xf9wo\xdf\xaa\xdeXMqgpR\x11\xf5\xdf\x7f\xa4*os\x83\xcb\xcf\xbf\xca9`\xc5\xb1\xdb\x82\x05\xa3\xb4\xc9]\x9b\x96+_\xce\xac\x82\xf9\x87\x0f\x1f&gt;\x7f\xfe|\xe6\xe4\xe9O\x1f?e\xf0\xdf\xefO\xfe\xbb\xa0\xe8\xfe\xc9\x8dU==\x8c\x8c\nN\x1c5\x7f\xcc\xe4\xe0c\x97\xe3S8m\xff)\xc0\xb9S\xa1\x95\xec\xed|\xea\xd7\xad^\xb3\xe6\xc0y\x9b\x9fq\xda\xber\xe6-["\xfd"-5M\xf5\xd6f/ZP\xb7\xfdp\xd5\xdbA\x08\xfd\xa3&lt;\x80s\x11h^\xb9Ty\x80&gt;~\xae\xd7\xf6,#i\xf1\xeb\xa7\xf4\xa5\xbb.\xc5A\xc6M\xb2:&gt;,\xa7\'^&amp;\x19\x89\xd2U\x98N\xbc%b\x9a7 \xe4\xc6\xfe\xff\xc8\xdb\xfb\xd2o\xbb\xd6u\xe4\xab\'v\xa4\xe3?\x11\xc7\xd6\xd3\r\x03!\x94\x07\x9f\n\x86\x99{\xaf,\x01\xf8\xc8\x11\x96M\x9e\x0b\xe7u\x01\x06\x05x\xe4|\xbdwc\x17\x01\x86\xa48T\xbb|\x01\xf2!\x9aH\x98\x1d\xf3\xf8-Epu\xcf\xd2\'7\x0f\x92\xd4\xb8m\xb3\x87\x00\xc0\x86\xa9\xfdx\xed.Om=\xac\xde\xdc?M7\x06\xa4\xc9\n\x02\x90\xb4\xf8\x8eu*\x01\xc0\xad\x83+i\x87\xa3&lt;\xed\xdc\xd8\\ \xaf\xc5\xef\x17\xb6/\xd8\xbd0{V\xe1V\xee\x15x\x1d\x0c6\x04\xee\xe7\xbd#Om")\xb1\xbc\x96\xc42\x01\x08\xdd8k\xf7\x82\x91\xe9\x89\x97\x89\x84\t\xa8ZF\xba\x10S\xdd\x15\x03hb_\xdc\xea\xef\xb7eh\xc6\x82\xc4g\xe5\xb8\xee\xf2W\xf8!\x11\x1a\x12\xe8\xf5\xf2\xce\xb1\xcd\xd3\x07\xfc7\xa6+Wmr8Ih\xc7\xc3\xba\xf3i=\xfc\xb9/\xb9\xf7\xafNu\xec&amp;wk\x9a\x1c{\x9eH\x987\xf7O\xcf\x1b\x18\xc2s\x87\xdc\xa8U6\xbf\x93\x91\xccww/\x1c\xf9\xf0\xea\xbe\x16U\xcb\x00\x80\x9ez\x0e\x00"$\x16\xb2\xff\xd0\x04\xd2\xce\xd3zR\xd7&amp;\x8b\x87\xb5?\xb8l&lt;\xb7\x05]\x9a9\xaaA\x81\x18\xbe3\xcfV.\x08\xd1g\xb6\x12\t\xb3k\xfe\x88\xc9]\x9b\xf2\xb7\xf9\xd9F\x17\xfc\xab\x94\xe6\xa4\xa9+\xbb\x96L\xeb\xe1/\xeb\xdd\xc4K\xbb\'wmR\xbb|\x01\xea\xd9&gt;\x10R3\xfd\x9bU\xa7\x1d\x82pJ\xca}wR\x17\xbf\xc1\x81\x9e\xf2[\xa8Z\x98\xc3pd\xe2u\xe3d)i\xa2\x7f\t\xc3\xf7\x95\xbe\x18@\xafF\xce\x9c4e\x0c \xe7\xd2\xbdi\xfa\x801m\xebG\x1c_/\xcc\xbf\x0eB\x9aC{\xa6\x16*\x17\x04c\xb9\xd7\x80\xf4\xc4\xcb\x97v,\x92\</t>
        </is>
      </c>
      <c r="E464" t="inlineStr">
        <is>
          <t>&lt;class 'numpy.ndarray'&gt;</t>
        </is>
      </c>
    </row>
    <row r="465">
      <c r="A465" s="1" t="n">
        <v>463</v>
      </c>
      <c r="B465" t="inlineStr">
        <is>
          <t>steps_per_sec</t>
        </is>
      </c>
      <c r="C465" t="n">
        <v>6700</v>
      </c>
      <c r="D465" t="inlineStr">
        <is>
          <t>3.3366795</t>
        </is>
      </c>
      <c r="E465" t="inlineStr">
        <is>
          <t>&lt;class 'numpy.ndarray'&gt;</t>
        </is>
      </c>
    </row>
    <row r="466">
      <c r="A466" s="1" t="n">
        <v>464</v>
      </c>
      <c r="B466" t="inlineStr">
        <is>
          <t>Loss/object_center</t>
        </is>
      </c>
      <c r="C466" t="n">
        <v>6700</v>
      </c>
      <c r="D466" t="inlineStr">
        <is>
          <t>0.43822393</t>
        </is>
      </c>
      <c r="E466" t="inlineStr">
        <is>
          <t>&lt;class 'numpy.ndarray'&gt;</t>
        </is>
      </c>
    </row>
    <row r="467">
      <c r="A467" s="1" t="n">
        <v>465</v>
      </c>
      <c r="B467" t="inlineStr">
        <is>
          <t>Loss/box/scale</t>
        </is>
      </c>
      <c r="C467" t="n">
        <v>6700</v>
      </c>
      <c r="D467" t="inlineStr">
        <is>
          <t>0.122898094</t>
        </is>
      </c>
      <c r="E467" t="inlineStr">
        <is>
          <t>&lt;class 'numpy.ndarray'&gt;</t>
        </is>
      </c>
    </row>
    <row r="468">
      <c r="A468" s="1" t="n">
        <v>466</v>
      </c>
      <c r="B468" t="inlineStr">
        <is>
          <t>Loss/box/offset</t>
        </is>
      </c>
      <c r="C468" t="n">
        <v>6700</v>
      </c>
      <c r="D468" t="inlineStr">
        <is>
          <t>0.18348809</t>
        </is>
      </c>
      <c r="E468" t="inlineStr">
        <is>
          <t>&lt;class 'numpy.ndarray'&gt;</t>
        </is>
      </c>
    </row>
    <row r="469">
      <c r="A469" s="1" t="n">
        <v>467</v>
      </c>
      <c r="B469" t="inlineStr">
        <is>
          <t>Loss/total_loss</t>
        </is>
      </c>
      <c r="C469" t="n">
        <v>6700</v>
      </c>
      <c r="D469" t="inlineStr">
        <is>
          <t>0.7446101</t>
        </is>
      </c>
      <c r="E469" t="inlineStr">
        <is>
          <t>&lt;class 'numpy.ndarray'&gt;</t>
        </is>
      </c>
    </row>
    <row r="470">
      <c r="A470" s="1" t="n">
        <v>468</v>
      </c>
      <c r="B470" t="inlineStr">
        <is>
          <t>learning_rate</t>
        </is>
      </c>
      <c r="C470" t="n">
        <v>6700</v>
      </c>
      <c r="D470" t="inlineStr">
        <is>
          <t>0.001</t>
        </is>
      </c>
      <c r="E470" t="inlineStr">
        <is>
          <t>&lt;class 'numpy.ndarray'&gt;</t>
        </is>
      </c>
    </row>
    <row r="471">
      <c r="A471" s="1" t="n">
        <v>469</v>
      </c>
      <c r="B471" t="inlineStr">
        <is>
          <t>train_input_images</t>
        </is>
      </c>
      <c r="C471" t="n">
        <v>6700</v>
      </c>
      <c r="D471" t="inlineStr">
        <is>
          <t>[b'512' b'512'
 b'\x89PNG\r\n\x1a\n\x00\x00\x00\rIHDR\x00\x00\x02\x00\x00\x00\x02\x00\x08\x02\x00\x00\x00{\x1aC\xad\x00\x00 \x00IDATx\x9c\xec\x9de|\x14I\x13\xc6\x0bw\x08\xee\x10 8\xc1\xdd5@\x80\xe0\xee\x12 \xb8\xbb\xbb\xbb\xbb\xbb\xfb\xe1\xeez\xf8\x1d\xee.wpw\xc0q\xcf\xfb\xa1\xb3\xc3\xech\xcf\xec\xec&amp;\xe1\x9d\xff\x87\xfcvg{z:\xbb3-\xd5UO\x11\xd9\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d8\x84\x01R\x87t\x03l~&amp;\x00\x94H\x155\xa4[a\rqL\x9dU$YDK\xae~a\xfb\x02\x00\x1d\xab\x16T\xfc\xb4j\xf6$p\xb0lT\'K\xaehc\xa3C\x82\x90n\x80\xb5\xfc\xb2xtH7!\xb4\x93=&amp;E\xe2.\x9c+\x0e\x01(\x92\xd4\x9a\x1e0\xb4\x81\x0f\xb7&lt;w-|e\x9d\xbbF\x99\xc6\xc52\nc\x80\xc7\x1af\xf3\x93\xe3\x97&gt;N\x87*\x05B\xba\x15a\x8f\xcc\x91C\xba\x05!\xcd\x9c\xfe\xad\xba\xd6(Z!c\xdc\x90n\x88e$u\xb9\x86hD\xc0[\xe0\x9b\xd1\x13Om\x9c\t \x89f\x19\x880\xddB\x1b\x1b\x1b\xf3\xe4\xf9y\xba;\x1b\',\xe9XMO\x0b\x1e\x9f\xdd\x867W\xf3\xc6\x0f~+\xb9\xcb\xd8[\xf1\x00\xd0\xa4D\xa6\x00\xdf\xc4\xa6\xdbic\xf3\x13b\xcf\x8cl\xac\xa2d\xea\xe8FO\x19\xd1\xba\xaa+W\\4\xac\x1d{\xe1\x97&gt;N\xdf\x86e%\x9f\xd6\xce\x97Z&lt;\x00\xac\x9f\xd2\xc7\x95k\xd9\xfc_\xd3\xbdv\xf1\\\xe66\xbcB1c\xdb\xd7r\xf7\x00`\x0f0\x1a\x84\xe9/G\xde\xf8\xf8\x8a\xe54j\xf8\xf2\xc0\xc5o\xa0p\xd2\x08Bc\x9a\x96\xcc"\xad\xdf\x19"\x1a\x1e\x18\xe0\xca\xe5l~\x1ebp\x97\xcc\x1e\xd3\x8d\xcd\x08Y\x92\x85t\x03l\xdc\xc7\xfc\xc1m\xdcZ\xff\xd8\x0e\xb5u\xcb\x00\xef\xd5&gt;jY\xd6\xd7\xf56\xa4\xa2\xe0\xed\xf7g\x17v\xa6\x92}\x1a\xd9y\x0c\x90\x17\xb0\xb1\xb1\t\xed\xfc\xdc\xcfm\x99\xb4?\xef\xfc\x82\x08\x7f\xdd\r\xe1\x06\xfc\xc0\xf0&amp;\xb3\x8d\r\x11\xd1\xb4\x9eMB\xba\t6?9+\xc7uK\x11B\x97\xfe\xfa\xf8\x9c\x89\xb3\xdc\xea\xcf\xf5\xf2\xf2\x1e\xab\xaajY6;\xeb\xfe?\xde&gt;lU\x9d6\xff_T\xcc\x14Ox\xdd\xbf\xb1\x1f\xcf)!\xf50\xdb\x84Q\n$\xf4\xd0\x85\xc2[QIT\xa2(V\xd4\xe3nb\x8bV\x00\xc3\x03]\xdam\xb6\xf9\xff\xa5E\xe9l\xc2k\xe0\xbf\x10l\x89\xb5\xf4\xa9_&amp;\xa4\x9b\x10\xf6\x98\xd1\xbby\xc86 \x1d\xd1\x91\xd5\x93C\xb6\ra\x82\n\x19\xe3\xd9A\x0066?\x88L\x94#VH7"\x8c\xe3\xbe\xae\xc4t\xcd3\xfb\x18\x18\x93\x065\xabHD=\xeb\x94\x94\x7f\xc4\x1f\xdb\xe8\xa6/!\x82\xd9\x13%\xf6\xa8k\xfb\x96\xef]2\xc6\xee\xfdml\x9c\xf0\xbc\xfe\x8c%\x06\x87\x9f\x9e]\xf3G\x94M\xcb;2\xbb\xde\x9d\x95\xcf\xe0\x85\xefO\xe4\xc7M\xf7\xbf\xa1\x819\x03\x02\xd9\x8b\xd4?\xcc&gt;\xdf\x80W\x93\xbb5\n\xd9\x86\xd9\x84U\xa6\xf5lb\xcf\x1dlL0\xa6}-"\xca\x16\x8d\x12\xcb\xfak\xb9pB\x9f\x06e\x01\xf0{\xd0\x03\xcft\xcbT\xc8\x18O\xe3\xd3\x05C\x82\xfeyp\x9a\xfb\x82\x9e\xa3O\x03\xdb&amp;i\x13\xea\xf1\t\x17\xd2-\xb0\t;\x18\x9dC\xf0\x87\xa7\x98\x83\x05\xc4\xb6)\x9f\xcb\xcd\xd7\xb1\xb1\t\xcb\xfc\xf1\xdb\x91R\xc6\xe3\xdamlt\x19\xd4\xcc?\xa4\x9b`\xa3\x0f\xde]\x0f\xe9&amp;\xd8\x84\x02\xf2\xc6#\xad\xe5t\x98%\xbf\xa7\xfc\x0e\xc3.?\xf1\xf8\xffsJQ\x13\x11Q\x83\xc2&gt;\xfc\x85\xb3Es_Cll\xdcI\xcd&lt;)\xcd\x9d\xe8\x97&gt;\xce\x93s\xdb\xadm\x8c\x8d\x1a\xff\xe7_\xb5\xe9]4s7wZ"\xe0E9\x9f\xd8\xe6.\xca\x83=q\xfa9\xb1\xf7{m\xdc\xc1\x8e\xb9\xc34&gt;u\xb7\xc5_\x117\xf6\x8e\xae1\xa3w\xb3\xaa\xd9\xb5\xe5\xfdu(\x98\xc8\xb0/\xd3\xcf\xa7\xf0h\xf3\x83\x9cFnv\xbf\xf4^\xeej\x87E\x84-\xed6{\x13\xc5u\xee\x1c[\x1fR\x97\x1e\xd9\xa6\xba\'\x83F\x067\xaf4\xa8\x99\x7f\x97\xeaE&lt;xM)&gt;\xb6\xdb\xb2\x8d;(\x98\xd8\xf6\x1c\xfa\x7fG7\xad\xb4|\xaer\xef\xc4F\xdf\x10Y#\x10\x11Q\xc3"\xe9=\x7f\xd1\x1a\xb9C\x91\x8aJ\xf9\x0cv&amp;\xa3\xff\'\xec\xc4U\xba\xd4\xce\x97\x9a\xdf\x0bv\xf9\xe8.\xec\x85\xebY\x03\xff\x7f\x18\xdf\xb1.gI|\xbcm\xc9\x15C\xcf\xb2\xd274\xad\x18\xf1\xfaW\xed\x02\x0b\x86\x04U\xcf\x95\xdc3\x8d\xb11I\xf1\x94aB\xb4*l\xd0\xa9Z\xa1\xe1\xa6\xf27\xfd\xccz\xc7\xa1\x83~\x8d\xb84\nm,\x04/.\x85t\x13l\xc2\x0eYC\x93\xc3Y\x06\x83n\x80,k\xab\xa1}\xf2L\x91t\n\xac\x9d\xd8\xcbX#\xc2\x08!\xe2%R:\x8d\x05\x83l\xdb\x8ay\\\xaf\xc4\xadd\x0bMK\x04\x9b\x9f\x96\xc9\xdd\x1a\x86t\x13,\xc3\xf3\xfbZ\xe9\xc3s\xe5\n_6\xaa\xb3g\xdac\x13\x82d\xb1t\x05\x9e\xde\xde\xa4\xb5\xf9\x7f\xc3\xd0^\\hpi\xfb\xf2\xf0\x0c\x80JYu\xa6\xc2\x00\xf2\xcaB\xeclg\\~\xba\xd6(\x1a"\xd7u_\x10Y\xc1D\xa1\xcbWB"\xbb\x94(\xa4\xdaa\xf3\xff\xc0\x82!m\x15\x8f\x8fl[\xdd\xc3-\xd1E\xbb\x9b\xce\x16\x9d\xcb\xfb\x16\x00&gt;\xde\xb2\xacM\xff\x7f\x84#:\xb8|\x82\xe9\xd3\x8b\xa7\x88\xd2\xb4df\x0b\xdb\xc3I\xa5,\x16\x18\xc9\x82\xfc\xf3\xba^\x89il5\xb0\x9f\x90P\x18\x1c\xcf\x9a$\xceG\x16v\x91\xef\x08\xd4\xce\x97\xfa\xff6\xa8\xd2\xaa\x85\x8e\x8b\xf5\x84\x89\x18\xa84\x06\xcb\xa7"\xb2s^\xd8\xd8\xd8\xd8\x84\x0c\xc2\xb0\x94*d\xdba\x05!\x9e\xd4\xde\xe6\'Dc\xe2\xf6\xe0\xd4fO\xb6\xc4\x12\xc2\x9c\xe1\xfe\xff\xdcy\xbbb\xe6\xf8a:\xf7\x8b\x8dM\xd8C\x1cn\xa3\xe1\xcc\xa6\x1b~\x12\xda\xa8\x9c-\x91g\x06\x80\x92\xb6\xb0\x04\x1f~\xe9\x15,;a%\xc6\xb1J\xb6\xc4!\xdd\x04\x1b\x1b7\xc0\x9fpU\x91\xcc\x91\xf5\xcb\x84\x14\xb5\xf2\xfe\x04k}k\xa8\x9cU\xc1U\xa4a\xd1\x0c\x9eo\x89\x8d\x04\xbd\xb8\x14\x1b\x1bw\xc2\xa3+\xa2\x1b+\xd6\xaa\\\x0eK\x1ac\xe3&amp;\x14{\x99\xd0\xa3\xb5`c\x08q\xd4A(\x9e\x80\xd9x\x90\xb3[\xe6\x84t\x13\x0c \x1eQ\xac\x15Zid|V\x9b1\x148Z\xad\x1c\xdb-\xa4\x9b\xe0!\xf8U\xe4\x1a\x14\xf6\x99\xd2=teN\xf7\n\xe9\x06\xc8I\x1b\xd2\r\xb0\xf1\x1c!\xa2\x83\x18\x86\x98\xd4\xb5\x81\x89\xb3\x00\x14I\x16\xc2\x83@\x98\xdb\xaf\xf6\x00\xc5SF\xf99\xec\xee\xed*Y\x1c\x1c\x10\xda\xc6E\x1b\xcb\xc8\x1dV6\xc5B\x1f\xdf\x9e\x9c\x0b\xe9&amp;\x98\xa4}\xe5\xfc\xe6\x86\xae\xb0Nk;\x05\xbc)~\x86\x00\x1c\x1b\rz\xd6-\x15\xd2M\x08\x01\x0c%\xc9\xf9\x99\x98\xd1\xa7\xb9\xb9\x13\xcd}c\xab\'\xf40w9\x9bP\x8b7Q\x01[\x11"\x8cR,\xb9\xc2FN\xb3\x92Y&lt;\xdf\x12\x9bPN\xfdB\xe9\xd6O\xe9\x1b\xd2\xad\xb0\t\xed\xfc\xbfN\xa5l\xdcO\xbd\x82i\xa3\x86t\x1b\xf8\xf9\xc9l\xeb\xdf\x9e\x9c\xcf\xede}\xb5\xbaI\xc1\xfe?\xa9\x9a#\xa9\xdd\x93\xda\xfc\xb4\x08\x89\xb1~b\xba\xd7.n\xa8|(\xf7\xa9\xb8\xbeoEH7\xc1-\xfc\xdfZ\xffll\\\xa2y\xe9l\xa6\xcf\xfd\xc9f\xc76Vqq\xe7\xc2\x90nB0a(\x90/\xc0\xf7\xe7pY\xb2\tS\x94\xf2v\xa3\x0eA\x8f:%\xddWy\x18\xe5\xffA\xd0\x11\xf8S\xf1\xb8\'3h\x96I\xeb\xae\xab)*RX\x0bk\xfaoG\xd6r\xa6\x9d\x01&gt;k|\xfa\x7f\xabM\xfb\x7f\x81\xb5\xbfn\x8e\xff\x87\xfe\xc9\xc6\x05j\xe73o\xf0\xbfyp\x95\xe4\xc8\xb0V\x01\xae5\xe7\xe7d\xf1\xf0\x0e,\xf7\\\xafz!\xe0\xcegg\xba\x0e\x8d\x84\xaa\x88m\x00E\x92\x86L\xe8Sb\xa2\xdf\x8f\xad\x0f\x91K\xdb\xb8\x88`3\xec]\xbfL\xf0\x91\x8f\xb7C\xae9n\'}\x04\'\xd1\x7f~\x93i&lt;"\x00u\x0b\x18M\x19`\xf3sq\xc7\xb9\xa7\xb36\r\xa9.\xe3;\xd5%\xa2-3\x06\x9e\xdb:O|&lt;_\x02\xae\xd4\xb8\xee#,\xee=\xf4\xa8S"\xa4\x9b\xe0!\x0e,\x1b/?\xf8\xf9\xee\t\xf1[\xe0\xbf\xdd\x0bF\xde;\xb1Q\xad\x12|\x7fbIc\xdc\xe1\xf2\xc4\xcf\xc86\xd5\xf3\xc5\xff\x91\xcd4\xa5\x91s\xc5\x8fX\xc6\x884&lt;\xd0^*\xd9\xb8\x07I\xfa$\xf1m\x1aS\xa9\xb7\x8d";\x08\xe0\xee\xf1\rnj\xde\xcfAf\xa5\xc1;\x04u\x1c\x97\x8c\xe8\xe8\xed\x9e\x9a9\r\x08\xc5\x92G\xc6\x9b\xab\xc2[\xc13\xb8s\xb5\xc2F\xaf\xa811\xda5\x7f\x84\xa1\xaa\xb2s\x0b\r\xb9\x1b\xf1#V:M\xa8i\x96\x8dM\x08rp\xf9\x84\xb1\xedkY^mSSAs\x93\xbb5,\x9d\xc6\xb6\x97Z@\xc6\x88\xc1\xfd]\xae8\x84\xf77\x8c\x9e\xbehX{\xab\xbc@\'wk\xe8\xca\xe9y\xe2R\xf7Z\xca~\xc3\xf1]\xa8V1\xd2\xd3\xc6&amp;\xcc\x10\x91\x08x\xe5z=m+\xe6v\xbd\x129\xa6mJ\x153\x1b{\xae-W\xf5\xfa9\xf8\xed\xc8ZW\xccz5\xf3\x182\xae(\xa3\x98F\xf8\x8e\xf1\xdd\xa6\x0cJ9\xc9\x00(.\x01\xf9\x89G\xe4Y\x03\xb0\x8d\x8d\x9b\t\r*\xca\x16R=\x97~BF\xb9\x1b\xcc\xff\x15q\x89\xbc\x95\x8e\xc7\'\xbaq`\xa5\xe4\xe0\xa4.\\\xf2v\x00\x1e\x9e\xd9\x9a\x9e;\x15\xe4\x80&amp;\x15x\x8bZD\xce\xd8n\xd9\xb5\xca/\xf2\xffK\xe0x\x91\xc2\x8a\x9a\xbb\xd4(\xe2vGW\x1b\xa3\x98p\xd7\xaf\x945\x94z\x00\x0fjV\xd1P\xf9\xbc\x9eR/\xb4P\xa3BqF\x19\x9a\xa9\x963\x99b\xda/]\x8e\xae\x9e"?\x985\x1a\rn\xee/9\xf8\xfa\xd7\xbd\xfe\xdck&amp;\x9e\xe0^\xb6S\xea\xd6X\x16w\xe0E4\xd3Y\xbf\xafz\xae\xe4Fc\xc8%\x83\xca\xea\xf1\xb6B\xdf\xcf\xcb\xb0V\x01\x99\x8c\xef\x186/\x95\x95&lt;\xa5\xeb\xb4dDG\xa3\xa7\x84\xd7/\xe2\xc4\xc4\xce\xf5\x8d^\xc2\x15\xf2p\x08kO\xef\xd5\xd4P\x9dY\xc2\x90\n\x92\x11$\xa1\x01\xc2W\'LH\xd3\x10\xf5\xacS\x12@\xb1\x14VZ2V\x8d\xeb\xce9\xb9\xce\x1ar\xdf\xfc\x9c\xfe\xad$\xd15%SE\xb3\xcd\xfa6\x06\xa8\x94%\x81~!=\x8e\xad\x9d\xe6z%\x8a&amp;N\xc6\x1f\xbf\x1d\xd1&gt;Wmz\xa9\xbbN\xf1"\xda8\xb5\xdf\x1f\xbf\x1f\xd5+h\x92b)L&gt;\x8d\x8d\x8ae\xb4\xb6%a\x11\xbc\xbb\xae[\xa6i\xc9,\x00\xdc\x11e\x88o\x8f\xd4&gt;\x12\xcf0\xee\x9f\xdc\x14\xd3`\xfej\xe6\x06\xed\x0e\xac\xd2].\x99Z7\xd7\xaa\x8d\x8d\xa5h\xc4\xc1\xb3\xf5\xb8;\x92\x8e\x15O\x19\xe5\xd3\x9d\xe3\x03\x9a\x94\xb7\xbcf\x17q\x93zKH)\xd8\xe8ob\x84&gt;4\xfc\x8f\xc5\xc6\xa6\x9d\xf3\x86\xf9\xa5\xf7\xd2\xae\n\xf8Wx\x1d\x18\x16\x92T[+\xe0\x9f\xdb\xcb\xd6\xd4\x0b\xe3\x84\xb8*/\xde]w\xc7~W\xbd\x82i\xf7,\x1c\x19\xb2\xf1_\x95\xb2$\xe8\x10\x10&lt;\x7fL\xa7^,,\x06\xa91xZ\x9e8\xb8\xe4\x1bw7\xc6\x1d&lt;:\xb3U\xbb@\xff\xc6~s\x07\xb6\xfe\xe7\xe1iW\xae\xa2!\x95\x11\x87\xa8u\xf9\x9c\x1a\xe7n\x9e1\xd0\xc4\xfd\xa3\x18\xec\xa6a_-\xe7\x13\xd6\xb6\xa7l&lt;\x86\xe7\xa5\x80\xb2\xf2\xadb\x01\\\xd9\xb3\xc4\xbdMq\x1b\xf9,0\xe0\xb9\x1d\xbf\x0c^\x96\xcf\xff\xd466\xf1\xfa\xaa\xca\'DDe\xd2\xc6\x12;\x88u\xaf]br7\x0br\xd8\x8e\x0e\xaa\xe1z%\x8aD"jR&lt;\x93%U\xed]2\xc6\x92z\n\x88\xec\xaa\x153\xd9) m\x8c\xe3\x8e\xf5\xc4\xd0\x96U$GN\xac\x9f\xces"\xf0\xbehrOG\xceJ\xa6Q\x91\x88:\x06\x14\x14\x1f9\xb0|\xbc\xe5r-\xfd\x1a\xf9Y]e\xc8\x13\xe8\x97S\xfc\xd63\xeb\xa4:\xf9\xbd\xd9\x8btz*\x87\xaeO\x89-\x88D \x02P\xce\xd9\xc4j4\xd0\x84\x88\xc2\x19)l\x9b|l,\x06x\xfe\xdb\x91\xb5j\x9f.\x1f\xdd\xa5~!\r\x0b\x8a*\x9c\xe3\x84\x87\xb1j\xde\xf7s\x935\x1a\xe1\xdf\xc7\xe53p\xb8U\x19Gc,a\xc1\x01y\xe2\xd2\xf5\xfdV\xa6\xc1\x99\xd3\xbf\x15O\xab\x8c\xeae\x01/L\x8c\x8bQ\x89\x00\\\n5\t\x18l\xfe\xdf\xe9Z\xa3h\x83\xc2&gt;j\x9f*\xc6~M\xecR_\xbe2\x08\r\xe4\x88\x15\xf26\xfd"\xc9".\x1e\xde\xc1\xc3\x17-\x9c\x94;\xb0\x8a\x83\xbd\x8b\xc7\xb4\xad\x98[#\xecO\xdb\x0bK\xdbf\xed\xca\x0fT&gt;\xa3\xe11)&amp;Q\x11\x8e/g\xf5\xf8\x1eF\x07\x80\xc8D\r\x8a\xa8&gt;8\x96\xb3g\xe1(\x8f]\xcb\xe6gcx`\xd5\x90n\x82\x87\xa8\x95W\xc7%\x07\x00\xf0\xd1}\r\x00\xb0aj?\xfe\xf2\xa1\xd0\xbd\x1c\x80\x8b;\xab!B\xe6\xc8T\xaf\xa0\xf9\x14\x9f\xda\xbd\xff\xbb\x1b\x079\xeb)\x988\x1c\x11e\xd44\x7f\x96\xf3\t\xb6\xe5\xec\x98;\x94\xa7\xce\xcb\xbb\x16\x03_9\x1b`c\xf3\x83\xf3\xdb\xe6\xe9\x17R\',\xec\x86J\xd1\x1e\x01*d\x8c\x97\xcd\r\xde\xd8S{4&amp;\xa2\xb8D\xcbFu\xe6?\xeb\xe0\x8a\t\xd67\xc5e\xd8\\\xd8D$\xa3\t\x96\x8e\xec\xc4\xae\xb8nR\xef\t\x9d\xea\xb9R\xd5_\xf7O\x8em_[,Y\xea"^D#\xdbV7}\xfa\xfe\xa5\xe3\xb2\xe9\x85&lt;\xab\xf9%\xa7$\xc2\xd7\x87\xa6/mc\xf3\x7f\xca\xab_\xf7\x02h\xec\xf1\x80\xafck\xa6\xb2\x879?\x9f\x9c\xc7\xe9M\xb3\xc8#\xc9\xff\x8e\xaf\x9d6w@\xa0\xa1S\xf8\x8d!y\xe3\xa9\xeaqv\xaaZH\xfcV-N\xfb\xdb\x93s\xe5|b\x03\xcf\r\xb50\xac`\xceO?2\xd1\xf2\xd1]x\x82K&lt;\x90\xed\xd2\xc6\x02\\\xc9\xe4\xceC\xc6\x88\xc4\xaf\xaee\x880\x94\xa4\x9b\x88\xba\xd7*\xce:\xaf\xbc\xae\x88\xf9\x12\x11Qx\x15\xcd\x1c\xad\xab\xd7.\xce#0g\x14NM\x045\x9d\xebW\xbf\xee5q\xc5\xf77\xb9,\x1e\xc0w\x00\x11\x89\xbc\x8c^\xc3,\xf2\x0b\xe1\xdbc\x9e\xb3\x14\xf3\xdeh\xe3\x9eGJ\x0b\xb6\xef\x12\x9b(\xec\xbaP\xdbx\x82K\xbb\x16\x85\xc8ng\xe1$\x9e\x7f(\x0c\xc3\xf3\xcd\xe8\x96qy\x04\t\x01,\xf9m\xbc\x89\x00dr\xde\x9a\xf0R/\x7fj\xe3\xac\xae5\x8aZ\xa2}\xc2\xc3\x85\xed\xf3%Gx,Us\xfa\xb7\xfa\xf7\xe9yw\xb4\xc7\xc6\xc6\xa3hx\xecx\x18\xdd\xedV\x1b]J\xa7\x89\xa1\xb8:\xf41\xe4\x1cn\x1c5\xd3s\xdb\x8ay\x14\x8f\x8f\xd2\x8c\xc9\x1a\x15T\x83g\xdf\xdb\xd0\x94%k4r}\x19\'0\xadg\x13\xcb\xea\n!8\x030mB5\xd9]KH\x15=,K\x17\xd8h\x13z$\x92K\xa4\x92\x9a\x9d\x12jnW\x00\xa8\x963\x99F\x85\xddj\x16\xc3\xeb\xab\xe6n\xdd\xb6\x15sW\xc9\xf6c\xc0\xca\x1a\x95~Y4:\x0436\xa7 \x92\xe4\xdcv+c\xdaY\x9fP\xcf\xc6\xd3,\x1c\xda\x8e\xb3\xa4\xb6\xf2\xfe\xb15S\xbb\xd6(j\xae\r\x95\xb3&amp;LI\x84\x97W4\xe4\x18\xdd\x87;$\xe7&lt;\x89\x87\xc7\xdd\x0c"\'\xfcHD\'\xd6\xcfP,fy\\(\xfe\xb8m\xf4?e\x9b.\xda\xfe\x97G\xd7L\xf9\xd5"\xa3v\xb3RY:T)P\xc1x@\x806\x864\xafCp\xf8\xb1\t\x93\x14L\xa4\xb0\xa4\xefV\xab\x98\xd1z\xd8\xc3\xe9\x8ay`D\x9bj\xa6\xcfU\xcb\xc4+\xd4)\xf8\xde\xc41\x9e&lt;\xc0F\r/\xcf^Nw\x00\xa8[ \x8d\xa3\xe4\xbf\xac|\xa5\xac\t\xb5\xdd]$\x91\xbde\xd3y^\xc2J\x8ai\xb5\x9d\xd8D\x05\x1c\xaa\x9e\x0b\x87\x04q\x9e\x95/&gt;\xd5\xc9\xef\xbdm\xf6\x10\xb3\x97U%4|\x996&amp;)\x95Za\xdd\x1f\x9b\xe8\'\xc8]\xee\x9f%\xc1\xfcAmB\xba\x15\xaa\x84\xc5\xf8\x86P\xc2\xb6Y\x83\xeb\x17NGD\xb3\xfb\xb5dG\xb4\x17"\xf2M\xda\x90\xed\xb1f\xf5m\xb1zB\xa8\xce\xc6e[\xfb\xff/H\xa8\xf2\xe4H|{k\xe4J.q\xa9\xb6\x96|a\xd1\xdfE\x13AS\xcc\xd3Zt\xff7\xecY8*"Q\x89T\xd1\x84\x08\xf3\xde\xf5K\x87l\x93\xe4\x84\xf5\xfb\xfa\xd2\xaeE&lt;\xc5b\xb8\xbb\x1d6\x96\x90\xd4\x85s\x01&lt;=\xbf\xc3\xc5\x06\xa8E\xa8\xce\x1f\xdcV\xed\x14;\xc8$\x14\xd2\xb8x\xa6\xa2\xc9~\x0cm\xf9\x13P\xcd&lt;\xe6\xa5-/\xef^l\xeeD\xed]_\t3\xfb\xb6\x90\x1c\xe9T\xb5\x10\x80U\xe3\xba\x9b\xbb\xba\xbbSky\xb9\xb5v&gt;\xec\x9e\xdd\xc6J\x0e\xaf\x9a\xe4\xc9\xcb\xd5pCHT\xe8\xc4r}i\rz\xd5+eT\xb3\xcc4f4`E\x08\xed\x9c\xd4\xb5\x81b\xf8\x88\xf6?\x92\x98c\x8b;\x1e\x91\xb7+MTGq\xd3\xce\xc3&lt;&lt;\xbd%\xa4\x9b`\x13\xa6`"\x94=\xeb\x94\x94\x7f\x947\x1eu\xabUL&lt;s\x94\xc0\xe3\x05\xa1\x98\xd0\xaeD\xaahu\xf2{\x8f\xe4\xd8[.\x936\xa6`(\xb0\x9dY\xc3:\xbe1\x88\x9c]W%\xcb\x90E\xc3\xdak\xff\xca\xda\n\xa6[f\x0c\x04\xc0\xa4x4n\xce\x02\x1e\x10\xd3\x90\xf1\xf6\xfa\xfe\x10\xb8\xaa\x8dMz\x91o\r\xf0\x9e\xf3,\x8d\xa4w\x1ah\xe4n\x15\x939\nM\xea\xda\xc0\xf2\x0e}\xf5\xf8P\xbaM\xa7\xeb~\xd8\xad\xa6a\xe7\xae\xb0\x88\xb7^\x01\x00\xdf\x9e\x9cS\xfb\xb4x\x8a(D4\xcb\xb1\x8d\xac\xc6\x87[\x87K\xa4\x8cj\xfaf8\xb5q\x96\xb9\x13\xc3\nm+\xe6a\x8f\x9e\xb5\xd9\x86mB\x12\x8d\xc7\xa6~\xa1t\x1eH#\xcc\x16\n\x00\xbc\x88\xfa6,\xcb&amp;YO\xcf\xef`\xb7\x1aS\xbb\x95\xc0\x1f\x9d\x10\xd6\xe7\xfe\xddk\x15wS\xcde\xd2r\xb9~\xb9[WJ\xcc\xbe\xa5c\xa3\x11\xd5\xc9\xef\xdd\xbcTV\xa3\xe7\x02_\x01t\xae^X\xb3\x8cas\x96\xe4\xfe\xf7p\xea\xe9\xd0v\xf7\xce\xec\xdb\xc2\xce\x13\xf03#I\xe7-\xb9\xff\\\x89\x1dmW)\xafv\x81\xfd\xcb\xc6\x11Q\xe94\xc1{Q\xd3z6\xd9:kp\x02"|\xbcm\xe2r\xf8\xc3\xccY\xa1\x10\xab\xba\x80Y\xb2}QN\xbc&lt;\xd8\r\xf5iP\xc6\xf5J\xe6\rl\xad\xf6Q\x85\x8c\xf1t\r\xfd\xf7Nn\x14\xbfm\xe0\x1cQ8\xb6C\xed\x0eU\xf2\x9bo\x1c7#Z\x1b\xcb\xa8\xe1\x0e\x99\x94\xeds\x86\xb8\xa1V\x9bP@\x06&gt;\x1d\xaf\x8c\xceY\x9aJ\xa4TV\x8a\xcc\x10\x91\xb2pjH*\x11^\xc9S[\x10f\xe1\x8fQ`R\xefB\x9d&lt;x \xfc\xc1E\xa3q*\xa2\xce\xd5\x82g\xb5\xe1\x88^_\xdd\'/\xc3\xe3~z\xeb\xd0j\xd3m\xc0_wy\x8ay8\x7f\xec\x9a\t=={AO\x04\x1b\x1apu\xf2,a&gt;P\xe8\'\xc6\xc2 #\xcf\xc7+u\xa9^\xe4\xd9\x85\x9d\xaex\x16*\xd2\xa2\x8co\xf7\xda\xfa\xc6\x93\x8c\x91hJ\xf7F&lt;;\xd2\x01\xd9\x93\xb8\xde*\x86\xe9~Dn\xc1(\x92L#\x91\xa2\xdb\xe9U\xb7\x94\xe7/\xaax\x8b\x0eiQ\xb9b&amp;\xd3\xc1\xb6:,\x19\xd1\x91\xbf\xf0\xb5\xbd\xcb\xdd\xd4\x0c\xcf`"\x0b\xa6M\x98\xc1\'T\n&amp;Xba\x90g:\x14\xcf\x8b\xff}zA\xedDm\xabq\xa8\xc2\x95/\xaa\x9c\x91T\x1e\xe6V-xw\xc3\xc4Y\xd1\x88r{\x05\xbfn\\\xdcd^\x9d\xe4D\xf9\x13\x10\x11\x15K\xee\xf6\x94\x97\x17w,\xd0\xf8448t\xbaB\xc5L\xaa\x01m\x16\xcf\xd1l&lt;@~\xe7\xf9RvG\xb0G.;\xe6\xca\xc6\x08Y\xa3Q\xcb\xb2\xd9\xb5\xcb\x14I\x1a1\xc8_g\xa7\x87\x13\xa3\xc9\x1a\x075\xab\xb8rlW\xf6\x9a\xc7A\xc5\x95Y.\xf0\xcc\xdf\x91\x8d@M\xce:L\x9336\xcdU\xdfG\xb1\t\xc3\xa4r\xb8\xdc("7\xc4k\x87\x13\xbb\xa85\xad\x81\x86x\x0b\x80oO\xce\x13Q\xed|\xa9\x17pkc\x99\x86\xb9\x1b\x19\xd2n\xf40+\xc6t\xf5\xcc\x85&lt;il\x12\xd6\x04&lt;\xc4&amp;\xfax\xfbHj\xee\\fb2G!"jQ\xc6\xd7\xd0YwOl\xa4\x9fT\xf9C&gt;\xffgK\xaa\xb5\x93zy\xba)6a\x1d\xd3kF\xff\xcc\xee\x12V\xd95\x7f\x84\x9bjv\x13Y\xa2\xe8X~\xcen\x99\xeb\xa6K\xef\x9c7\\\xfc\xf6\xcd\xb5\xfd!\xa8\x1a\xd6\xac\x94\xb24\xac\x98\xa2\xc9C{\x9fl\xd9&gt;\x92\xc7\xaf\x08\xbc\x12\x9c\x11\xdc7\xf3\xb3q\t\xc9\xc4\xd9\x84%\xb7\x94\xb7\xbb\xd2\x84\x185\x0e\xf4\xa8S\x92\xe9\x00\xbb\xb8C0\xa3w3\xf1t\x12\x80\x7ff\xeb\xb7\xba\x15\x1f\x89&gt;\r\xca\xba^s\xeb\xf29\x85o@\xd7\x95V\x8d\x08D\xa76\xce\x94\x1c,\x9fA\xd9\x10\xa2\xe6P\xa8\xfdCX\xae\x98/!\x7fB\xfd6H8\xb3y\xb6\xfc`3\x15\x8dqrM\xcd\r\x80\x86\xc8\x15#\x01\xd1\xf9m\xd2\x04\x93a\x91\xf0\xea)\xdel\xc2$\xba=\xe2\xd6Y\x83]\x97\n\xd1\xd6p\x97\xf3\xe4\xfc\x0e\xd7#\xef%\x83\xe2\xf1\xb5\xd3\xfe~p\xca\xd5Je\xe0\xcb\x03"\x9a\xda\xa3\xb1\xd1\x13um\x1db\xcf\x1f\xa3_ \x83\x05f\x03\x98\xd9\xc7d(\x80"\x92\xe96\x00\xb9\x04\x9b\xa4\x80\xeb\x17e\x01\xbdn\x82\x7fb\xfb\xf4\xc2\x8e6\x15r\x8b\x8f\\\xd9\xbd8\xb4\x05m\xb9\x8fb)"o\x9f34\xa4[ac\x84(\x9e\xd5\x0c\xb8q`%\x11}\xbe{\xa2I\x89\xcc\x92\x8f\xfc\x8c\xb8\xa3\xb8\x88\xb7\xc7\xae\xe4N\x064\xa9\xa0[&amp;\xc0WyN\xb6e\xe6\xc0\x81M+\x12\xd1\xae\xf9\xc3\x15\x0b\x84,&gt;\xe1\xacY\'\x19\xa2R\x96\x04xw\xdd\x95\x1a\xba\xd6(\xda\xa7\xbeS\xccZ\x8f\xda\x9eH\xda\x95-:\xe1\xcbC\x0f\\\xa8\xb5_N\x0f\\\xc5&amp;LR&amp;m\xf0\xac:{L\xea^\xab8\x13\xe1|\xa3\x14\xa0\xa4\xc8&lt;\x0f\xa6m\xc1\xbf\x8f\x85\xd7U\xb2\x85U\xfd\x92s\xdb\xcc\xa7\x84]7\xa97\x7fa\x13QHS{6\x99\xd3\xbf\x95n1o\xa5\x1d\xda\x00\xdf\xc4\xd3z6\xa9[ M^+&lt;\xf8\x8b\xa7T]\x1c\x0chR&gt;\xae\xb3\xe7\x1b\x00W\xb2\xc4\xb8\xa2\xb5n\x08\xf1\xd2&lt;-\xd1\xd8\x0e\xb5\xf1\xfa\xaa\xa7.n\xf3\xff\xc1\x86)}\xe5\x07\xe5\xcfd\x8eX\xd6\xa4\x11?\xb6v\xaa;z\xe2\x12\xa9\xa22?EALB\x17\x17\xed\x98\x1e\x1bO\xf6-\x19K\x1cr\xed\xdbf\x0f\xf6@c$\x08\xc9p\xb4\xa9\x957\x95b\x87ka\xf0\xf0\xa3\xb3\xdb4&gt;\xcd\x12\xe5\x87\xb2\xe1\x81\xe5\xe3\'wkX#w\n\xb5\xc2\xd5r\xe8\xf7\xf0\xcf/\xed\xde\xb7t\xac\xc16j!1\x06\xb2\xf1,\x8bhP\xf3\x8c^\xff\xa7\xbb\xc7\x1f\x9f\xdd6\xa9k\x83\xfcv\x12\xbb0\xc7\xa0f\xfe\x1e\xb8\x8a&lt;\xdf\xba!\x99\x01\xb7\xde\xc7\x86\xa2\x80\\4\xdaf\x08\xc9 \\.L\xd8\xda\x12\x13\x15N\x12b\xe1\x82\xed+\x9b\x91\xd9\xc9\xedE1\x0c\xfe\x9a\x1a\xa2C7\x0e\xac&lt;\xbdIa\xf7X\xc2\xd4\x1e\x8d_\\\xde\xc3\x7fEF\xdex\x94%*\x01\xdf5\xca\xbc\xbbq\x90\x1c[\xf1\xee\x93\x02\x14#\xd6q\xe9Z\xb3(\x1cx\xe0\xd26!CF\xe3\x9dW\x89TZn\xd6e\xd3\xc5:\xbd)\xe4\xb5p\x81\xe7\x92\xfeKc\xa2\xd7\xb5F\xd1dD\x1f\x7f;\xc2_\x7f\xe5\xac!\xa1\x07\xafB\xbe\x04\x84\x8f\xb7\x16\x0em\xa7Qfp\xf3Ja\xc8\xf35\x87\xdb\xb2\xf7\x96H\x15M\xb7G\xab\xe8p&gt;\xae\x95W_Z\xed\xaf\xfb\'\x9f_\xdaeA\xcb\x1c\x94\xf3\x89\xd3\xbdV\xf1\xea\xa1#\xaf\x91\x87e\x9dl~\x12\x00\x88\xbd#\\\x9fDdU\x19t\n\'\x89\x00&lt;\'\x99\x9b\xf3\xc6\xa9\xfd\xfa7\xf2\xe3\xa9\x19\xf8:\xacU@\xbfF\xe5v\xce\x1b\xe6b#\x8d\xd2T\xdd\x13Q\x91I]\x1b\xc8\x0f2\xa7K\x005\xd5G8"\xda&lt;}\xc0\x8bK\xbb\r]\xce\x04\xc0\x1f&lt;\xc5ts\xb60g*~*eQ\x18\x8f\xd5z\xd0\xd5\xe3{\xe4\xe7\x1b\xbeM\x88Q\xbb\x88v\xbf\x9f7\x1e=\xbfh\xe5`c\x8e\xc1\xcd=a`\xb0\t\x8dp\xea\xef\xb7*\x9b\xdd\xf2\xc5\xe3\xb4^M\xe59\t"\x13\xb1M\n\xf1\x08\x11\xcf\xc8\x90S:M\x8c\x9b\x07W\xbd\xbbq\x90?\xd1\x8d\x8d\x1a\xa6\x7fq\xe0\x8b\xf3[c\xbf\x85\xa2\x86 \xfe\xba\x1b:5\xaf\x04\xdc\x17mc\xf3\xffK\x0e\x0e/f\x13\xfb\x96\xc0\xf3\x87g\xb6\x1a)\x0f\x00\xf8\xef\xa9\xf1K\x19 \xa2\x92\x7fK\xd3\x92\x99;T)`\xb4*\x96\xd8R\x91r&gt;.-\x85\xf9\x9f\xf3"I#\xba\xde)\xfc\xf1\xdbQ\x17k0\x8di\xc7\xde-3\x06\x8a\xdf\xce\xec\xd3\xdc3\xd7\xe5\x87GSV\x8enb\x83dDZ\x0b\xb7\xd0\xca\x8c\xde\xcd|\xed\xe4\xf1\xa1\x07/\xd1k\xc1\xa7E\xa3\xdb\x1a\x1dT\x83\xbd\xe0\x9c\xb2u\xaf]\x1c@\x1e#1\x9ex\x7fS^\xf9\xf7g\xaab\x9c\xa6\x19\xd4\xac"_R\x03"\xcd\x80x!o\xb0\x18\x00j\xe3\xe9\xaaq\xdd\xb5\xbf\xbd\x95c\xbb\xd5+\x98\x96\xbbi&amp;\xd15fhl~\xa8\x91\xdb+\xf8\xc6\x08\xf2\xf7\x90\xc6\xd9oG\xd6\x8a\xdf2\x95\'\xa3h\xefN\xb9N\xa3\xa2\x19,\xaf\xf3\x97E\xa3\'v\xa9oy\xb5\xee\x86\xcd\xee6M\x1f\x10\xd2\r\xb1\x91\xc1,\xc5\xc2\x9ch\xe5\xd8n\xae\xd4\x86w\xd7\x8b$\x8b(\xf8\x030WQ\xdf\x18\xb4{\x81\xfe\x8e\xa2\xdc\n\xa4\xb1\xab\xc6c\x95\x1d\x1e\x18\xa0x\x95^\xf5\xb8\xf4\xe8YG\xc8\x19\xc9\x0c\xa0m\x85\xdc\x1a]\xbc\xae;\xec\xae\xf9#B\xca\x83\xc2\xf5\x191\x80\x11\xad\xab\rkUE\xf1S\xcb\xa5vf\xf7o%\xf66\xd4\x08\xfc\xfee\xd1h\xf1[q&gt;K{J\xea1\xee\x9f\xdc\xf4\xaf\xa9A\xda\xc6\xed\x08\x12\xb5\x12$\n\'\xfc\xe2\n\x97v.\x82\x88\xaf\x8f\xcfj\xd8\xf7\xcb\xa6\x0bv\xe0H,X\x81\xac\xeb\x04K\xa4\x8a\xfa\xf9\xde\ty\x9d=\xeap\x85_6.f@e\x9e\'\xaf\xc8\xa2a\xed\xb5\x0bd2\xe2\x8ej\xe1\xf4\x95m\x8c\xbb\\\t\x98z\x84\x98\xd9\xce\xd1^q\x1d\xb9hn\x1eXi\xee*\xc5RD&amp;\xa2\x92\xa9~\xe8\xcbm\x9d9H1\xdf\x99\xa3U\n\xfb\xccC[VV,&lt;\xb2M5s\xad\n+\x8cnW\xb3pR\x85\x05p\xa7\xaa\x85\x84\xd9I\xc3\xa2Rwm\x9b\x9f\x966\x15r\xb9^\x89D\xdc\x1cJ\xa8Y\x97X\xd7\x9c)\x92\xd3Y\x0fNm\xd6\xb8\\\xc3\xa2\x198U\x7fs\xc5\xa1\xec1\xcdd\xf4\x96\x93\x80hd\xdb\xea\xe6\xf2\x0c\x87\x1e\xe4\xbb\xe2j\xe8\n\x9c\xf1\x0b\x84\xfc\xbag\xa9n\x19m\x9fT9\xc7\xd7Mc\x1d\xd6\xc1\xe5\x13\x00\x18M,\xfa\xcf\x83\xd3\xf2\x83%S\x87\x8chi\x8b\xd2\xd9\x96\x8f\xee\xa2Q\x80\x05W\xf2\xffv&amp;8\xb1n\xbaZ\xdeV\x13\xd4/\xec\xa3x&lt;Tx\xaa\xda0\x98#\x84%\xd3\xed\x91m\xaa%\x11\x85\x08(\x0e\x00D\xb4Z\x96\x8b\xb5h\xb2H\x00\xde\\\xdd\')\xec\x8e{=\x8dk\xa7\x97N\x13\x03\x80\x07\x12\t\xa8\xe1\xd6\x84U\xab\xc6u7T\x9e\xc5\x1c\x19B[\xe2[\xdb\xcf2\xb7\x17\ts\x02\xa6\xcc\xd1\xb0H\xfa\x19\x067~\x19\xcc\xcdGQ\xbb\xc2m\xb1\x04\x06H\x1f\xba\xdd\x908\x91\xdb\xd6\x0c-mm&lt;\x01\x80\xeds\x86\x18U\xb2mR"s\xcb2\xbe\xed*\xe5S\xac\x90)[\xc9:\xff\xe7\x00":\x9b\xf8Y&gt;\x8d\xaa9\x92*\x8e\x16l,\xd94}\xc0\xf1\xb5\xd3\xc4\x97\xa8\x9a#\xa9\xee6)\xbf\xa2\x8398\xf5g\xb6\xce\x1a\xdc\xb7aY\xe2K\xf5\xe7\xf6\x9d_\x83t\x0c((~\xeb\x1b\x9dwg\xb8^\xc1\xb4A\xfey~Y&lt;Z\xbf\xa83\x1a\x13\x11\xd6u\xf4\xae\x17\xbc\xe5\x1e\x83\xc8\xc7\xba\xe4\x89\x1d\xaa\x14(\x94\xf8g\xe8t\xe5\xcf\xc5\xec\xfe\xadz\xd7/\xcdF\xb5\t\x9d\x8d%Js\x91\xc1-*I\x8e\xe0\xe3-\x89\n\x9eMX\xa5P\xe2\xf0\x1a3tE\xe3\x0f\xeb\xd0c\x12E\x96\xb9F\xd4+\x98V~\x8a\x10\x14\x96\xd1\xec\xeea\xf9\x0c^&amp;\xcf\x14!w\x01\x9a\xd1\xbbY\xd9t\xbc.\x9e\xcbFuf/\xa6\xf5lzm\x9f\xab)\xbfW\x8esis\xde\x10U\x9d5mNo\x9aU\x99C\x11\xafV\xdeT\xc1\xbf\xdf\x87[F\xbbh\x00S\xba7\x02\xd0\xb6bn\xf9\xa7\xe2o\xfc\xf0\xcaI\x16\xfaA\x02X?\xb9\x8f+5Xn6\xe2\x89j^4L\xdfbvv\xcb\x1c\xc19\xaa\x7fc\xae G]\x9a\x14\xcfd\xeeDK\xcc\xb06na\xff\xd2q\xcf-\x8d\xf9\x04\xbe\n]\xf9\x9bk\xfb\x89hx`@&amp;\xf5\xae\\\xd1^\x14:9\xb0|\xfc\xe1\x95\x938\x0b{9^\\\xdc\xb1\x10\x00O\x1f\xaa\x860\xe2\xeeY8\xcat%\xfc\xdc\xd8\xbfB~\x90g\x9e\xdc\xber~\x00F\x13\xf3\n(\xfe\xf4\x12\x01}\x1e\xf8\xe5\xc8\x00\x00\xff\xb1\x17\xe6\xf2\xd9\x02\xd8:k\xb0\'%\xd3\x19\xba\x9a,\x96\xbbP\x07\xf8&amp;\xde\xec\x1c~\xc1\x0f{\xae}cx"\x02\xc3\xc6\x0c\xd6Z!&gt;\xdd=\xce~r\xdd$\xf2\xfb\x97\x8e3=\x00l\x9f=D\xbb\x80\xdc)E\x1b\xe0\xad\xdaG\xcc[\xc9\xf3\xf2\x0f\x12\x14\x8do\xa1\nW\x86p\xc5\x137M\xeboT\xea\xc7\xa82D2"|\xb8y\xf3\xc0J\x89q\xa9\x9c\x0fW\x7f\xf5\xee\xc6\x814Dq4e\xb1\xd9\x8d8\xac\x95\x82_2?\x89\x88J\xa6\xe6\x8a\xfb\x1b\xd7\xb1\x8e+\x17\xb2\x1cvW\xd8\x9b\xc0a\x03\x8d~PL\x9f\x06e\x15#\xbdX\xf2&lt;\xfe\x8e\x80g\x00\xf0@6\xd1\xa4D\x00\x1a\x177\xe0\xfai\xc3\t\xf0/O\xbf\xa5v\xc3h\xdb|\xfa5,\xa7\xe1\xb0;\xb9[C\x8e+\xd3\xa7;\xc7%G\xb6\xce\x1a\xdc\xbct6\xf1\x96\x0f[\x03\xc9\xf3CL\xeb\xd9$&lt;\xd1\xb2Q\x9d9\x15\xd9\xccY\x8dr\xc42\xe6\xb2\xa1\xf8\xc8\x18\x9d\x12\x19b\x81^nK\x9b\xb0\x01\xff}\xd6\xbf\x91\x9f\xf8\x96\x12\x9c\xfa\x19-\xcbf\xe7I\xc4\xf7\xe0\xf4\x16q\xef\xaf\xe8.\x02\xc0\xb4\n?\xdb\x8c\xe5\xa1K\xf5"\xe2\xb7YC0\x979\x11y0\x81\xaa\xbb\x87\xd7xD\xc0+\xf1\x91\rS\xfb\xc93\xb1\xc8g\xdc\xd3{5%\xa2N\xd5\niT^,yd\x8d\x8d\\\x96\x91\xdcDB\xc8q\x1d\xeb\xd4\xcc\x93\xb2R\xd6\x84D\x94\'\x1e\x91#\xd4c\xe7\xbca\x95\xb2&amp;\xdc8\xb5\x1f+\xd6\xber&gt;\xf6\xbc\xa4"\xfa\xeb\xdeI\xb5\xda2\x8b\xdc`L\xe8\x8e\x10Q\xabr\xd9\xb5#\xd8\x85}r\r8\xfd\xa7\xcd\xe1VGU\x1b\x0fqq\xc7\x82{\'6r\x16.\x96\xdc\xc9\xbdK\xd1\xf6\xaa\xeb\xb3\x11\x8f#\x04lF\xeff\xf2O\xcb\xf9\xc4\xfee\xd1h\xb7Z\x15\xb5\x95v.\xed\\\xb4qZpGp\xe7\xd8z\xce:Y(\x93"x\x7fC\xfc\x96\'\xc1HhF\xd7\x00\xa8\x817\x11\xf1\xcdE\x80\x17{\x17\x8fQ\xff\x14D\xb4{\xc1\xc8tDS\xba72\xf4\x95F!\x02\x10\xe4\x9fw\xb3H\xc3\x00\xf8\xb3]\xa5|\xe3;\xd5\x95\x14N\x1f\x9e\x9e]\xd8\xc9_\xb9[\tOtb\xfdt\x0f\\h\xd7\xfc\x11\xf8C\x1a\x1c\x13\xd5\xe1\t\xda\xafQ9\x0f\xb4\xc1\xc62\xceo\x9b\x07`\x8d\xcca\xdfM\xb0(\x1eF\xbe\xf8:\xdb\x8c\x9d\xab\x15\xf6\x12\xbdekss\xe6f\xb1\xe5\xaa\x92\x11\xa5\xfe\xe3\xeb\x9c\xdcR\xc5\xe1KG\xd7L\xe1\xa9!C\x04\xea\xa7\xa2;-O\xdd\xde\xac\x941\xfdg\x81\x0eU\n\x1cX6\xfe\x91\x111&gt;\xcf\x00\xc0\xcb\xea:[\x96\xf5\xd5\xf8\xf4\xf3\xdd\x13D\xd4\xb6b\x9eNU\x0b\xdd&lt;\xb0\xd2\xe8\x16\xc5\xbd\xc8\x06\xe3\x00\x00 \x00IDAT\xaaq\xdd\x81\x7f\x00\xe0\x9f\x07\xec\xc4\x1ds\x95\xf7\x81\xb2F\xa5\x82\x89\xf5\xbd\x9fr\x86t\xb8\x81\xb7\xd5\x15\xb6\xab\x94\xd7\xea*m&lt;\x8b\xd8C\x87\xc7\x90\xc7\x1c\'4\x0b \xc8\xdf\xe9\xb6\xf0\x8dA\x8f\xcen\r\xf2\xcf\x1b\x8f\xa8G\x9d\x12\x152\xc6\x13\xba\xfe\xdb\x87\xd7\xf04\x12\xdf\x1eY\x95JKQ#\x88\x87\x06\xb2\x10\xc7\xb7\xd7\x0f\x18\xadD\x888-\x9c$\x82%\x89\x8e\xads\x8b7\x8f\xae\xbf.K\xda%\x1f\xe4\\!\x06\xdb\xbfU\xef\xd0\xa3\x13\xbd\xba\xf2\x0b{\x1dY\xb4\xd0\xac\xc0\xa1\xdb!fx`U\x89\x14J\xa1$\xe1\xd5\x82\xb6F\xb4\xaeJ\xea\xde\x9c~\xe9\xbd\x14\x8f\x0fn\xee/\xc8\xb2\xde:\xb4\xda\x90\x90\xa2!F\x07\xd5tW\xd56a\x9a\xcc&amp;\x0c\xa5\xeavO\xc5\x1e\x01\xf8\'\xf8\xc5\x7fO\xb3F\xa5tJe4\xe2\xb8\x12\xaa\x08\xffV\xcd\x1e\xc2\xa6\x92\x07"\xc1\xb8\xe4\x1e\x8c)\x05\x10\x862\xb0\x02_\xa6\xf6h\xec\xd9+\xbe\x15\x0f\x0fY\xa2\x06\x0b\x976-\x91\xd9\xc5\x9a\x87\xb5\xaa\x02`\xe3\xd4~\xe2|vU\xb2%\x166\x88{\xd4)Q3O\xcaD\xdc!\xdcy\xe2\xfd\xd8\x1b\x08\r#\xbaU\x84f\xafn\x1b\x1b"\xa2\xb6\x15s\xa7\x0fo\xd9S\xc7\xf6-\xffo\xe1y\xe0w/\x18\xc9\xb9\xec\x93 \xdeS\xe0\x91\xea\xdb\xbd`\xa4+\xfb\x10&lt;\x88\xb3\xef\x8a7\xcf\xfc3\xc7\x1f\xa2"9\xe7\x01\xaaf\xd7\x102\x0f1\xee\x9e\xd8\x10\xd2M\xb0\tM\x9cX?\x83\xbd\xc8\xec\x9aT\x08\xfe}\x0c\xfc\x05\xbcdo\x8d\xfa\xb4\xac\x99\xd8K\x88\xda\xfd\xc9\xd0\x88\xbf\x13\xc3v\xbaM$|6\x87\xd1\x80\x0f\x86\xa4KsQ\xdc\xc9\xddL\xe9\xdeh\xf3\x0cO\xc8\xdf\xf3\'\xb7P\xc4c"=\xe3;\xd5\xbduh\xb5\xa7\xaef\xc3M\xf1\x94Q\x84GQ7\xab\xb5\x9b\xb2\x11\xf1\'!\xc8\xa6\xe2\x9a9\xbdWS\xd3{\xd7\xd5r&amp;c\xdf\x80b\xf2\xd2\x0eU\nT\xcb\x99\xec\xe6\xc1U\x00\x02\xb2\'\x11\x0b\xca\xdb\x88\xb9\xb8c\x01\x7f\xe1\x0f\xb7\x0f\xbb\x122\x16\xaahhi\xe2\x17N\xb1)\x86Z\xde1E\xe3\xaa\x9c\xe5\xa3\xbbp\x96\x14\xd0H\x84\xa7\rg@\x86\x8d\xa7\x11?\x87\x07\x96\x8d\x93?\x93I\x88j\xe6I\xb9~J\x1f"jW)\x9f\xc6 1\xbe\xa3\xd47\x8e\x87 \xff\xbc\xe2\x8b\x8a\xbd\xef\xf1\xe1\x16\x11\xed_:N\xa3\xbc\t\xd4\xbap\xc5\xe3u\x0b\xfc\x98k\xf6\xae_: T.\xae\xdd\x8d\xee\x17\xde\xb4DfC\xf1\xbaIM\xad\x03$\x86#\x96zh\xf5\x84\x1e\xe2\x83\xeb&amp;KS~\x86!\xbc\x9c\xb3\xf5\x89\x89K\xd4\xbb^\xe9\x9euK\xf2\xd4S7?\xd7\x02\xe9\xe4\x86\xe0%8\xdb\xb8\xe6\xe1\xe7\x18\xb3mTQ{&amp;[\x94\xce\xc6&gt;z\xf5\xeb/\x1a\xe7\xea\xca\x8bj?\xf3\x004\x92{\x88\x8b\xe9\x96QCl\xb4%\xd1\x9a\x86E\x0cy\x18a\xcfP\xecc\xd2\xba\xbc\x05I\x1a\xac%K\x14\xd2\xd02b\xbf\xe9\x94\xee\x8d\xf8+\xcc\x1b_\x1c\x01\xfe\xcd\\\xab\xe4\xf7R\x95l\x89,\xec\xa1*f\x8a\xe7\xc5\xdd\x12\x16\xd7\x06\xe0\xeb\xe3s\x9c\xf5sF\x0e\x0bH4\xdd\x00\xa8\xe9xs\xe6\xbc\xb3\xb1\x91\xf2\xfa\xea&gt;I@,\x83\xe9|\x1d[;u`\xd3\x8a\x8a\'\xfe\xb2x4\x80XD5s\xa7\xf8\xe3\xb7\xa3j\xcf\xe1\xb2Q\x9d5\xf2\xbdH\x1ei\xe6\x0b\'\xcfa4\xbb_K\xc9\x11\r#R\x86\x08DD\xd3z6\x91\x7fd \x04\xc0F\x05Q?\x0e\x1fne\xe5K;\x17\x8aO$\xb3Nhb\x067\xf7\x07\xb0\xd8\x91v\xadg\xdd\x92\xae\x0c\x06/.\xed\x1e\xdc\xbcR\xb5\x9c\xc9\x88H;a\x0b\x11e\x8dJ\x00\xf0\xe5\x01\x80!21d\x86\xe5B\xe5W\xf6,\xb1\xb6B\x1b\x1b-\xb43\x06\xb1\'\xf9\xd3\x9d\xe3\xb1\x82_\x7f\x06\xb0z|\xf0\xf2\xbc\x89\xcc\xf1N\xf7\xe1\xdc6{\xc8\xbe%c\x81\xef\x97w-2\xd4\xce\xb2\xe9b\xf1\x88\xbc\xc7"\xc2\xd7\x87\x86j\xf6\x0c\xfd\x1b\x977q\x96Z\x9e\xcb\x81M+\x90l\xddc!p&amp;\x1e\xd1\x8bK\xbb?\xdd\x95J\xeb\x08-af=\xc9YbgVo\xd9\x89\xdb\xf4T\xff\xc4D$:\xb3e\x8e\xd06\xfe\x13\xd5\x8c\xef\x9c&amp;\xfe\xa9=\x1a\xbf\xbd\xbe_\x92\xad\x9e\xb1o\xc9\xd8\x04D-\xca\xf8J6\xb0&lt;\xb5\xe9\xfe\x83\xe3\xeb\xa6\x89M\x9a66R6L\xe9{n\xeb\\\xf9q\xddg)\x05\x11\x006\xc9\xf9\xeb\xfe\xc9\xc2I"H\xa6x\x12\xdaV\xcc\x1d\x8f\xa3f\x13\x93\xb8P\x92zb\x96l\x99b\x15\x92M\x11\xc6\xa6i\xfd\xf3\'\xa4\x8d\xd3\xfaK\x8e\xb3\x995\xf0\xe1\xc4\xfa\xe9\x1d\x02\xcc\xa8\xd0h\x03e\x94\xf5\x04\xf1\xf6\xda\xee\x05#\x98{\xbe\x18\xa3\x89\x89x\xdb\xf6\xe5\x81ZB\xca\xd6~9-4\x16\xc9Q\x8c\xe4\xd2N\x8b\xe6\x01L\xf8\xe14/\x95\x15/.i\x97\xb1U\x80~r\x00\x94\xf3\xd1\x0f\xe2\x04\xc0z\xbdU\xe3\xbb\x8fn\xf7#\xe0P1\x07w4\xc7\xfe\xea\x8a\xb1]MkT%tCh\xbb\x06j\xc9\xc4\x15\xd1q\xa8\xb2\x9a\xba\x05\xd2\xf4m\xc0+{\'\xe6\xc5\xe5=\xbae42\x8a\xa8\x0c\x00\n\xa9\xd8\xd5\x0b\xc3P\x80\x18\xbf\x91]\xf1\xea\xc2[\xed\x80pW\x04\xd2#\x10\xb1-\x81\x8dS\xfb\xa9\xf9\xad\x85\x08n\x1d\xf3l~Z\x82\xfc\xf3\xe8\x17"\xca\x1a\x8d\xf7\x0e\x13\x06\x93\x1a\xb9\x92\x13QT\xa2@\xbf\x1c\x86\x1c\xe0\x88\x08\xf8DD\x87W\xf1fhQ\xaaAyu\x02\xe0\x05G\x92\x1c\xf9\xe6D\x08\xd2\x98;[S\xe1$N\xcd6\xe4\xbe)G\xb1C\xffx\xfb\x88r\xe1O\xbf+\x96g\x89\x83xHE\xd4\xbdV\xf1\xb9\x03\x02\x89\x08\xf8\xce\xdf\xa3\x15\xf0\xec\x86O4\xa2j9\x93\xcd\xee\xd7\xd2}\xc67\xf7\x91\xde\xec}]1S\xfc\xa2\xc9\xcc\xa6\xf1\xb3\xf9\t0\x9a}T\xbcxdI\x01\x15\x8b\x01/\x17\x0em\x97E{\x17\xc2\x14\xf2\xb1-5\xd1\x97GgtO\xcc\x9f\x80|\x9d\xa5B\x03\xfdr\xa8\x15NJ\xe4&amp;+G\x88#\xe9\xca\xbf=&gt;\'h\xda(\xd2\xa9jA\xa5!\xe0_s\x976\xdbj\x05\xc43u\xb5%i\xf3\xd2\xd9,\xbc\xa2\x06\x1e3\xaa\xc8\x03\xe0%\xa2\xee6?\'\xdbf\x0f\x01`U\x82\x08\xf5\x8e\xdb\xd8#*L\xc9\xe5\'\xfe\xb2H9\xd5x\x85\x8c\n\xd6V\xe1\x90\xd14\x8c\xf9\xe2\xf3\xae\xfd\x0f\xad\x9c\xc8\\H\x01\xe8\x0eLCZV\xd6\xfd*\xea\xe4\xf7&amp;\xa2\xe3\xeb\xa6y`\x9dn\xeeWW\x8c\x93\x18\xd0\xa4\x82\xb8#oY6\xbbn=\x8a\x8b\x00S-\xb2\x92pD1\x94\x12A\x13\x11\x7f\x1ePF\xf5\x9c\xfa\xfe\x9d\x1eK\xf6`\x94f\xa5\xb2\xb2\x17\x0fNoa+-CD#\x9a\xd4\xb5\x81\xd5\x8d\xb2\t\xc5\xac\x9b\xd4[M\x92\xf7\xb3\x927\x88\x8b$!\xca\xc6\x95\x17\x8f\xc89\x9f\xb8\tx\x92\xcb\xcf\xee\xdf\xca\xb5\x8bX\x06\xcf&gt;\x8d+\x08:\xa6\x12\xc4\xfdx\x97\x1a\n&gt;\xc4\x12\x16\x0f\xef \xe9\xfd\xb5\xa3\xb8\x0f\xae\x98\xa0\xf6\x91\xe5#\xc7\xb5}\xcb\xe5\x07\xff\xba\xaf\x9a\xe9\xc5FLJ\x15\xb3\xaa\xa2\x13\xb6M\xa8\xc0cNa\xdf\x9e\x9c\xe3L6\xa9\xcd\xfa\xc9}\\y\xec\xf97\xf7\xbc\x89\x02\xcb\xe5\xd0\xbd\xd6\xdf\xf7O\xf1\xd4\xe6JRxEF\x05\xd5\xa8[0m\x1a\xa2\xc9\xdd\x82#\xb0.\x19\xf4\x97%\xa2$D\x93\xbb5tQ{X\xe8\xc7\xf93\xa2X2\xfd\x07^\x9b;Q``\xd3\x8a\xc2\xd6\x80\x86\xe9\x9a%\xfb-\x9a\xdcJ\xeb6\x13\xb0\x95\x0b\x8c\xbb\x1bw\x9b"\x0b&amp;R\x90U\x1c\xd3\xbe\x96\x9b/kc\x10fpp\x115-b8\x87\xc30\xd3\xc1\xdd\xe3\x1bB\xc3J\x9f\x931\xedxo\xd9\x7f\x1e\x06o\x18\x94H\xe5\x86=\nu\x00\xa4%\xfa\xfb\xc1\x8f\xe1G\x9e1\xbcE\x19\xa7\x95\x99&lt;\x0b\xa3\x85\x8d1\xd4\x95\x07gY\xb1\xda\xf8\xa3\xa6\xb6/g\xdd\xe4\xde\xe3:\xd6\x01\xbe\xb1\xe8\x042n\xe7q\x9d\xaa9\x92J\xfe}\xee@:\x1b\x1b\x8b\xb8}x\x8d\x9a\xbaCr\xcdIe\x1c\xa2\xc3\xab&amp;\t9\xf6$\xb7\xf2\x8c\xde\xcd\xfa\xc8\xbc\x12-\x0e\x85\xe4\xc3\xa8\x1b\x9e\xd1.I\xc8\n\xc9\xcf\xa8\xa0\x1aV\xf5\xc4.\xea\x98Z\xe5\xc6\xc4?\x9dge\xe6\x0elMD\x85\x12\x87oX$\xbdEM0@\x1c\xa2\xa2\xc9#1\x81?\xf1q~\xd3\xa2.\x00\xe2:dn\x15\x93X\xfc\xact\xacZ0\xa4\x9b`c\x1c\r\xe3\xf1\x80&amp;\x15\x14\x8f\x03H&amp;\x8a\x9f\xd4}\xf2#;\xf4\xdc\xeb\xe4\xf7\xe6\xb1\xad[\x88i\xb7671\xaeC\x9d\x1a\xb9\xdd\xa4\xacj\x0c\xbc\xbc,I\xdcjnD\xd9\xbbx\xb4x\x0cP[\n=&gt;\xb7]q\x9c\xf0\xb0Td\x87*\x05\xfa6,kU\x16!\xc5\xf42\xc0\xdf;\xe6\x0ee\xdeD\t\x89v\xce\x1b&gt;\xa2M5\x8b.\x18b4)\x9e\xa9H2\xcf\xc7/\xdbx\x84\xb9\x03[\xbf\xbfy\xc8}V\x1aa\x8ca;~\x9c\xfe\xc2\x00\x80ow\x8eoX9\xb6[\xb5\x1cI]w[\xeaV\xb3\x98\x8b5\xb8\x8f\x8d\xd3\xfa\xf3+ck\xb3s\xdep\x9ebra\x80\xcc\x91I\x92\xce\x93\x93\xa7\xe7w\xbc\xbd~@&lt;\x0c\x0ckU\xe5\xc6\x81\x95\xb9\xe2\xfc\x90\x06\xf9\xf3\xf7c\xec\xa3\xbe\r\xcd\xc4\xacY\x85\xa2\x1c\xc2\x8e\xb9\xc3t\x17\x8b\xd3{5\x95\xeb!+&amp;\xb7\xc1\xb7\xc7\xe5\x1d\xfei\xfe\x99\xe3\x030*\xfd\x16"\xdc;\xb9\xc9Py\x96\xe2X\xac=\xc7r\x7f\xda\x84=\x82\xfc\xf3\x94\xf2\x8en\xf9\x00\x00\xfc\xcd^\xb0\xb4\xe9\xa5\xbc\x83\x97\xd9\xa77\xcdJ\xa0\xa7/\xc4`\xcf\xcf\x7f\xcf/\x02\x10\xd2\xe6YE\x86\x9ftB\xf3\xf9\xee\x89\xcf\xf7N\x84l\x1b\xc4\x83\xc1\xdb\xeb\xfb\xf3\x87\x82\xf4\x95j\xb7\xf7\xa1\x15\x13\xd5\xb4\xf5\xc5\xc4VR\xb5\xd2\xa5t\x9a\x18\xae&lt;VBV\x9f\xb6\x15\xb9\xe21\x19\xe6\x9c\xf9+f\x8e_3O\xca\xb1\x1dj\x9b:[\x19|\t\x8d\x8a[6\xca\xf0\xdc\xa9_\x1f\x9d\xd5\xdeNlW)\xaf\xb0.~~q\x17{q_4\xb9\xc8\x19\x9b\x00\xec\x9c7\xcct;\xdbV\xcc\xcdYrd\xdb\xea\xa6\xaf\xa2\xc1\xa1\x95\x13\x0f.\x9f\x10\x86\xb6\xb5]!\x93R\xe2\xa8\xb5\x13{y\xb8\x19\x1e\xfb\xb6\x93\xa9\xeb\xf2\x87 \xc0\x1f\x1ep4\xf8t\xe7\xb8\xb5\x9b\xf3KGttEW\xc3\xc6CT\xcb\x99lR\xd7\x06~|\xd6y\xdf\x18\xd4\xa4D&amp;!=\xd6\xc2\xa1\xed\xd8\x1d\xc3\xe6\xd3\xbf\xeeY"\xf1?Q\xc4\x15\x1f\xb8\xd1A5\x88(\x05w\xd6Ckq\x973\x8d{\x10?\xcc9M\x85\n&lt;s\x8c\xe2\x02\x153\xc5\xef\xd7HU H\x8dV\xe5T\x83\xa5yxtf\xab\xc6\xa7\xff&gt;9\xefk\x91\x9bA\x88lM\xeb\xb2\xdd\x88*\xaa+\xf8\xc6 \xe0\x85+5H\\f\xc3\xd6\xf3\xf2\x7fJ\x1c\xa2u\x93t\xb2)\xc5 Z;\xb1\xd7\xb7\'\xe7\x8b$u2\x9dL\xecR\x1f\xc0\xee\x05#\xd9\xdbi=\x9b\x8c\xebX\xc7\x1d\x8d\xb4\xc4{\x95!\x8e\xf9\\2\xa2#S\x162\x819\xb1\xaf\x94\xa2\x13\xd9vp\x06\xe7\x9dj\x1ew\x1a\xfe~\xaag\x9d\x92\xec\xc5\xcb+\xaa\xf9|$D\x11\xcd\x82\x01\x885\x99\xbb\xd6(*),\xd1\x17b\xfc\xf9\xfb\xb1z\x05\x9d&amp;\x7f\xa6\xe7\x95\x16\xc7P\xa83\xadg\x93\x96e|\x8dn5)\xc6\x0f\x9b\x8e\xae\xd0U"\xf1\xcf\xec\xaa7\xbf\xb51\r\x12\x9e^\xd8\xf9\x7f\xb22\xfey\x18\xdf\xa9\xee\x96\x19\x03\x85\xb7\xdak@\xc5u\xa8U\x1etjF\xf9\x8a\x99\xe2\x11\x91\xda&gt;Z\xd9t\xb1\xe3\xb8v]\x89\xce\x01\xfe}\xfc\xef\xd3\xf3\xe2/\xc1\xb4\x9aX\x04\xa5\x8eO\x9e\x80\xach\xf2H\xc2\xb4\x8bg\r\xfe\xf8\xec6\xf6\x9dp\xc2r\x9b\xb8\x83\x8e\x01\x05Om\x9c\xa9[,{L\n\xf05\xac\x80\xc0\xb6\x8b\x15\x93\x14\x91\xc1E$\x8f\x1f\x8e7\x11\xf0\'\xf0\x0e/.\x0b\x07%c\xfc\x9dc\xebk\xe6\t\x96v\x8e\xe0\xac\xab!\xfeE\x064\xa9`b\xd7c\xed\xa4^\xc0\x7f\x1a\x05\xe6\rj\x13\xca\xbb\xd7\xf7</t>
        </is>
      </c>
      <c r="E471" t="inlineStr">
        <is>
          <t>&lt;class 'numpy.ndarray'&gt;</t>
        </is>
      </c>
    </row>
    <row r="472">
      <c r="A472" s="1" t="n">
        <v>470</v>
      </c>
      <c r="B472" t="inlineStr">
        <is>
          <t>steps_per_sec</t>
        </is>
      </c>
      <c r="C472" t="n">
        <v>6800</v>
      </c>
      <c r="D472" t="inlineStr">
        <is>
          <t>3.3532426</t>
        </is>
      </c>
      <c r="E472" t="inlineStr">
        <is>
          <t>&lt;class 'numpy.ndarray'&gt;</t>
        </is>
      </c>
    </row>
    <row r="473">
      <c r="A473" s="1" t="n">
        <v>471</v>
      </c>
      <c r="B473" t="inlineStr">
        <is>
          <t>Loss/object_center</t>
        </is>
      </c>
      <c r="C473" t="n">
        <v>6800</v>
      </c>
      <c r="D473" t="inlineStr">
        <is>
          <t>0.27445734</t>
        </is>
      </c>
      <c r="E473" t="inlineStr">
        <is>
          <t>&lt;class 'numpy.ndarray'&gt;</t>
        </is>
      </c>
    </row>
    <row r="474">
      <c r="A474" s="1" t="n">
        <v>472</v>
      </c>
      <c r="B474" t="inlineStr">
        <is>
          <t>Loss/box/scale</t>
        </is>
      </c>
      <c r="C474" t="n">
        <v>6800</v>
      </c>
      <c r="D474" t="inlineStr">
        <is>
          <t>0.06983224</t>
        </is>
      </c>
      <c r="E474" t="inlineStr">
        <is>
          <t>&lt;class 'numpy.ndarray'&gt;</t>
        </is>
      </c>
    </row>
    <row r="475">
      <c r="A475" s="1" t="n">
        <v>473</v>
      </c>
      <c r="B475" t="inlineStr">
        <is>
          <t>Loss/box/offset</t>
        </is>
      </c>
      <c r="C475" t="n">
        <v>6800</v>
      </c>
      <c r="D475" t="inlineStr">
        <is>
          <t>0.17250569</t>
        </is>
      </c>
      <c r="E475" t="inlineStr">
        <is>
          <t>&lt;class 'numpy.ndarray'&gt;</t>
        </is>
      </c>
    </row>
    <row r="476">
      <c r="A476" s="1" t="n">
        <v>474</v>
      </c>
      <c r="B476" t="inlineStr">
        <is>
          <t>Loss/total_loss</t>
        </is>
      </c>
      <c r="C476" t="n">
        <v>6800</v>
      </c>
      <c r="D476" t="inlineStr">
        <is>
          <t>0.5167953</t>
        </is>
      </c>
      <c r="E476" t="inlineStr">
        <is>
          <t>&lt;class 'numpy.ndarray'&gt;</t>
        </is>
      </c>
    </row>
    <row r="477">
      <c r="A477" s="1" t="n">
        <v>475</v>
      </c>
      <c r="B477" t="inlineStr">
        <is>
          <t>learning_rate</t>
        </is>
      </c>
      <c r="C477" t="n">
        <v>6800</v>
      </c>
      <c r="D477" t="inlineStr">
        <is>
          <t>0.001</t>
        </is>
      </c>
      <c r="E477" t="inlineStr">
        <is>
          <t>&lt;class 'numpy.ndarray'&gt;</t>
        </is>
      </c>
    </row>
    <row r="478">
      <c r="A478" s="1" t="n">
        <v>476</v>
      </c>
      <c r="B478" t="inlineStr">
        <is>
          <t>train_input_images</t>
        </is>
      </c>
      <c r="C478" t="n">
        <v>6800</v>
      </c>
      <c r="D478" t="inlineStr">
        <is>
          <t>[b'512' b'512'
 b'\x89PNG\r\n\x1a\n\x00\x00\x00\rIHDR\x00\x00\x02\x00\x00\x00\x02\x00\x08\x02\x00\x00\x00{\x1aC\xad\x00\x00 \x00IDATx\x9c\xec\x9de\x94\xd4H\x17\x86/,\x1f\xba,\xc3\xc2\xe22\xb8\xbb\xbb\xbb\xbb\xbb\xbb\xbb\xeb\xe2\xee\xee\xee\xee\xee\xee\xce\xe2\xee\xb2\xd8\x02\xef\xf7\xa3\xa63\xd5\x91J%\xdd=3@?\x87s\xe8I*U\x95\xa4Rr\xeb\n\x91\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17/^\xbcx\xf1\xe2\xc5\x8b\x97 \xc6\xbf7\x0f\xda\xbe6Mx\x93\x043\xfa4\xb5\x9dy\x90\x02@`W\xc1\x8fq\x9dj\xdb\xae\xcc\xf4\x9f\xe5ux\x88J\x99\xe2\xf2\x7fV\xce\xec\x1bH\x151\x04\xc0\xeb+{\x02\xbb\x166\x01\x10?\xb0\xeb\xe0\xc52\x19\xff\x0c\xec\x1a\x04\x01&amp;\xf7h\xb8i\xfa\x80\xc0\xae\x85\x1b\xf8|\xe7h`W\xe1\xc7\x86\x9f\xf3$\x08\x16\xd0\xa5\x03\xe8Q\xabH@\x97*\x87\xafY\x82\xa6\xc52\x04@5\xbc\xfc\xfc\xf4\xae[\xdc\xde\x85y\xe3\x86\xb1](\xf0\xc2\xf6\xb5^\x02\x80\x80\x9c\xa9T\xcf\x91(\xe0\n\x93\xa3T\xca(\x01\\bT"\xe0-\x11\x8djW=\x80\x8b\xf6\xe2\xc5\x0e\xaa.b\xcf\xa2Q\x81S\x0f/?2\xc0C\xed\xc1\xd3\x9bf\x05|M\x02\x91=\x8bF\x05\x1d\xb9\xa8\x17/v\xf8\xb9[\xf0\x8fxw9b\x84\x08\xec*x\x91\xe5\xd5\xe5]\xba\xc7\xd7M\xee\x1b\xb0\x15\xf1\xe2\xc5\x16\xa77\xcd\xea\xd7\xa0d`\xd7B\x8a\xc7g\xb6X\xbdd\xc7\xdca\x9e\xa8\x89\x97\x80!YH\xcf\xe6\xdf\xaatV\x1bW\xc5\x92H\x13\xceF\xbe^\x82\x1a\x1d*\xe5\x0e\x94rS\x84\xa1P\x81R\xb0\x97\x1f\x1c\x17W&lt;\xfd\x1b\x96rWM~b\x00\xfc\x88+\xcb\x9f\x84\xe8\x9e\xc9\xb6R\xa6\xb8\xb3\xfb\xb7\xf0L\xde\x96\x01&gt;\xa70\xde\xa9\xf5\xf0\xac\xc8\xcb\x0f\x8c\xb7c\n\x14\x80g\x81]\x85_\x80\xb5\x13{\x07v\x15\xdc\xcc\xec\x01-\x03\xbb\n^~$\xdaW\xcc\x15\xd8U0\xe7\xc4\xbai\x81]\x05/^\x82\x18\xadJg\x1d\xda\xb2\x92\xea`\x97j\xf9\x03\xa52^&lt;M\xc0k\xc7\xdb\xc3\xbeF\xb01\x11&lt;\x90\xa7\x80\x82\t\xccL1\x03\x90\xbf\x02\xbb\x02A\x9a\x04\xceK\xd4\x96\xa5\xb3\xec\x98;4\x10\xeb\x13\x90d\x88HD\xd4\xa9J^"\x02^\x07j]\xbcx\x90\xa0 \x84\x01\xd0\xa0`\xea\xc0\xae\x85\x13\xadJg\t\xec*x\tJd\x8eLD\x145\xb0\xabAD\xf9|\xc3\xba17\xf1\xf7\x0f\xa0X\xd2?Uit/\t\n\xfdH\xa00\xb6S\xed\xc0\xae\x82K\x00\xdf\x02\xbe\xd0\x15c\xba)\xbf{\xd4*\x02\xe0\xd9\xf9\xed\xaa1\x00\xc0\xa6\xe9\x03\xba\xd7,\xd4\xb0P\xd0\x1a\x1b\x02\x00f\x1fW:u4\xcf\x15\xe1\x8a{\x12/A\x975\x13{\xd9\xb8\xaa]\x85\x9c\t\x88\x88\xa8s\xd5|\xfc\xf1\xf1\x9d\xeb\xb8\xa3Rn \xe87Vw\x0e\xcb?5^\xa5\x14S\xe6\xff\xddvJ\x8f\x86\xa6O\xa9JV\x97\xfc\xf4\xa4v\xd6\xfd\xf4\xbe\x14}\x980DK\xcd\\Il\xe4\xa6\x15\xba\xd5\xc9\x9b\xdcF&gt;F$\xb3\xa5\x8f9\xab_\xf3\xacQ\x82\x11\x11&gt;\xdf9\xbbe\x8e\x1b\xeb\xe3\x85\'W\xcc\x90\xf7Ol\xb0w-\xb3\xe0\xf7\x04xse\xdb\xec!\xee\xca-\xb8g$\xf5^&lt;\xcd\xaaq=\x02\xbb\nA\x92o\x0fO\xb9ql,\x964\x92\xf6\xa0\x1b\xad0:W\xc9\xe7\x9a\xf3\x1c\xef\xecL\x96\xdb\x87Ww\xa8h\xc1\xf0"\xb2k\x1b\x80\x1e}/\xa9\x7fwO&gt;\xf5\xf2\xa5\x98\xd1\xb7\x99{\xf2\xf2\x0cm\xcaf\xb7\x94\x9e\xc9~\xad\x12\x00\xcbA\x0f\x19\xfd\xbc\xbd\xb6\xcf\x13\xd9\xfe\xd8\x04b\x9fh\xc9\xea5\x04\xd1\x89u\xd3\xe4k\xfb\xf6\xba\xfae\'\x0fE\x83\x9a\x94\xd5M\x1c\xdf;\xb3s\xe6\xca\xae\xc52\xc9\x8cV\x90^~A\x1e\x9f\xde\xac{&lt;\xae\xeeQ9\x02X\x8b\xc9K \xf3?\xe1\xd9XVf\xf1\x99tV#\x86\xecY8\xea\xfc\xb6y\xda\xe3\x8d\n\xa7\xd5M\xff\xe2\xe2N\x0b\xb9s\xfc\xee1\xeb9/\xa6t\xa9jY\xd3\xd7\xb6\x9f\xd7\x00\xa3\x96-i-\x11U\xcc\x18\xc7\x8d\xd5\xf8\xf6\xe0d\xb7\x1a\x85\xdc\x98\xa1\x97\x00\xa2U\xe9\xac\x89\x82\x07r\x1d\xe4u\xf0=\x14\x80bf\xbf\xe6\x00\xdaW\xc8\xa5\xed\x9d\xb5\xe3\x8di\xd8\x19\x01AA\xd5J\x06\x1b3\xfbe\xa3\xbb\xc8$\xf3\xa0\xf2\x871KGv\x0e\x98\x82\xce\x05\xe0&amp;\x13\x13\xc5\xcc\xe8k3\xa8\x8eW\x1c\xfa\x8b\x92-\x9ag\xfb{\xab\xb2\xe0\xdf\x88\x0e,\x1b\'\x99\x18xb\xbdFR4.\x92\x0e@\xd7\xea\x05d\x12\x87\x96H\x93\xe87\x17k\xf4\x83\xd1\xb0P\x1a\xdb\xd7zz\x06\x82\x17\x17\xb6\xcc\x1clK\xe2m\xa5\x14a\x97\xaa|\x15\xcbFI\x8d\x94F\xfcw\xef\xb8+\x97+\x1c^9\xd1-\xf9\xd8\xa0Q\xa14\xfd\x1a\x04\xa6\xa7\xa3YA\xc6\xd3\xcc\xcf\xcf\xe0\xa6\xe5\xc5\t\xf2\xc5\r\xab\xfar\x04\xd2\x9b\xa7\xe7\xb6\xba\xa5V^\xdc\x8e+\x03\x80\xa7\xe9\xd7\xb0\x14\x00\xcf\xe9\x9e\xe7\x8e\x15\xcaT8\x89\x17\x17&lt;T\xba\x17\xab\xf4\xac\x1dD\xa3\x98\x05\x1c\xcd\x8ag\x14\x9c\xcd\x15+\x94*\x1e\xa9%\xca\xa6\x8dAD\x00\xc6t\xa8\x99-\xaa\xc9\xf4\x0exc\xbb\xa0 \xc2\xea\t=\xe5\x13\xdf;\xb6\xces5\t0N\xae\x9f.\x93\xec\xe5%\x9b\x9b%\xee\x05\x00\xfe\xbb[7\x9f;\x95\x92\xd5\xf9\xff\xf2\x12\x15{\x1b\xb6I\xc4\xfb~^&lt;\xc4\xb3\xf3\xdb$Sz\xda\xe1\xe5\xed#k\xba\xd7t\xcf\xf6\xd1\xe4\xee\r\xf8?M\x85Q\x83\x9a\x94sK\xb9\xf2m\xb8R\xa6\xb8\xed+\xfc\x00N\xc4\x04\xd4\xcb\x97\x82\x82\xf6|_\x0b\xf0&lt;P:\xe8\xc3+\'\x05|\xa1A\x1cU\\\x81\x8a\x19\xe3\xb4.\x93M\xf9\xb3Z\xb6\x04\x01]!/\x02b\x10% \xaa\xebV{.\x15\x85\x13E \xa2\xf2\xe9eB;\xb8\x999\x03[\xfdj\x13\xb7t\x16\xe7i\xf2q]\xf1\xf5\x9e\xc5\xba\x04\x1c\xa3\xdb\xd7\x90\x7f\xd1\xc5\x93Km\x16x\xc5\x08\n2[b\x02.l\x9b\xe7\xc6\xcf\xb0T\xaa\x1fE\xd3"\x88\x01\x07\xa6)ml#\x9bN\xc6\x1f\x9f\xd9\xc2\xc2\xef]\xdf\xb7L\x90l\xfb\xdc\xa1\xeeT^s\xa6E\xc9L\xbf\xdax\xe0FT3;\x00A\xca\x0b\'^]"\xa2\x83\xcb\'\x88\x93i\xd5\xc0R\x86\xf5\xa0\xc2\xcc\x92\x11\x9d&lt;\x94s\xd0\xa4j\xd6\xf8\xc4\xed\x87{\tB\xc8\x0f\x00\x14x:d\xa6\xe5&amp;wa6R/_\x8a\x1b\xfb\x97\xbbbl\xfc+\x93\xdc\xccQ\xc7\xbc\xc1m\x02\xa4"\xfa\x14O\xe6\xafZ\x90\xd4@f\xd7\xbaL\xb6\xf4&gt;:\xc7\xc5\x8e\x04\x82\xe0\x06\xc0\xfa)\xfd\x02\xbb\n"\x82\xe0\x13\xf3B\xf8|\x1b@\x87Jyl\xe70\xa5GC\x81\xd5\xbd[40\x96\x8f\xee\xeaQ\x19\xe1\xab\xcb\xbb\x7f\xa6\xa6\x190_\xda\xf4&gt;~\xaa\xe8\x7f\x08k2\xb6c-O\xd7\xc4EZ\x95\xc9\x8a\xcf\xb7\x03\xbb\x16??\x8e\xa9\xe6\xbf\x81]\x11/\xce\xb8\xd2Y\xd4\xca\x9d4&lt;Q\x1c\xa2\x82\t\x04\xfd@P\'\xe8\xcfM,\xd9[\x8ejWcL\x87\x9a\x9e\xab\x0c#\xe8?\xb4@d|\xe7:?\xe2\x8a\xd2W\xef\xa0\xbb,[.\xed\\\xe8m0?\x1bq\x89\x9e\x9c\xdd\x9a+fH^\x7f\xd4\x86\xbc&gt;Mx\'\x97\x0f\x92\r\xe5\xc0R}S2\xab\x16\xad\xf6\xfa\xb2\x17\x17w\xba7\x92\x81\x80/w\x8f\x91\x15\xb7_\xca\xed\x94N\x155\xb0\xa4[\xd3\xfb4=\xbe6H\xc4&amp;\x0cj\xb1Y\xbcx\x82\xae\xd5\n\x9c\xdd&lt;\x9b?\xf2w\xb3\n\xde!\'@I\xe5&amp;/\xa0\xcc\xa4@\x97\x1c\xd1C(\xbf\x056\x0b\x96\xfat\x00\xa6\xb2l-\x89\x82[P\xabu\x0b7\x0f\xac\x90O\xcc6c\xd7L\xb0\x13M\xc1-X\xda^\n\x82\x88\xd5|=\xad\'\xed.\xd6\xfctq\xbc\xe5\x01^\x05v\x15~\x16\xde\\\xdd#\x93,\xad\x9e\x1ch\xe7\xfc\xe1\xee\xad\x8c\x98\xf8D\x85\x12\xfea\xa9\xeb\xb9\xbag\xc9j[\x1d%\x9e\x9c\xd5\x1e&lt;\xbev\xaa\x8d\xac\xdcN\xde\xb8a{\xd5)j\xf5\xaa\xdc\xb1Ce1\x08\xab\xba\xd2\xa2wu\xf6\nt\xdd\xedyQ\xa9\xc4\x00\xcf\x02\xa7\x1e^\xbc\xc8\x00\xe0\xd6\xe1\xd5\xf6\xae\xb5\xe4b\xdeu\n\'\xf2\xd9\xbbh\xb4\xa5K~\'\x02py\xd7"\x0fU\xc9E\xferY\xe7\xda\xed\x04q\xb51{$\x0b\xbcY\xfd\x0f\xbdT\xf2\xf2c\x90=z@8*\x8b\'\x9d\xd2j\x8b\x07 \xb3\x9e}qq\xe7\xcc~&amp;\x11&lt;R\x1a\x88\xee\x8b%\xfd\xd3R\x95\xdc\x8b\xa1\xd8\xcb\x8b\xc7\x08j\x86]\xbb\x17\x8clU:k`\xd7"\xa0\t\x00\xc7\xc4\xc3[W\xf1|!?,\xee\x92\xdd\xab8\xb1n:\xf0\x90?2\xb2m\xf5v\xe5s\xda\xcb\xed\xce\x9152\x13\xa5\xec\xd1\x7f\x13\xa4)\x92X\x7f\x878wl\xa9M\x00o\x1f\xedE\x8c\xca\xb4=\xa1\xf5\xbe-\xd0\xacm\xfe\xbd\x19(\xe5z\xf9i\xe9Q\xab\x88{}1.\x1d\xd9\xf9\x9f\x83+\xc5&amp;\x85\xe5\xd3\xc7\xb2\xb7\xa0\xf6\xdc2|Z\xef&amp;\xba\xc7\xb3F\t\xf6\xe6\xea^\xe5\xcf\x1e\xb5\x02a6Z2e\x14\xaf\xf0\xc1-\x00\x00\x9e\x8f\xebT;\xb5k\xd3)\x00\xe2\xb0Fm\xcb\xe7\x90\xcf\xed\xda\xde\xa5.\xd5\xc6\x03\xf4\xae[\xcc\xd3M\x0e\xf8\xe4\xd1\xfc\xbd\x04\x1c\xf5\x0b\xa4\xe2\xff\x8cB\xf4\xe6\xda^\xa3\xc4D\x94&lt;\xb4\x9f\x9f^\xe2&amp;S\xb9b\x99\xcbw\xbd\xfd\xe0O\x89\xae}\x8a\x91\xe9x\xa1\x84.\x85#\xac\x90!vb\x97\xe5\xac\x00f\xf41\x89\xf7\xa2{S!\xf4\x0ez\xdaIN\x18\xa22\x1es\xb8m\x84\xe7\\|{\xf1\xd3O\x98=\xa0\xe5\x8f\xdb!\xc6w\xfcxpb\x03\x11\x95N\x1d\xed\xc7\xbd\x17/\xb69\xb1nz\xde\xb8\x01d\xa8\x110\xb8\x12h\xd7\x15\x82\x9a\xf3\xe6I\xce\x0e\x80\xbd\xfcr\x08&gt;\xec\xbe\xf5K(\xbf\x1d\xeb\x80W\x81\x1d\xfe\xd2\xcbO\x88\xa7\x9dcW\xcd\x1a\xff\xfd\x8d\x03\x19\x9d\xf5\x12\x8c\xb6\xd0RxRQLW\xbd\xdb\x8b\x17\x13\xb6\xcc\x1cd\xfb\xda\x13\xeb\xa6\x01\xa8\x993\xb1Q\x82\x82\te[\xa5Ug\xc8\nyb\xbb\xfaU\x8dn_\xc346\x8e\x97 \x85\xca\xeb\x94 \\\xa8\xd1\xb2\xd2\xc5\xe5\xa6"Cr}S\xaasU\xd9\xb0\xdbbd&lt;\xbc\x96H\xf1\xd7\x84.\xf5\xbc.?\x7f\x0c\x98\x13f\x0fQ&gt;}\xacB\t\xff \xb9vc\x84\xa0\xf5\x03\xafY\x82g\xe7\xb7\xbb.\xdb\xa9\x90!\xb6\x8b9\xc8\xe3\xb0\x8d\xf5T\x88c/*\x02EV\xf0k\xca\x1bY\xcb\x0e,!\x95\x97\x1f\x0c\x00\x9bg\x0clY*\xb3Q\x82\x9b\x07V\x18m\xe5\xd7\xc8\x91\x88\x1c\r\xaeHb\x1f\x0f\xd5\xd0\xcb\x0fD\x9f\xfa%\x16\x0cmwe\xf7b"\xd2\x1d\xcfy7J\x82-D\xbe\xef\x16\xf8\xb8\x15\xe3K$\x0e.\xf3S\xda\xfdzm\xd9~\x15\xcel\x9a%N \x10\xcdT\xce\xecK\x8e`\xad.Vc\xf5\x84^w\x8f\xae\xbd\xbag\x89 \r\xf0\xd2\xc5R~P\xda\x94\xcdf\x9e\xe8\x97$U8\x02\x80\x0f7\xdf^\xdf\xe7\xa1"\n&amp;\x08oUh\xbew\xb15\xdb\xf5 \xc8\xb8N\xb5-\xa5\xdf\xbfd\xac\x87j\xe2%0\x99\xd6\xab\xb1\xeaHVM\x80A\xb1RAl\xb9\xd9\x84+\xbe\xc6\x94\xab\x92Y\xf7\x01\xe7%\xa8\x81\x7fo\xbc\xbc\xb4K2\xf1\xd1\xd5\x93\x9f\x9d\xdf.8\xab4\xce\xd3\x9bf%\x0b\x15@\xf2\x1cU\xc8h\xdf\x00(\xd2\x03XzV\xf5\x0b\xa4\x14\'\xb0\xe4\xfa\xd0K\x90 \x01\x11\x00\x95B\x02S\xca\xb4\xb4\x1f`\xda\xb3\x17O\x1eyp\xb3\xf2e\xd2hc\xf9Y\xa0~\x81T\x01\x1c\xab}\xdf\xe21\x8d\xa4UG&amp;t\xa9k\xaf\x14\x99M\xe7\x10D\xf7\x8f\xaf\xb7\x97\xffO\t\x80Ve\xb2\x02\xc0\xa7\xdbD\x14\xde\xd1\x9d]\xdd\xbd\x84\x88\x8a&amp;Q\x1b\x90\xe7\x8f\xe7/"J\xfd;\xb9\xe8B\x84\x17\x9d\xaf\x9e\xd0S\xd0\xf8%;\xd9@qk\xe4\xdd\xdf\xf2B\x915\xb6\'}\xea\x95\xe0\xff\x1c\xd0\xa8t&amp;\xb1\xa5\xa3\x19\xb7\x0f\xaf\x0ej\x8a\xc9\xbb\x17\x8c\x94I\xe6\xe2t\xd2\x8d\xb3\xd1_Ab;\xace%\xf9\xc4M\x8a\xa6S\x1diY*\x0b\x11\xf9\x10\x91;\xe2\xd9\xa6\x15f\xa12\x1e\xe6_M\xe1D\x11\x8c\xdeT8"\x17\xe7@ZF\xb5\xab^Zc;&amp;\x1f\x8f\x0fx$\x93,\xd1ot`\x99~0\x0fa\xe6?y\x8b\xf5\xe2*\x0b\x87\xb6\x0f\x94r\r&lt;(\x07!v\xcd\x1f\x11\xa4\xbe\x9f\xd5\x13z\xb2\x1fb\xbd\x11K\xb1l\x80/\xfc\x9f\xbd\xeb\x15\x97\xbcP\xd9\xb3\x8dIT \xbe\xed\xdd\xdf\x9f\x81\x11m\xaa\xaa\x8e\xec_:\xb6w\xddbV\xf31ml\xe7\xb7\xcd\xaba\xac\xe4m\t\x8f\xda@xq"P:\x11\xdd\xf6\xc7\xf6\x93O\xac3\x8c9\xf5CG\xa9t\x9d:y\x92\xa9\x8e\x04\xa9\x01@\x92\x94a\xa9\x7f\xc3R\x92\x89ok&lt;\x96\xb3\xcd\xd8X:i\xad\x11\xb8\x0b\xa6\xa0\xfc\xe2R\xb8\x10n\xee\xe0\xf2\xf1D\x04&lt;v[m\xbc\x04.\x00F\xb5\xab\x110e\xcd\xe8\xdb\x8c\x88\x1e\x9d\xda\xe4J&amp;\xca\xf4\xd3\x95)\xbc\xe9\xf7\xe9c|\xca\xd2\x18\xd5\xbd\xa6\x85\xc8\xc0?\r\x89\x8c\xbd\xeb\x98*\xa4\xfd\xdc\x08\x96*V\xc7\xbcck\xa6\x02\xcf%\x9d\xdd*3n\x17\x9d\x08\xd7\xcd\x9b\xdc\'h\x0fo^\xcc\x89\xcf\xfb\xde9\xb9\xb1J\x16\xf9\x88\x00n\x00O\xcf\xf6\xad_\xd2\xeaU\x7f7\xaf\xe0\x89\xca\x18\x910\x18\x8d\xeb\\gt\xfb\x00\x1a\x1a\xdd\xc5\xbe%c\x02\xa0\x14\xb1p\xdcE\x96\x8e\xec\xcc\xff\xa9l\x8d\xe6\x8c\x19\xd4v\x91\x9c8\xbaz\xb2\xea\x88\xb8k\xd6\x8a\xd1l,z&gt;\xdd9"\x99\xd2\xbd\xe1\x80\\\xe9/l|\xfb^&lt;\x02s\xcd\xd3\xb8\x88z\'ML\x86\x88\xf6=\xec\xe3\xc5E"\nM\x04\xbc\xb5\x9bG\x00!\xe3\x8b\xd4\xbd\xf0^\xa6\x832a\x89r\xc6\x08\xb8\xbe\x18\xc0\xb15S\x89\xe8\xd3\xed#\x02K\x94\\1\x7f\x94\x88\xbf~\xec\x9c\x17\xa0QW\xe7\rnct\nO\xce(\x02y\xb7X\x05\x8b\x03*\xc4&amp;R\x05\x82\xf7\xe2\x12\xf9|\xc3\xfe(\xaeV\xb5\x9ay\xba\x04d\xffb\xc4\xf4&gt;MUJ\xcdx{\xd5F&gt;\xf2\xde\xc7\xbaT3\xf4`C\x81-\xd1v\x9d\xd7W\xf6\xb8\xf7\xa5\xaa\x9eF\xeb2\xf6cr\xc5\t\x90\xf8V6\x10\xcc\xb4$\x1bC\xdbr\xd9\x97\x8c\xe8$N\x13\x90\xed\xaaW\xddb;\xe6\x0e\x0b\xb0\xe2~\t\x80\x8f\x13\xbb\xd57M\xf6\xfa\xca\x1e\x8f\xbei]\xc98^\\\xb0\x94\t^]\nH\xcf$Lk\xd0\x08\xb7&lt;.\x96\xc9\xd3s\xdb\xec]\xbehX\x07%\x1f7\xbe\xbe\xf4&gt;\xfa\xc7U\xe2\x17w\xd1\xb6|\x0eU\xe5\xf1\xfc\xbc\x8by.\x1b\xd5e\xe5\xd8\xee\xbf\x13u\xafY\xd8\x86i\xc8\xc0&amp;e]\xac\x80\x18\xc9\xb9\x8e\x98\xc0\x0cv\xea\xe5\'\x03\x00&gt;\xdd\xe2\x8ft\xad^\xa0\xabp\xd6\xa9Bc\x1d\x1ct\x01\xb0m\xce\x10\xd34\x9e\xaeF\xb2\x90\x8awk\xb7\x8d%b\x12\xdbr\x18\x98&amp;\xbc\x9f\xe3\x1d\x0f=\x93\x13\xeb\xa6\xcd\x1e\xd0\x92?\x92\xd9MJ\xb8\x8d\n\xa7a~\x06\x03\x1e\xe0_\x99\xc7\x95\xc4\x83.\x1cu\x00\x90\xcf\xd7\xd5\x80\nn\x94\xa6y\xf5\x85\x82\x10\xaaYOL"r\xd9\x84\xfd\x7fDC[V\x12O\xa5=\xc7\xd0\x96\x95l\xab\xb4\x8d\xe9P\xd3\x9dU1\x80\xf5\x11e\xd3D\xdf9\xdfU\x99\xef\x0f-\x02\n"h\xd5\xcf+\xa4\x8f\xa5&lt;\xd8\x80i\x12\n\xed\xca\xe7\\;\xa9\xb7\x8b\x99\x00\xdf\xd9\x8f+\xbb\x16\xb1eb\x1a\x97\xb7\xe8m\xb4\xb4dz\x83\xc6\xfd\x13^\xc3\xf5\xa0\x8d\xeb\x01\xd3\x074.\xc37\x17\xb6h\x9d\xda\xb3\x91\xcb\x19\x9bS0A\xf8\x9e\xb5\x8bl\x9d\xfd\xb7\xb6\xbd*\x92\x13\x19\x065-\x975\x8a+n\xb0\xa58\xb7e\x8e\x8b9\x08\xfc\xe1\xfc\x88\xa4\n\xa7\xde\xecq\xcd\xd8\\\nKq&amp;\x14A\xd9\xe1\x95\x93\x94\x83\x198\xd1\x0e^_vG\xa5lR4\xe9\x9f\x00\x0e\xad\x98\xe0_\x1f\xa0\x8bA8\x01\xb5\x08\x0e \xa2\x0f\xb7\x0ey\xb4\x86\xde)K\xd0%"\x11\xf06\x9f\xaf\xb9Zp|\xe1\xd9:y\x92\x01/\x1a\x14L\xdd\xa4hz"J\x1aR\xed$KEh\xa2\xf3\xdb\xe6Y\xab\xab\x10\xdd%v\xe3"\xe9\xe4\xb5\xf5\x1b\x17IkI^kUo\x8a\xc1\x8c\xe0\xb4\xc8;\x06\xf8\x89?\xa7\xc8D\x07\x97\x8f\x0fM\xd4\xa2d\xa6\xa5\xa3&lt;\xb2\x0fADC[V2\xdd\x11\xd5\xa5R&amp;\x97v\xa6\x98\xcbk\xb7\xe3\xca\xb6\x10\x80T.Z\x04H \x10E\t\x9eI\x83\x82\xa9\x8cN\xfdZ4/\x91Q\x9c\xe0\xc5\xc5\x9d)\xed\x8a\xfb\xba\xd7,\x04\xbc\x97Iy\xe7\xc8\x9a=\x0bG\t\x12X\xd5_\x04&gt;[J\xaf\xc2\xb3\x01\xb3%`_\x9d\xd6\xfb\xca\xcf\xc4\xe6\x19\x03\xf9q\xc9\xde\xdc\\\xdb=\xb9\x14\xbe\xdd\n%\x92\xebl2\xb8K\r\x89\xf5\xbc3\xfb5?\xb7u\xae\xeaT\xb7\x1a\xee\xb4\xfbK\x11\x86\x04\xaeo\x01\xd8\x16\xbd\xe2\xfb\x03{\x17z\tP\xd8\x07s}\xdf2\xf7f\x1b\x92\xc8W\xde6\xe4\xe3-q\x02\xde\xed\x14^\\\xc8\x1d;tj3\xd7,\x010\xfb\xf04\xf2\xce\xb6\x18\xed*\xe8\x07\x86UH\xfb\x07U\xcbf5\xd7\x00\xa2G\xad\xc2\x96\xd23\xafa\xeb&amp;\xf7\x91W\xaf\xcc\x1e\xed\xb7\x1fe\x89\xa3\x88\xddm`u\xcb\xca\xaa~j@&gt;\xc3\x005\x1f\xfd\x95\x01&gt;3\'\n\xee\xe5\xfcV)QL\x1c\xb9\xdc\x12\x05\xa7\xaaY\xe3[m\x7f6\x06\x82\xf2\xe9E&amp;\x93\x00\x80\xf7\xddj\x14\x94\xc9*\xc0\xec\xd1\x1e\x9f\xd9\x0c@\x1cB\x04o\xae\x02\xc8\x11\xddPk${tc\x07\x0bz\xf0\x0fA\xf1\xe3f\x8f\xc2\x89|,\xa5\x07P2\xc5_\x1d+\xe5\x91w5\xfc\xe8\xd4&amp;\xdd\xc6\x03@\xd0Hd\xfcSV\xcd\x1a_\x1cC\xf4\xd1i\x7f\xdf$e\xd3\xc6\x10\x8b\xe4L\xe7C?4\xefo\x1eP~\'q\xd3\x8a)\xb97\x80\x87\'p\xdd[\x96\x0c\x13\xba\xd4u\x8f\n\xe3\xfb\xeb\xba\xc7\xd7O\xeek5\xabS\x1bf\xf0\x7f.\x1f\xddU]\x96t\x85\x03r\xbaT&gt;]L\xd34\xadJ\xdb\xb7f\xd2\x12\x88\x13\xea\xdbGV\x7f{p\xb2o\xfd\x92\xa76\xce\x94\x9f\'2\x99$/\xd4,\x92\xd8\x07\xf8b\xe4\xec\xd3]\x8e\xec\xf9\x07\x05\x0e\xa3\xc4\x81\xab\x0f\x1d\x00[\xe5\x0c\x8f\xebE\x18\xf3\xa3\xac\x05\x83:\x01\xec?G@B\xf7\xb5&amp;U\xe3hP0\xb5(\xf1\x933n+\xd83T\xcf\x91(\xb0\xab`\x07\xe0\x83`\x0f\x04\xc0\xe5]\x8b\xac\x06Y\x04\x00|R\t=j\xe4H\xd4\xbcD&amp;mb\x17&lt;Z\x8a\xeb\xf0U&lt;\x06l\x9f;\xd43%\xcb"\xee\x1c\x7f\x8e\xae\x93\x17\xb2\xfd\x1cw\xe4f\xaaeK\xe09\xa5@7\x87\xabp7\xaa\x8d/\x17\xdbG\xee\xd86\x17\xa83\xfa4\x8dEd5\xc0}\x18\xa2\xd3\xce\xee0\xcb\xa6\xd1\xd1\xc5\xb5]+\xb7\xf3\xf8\xf4f\xc1Y#q\xdc\x8c&gt;M\xddU\x81\xd7W\xf6\xe0\xe99w\xe5&amp;\x83\xe9"\x80\xe1\xe2\x1b\x02\xb0fB/\xd3dn1Mp]\xdb\x9b=\n\xab#\xba\x11\x96\xa4\x17e\xdd\x1d?\xe7g\xa0v\xee\xa4\x9e\xf3\xfb\xe8\xbaq\x8a\x98\xdf\x88\xf2\xc6\r\xfb\xe5\xde1\x1b\xd7\x86!\xc2\xcbK\xfc\x91K;\x16\xb8\xa9^N$5\xb0\x86\x0cK\xf4\xe2\xe2\x0e|\xbec{\xe0\t\nN\xcb\xd8\xe4\x1d\xc0\xd5=KLg\x94\x82\xad\xe9!-*\x16K\x1a)\xf1o\xf4P\xda\xc57\xafS/C\x8e\x18!t\xcdJd\xfc_\x1d]3EpV|\xe3\xdf\x1f\x9d\xc2\x93\xb3F\x17N\xef\xd3\xb4d\x8a\xbf\x94?+d\x88\r`d\xdbj\xe2\xfa\xd4\xcb\x9fR\xb2\xd9\x0cl\\V&amp;\x99\x8bt\xaa\x9c7\x00J\xb1\xc4\x8a1\xdd\xb4\x07k\xba)\n\x8d\x97\xc0\xc1TUU\xb5g\x0b`\xe3\xb4\x01F\x89\xa78w\x07U\xb3\x8a\r\x15\xdc\xcf\x9e\x85\xa3F\xb6\xadf\xaa\xd5#\x83\xa7-q\xc4\xc8tF\xa6\xbb\xf4E\x93D\x04pd\x95T\xb7\x1e^o\xcfF@h"\x00\xad\xcbfS\x8e\xd4\xc8\x91\x88\x88\xca\xa7\x8f\xe5\xae\xd9\xa8\r\x00\xe4\x8c\xf1\xbf\xdf\xb8?\x010q\xab\xeb\xf2\x8a\x7fo\x1e\xb4S%7\x99\xa4\x99*\x1cz\xc3\xbe{\xb1L\xc1\x04\xe1\x8d&gt;\x8c\xfdK\xc7Z\xcd\rx\xeb\xbck\xe7\x06g#\x8d\n\xa5\xe9[\xbf\x84\xf6\xf8?\x07Wj\x0f\x96O\x1fK\x99\xfd\xb9H\xc5\x8c\x92:V\xb2dp\x83\x0b27\x93J3\xfe\xdbv\xb5\xdd\xa6lv\x00\xcc\xb5\\\x19\xe1\n\x80\xdf!\xb8\xb0}\xbe\xbd\xe2\x8cP\x05\xf9\xb1a\x90\xe5^\x05J\xe0\x93\xb2\x1fc\xaei\xe0n\xf0\xf9v\x80\x97\xe9\xc5A\xdd|)\x04g\xf3\xc6\xf5\xfb\x10\x8e\xac\x9a4\xaeS\xed\x00\xa9\x91&gt;-Jf\x16\x9c\xb5\xea\xcc\xfd\xd1\xe9\xcd,H\xfd\x81\xa5\xe3l\xcc\xb9\x9e\x9c\xddj\x9a\xa6^\xbe\x14\xc0\'\xf9&lt;\xfb\xd6/9\xa1K]q\x1a\xdbV{?4\xac\x7f\xcc\xe4\x0e\xe5\x95\xe6%2\x01\x90wuS$qD"J\xeay\xe7\xe2\x00\x968;R\x8dc6\xce\x99\xda\xca(L\xe9\xd1\xd0v\xc5\xdc\x88w36\xa0\t|\xa7\xf8\xee\xa3Yq\x91U\xb3+!\xbd\x8b%\xfd\x93\xb8xL\xed+\xe6:\xbcr\xa2\xf8\x929\x03[\t\xcez.Z\xf5\xd0\x16\x15UG\\\xf7\xdbe\xca\x80\xc6e&lt;\x91\xad\xfc\xee\xf7\x98\x0e5\'t\xa9+\xa3\x05\xebQ\\\xef\xbf\x049\x00\x00\xfeU\xfe\xdc\xbbxt\xd6(\xc1\xb4\x03\x8f\xbd\xa6\xb5k\xc1\x08r\x9e=Dp\xb6C\xcc\x19\xe3\x7f\x85\x12zV"V\x9es\x99\'\xc6\xc6s\xf6\xb1\\\x9d_\t\xd7\x9d\xbb\x065\xf0\xf9\xb6\xdb\xdb\xeb\x9a\x89\xea\x8d\xeb&lt;q\xf4\x15\x05C\xd9\xed\x0b\xee\x1c]\xc3f\xa0\xf2\x97\xd4\xca\x9d\x84\xff3\xe8h\xe5*h\xf79\x052zf\x89\x86/w\xe4\x9d\x7f\x04\x1dc\xd1\rS\xfb\xab\xf4I\x00\x88\xc3r\xc5s\xe8\x02\xac\x9e\xd0\x93\x97\xf3l\x9b\xad\xf64\xce\x9fmU&amp;\xabn#)\x97.\xa6\x91\xb1\x9b)\xed+\xe6\x02\x00|\xdd\xbd`\xa4R\xa2\x8d|\\\x01x\xee\xf6&lt;]w\x91\xfb+rZ.\xacv\xe1D\x1e\xf1\xbc\x92*\x1c\xb9\xd8}\xdb\x90\x99\xca\xe4\xc9\xff\x19E\xcf\xfepX\xab\xca\x00\xdaW\xc8\xf5\xee\xc6~{E\x0cl\\\x06\xc0\xcbK\xbb\xc4)\xd9s/\x97.f\xa0\xaf\x9a\x99\x87&gt;\xab\xc4\xd1s\x1e\xf9\xe2\xe2N\xf6\xfb\xf5\x95=\xf2Y\xa5\x0c\xab\xd3U\xb9Q(\xef\xb9p\xd6\xe1\x89R\x85\xa3\xec\xd1\xfc\xf6zSx\xc8\xee\xc0\n\r\n\xa6\x06\x80\xa7g\xf1\xf84\x80F\x85\xd3\xf2g}\xcc.\x17\xb7F\x99\xed(\xb6\xda\xf6\x12\x98\x04\xaey\x1e\x00\xbc\xbdf\xe3\xda\xa9\xbd\x1aO\xee\xde\x00\x8e\xe8(\x96zF{Z\xcc\xba\x12\x07\xe0?[\x99\x11\xf9\xed\n`\xcf\xc2Q\xae\x88m&lt;\xbdTW\xb07\xf6\xac\x99\xd0\xabT\xaa\xa8\xec\x05]\xd9\xb5\x88\x1d\xecR5?\x00{!\x8b\x8f\xac\x9a\x1c\xe8\xa3\xa0\r\x00,\x1b\xd5\x05@\xc1\x04\x7f\x00xsm/\xd3(\xd5u(\xf1\'\xd1\x8b\x8b;&lt;Q\x8d\xd5\x13z\x01\x1f\xb4\xc7\xdb\x95\xd7\xd1@\xeb\xd7\xa0\x94\xed\x82\x00\x04\xb4.\x9d\x17\xd7\xa9\x95+\x89y"!\xf5\x0b\xa4\xaa\x95;\xa9i2\x16g\n@"9\xdfT\xda\x1d?\x00\x9d\xaa\xe4{|f\x8b\xd5\x1a\x92]?\xf8U\xf5\xb4\xd7]\xe9\x8c&lt;\xb1p\xf1\x10\x92\xb3\x04\xadk\xa1\x97\x97vI\x9aA\xc9##:\xf0\xd0\x83\xb5\xed\xcd\x06@\xba\x08\xb26\xb7_\xee\x1e\x03\xf0\xed\xc1I\x9b\x85\x19 \xa9\x1f\x86W\x96\x15@\x8d\\kXb\xde\xe06\xfd\x1b\xea\x0f9}\xea\x15w=\x7f/\xe6\x00\xa8\x9a5\xbe\xb2J\xb5\x87\xa9\x07\xcad!i\xce\xc0V}\xeb\x97\xe8Z\xbd@\xf1d\x91Ug\x99\xa2d\xfd\xfc)\x95#I\xffG-Jf\xbesd\x8d*e\xaeX\xb2\xb6\x93\xfc&lt;K\xabD8\xaes\x1d\xdb\x1aM\x92\x1d\xcd\x9e\x85\xa3\xc4\x16\xb0?\x01GVM&gt;\xb9~\x06\x11\xa9\\\xdd\xf3\x03@\x8d\x00qS\xe1\xa1\x91\xd5\xaa\xfd\xa8\xa2U\xbavRo\x00u\xf3&amp;g\x7f2_#\xdaoLUm\xc1\xe2R\xec\x8aN\xa1s\xd5|\xaf\xaf\xee\x91\xad\xae]\\w\x80\xe8\x15\x03\x05\x10\xaf.\xef6M\x03 \xad-\x91\x04\xbf`\x14;\xb7\x02\xd0\xbaLV"Z3\xb17\xdf\xe2\x99$\xdd!\xd5\xf9BD\xc9B\x11\x11e\x8aD\xc5\x92E:\xb3i\xb6\x9dj\x11\x91\x99\x0b\xdcp\x06\x01\xe8\xfd+\xfc\xf2"\xfb\xa1\xf5\xad6\xbcu\x15m\xfay\x83[\x97rv\xee\x1f0}\xdf\xe4\xee\r&lt;]\x84\x008\xa3{\xd6\x13\xe5j\x1b[\xa9\x94QZ\x97\xc9\xa6\x93T\x0f\x17\x1d\xd9o\x999H|_\xbd\xeb\x16\xdf&lt;c\x90\xd6#+\xbe\xa8m\xbf\x01\xe0\xbf\xbb\xaad\xd9\xa2:\xad\xbe\x9e\x9c\xddzA:\xfc\xd1\x96\x99\x83\x83\xce\x123\x14Qm\t\xd9\x00\x11\x15K\x1a)\xe8T\xdb\x8b\xfb\x19\xd3\xa1fo\xc7\x9a\x0ex\xa4\x1c\x07\x10\x86\x9bS\x07#\xaa\x9d\'i\xf2\xd0\x04 gL\xcbk\xef\xc9=\x1a\x86$\xba\xb1\x7f9\x11}{xJ\x90\xf2\xfb\xa3S\x92\r\xce-\xed2`\xbc\xae\x06\x0c\x8a]\x08\x99\r\x00D\x84\x0f7\xe5s\xeeR\xad\x00\xfb1\xbcu\x95\x8cf*\xffxqA&gt;g{\x94H\x1e\xb9O=\x1d\xcb&gt;\x002\n\xf8\xaa\x07\xd2\xb0Pj\xadT\xf3\xd3\x9d\xa325\xb1d\xe1\xa2\xcc]\xccS&gt;9c\xda\xbce\xee\xd4-^\xa7\x86\xb5\xaa\xdc\xaeBN\xd3\xfa\xd8\xdbGO\x14\x9c\xf0\xf9\x8e\xadK\xbd\xb8\x83\xb6\xe5r\x18\xf9\x1d\xaa\x93\'\x19\xb3v\x01\x00|wt&amp;\x1f-\xe5\xcf\xaeY0\xa4\xdd\xe9\x8d3;U\xc9KD\xb7\x8f\xac\x11\x1b\xb4\xean\x82\xb9\x9dS\x1bf\xb2\xea}{\xe8f\xf1\xae\rJ\xa7\x8a\xf6\xef\xcd\x83a\x882\xa9\x85p\x16\xe0-$z\xd5)*\x18\x00n\x1f^m)\xe7\xf3\x8e\xd8X\xd1\x88\xe6\rn\xc3\x9f\xfar\xd7\x9a\xd3\'\xb7\x98F\x00x|FG\x88\xa7\xd5\xe0\x0cR\xb0w!\x13\xe4\x80\x7fkZk\x92\xa2I\xfe\x94_\xc3\xe9\xeaQ}\x7ft\x9a}\x8c&lt;\xdaW\xa3\x92m\t4\xd6\xd7M\xea#S\x19-n\xd9\xb1\xf8\xb5\xe8X9\x8f\xf2{\xdb\x9c!\x02\xf5\x00q\x13\x91W\xfc\xb8\xb0}\xbe=\xa1A$n*\xda\xbal6&amp;i\xfd|\xf7\xa8\xaf\xf0\xaa\x80Yr\x1e]\xed\xe7JL\xabP\x9b\xd1\x059\xa8+z\x8bC4\xa6d\xba\x18\x89\x9c\xe7:[\xc0\xf9w\xff\xce\x9ed\xea\xe6M\x0e\xc0^\x1c\x8f\xe1\xad\xabL\xed\xd5XU\x8a\x9d\x8c\x88\x88\xa8PBw\xaa2G!\x9a;Hd\x03(\x896\xb00$\xb4h\xdc\xbbl\x05\xde\xba\xcba\xec\x89u\xd3\xb4\x07{\xd6.*\xb8\xc4\xab2\x14\xa4\xd90\xb5\xbf"%\x07\xd0\xb6|\x0e\xc9\x0bK\xa6\xf8k|\xe7:\xddj\x14\xecY\xbb\x88Q\x1aEM\xd0\x85\x99\xa8?\x1b\xa6\xf4\x03\x80\xa7gy\x81\xb8\xe7\x04\xd0\xeeb\xee\xa0\xd6\x81]\x05\x7f\xd8l\xdd\xc6\x13;\xb5a\xa62\x04\xcc\xec\xd7\x9c\x1d\xcc\x13;4\x9f\x95Q,{rM\xa7\xd6\x08\x17]#\xe5\x89mhl\xeb\xc6\x16\xa5U\xbb`\x11\x0b\xf8\xa3\x00\x12\x06\'|\xfa\x01\xc2\x87\x19\x05k\x12\xd0\xb1r\xde\xa3\xab\xa7\xa4\nG\x91\x89\x065-\xe7z\x1dT\x11\xb6\x03\xd9j\xfc\x17G\xe5P\x0cN\xaa\x0e "\xfc{\xa3H\x12\xb7y\x1d\xfb\xfe\xe8\xb4\xf6`\x10\x1f\x00&lt;\x8d\xca\xc6G\x06\xdbO\x0c/.\xf4\xa8YxR7\xcb;\xd2I\x0c\x83Wz\xf1\xc3-\n3\xbaJDF\xaf[\x7f;\x07X1V\xc7\xcd\xb2\xc2\xadC\xab\xe4\xeb\xc3\xbfw\x0f\xcd\xd5v\x04v\xd4\x9d_\x1a\x00\xbc\xfeL\xf1d\x01\x16\x84\xce2%\x92\xdb_\x87\xb8\xc7\x9f\xa7\x0b\xe0\xfd\x8d\xc0\xaeBP!\x12Q\xb7\x1a\x05]\xefM\x9a\x14M\xef\xa2\x9a\x90=\x80\x17\x01_\xa8.\xc9CSJ\xcdf\xeb\xf3\x0b"K\x9a?\x89\xee\x1e]+_\x04\xcc\xa2[k\xd3\xcb\'\xf6\xa2O\xe9TQs\xc4\xf0\xce\xb8\xccQ\xc5\x0b\xfb98\xbdqf`W\xc1&amp;1\x88\xf0\xe4L\xeb2\xd9\x98n\xd8\xb6\xd9\x7f\xeb&amp;\xc3\xb3sD\xa4r\xa8i\x95\xcb;\x17\x8a\x87\x10I_L+\xc7vW\xa6\x15?\\\xe7\xd5\xaaL\xd67\x1e6&amp;\x00\xbe\x96M\xebz\x901m\xb6?\xd8\xa3\x0eh\xac.\'U\xca\x18A\x1f\x97\xec\xd9\x82^\x03\n\xc4\x88%A\x07\xb6\x85\xb0w\xd1\xe8\xbd\x8bFG&amp;Z=\xa1g\xc9\x94:f\'\xc3[W%"\x00=j\x15\xf6D5\xcc\x83\x87q\xb0\x18\x15\x9e\x0e\xac`\xb4\xdb\x01\x00x\xcf\xfd\xf6l\xab\xeeP)\xb7\x8bE\xb0\xcb\x97\x8f\xee\xca\x9bg\x8en_#\x9fo\xd8I\xdd\xea\x1b]%\xf6&amp;\xcbo/=8\xb1\xc1\x95\xea\xfd&lt;l\x9f\xe3\xa4\xc1V1c\x9c\xb6\xe5\xb2{\xba\xd0\xa6\xc52x\xba\x08S\x98m\x01\x7f\x84}\x18g\xb7\xccQ\x1d\x0c\xd0j\x99\x81/?\x98\xf2r:\x1f\xf7\xe7\xe9\xa3\xb7e\xaaet\xfb\x1a\xee/\xdb\x01\x80\xdc\xce\x9b\xc3p\xf8\xa4r&gt;\xe8g"\x9b\'\x8e\xceN\xb2|\xeb\x12\xa4d\xee\x08;W\xcd\xd7\xb6|\x0e\xde}\xb4\x02\xd3\xcd-\x10?\xbc\x92\x95nn\xc7\xd6L\x05\xa0\xeb\x89\x01x\xc6.yuy\xb7L\x9d\xdd8\xc6\xf0Y\xed^0B\x9c\xb8T\xca\xa8\xe2\x04\x0c_\xa2\xd9\x03Z\xbaX\xb1\x9f\x04\xed\xab\x92|\x88VQ|\x03|}p\x92\x95\xf8\xd0\x8a\x1b\xdb\x0e\x15sO\xe8ZO\xacF&amp;\x03?Q\x04\x00&lt;!\xf5\x11\x97\x1a\xae\xed\xb8T\xbat\xad^\x80\xff\xd34\x92b\xe0b\xea\xff#\xe015\xb8\xb3\xadz+\xd3N\x065)\xa7M\xd6\xb1\x92\x9f:u\xaeX!\x05\xed\xads\x95|D\xc4\x82\xc4-\x1e\xdeQ&lt;\x00\x0co]\x85\xe9\xdd.\x18\xd2N\xb7\xaa\xf2\xda\xa2xyQ\x9bX\xd1\xda\x02p\xff\xf8z\xa9|\x80\xe4\xceC\x9e=G\xc2\xd3\xfb4\xb5q\x95\x17\x0b\xc45Ob\x19\xe6\xbfA\xf7\xebJ\xfd;\x01xsu\xaf%\x15\xe6\x92)\xfe*\x10\xff\xf7\xceU\xf3\xbbR\xab\x1e\xb5\n\xab\xb4\x8f\xe4\xbb{q\xbf&gt;\xa3o3\x17\xea\xe56\xe4\x03\xa4X\x12_\xfc\x1c\xe8\xda\xfe\xe0\xd5%\xedA\x95\x98M7&gt;\xe8,\x87\x86+\x97\x8c\xad\x00\x1e*b\xd2\xa9=\x1b\x89\x1b\x98\x8f\xf1)E\x95\x96\x88N\xac\x9b\x06@\x10\xe1.\x04Ko\xb0:\x94\xecy\xb5\xfe\xbaU|\xbas\x84U\xc9\xd4\xf8\x16\xc0\x89\xf5\xd3e&gt;\xae\xe7\x17&lt;\xe2\xf1\xd4K \xc3\xbe\x19\xa35x\x86\x884\xa0Qi\xe6\xeaG\x06#\xc9\xa9\xd5\xe0\xb7\xbc$\xd4*,n\x89\n\xcf\xc5\xf92\xc2\x15\xdd\xa9\x96\xa5\xb3t\xaa\x92\x17@(\xe1\xb6\xf6\xbb\xebv\x02\x1b\x04}\x065-\'\xb9\x83\xb2dD\'\x1bN\xeag\xf6m\x06`\xf3\xccA\xa3\xdaV7M\xbcj|O\xd5\x91\xf6\x15r\xb1\x1f\xd3\xfb4\x05\xb0u\xd6\xdf\xac\xb7\x9d\xd9\xaf9\xfb\x91\xdf\xd7\xb3+@VJQ\x03U\xec\xa5\xa3:{b\xf3@\xc9p\xc9\x88N\xcc\xeeAARL/\xfe\x06\xdde\xd7\xe6\xc5\x1aI\xf5&amp;+\x9eV\xfd\x9c3\xb0\x15\x9c=\xe8\xf2\xee\xd8\x066.[={B\x8fV \xe8\xa3|\xc3\x17w,\xd0=\x9b?^8]\xb5\x96U\xe3zx\xb4bSz6\xf2h\xfeV\xd1u;\xe8\xba].Kpn\xeb\xdc&amp;E\xd3\xe9\x9e\xe5\'\xfe\xe9}hD\x9b\xaa\x929\x13\x11\xbe\xdc\xd5]\x89\xca\x84\xa1~pb\x03\x80\xb4\xe1i\xe9(}\xa5)&lt;=\xabk[#f\xc7\xdca\x02\xf7\xf2\xecN\x1b\x15N\xb3c\xde\xb0C+&amp;\xf0\xa7\xea\xe7O\xb9y\xc6@\xddK\xac\xd6\xc1K \xd3\xbcs\xb5\xa0\x00\x00 \x00IDAT\xacx\x066\x9f\xb2\xedH\xdd\x1e\xacy\xb5\xaf\x98\xcb\xee\xe5\x8fe\xdc\x85\x04\xb0K\x11I\xb7\r\xb6}\x82v\xac\x94\xa7\x8e\xc3eqP\xc6\xf6k%\xa2\xbf\x9b\xd9\t\xa2\xc9v\x8f\x94y\xbaU\xd8\xae\xe3\x95\xdd\x8b\xab\x1b{\x84m[\xce\xc9\xba^Q\x8b\xb4$\xc4\xef^\xb3\x90\x8d\xeai\x8b\xc8\x1eM.L\x87\x10\xd3=\x98\x16%3\xe3\xdf\x1b\xbaN\xb6\xf7-\x1933hHV\xbd\xb8\xc4\xf9m\xf3\x86\xb6\xa84\xd8\x1d\xb6\xdd6\xb0d\xe6\xa0|\x06%SD\xd9:K_\xbb\xfc\x87`d\xdbj\xfc\x9f\x9bg\x0c\x92\xbfV\xde\xeb\xea\xd7\xfb\',\xd4\x89(\xb1]\x9d\xdct\xd2\xdb\x87\x00\xca\xa7\xd3\xe9v\xc4}hn\x89\xa8\x12\xcc\x95\xbf\x8d\x19(\x93Q\x1cY5\x99\xfd\xb9k\xbe\x89*\x8b\xban\xb1CY*\xb4N\x9ed\x96\xf2W\x88AT\xc6\x11\xdf8*\xd1\x9a\t\xbd&lt;=a\xeb\xdf\xb0\xb4L\xb2f\xc5\xcd\x95\x06\x99\x11\xd9\xa6\xe9:\x8b\x06/\xee\xc1-\xfe\x14\xe51\x92E\xaalEl\xb87\x10\xe3]c\x06M\xa2J[Y\xeb\xbe\xc1\xceU\xf3\xb9\xb7&gt;\ny\xe3\x84\xa9\x993\xb1Q\xb3\x01\xbe\x02\xaf=T\xb4\xe7`\x0b,]\x9d"yz\xd4*\x9c\xde\xc7P7l\xc9\x88N\xaeD\x9d\x8a\xeb\xbf\xeb\xfe\x9c\x88\xd2\xfb\xd8\xce\xc9K\x00bCS\xf0\xee1\x91A\xb9\xb7\xbf6\xc5\r+y9\x00\xd4\xc8\x99\x98\x88:T\xcc-N\x19\x8e\x08x&amp;\xb3%\xf3\xfd\xd1i\x16\xc06\xbd\x0f\xad\x1c\xd7]\xb2&amp;\x1b\xa6\xf6\xb7a1\xa7\xac\x02\xea\x17H)J\xa7\x01\x9fo\xab\x8f\x00DT9\xb3\xaf\x8d\xf6\xd9\xbf\x91\xe1\xbc\xd8\xbd\xad\x1d\xc0\xd8\x8e\xb5\x97\xeaYJ\x03\x18\xd1\xba*\x9e\x9dw1\x7f\xb6\x9b\xad{V\x99\xc9\xd9\xde\xa7\x9d\xa9Q\xc42\xaa\x86\xdd\x12\xbc\x04\x01t\xdf_\xa2\xdf(\xb9\x07Tp\xcel6\x8c8\xa6l\xc7\x99\xe2!a\xd7\x0f\xb4\xbc\xcd\x1c\x99\x88\xc8\xd7M\xb9\xb9\xe2\x9a\xc9\x12U\xb2Xp\xaa\xed#\x97l\xe7\xfc\xe1V\xab\xb1m\xf6\xdf[f\xea\x8b\xec\xf0\xf9\xb6\xd8\xcbf)=\x8bh{\xf0RD\xe0\xc3\x9f\xd6\xcc\xd6\x9e-\x1a\xd6\x81\xcc\xc2\x02\n\x14[\x19\x87WN\x92\xf7\x1f\xae]M4-\x9a\x9e\x88\x16\x8f\xe8(\x9b\x85\x17\x1bx\xce\xba}|\xe7:D$\xb9\'Y8\x91\x8fnM\x98\xce\xb2\xa4\xda{\xed&lt;\xc9\\\x9f/\xc8\xe7\xe0\xb9\xb9y\xef\xba\xc5L\xd3\xe8*\x15\x9er8\x08J\x14\xdcO2.\x15y\xd6:\xf2\xf3&gt;\xd3=\t\x00\xc1\x02v\xa2\xc7\xeb\xea\xb8\xce\xe4\x1e\rok\x82]\x07\x1d\x00\xe0\xc3\xcd\xdeu\x8b\xc9\xdf\xef\xc6i\x03T\x89\xb5^~\xfa5(\xa9\xe4/[\r \xbd\x0f\xe5\x8a\x15\xd2R\xf4\x0b\xef\n\xc0UR:\x87\xe4a\xfd\xb2\x02\x00\xd5\x96c@\xa2D\xd9\x06\x10\x93h\xc3\xd4\xfe\xf5\xf2\xa5\x90\xbf|\xddd\x9b\x11\x85\x04\xc8\xc4\xbdb\x16\x0cU\xb3z*\x06F\x9a\xf0\xd4\xa4hz\x1b\x17\xf2\x1e\x1c\x1d2V\xcf~?\xa6\x92}\xc9\n\xa4\x08c\xc1g__G\xefc\x0fI],IX\xd7\xa6]\xd0\xda(\xa5y\x89\x8c\x96\xd2\xb7(\x99YuD\xbb\xa9\xc6\xaa\x97-\xaa\xb5\xe9\n\x80G\xa7u\xa2\xa7\xf14(\x98\x9a\x88j\xe7\x11E\t~|fK\xb5l\tX\x1d\x1e\x9d\xde,\x13\x90RU\r\xef\x00\xe0Y\x04\xba\xfdM\x8b\xa5oR\xc4O\xdf9\xb6f\xe4p/\x8e9\xd9\xab\xca\x99}=4i\x95D\xb0\xb1\x95\xc2\xd9\x862\x80\xf7\xd5\xadr}\xdf27\xe6vb\xfdt{\x17Z\xfd\x80\x0f,\x1b\xffc}\xf3\xba\xcaQ\x00\n\xc4s\xea\xed\x94\xe1-O\xec\xd0\xba\x82{\x1eA\x04\xec\x82\t\xc2\xaf\x1aoh\xd5Q!Cl\xd5\xfc\xbaz\xf6\x846\x9e\xa7vc\xfc\xe8\xea\xc9\xaa4\xa6\xba]\x8a\xe5\x10[\x85\xc8\x88\x02uW\x8b\xb3\x07\xb4\x0ct?\xed\xbf"\x19"\xfaM\x87\x93\x87\xa6\xae\xd5\x0b\x04\xc0g\xf9\xf1\xf6\xe1|\xbea\xdb\x94\xf5\xb8?;\x17QZ\xf6\xe0f\xe5\xf9\xe3\xeeZ\x11\xb4\xaf\x98+(x\xdc\xe3\tR\x9d\xb2j\x8aP!\xbd\xa9\xc2\xba!\xae8\xd5\xe8V\xa3 I\x1b\xb4+\x0f0U8\xa7?\xadb\xda\x15\xee]4\xdaF\x94c\xbe7\xc7\xdbk2S\xefE\xc3;\x10\xd1\xdf\xce\x9f\x80\r\xf0\xefM\x0b\x89\x81\x86\x85\xd2\xb8X\xe2O\x82\xe7F\xc5\xa1-+E\xd4\x84\xfd\xd2m\x10\x00\xb42\x13\xc9}\x85d\xa1t\x0c\xc1\xf1\xe6\xaa%)\x90\xdb\xe9\xe0\xf0\xf6%\xc3\x94\x1e\rUGlx\'\xd3&gt;\xd8?\x89\xe4=m\xb8\x91F\x85\xd2x\xd4\x07\xa7\xbb\xc0\xbbk\xee\xca*a0"\xa6\xf0\xf3\xefM|\xbb/yU&gt;\xdf\xb0D\xf4\xfe\x86\x9f\xd7\rS\xef:\xdaB\x05\xcaBZj\xe4H\xb4nr\xdfNU\xa4ta\xd9\xa7\xda\xb1R\x9e\x01\x8d\xcaX\xac\x97\x1f\x85\x12\xfe\xb1g\xd1(\x00\xba\xdeIyT\xb6oV\x99\xd8\xb5\xde\xac\xfe-\x82\xd4\xdc\xc2\x8b\x1f,\x088\x7f\xa4Lj]\x8b?5\xe5\xd2\xc6\x04^\xc9\xa4\xbc\xb0m\xde\x9c\x81:\xf1\xb8\x8b%\x8bDAl\xca\xe99T\xfe\xab\xad\x02\xa0p"\x1f\xf7T%\x083\xa6CM\xfe\xcfrn\x8a=\xb2aj\xffo\x0fO:\xc4\x8f\x9f{\xd5\x91\xf2V\xdb\xb3vQ\xdes}\xc2`\xe6\x8a\xb3.\x02\xe0\xe2\x8e\x05\xc0w\xb9\xc4\xaf\x00l\x9a&gt;\x90E\xd4\xe1Y8\xb4\xbd|\x89\x00\xf0\xf5\x1e\x7f0\x02\xd1\xcd\x03+\x94?[\x97\xc9\xb6qZ\x7f\xc9\x0c\xdd\xc8/\xd23\xd8\xc4\x8dOg\xe3\xb4\x01\xee\xca\xca\x88\xb8\xce\x0e\x7fx\xbe\x1b\x8bA\xbd(\x00\xdf\x02\xbb\n\xe6\x00\xe8\xe7\xda\xb6\xad\x80/w\x8f\xb9r\xf9\xf6\xb9C\xbbV/P\xbf@*\xf9K\xba\xd5(\xa8\n\xb0\x05`B\x97\xbaD\xf4\xf4\xdcVy\x9f\xe71I6@\xbc\xa5\x8f\xbax\xb2H\xbc\x9aS0\xf9+\x9d\x19\'\xdc\xf3\x03\x1ev\xa9\x96\x9f4\x1bc\xee\xc5H\xea\xe0\xc1"\x7ft\x82\xf8\xd3\x19\xdb\xb1\xb6y"9r\xc5\x0c\xb9bL\xb7\x0cByS\xd6(\xb6\xdb\xbf\xabx\xdb\xae\xc2\xf8\xceu\x89\xa8d\x8a\xbf\xdc\xa6\xe5n\x8bI\xdd\x1b\x10Q\x02\xd7Z\x84\xbc\n\xa96\x8dv_\xa7D\n)9\xee\xf1\xb5\xd3\xf0\xfa\x8ad\r\x89\x08xcU\x7f\xc6\xea\x1d)\xcf\xc1sv\x1eFnY\x7f\xcd\x8f\xc8U\x82\x8el\xb7u\xd9l\xee\xca*.\xd1\xba\xc9}\xdd\x95\x9b.\xc0cSI\xa8.\x8b\x87\xeb\x18\xb0\xf0m\xd7\xd2\xf6#\x1f\x02i\xed\xa4\xde6\xea# \x91\x9e\x1eK\xfd\x02\xa9F\xb5ss\x9bq\xbb\xe7\x0f\x01\x994\xfd\x92\xca\xe2\xd7]r$#\x80O\xbc\xf9!\x00e\xbbx|\xe7:S{5\x0eF\x94\xc0\xb1\ta\xca\xe33[\x1aH/S:W\xcd\x0f\xe0\xf8\xdai\xf2\xb5\xfd\xf7\xe6\xc1\xc9\x9a\r-\x9e\x9a\xb9\x92\x8c\xedX\x8b\xfd~w}_\x8fZE\x02\xac#f\xfa\xa6\n\xde\x01@\x87\xef\x8f\xcc\x05&amp;\xf8\xf8\x8f\xed\xfcw\xcc\x1d\xaa\xfc\xae\x97\xdfi\x93\x96wMl4\xa3Qt\x0c\xda\x96\xcf\xc1&amp;\x0e\x97v,\xb4]\x19\x1b$\xb5\xeb\x19\xabi\xd1\xf4|\x83\x8bO\x948\x04\ro]E\x9b\x12@]\x8d\xd5\x1b\x1e\xfb\xfb\xe0}uy7\xde\xf9\x19\x82v\xafYx\xd9\xa8.6\xea\xa3\x1b\xd8\xc0\x08_\xe9\x99\x1d\xdf\x17j\x1d\xf0=&gt;\xbd\x99/\x95\xe9\xdc\xb8W[WW\x8f\x07_\xefy.\x8au\x89\xe4\x9e\xd5-\\9\xb6\xbb2\xc6\x1f[3E\x7fE\xf8\xe4\xac\xe0\x05\xe1\xc9\x19\x00\xb9b\x86dA\x9f\xe4\xfd\xbc\xce\x19\xd0\x12\xc0\xd5=Kd\x12\xb7\xaf\x98\x8b\x85~zyi\x17;b\x1a\x96\x88y\xa8\x9e\xd0\xb5\x9ed}X\x95\xe4\x13{\xb1\x0c\xf0\xe2\xbeY\x04\x06\xdb#g\xc9\x94Q\x04\x82\x16\xe0\x19_D$g\xcd\xe8\xda\xb9\xfd\xedD\x86\xb6\xac\xb4tT\xe7\xf9\x7f\xb7\xf5\xcf9\x85H*\x00 \xa1\x15\xfb\x15\x81\xd7\xccPD\x07\x97O0:+\xc6\xf4\xc12\xa2[q8a\x8fr\xd2!\xc3\x14L_z\xa3\xc2iyq\x01\x80\x0f\xb7\x0e\xa9\xd2\xe8\xba\xfdrq"\xd6\xb0\x90\xff\xb4N^\xaeb\x03\x81\x1bs\xb1\xfcp\xff\xd2q\x82\xb3\xbf\x11u\xafY\xd8\xf5x|\xc2/\x0b//\xedT\xfe\x8c`\xa0&amp;\xafe\xcb\xac\xc1\xf8xk\xa2\x95\x0e:\xc0P\x96\x11V\xf1N\xfc\xddIf\x8b\x82;K\xbe\xb9xu\xf8J\x99&lt;\x11\xb3\xd2#\xe0\xcdUq\x82Z\xb9EF\x8f~\x99|\xd6\x0f\xec\x9792%\x0c\xe6R#.\x9e&lt;\xb2\xea\xf2f\xc5\xad\x19\x8e\x1a1\xdbL\x15o\xf7\x82\x91b\xd1y\xaap~\x9a\x91Z\x92Hx\xf4\x9e\xd0\xb5\x9e\xe7&gt;o\x95\x00\xc1]\x14M\x12\x11\x00[\xf2\x86\'*\x93\xdaD\xa4\xa7\xdc\xa0|\xccn~\xaa\xa4\xc0\x1b\xd3\xae\x18\xd3M\x9b\xa0\x88\x81#^\x16-\\\xda3\xb7\xa7\x00\xa0];\xaa\x86\x7f\xdd\xb6\x06\xc0\x15\x83\x0f/.\xd1\xbaL\xd6\xc0\xae\x82\x1f\x93\xba\xd5\xf7\x90\xde\x81\xb8\x0fb\xdf\x9dG\xb71\x9b\x16\xcbP\xd2\x8a;\xb0\x9fuN\xd4\xa1R\xee\x80\x8f\xd6)@\xd7.7\x84\xd9\xf3\xdf1w\x98\xc7jD\xc4\x95&gt;\xb5g#\xab\x1b\xdb\x019\x0c\xfcsp%\x00e\ti\xf4\xd0\x069;a\xb4m\xc4\xe0E\x87x\x81\xaa\x0f\xe3\x16&amp;\xf7hX0\x81u\x1f\xc1VhUZ4\xc8\x9d\xdb2\xf7\xd4\x86\x19\xf8\xfe\xc0C\xa5\x87&amp;Z3\xa1\xd7\x0f\xd4\xa7\x030\xb58\x8d\xcb}\xf0e\xd3\x98\xdb\x91DrL\x06\xe7\rnc\xb5\x0b\x88\xee\xa8\x95\xa5\xab\x18-Kea\xfe/\x19Q\x88\xea\xe5O\xa9Z\xba\xa8nVw\x93\xdf]h%nb\xff\x80\x83\x9a\x96\x0b\x80\x96\xa3\x9a\xa7\x03\x90\x91yN\xed\xd5\x18\xc0\x9b\xab{\x01d\x8d\x1a\xacrf_\xe9\xe2~\x00\x15\xe7\x9f\rmTR\x8f6tS\x14\x83\xd8\xae\xd5\n\x04b5\xc4\xa4\xf7\xf1_\x98K*\xf6\xb9\x85i\xbd\x9b\x90\xc3%Q\x00\xc7\xb6\x94GY\xb4KnG\xfb!m\x94KVT\xd1u%\x08\x93{44\xda\x84`\xb3W\xf9\x9a\xe8"\x08\x06?\xb3_\xf3i\xbd\x9b\x84&amp;\n\x82rR\xed\x8d\xcb\xeb\xbf\x028\xbaf\n\xef\x83\x9a\x1d\xb4\xbc\x85\xa5a`\xe3\xb2.\xe7\xe1\xc5\x8c%#:\xb17\xb7aj\xffq\x9d\xdc\xa6\xb9o\x95\xb0n\x92r\x00\x8f\x0c\x8e\xbb\x9ay\x8a0T$ID\xbf\xce\xe3\xf1\x19\x17s\xd3%\x7f&lt;\xfd\x0e$\x84\xb3fa\xa03\xa6CM\xc5=|\x8e\xe8~\xb3g\xabOxR\xf7\x06\x00X ry\xadG\x19Lk2\xaa]u\x1b\x82\x91\xeds\x86\n\xce\x9a\x16\n|k^"S\x93\xa2\xe9\xb5\xf3\xe2\x15ce\xe3\xe7\x98\xa2\x1d\xf6\x807\xa6\xab\xe9]\xf3G\xd8\xfb@\x00,\x19\xd1\xc9\xd4\xe7\xf3\xe3\xd3\x9b\x95h3Av\xfa\xf2\x0b\x01&lt;\xe5\xfd\x1b\xf3\xba=\x01@\xc7\xcaj\x0f&lt;g6\xcf&gt;\xb4b\xa2I\xc8\tgD\x1au\xfafY\x8f\xf9?\xdd\xb5\xa7j\x8f\xa7\xe7\xb6Z\xbdD\x1b\x93\xeb\xd6\xe1U\xb6#4\xb9N\x85\x0c~\xdb{k&amp;\xea[*$\xb5\xf4:\x8dw\\&lt;\x1d\xedV\x12SE\xd8\xa0 \xd0+\xef\xc2\xc6ii\x03+}#,\xe9\x1d\xb5,\x95\xf9\xe0\xf2\xf1}\xebK\x99\x88\xb3\xb8rDt\xeb\xd0*KU\xf2b\x0e\x13\xb3\xe4\x88\x1e\xc2\xf5\xf6\x9aZ\xb0\xdc\xb5H\xaa\xb0\xf4\xf8\xf4f|\xb9+\x7f\t3\xc7WQ=G"\xf6C\xd0:\x01\xb8\xdd\xba\xca\x12\x15\xd2\xc7\x96\x8f\x9d\x14d\xd90\xb5\x9fL\xb2\xee5\x0bY\xca6\x92\xe6O|\xd1W\xb5\xf2\x04\x83]\xf0v\xd9\xb0P\x9aY\xfd[\xb8\xb126\xb0\xfdQW\xc9\x12\xafku\xb5\xdcU\x1b\x81\x00\x80V\xcf\xcb\xbd{\xf8\xc0k\xe5.&lt;\x14\xb0\xef\x97\x06x\xe4\x16E\xec\x17\x17wf\xe4\x9caJ\xa8\xff\x19"\x0e\x18)i\x1c\xd0\xaat\x96\x15c\xbb=9\xbb\xc5j\xe9F\x11\xed\x19\xf3\xffn+\xb6\x99$\xa1A\x80U\x05\\1.\xae\x9d\x03~*]*UT\xad\x932S\x02q*]\'O2{\xd1\xcf\x9b\x16\xcb\x00\x00\x9fn\x99\xc6\xaa\xf41\xb8A&gt;\x8a\x8b\xed\'\x00@\x15\xb1\x80}\xe9GVM\xb2\x97\xa1&amp;\xffW\xa4\xb7\x</t>
        </is>
      </c>
      <c r="E478" t="inlineStr">
        <is>
          <t>&lt;class 'numpy.ndarray'&gt;</t>
        </is>
      </c>
    </row>
    <row r="479">
      <c r="A479" s="1" t="n">
        <v>477</v>
      </c>
      <c r="B479" t="inlineStr">
        <is>
          <t>steps_per_sec</t>
        </is>
      </c>
      <c r="C479" t="n">
        <v>6900</v>
      </c>
      <c r="D479" t="inlineStr">
        <is>
          <t>3.363432</t>
        </is>
      </c>
      <c r="E479" t="inlineStr">
        <is>
          <t>&lt;class 'numpy.ndarray'&gt;</t>
        </is>
      </c>
    </row>
    <row r="480">
      <c r="A480" s="1" t="n">
        <v>478</v>
      </c>
      <c r="B480" t="inlineStr">
        <is>
          <t>Loss/object_center</t>
        </is>
      </c>
      <c r="C480" t="n">
        <v>6900</v>
      </c>
      <c r="D480" t="inlineStr">
        <is>
          <t>0.16855869</t>
        </is>
      </c>
      <c r="E480" t="inlineStr">
        <is>
          <t>&lt;class 'numpy.ndarray'&gt;</t>
        </is>
      </c>
    </row>
    <row r="481">
      <c r="A481" s="1" t="n">
        <v>479</v>
      </c>
      <c r="B481" t="inlineStr">
        <is>
          <t>Loss/box/scale</t>
        </is>
      </c>
      <c r="C481" t="n">
        <v>6900</v>
      </c>
      <c r="D481" t="inlineStr">
        <is>
          <t>0.052346583</t>
        </is>
      </c>
      <c r="E481" t="inlineStr">
        <is>
          <t>&lt;class 'numpy.ndarray'&gt;</t>
        </is>
      </c>
    </row>
    <row r="482">
      <c r="A482" s="1" t="n">
        <v>480</v>
      </c>
      <c r="B482" t="inlineStr">
        <is>
          <t>Loss/box/offset</t>
        </is>
      </c>
      <c r="C482" t="n">
        <v>6900</v>
      </c>
      <c r="D482" t="inlineStr">
        <is>
          <t>0.17837766</t>
        </is>
      </c>
      <c r="E482" t="inlineStr">
        <is>
          <t>&lt;class 'numpy.ndarray'&gt;</t>
        </is>
      </c>
    </row>
    <row r="483">
      <c r="A483" s="1" t="n">
        <v>481</v>
      </c>
      <c r="B483" t="inlineStr">
        <is>
          <t>Loss/total_loss</t>
        </is>
      </c>
      <c r="C483" t="n">
        <v>6900</v>
      </c>
      <c r="D483" t="inlineStr">
        <is>
          <t>0.39928293</t>
        </is>
      </c>
      <c r="E483" t="inlineStr">
        <is>
          <t>&lt;class 'numpy.ndarray'&gt;</t>
        </is>
      </c>
    </row>
    <row r="484">
      <c r="A484" s="1" t="n">
        <v>482</v>
      </c>
      <c r="B484" t="inlineStr">
        <is>
          <t>learning_rate</t>
        </is>
      </c>
      <c r="C484" t="n">
        <v>6900</v>
      </c>
      <c r="D484" t="inlineStr">
        <is>
          <t>0.001</t>
        </is>
      </c>
      <c r="E484" t="inlineStr">
        <is>
          <t>&lt;class 'numpy.ndarray'&gt;</t>
        </is>
      </c>
    </row>
    <row r="485">
      <c r="A485" s="1" t="n">
        <v>483</v>
      </c>
      <c r="B485" t="inlineStr">
        <is>
          <t>train_input_images</t>
        </is>
      </c>
      <c r="C485" t="n">
        <v>6900</v>
      </c>
      <c r="D485" t="inlineStr">
        <is>
          <t>[b'512' b'512'
 b'\x89PNG\r\n\x1a\n\x00\x00\x00\rIHDR\x00\x00\x02\x00\x00\x00\x02\x00\x08\x02\x00\x00\x00{\x1aC\xad\x00\x00 \x00IDATx\x9c\xec\x9de@\x14]\x14\x86\x0f"\xb6\x88\xa0\xa0`\x80\xa4\x08\x08\x08\x08\x02JKH\xa3\x80\x84\xa0\xa2\x02\x82\xdd\x89\xdd]\xd8\xdd\xdd\xdd\xdd\xdd\xdd\xdd\xfd\xa9\xe7\xfbqa\x186fggg\x17\xd0y\xfe\x88\xb3w\xee\xdc\xd9\x9d\xb9q\xee9\xef\x01\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10`"\xccV_\xdeS4\x18?E\xa9\xbc\xb5\xd7\x92\xbby\xf8\xe1:\xe23\xfc\xfd\xd8EOM\xdes\xeb\xeb\x82K\x95b\xbe&amp;\x9ar_\x95\x05\x12\xabU\x03\x88\xaeo\xf4\xf3\xd1)\xfam\xbf\xbc\xb8C\xbc\xb0uY\xc0\xb7W\xe8\xc5v\xce\x1b~z\xe3LDl\xed[w\xf9\x98n\xd4\xf1q\x9d\x9ask\xe1\x88\xb4(Z\xf5\x9f\xb3\xfb\xa6 \xe2\x81e\xe3\xebU\x84~-\xfc__\xdeM\xfek]\x16\xa2\xeb\x1b\xa57q\x04\x00\xfct\x0b\x11\x7f&lt;&lt;\x11ng\xd0\xd2\xdb\xbaa\xf5\x92\xa4\xaa\xee\xd1\x9ey5}\xbb\xfb\xe3\xc1\tnMbO\xa7\x087\xc4\xf7\xe4\x82\x0fOl\x18\xda.\xbcw\xbc\x1f\xf3)\x01\x16\xda\xa3\xda7\xad\x02\xb0q\xfa\x00D&lt;\xb2j2\x87\xeb\xa6\xf8\xd5=\xb9&gt;;\xc1\xdd\x9c\\\xda\x88\xf6QYI\xe5\x1dur\xfe\xf02*\x8b\x88\x13\xba$p\xb8({\xc4_\xaas[\xe6\xc8U\x83M9\xa8\x05\xa0\x07\x10Y\xaf:\x00T\x04\x88u1\x1e\xd26\xec\xc5\x85\x1d\xa4\xc2\x13\xebg(\xa7\xed9\xa8\x03\xe0\x8b\xf3\x88\xb8~J\xbfr\xb9\x07\x7f&gt;:I\xae\xfe\xe1\xc6\x81\x1f\x0fO&lt;8\xb1\xc1\x08@K\xec\xdc\x01\xc9AONo\xde4#\xcb\xdf\xbc"\x00T\xcd\xfbB\x9e#"\xf5[\xd0\xb9\xb0m~\xbf\x16\x01\x83\xdb\x84""\xe2\x0f\x000+\xae\xb4{+\xcch\xe7~Ys\x07\xa5\x93#m\xfd\xed\xb8UE=|ONo\x16\xff4\xbd\x89\xa3\xd8S\xfa\x1e\xf1M\x88\xb5\x1e\x87k9\xe8\xc0\x82\xa1\x19\x88\x88\xf8\x8a[k\xe5\xc5\xbdZ\tD\xbc}x5s\xb1M3\xb2*I:&gt;\xa1K\xbc\xd8\xed\xff^8\xac\x83\x91X\xc9\x10\x9b*\xf9J\xbd\xba\xb8}\xce0D\x8c\xaeodS.\xe7K\xbe\xbag\t\xfdDm\x809Yi\xf1nfln\xa4X\xfe\xfe\xc2V3\xe7\xbf-\xbd\xac\xe2\xdd\xccFg4;\xbbyN3\'\xc3Q\x19\xcd.\xedX\x88\x88\xa9\x81\x0eT\xe1\xb6\xfe\xf6\xe4-\xf52*\x0b\xa2c\t"\xa2.\x9b\x16\xb0#\xc1\xdd\xfc\xc7\xc3\x93\xce\xba\x12\x06\xf8\x12\x00\x15s\xfffxz\xfcL+P\r\x9b\xdc#\xe9\xc6\xbe\xe5_\xee\x1c)\xc6x\xd1N\x91n\x0b\x86f\xdaiB\xb0\x95\xe4[q\xd3\xd7\xd8\xbft\\\xb5\xdc\xff\x06Xh\xdbjB9\x00m\x00m\x80\x12\xb4\x92\x88x\xf7\xc8\x9a1\x1db\xde_\xdf\xdf\xa0\x8az\xe7HwD\xc4\x9f\x0f\x18\xaeN\x9a\x1al\xadW\x01\xc0\xae\x02cCihJ\x1a\x00&amp;t\x89g{&gt;\xb9\xf4\x97;\x88\xe8\xa0\r\xd4ek\x02,\x1e\xd1\t\xf1\x17"\xe2\xe7[\xf5*2\x9d\xae8A\x96\x95\xe8\xed\x7f{u\xef\xa0\x94\x10\x91\x9b\xba\xb6wi\x9b\xc6\xb6k&amp;\xf5\x16?=\xc0B\xdbA\x9bv;\x88\x88xz\xd3,DlPU]\xbc\xbc\x0e\x80\x11\x80\x1e\xc0\xc8\xf4(\xb3\xfc\x9f\x97\xe6\xf9\xce\n7\xcf\xcem\xcb\xfdz\xbf\x00\xc0\xe0\x94\xd0\xf9C2\xb8UE\xff\xa9$N\xcb\x13\x1bZP\x05^\x9c\xdf\x9e\xe0n\xce\xb9\xd9\xbe&amp;\x15\x06\xa5\x84\xecY4\x1a\x119W"/\x96\xa5\xf2\xfev\xafVb\xe5\xb8\x1e\xcd\x1b\x98T\xce=R\x1e\x00\x00\xde\\\xd9\xfd\xe2\xc2v\x91\x13\xb5\x01|\x8c\xcb\x8b\xbf\xa5\xed\x02\xeaI\xbcP1\x00|~\x9e^\xf2\xf5\xe5]\xe4\xa3\x92\x00n\x06\x1a\xf4g\x1d\x00j\x01\\\xd8&gt;\x1f\x11[\xfb\xd8\xb0\xbc\x97\x81-\x83.\xeeX\xe0\xaa_\x9c\\nX\xbbp\xb2\x18\xf13\xd5\xd2\x03\xa8D\xfb5\xf7,\x1cM-J\x1c\xb4\xe1\xd4\x86lD\xac\x9d\xb3\x06\x80\x16\x1e\x96\x07\x97Oxyq\')\xc0\xf2\xea\xe2\x88\xf7/\x1b\xa6\r@\xc4\xc4\x86\x16\xe2\x85o\xec_\x8e\xf8=\xd6\xc5xtf4u\xb0&amp;\x80i1(\x93\xfb\xdfJ\x00au\xabn\x9c&gt;\xa0\x95\xb7\xb5\xa3\x0eh\x00$6\xaa\xdd\xda\xb7\xae\xb4\x06\xec_2\xee\xeb\xdd\xa3\xf4\xef|\xfd\xd4\xfe\x12K\x9e\xdb2\x97L-Om\xc8\x1e\xdb1v\xcd\xc4\xde\x0b\x87u@\xc4?\xcf\xce\xb9T\xc97\xbe\x84\xd6\xad\n\x00\xa5\xf2\xbf\x1am\xfcl%V[\x93VlX\xbb\xf0d/\xab&gt;\t\x8d\xa5\xb5\x96\x8ec\xa5\xbc\x13\xcfm\x9d\x9b\xeceU\xbf\xb2\xec\xb3D\xc8\x0cuA\xc4\xa6\x8e5\xc9\x7f\r\x01\x12\xdc\xcd\xa7\xf7i\x8d\xf8\x11\x11\xfd-\xb4\x19\xcf\xe6\x81\xd2\x00\xf8\xe7\x89\xf8;Bg\xd5\x84\x9e\xa4p)\xe6\xba\x00.\xeeX\x80\xf8\xddM_\xe3\xe2\x8e\x05\r\xaaH\x18\x00\x00@n\x13\xc7_\xc9\xd4\x9e-_\x9c\xdf\x9e\x11\xe2,s\xdc\xab%\xab\x00\xdd \xf0\xee\xda\xbe\x11iQ\xe9M\x9c\xc4\x8b\x95\xe7\xd6\xd0\\,K\xc1\x9aI\xbd\xf1\xcb\xed\xfeI\x01\xb5\x00,J\xc8&gt;EF\x85%!\xc6\xb9V\x9f\x04?m\x007\x03\r\xa0\xcd.\x19\xa0^\xd7\x1b\xfb\x97\x93#d\xca\xd6!\xac\x01"N\xee\xde\x82^\xd8D\r\x00@\x0b`\xcd\xc4\xde\xcf\xcem%\'\x9e\\?\x83y\x92w}\xdf\xb2\xdc\xaf\xf3\xab3m&gt;j\xaa\x9e7M\xd3\x07\xb8\xb6w)\xe2\xbb\x05C3\'vM\xe0f\xdf\x90\xc8\xd4\x9e\xc9\xe4\xdaw\x0e\xafFD\xc4/\xb6\x9a\x00\x00\xf5*\xc2\xdb\xab{\xa9b^FeWM\xe8\xf9\xf3\xd1I\xfcz\'\xd9\xb3\x0e_W\x07\xaa7|sY\xe4xl\x03\x13\xf2\xc9\xa3\x93\x1b\xc9\x11\xf2\xab\x89pm\xefRD\xfcz\xf7(u\xa4\x9ax!\x00\x00\xc8\x0cuY3\xb17\xa9s\xe5\xf8\x9e[g\r\xc1\x9f\x0f\xf0\xcf\x93\xc1)!\xe2\x85\x9d*\xc1\xa7[\x87\xe8\xbd\xd2\xbbk\xfb\xee\x1f[G\xfe\xf63\xd3b\xba\x17DDd\xf8\x96\x1c\xb4\xa1v\xc9\xbc\xc7/-\xc8\x81\xea\x91\x99yya\x07"~\xbf\x7f\xdc\\\x01;F\xbc\x9b\x19u\xb9\xaa\x00\x0b\x86f~\xbe}8\xc4\xa6\x8a\xa1\xac\x13\x87\xb6\r\xe3~\xd5\xfc,\x1d\xdd\x85i\x04x\x7f\x9d|9%%\x19\x82\x0e\xaf\x9cD\r|U\x01\xc6t\x88\x01\x80\x19}Z_\xd9\xbd\x98Lt\xd8#\xd1\xac\xf7\xcf!\xf2\xad\x19\xe7\xceh\x18X&gt;\xb6\xbb\xc8O\xa6x3\xb2\xfb\xb5Y?\xb5\xbf\x8f\xb1\xe6\xc4\xae\t\x88xu\xcf\x92+\xbb\x17#b\x84}5\xb9\xcd\xff\xf9\xa9\x01\xf0\xe8\xe4FD&lt;\xb8|\xc2\xee\x85\xa3\x9c\xf5\xd4\x00\xa0&lt;@\x8a\x9f\xed\x92\x91\x9de\x9eNn\xf0\xe1\x89\r\xf4\x83n\xfa\x1a\xe4\xa0\xa5\xa4Y\xca\xfc\xc1\xed\xc7v\x8c]&gt;\xa6\xdb\xc7\x9b\x07DL\x0c\x12\x07\x83\xbd\x8b\xc7\xac\x9b\xd2\x8fn\r\xd8\xbdp\x14\xb9\xee\xcf\x87\'\xd3\x83\x9dZ\xfb\xd8\xfczr\x9a\x1a\x87\xcc5 \xc6Y\xeaH\x1d\xdb\xc0$3\xd4E\xe6}\x89\xdc \x85\xb4I`)\x00\xf9g\x9c\xb2i\x17PO\xe4\x11"S6\r\xcaTb\xc5d&lt;\xdc2s0"\xee_2\x8eX\xe4\\\xaa\x14\x0b\xb75\x10/\xe6c\\\xfe\xbf\xc7\xa7\xc8\x8c\xfe\xfe\xb1u\xc6\xb9\x85\x1f\x9f\xde\xec$\xd1\x96\x07\xd01\xc2\x95\xfe\xb5,\x1e\xd1I\x0b\x00\x00\x18\xf6\x94\x16\r\xef\x88\x88\xb3\x07\xa6\xfa\x9a\xb0\xb6\xec\x00\x00\xcd\x1cQW\xd6\xbc)\xbbo\xca\xb8NqrU.\x82]\x05@\xc4\x86\xd5r\x16w\x0fNl@D\x06\x0b-\xb9\x13/\xa3\xb2\xf8\xf3A\x8a\xf4\xa5\x95\xbc\x88\xd8\x82\xf2x{e\xfe\xe0\xf6\xcbFw\xfdv\xefXZ\x90C3\'C\x91\x13;\x86\xbb\x0em\x17.r\xf0\xd6\xc1\x95\xe2\x1d\x11\xe9\xd9\xba5\xf3\xf8\xf9\xe8T\x84\xbd\xb4\x89\xc1\xbf\r1\r\x8fj\xdf\xcc\xc7\xb8\xfc\xdcA\xe9\'\xd6\xcfp\xd6S+\'k\xabd@r\x10\xfd\'\x9b\xde\xa7\xb5\xa9\xe4\xe5\x17[\x86\xb4\t#U==\xbb\x85\xfe\xca\xed\x98;\xbcI\x9d\xca\x8b\x86w|rfsZ\x13G\x00\xa8\x00\x10ng\x80\xf8U\xae\xfaW\x8e\xef\x89\x88\x97v.\xec\x97\x14@^`\xab2\x10l\xa5wy\xe7\xa2p;\t\xfd\x05\x9d$\xcf:\x12\x07\xb9q\x9d\x9a\xcf\xc9J\xeb\x9f\x14 ~J\xc7pW\xf1.\xf8\xee\x915\xf8\xfd\x1e\xe2s\x99\xad\x1dL\xb3\x8a^\xdc\xb1 \xdc\xce\xc0L\x1d\xea\x94\x86\xf9C2\x16\r\xefH\xca0,l%\xfe\x16\r\xab\x97\xac_\x19\xc2\xeaV\x15\x9f\xc7Q\xd7zxr\xe3\xc6\xe9\x03e6\x8fw\xe8\xed\x9d=\xa0\x1d\xbe8o\x08\x00\x00GVM\x919\xb7 K\xb1\xfb\xc7\xd6\x9d\xd94\xcb^\x0b"\xec\x0c$N\xeb\xda4\xb6\xbb\xb4s\xe1\xc7\x9b\x076N\x1b@\x1d\x0c\xad[\x15\x11\x8f\xaf\x9d&amp;m&amp;\x88\xf8\x8c\xfar&gt;\xde&lt;(\xc7-q\xc5\xdf\\\x89F\x18]\x00\xcbR9C\xe6\xf1\xb5\xd3\x80\xf6\xd3\xc7\xba\x18K;\xcb\xcd@#\xc9\xc3\x12\xf1\x05"J\xf3\xe3(\x03yF9\xf6l\x9a&gt;\x90j@j\xa0\x83\xb3\x9e\xda\xc5\xed\xf3\x11\x91Z\xa8!\xbeZ&lt;\xb2\x93\xf8\x89\xcf\xcfm\x13\x19\xb5]\xf5\x8b\xcf\x1a\xd0N\xbcd=\xed\x9c{l\x1fR_\xfe\x06\xfe\x038\xea\x90/\xe8\xa5S%\xd84c "\xce\x1e\xd0N\xa6\xe9\r\xf1\r"\x0em\x1b\xde)\xd2\xcd\xb3f\x99\xf2\x00u\x14\xdbR\x19\xdb1\x96\xfcN/.\xec\xb8\xbcs\x11\xb1\x8a\xcc\xec\xdf6\xd9\xcb*#\xa4&gt;\xbe\xb8@&gt;]2\xaa\xf3\xcc\xfem]\xf5\x8b\x9f\xdf6O\xae\xfak\x00\\\xdc\xb1\xa0w\xbc\xef\xba\xc9}\xc9fQ\t\x80p[\xfd\xb1\x1dc\x1dX\xbcqe\x01F\xb6o\xca`Yf`\xd7\x82\x91\xa33\x9a\xf5l\xeeM=\xeb\xe4xc)f\x04\x00\xd0\xa2\xbd\x99t\xa3\x10\xbe\xba\xc4\xd0!2xg\x05[\xe9"\xbe\xf8\xf1\xf0\xc4\xea\t\xbd\x10\xffk\x17`O\xff\x94\xba\x96\xd4&gt;@\t\xc4\xb9\x9a\xae\x1c\xd7#^l\x7f(\xc5\xaf.\xf5-\x99\xa8\xc1\xfdc\xeb\x98\xa7\x16\t\r-\x10\xf1\xe7\xc3\x93\x07\x96\x8eg(V\xbb$\x8c\xef\x1c\xb7ddg\xea\xd9\xb6*\rW\xf7,AD\xfc\xf5h\xf6\xc0T\x89g\x19\xd0\xbe\x1c\x89N&amp;\xbc`]\x16\x88\x03\xd8\xb0\xd4\x08e\xefL\xea\x02\xe0\xf7\xfb\x88\xb8w\xd1\x18\x00X8\xacC\x8f\x18/\x89\xe6Uj\tcY\nj\x97\xccs!Q\xd8\x16\x9b\x0f\xea\xeb\xa5\xd6\xb3w\x8e\xac\x19\x9e\x1a\x81//""\xe2\xbb\xd9\x92\xbau\xfc\xf3d\xcd\xa4&gt;l\xea\xbfwt-\xa9_\x8b\xb7&amp;\xff]X\x94\xc8\xf9\rb\x9ck\xb5\xf5\xb7_=\xa1\x17\x9b-)-\x80\xb3r\xfa\x9f1\x13b\xadG\x9a\xf1\xec\xdc\xd6:\xa5!\xd9\xcb\xea\xd4\x86\xecy\x83\xdbO\xed\x99|`\xd9\xf8W\x97v\x91O;\x8450S\x87*\x00\xdbf\x0f\x95\xab~\x7f\x0bmD\xbc\x7f|="\x92s\xd5\x01\xa8\x1dN\x96\x90\x97\xb3\x8a&lt;\xa7t\x8b\xf6 -\xef\x1d\xef7\xa5G\xd2\xc0VM\xfa&amp;\xfa\xb39\xb1A\x95b\'\xd6\xcd\x101\r/\x1e\xd1\t\x11g\xf4i-\xf1\x94\x10k\xbdM\xb9\xf3\xf7\xb0\xba\xfa9/\xd6\xf3s\xd1\xf5\x8d\xbaG{&gt;;\xbb\xf5\xda\xde\xa5\xf8\xfe:}\x10"\x90#\xf3\x07\xb7\x97\xe7\xce\x14"\xc5\xcf\x96z\xf3\xef\x1d[\'\xf2i\xbf\x16\xfe\x9b\xb3\x07\x91\xbf\xebU\x84\x81-\x9b\xcc\xea\xdf\x96aR\x82\xf8g\xf6\xc0\xd4\xf6\xc12\xa6x\x91\xf5\xaa\x8f\xed\x18K\xfd7\xc0B\xfb\xfd\xf5}\x88\xb8s\xdep\xe65\xa02\x0c_t\xd2\x9b8\x91\xaf\xe2\xe9\xd9\xad\n\xee\x9c\xb1\x81\\k\xe1\xf0\x0e\xd2\ntk\xe6Q\x13`TF3jNm$\xee\x80\xf4\xea"/\x8d9\xbcr\x92\xf8\x03\xe9T\x19\x8a\x038\xeb\xa9\xb5\xf0\xb0\xb4\x92\xb4\xb28\xb4|"~\xbc\xd1!\xbc\x01s\xe5\x1d\xc2\x1a\xac\x1c\xd7\x03_]&lt;\xa9d\xdf\xd6\xa2\r\xf9\x01\xa6\xf6L&amp;\xbe\r\xd5\x0b\xa8\x19\xc9^V/.\xech\xeaX\xd3\xae\x02\xbc\xbf\xbe\x1f\x11\xcfo\x9d\xb7r|\x8f!m\xc2\xda\x05\xd8\x7f\xb9sd\xcb\xcc\xc1\xeb\xa7\xf6\xc7\x0f\xd7\xdd\xab\x95\xf8z\xefh\xa3\x1a\xa5\xca\x010{\xfb\x11*\x00\x98\x16\x83\xf6\xc1\xf5\xb7\xcc\x1c$\xfe\xb4\xc9Ef\xa8K\xe7(\xf7\xa5\xa3\xbaH+\x10Y\xaf\xfa\x85m\xf3&gt;\xdc&lt;@M\x94\xd2\x82\x1c\x06\xb4\x0c\xe2|E\x11\xd8\xb4\xbfQ\x8dR\xf9_\xd6\xff\x9e\x9c\xd9\x92\xff\x08\xae\x9b\xd2\x8f~\x8a\x16_\xedcdT\xfbf\xd1\xf5\x8d\\\xf4\xd4N\xae\x9fAo\x8c\xb4\xf2\xd5\x00\xee\x1f[\xf7\xe1\xe6\x81}\x8b\xc7H1\xd4\x03\x00\xe0\xcb\x8b\xf3\x06\xa7wm\xd6\x88\xf9\xea\x8e\x95\x802\xa0\x11\x9c*Ab\xa3\xda1\xce\xb5\xd8&lt;EJ\x85\x84e\xe0\xf3\xf3\xdcNoPU=-\xc8\x91ea\xf2\x9d7\xa9\x933\xae\x95\x03\xd0\x01X=\xb17\t\t\xb2*\x03\xf8\xe6rk\xdf\xba\x15\x00Z\xfb\xd6\x1d\x91\x1e\xd5\xa5i\xc39Yi\xd3\xfb\xb4\x16\x1d\x03\xf8X2\x06\xd4\xd6!U\x89\xec:\xce\x1a\xd0n\xf9\x98n\xb3\xfa\xb7\x958\xdf*\x05\xd0\xd8L\xb6\x0fG\xd5\x7f\xcd\xd7\x93\x1b\xd4\xcfyz\xd3,\xa5^h\xdf\xe2\xb1kY,\xdc\xacJ\xc3\xd6YC\xee\x1d[7\xa1K|\x8a\x9f\xadG\x8d\xd2\x1e5\xcbl\x9d=$\xd4\xa6\x8a\xaf\x89\xe6\xedC\xab2B\x9d\x11\xf1\xd3\xedCs\xb2\xd2\x8e\xac\x94\xe1\x0f\x13]\xdf\xe8\xe5\xc5\x9d\x9e\x86e|\x8c5\xa9;\xe5\xfc\xc2\xaf\x9e\xd8\x1b?\xddD\xc4\xdd\x0bGI,\xd09\xca\x9d\\\xe2\xd7\x933\x0c\xf5x\xd4\xe4`2\x05`1\x00\x94\xcf\xdd\xf1\x16\xe5\xc5\x05D&lt;\xb1n:\xe2wD|p|=\xb7\x06(B\xee7s:\xafU_\xefd\x848\x8b\x14\xdb&gt;g(\xe2\x9bC\xcb\'\xe2\xef\xc7\xa4Tv\xdf\x14e\xfb\xa77\xaa\x91\xd3W\xd4\x91i\x00U\x0c\xbb\npf\xf3\xec\xe6\rL\xe8\x07\x07\xa7\x84""\xe23\x0e\x15\xc68\xd7\xa2\xbeN6\xb1\x96Q\x0e5.\xef\\H\xfe\x1e\x9d\x19M\x7fF\xec*\xc0\x88\xf4(\xfc\xfdxdz\xd3\x95\xe3z\xe4\xc4g\xbd\xbb\x1ang`\x08\x10\xe5P\x03\xf1\x83\xc8c\xf5\xf5\xdeQ\xc6\xab\xc9\x86\xf8q\xad\x18\xd7\x9d:\xb2ddg\xaa\xfe\xa9=\x93\x99Og\xb3"W\x03H\x91\xe2\x95+\x00\xef\xae\xed\xa3\xben\x89\x9ev\xbc\x10\xe5P\x83\xde\xf9\x96g\xb4Y\xc7\xbb\x99E\xd77\xd2\x00hT\xa3T\x84}57\xfd|e\xd5\x00\x9e\x9f\xdbvr}\xf6\xcc~m\x10q\xd5\xf8\x9e\x12+\x19\x95\xd1l\xfd\xd4\xfe\xb9N\xc7\xaf\x9du\xd5\xa8\xdb\x94\xcfE\x03\xc0V\x13Fe4\xeb\x1d\xef\xf7\xfb\xe9\x19\xaa\x12q\xff\x04\x00h\x1f\\\x7f\xcd\xa4&gt;\xa4\x80\x85\xf4;\xbc\xb6w)\xfe|\x80\xf8\\\x9a\x13:g\xc8\xf8$N\xdf\xc4\xc6\x89\r-,J\xc0\xc2a\x1d\x10\xffx\xd4Thn\x94\xde\xc4\x89\x83\xc1:\xabU0"\xfe~z\xe6\xf7\xd33\x88?Q\x92\x87\x0f=~\xed\xc5\x85\xed\x88\xb8tt\x17\x96\xc1\xdc\x99\xa1.\x07\x97M\x10\xd93\xb0.#\x87GrU\x80\xe5c\xba\xb1..\x1f\xe5\x00\xe6\rnO\xdd\x9d\xc8\xe3Q\x06\x98&lt;\xbb\x18\xa0v\xc8\x08\x9d"\xdcX\x0ea\xf4\x80sD&lt;\xb5af5\x80C+&amp;"\xe2\xa6\x19Y"\x0f\x8f\x16\xc0\xbe%c\x11?^\xdc&gt;\x7f\xdb\xec\xa1\xf4O\x15\xf3\xff\xc8sx#]\xf9\xab\xdcX\x13\xc2\xa7[\x87\x14\xa9|h\xdb0#\x80\xca\x00\x87\x96O&lt;\xb6f\xaab-\xfdK\x89\xaeoD\xbe\xeb\x19}SFgFK\x0c\xa8c&amp;5Pr\xa0S\x83*\xea\r\xab\x97\xcc\xf9%?\xdfB\xfc\xd0%\xaa!\xf9\xc8\xb5jqq_.\x8a$\x0f\xcb8v\xf1\xae\xcc\xf1\x01\xd9\xfd\xdaPO\x12}\r\xcb\xa6f:g\xb7\xccA\xc4\x1c\x9f\x90ow\x11\x7f \xe2\xe2\x11\xa2\xfe\te\x01\xc6v\x8c\x8dw3\xa3\x9e\xdd\x0b\xdb\xe6S\x9ff\x84:\x9f\xdc\x90M\xfe&amp;\xfe\x88\x88(\xaf;\x93LHD\x8f8$\xa6W\x11\xc2\xed\x0c\xae\xef[v\xe7\xf0\xeaX\x17c\xaa\xda\x9d\xf3F\x04YV\x06\x80\x12\x8c^\xd5\xe4\x912\xd7\x00D\xdc&lt;#\x8b\xc1\xd9Q\x17\x80\n7K\xf2\xb0\\2\xb2s\xa0e\x9e\xf9\x87y\xbaW\x13\xa0W\x9c\xaf\\7E\xe8\x11\xeb\xbdw\xd1\xe8\xc0\xda:5\x00\x9a:\xd4\xe0P\x03\x1b.n_@\xffE\x92&lt;,y\xa9\xd6\xaaL\xde\x90\xb9pX\x07\xf6&gt;\xd3\xe2\x0f\xc9\xac\x01\xed\xf0\xddU\xc4\x9f_\xef\x1d\x13\xf9\x88\xfcb\xe4\'&gt;\xbev\x1au\xfc\xe7\xa3\x93\n\xb6?\xb7\xa6\xb7\xd6e$\xb4j\xc9(\xc9\x8e\xda\x95\x00V\x8e\xeb\xc1\xa6\xfe\x8a\x00\xba\x90\x13\xd5\xc1&gt;\x82\xf2\x1fbh\xdb\xf0m\xb3\x87\xee\x9c7\xa2\xa9c\xcd\xbe\x89\xfe[g\r\x91\x16S\'\x17\xbe&amp;\x9a?\x1e\x9e,\x01\xf0\xe7\xe9Y\xf2[\xae\x9e\xd0\xcb\xd7D\xd3\xb4\x18\x0cN\t\x1d\x96\x1a1\xb3_\x9bF5\x94\xbc\xde\x060\x04\xf8\xf1\xe0\xc4\x7f\x8fNQ\xfe\x00\xd2\xac7\x0c\x8cLoJ\x7f(\x9f\x9d\xdb\xfa\xe3\xe1\xc9\x16\x8dj\x8b\x97\xec\x19\xeb=\x7fH{z\xe1\xdd\x0br.gS\x0e\x82s\xbd\xad\xf7/\x19K&gt;\xf5\xae\xc5\xff\xb6\x1f\xe2\xbb\xfc/\xd1\x8f\xcb\xbb\x16q\x9e\xf07\xaaQ\x8a\x12\x8a\xc1\x8f7\x10\xb1]@\xbd/w\x8e "q\r$\x1c^1\x89\xa1\x92\xe2\x00\x93\xbb\xb78\xb3i\xf6\xfdc\xeb\x18\x06~\xc2\x9a\x89\xbd\xf7,\x1a\xfd\xf4\xecV\x90s\xcb\x9d\x1b=\x9b\xfb\xcc\x1b\x94\xfe\xe8\xe4\xc6\xef\x0f\x8eg\x848\x073j\x96\xe8\x00p\x93\xc1\x08\xb1\xce\xaf\xfc\x81\xc8 \x02\x91\xe0n\xfe\xeb\xf1igv\xfaW\xf5u!\xbd\x89c\xb8\x9d\x81\x88\xfdG\x07`\xd3\x8c,\xfc|KK\xe2i\x00\xb3\x06\xb4\x13\x1d\x01\xf07\xf5\xd7\x97\xbbG\xbe\xdc9\x82\xf8\xf9\xf6\xa1UC\xdb\xe6\xfb\xc9\xaa\x03\xc8\x08\x14\x92\x87_\x8fO#\xe2\xc0\x96M*\xd3\x14k(\xb2Z5\x91x\xd6\xe4\x1eI\x88H|\x81\xd8x\xceN\xec\x9a\xb0f\xa2\x04m\t\x018\xb2j\xf2\xc5\xed\xf3\xf1\xe3\r\xc4_\xc3\xdaE&lt;&lt;\xb1A|n\xab\x08\xe6\xc5\xf3~T\xaa\x17\xce\x08q\x0e\xac]\xc9\x90\x8f\xfae\x86z\xab\x01x\x1a\x96\t\xb1\xd6\xdb\xbbx\x0c\xb7K\xd4\xab\x08\xbb\xe6\x8f\xa4\xee"\xd9\xcb\x8a\x98G\xc5K\x8a\xbdQ\x92\x9dv\xfc-\xb4Oo\x9c\xc5\xa3\xa2\x8e\x08\xaeU\xd5GgF\xf7\x8e\xf7\xc5W\x17\x11\xf1\xbfG\xa78\x9b\xf6\xc4\xef(\xc9\xd3\xd2YO\xed\xeb\xbd\xa3"{\xcb\x92O\xff\xf5\x08\x11?\xdd\xce\x89\xaa\xfdt\xfb\xd0\xd5\xdd\x8b\xe7d\xa51\\Q\xd9^7"\xd8k\x81:\x80\x16@\x82\xbb\xf9\x92\x91\x9d\x9d\xa4_~\xd7\xfc\x11D\x95\xe4\xf2\xaeE]\x9a6\x14\x99N\x9a\xa9C9ig\x02\x88o\xa2J+9&lt;5\x92*C\x85k1@J\xf6\x8e\xf7M\xf2\xb0\x14\x19/\xc3\xed\x0c\x1e\x9d\xda(\xeegE\xe1]\xab\x1cY\xce\x8aC"lU@\xdfD\x7fr\xc5\xad\xb3\x06\xaf\x9b\xdc7\xe7\xf2\xdf\xeen\x9b=$\xbb_\x1big%4\xb4\xd8\xbd`\xe4\xae\xf9#_^\xdc\x81\x88\x1b\xa7\r\x90)\x17( \x19Jv\x11\x11I\x14."F\xd7\x17\x97/c\xcb\xa6\x19Y\x88/\xe8.w\x88_s.\xf0\xeb\x11\xe6F\xc9\xf3\x12\x87\x8d\x88\xf8\xf9\x16\x1f51A\xe6\x84d\xd2\xc1\xfc\x0e\xe7}\xf6\xe1\xc6\xfb\xeb\xfb)\xe9=\x11\xc4\x03\xffk\x00S\xf7\xc1\x19\x93b\x10\xebb,s\xa4\x99=0\xf5\xf3\x9d\xc3\xc4\xc6u\x81\x16c\xe1\xa0-a\x00 \xca&lt;\xf5u!3\xcc\x85\x1c\xf9\xf1\xe0\xc4\xc5\x1d\x0b\xc4\xab\xed\x1d\xef+r\xee\xdb\xab{\xc9\x1f\x9e\xd2\xb7\xc1G\xb6o*\xa7\x83\xae\x1c\xb4\x0b\xb0\x97(\x00\xa7\x01\xd0;\xdeOb\xd8\x11\xc5\xf4\xde\xad\xa8M~2Y\xb6\xd5\xcc\x172\xc90/\xa6\\\x99\x19\x1e\x1e\x02\x91\xe1#4\xa9#\xe3\xa7;\xbaj\nU\xf8\xee\x915\xdc\xc4|Zz[??\xbf\x9de\xf3\x14\x04s\xfd\xb0\xf3\x1d|\x93O\x19wb\xd7D\x99\xf5\xe8\x00\xec\x987\xfc^\xae8\x07A\xe6\x8e\xb1\x80\x04f\xd2\x0c\xe5\x94u\x8f\xb3i\xa6}\xb0\x13\xfe|\xb0o\xc9XjAJ\xe2-\x11\x11?\xdehX\xbd\xa4\x8f\xb1fI\x80\x84\x86\xe6m\x1bs\x94#\xa5\x83\xaf/\xb7R\xbe]/\xde\xcdl\xdd\x94~\xbe&amp;\x9aT\xc0\x9a\xc4\x97D\x1d\xe0\xc1\xf1\xf5\x1c\xde\x1f_\x93\\\x0f\xa5O\xb7\x94\xb7,\x90F\x8fXo\x14\xe1\xc3\x8d;G\xd6\xcc\x1d\x94\xde\xa5i#|w\r\xdf_\xa3\x7fH\x9f\xf9\xa6\x06:\x0cH\x0e\xbasx\xb5\xc4wo\xef\xe21\xa25\xcb\xea_\x12\x1b\xd5F\x9a\xddL\x84Y\xfd\xdbR\xa2L\xdc\xf03\xd5\x92(\x81^\x12`\xee\xa0t\xba\xea\x9cDZ\xf9\xd8\xec\xcb5\xdf!b\xa3\x1a\xa5\xda\x05\xd4\xc3?Ole\xedS\x8b\x7f\x03\xd2\x02n\xd8|K\xe2\xe5\xd7L\xeaS\x9c\x9d;\xafU\x19\xd80\xad\xbf\x88\x8c\x15m_\xe7%\x15\x84A\x98\xd2#\x89M3\xe8\x94\x04\xd0\x01\xa8\x00\xc4\xe3\xe0\xed\xd33[\xc8(\xa9-\xdd\x8d\r\x9f\x9f\xbbupe\xe7(w\x91\xcd*\x86\x95\xab\xc8\xda\xe5\xcb\xdd#C\xf8S+\xfa\x87\x18\x96\x1aA\xff\x1e\x1f\x9c\xd8\xb0`h&amp;\xb7\xaa\xca\x03\x94\x06\xa0[.K\x02\x10\x7f\x0fD\\8\xac\x83e)h\xd3\xd8n\xdd\x94~\xe4\x88L?\xe2\x0ea\r\xf8\x8d8\xe3\xc6\xd0v\xe1\x888\xb8M\xa8\x85\x06\xdc&gt;\xb4*\xf7\xabzC/S\x15\xc0\xb4\x18L\xee\xde\x02\x117\xd0\xf4\x06\xd4\x00\xac\xcb\xe6\xfc!\x11"\xd0\x98\xc7\x87\xebr\xb5M=\xd7\x08\xe6X\x89\xa3\xc5\x9c\xb6#\x8d\xb9\x1ex\x9f\xc9\x7f\x93&lt;,7N\x1f\x98\x16\xe4\xe8\xa0\r\xd3z\xb7\x9a;(\x1d\xf1\x07\xdd}\xc5T=\'&lt;\xed\x8e$\x01m\xefZ\xe5Dz\xbd\xb5\x93\xfb\xae\x9b\xdc\x97\xa11A\x96\x95%\n\xceX\x96\x82\xee\xd1\x9e^Fe\xe5\x15@\x06\x00ij?m\xfd\xedS\x03\xebQ_Z\x14\x8b\xed\xdf\xc4F\x16\xddc&lt;\xa9\xef\n\x00(\xf7b\x06\xc3iq)y2\x16\x0c\xcd\x14\x8fA\xeb\x15\xe7\x8b_n\x0fi\x1b\xc6~\x87L\x8b]\xb10[\xfd\xa7g\xb7\xfe\xce\xdd\x93\x13Y\x82O\xea\x96xh\xc5D\xf1\xb3\xac\xe5Y\xaa\xd3\xef\xee\xec\xe6\xd9\xf9o\xf7\xed\xcb\x8b;\xc3l\xf5\xd9\xd7\xe7Z\x95I\x91\x86^\xf5\x8f\x07\'\xca\x02D\xd6\xab\xbe\x7f\xc989\x9a+\x00\x00-\xbd\xadHH$A\xaes-iku\xc4g\x12;\xaf\x99\xfd\xda\xbc\xbd\xba\x07\x11\xef\x1cY3op\xfb\xf3\xdb\xe6%44_6\xba+\xb5\x19k.}\x94\xb7\xd5\x84?\xcf\xce\x95\x05h\xeaX\xb3s\x94\xbb\\m\xe3\x971\x991\xa4\x83\xe8\x9f\x14\x88o\xaf"\xe2\xe6\xec,z\x81\xa1m\xc3\xbdk\x95\xb3(\x01\xf8\xf9\x96\x88}#\xcf1_R\xfc\xe4\xa8\xf6\xcd\x10\x11\xbf\xdd\xa3~\x82\x8f7\x0f\xb0o\xd8\x82\xa1\x99\xdf\xee\x1f\xe3tO\x00\x00z\xb9/\xd2\x92\x91\x9d\xb5\x00\x00\x00\x7f&lt;@D\xc4\xaf//\xec\xa8\n\xe0\xa0\x03%\x01*\x03\x04\xd6\xd6\x99\xd5\xbf\xad\xc8$ks\xf6 \xc4\xa7\x88\xd8\'!\x9f\x05\xb6\x1a@\xaf8_#\x80&amp;V\xba\xf4\x17U\x8b\xb115\x00$*\xcb\x02\x89\xc0\xf8vW$J\xb1\xad\xbf\xfd\x8a\xb1\xdd\x99eH\x18\\\xe3\xc7t\x889\xb2j2s\x93D\xa8F\xac\xf9\xbf\x1f#\xe2\x80\xe4@r\xf0\xe4\xfal\xe6w\xa7\x14\xdd\n\x9a\x9fy\xb2\x02\xb0y\xb4\x86\xe1\xcb\x1c\x87\xd1\xcd\xd9\x83\x10\x91\x83\x9a\xb4\xecKP|\xb8!\xf1~[z[\xf3u-\x97*\xc5\xa8jI\x1cx\xdd\xf2\x804\xb1k\x01V8\xeb\xa9E\xd8W\xab\x0e\xb0u\xf6\x10\xb9\xd4\xfe\xea\x94\x02j\x80F|\x8d\xd2]\xf2\x9d*\x01\xe2\x97w\xd7\xf6\x9e\xd9&lt;\xfb\xc9\x99-\xb1.\xc6\x0c\x81\x9d",\x1c\xd6!\xb4nU|}\t\x11\xc9\x0c\xcd\xa5J1\xfc\xf9\x90\xc8\xbf\xe0\xb7\xbb\n\xeeV\x1d]=\x05\x19\xa7o"\xe8\x00\x10\xa1\x92o\xf7\x8f\xd3\x8f_\xdd\xb3\xe4\xcc\xa6Y\xfe\xe6\xda\xb1.\xc6"=R\x0b\x0f\xcb\xe7\xe7\xb6!b\xf7\x18O\xf1\n\r\x00n\x1eXqn\xeb\\\xdak"[0\x8e\x8e\x88\xce\xa1\x85\x06\xc8\xe5\xe6O\xde\xd7X\x17\xe3\xb4 \xc71\x1dbHV\x80ms\x86\x1e^1)\xc9\xc3\xd2E\xafXf\x98\xcb\xa3S\x9bv\xce\x1b\xe1\xaa_\x9c\x8a`\xd2\xc8\x1f\x82$^\xed\xac\x01\xed:E\xb8\x91\xbf#\xed\xab!\xfel\xc3h\xf4\xf36*\x87\x88\x97rc\x94\xf2\xb50W\xc1Bd\x8aJ\x0e\xce\xec/a\xabP\x03@\x9a\x90\x80\x82\x98\xa8\xe5\xa8\xf5\x8dLoJ\x8eL\xee\xde\x02\x7f\xdcG)\xe91\x00\xa0\x0c\xc0\xd3\xb3[\xff{t\x8aR&gt;\xa0\xf8r\xf7\x88\xc4S\x82\xad\xf5&gt;\xdd:\xa4H\xef/nK\xac\x0c \x12\x01.\x82\x16@\xac\x8b\xb1"1w?\x1e\x9e\xc8\x7f\x7f\xef\xe9\xff\xb9wt-\xf7\xaa%1\xb5WK\xaar\xb2Qg\xc5\xee\xc1\xdf1w\x18~\xbfwx%\x93\xeb\xda?\x84\x06\x80&amp;\x00C\xe0\x92Dz\xc5\xf9 b\x94C\x8dx7\xb3\xe3k\xa7\xf5\x8a\xf3\x91V\xb2V\xce\xbb\xfa\xfb\xda\xde\xa5w\x8f\xae\x9d\xd6\xbb\xd5\xe06\xa1,\xfb\\\xfc\xf5\x882\xac\xef[2v\x8a\xd8N\xec2\x05"w\xe8\xd99\xd8\x9f5\xbdw+D\x1c\xdf9\x9f*\xaf\xbbA\t\xfc\xef\xe1\xea\t\xbdHm,5\x7f\x08\x1d\xc2\x1b\xd0\xefhpJ(K_\xf4\xc6fZ\xf4\xc6{\xd4(\xbdq\xfa\xc0\x1f\x0fO4\x91\x92\xe8J"\xbd\xe3\xfdR\x03\x1dDv)\x0f,\x1b\x8f\x88\xef\xaf\xef\xaf\x08`Z\x0c\x86\xb4\r#\xeez\x88H&amp;\xe9c;\xc6\xfe~B\xc2\xe2~I\xd4\x92lX\xad\xa4{59\xa4\xc3r.\xfc\xea\xa2x\x06M\xe2&lt;6\xbes\x9c\x88"\x1b9\x83\xea%=\r\xf9\xec\xef\xeb\x94\x06i\xfaB)\xbeu3B\x9c\xfb$\xf8\xe9\xe6nZ bKo+iU\x89\x9b\x80&gt;\xdc\xd8\x7fm\xefRg=5\xa9B\xa4\xaf/#"\xcb\x08\xb8\xfa\x95\xf32\x8b\x99\xa8\xc1\xf4\xde\xad\x8e\xac\x9a2g`\xeaj9\x1d\x1f\xc3l\xf5\xd9\xbf\x0b\xc4NH\xfd7\xc4\xa6J\xad\x1c\xa3\x7f\x1e\xcb\xc7v\xdf&gt;ghb\xa3\xda\xcc.%\xbf\x19\xc3\xe6\x19\xa0\'\xe19\xb9![\xe4\x95\x14A\x9d\xb6\x9cj\xeej*\xef[/ \n\xb1\x8c#\x8b\xc0\xda\xbe\x89\x8d\xa9\xdf\xe9\xd3\xedC\xf8\xfd&gt;\xd5\x9b\xc8\xf4Z\xe8\x18\xee\xbaxD\xa7\x11\xe9Q\x88H\xcbk\x96\xc3\x9b+{\xa4e\xe7\x90I\t\x80\x87\'6\xe4T\xf4\xeb\x11\xb7J\xe8\x94\x05\xe8\xd7\xc2\x9fj\x1b\xfb\x13=j\x96FD\xfcvwb\xd7\xc4\xdc9\xd4w6s\x19J\xb3\xbe\x02\x80M9\xb8up\xe5\x9b+{\xcc8Eq\xe0\xd7;\xf4/\xb6O\xbc\x1f~\xbaI\xb6v+\x01\x1c^A\x9f\xba\xfe\xae\x02\x80\xff=D\xc4\xc5#:\xf9H\xcf\xba\\\xa7\x14tk\xe6\xc1\xe6\xea"\xea\xf0\xe2J\x15\xbe&amp;\x9a\xe2\x8f\x19Q\x11\x90\xe3&amp;YS\x8cf\x19\x13\x1f\xcb\x7f&gt;&lt;\xb9`h\xe6\x80\xe4\xa0r\x00\xe3:6\'%\x993\xdf\xd1\xefN\xc4x(\x113u`/\xcdB_O\xd3\xdf5D\x94+uL\xddrR7iE\xa0&lt;;\xa8#9\xd7{}\x89\xfc\xdb!\xac\x01\x9bU~\x97\xa8\x86w\x8f\xacA\xc4\xf7\xd7\xf7\x87\xdaT\x91\x19\x86\xad&amp;\x96i*\xc7\x82\x8a\xd8+\xce\xa7gso\x86s\x87\xa7F\xe2\xfbk!6y;e]\xd9=\x9c\x02\x92i\xeboO\xbez\x99\xb3]\xa2\x01@\xd8\xbbh\xcc\xe06\xa1c:\xc4\x90\xff&gt;?\xb7\x8d\xe5\xe5H\xb6\r:\x07\x96\x8d\xc7\xdf\x8f\x19V\x1e\xd2 a\x019\xe9[\x11\x11\x91G\x91\xdbz\x15\x01\x9f\x9f\x93\xd7\xf8P:\xd7\xd9\xf4\xfc\xb6y\x88?2BE\x15r\xa4\xb1j|O\x06Go\xf6\xb8V-N\xffn\xc5\x0b\xfc\xf78/\xd9\xfd\xcc~m\x10\xff\xec_*c\xc3\xed\xd1\xa9M\x88\x88\xf8]\xe6\xd5EB\xed\x90\xc5\xcc@q,K\x81D\xa3\x1c\x00\x90\xf8\t\xc2\xc3\x13\x1b\xe8\t^\xcc\xd4\x01\x11\xaf\xef]\xd6;\xdeO\x1b\xe0\xfa\xde\xa5\xa4\x18\x83\xe1\xb9k\xb3FTm\xf1nf\n\xea-2/\x0bZ\xfb\xd8\x10{\x14A\x9aUV\x1a\x03\x92\x03%\xfa.{\xd7\xca\xe7\xa5&lt;\xa4M\xe8\xd3\xb3[\xa3\xea\xe5\xadTE~\xbe8WS\xe6\x0b\xed\x98;\x0c%\xc10}\x99=0\x95\x94\x11i\x8c\x11\xc0\xe8\x8c\xe8\x06U\xd5\x99W\x00d\'R\xe2\xb3-\xc0\x11\xf2\x85\xca\xf4\x1a\xca\xdd\t|=\xa6C\x8cu\x190S\x87\xaeM\x1b}#\xe1\xe6\xff=dy\xad\x19b\xa14\xa77\xceBD\x06\x819?3-\xf1\x14\xea\x8e:\x80\xf8\x1d_\\\xf04,\xd3\xca\xc7\xe6\xcd\x95="\xcfDu\x80&amp;u*KS]V6z\xec\x12\x85\x8b\xe4\x19\xe6%\xa2:\xc1\xdd\x1c\xdf^}tr\xa3\x88\xf8\x12EK/+*\xae\x1b\xdf_kX]\xb6\x8d\xfa\xd1\xa9\x8d(%\xe5/\x1d\xba/2Af\xa2\x1e\x051-\x96#\x85v\xe7\xc8\x1a\xf1\x08\x0c\x92\xf1\x820\x7fH\x86\x8b^\x9e~`\xce\xbc\xe7\xd3\xcd6\x8dmi[\xdc\xdf\xb7\xce\x1a"\xedZ\x94\xe7\xd8\xe9\x8d\xb3\x9c*AT=\x8eC\x00\x89Y\x93\x86\x16\x80\x06\x80\x9f\x99\x96\x01@K/+\xb2\xd3\x8b\xf8\x8b\xdb\xb5D\xf8\xf3\xec\xec\xe4\xee-\xd4\x01\xf6,\x1c\x1dng\xd0;\xce\x97\xee\x0e0\xb3_\x1b\xc4o\x88\x88\xf8\x96\xfa\xde\x98+\xa4bBE\x90\xb6i\xaf\x95\x7f\x8c\x19\x9d\x19\x9d\xd8\xa8\xf6\x8b\x0b;\xe8e\xde]\xdfG\x7fhD63(w;\xf6w\xfd/"\x97J~i\x80\x89]\x13\x02,t$*\xa3Q\x04\xd4\xd6\xf9t\xeb ]abH\x9b\xd0\xef\xf7\x8f#"K\x13\x01\x00\x84Q\xf1\x04\xb9\xcc\x19\x98\x8a\xf8\n\xf1\xb3\xb4S4\x00\xea\x94\xca\x89\x14w\xd0\x86Z\x00w\x8f\xaeA\xc4{G\xd7\x8a\xf8AS\x0cO\x8bD\xc4\xeds\x87\xf5\x88\xf1R\xb6\x02\xa5D\xf2\x89e"\xae\x9a\xd0\xab{\xb4g\x9b\xc6\xb6\xf4t4\x1e5K#~_8L\xaa\xa4\xbbR\xc9\xd1Dzs\x99\xa5\x85\xbas\xa4l\xf7\xad\x12\x007\xf7/\xa7\xdf\xb8\x82\x8d\x94\x89\xbf\xb9\xb6U\x19\xf8\xfe\xe0\xc4\xa3\x93\x1bEd\xa2\x81\x96\xb1@\xdc\xc1\xffZ\xee\x94\x7fZ\xefV$\xa3=\x05\xd9\t\x11\x0f\xa2\\2*G\xder\xd9\xe8\xae \xdd!X&amp;\x8d\xcd%&lt;\x91m\xfd\xed\x90f\x86\xa5\x06\xb3n\xcd&lt;\x10\xdf \xbe\xe7z\xb5|l\x9a\x91\xb5k\xfe\xc8\x05C3\x11q\xeb\xac!\xce\xba\x10X[\x87Xc,s\xd3\xc5\xe0\xd7\xbb\xbe&amp;\x9az\x00\xb3\x06\xb4\xa3\x12\xbb3 \xde\xfb\xbf\xbf\xbe_\xa2\x10\x87\x11MG\x8fH\x04"\xe2\xa0\x94\x10\x91\xe7\x84&gt;x\xa8\x01 \xe2\xe8\x8c\xbc\xc0\x0e*\xaaQ\x0b\x04\xa4\x80\xbf\x89v&amp;\x0eO\x8d\x90\xeb\xc4v\x01\xf6$`\xc4B#\'\xa3\xc0\x90\xb6a\xf8\xfaRf\xa8\x0byf\xe9\xfb\x84\xcd\x9c\x0c\xc9U\xb6\xcc\x1c,\xd7U\xa8\xdd`\x1a\xffI\xcbMaS\x0e\x9e\x9d\xdd\x8a\xf8i\xde\xe0\xf6\r\xaa\xaa?&lt;\xb9\x91$\x0e\xdd5\x7f\x04\x83yF\x0f\xe0\xda\xde\xa5c;\xc6\xfa\x9ah&amp;JR\xfbQ6{\x16\x8e\xa6\xdf\xde\x9eE\xa3]\xf5\x8b\x9b\x17\x17\xdd\xa2_&gt;\xa6\x9brg\xc8\x8c\x18\x020$E`O\x08\xc8]J\x00\x00 \x00IDAT\xc3\xea\xf9\x96.\xc5\x00\xfcL\xf3mk+\x1b\x93b9&gt;]\xff=&gt;%b\xc4\xbf\xb4c\xc1\xb5=K\xc4OI\xf6\xacC|\xdev/\x18\x19\xe5P##\xc4\xd9Q\x07\xba4mh[\x1e \xd7\x8c\xbe}\xce0\xfa)-\xbd\xac\xc8My\x1a\x96-\x97\x9b\xc7\x9cG\xe8v~\xb2\xab\xecgZ\x01\x11\xf1\xf3m\x89a\xcf\xd2`c\xb6\xdc6{\xc8\xa4n\x89Tp\xcf\xad\x83+\xf7-\xce\x89\x8c\xe30\xb0\xe5w=\xf8"\xd2V\xf5\xbcA\xe2\x15y\xf7\xfb\'\x05\x02\x80\xbbA\x89\xb4 \xc7\xbe\x89\x8d\xa7\xf6jI/\xefR\xa5\x18=\x18\xbb\x95\xb75\x95\xef/\xca\xa1\x06\x89\xd1A\xc4\x19}Z\x8f\xe9\x10\x83\x9fn\xf2\xabyS\xe4!\xf9\x81).n\x97\x10\xdc\xcf@h\xdd\xaa\x19!\xce\xe4\\W\xfd\xe2;\xe7\x8d\xc0\x97\x17)-\xa7\xca\x00f\xea\x90\xde\xc4q\xf7\xc2Qd\n\xf9\xdf\xe3S2\xe3\'\xc5i\xed[\x17\xf1\x17\xd5\xc8o\xf7\x8fI\xd4x\xa2\x96\xf0\x0fNl\xe8\x1d\xefkY\n\xd6O\xe9\xb7dd\xe7\xcb\xbb\x16E\xd5\xab\xeenP\xa2Cx\x83&gt;\t\x8d\xb7\xcf\x19\x16\xef.Av\xb4y\x03\x13~]JXrf\xd3l\x11\xad]iAL\xbcPL\x92(\x85j\xf05\xd1\x1c\xd4:D.9\x90\xc6f\x15\xa9\x07F\x03\xa0\n\x80]\x05E3~8\xea\x00\xe2\'\xf2U_\xdf\xb7\x8c\xe5Yv\x15`\xe3\xf4\x81\'\xd6M\xa7\x8e\xa47q"{\x8b\xb9\x1bc/\xe8\xe5I\xec\xd8\xfe%c}\x8c5\x01\x80\xc3c//\xa6\xc5do\xe7*\x98%\xfd\xea\xee\xc5\xb7\x0f\xad\xea\x9b\xe8\xdf\xd8\xac"~\xba\x19\xc0I\x85\x82 m\x8cZ5\xbe\'\xf5"\xa4\xf8\xd9\xc6\xba\x18\x13\x1dY\xa2\x01&lt;wP\xfa\xfa\xa9\xf9\xbcZC\xebV]1\xae\xbb\xc45\xc4\xf8\xceq4\xf3\xd4K\xeao\xcem\xfe\x0b\xd9H\xcb\xd1\x8c\xb9J{\xec\x89w3\xab\x05\xd01\xc2\xf5\xe9\xd9-\xe2\x9f\xd2k^2\xb2s\x8cs-\xce\xfb\xaeU\x01\xde^\xdd;\'+-\xde\xcd\xac[3\x0f\x91\x9d\x9f\x12\x00\x9e\x86e\x88\xa6\x05\xb5\x036\xa1K&lt;\xbd\x01Dp8\xc0B\xbb\x9d\xbf\xbd\xb4n\x9eD\xf6\xaa`+\x92\x8e6\xc0\xe8\xcchj\xaaBi\x81u\x8b\xf6D1\xc7S\x0e\x8cH\xa3\x84\xc6^\xef\x9a?\xe2\xed\xd5\xbd\x83SB\x14n5\x17\x9e\x9c\xd9\x12d\xc9vp\xd3\xa2=?d%T\x1c`\xf5\x84^\xd9}S\x14\x1c\xa5\xd5Iz)\xf3\x8a-&lt;j\x8b\'(fO}]\xa0\xc2\x02\xc4\x15\xdc\x9cu\xd5\x9e\x9e\xddJ\x1dg\xb9a\xc3\xacK*\x13\x91GH\x9cK;\x17\xb6\x0f\x96\x1cv\xc7\x86p;\x83\xb5\x93\xfb\xb4\xf2\xb1~rz3"v\x0cw\xe5\\\x954\x88\x863\x81$\x0e\x92\xd8i\xd0\xb3\x980l\x9f\xe1\x97\xdb\xf4N\xe0\xf9\xf9\xed\xc7\xd7N\x97^\xfc\xdfc\xee\xa0t\xfa\x17$oX\xc0\xa4n\x89.z\xc5\x9c*\x81\xc4\xac\x16\xf4\x9ay\xd1\x92\xcd\x0cu\xd9:k\x08\xc9\xeb-n\xd0\xd7\x07x\x7fc\xff\xda\xc9}\r\xc9\xd5\xbf\xd0|\x1c\xdf\\^&gt;\xb6;\xe2\x07\x86\xca\x8b\x03\x18\x00\x90\x01\x86\x8f\xc6\xca\x87\xa9:\xd8k\x81\x9b\x81F%\x80\xbd\x8b\xc6\xe4\x86\xe6""\xc6\xba\x18O\xec\x9a8\xaeSsn\xcaq\xe7\xb7\xcd\xc3\xfcd\x86\xba\xf0\xdcz\x16t\x8f\xf6\x94\xf71@\x94\xe0/\xa0\x88\x94vM\x00g\xdd|F\x0bE\x8cZ\xb3\x06\xb4[1\xb6\xbb\xecr*$\xce\xcd\xec\xfa\xbeeJ]A\xaa\x01h\x01$yX\x12yG\xde\xa1\xc7\x91m\x10K\x9d\x14Y\xaf\xfa\xfb\xeb\xfb\x87\xa7E\x0eN\t%GL\x18\x8dPq\xb9\x89:\x10\x11\x7f?\xde4#\xcbU_\x1e\'\xd9\x7f\x01\x12\xfe\x83\x88\xd9\xfd\xda\x94\x01P\x03Pp\x1f\x94\x8a6?\x97\x93S\x05\xaf\xed]\xaah+\x01\x00\xc0\xaeB\xde\xa0BTY\xe8x\x1a\x96yzf\xcb\xcf\x87\'g\xf6o[\x1a\x80n5\x92)\x1f\r\x005\x00\\\xf5\x8b\x8fH\x8fb\xb3\x81\xa9\x0c\xcc5\xe0\xe3\xcd\x83"\x9d\xf5\xc6i\x03\xda\x07\xd7\xcf\xcdJ\xc6%\x93\x8c.}$~q&gt;\xd8ZO\xde\xe4h\xbc`\xaa\x0e;\xe6\x0e/\x88+\xe7\x91\xe4YGd\x8a\xf3\xee\xda&gt;\xce#J\xb2g\x9d\xc9\xf2\x8b\xa6)\t\xb2\x17\x1a\xe7j\xca&amp;\xe0@\x84\xd4@\x07\x12l\xe7c\xac\x82\x04\xf520S\x87\x0f7\x0e\x90\xa7U&lt;\x8d\xc4\xeb\xcb\xbb\x10q\xd9\xe8\xae]\x9b\xe6\xa4\x83\x96\xb9\xb9\x92\xf7\xf0\xbf\xbb:{`\xea\xae\x05#\x95\xd2\xee"M\x9fx\xbf\xcf\xb7\x0f\x9dX7\xdd\xbdZ\tG\x1d\xf8z\xefh\x8fX\xa6\xf0\n\x89\xf8\x9bW\xa4\xbej*|?\xc9\xc3R\x11\x95i\n\xbb\n`\x08`S\x8e\xf6s~\xbdC&gt;"\xc6\xc4\xd4@\x87uS\xfa"&gt;\xc5?O\x06\xa7\x84\xe6e%\xfb\xf5\x88\xcdC\xbd`hf\xcfXoG\x1d0\x04\x90(W\xa7\x01`\xa8\xf8m0B&lt;\\)Nn\xc8&amp;\xafe\xf7\x18\xcfK;\x17\x0eJ\tQD\xf0$\xba\xbe\xd1@Z\x9e\r.y\x08y\x85\xb8g\xf4M\x94\xac\x8e\xa92\x10\xb1G\xac\x17\xfdHe\x00\x07m\xa8W\x11\x16\x8f\xe8\xc4f\xaeX\x11 \xb1\x91\x047:\x05\x8d9\xec\xe9\x93\xe0wj\xc3L\xfc\xefa\xddrpm\xefR\xfcp\xddP\xce\x1a\x1e\x9f\xde\xac\xa0\xde\xaa\x82D\xdaW\xa3\xe41\x0c\x00\x82,+\x8d\xe9\x10#1? \x11\xe4\xd8\xbd`\xe4\x9aI\xbdYfr\xa6\xbfS\xc7\xd7NC\xfc\xc6c\xcb\xff\x12\x88\xa7\xd7\x7f\x8fN\x8d\xeb\xd8\xdc\x90E\x16r\x89\x88L]?\xdc8p\xfb\xd0*\x99Z\xbbl\xa8S:/\x03Ld\xbd\xea\x94O\x1e\xbe\xbb\x96\xece5\xa9[\xe2\xe8\xcch\xc4\xe7T\xb2\xaa\xe5c\xbbU\x01\x08\xb6\xd2\xed\xd5\xdc\xc7R\xfaSbS\x0e\x00\xa0c\xb8\xeb\xea\x89\xbd\xf0\xfd\xb5\x1b\xfb\x97KK\x1c\xbffboW\xfd\xe2l^\xe8y\x83\xdb\x7f\xbau\xe8\xea\xee\xc5r\xdd A\xe4\x0b\xa4\x92n\xce\xcdJ\xbb\xb6w)\xb5\x8b\xb8fR\xef\xde\xf1\xbe*\xde\xa8\xe0\x17*#)\xbe\xbe\xc4PL\xc1$\xc6rQ\xb7&lt;$yXR\xe9n\xee\x1c^-1\xfb\x9b8\xbf\x9e\x9c\x968[\xe21\x7f\x16\x00x\x19I\xb0\xff\x8d\xce\x8c\xae\x00`U\x06:G\xbao\x98\xda?\xc1\xdd\x9cL\x90]\xaaH{\x90%S\xe0\xb3\x81\xb4 GD\xcc\xee\xd7\x86\n\xf1}wm\x9f\xb4\xed\x99\rS\xfb#\xfe!\xc5^]\xda\xc5\\\xb3\x8fq\xf9\xbc7\xea\xfd\xb5\x95\xe3z\x8c\xcah\xa6\x84;(\xca\xd8U\x80\xd6&gt;6+\xc7\xf5\x985\xa0\xdd\xd9\xcds\xea\x96\xcfQw\x92\xb7\x9e\x03\xcb&amp;\x88ta\xe7\xb7\xcd{qaG+\x1f\x9b\xe1i\x91\xfc\xb6\xd907\xed\x14\xe1\xc5\x85\x1d\xc4Ko\xff\xd2q\xb1.\xc6\xed\x83\xeb\xb3\xc9r\x1ca_\xad~e\x98\xd2#i\xc1\xd0\xcc\xfa\xbaL{\xbf\xa6\xb2*\xabF\xf4\xfd\x7f=\xa6\x9aD\xd6=\x13\xba$\xcc\xcdJ\x9b\xd4-\x91M\x7f-\xf2\xed\x9d\xcb\xd5\xc4\xbe\xb4s!\xbe\xbdJ\x15;\xbev\xda\xee\x05#\x7f&gt;:ux\xe5$y\xf7l\n\x9c|k8)\xe1\x84}\x13\x1b#\xbe\xac\x08pl\xcd4d\x8c\xb6\xe5\x17=\x80\xf3\xdb\xe6=8\xb1\x1e\x11\xdb\x05\xd8\xd3?\xbawt\xad\x06\x80K\x95b\xf5\xc5\x9cW\xd2\x9b8\x8aWe\xab\t\xaf.\xed\x149(\xd32\xcf\xc18mY\x12\xfe&lt;\xcb\t\xd3\x9b;(}xZ\xe4\xa5\x1d\x0b%\x8e=\x0e:\x92\x8e*\x8d\xb2\xb4\xd4\x9e\xea\xb2\xbc\x8f\xa8\xd8:\xfa\x0e\xb04Q&amp;\x00\xf0\xb7\xd0\xa6TN%\xf6T!\xd6z(F\x97\xa6\r\xe9\x9a\x10\x02\x00\x00\xee\xd5Jx\xd7*G"\xf4\xbe\xdc9\x8c\x88\xc9^V\xd3z\xb5\xc4\x1f\xf7\xe9\x999\r\xe5Y\x16\x94\x05x~n\x1b\xe2\x17G\x1d\x08\xb1\xd6\xcb\t\xc6\xfbx\x93\xf7\xc6\xd7\xab\x08\x88\xdfI\xc3\xae\xef[6wP\x9axG=\xb0e\x13\xe6\x96\xfb\x99*d\x12\'f\x19?\xd3\nT\xc2\x03\xfc\xf9\x10\x11\xf1\xf7\xe3%#;\x7f\xbe}\xf8\xdc\x96\xb9d\x97\xe5\xf2\xaeE\xccU!\xbe\xa4?\xaf\x17\xb6\xcf\'\xc7\xe3\xdd\xcc\xe8\xb2\x04\xda\x00.zj\xf8\'\'z\x83s\xce\xcb\x02\xa1]\xae\x94\x08\xe2\xa7\x19}R$\xc6?\xd3\x7f\xaf\x07\'\xd6\xaf\x1c/5\x0fx)\x80\xb1\x1dcM\x8a\x81\xa9|S^\xb9!\xea\x07z\x00\xec\xa5\xe7\xbf?8\xcef3\xb6W\x9cOf\xa8K3\'\xc3\x19}S\xe4\r\x91\xa1\xa0\x9e\x19s\r\xd1y\x0ce\xd6G\xc4\xe9\xbd[q\xab\x9f_jKr\xebA\xc4\xc7\xa77\x85\xdb\x19P\xf72\xa1k\x82\xb4\x1a\xd6N\xea3"-\x8a*9-\x7fd@n~\x8b|P\x8a\xb6\x02y\xdc\xd8\xbf\x1c\x11\x17\x0e\xeb\x90\xde\xc4\x11\xf1C\x87\xb0\x063\xfb\xb7\xf57\xd7\x06\x00\x12\xedB/L\xbe\xc7\x11\xe9Q\x1c.\xf4\xec\xecV\x14\xf3\xdb\x91\xd7\x89xd\xfb\xa6\x88\xf8\xe3\xe1\x89\x9d\xf3\xf2\xed%\xd6\xab(\xd9Q\x8c@\\\x86\x08\xb3\x06\xb4\x93\xeb\x8ar\xd1\xc2#G!r\xcd\xc4\xde\x83\xdb\x84\xbe\xbf\xb1\x1f\xf1k\xb2W\x9d\x8b;\x16\x90\\\x02w\x8f\xac!\xea7\xd2&lt;\xa0\x7f\xe5\x08m\xe6\x9b\xb3\x00@UI\x02\xf1\xf4b\xe2A\xad\x85\x96\x8b\xdb\xe7\x13\xfd\x80[\x07W\x8e\xcah&amp;Q\xfb\x01\xbf\xdf\xa3R\xcd\\\xd9\xbd\x98\xf4k\xd2\xc0wW\x11\xf1\xc1\xf1\xf5\xaa\xb1\x89\xb5\xf5\xb7\x97]\x08\x00\x00z\xc4z%yX2\x97)\x05pn\xeb\xdc\xb3\x9bg\xbb\xea\x17\xaf\x04 q\x8eN\xdd\xfa\x9b+\xbb\xa5\t1\x91\xe0\xa9\xe1\xa9\x12\xd6\xd9\xc4\x88V\x11`NV\x9a\x8d2\x12\x90\xca\t\xf5\xd0\x8a\x1d\xffLf&lt;\x89\r-\xc4\xcb\x04\xd5\xc9\xcbc@\x06\x89\x11\xe9QD\xbb\xe9\xc3\x8d\x03"?\xca\xda\xdc$\xc3\xfb\x97\x8e\xdb\x9c=\xe8\xd3\xadCt=\x02\x81&lt;\xb6\xcf\x19\x86\xb9\x02,$+[\xdd\xf29\x93\x1d\xf7j%\xc4\xb3\xe8\xf5\x8a\xf3\xe5\x16\xfaA\xc9\xc0\xe5\xf0\xeej\xa3\x1a\xa5\xf0\xed\x15\x91\x8e{xZ$\xe2\xdb\xab{\x96H\x8cw\xa5G\x88\xe0\xf3\xf3,/\x1d\xe5P#\xf7\x9cW\x03[6\x91}\x82t\xfcL+0\x8bn\xea\x01\x8c\xef\x1c\xd7)\xd2\xadk\xd3F\xcezj\x86\x00v\x15\xe0\xec\xe69t\r\x9f\xb3\x9bgK3lSAyt\x81\x84~-\x02\xc4g\xc9\xe2R\xc3\x8a\xdc\x97*\x11i\xf6\xf8\xce\xf1\xe2:0\xcd\x9c\x0c\xf1SN\xce\xe7\xb1\x1db\x11\xd12\xff\x00\xb8dd\xe7\xc6fy\xaej\xf8\xfe:\xe2{\xf6\x11\x06tb\x9c\x0b\xdc\x00.\x03w\x83\x9c\xb7$\xc2\xbe\x1a\x99\x10p \xba\xbe\x91\xe2\x01%\xbc\x90\xabV$\xfa\xc4V\xa7\xcdrD\x9e\xeaec\xba""\xe2\x1f"70oP\xfa\x82!\x19)~\xb6\x0c\xbf\\\x8fX\xef\x02qu+zt\x8f\xceQF\xfcv\xffx\xf7\x18\xcf\xb6\x8d\xed\xc8\xcf`S\x16d\xce_\xd8C\xed\xedP\x18\x01\x88(z\xd2\xdd\xd5\xef\x1f[Gy\x19\xaf\x99\xd4{\xef\xe21\x15\xf2\xa7"\x91)!K\xc7\xd7DS\xa6\x86%\x85!@k\xdf|\t\x87\x9b\xbb\x9a\x86X\xeb\x05YV\xda&gt;g\x98L\xd5e\xb2S\xeb\xa0\xf0t\x14?\xdd\xa4nV&lt;\x8b\x93{\xb5\x12\xf4/\x93s\xbf\xc0\x80\x83\x8e\xe4\t\xa9\x82l\xce\xce\xa2\xb7\\\x9a\xf3\t\xe2\xf3M3\xb2\x00@\xdc\x7f\x97d\x80\xc2\x1f\xf7\x15l\x89M9\xb0)\x07\xfdZ\xf8sV\xe9Q\x1c\x1e\xf5h\xa5\xa1\t\xf0\xe8\xd4\xc6\xf5S\xfa\x15\xb8\xf7;5\xd2\xeb\x000\xd8\xe2\r\xa9\x8c\xc7\xb9\xd1\xfeT\x9c\xfc\xb15S\x01\xc0B\x03\xfc%\xe9#\tp\x81\xb2\x9d^\xd9\xbdxH\x9b0\xfa\xf1\x16\x1e\xb2\xbd \x1e\x9e\xdc\x88\x88\xcb\xc6t[7\xa5o\xdf\xc4\xc6[g\r!R\x1b"/\x15\x95\'v\xfe\xe0\xf6T\x1f*\xd2\x97\xd2\xfb\x85\xb9\x83\xd2\xc3\xed\x0c\xc8\x8f|u\xf7brp@</t>
        </is>
      </c>
      <c r="E485" t="inlineStr">
        <is>
          <t>&lt;class 'numpy.ndarray'&gt;</t>
        </is>
      </c>
    </row>
    <row r="486">
      <c r="A486" s="1" t="n">
        <v>484</v>
      </c>
      <c r="B486" t="inlineStr">
        <is>
          <t>steps_per_sec</t>
        </is>
      </c>
      <c r="C486" t="n">
        <v>7000</v>
      </c>
      <c r="D486" t="inlineStr">
        <is>
          <t>3.3589609</t>
        </is>
      </c>
      <c r="E486" t="inlineStr">
        <is>
          <t>&lt;class 'numpy.ndarray'&gt;</t>
        </is>
      </c>
    </row>
    <row r="487">
      <c r="A487" s="1" t="n">
        <v>485</v>
      </c>
      <c r="B487" t="inlineStr">
        <is>
          <t>Loss/object_center</t>
        </is>
      </c>
      <c r="C487" t="n">
        <v>7000</v>
      </c>
      <c r="D487" t="inlineStr">
        <is>
          <t>0.05458626</t>
        </is>
      </c>
      <c r="E487" t="inlineStr">
        <is>
          <t>&lt;class 'numpy.ndarray'&gt;</t>
        </is>
      </c>
    </row>
    <row r="488">
      <c r="A488" s="1" t="n">
        <v>486</v>
      </c>
      <c r="B488" t="inlineStr">
        <is>
          <t>Loss/box/scale</t>
        </is>
      </c>
      <c r="C488" t="n">
        <v>7000</v>
      </c>
      <c r="D488" t="inlineStr">
        <is>
          <t>0.04455712</t>
        </is>
      </c>
      <c r="E488" t="inlineStr">
        <is>
          <t>&lt;class 'numpy.ndarray'&gt;</t>
        </is>
      </c>
    </row>
    <row r="489">
      <c r="A489" s="1" t="n">
        <v>487</v>
      </c>
      <c r="B489" t="inlineStr">
        <is>
          <t>Loss/box/offset</t>
        </is>
      </c>
      <c r="C489" t="n">
        <v>7000</v>
      </c>
      <c r="D489" t="inlineStr">
        <is>
          <t>0.10948128</t>
        </is>
      </c>
      <c r="E489" t="inlineStr">
        <is>
          <t>&lt;class 'numpy.ndarray'&gt;</t>
        </is>
      </c>
    </row>
    <row r="490">
      <c r="A490" s="1" t="n">
        <v>488</v>
      </c>
      <c r="B490" t="inlineStr">
        <is>
          <t>Loss/total_loss</t>
        </is>
      </c>
      <c r="C490" t="n">
        <v>7000</v>
      </c>
      <c r="D490" t="inlineStr">
        <is>
          <t>0.20862466</t>
        </is>
      </c>
      <c r="E490" t="inlineStr">
        <is>
          <t>&lt;class 'numpy.ndarray'&gt;</t>
        </is>
      </c>
    </row>
    <row r="491">
      <c r="A491" s="1" t="n">
        <v>489</v>
      </c>
      <c r="B491" t="inlineStr">
        <is>
          <t>learning_rate</t>
        </is>
      </c>
      <c r="C491" t="n">
        <v>7000</v>
      </c>
      <c r="D491" t="inlineStr">
        <is>
          <t>0.001</t>
        </is>
      </c>
      <c r="E491" t="inlineStr">
        <is>
          <t>&lt;class 'numpy.ndarray'&gt;</t>
        </is>
      </c>
    </row>
    <row r="492">
      <c r="A492" s="1" t="n">
        <v>490</v>
      </c>
      <c r="B492" t="inlineStr">
        <is>
          <t>train_input_images</t>
        </is>
      </c>
      <c r="C492" t="n">
        <v>7000</v>
      </c>
      <c r="D492" t="inlineStr">
        <is>
          <t>[b'512' b'512'
 b'\x89PNG\r\n\x1a\n\x00\x00\x00\rIHDR\x00\x00\x02\x00\x00\x00\x02\x00\x08\x02\x00\x00\x00{\x1aC\xad\x00\x00 \x00IDATx\x9c\xec}e@\x15[\x1b\xee#\xdd\x82\xa0\x80\xd2H\t\xd2\x8d\x8a\xb4H)\x8aR\x02Rb\x80\xa8\x08b `\x8b\x81\x8a\x02vwwwww\xe7\xb1=\xf6\xf1x|\xef\x8fa\x8f\xc3.6\xe8\xf9\xbe\xef\xde\xcb\xf3G\x9c\xbdf\xcd\x9a\x995+\xdex\x1e\xa0\x1e\xf5\xa8G=\xeaQ\x8fz\xd4\xa3\x1e\xf5\xa8G=\xeaQ\x8fz\xd4\xa3\x1e\xf5\xa8G=\xeaQ\x8fz\xd4\xa3\x1e\xf5\xa8G=\xea\xf1\xff\x17b=\x9b\x13\xfdCDD\xcf\xde]\xdf?{x\xc6\xbft!\xc5:\x9dU\x90\x14L?\xf1.=\xc8\xc1L\xaa\xea\xa7p[\x1d\xa2\x17\xc3\x93C\x00\xb85\xc6\xe8\x8cH\xc1\xd3\xad\xe4\xf1\xf4\xcc\x16\xa2\xb7\xc3\xbb\x87\xec\x9c?\x96\xc4b\xca\xc0\x04\x17M\x00\xd0\x06\xdaYh\xe8\x02F@@s\xb5A1~u\xbb\xe5\xff\x0cZ\xeb\xc9U\x0eK\xef\x13\xe6\x96\x1e\xe4\xc0\xdc\xc8\xe8\x9e\x91\x07\x97O9\xba\xba\x8c\xfb\xcc\x9b7@\x94\xb3A\xb0\xa5&amp;\xf7\\\xe7Fh\xd5L\xd6\xad\tb&lt;M%\xbf\xa2\x14\xe0\xa5+\x13n\xab\x13\xdf\xda|NQ/"\xbaup\xe5\xf0\xee!\xcc\xd5\xbb\xb5\xb1\xe4+\xbfzJ&gt;\xd1?3\xf2\x93u\x81@su\x0fm);Uq\xf5k\x02\xd6"\xba\x8bWS\x99w\xd7\xf7\xbf\xb9\xbawP\xac\x7fk=\xb9Q=:\x0e\xe8\xdcFLUM\x81&amp;\x80.\xb0bRnaJ\xe8\xa9\r3o\xec_N\xf4\'\x11=&gt;\xbd\xf9\xe4\xfa\n\x87\x86\x12\xddrXKm"\xda9\x7f,\x80i\xb9\x89D\xef\xca\x07\xa7\x00P\x03,d\xf8\x0b\xa7\x07\xd9\xffxv\xee\xc7\xb3\xb3\x87VL\x11U\xa1:\x00 \xc2VG^\xa2\xeb\xffDj\x80\x1d\x11\x11\xbd\xc9\x08v\xac\xe5\xa9\xe2\x10\xd0\\-\xd0L\x9d\xfd\xaf\xa7\x8et\x1b\xfd\x9fM\xb3\x92\x07\xf3r\x8bRB\xd9\x83\x83\xe3\x03k\xac\xb6u391\xbf\xb6j*[\x97\xb6\xd6\xe37\xc2\xcfD\xe5\xe3\x9d\xc3\xcc\xdb\xbdy`E\x8b\xda\xf6G\xd1P\x00\x8c\x01M@\x06P\x02\x92}m\xbc\x9a\n|+\xa2a\x00X\xca\xa1\x83\x9d.\xd1+"\xfa\xe7\xe9\x99\xb9\xc5\xbd\x9d4\xd0\xceB##\xd8\xd1\xa9\x11\x00\xb4T\xae\xa1\x12\xe6\xbbe\xa67\xa1\x83\xfe\x8e\xb9c\xcen\x9eS9,\xbd\xa3}S\xa15\x98\xcb\xa0G;\x07\x15\xa0G;\xc7\x18\x0f\xfeQ\xd2E\x13\xa77\xcd\n\xb2\xd0\x90\xfc\xbe\x04\xd1\x84\xf7\x87\x9e\x04\x85\x05G\xce`+\xcdi\xb9\x89\x1b\xcb\x87\xcf\x1a\xde\xe3\xfb\x933D_\xbb\xb8\x1a\xd9(\xa1|p\nw,\x8e\xb0\xd3]99\xaft@&lt;\xf7\\9\xa0\xab\x9bq\x9d[\x9e\xeck\xc3&lt;\xc6\xb7\xd7\xf6Z\xc9\xa1bh\xda\xd2\x92\x01\x82\xc5z\x87\xban,/4\x02\xecT\x11\xd6R\xbb\xc6j\x95\x01Gu\xe1?\xad*\xcdg\xaexm\xef\xd2\xe2\xd4\xf03\x9bgO\xc9\xe9&amp;\xa6*\x0b\x19X\xc9#\xc2V\x87\xe8\xd5\xeb+{\xb8\xaf~\xd1\x98\xec\xd1\x19\x1d\x97\x8e\x17\xd2`A4\x00\xee\x1eY\xb3v\xea\x10\x00\x15CR\x99\x1a\x96\x96\x0c\xe8\xd7\xa9\x15\xd1\x9fN\x1a\xd0\xe2\x14n\xa9\x8c\x13\xeb\xca\xdb\xb7\xd0\xd2\x12U]m\xa0R\xfd\xbf-\x95\xc0\xbb\x83\xbf"\x1d\xf5\xb4\x80\x10\xeb\xc6\x92&lt;U\xf1Hhcyi\xc7\x02\xf6\xbfY\x1d&lt;\xf2c\xfd\xb9\x05&amp;\xf4\x8d&amp;\xa2\xcd\x95E\xbfx!\x16\x81\xe6\xea\x1d\x1d\x9a\xfd\xae\xda\xeaQw\xa4\xf8\xdb\x12}!\xa2=\x8bJ~\xb5\x1fq\xd0\xad\xb5\xc5\x8c\xfc\xe4\xf2\xc1)\x11v\xbaz@;\x0b\x8dX\xcf\xe6\x92\x7f\x12\xab\xa7\xe4\x13\xbd\xa8\x1c\x96\xde\xc9I?#\xd8\xa9G;G_ce\x00\xda\xc0\x91U\xd3n\xec_.I%.\x9a zI_\xef\t\x1d\xfd\x97O\x1c\xa8\n\x88[\xa2\xf0`\x00\x9c\xda03?\xce\xbf\xb9T\xb5\xe3Q.\x86LU\xc5\xa9\xe1\x12\xdf\xd9O(\x01Y\x11\x1e/.\xec\xe8\xd6\xdaB\x16pn\x84F\x12\x9c\xc5\xf7\x0c;9\xea\xcf,\xe8q\xf3\xc0\x8a\x05\xa3\xb2\xaa\xe6\xba\xb3[\x8d\x80\xfc8\xff\xb1\xbd;\xb3\xc5\xbc\r\x14\xf2\xe3\x02*\x86\xa4\xd6\xa1\x9d\xa2\xd0F_\x9e\xb9b^\x8c\xaf\x98b\x8d\x81\x00\xb3\x86\xa6@;\x0b\x8dM\x15E\x92\xdc\xa3\xb3\x88B\xb7\x0f\xadb_\xdf\xb2\x92\x1czs\xa5\x7f\xe7\xd6\xa2*\xb1\x92C~\\\x80\xb7\xbe\xc2\x8c\xfcd\xe6\x94\x7f\x9e\x9ea\xd6\x13D\xb4f\xca\xe0\xf6-\xb4\xdc\x1aK\xd0\x1a\x00\x80\x8d"\xa2\\\x0c\x014\x03\xd8\xf5Dgg\x03":\xb1\xae\xfc\xd2\xce\x85\xa1\xd6\xe2\xeaj\x04\x0c\x8a\xf5K\xf4\xb6ztr\xe3\xeb+{D\xcdp\x82\xd8\xb7x"\xdf\x91\x93\xeb+\xaa\x1e\xc1\x8b\x8b\x1bf\x0c\xa7\xcfw\x98\x96HZ\xa30\xc8\x01&amp;\x9c\xff*AHWL\x0b\xb4?\xbcr\xaa\xa8\x1a\xda\xe8\xc9_\xd9\xbd\xf8\xe8\xea2\xc9\xf6T\xd8&gt;gT\xe5\xd0\xb4\xda\xb6\xb3\x1e\xbf\x1fF\xc0\xf1\xb5\xe5\x7f?&gt;U\x94\x12\xf6\x8bUi\x01\xc6\x80\x85\x0c\xe4\x81$\x9f\x16\x93\xfa\xc5\x0e\x8a\xf5\x8b\xb0\xd5mk\xa0\xd8#\xc8!?\xd6?3\xdc]\x92]\x80\x11\xf0\xf0\xc4\x06\xa6\x93\'\xf9Xk\x03\x1e\xdaR\xcc\x12]\x0eX?\xbd\x80\xfey,a?\xeb\xd9\xde9\xd8J3/\xc6Wp\x02\xf05V\x96\xb0\x12Y\xc0L\x1a\x9d\x9d\rr\xa2\xbc\xf9\xac\x13Y\x11\x1e}\xc2\xdc\xea\xb6qr\xd5\xc2\xb6\xd9\xa3\xe8\xf5\xe5\x92\xac\xae\x00,d0!+\xfa\xe6\x81\x15\xb5]\x95{\xe8H\x95\x0e\x88\xbf}x5{k\xf1\xad\xcc-d\xc1]_\xed[2qB\xdf\xe8\x1a\xf7L\x92\xc0L\n\x83b\xfcX\xe3I\xf3\x065\x94\xd7\x05\x8aS\xc3\xcen\x9e=\xb2G\x07\x1b\xa5\xda]\x8b\xaf\xeeC+\xa6T\xdd\xe1\xcb\x8b\xf1\xad\xccG\xa4\x85\x8b\xb9!U\xe0\xd4\x86\x99_\xee\x1d#z\xc7\x9c\xd4B\x01\x8e\xeaxyi\x17\x11\xdd\xd8\xbf&lt;/\xc6wL\xcfN\xb5k\x10\x00 \xbb\xa3\'\xd1\xf3?o\x1c\xd0\x02\xc6gva*/\x1b\xd4\xbdw\xa8\x8b\xa8S\x8c\x01{U\x1c[3\x9d)\x9c\x1d\xe9U\x87\xeb2h\xde\x00{\x17M\xe0\xef\xcd_\xef\t\xeeP\xc5\xc0\xbd\t\xb8F\x1e\x00\xe1-\xb5\x13\xdaXvr\xd2\xb7\x92dM$\x00\xb6!\xa3zt\xe8\x1d\xea\xbaf\xca\xe0\x82\xa4`\xee\x12D\x10\nu\xb9N=~7L\x81G\'7\x12\xd1\xa4~\xb1\x12\x9e\xd2\xba\x99\\\x13\x81\x83r\x80\xb94\xb2"&lt;\xe2[\x99\x030\x04\x92\xfdZ\xc6y\x99\xd9\xa9"\xa4E\xe3\xa2\x94\xb0\xbbG\xd6,\x9f\x98\xab.\xa2N{5\xb0?9\xaa\x83\xfe\xba\xcf\xae.U\x81\xaen\xc6\x89m[0\xbf*\x03\xde\x06\xb5\xf3)\x04[i\xbe\xbb\xbe\x8f\xfb\xbdT\x0cI\xed\xe2j\xd4\xd9\xd9\xa0V\xdd\xbd(%\xec\xea\x9e%\xb5\xbd\xba(tr\xd2\x7fuy\xf7\x8fggc=\x9b\x03pk\x0c\xa2\xd7DD\xf4w\x8d\xc6Q\xbe\x81/\xa1\x8d%}\xb8\xc9\xde\x9d\x8f\x91R\xf5\xbd\n\xb6\xce\x1a1u`\xc2\xaf\xb7\xd9\xcfD\xe5\xd0\xf2)\xf4\xed\xc1\xf9m\xf3\xbc\rj\xfe\x84\xb5\x80\x14\xbf\x96\xf4\xf1\x16\xd30\x89\x17\xdc\xc2\xd1\xbfSk"Z&lt;\xb6\x9f\x84/\xa0bh\x1a\xfbL\xee\x1cY\xcd\x1c\xec\x15\xe2BD\x7f=&lt;\xb9s\xde\xd8\x17\x17w\x8e\xec\xd1A\xa7\xa6z4\x01\'\x11v&gt;W-\xde\xd8\xf7\xe3\xe9\xe6\xca\xa2Do+\xa1\xc5,d\x01\xc0\xcfD\xe5\xd3\x9d#\xe9A\x0e\x925_$\x06\xc7\x072\xd7\xbcwt\xed\x85m\xf3\xd8{\x9cS\xd4K\xc2\x1a\xa6\xe5&amp;2\xcb\x0e\x06\xca\xc0\xd5=K.\xed\\xtu\x99\x97n-L\xb5,\xe8\xcd\x15""zG\x7f\x9c\x7fxb\x03\xbd\xbd\xbad\\\xff\xad\xb3F\xd6\xa1\xaaz\xfcG!\x0b\xecb\x1c\xa4_\xee\xaa\xd4\\\x1c\x00|\x8c\x94\x12\x04|}\xc6@\x82\xb7U\xbfN\xad\xdaY6\x02 \r\xd8\xaa\xa0\x85\x02\xecT\x91\xecg3:\xa3\xe3\xf4A\xdd\xfdL\xc4\xba\xffx0\x04\xd6M\x1bJDW\xf7,\xb1QB\x03\xa0G;G\xf1\xd6^1\xe8\xe4\xa8\xcfn\xfcY\xb8j\xa1y\x034\x04\xa4kS\x95\x8f\xa1\xd2\x9c\xa2^eyI\xfd:\xb5\x12\xee4\xa8%\x06tn31;\x86\xf9;\xd8J\x93\xd7\xba\xd7R\xe2O\x13\x804\xd0\xb7\x83\'}\xbdwf\xd3,&gt;C?\x03c@\xd0\xdc\x91\x1b\xed\xc3w\xc4^\r\x85\xc9\xa1#\xd3;\x88\xba\xd0\x88\xb4p\xa2gD_\xcfn\x99\xb3hL\xb6(o-\x17%Y]?\xdd9\xc2\xdc\x18c\xc7\xab\x03\x98~\x13\xdf\xca\xfc\xfd\xcd\x83\x81f\x12\xee\xdc \x05l,/\x9c\x9a\x9b\xe8o\xaa\xc6=&gt;-7\xb1_\xa7\xd6\tm,\xaf\xee^\xbcga\x89$\xad\xcah\xe7\xe8\xdc\x08\x82S\x85\x8d\x12\x96\x8c\xebOD\x97w-b7XZ\xa8\xb6\xfd\xf21R\x1a\x91&amp;\xdcH\xa8\n4\x05|\x0c\x85\xef\x8c\xbc\x9a\xca\xa8\x0b;\xdeFO\x9e\xe8\xf9\x8fgg\xad\x15\x00\xa0\x9d\x85\xc6\xce\xf9c\xff~tj\xfe\xc8L\xc6\x93$~W\xa6\x0b\x0c\xef\xde&gt;\xc2N\x97=\xb2v\xda\x10\xf6\xd3X]\x9a/\xf6l\xe1\xd0\xe1yGNo\x9c5\xa0s\x9b\t}\xa3[U\xf7\xf9I\xe8o\xaf\xc7\x7f\x01\x89\xdeVLhD\x8dK!\x16-\x05zlS`p|\xc0\xfdc\xeb\xb2"&lt;\x00\xc8\x03m\xf4\xe5\x83\xad4g\xe4\'?=\xbb\xa5|pJ\x9c\x97Y\x8d\xd56\x01t\x80f@\xbf\xc8V\x7f?&gt;}q\xc7\x02[\xe5\xaa\x16\xeeZ0\xaen{\xc6\x17\x17wV\x1f\xfc\x9f/\x1d?@\x12S\xc4\xcc\x82\x1e\x9d\x9c\xf4\xf9\x0e6\x06\xf2\xa2\x19\x83\xd2\xa7\x16\xbfc\x13k\x02\xc8\x01\x9a\xc0\xfc\x91\x99l\x13\x7fC\xbd\x02`\xb7:F\x80CCX+\xe0\xd6\xc1\x95\xdc\xd8\x0f\x00\xe1\xb6:\xfb\x96L\x1c\xd3K\xb8aD\x01\x98Y\xd0\xe3\xf0\xca\xa9\xab&amp;\x0f\x1a\x14\xeb\xb7s\xde\xd8\xf4@\xfb\x1a\xaf+\x03D\xbb\x9b&lt;\xbf\xb0\x83\xe8E~\xac\xbf\xf8&gt;f!\x8b\xc3+\xa7&gt;&lt;\xb9\x91\x19\x94\x9d4\xaa\x9am&amp;\r\x00\xd9\x91^Do\x98\xa1D\x1b0\xaf\xd5\xec-\x0c\x8d\x01?c\x95\xf6V\x9a\xea\xbc#\xc1V\x9a\x92\x1b\xca\x16\x8f\xed\xf7\xf6\xfa\xbe~\x91\xad\xc6gvI\x0fr\x98\x92\xd3m\xcb\xcc\x11\xa16M\xac\x15a\xca\x19\x83\x03\x9a\xab\x9d\xd9&lt;\xbbG;\xc7(\x17CW\x9e\x0fgt\xcf\xc8\xc2\x94\xd0g\xe7\xb6n\x99Y&lt;DDD\xcd\xa9\r\x95\xcbJr\x84.52\xc3\xdd\x87t\x0b\xe2\x1aq:9\xe9\x0f\xec\xd2\xb6\x83}S\xcb\x9a6\xb5\x91\x8ez\xddZ[D\xf2|\xb0\xc6\x1c\x03\x8e$\xddO\x07\x18\x9f\xd9E\xe8\x8e\xa8\x9d\x85\x86"`.\x8d\xaen\xc6\xbe\xc6\xca\\S\xa6Q\r\x8d\xaa\xc7\x7f\x0f\xfa\xc0\xdc\xa2^\xdb\xe7\x8c\xaas\r\xd2@s)dEx\x1c[3=\xa7\x8b7\x80NN\xfa\xefo\x1d\xbcsx\xf5\xe7\xbbG\x89\xe8\xdc\x969\xe2\xcd\x1a\xd2@Z\xa0\xfd\xe4\xfeq\t\xdeV&amp;@~\x9c?\xd3\x17\x83\xcc5\x00\xb8h"5\xc0\xae\x0e\rsn\xc4\xdf\xb9\xcb\x06u\x8f\xf5l\xae.\xa2&lt;\xb7[o\x9f3\xda\x8c7\xc4X\xf2Z\x1f\xe5lxs\xffr\xa6*\tcH\xc4\xc3\xdfT5\xb1m\x0b\x17-0\xde&lt;"\xfa\xfe\xe4\xcc\xafW\xeb.`\xa4\xf3j*\xa3\x0f\x98\x02\xfa\x80\x8b&amp;\xac\x15\xb1\xaat\x10\xe3\xd8d\xd1\xad\xb5\x85\x18S\xb2\x8d\x12\xb6\xcc,\xde2\xb3\x98\xde\xdf\x987\xa2O\xb76\x16\x92\xb7g|f\x97w\xd7\xf7\xad\x98\x94g%\x07k\xd1\x13\xe7\xbc\x11\xbd\x99\x87\xb0bb\xee\xec\xc2\x9e{\x16\x8e\x8f\xf14\x1d\x9f\xd9e\xfb\x9cQ\r\x81q\xbd\xa3\x88(\xd8\xb2\x91:0(\xd6\xef\xe3\x9d\xc3\xc7\xd6L\xef\xe2j\x14\xd0\\\xadw\xa8+[Im\x8d\xd8\xad\xf5\xe4\xba\xfb\xdax\xeb+\xf8\x18)\xcd\x1f\x99\xb9\xa9\xa2\x08@\xab\xa6\xb25\xfa\xcc\xefp\xfc.,\xcel\x9a%8dG\xb9\x18\xfe\xf5\xf0\x04\x11\x1d^95\xda\xdd\xc4\xe4\xe7\x98\xfb\xed\xfc\xd6\xb9\xa2\xea\x1f\xd2-(/\xc6w\xf5\x94\xc1|\xe6YC ;\xd2\xeb\xd2\xce\x85\xdc\xe3K\xc7\x0f "zs\xf5\xfc\xd6y\x82\x8e\x19&gt;\xb3\xce\xc4\xec\x98\xb7\xd7\xf7-\x1a\x93\xdd\xc1\xbe\xe9\xd0\x84v\xb5\x9a\x00r\xbax\x13Q\xaf\x10\x91\x0e\x8f\xe1\xdd\xdb\x13\xbd)\x1f\x9c\xb2m\xf6(I\xde\x85&amp;\x90\x11\xec\xc4w05\xc0V\x82S\xeb\xf1; \x05\xf4\xed\xe0)\xe6\x8d\xd6\x08\xd3\x060\x97FZ\x80\xdd\xd1\xd5eC\xba\x05j\x03\xb9\xd1&gt;D\xef\x89\xbem\x9d5\x82^]\x1a\xddSH\x9c&gt;\x17\xfa\xc0\x8d\xfd\xcb\x89\xa8g{g\xf9\x9f\xf1\xce4,\xb1\x9d,\xd0\'\xccu\xcb\xcc\xe2\xf6-j\x1dY\xb7u\xd6\x08n\xcf\xbeupemC]\xf5\x00] \xc6\xc3\xb4\xab\x9bqc\x8e\xf9\x95\x88^]\xde%I\xec\xa6xD\xd8\xea\x1eY9\xad\xab\x9b1\xbd\xba\xcc\xab\xf8\xc5/\xd7\n5\x80\xbbyQ\x04VN\xca\xcb\x8f\xf5w\xd7n\xa0\x0b\x18\x00m\r\x95VL\xcc\x1d\x99\x1e\xc1\xda\xfd\xa2\\\x0co\x1eX1*\xa3\xa3\xd0\n\xa5\x81d\xbf\x96Dt\xe7\xf0\xea\xe7\x17v\x10\xd1\x8e\xb9c$lL\xf3\x06\x18\xd0\xb9MY^\xd2\xdc\xe2^\xe2\x9d\xc6\xbc\x88\x9dw\xdbf\x8f\xe2=\x8d??\xde&gt;LDQ.\x86\xa77\xce$\xa2\x19\xf9\xc9\xb7\x0f\xad\xfa\xf3\xc6\x01\xe6\xe7\x0f\xb7\x0f\x1d[3\x83\x88\xceo\x9b\xc7TR\x90\x14\xec\xa9S\x8b\xddA\x92\x8f\xf5\xdbk\xfbf\xe4\'\xe7F\xfb\x8c\xeb\x135\xbeO\x17\xe6\xb8\x98\x89\x8aAB\x1bK\xc1\t@\xa8\xafE\x99\xb3\xca~yiW\xacgs\xe6\xef\xb7\xd7\xf6\x8dH\x8b\x10,\xdf\x14\x98]\xd8\x93^]\x1a\xd3\xab\x13\xd1S\xee\xa0\xec\xd4\x08\xc3\x93C\xb2;z-+\xc9\xe1\x8e\x9b\x93\xfb\xc71u\xee\x9a?\x8eY\x84q\xa1\t\xcc*\xe8\xc1&gt;\x94\x08[\x1d\xb6=\x9b*\n\xe9\xeb\xbdq\xbd\xa3\xcc\xa4\xd0B\xa1f\xa3h\xb7\xd6\x16\xdf\x1e\x9d\x12\x1c.\x98%\x87\x93\x06\x8e\xaf-\'\xa2{G\xd7\x12Q\x9a\x04{\xc4\x80\xe6j\x8fNn\xfc\xf5`\xd6z\xd4\x1df\xd2\x88v7\xa9\xb9\x9c\x080\xe96-\x95\xd1\xa3\x9dcQJhg\'\x83\xd9\xc33\xe8\xfd\x8d\x0b\xdb\xe7\x07\x9a5\x94\xc4R\xd2\x08\xd8\xbft\x12\x11\xad.\xcd\x97\x03\xac\xe4\xc1\x0c\x01\xb1\x9e\xcd\xf5\x81\xf2!\xa9g6\xcf.\x1d\xd0\xadVV\x17yn\xcc\x1c\x0f\\\xd3\xa7$\xf8r\xff\xd8\x8eyc*\x86\xa4\x86\xb4\xd0\xf26P\xa8^\xd9\x8fd\xbf\x96\x92\x84\xecx\xe8\x88\xb4\xea\xab\x023\x0bz\xf4\xed\xe0\xc9\xad\xf7\xd73d\x8c\x00zyq\xc1\xa8,\xd6\xe42 \xaa\xcd\xf69\xa3\x0e./\x9d\x92\xd3-\xd9\xaf\xe5\xf0\xee\xed\xe9\xcd\x95\xd9\x85=#\xect3\x82\x1d[5\x93\x9dS\xd4\x8b^^&lt;\xb0l\xb2\xa0\x13\xb0\xb5\x9e\\c \xbe\x959\x11]\xda\xb9p\xfb\xdc\xd1D\xb4j\xf2 \xe6Wu\xa0G;\x07\x13@T\xaa\xc7\xa4\xecX\xf6\xd6\xb6\xce\x1a!\xbe\xe5\xcf/\xec\xf8t\xe7\x08=\xbf\xf0\xf3q\xbc\xbdJD\xe9\x81\xf6\xf4\xe5\x1e3\xc01\x87O\xae\xaf\xb8wt-\xd1S\xa2\x97\x0bG\xf7=\xb9\xbe\xc2\xb9\x11d\x80C+\xa6\xce\x1f\x99)\xf9\xb3\xb2Q\x04\xd1\x8b\r3\n\x16\x8d\xc9ng\xa1\xc1$\x1bJ\xe8\t=\xb6z:\xf7\xc51\x11\x10\x0c\xf8jXZ2\x80W\xeaU\x9c\x97\x19\xf3\x97P\'JIVWv5\xb0\xael\x18\xf3G{\xab\xaa$\xbe\x18\x0f\xd3\xe2\xd4\xf0\xf6-\xb4|\x8c\x94\xf8\xbe\x86\xfdK\'\xdd=\xb2fjn\xe2\xa6\x8a"c\xa0\t\xc7\x15a!\x8b\xbf\x1f\x9ff\xfcs\x0c\xcc\xa51(\xd6\xef\xd5\xe5]\xdf\x1e\x9e,J\xadE\x04`\xb2_\xcb\xe5\x13\x06\xf2\x1d\xb4U\xc1\xa7\xbbG\xba\xb5\xb6\x98:0\x81w\x9b_\x88\xe8\xc1\x89\r\x92\xd4\xd9\xd1\xa1\xd9\xb8\xdeQ\xdc#F\x927\xa8\x1e\xff]\xb45P\xec\xeaf\xac\x0f\x18\x02\xad\x9a\xc9&amp;z[%\xb4\xb1&lt;\xbfu.\x11\x95\x0e\x88\x97\xe5\xd9\xb8k\x84\xab\x16\x16\x8d\xc9\x9e?2\x93\xe9\xa4\xda@H\x0b-E@\x15H\xf1\xb7Mj[k\x93\xbb\xa7\x8e4\t\xe0\xd3\x9d#Z\x80!\xb0xl\xbf\xdch_\xf1\xb3A@s5\xdey\xcfz\x87\xba\xbe\xb8\xb0\x83\xaf\xb6\xb5S\x87\xb4j&amp;+\x18\x13\xc5\x87C\xcb\xa7\x88\x89\xfck\xa3/\xefk\xac\xc2\xadV\xd4t!\xb9y\xdaKW\x86\xad\x8d\r\x11\xcf\x8a\xf0`\xa7\xae\xb7\xd7\xf6\xd2\xfb\x1bK\xc7\x0f\x98\xdc?\xee\xd3\x9d#\xbdB\\&amp;\xf7\x8f;\xb8\xact\xe7\xbc\xb1k\xa6\x0e\xe1\x8b\x11L\xf1\xb7\xf5\xd0\x96\xb2Q\xc2\xe5]\x8b\xf2b|\x9d\x1b!3\xdc\x9d\xf5\xabj\x02\xfd;\xb7\x1e\x1c\x1f\xb8bb\xae\xd0\xc0|vPX2\xbe\xbf$\xd3\xaf\xa5\x1c\xb6\xce\x1a\xc9\xb6\xff\xf8\xda\xf2\x0b\xdb\xe6uv6xrf\xcb\xcbK\xbb\x82\xad4\xfbv\xf0\xbcy`\x05\xd17\xb6LY^w\xf6\xf4K;\x16|{tR\xd2\'%\x02\x82)\xbeB\xa1\x06\xec\x9c7\x867\xb0_j\xd5\xec\xe7\xdc\xbdzJ&gt;\xfdx\xb2w\xf1\x04\xe6\xbf:@\xe9\x80\xf8-3\x8b=\xb4\xa5\x00X+"\x81\x132T\x90\x14\xfc\xf4\xec\xd6\xeb\xfb\x96Ur"\x97\x88(#\xd8\x89\xde]#\xa2%\xe3\xfa\xa7\xf8\xb5\x94\x05\x96\x95\xe4\xfcxv.\xc5\xdf\xd6\xcf\x84?hC\x1e\xd0\x03\xa2\xddMv\xce\x1b3\xb9\x7f\x9c\x99\xd8X\x02\x07u\x00\xe8\xd1\xce\x91\xbe?\xf2\xd0\xae)\x98\x97\x83\xdc\xae&gt;\xd3\xf2\x92\x98\xbf\xb9kF\xe7Fho\xa5u\xf7\xc8\x9aj_\xc8\xb7\x87\xdcs\xc5,\xbf\x8e\xad\x99\xce\x9d&gt;\xeb\xf1\x7f\r\xc6\xf6\xea\xb4\xa9\xbc\xb0\xa3}\xd3\x9c(o\x7fS\xd5(\x17\xc3\x1eA\x0e\x9b+\x8b\xaf\xeeY\xe2\xa2\tM \xca\xc5pnq\xef&gt;a\xaeb*Q\xe2\xd1E\xd46\xadV\x8cU\xe8\xcf\x9b\x07\x04\'\x00"J\r\xb0\xdb\\Y\xcc\xfc==?93\xc2]\xd4f\xdf\xcf\x847.\x7f\xba\xcd5\xfep\xf0\xaco\x07O\x85\x9a\x16\x8c\xb3\x87gL\xcfO\x16\x7f#\xbdC]\xab\xaa|wMT\x99\x92\xac\xae\xfc^i\x11\x18\x9a\x10\xc46\xf1\xea\xee\xc5\xcc\x9c\xaa\xc9u\xf7}\xbc\xb5c\xde\x98\x81]\xda\x96du\xa57W\xba\xb5\xb6\x00\xe0\xa5+\xf3\xec\xdcV\xa2\x8f\xeb\xa6\r\x15Z\xad\xbf\xa9\x9a`\xa8\x98\xb7\xbe\xc2\xc6\xf2B\xc6\x89}e\xd7"\xa1\'fEx\xd4*\xefS\x0e\xd8\xb7d"\x11\xd1\xcbKWv-\x9e9,=\xdcV\xe7\xe4\xfa\nv\xc9&lt;}Pw\xe6&gt;\xde\xdf&lt;x\xef\xe8\xda\x81]\xda\xb2\xe7N\xcc\x8e\xf9z\xff\xb8$W1\x00F\xa6w\x90\xdcg *\xf4+\xa9m\x8bC\xcb\xa7\xec\x98;\x86\xbbH\xb9\xbeo\x19\xd3\xc2iyIa6MR\xfcm_\\\xdc\xf1\xf8\xf4f\xa15\x08v\xac;\x87W3O\xac\xb3\xb3\x01=\xbfpr}\xc5\xf7\'g\xfcLT\xcfl\x9aMD\x8b\xc6d\x17r\x88\x19\x9a\x00#\xd3#\x98\xf8\x0b\x00\xb9\xd1&gt;+&amp;\xe5\x8a\xb1\x83E\xb9\x18\xfeq~{\xdd6\x9a\xf2\x806\xe0o\xaa:"=\xe2\xf4\xc6\x99\xdcE\x89\xad2.\xeeX@\xf4\x8e\xde\xff\x0cJf\x7f\x8d\xb0\xd3\x15\x13b\xb4f\xca\xe0\x8d\xe5\xc3\xeb\xd4\xa2z\xd4\x15\xbf\x94&gt;\x08\x000\x97\xc6\xb69\xa3\x88\xfe\x9c\x92\xd3\xed\xfa\xbee\xab\xa7\xe4\xb7P\x80\x8b&amp;\xc2[j\xb7\xd6\x93k\x04D\xd8\xe9.\x18\x95\xb5\xa5\xb2x|f\x17Q+\x92\xa6\x80\xad\n\xf8V4*\xc0\xafPS84\x14\xf2Q\t\xc2\xdfT5\xa1\x8d\xa5s\xa3\xaaHm\x16\xa33"O\xac+\x9fS\xd8\x93-yf\xd3,\xa15\x8cH\x0bW\x00F\xf5\xe8py\xe7B\xc1\x15:s\x07\xad\x9a\xc9\xbaH\xb0\tJj\xdbb\xc1\xa8,{5\x91\x054\x01\x7fSUIl\xa5l\x9a.\x83\xbf\x1e\x9e`\xfc\xbd\x86\x00K\x8a\x90\xd8\xb6\x85\xb9\x0cJ\xb2\xba\x12\xfd\xc1\xaeF=t\xa4VO\xc9\xdf\\Y,\xc1E\xaa\xd0\xaa\xa9\xcc\xa1\x15S\xd89\xb5n\xcc\x18r\xc0\x95\xdd\x8b\xe9\xc3\xcd\x80\xe6U\x01\x833\x0bz\x10\x11\xd1\x17zu)\xd6\xb3\xb9*0\xb2G\x07\xb6\xfc\x8e\xb9c\xde]\xdf\xbf\xaa4\xdf\xa9\x11\xf8\xba\t\x13\xa9%\xe6Z\x8d\x81\xe5\x13\x06^\xdf\xb7l\xd1\xd8l"Z_6\xacNM\xe6\x077\xc0I\x1exzv+\xe7\r|]9)o\xcf\xc2\x92\xc9\xfd\xe3\x84\x9e\x1b\xe5bX\x95`\xfc\xea\x12\xd1\xeb\xc2\xe4P\xee\xaf2@\xcf\xf6\xce\xf4\xf2\xd2\xbc\x11}\xe8\xf5\x95\xaa*?\xdeb~\xb5S\xc5\xae\x05\xe3\xfe\xbcq\x80a7\xf27U\xbd\xb1\x7f9\xd1\xdf\xa2r\x17\x00dF\xb8_\xdf\xb7\xac\x0e\xf7h\x8c*[q;\xcbFg7\xcf&amp;\xfa{H\xb7@\xee"\xccI\x03s\n{\xce,\xe8\xf1\xf1\xce\xe1\x17\x17wrs\xc1z\x049\xb4\xb7\x12\xb9`\x1b\xdd3\x92\x88X\x07L=\xfe\x13\xc8\x8f\xf3\xaf\xb9\x90h\xa8\x01\x03\xbb\xb4e\xd2|\x0e,\x9d\xfc\xf2\xd2\xae\xc7\xa77\xdb*C\x07\x084k\xa8\x07\x98\x00\xd3\x07u?\xb0lr\x17W#1\xf5\xf4\tw+J\t\xed\x13\xe6\xc6\x17\x94"\xb9SB\rp\xd2@\x9c\x17\x1b\xb6\x83\x0e\xf6M\xc5\x0f\xfd\xeb\xa7\x17\xe4\xc7\x05$\xb4\xb1\x14:\xde\xf2J\xf1\'\x10\x08\xa2\xa3C3\x1d\x80\xbe\xde\'"6\xa8\xff_B3 \xa1\x8d%\x1fO\x8b(\xb8j!\xce\xcb\xac$\xab+\xd3N\x86\xcb\x0c?\xfd\xd8?\x18\xe3\x95&amp;\x10\xe9X\x0bg\xb6\xa5\xc0\xba\xd1SG\x9a^_a\xbd\xb2\x12f\x93\xf0\xa1\xab\x9b1sz^\x8c\x1f\x80`\xcbFWv/f\x1f\xb2xG\x8b\xe8\x19\x93\x1fM\x81\xf1}\xba0\x91iD\xf4\xf1\xceaz\x7f#\x89\x97c(\x14r@arh\xefP\xd7Z\xadF\xba\xfb\xda\x10=#\xfa\x9b\xe8\x03\xbd\xbeL\xf4v\xf9\x84\x81e\x83\xba\xe7Dy{\x1b(\x04[6\x124\xe0\x80g\xc3\xb1\x15\xf6\x04#\x1d\xf5^]\xde\xcd\xd7\xf7\x98\x05\xc7\x93\xd3\x9b\xd9#\x97w-ZW6\xec\xf2\xaeE\xa2R\xd2\x18\xb4T\x06\x1f\x9d\x9c\xe4\xf6Uf\xb3\xa8\x03\xf0R\xac\xff\x0e\xb3\xf9i\x04m\xa1\x80\xde\xa1\xae\xbe\xc6*!-\xb4\xf8\xb6V\xe2\xd7@\xd1\xee&amp;\xc4\xf1\x19\xfc\x8e\xa4\xf5z\xd4\x04\xa1\xbd\x10\x80&amp;`\xabR\xf3w\xd5\xd6@\xf1\xea\x9e%L\xcf{w}?\xf3\xc7\xa8\x1e\x1d\xe3\xbc\xcc|\x8c\x94\xd4\x01C`L\xafN3\xf2\x93\xc5\x9b#{\x87\xba\xce.\xec\xe9\xd6\xe4g2pm\xd1\x00H\x0f\xb4\xffx\xfb\xf0\x8eyc\x98\x05r\x82\xb7U\x8dc7\x11\xa5\x05\n\x8f.\x95\x02\x0c\x80v\x16\x1a5\xd6\x10h\xd6\xd0I\xa3j\xc2\x98Y\xd0\xc3Q]\xc8\x10\xf9\xbb\xa0\x08\xac\x99:dui&gt;\xe3nm\xa9\x8c\xfc8\x7fO\xd1\x1ef\x06\xd1\xee&amp;\xefo\x1e\xdc0\xa3\x80\xf9o\x13\x80\xe8\xc7?O\xeb\x18l\x1a\xedn\xc2\x17/\xe0\xde\xa4\x01\x111\xc1*D$Q\xb2\x9f\x00X\xba\x8ehw\x93\x06\xc0\x94\x9cnU&amp; \xa2ck\xa6\x8b:\xcb\x98\x89~y{\xed\xd0\x8a)Q\xce\x86\xab\xa7\xe4\x0fK\n\x16U\xb8\tp\x8d\xd7]\xab\xf0\xfd\x11\xbd\xb9\x92 v\xac\xdc2\xb3jg3\xb9\xbf\x90\x0c;Q\xc8\x0cw\xe3]\xe3#\xc3\x8a\xa8\x0c\xd8*c\xe7\xbc\x9f\xac\xb4\xe3\xfaD\t%=\x8at\xd4\xe3\xcb\x9aj\xde\x00s\x8b{\xdf\xe0\xc5\x1f\xb3\x00\xa0R\xdd|\xf4\xec\xdc\xb6\x18\x0fS\xc9gD\x16i\x81\xf6\xb5\xe5f{\xces\x89m\x999"\xc5\xdf\x96\xe1\xf9P\x024\x00= \'\xca\xfb\xf5\x95=\x92\xd7\x16n\xabCD\xfb\x97N\x02\xd0\x08\x18\xd9\xa3\xc3\x80(qT\xaf\xf5\xf8\r\xb8\xb4s\xa1\xa8\x9f,d\x10\xd0\\M\xfcP\xc6\x8bf\xfb\xb1\xba4\x9f\x13\x13\xfd\xfc\xdc\xd6\xb9\x15C\xd3R\xfdm\xfdM\xd5\xdaY6\x8a\xb0\xd3\x15\x1a\xed\xa0\xcd\x0b\xd9\x96\xfden\xd8\xf6VZ\x8fNn\xa4\xaf\xf7\xde]\xdf\xcf\xc4\xc0\xd9\xabId\x02\nh.\xeecQb\xbf\xae?\xaf\x8b\xaa\xa1_d+_#e\xe6\xef\xc5c\xb3s\xbaxK\x18\x82"\x89c\\\x10+&amp;\xe6\x9e\xd94\xab\xbb\x8f\xb5\x0101;\x86\xb9n\xc5\x90Z\xf3j\xd56\xd9\x98\x81\xa3\x06\xf2c\xfd\xf9vf\xfa\x00\xd1\x8f\xd7W\xf6\x10\xfd \xd1Q\xe4\x1a\x80\x9f\x89\xaa\xd0&lt;\xde6z\xf2D\xef\x99{\xf9\xfa\xe0\x84&gt;\x10\xeb\xd9\xdc\xbd\t\xd6M\x1bzj\xc3L.i\x01\x1f\xaa-\x8ayd\x18\x8c\'V\xb0?\xb1\x9b\x8c\x9f\xf8\xf6\x80\xf9WT\xe7\x93\x07\xfe~t\x8a)3,\xb1\x9d\xa8f\x08\xa2!\xaaH\x87\xee\x1d]\xcb=\xfe\xc7\xf9\xed\xdc\xeb\x0fO\x0e\xe1\xeb\x7f\r\x80S\x1b*\xb9t\x87\xde\x06\n\xab&amp;\x0f:\xb8\xact\xea\xc0\x04\xaeY\x89m\x0f;\xa9\xbc\xba\xbc\xcb\xbc.&lt;\x0e\x00\xd0\x18\x18\xde=\xa4V\xa1\x80\xc6\xc0\xeb+{VL\xcc\x1d\x9e\x1c\x92\x17\xe3\xcb\xee\x90d\x81\x8e\x0e\xcd\x18\xdf\xb5 =\xb8(\xa8\x02\'\xd6\x95\xef[&lt;\x91\x99\x87\x8c\x80`K\xa1\xf3c=~\x1f\x88\xc8P\xf4\xaf-\x95a%v\xdf\x1b\xe3a\xca\xf4\xbc\xa5%\x03\xb8]\xf3\xce\xe1\xd5\xf4\xe1\xe6\xf5}\xcbf\x15\xf4\x88v7i\xa3\'\xcf\xdd$2P\x042\x82\x9d\x06D\xb5\to)29\xb4\xa5\x12\xfawj\xcd\x17\x91\xc2\x85\x16\xc0\x10\x1c\x1c]]\xc6\\:\xa7\x8b7\xbb\xa9\x115d\xb3\xd8\xbd`\xbc\x98.\xd6\x10h!\x8f\xcb\xbb\x16\xd1\x8b\x8b\xbdC]\x89^\x08\xad\xe4\xf6\xa1U\xce\x9aX]\x9aOD\xc7\xd7\xce`h\xec\xd8\xa0=\x91\xb7\xa6\x8c\xb3\x9b\xe7\xd4\x8d\x1bG\x13\x08\xb6\xd2\x1c\x10\xd5fZ^\x12\xdb\x0cIX\x19~\x1dE)a//\xed\x12\xdc\xcf=8\xbe\xfe\xdc\x969b\x0c5:\xc0\xc1e\xa5\xf4\xe3\t\x11}\xbe{\x94\xef\xd7\xc6\xd5\xbd\xd3\xac\xafU\x0b8\xb7e\x0e\xd1\x0bW\x11O\x8a\x11$\xe0\x82\rN\x15\x04;O\x13\xd1\xdf\x8f\x99a\xfd+\xf3_Q\xe1\xea\xaaU\xc4\xb4\xc4\'8\xd1\x94\xd7\xf1\xc4\xc0\x10\xb0V\xe47ep\'\xa1\xd7Wv\x0b\x9e%\xc3{\x14sy\xc4&gt;\x8c/dSE\x91&lt;\xa0\x06\xec\x98;f\xd1\x98l&gt;\x97\x95\x8dR\xad\xa3\'\xf80\xbc{{\xe6\xba\x83b\xfd~%%(\xd0L\xbdw\xa8\xeb\xd0\x84v\x95C\xd3\x92\xfdlju\xee\xbc\xe2\xdeO\xcfn\xedT\x1b\x83d=~\t\xb3\x0b{\x8a\xf95\xda\xddd\xfd\xf4a\xac\xf9\xdeB\x96\x7f&gt;pT\xc7\xbe%\x13\xe9\xed\xd5\xe9\x83\xba\xb3&gt;\xd2\x1f\xcf\xce\x1e^9\x8d\xfey\xbcazAR\xdb\x16\xed,4\x948\xac\xf7\\\xc4z6\x1f\xd7\xbb\xf3\xd2\xf1\x03z\xb6w\x16\xfcU\tXV\x92S\xf5U\x97\x0e\x12j\xab\xca\x0cw_8\xbaogg\x03zs\x95\x88\xe8\xedU\xee\xb8\xcb\r\x13\x14\xc4\xd0\x84v\xa2\xec\x9ea-\xb5\xfdLT\xda\xe8+\x18\x01\xda\x80\xa3::9\xe9\xefYT"\xaa*\x0f\x1d\xa9 \x0b\x8dmsF\x8d\xeb\xdd\x99a|\x94\xc4\xaa\x9e\xe0m%\xcaZ\xa2\x03\x986\x80CC~\xf7&amp;\x1f\xb4\x81\x05\xa3\xb2\xe8\xc5\xc5\xa3\xab\xcb$\xe4Y\x12\n#\xd1?Y\xc8\xc0[_!\xbc\xa5\x8e*\xe0\xde\xa4\xca\xdc,9\xe9\x18\x00{5\xcc\x1e\x9e\xd1\xd9\xd9\xe0\xe4\xfaJ\xf6\x89\x9d\xdaP\xc9W\xcc\xb4\x01&amp;f\xc7T\x0eK\xe7\x9b\x92;;\x1b,\x1e\xdbOL\xa0mAR0\xd1\xf7\x13\xeb*\xd2\x83\xec\x93}\x85\x8f8\xac1\xda\xab\xa9\xcc\xb0\xc4vL\xec\x83\x8b\xe6O\xfa\x8d\xb9\xc5\xbd\x85\x9eh\n\x0c\xef\xde\xfe\xd5\xe5\xddl\x96\x19\x80n\xad-\xfeyrf\xe5\xa4&lt;1w\r\xa0\x11\xc0\xac\xae\xba\xba\x19\x8fH\x0b\xaf\x1c\x96\xbe\xaatP\xffN\xad#\x1d\xf5&amp;\xf6\x8dyyi\x97\xa85\x02k\xea\xb9\xb6w\xe9\xa5\x9d\x0b\xdf^\xdb\xcb\xfc7\xc5\xff\xf7\'\xc7\x9aIcr\xff\xb8\xa2\xd40\xd6\x84\xfb\xe6\xea^\xa27f\xb5H\xa4\xab\xc2\xaf[\xed\'f\xc7\x10\xfd\xc1\xe7\x08\xac\xc7\xbf\x081\x948\r\x818/\xb3\xfdK\'\x1dY9\xad09dR\xbf\xd8m\xb3G\xcd.\xec\xc9\rt\xf3\xd0\x96*N\x0b\xef\x13\xe6\xe6\xa2\x89\xa2\xd4\xb0\x1f\xcf\xce}\xbd\x7f|dz\x87\xde\xa1\xae\x05I\xedk\x8c\xdb\xf77U\xdd\\YD\xf4\x9a\xbe=\xe0{\xeb\x06\x80)\xf0\xed\xd1Iv\xc8\xe0\xc6\xf9\xb1\x88\xf10\x1d\x9d\xd1\xd1\xa1!VL\xca%\xa2\x8d\xe5\x85\xec\x16X\x11xrf\x8b\x98\t@\x8c.\x95\xaf\xb1JvGO\xf6\xbfr@S #\xd8Ih=\x9f\xee\x1c\xb1V\x80\xbf\xa9\xea\xc3\x13\x1b\x8a\xd3\xc2\xe7\x14\xf5:\xb8\xbc\xb4\xb6\xbc\xc7\\x\xeaH\x1fZ1\xf5\xc2\xb6y3\xf2S:\xd8\xd5@:\x97\x19\xee&gt;,\xb1]\xc5\x90\xd4\xbd\x8b&amp;L\xc9\xe9&amp;\xd4\x7f(\x06Z\xc0\xcc\x82\x1e\xe7\xb7\xcd\xeb\x17\xd9J\xf0\xd7I\xfdb\x89\xfe`n\xf3\xf5\x95=\xf9q\x01\xcc\xdf\x07\x97\x97\xd6Xs\x9f0\xd7\xc6\x80\n\x90\xe2\xdfr\xcd\xd4\xc1!\xd6\x8d\xdb\x1a*\xb2\x0f\xadVq\xfa\xf1\xad\xcc#lu\xff\xa5ea\x8a\xbf\xed\xc1\xe5\xa5\xab\xa7\xe4\x0b\xdd\xbe\x18p|\x00\x9d\x9d\xf4\x01\xe83[\x19""\x12\x13\xaf\xc5\xa0g{\xe7\xccp7\x86\x04\xe2\xf2\xaeE//\xed\xdc\xb3p|\x8d\x03\x9c:@\xcf\xce\t\xf64QlZ\xf2\x80\xaf\xb1\xb2\x84\x89\x0b,\xecT\xf1\xfa\xca\x9e\xc3+\xa7\x12\x11\xd1\x8bg\xe7\xb6\xd1\xdbk\xd7\xf6.\xa5\x7f\x1e\x13\xd1\x9eE%\x92We%\x0f[\x15!67A\xc8U\xa7\xc9\xe3\x83i\x03\x1c_;\xc3Q\x1d\x12\xc6:\xd7\xe3\xf7\xc3U\x0b\xb6*ph\x88d_\x9b\x11i\xe1\xe3zG\xdd9\xbc\x9a\xe8\x03\xdb\x0b\xb96\xdc\xaa\x05\xd4\xfb\x1b\xe9A\x0e};z\xde?\xbe\x9e\xe8\xdd\x82QYF\x92\x99\x98\x13\xbc\x7ff\xd2\xbf\xbb\xb1\x9f]\xe5\xd9(aNQ\xaf\xd4\x00\xdb\x95\x93\xf2\xd8\x02\xe33\xbb\x18\x88\xa6yqT\xc7\xf4A\xddC\xad\x9b\xb0\xddK\x15`\x18\x02DA\xbc\x82\x07\x03\xd6 \xaa\x0fx5\x95\xf13Q\xb9\xb0}&gt;_=\x8c\xb0Q\xacW\xf3\xc3+\xa7\xb2\xa1\x90A\xe6\xea\x12&lt;\x00\xe1ph\x88\x87\'6$\xfb\xb5\xac\xb1\xa4\x16P&gt;$u\xed\xb4!\x9f\xee\x1cyvn\x1bsi7\xb1iiz@\xb8\xad\x8e\xbbv\x03#\xc0C[\xaa\x7f\xe76\xec\x8d\\\xdc&gt;\x9fk\xdbQ\x13\xb0\xa1\xad\xe6\tr\xad\x992X|\xc3\x9a\x02\x97v,8\xbdq\xe6\xd9-s^_\xd9}i\xc7Bfx\x1d\x91\x16A\xf4f\xfd\xf4\x02\xc9W\x8b\xa6\rppY\xe9\xa3S\x1b?\xdf;\xfa\xe5\xde1\xe6`K\xe5ZD\x88I\x82hw\x13\xc1\x08.U\x8e\xe6\x0f\x11\xf9\x1a\xab\x00hk\xa8\xc8\xd2T\x94\r\xea\x1e\xednb&amp;\x05\xa1#\xba\x11\x8fh\x9d\xc1\x91Ue\x97v.\xa4\x8f\xb7\xe8\xfb\xa3\r3\x86wv\x12\x19\x83\xedk\xac\xcc%y\xa6\xcfw\x96\x95\xe4\x88Z\xaf\xf4\nq\xa1W\x97\x98r\xeb\xa7\x17\xa4\xf8\xdb\xf2\x8d\xb0R@\x1b=!;I-`\xe5\xa4\xbc\x82\xa4\xe0\x9d\xf3\xc6\xd2\xf7G\xa3zth\n$\xb4\xb1|zf\x0b\xd1k\xc9u\xee\\\xb4\xb0a\xc6o\x8e\xdf\xef\xd1\xeeW\x19\xb3\xebQ\x17h\x00{\x17O\xf8\xf6\xe8\xe4\xb4\xdc\xc4\x05\xa3\xb26L/\x18\x99\xde\xa1o\x07O.Q%k\x91W\x05^\xb2D\x9b\xaf/\x9f\xdf6\x8f\xd1$\xd9\xb3p|W7cI4\x8fFet\xe4\x8e/\xacY\xb3\xa52\xbe\xdc;vjC\xa5\xb3&amp;\x8aRBg\r\xcf\x9818\xa5,/)\'\xca{\xe1\xe8\xbe\xdb\xe7\x8cj.\x99\x07\xb385\\\xcc\x04 I4=;N\x99KC\x06h\x00\x94\x0e\xe8\xc6\xad\xa4\x8b\xab\x91*\xe0\xae\xdd`\\\x9f\xa8Q\x19\x1d\xaf\xecZ\xc4\x1c\xe7r\x93\xfd{0\x93\xc2\xbc\x11}\xb6\xce\x1ay\xeb\xe0J\x96\xf4"\xd6\xb3\xb9,`\xa3\x84~\x9dZ\xf9\x9b\xf2\x0f\x1b\x89\xdeV\xef\xae\xef_9)/\'\xca\xbbG;GVG\x8c\x88F\xa6w\xe0.\xe2\x1a\x08L\x00\xac\x11L\xbc\xe5\x90A\xe5\xd04\xfa\xfe\x98\x88\xfe~t\xaae[?\x10\x00\x00 \x00IDAT\x98\xc34P[WEgg\x03\x9eL\x02\x11\x11\xc3~\xd3\xc5\xd5H\xbc\xd8\xc8o\x01\xf3\x88\xd8K\x0f\x8a\xf1\x9b\xd4/\xb6W\x88\xf3\x14^b\xf3\xc9\xf5\x95\x1b\xa6\x17\x14&amp;\x87\nuS/\x1c\x9dEb!\xd4\xcab\x04\x8c\xe9\xd9\x89\xbe?\xe2\x95\xfa:\xa9_\x9c\x98\x9d\xc6\xb9\xads\xb9u^\xdf\xb7\x8c\x8f\rT\x1dX%\x90~\xd5\xbc\x01\xdaY4\xea\xeaf\x1c\xe3a\x9a\x1d\xe9\x95\xe4c\xcdl\x1d\x9b\x00\xefn\xec\'\xa2\x1aw\xb0m\r\x14\xeb\xecp\x96\x04u\xd3\xa5\xa9\xc7/\xc1U\x0b\x0c/\xf4\x8eyc\x12\xbd\xad\x82\xcc\xd5\x99W,\x0b\x14\xa7\x86]\xdc\xb1\x80\x8fk\x9eaB\'\xa2\xaf\xf7\x8f\xdf=\xb2ft\xcf\xc8=\x0bK\xe8\xc5\xc5\xc3+\xa7\x0e\xe9\x16$\xde\x04\xa4\x0f\xf0\xa5V\xb1\xdfCk=\xf9\xefON\x7f\xb8u\x88\xed\xf7.\x9a(\x1f\x9cR: \x9e)ym\xcf\x12\xe6\xb8\xb2X\xeas^x\xa2\x10\x1c_;C\xb0\xbc\x010Z\x04\x15\x1a\xd3\x1b\xf9"\x8b\x8e\xac\x9c\xc6\xa4\xb5d\x04;}}p|nqo\xde\x86\x9a\x82kr\x02\x8b\x81CCI\x83\xb2\xbd\r\x14\x1f\x1c_?#?y\xfa\xa0\xee\xed,4R\x03\xec\x1c\xd5\xd1\x10\x90\x03\xe2\xbc\xcc\xf6.\x9e\xb0ga\t\x9f\xe5$\xa0y\xc3\x1fO\xcf\x12} z\xben\xda\xd0\xcb;\xabf\xac\x85\xa3\xfb\n\xd6_\x98\x1c\xca\xbd\xdf\x91\xe9\x11\xb3\x0b{\x1eZ1E\x12:\x07\'\r|\xbc}\x98\xe8]x\xedI\xbeX\x87v3F\x8d\x96\x13\x82U+\xfd\xfa_\x04\x8f\xd3\xb0\nWv/\xa6\x8f\xb7\xc6\xf4\xea\x14\xe9\xa8Wu\xe8\xd5\xa55S\x87\xcc+\xee=\xb3\xa0\x87\xa0c\xfc\xd2\x8e\x05"\xc7~""\xca\x08v\x14\xdc\x05\xe8\x01\xde\x06\x8a\xf3\x8a{3auGW\x8b\x0c\x81ePm\xaf@\xb4d\\\xff\x1a\xefK\tx\xccK\x1d\xf8\xfa\x80?e\xfa\xf1\xa9MDT#\xbb\x89\x8d\x12\x0e-\x9fR+\xa1\xefz\xfc\xaf\x83\xb3\xe1\xfd68.\xa0\xc6\xf2\xc1\x96\x9a3\x0bz\x0c\x8a\xf5c\x82\xdfU\x80\x90\x16Z\xf3F\xf4)\x1d\x10\x1fl\xa9\xe9*\x86\xa5\x01\xf06P`#\xc7\x89\x88K\xbdk\x00\x1c\\&gt;\xe5\xca\xee\xc5|\xa7\xf8\x9b\xaa2\x85%\x11\xb72\x04\x1c\x1aV\x89Y\x0b"\xab\x83\x87\xe0)\xea@\xa2\xb7\x157\xdd\x94\x0f|\xe4B\xbb\x16\x8cc&amp;\xb9\x1e\xed\x1c\x88\xbe\x9c\xdb2\x87\xbe\xdc%"\xfa\xe7q\x8d\xcd\x03\xa0\x05,\x19\xd7\x9f/E\xce\xb4\x01&gt;\xdd9\xb2o\t\xbf\x12\xacP\xf8\x1a+\xff\xf5\xe0\xc4\xc8\x1e\x1d\xb8\x8b\xbe\x06@\x90\xb9\xfa\x92q\xfd?\xde&gt;|tu\x99\xa0\xa9\xa4w\xa8\xab I\x06KY\xc3\x07+9F\x87\xeb/\xaa\x8d\\\x04\x83&amp;\xa2\xe5\xdd%\x84\xa3:6\x96\x17\x96\r\xea\xbe\xb4$\xa7w\xa8k\x8d\xce\xe7\xdf\xe8\'0\x04\x16\x8e\xceb\xcc\xf7\x0c\xcel\x9aE\xf4O;\xcbF\x8d\x80\x19\xf9)\xef\xae\xef;\xbevF\xe5\xb0\xf4U\x93\x07\xbd\xbd\xb6//\xc6\x8f\xcf\xb8\xcfR\x9as\xf07\xd1\xb3\xfb\xc7\xd73\x11\xab\xabJ\x07\xdd9\xbcz\xef\xa2\t\x82b)\x96\xb2\x18\xd2-0-\xd0\x9e\x99&lt;uDS\x9e\x0c\x8e\xafr\xcc\x0c\x8e\x0f\x94\x90\xd2\x87\xe5"%"A\xeaY\x17M\xb0\x94\x12\xe2\xb1w\xd1\x84\x1b\xfb\x97\xff\x8a(\x83*@\xf4\xf4\xdc\x969b\x1cr\xf5\xf8\xcf\xa1\xfa\x8a\xefe\x8d\x96\x16\x05\xa0\x8d\xbe&lt;\xdf^MZ\xc0\x01 \xb4W\xba5\xe6\xae\xa6\xff\xe1#Q\xd0\x10\xf11\xa7\x079\x0cM\x904\x1c\xdbL\x1a\x03\xbb\xb4uo"&lt;\x1e\xf4\xca\xee\xc5\xfe\xa6\xaa|\x83\x9aCCt\x17\x11I\xb2c\xee\x18\xaeS\x9a\x88FgD2\xe4\xc6]\\\x8d8\x87\xbfH\x98\x08\xd6\xc1\xbe)\xd1\xd3\x8d\xe5\x85|\xc7{\x85\xb8dw\x94H3\xd6U\x0b\xefo\x1e\xe4\x13\xf0\xf2\xd0\x96\x9a?2\xf3\xdc\x969/.\xee\xfc\xf6\xe8\xe4\xc8t!l\xc3z\xa8\xc6\xb6&amp;~\xd2b\xb2\x02\xff\xd5\xfd\xbe(4\x02\x86wo/I\xb0\xac2\xc0Pl^\xe5\xed\x0e\x7f\x05\x96\xb2\xd5\x04\xe8\x19\xe8\x03\x81f\xea\x86U\t\r*O\xcfn\xa1\xb7W\xcf\xf3,0[g\x8d\x14\x8c@\r\xb3\xd1^U:\xa8J\x8e\xf4\xd3\xed\xc2\xe4Pv\x8fHDK\xc7\x0f\xf8\xf6\xe8\x14\x11\xdd?\xbe\x9e)\xaf+"#7/\xc6oTFG\xa1\x9aZ*\xc0\xf7\'\xa7\xef\x1d[\x9b\xd4\xb6E\xb7\xd6\x16\x92\xc4\xcew\xf7\xb5\xe1\xde\x97\xd02j\x92\t\xaf\x0eO\x0e\x1143J\x8e\xd4\x00[\xa6\ruS\xfb\xa8\xc7\xef\x81*\x8f;\x9ek\xeb\xdf0c\xf8\xef\x9a\x95\x85Z\xf3\x1a\x03Ww\xffL\xcb\xec\xec\xfc\xeb\xbcD\xfcP\x01\x8c\x00u \xd4\xa6\x89\xd09\x80\x88.n\x9f\xcf\xc7P(\xd4\xbe\xe1\xa8\xce?\x8b\xec[2\x91=Q\x83c.\xfft\xf7\x88$m\x93\x02\xa6\xe7\'\x93d{v.\xb8\x01\xe0\xf6j\xa0\xbf\x1e\xfcq~;38\xcb\x003\xf2\x93\xff\xbcq\x80\xe8\x0f\xfa\xfeh\xf6\xf0\x8c}K&amp;V\x0c\x15\x99#\xd6\xdd\xc7\x9a\xe8;\xdbr\xa13\xae\x01\x10\xdf\xca\xfc_Km\xfe=\xc8\x08vzqq\'K\x0f\'y&amp;\xf6\xe9M\xb3\x84\xda\xa7\xf2b|?\xdc:\xc4}\xdd,9\x92\xaf\xb12\xb3G\xf4\xd0\x96\xaa\x18\x92:"=\x82\xe8\xd9\x97\xfb\xc7\xc6gv\xd92\xb3\xd8Y\xc4\xf0\xdb\x14\xf0\xd4\x95n\xde\x00\x8fNmb\xeb&lt;\xbfm\x1e\xd1K\xa2\x17b2\xdd\x18\x98\x02\xce\x8dD\x06V\xa8\x03m\r\x15\xdbY4\xaa\x18\x9aF\xaf.\xd5H\xa9f\x02\x10\xfd-~\x02\x98S\xd4\x93&gt;\xdd\xa9qp\xb7V\xa8!UH&lt;\x9aV}8\x7fY\xfc\x8f\xf7\xb0\xffO\xb0j\xf2 \xb6[\xfc\xdb\x1a\x9eR\xd5W"\x8b\xc6d\xffK\x17b\xf6\xceVr|\xe4\\?\xb1\xael\xa8\xf8\x10:9 \xc5\xdfvtF${JY^\x92Q\xf52&amp;\xc0\xda\xa9Cv\xcd\x1f\'j\x08\xe0\x832\xcf\x052\xab\xa0G\xadn\x87+`\xab\n\x1c]]vr}\x05\xf3_\xbe\x95\xdd\xcd\x03+2\x82\x9d\xc4\x84\x91\xfe\xe4\x1f%"\xa2\xee&gt;\xd6\x82e\xc2l\xb4Oo\x9c\xd9N\xe2\x98\x90\xff&lt;\x94\x80\xf7\xb7\x0e\x12\x11\xeb\xcf \xa2a\x89"\t!\xb8\xb8wl\xed\x82QY\x82\xc7\xdd\x9b4\x084k\xb8xl\xbf\xf1}\xba\xf4\tssk,\xd2\xd5\x94\xd0\xc6\xf2\xf8\xda\x19O\xcfli\xa1\x80\x9e\xed\x9d\xc5\xf0\xaf1`R\xe1X|\x7f|znqo\xee\nIV\x98\xff\x93\xb9\xba"\xe0\xae\xdd\xc0KWF\xe8E\x06tn\xb3u\xd6\xc8;\x87WO\xe8\x1b-~\xd8\x96\xe6\xec\xf5\xf7/\x9d,X@\x8a\xc7\x18\xc8\'\xd4U\xef\x98\xfd\x7f\x1cGVMc\xbb\xe6\xafXo5\x00+9\xe1\xb1q\\h\x01\x15?\xd9\xcf\xbf\xfc\xfe-\x00\x00\xa0\xad\xa1\x12\xe3\x90U\xe4-\xba\x05\xb1w\xf1\x84C+\xa6\xf0}WV\xf2h\xddLnse\xf1\xb0\xc4\xe0\xd6zr\x00T\x00\x87\x860\x84\xc8\xfc,\'\r\xb4j&amp;+\x03\xe8\x03\x83b\xfd\xcb\xf2\x92D\x99\xd1\xcc\xa4\xb1\xb9\xb2\x88\x88$dv\x13\n\x87\x86X6a`\xdf\x0e\x9e\x00\xf49\xfc\xc3Dtm\xef\xd2\xe2\xd40\xf1\xcedn\x88\x0b\x11\r\xe9V\xa5L\x1b\xdf\xca&lt;\x95\x97s4,\xb1\x1d\xfdu\xbfV\xfa*\xffah\x00\xf4\xe7\r"b\xa8\x17\xd8\x81\x95- ~%\xf3\x8b\xdb\xdc\x15\x13s\x89\xe8\xed\xb5}\x12F\xa6\x96\xf1\xb6)\x0c\x8aS\xc3\x05\xa7\x96p[~o\x0b\x13\x93\xc3\x0b\x9a\xf8\xbb\xb3\xb3\x81\xa0\x93V\x1e(L\t\x9d?2S\x12"\xa06\xfa\xf2\x1fn\x1f"z:W\x84[\xa509\x84\x88\xee\x1eY\xc3=X\x9c\x1a\xf6/\xad\x0bu\x01y\xa0\xb5\x9e\\\xa2\xb7U\xfdf\xe0\xbf\x03M\xe0\xd2\xce\x85l\xd7\xfc\x95\\\x0cF\x95"#\xd8\xa9F#\xa2\x85\x0c\xae\xef]\xca\\q@\xe76\x9e:\xd2\x0bG\xf7\x1d\xd8\xb5\xed/\\\xbc\x1aL\x80%\xe3\xfa\xb1:\xb7\x1a\x0cq\xcd\x9b+$\x02\xefo\x1ed\xf4=X\r\x93\x91=:p\x17\xdd\xe2\x91\x11\xec\xf4\xea\xf2\xee\tY\xd1\xa9\x01v,u\x84\xd09\xc0U\x0b\xc3\x12\x83On\xa8\x1c\x9fYw\xfe\xdba\x89\xed\x88h\xe5\xa4\xbcT\x7f\xdb\xa5\xe3\x07\xdc=\xb2\x86QO$\xa2\xa3\xab\xcajt\xac\xa9\x01D\x1f\xd9{g\xecY\x8d\x81a\x89\xc1\xc7\xd7\x96\xcf\xc8O\x96\x06\xfav\xf0$zutuY\x1d\xc8\xc2\xfec\xe8\xdb\xc1s\xff\xd2I\xfd"[\xb1\xec\xad\x17w,`\x7f-\x1f\x92\xfa/\xad-Pe5\xfd\xeb\x8f\xf3\xdb%\xd4+\xe5\xb2\x94K\x92\xea\x01@\x06h\x02\xa8\x00g\xb7\xccaN\x94&lt;\x8b\xc2J\x1e\x1fn\x1f"\xfa\xc8\xb5\xef\xc9\x02y\xd1\xbeDD\xcf/8\x89\xd8\xb0*\x03\xb7\x0e\xae\x14:\xf1\xdb(\xc2\xdb@\xf8\xd2B\xbd\xfa\x7fkL\x94\xb3\x94ExK\xed\xc5c\xfb\xf5\ts\xb3V\x84\x12\x90\x16h?Jt\x14F=~?\xfcLTz\xb4s\xd0\x05\x9a\x02\x07\x96M\xe6u\xce\xbf\x7fe\xbb\xa7\x0c\xb4P\x80\xab\x16$1\x878\xaa\xe3*\x8f\xf8\xf7\xce\xe1\xd5\x8c6:\x93]U#\xd8oNVD\xc0\x89\xa5,\x16\x8c\xca\xea\xd7\xa9\x15\xf7\x03\xb0V\x04\xbd\xbaD\xf4\x89\xbe\xde\xdbTQ\xc8\x86\x99\xff\xf5\xf0\xc4\x9a\xa9CJ\x07\xc4?&gt;\xbd\xb9\x93\x93\xfe\xf2\x89\xb9\xb5\x9d\x8a\xfawnMD\xf4\xf6*C\x08\xc1Nl\x82%[5\x93]5y\xd0\xd4\x81\to\xae\xee\x15\x1f.%\x06\xbc\xe7\xf6\xf1\xc26&amp;=\xed-\'O\xed\xb5$\xe1\x19\x1a@\x9f0\xb7\xbe\x1d&lt;\x19\xb1@\x1d\xa0|p\xca\x97{\xc7\x98\xb0\x9f\xc9\xfd\xe3\x02\x9a\xab\xdd\xdc\xbf\x9c1\x19\xefYT\xe2\xda\x18m\r\x14\'f\xc7\x84\xd4^\x9f\xf9\xdfC\x94\xb3\xc1\xd1\xd5\xd3g\x0f\xcf\xa0\xaf\xf7\x98\x9b\x7f{}\x1f\xdb\xbe\xf4\xa0\xdf\x93U\xa4\x0b!\x19\xaaZ@z\xa0\xbd`ro\xacg\xf3\xfe\x9dZ\x1f]]\x16n\xab\x13d\xae\xe1\xde\xa4j\xa1/\r\xa4\xf8\xdb\xd2\x8b\x0b\x82\xaa\x8a\xa2`\xad\x80\t}\xa3g\r\xcf(N\r\x9b\x92\xd3mYIN|+\xf3\xab{\x96\xfcy\xe3\x007v\xce\xa1!~&lt;;\xc7\x17\xce\xcb\x86Z$x\xff$e\xcb\x8ap?\xb8|\n\x11\xd1\x87\x9b\xa6b\xe3\x86D\xcd4BmPZ@[\xc3\xaa%\x9f\xbd\x1a\xd8U\x17\x1f\x8a\xd3\xc2\xa7\x0eLxvv\xeb\xec\xe1\x19\x1bf\x0c\xbf\xbck\xd1\xb6\xd9#\x87t\x0b\x9aY\xd0cXb\xb0\x9f\x89j\x9c\x97\xd9\xff\xae\xc1\xf1\xff1\x04\x9a5&lt;\xbby\xce\xa3S\x9b\x12\xbd\xad\x1c\x1ab\xed\xb4\xa1\xec\xb0U\x98\x12Z7\xc2H.d\x01I\x82\xc0\x1d\xd5\xf1\xd7\x83\x9f\xf1vD\xf4\xe3\xd9\xd9\x1a\xcf\x8aoe\xfe\xed\xd1\xa9\x83\xcbK[5\x95\xcd\x8b\xf1}zf\xcb\xea\xd2|\xbe\xae\xa3\x05L\xc9\xe9\xd6\'\xcc\xadO\xb8[W\xb7\x9f\xd9\xfeJ\x80\xb7\xbe\x02\x13\xc4)\r$\xb4\xb1\x9c\x96\x9b(^\xaf\\\x12\xf4\nqa\x86N\xa2\xcf\xec\xbd\x88\x8aK1a&lt;\x07\xd3\x86\xd6V\xa6\x98\x05K\x1a\xf3\xe3\xd9Yv\xdc\xaf\xfa\xf7\x9f\xc7\xb5\xddJ\x1b\x01\x15CR\xe9\xd3m\xee\x8bX1)\xb785\x8c%\x848\xb1\xae\xbc85ltF\xa4\xa8\xcf\x9b\x0b\xf9_#y\xf5\xd6W\xb0\x90A\x9c\x97\x99\x8f\x91\xb2\xf8\xa5dU,\xfc\xd7{o\xaf\xedc\x9b\xcd\xfe*\xa1W\x86\x81\xa3:F\xa4E\x08Nn\x9d\x9c\xf4\x99\x9a7U\x14q\x8f+\x02\x81f\r\xf9\x1c-\x85\xc9!\xf4\xf1\xd6\x91U\xd3\xe8\xc5\x85\x19\x83S\x18\xf9\x81\x9d\xf3\xc6\x9e\xdd2\xe7\xda\x9e\xa5\xbe\xc6*\xda\x80\x01\x10 \x8c\x18U\x10\n\xc0\xae\x05\x8c\x0c\xf2\xb3\x13\xeb\xca7U\x14q_\xd0\xa1\x15S\xb3:xh\x01E)a\xcc\x11n?\x07\xa0\r\x8c\xeb\x1351;\x96]\xb4\xb7P@nW\x1f"\xa2\xf77j\\\xa4\x8bA\xb2_\xcbDo+\xee\xd3\x1d\x96\x18\x9c\x11\xec\xb4\xba4\x7f\xfb\x9c\xd1=\xda9\n\x9e\xe2c\xa4\xf4\xf0\xe4</t>
        </is>
      </c>
      <c r="E492" t="inlineStr">
        <is>
          <t>&lt;class 'numpy.ndarray'&gt;</t>
        </is>
      </c>
    </row>
    <row r="493">
      <c r="A493" s="1" t="n">
        <v>491</v>
      </c>
      <c r="B493" t="inlineStr">
        <is>
          <t>steps_per_sec</t>
        </is>
      </c>
      <c r="C493" t="n">
        <v>7100</v>
      </c>
      <c r="D493" t="inlineStr">
        <is>
          <t>2.9127905</t>
        </is>
      </c>
      <c r="E493" t="inlineStr">
        <is>
          <t>&lt;class 'numpy.ndarray'&gt;</t>
        </is>
      </c>
    </row>
    <row r="494">
      <c r="A494" s="1" t="n">
        <v>492</v>
      </c>
      <c r="B494" t="inlineStr">
        <is>
          <t>Loss/object_center</t>
        </is>
      </c>
      <c r="C494" t="n">
        <v>7100</v>
      </c>
      <c r="D494" t="inlineStr">
        <is>
          <t>0.05502073</t>
        </is>
      </c>
      <c r="E494" t="inlineStr">
        <is>
          <t>&lt;class 'numpy.ndarray'&gt;</t>
        </is>
      </c>
    </row>
    <row r="495">
      <c r="A495" s="1" t="n">
        <v>493</v>
      </c>
      <c r="B495" t="inlineStr">
        <is>
          <t>Loss/box/scale</t>
        </is>
      </c>
      <c r="C495" t="n">
        <v>7100</v>
      </c>
      <c r="D495" t="inlineStr">
        <is>
          <t>0.07057609</t>
        </is>
      </c>
      <c r="E495" t="inlineStr">
        <is>
          <t>&lt;class 'numpy.ndarray'&gt;</t>
        </is>
      </c>
    </row>
    <row r="496">
      <c r="A496" s="1" t="n">
        <v>494</v>
      </c>
      <c r="B496" t="inlineStr">
        <is>
          <t>Loss/box/offset</t>
        </is>
      </c>
      <c r="C496" t="n">
        <v>7100</v>
      </c>
      <c r="D496" t="inlineStr">
        <is>
          <t>0.127471</t>
        </is>
      </c>
      <c r="E496" t="inlineStr">
        <is>
          <t>&lt;class 'numpy.ndarray'&gt;</t>
        </is>
      </c>
    </row>
    <row r="497">
      <c r="A497" s="1" t="n">
        <v>495</v>
      </c>
      <c r="B497" t="inlineStr">
        <is>
          <t>Loss/total_loss</t>
        </is>
      </c>
      <c r="C497" t="n">
        <v>7100</v>
      </c>
      <c r="D497" t="inlineStr">
        <is>
          <t>0.25306782</t>
        </is>
      </c>
      <c r="E497" t="inlineStr">
        <is>
          <t>&lt;class 'numpy.ndarray'&gt;</t>
        </is>
      </c>
    </row>
    <row r="498">
      <c r="A498" s="1" t="n">
        <v>496</v>
      </c>
      <c r="B498" t="inlineStr">
        <is>
          <t>learning_rate</t>
        </is>
      </c>
      <c r="C498" t="n">
        <v>7100</v>
      </c>
      <c r="D498" t="inlineStr">
        <is>
          <t>0.001</t>
        </is>
      </c>
      <c r="E498" t="inlineStr">
        <is>
          <t>&lt;class 'numpy.ndarray'&gt;</t>
        </is>
      </c>
    </row>
    <row r="499">
      <c r="A499" s="1" t="n">
        <v>497</v>
      </c>
      <c r="B499" t="inlineStr">
        <is>
          <t>train_input_images</t>
        </is>
      </c>
      <c r="C499" t="n">
        <v>7100</v>
      </c>
      <c r="D499" t="inlineStr">
        <is>
          <t>[b'512' b'512'
 b'\x89PNG\r\n\x1a\n\x00\x00\x00\rIHDR\x00\x00\x02\x00\x00\x00\x02\x00\x08\x02\x00\x00\x00{\x1aC\xad\x00\x00 \x00IDATx\x9c\xec\x9de@\x14m\x10\xc7\x07E\x04\x15ARR\xa4\xbb\xa4C\xba\x05)IEP\x11\xb1\xb0\xc0\xeeN\xec\xee\xee\xee\xee\xee\xee\x8e\xd7\xee\x8ey?\xac\x9c\'\\\xec\xedm\x1cx\xbf/\xc2\xde\xee\xf3\x8c\xdc\xdd\x13\xf3\xcc\xfc\x07@\x8e\x1c9r\xe4\xc8\x91#G\x8e\x1c9r\xe4\xc8\x91#G\x8e\x1c9r\xe4\xc8\x91#\x87\x05jsm\x00y\xaa3\xdc~\x1d\x86\xdb\x97C\x01cq7\xb4o\xe8m E\xfb\xea\x00\x8a\x00{\x17\x8fA|\xda5=\x18\x00f\x0fh3\xa8e|\xa9\xdbT\xa4\xe8\x82`\xcd\xc4\xdeR\xb7!G\x8e\x1c&amp;Q\xe2\xda\x00~\xcc\x00\xa2m\xb5B\xcdT\xb96\xa4"\x93\xeemV\xeaJ\xa6\xafE\x94\xb5\x06\xff\x95VQ\xaeM\x03mY4\xaa\xe2\xc3\xf4bNf\xa9\xc4\xb5\x01\xec\xa1!\xfe\x16\x99\xe3\x1b\xd7\x06\xf0\xf3\x16\xa0r\xe5\xca\xed\xbbt\xae\xc6\xb5%\x15\x98\x9dGn\x95\xba\xa2\xa0\xa0p\xfc\xea+\xe2\xe7*\x00\x06\x00\x1e\xde^gN^f\xdd\xb4\x8a\xccG\xae\r(\xdfXT\x86\x9a\\\xdb \x87\x1d\xea\x00\xd4\xe0\xda\x06\xd9\xc7\x9e\xbeIr\xf7\xc2Q&lt;\x9fR\x84e\xad@c\x95T\xcf\xba\xb4\xb5.\xe7\xdf\x86\x9e\x1d\xc0\xde\xe3\x9bF\xf4\xca\xa5\xa5)\xda\x19\x98\x1b\'\xd1\xfd\x11\x96\xb5:\'\xd7\xdf4}\xe0\xdcA\xed\x182\xa9\\s\x0f\xe0\x83$\xf7k3e\x88Ls\xf1\x13\x95\xa7\\\xd4J_I\xf76SQQyT\xf2\xabs=\x97w\xef&gt;/;vG\x1a\xdb\xe4\xc8\xa1\x99\xe6\xa1\x8e\x93\xbb7\xe3\xda\n\xc1\xc4:\xe8\x92\xbf\xf9\xf6\xa1U\xf8\xfa\n\xe2wD\xc4o\xf7\xf2"]F\xb6O\xdd9\x7f\x04s\xe6Ux\xe8=\xd57\xa5\xb552\x04\x18+\x9f\xdd&lt;G\x87\xf4\xfd\nt\x1b\xc0;v\xd6\x07\x081eu\xf7\xb5lL\x11\x9b\xdd\xf1\xd0\x02\xa8\x03P\xdf\xb0*\'\xbd\xcb\xf9\xe7 V^\xf5\x8d\xaa\xa2\x10\xe6\rn\xcf\xb5\x8dr\x00\x00\x9a\x87:\xb2\xdc\xe3\xcd\x03+\x10?&amp;\xba\x1a\x92\xbc\xbf \xde\x87\xffW\x1a\x8f\xf1%X\xc8\xd0D\x84\xa5:\xeb}\xfeA\x84\x9f\xab\xbe\x91r\x80\xb12{\xa6\xc8\x91\x06n\x0f\x9aE8L\xf5\x01\xfc\x0c\xaa\xe0\x7fg\x10\xf1\xc9\x99-\x88O\x85M\x00\x88\x88\xf8ll\xe7&amp;lZN/\xec\x0f\x1ftQ\x85\xefg\x96\xc3\xa2\xac\x95\x00\x11\xf1\xf5eKE\xb2\x8f\x0cm\x9d\xc4\x1f(5\xbe0\x8bp\x82E\xdbh\xd2o\xdf?I^\xa4+\xef;y\xf3\xc0\n\xae\xcd\x91#\x8eU\xe3zp\xd8\xfb\x98\x8e\x19\x02\xaf\xef\x9a?\xb2\xec\x18\xff\xe3\xd1I|}\x05\x11W\x8f\xef\x99\xe1k\xde9\xb9~\x9a\x97i\xba\xb7\x19\xbe\xb9\x8a\x88\x88\xcf\xfbdG\x87\x98\xd6\xf0\xd3\xaf"\xb0M9\x15\x0c\xdeXC\xde\xf5\x94T\xcfh@\x8bX\xde\xaf\x88\x1f\x1f\x9c\xd8\xd0\xbe\xa1\xd7\xbe%\xc5\xf2\x8f\r-\x04\x99TC\xfcE,\xda~&gt;:\xc5\xb59\x0cbQ1\x824\x97\x8f\xe9\xca\xb5\t\xa5\xf1\xd0\x82{\xc7\xd6\x95\x9d\x00\xf4\x00\xd4\x00D8|g\x0fh\x83\x88\x88\xaf\xf4\xd83\xf6\x0f\t\xce\xfa\\t[\x8e\xd1\x01h\x19\xe1\x02\x006JP\x98\x1aH\xa1\x05\xe2\x83\xe1,I\x94[^\xa4\xeb\xdf\x8f\x7f\x1f_\x98\xe5S\xbb2\x85\xde\xe5\x08\x83\xf4\x96L\x8e\x1c&gt;\xd6N\xea\x8d\xf8\x85XA\xfc\xe1\xd7#\xc47\xd6$\xd6g\xc4\x9c\\\xaf\x16\xd3f\n\xa6sr}/\x1d\xdaO\x19+2\x9bg\x0ez{}_QZP\x13\x7f+N\x0c\xd89o\xc4\x85m\xf3\xf2\xa3\xdd\xe4\x0e 9r\xc43\xb3_~\x14c\xde\xd2\x11\xedR\x10?\x97Z\xf5O\xe8\x9aM\xa1\xa9\x15c\xbb\x1fX6\x8en\x03+\x14\xd16ZZ\x9c\x1a\xd0\xb9Q\xfdE#:m\x9d5\x84C\x1br\xc3\x9d\x9b\xd4\xb7\xca\x0e\xb4\r1\xa5\x92A=\xa0E\xdc\x7fg\xb6\xd0n\x95\x1c92\xca\xcey\xc3O\xac\x9f\xee\xc9@\xf4x\xa6\xaf\x05\xe2\xab2^\x9f\xc7\x94\xe3\x14M\x01\xe6\x0f)\xc8\n\xb0\xa6\xd3\xca\n\x84\x87\x16\x94\xd20`\x81\xaa\x00\xc4\xf6\xacS\xb2\x7f\xbff\r\xa4l\xcdG\xaf\xb2\x94\x19]\x13\xbb\xe5\x14$\xf8\x9c\\?}\xd3\xf4\x81\xd4Z\x18_\x98%\x9d\trd\x972\x89\x1f\xe5\x10S\x91\x01[\x92207\xee\xde\xb1u\xa3\n\xd2\xe8u\xb2\xef\x98;\xfc\xd7\x93\xd3\x82b{&gt;I\xe3\xcf\x997\xb8\x1d"\xf6h\x1cF\x9f\xa5d\xf1\xe0vu\xcd$$\xe3\xfb\xac\x98&lt;R\xed\xd7\xbc\x01\xe2WD|yi\'\xe5FZ\x849!\xe2\x89u\xd3.\xeeX\xf0\xe2"\xf5v\xc8\x93\x13dw\xff\xd8:\x16:\x92#\xe77\xaa\x00\xf4JSuM\x0bn\x11\xeaHo\x02\x11\xbe\xb8(h\xf4G|\x7f]\xca\x96G\xb4K\x99=\xa0\r-FJ\xc4\xe3S\x9b\xe6\x0el\xcb~\xbf,\xf0\xf8\xf4&amp;\xfct+\'\xd8^\xf4m\xcc\x9d\xc3W\x03\xf8\xf9\xf8\xf7r\xe1\xdb\xfd\xe3\x94\xdb\xe9\x9c\\\x1f\x11_\\\xdc9\xadw\xcb)=[\xd0h\xa10T\x01\xbe\xdc;\xca\x7f%\xc1E\x1aqR\x99\x86\xde\xa48\x95\xf2\x1c*\xfd\xcf\xa1\t08/\x9e\xfc\xfd?\x1f\x9f\x128\xfe\xdf=\xbaFzc.\xedX\xc8\x89:\xa3\x11\xfb]\xb2\xc2\xfe\xa5c\x11\x91[\xdf\xf7\x82\xa1\x1d\x88O\xc8\xf06\x8d\xa4i\xa7w\xd3(\x96\xd3wy\x10\x13\xa4\xaf\x9e&lt;^\x86,\t\xce\xe5l\xb2\xec\x95\x15\x11nQ\x11\xdcHTX^\xdc\x8d\xe4\x9d\x07\x96\x8e\x13\xbc\xfcG\xc47W\xac\xa5N.\x8a\xb6\xd5\x8a\xb6\xe5\xd2#C\xed\x80Qf\xa9\n\xd0\xc4\xdf\xca]\x8aP\x80\x1e\x8d\xc3i\xb1D\x9d\xd2S\x11\x96\xb5\xb8\x8a\x13+K\xc5\xd3b\x1a_\xd4\xf4\xbf\xb3\xdc,\x0ed\xe7m%X6\xba\x08Q\xaed*\x8e\xeb\xfb\x96\t\x9d\x00\x10\xf1\xdb=\xae\r\x94#\x14\x11\x87\xc8"4\xdc\xcd\x14\x80\xab\xb8{5\x80(k\r\xb9LAY\xa4_i\x11l\x9a&gt;\x10\x11\xe9iK\x12\x1a\xfbY~\xbe{\x84\xfd~\x05\xa2\x02\x80\xf8tf\xbf|\xfc\xf5(\xd2\x8a\xeby\xc9N\x19\xa4Y\xaf1\xcd\xc7[\x87\x10\x7f\x08\x1b\xff\xcfn\x9eM\xa6\x11o\xdd\x8a\x91\x96\'G\x16q+\x8f\xd5*8\xc2V\x19\x8a\xd2\x829\xe9\xba(5\x88\xe5\x1e}jW\x1e\xd9&gt;U\xe0zb\x9a\xac\n0\xcb\x16=2\xc3\x10?\x8a\xda\x01 \x8eh\x97"\xb6\x1d\xc4go\xaf\xedK\xf76\x93\'\xe3\xca\xa1\x9d\n_NC.\x83A\x8dS\x1bf "~\xb8\xc1\xb5!\xcc\xa0\x0c\xc0\xf4\xce\x01_]\x12=\xfa#"\xe2\xf7\xa6\x016\xa2\xdb\xb1\xae\x02\x88\xf8\xe0\xf8\xfa4/\xf65\x89\xcb\x19a\xe6j\xde\xb5\x99\xda0\xb9\x97\xcf\xf8\xd7\xda\\H\x99\x96\x0b\xaa\x00\xfc\xe3*\x19\x13\x8a\x9a\n{i\xd1\x88N\xc4\x08\x95\xe1c\xce\xa6I,a\xad\x04)\x1e&amp;\xb47;\xbc\xed\x9f\xc8\r|)~\x02x|j\x13\x99f\xfbdG=;\xbf\r\xf1]\xd9\r\xbb\x1a\x80\xc5?\xfe)\xe6\xa3\x81\x9dvq\xa7L\xae\xad`\x10Or\xf5\x01B\xcd\xfe\xac\xeck\x01H$\xe3\xa1Jw)\x0592\xcb\xfb\x9b\x07D\xbc\xfa\xf3\xd1)Dl\x17\xe7\xc5\x9a=\xac\xc2\xc4B\x91\xdfK\x83?\x1f\x92\xd8\x01 \x99u\xbd6\x00\xbe\xbc\x88\x883\xfa\xe4\x95}u\xee\xa0v\xf2\xcd\x01-\x90\x17\xdf\xe7\xc7N\x05\x10_\xe0\xb7\xfb\xb2s\x1a\xd5\xc8\xbd\x0e\xefg\xed\x7f\xb8\xc2I\xa8\x99\xaa\xd8\xac\x0e9"xuy\xf7\xc0\xdc\x86\\[Q\x0e\x19\xd7\xa5\t\x99\xd1\x1f\x11\xc9$s\xbd\xbe\xb2\x9b\xb8\xb9U\x94k\xa9\x97\xba\xa6\x07\x13\xe5\x04\x1c\xe4\x15\xd3\xa5c\xc7\xbc\xe1;\xe7\x8d \xe92\x8ew\xd6G\xfc\xb2hx\'\xe2\xd7\x99}[\xf1\x8f\xb9{\x17\x8f\xd9\xb7\xa4\x98|\xd7\x8c\xca\xec\xe9\x03$\xbb\x19\x8b\xbf\xaf\xc2aY\x19\x16\x0c\xed\x80?\x1e\xb0\xd6#\xcbE#\xe4\x08\x86\xe5\xb7!?\xdamd\xfb\xd4R\x17\xbb\xa6\x07\x93\x19\xfdI\x06\x02\x1d]=\xf9\xb7\xcb\xe8\xf4\xe6R/\xe1\xf7\xfb\x88\x88\xf8D\xfe\xe1#\x8f\xc0\xb9r\xdf\x92\xe2m\xb3\x87\x08\x13\x83R\x02h\x17\xe7E\xb8V\x10?\xe0\xcb\x8b\xc2\x1a\xaf\x05\x80\xf8\x16\xf1\r\x1d\x96\xd2@\x8bP\xc7\xdc0\'\xa6{\x91\xc1\x1dhC\'\x1aR\xb6\xc9\x97\xe4\x94\xf3\x8f\x92\xecf\xcc\xef\xfa\'\xf0\xd2Q\xc0\xf7\xd7\xc5\x0c\xff\x1fo9\x92K\xd5\x9c?\xa4\xe0\xf7#\x9fo\x97z\xc9\xcf\xa0\n~\xbf\xdf=\x93\x03Q\xa0rM\xa9s\x13\x175\xa1\xf1\xc4\t.\x06\xdbf\x0f}{m\x1f"N\xef\x93\x07\x00\x8d\xdc\xebtN\xaeO\xa6\x17YH\x86Jv3\x8e\xb4\xaa\x15d""{\x81\x06\xca\x96\x95\xaf\x18\xf0\x17Y\x93\xf3o\xd12\xdc\x99\xf2\xb3\x85)\x81"2\x00\x08.\xef\\T\xf6\x1c\xa2\x12@\xa9`\x93j\xc4\x92\x13\x11\xf1\xab\xc0\tcl\xe7&amp;\x15\xa4\x82\x0fw4\x0fu\x14&amp;r\xc7\xff&gt;\xba\xaaK\xd6\xec\xec\x01m\x10_\xe2\xb3\xf3R\x1b(1\xfc\xbb\x1c?\x83*\xc5\x9d2\xdb7\xf4f\xdf\x0c92H\xcb\x08g\xaeM\x90y\x0c\x01\xde\\\xdd3\xb0%\xc5\x03\x90\xc1\xad\x12\xc4\xb9\x7f&gt;\x15\xc4{\xab\x90hJ\x0f\x00\x11\x97\x8c\xec"\xf0\xd5\xa9\xbdr+\x98\x1e\x83L\xd1:\xc6\x8d\xf7\x86\xe5G\xd7\xe3\x7f\xa9*\xc0\xb5\xbdK\x1b\xfbY\x8ax&lt;\xdcB\x8dx6\x9b]\xc9&amp;s\x05(\xb5G1\x01\xb0#\xf3i\x93\xf3\x0f\xb0y\x86P\x85puq\xcfj\x00\x98\xd1j\x8c\x8c\xd2\xd0\xb1\xf6\xb3s\xdbD\x7f\xbdE38O\xe4\x1c\xf0\xe3\xc1\xd2\xd1E[f\x0e^3\xa1\x17\x00\x18\x03\x14\xc4\xfb\x94mD\x0b 7\xdc\x19\x11\x05Z\xa2.{"!\x15\x89\xc0:*\xcf/\xec \xde\xae\xfb\xc7\xd7\x97z\xd5\xa6*\x98\x938\xbd-J\x0b\xba\x7f|\xfd\xe9\x8d3\x191Q8N\xf2U\x81\xd4\xe8\x03L\x14Y\xb5\xa9\n\xf3\xe9D\xb4\x13a\xa9&gt;op{\xca\x8f\xefZ0\xb2WV$\x8d\xf6\xc8(\xa6\x00\x9b\xa6\x0f\x90&amp;\xc4\xde\xa6* ~\x17\xb7\x0f@D\xc4\xcf\xb7O\xae\x9f\xbe}\xce\xd0\xe8\xbfK\x92\xd9(\xc1\xb2\xd1E\xbf\x9e\x9c\xc9\t\xb6\x13\xd8\x85u\x15Hp10\xa1n\xa3\xec\xc2\xb9\x92\xa4&amp;\xc0\xb7\xfb\xc7\xff\xbcG\xdf\xef\x97\xbd\xe7\xd8\x9a)\xd3\x05\x05\xe6\x96\xa2.\x00\xe2\xe7\xa5\xa3\n\xc9\xf4\x1bd\xc2}8\x97\xda\xdf\t\xb4\xf1\xce\xfa\xfff9P\r\x00\xc4_$\xcf{\x98C\x9d\xdb\xee\xf9\xc8\x0e\xb4%\xbe\rw\x8f\xae\xe5\xda\x96\xf2\x00&gt;\xbf@j\x02@\xdc&gt;g\x98\xa5"\\\xdb\xb3\x84\xffqWu\xd8\xb3h\xf4\xc1e\xe3\xcb\xb6\xac\x0e\xb0rl\xf7\xb3\x9bg\xf7o\xde \xdd\xdb\x8cZ\x00\xbblR\x98\x12\x18m\xabE\xcb\xa1\xa2\x19\x80\x01\x00\xb5\x92Xz\x00\xa5\n8\x17\xa6\x04\xf2^\xad\x040\xb3_&gt;"\xe2\xd7\xbbdZC\xfc\x89\x9fn\x91\xb9\x93|\x15\xf8\x86Nz\x0c\xa9\x83L\xea\x96\xf3\xf4\xecV\x9e\xd2x\x058`\x1a\x98\x1bG\xadx\xd4\xc1e\xe39\xaf\xc0\x9aT\xcf\xa8\x81\xfd\xefp\xa4\xbcH\x176\xbb.\xa5\x05\xd4\xd0Q\x8f\xf8.L\xea\x96\xc3\xa6\x19\x0c\xc2\xa8\x16V#\xf7:\'\xd7O\'3\x01\x08kAX\xf1)k%\xf8\xf6\x80X\x9f~9\xb2jR\xdbX\x0f\xa6\xfe\x0f\xac\xe3\xa2F[&amp;\xea\xcd\x03+l\xaa\xc2\xe1\x95\x13m\x84\x04\xc9\x8a\x98f\xd6M\xee[\xfaM\xfa\xef\x0c\xef\xd5h[\xad\x82\x04\x9f^Y\x91$\x8b\xb2!&gt;G\xbaO\x02\xa2l4\x99+\xbaRG\xfc-l`\xab\x0ceC\xec$\xc5\x88\xdd\n\x88\xb6\xb4f\xdd\xc5:\xe8\xe2\xbbk\xbc\xe2\x10\xeb\xa7\xf4\xa5\xb3uq\xe0\xab\xcb\xa5\xbe;\xc4W\xe1I\xc5\xa8\x17\xed\xae\t\r\xecu\x18\x8d\x8f\xf3\xd3\xaf\x82\xcf\xce\x8bS\x85\xfb%i\xb3\x1d\x12}\x11?\xfd~\xfa\xdd5{\xf9\xf9\x9e \xee\x1c^\x1de\xad\x91U_h\xf1d\xf3\x92\xc5m\xa4\xd5_+\x81\x9a\x00\xf8\xf9v\x99\xb7\xe9\x15\xf9\xe59?\xa3\x0b\xd2KZ\xf8B\xe5\xf9\x7f\x98\xc9\xdd\x9b!\xa24il//\xed\xfc\xf6\xe0D\x9f\xec(\xdalb\x97h\x1b-D\xdc:k\x08\xf1\xeb\x12r\x8eD\xe6@|\x82\x88\x88\xef\xb95\xa3\xdc\x10`\xac&lt;\xb6s\xe3\xdd\x0bFQ\xdb\x01\x94E\x1f \xd0X\xe5\xcb\xbdc%\x8f~\x0cf8\xc4\xbb\xfc\x12\xef\xac\x9f\xecf&lt;Q\xe4v5\xc2\xaa\x96\x11\xc0\x8d\xfd\xcb\xf9/:T\x87?\xf3+\x1f\xdd3\xc3\xa6\xf7nI\xa6kM\x80^Y\x116Ua\xf5\x84^\xfc-\x88\xf6G1Wl\xb2\xfc"\xd1\xb7C\xe0\xe3\x9fn\x1f\xb6+\xb7u\x12T\x01\x10qj\x89\x023\xe7\xce\xde\x08\xcbZ\x88HK\x92]E\x80\xcc\xd6\xb2c\xa2\x1f&gt;?/l\xe8\xdf\xbbxL\xcb\x08\xb2~=E\x80\x1d\xf3\x86#\xbe\xe3=~\x8f\xd6J\xdci^\xa6?\x1f\x9d\xaa`\x15J\x9b\x858\x88x5\xb9\x9e\x11\x00\xd47\xaa\xca\x7f\xdeo\xa9(x\x02H\xf5\xac\x9bU\xdfz|a\x16\x00tL\xf2\x13\xd6&amp;\xe2c|s\xa5G\xe3\xf0\x07\xc7\xd7\x97j\xa1\x89\xa0\xed\xc8\xac\xfe\xf9\xc4\x0f\xf2o\x15\xed4\r\xb0\x91H\x0bO\x069\xb4bb\xac\xc3\x9f/em\x00UI\xce\x8a\x08\xd4\xe9\xb3\xe7\xcb\xbdcr\x8f\xc3o\xc8\x9c\xc2\x89\xce\t\x90\xa8\xa8\xef\xe6\x19\x83\xf8\x1e\xfd\x85\x88KF\t\xce\x0f\xa0\x86\x9b\x064\x0bq\x90\x87\x96\xdaT\x05\xc4\xcfe\xde\xab\xcf\xfcg\x06\xfc\x95\xbf\xf8\xf3\xf3N\xae\x9fA\xdc=\xb1kv\xd9\xb7[`\x88\x0f"\xce\x1d\xd4\x96\xa9\xff\x8c\x8c1\xa4UB\xabH\xd7vq^\xa2#,\xe5\xf0P/s\x18\xbbtt\xa1\x08%g\xa6)w\x91\xaf\x1c3\xa3o+\x11\x13\x00\xe2\xa7n\x19\xa1\xc4\xfc^\xb5\xcc;\xcd\xa3i\xa0-_\x81\xc9WKFvy|z\xf3)\xba\xa3\xcb\x1b\xfb[\x11\x8a\xd3\xb6\xe5v\xcbL\x0b\x03s\xe3\x04\xbdSO\x84\xdd\xbf`h\x07bnP-9%\x13\xc6\xd6\xd9CJ=[\x03\x00\x11\xc5\xbe\x95\xe5]\xa2\x99w\xc6\xa2\x07\xe0P\rB\xcdT\x1f\x9f\xde,v\xaf\xc9DHl\xbc\xb3&gt;\x00\x94k}\xd4H\xabZ\xa9\x9e\xd4\xc2\x9a\xa4\xa5&amp;@N\x90\xe0\xa8t9\x82\x89\xb1\xd3~xb\x83\xf01\xe1\xeb\x98\x8e\x99!\xa6bT\x816\xcf\xfc\xbd\xf6\xbf\x7fl]v\x90\xed\xb21E\x97w-b\xce\xe6(k\x8d\x08\xce\x0b~2\x8f&gt;\x80sM\x01Bf?\x1e\x9d*\xfb&gt;\x15\xa6\x06\xd67\x12?n\xe0\xe7;\xa2f\x80/w\xca&gt;ry\xd7\xa2u\x93\xfb\x08k\xb0&amp;\x80sM\xd8\xb3h\xb4d\xff7\x00\x00p\xac\x0eM\xfc\xad(&lt;\xc84\x92\x86\x96\x86[\xa8\xd3\xd5\xf5\xad\x83+\x83\xebV\x97\x85|\x8b\xf2\xc8\xfb\x1b\xfb\x11\x91\xdf%\xf5\xafc\xa3\x04u\x00:%\xfb\xcf\xea\x97/\xa2 \xf8\xf4\xde-K\xc5\x95\xbf\xbe\xb2g\xd5\xb8\x1e\x91V\x1a$?\xdc)\x1e&amp;\x1a\x00\xb9\xe1\xce\xfd\x9a7\xd80\xb5?m\xff\x81\x7f\x95z\xb5`@\x8b\xb8&gt;\xd9\xd1Fe^\xc2\xa7\xe7J\x0f\xdc\xdf\xee\xf9\x19T\xc1O\xb7\x04&amp;l\xf3se\xf7b|{\xed\xdd\x8d\xfd\x82\'\x80\xf7\x02j\xec)\x03\xf4l\x121$?\x91\xf8\x95_\x95\xc8\x14\xc0G\x8fz:\xa2w\xedJ\xa3;\xa4S~\\v\xa01\xaf\x99\x98{\x18*\x14\xc9\xce\x11-\x87\xda\xab\x99\xbe\x16/.\xee\xe4\xae\x7f\x99\xc1KG\xe1\xc0\xd2qk\'\xf5\xee\x94\xe4\xdf++b\xd5\xb8\x1e\xdb\xe7\x0c\x13=:\x8c*H\xc3\x8f7\x11_\x13C\xc1\xd9-sd\xb9\xa2\xbd\x08\xf8\xfd\x8f"\x12)\xfc\reZ\xa3z\xc9\xc8.\x93\xba\xe5D\xdb\n\x10\x81\x1b\x98\xdb\xb0\xd4\xb8}j\xc3\x0c\x00\x18\xd31\x03\xc9\x05\xa5\xf8\xe8U\x168\xfe\x9fX7\xbd\xec\xcd\xb5\x00Z\xc7\xb81\xb1\xa9\xaf\x02\x10a\xa9N{\xb3r\x84!\x83\xf5\xb3j\x03Xr\x9eX_\xf1h\x1d\xe3\xfe{ix\xff\xf8\xa5\x9d\x0b/\xed\\8\xa5g\x0b\x92\xcfn\x9d5\xe4\xdb\x83\xe3S{\xe5\xca\x82\\0\x05n\x1d\\Y6\x85*W\n\xf1T\xc7\xea\xc0[\xff\xb2\xc6\xa8\x82\xb4U\xe3{\nK\xdb\xc1o\xf7\xf8\x07\xee(k\r\x00\xa8\x01\xb0oI\xf1\xeb\xab{\x82\xeb\x8a\x0f\xbd]8\xacc\xd9\t@`\x14\xa92\x804\xaaS"Hv3\xc6\x17\x17\xcaw\x10L\xb9\x82\x9a\xa7NN\xf9C\x17\xe0\xd4\x86\x19\x88?\x9f_\xd8\xb1vR\x9f\xd5\xe3{r\xae\x19R~\xa9\x04\xc0\xbeXq\x8c\xadv\x9b\x06\x1e\xfc\x95\xbc\xf8\xc9\x8bp\xf9p\xf3 1j\xcf\x19\xf8W\x88\x8e1\xc0\xe4\xee\xcd\xc8tQv\x020\x91\xden\t\xc9\xf4\xb5 ~\xf8\xb7\xcf\xf5\xe5\xd0\x86|=\xc1\x145\xca\x7f\xb0G\x80\xf1\xefq&amp;\xcd\xcb4\xc6N\xa6w8\xdd3\xc3n\xec_\xde\';Z\xd8\rF\x00\xf8\xea\x12"n\x9f3\x94Z\x17\x9f\xef\x1c\xe1\x1f\xfd\x9f\x9e\xdb*\xd1\xe3u\x00\xf6.\x1ac-\xd3\x8e49\x1c\xe0]\xbb\x92\x94\x87"y\x91\xae\x19&gt;\xe6\xf4X#GNY\xb6\xce\x1a\x9c\x15`\xa3\x0b\xa44\x939!\xc6N\xfb\xfc\xb6y\xa2\xf3\x84\xab\x02\xe0\x9b\xab\x88H\xe1\xd4\xddC\xeb\xaf\x1d\xc0\xb15S$m\xa1m\xac\x07&gt;;_N\xc7\x7fi\xc2D\xfa\xe6D\x03\x00\xbd\xd9FR\x08\xfb\xca\x10\xee\x9aD\xa2\xc9\xb3X\x07]\xcai\x83\x05\xf1&gt;\xf8\xfa2"\x86\x98\xd6\x90\xd7\x12\x17L\xbc&lt;\xd7\x19\x00\x00\xc2\xcckR+)^\x03\xa0\x81\x9dN\r\x00^\xe5t\x19\x84\xcc\x10\xe3o\xa8D\x8c\xe0o\xae\xee!\xd3&amp;\x7f\xb9\x0c\xc4\xb7%\xe3\xff+I\xf5\xc8\\\xd4\xa0}C\xefr\x1a\xad\xa8\x0e0\xa0E\x1c\xb5gcl\xb5\x11\xf1\xc9\x99-9\xc1\xf6"\xc2\xea$\xe5\xc4z\x01\xc7\xef\xe5\x91\x85\xc3;"bn\xb8\x13\xe5\tR\x17\xe0\xc2\xb6y\x88xj\xc3\x9f\xec\x13\x92\xe9\x9ff\xac\x17]\xff\x0b\xab*d+]\x08\xf3\xed\xca\x91\x88\xc6\xfeV\xbd\x9b\xfe\x03\xf5\x1fD\x82\xf8\x85\x18\xc5%\x7f\xf0\xc9\x89u\xd3.l\x9b/\xbd\xa4%\x19\x84\x14\xb5\x14\x0c\xd3\xf28;\xe6\x0e\xa7\xf6\xa0"\xc0\xfd\xe3\xeb\xf1\xf5\x15\x1a\xeb\x0c\xab\x01 \xe2\x9a\x89\xbdhk\x91S\xde]\xdf/}#+\xc7u\xef\x98(T\xceD\x18\x94\xe4\x10Y\xa7&amp;@Qj\x10\xd7V\xc8\xa9 ,\x19\xd9e\xf9\x98\xae\x17\xb6\xcd#b\x81\xc8\xa0\x07\xf0\xf4\xdc\xb6\xeds\x861j\x18?\x1a\x00\x13\xbb\xe5\x08\xac\x1a-\x10\xa6\xd7Gs\x07\xb5\x13\xf1j\xbff1,\x1f\xfb\xaf\x9d\xd8[\x9aJXr\xe4\xc8\xf9\xd7\x19\xde\xb6\x11\xe2\x1b\xfc|{\xddd\xc1\xb2\xecD\x92\x91E%`_\x7fXCr\x810F\xd9&amp;\xf2\xe4\xdcC\x0bZR\x8a\x1b\x96\xc6\xa3X\x01*\xdb\xc8a\x16\x9b\xaa@&amp;\xc4[\x8eL\xc1\xe69\xf3\x8a\xe2n//\xedB|si\xe7\xc2J\x00\xa3;\xa4\xaf\x1e\xdfs\xe9\xe8B\xbe\xe3\xde\x1f\\\xe9\xb4\xc8\x14mD\x16)2W\xa0X\xf5\xb3M\x03\x0f3Y\r+\x90Al\x94`H+\xb63l\xca+\x1a\x00\xbat\xc7\x1e\xc88\xf1\xce\xfa\x1c\x8eU\xd6U \xd6\xbe\x1c\x8b\x8a\x9c\xd9&lt;\x1b\xf1\x15\xe2\xeb\xeb\xfb\x96\xe1\xa7[D\xa4\xa7|t"\x10=\xbe\x0fk\x9d\xcc\xbe\x9e\x01C\x154e\x99Z\x00\xdd3C\xb9\xb6B\xb6\xd1\x02\xb0R\x84\x13\xeb\xa6\x9fX7md\xfbT\xf63\x92\xfeYZ\x849\xcd\xea\xdf\xda\xa6\\\x0b3\x96\xa0\r`%O\xb8\xe7\xa3UT=a/\xd5\x04\x18\xd9&gt;U\xa6\x1cV\xb4\xa0\xc3\xf7\xf3\xdbk\xfb\xcem\x99\xc3Z\xd7\x81u\xa4\x8d\x16\x93\xa1\x85\x0b\x11@\xdd\xb7Y\x0c;\xdd\xa9\x00\xa4{\x9b\xe1\x9b+\x88\xf8\xe2\xe2\x0e\xc4\x17\xec\xf4+\'7\xccip^&lt;\xd7V\xfc+8\xd7dU\x19tF\x9f&lt;\x11\xe1\xc3\xae\xea\xac\x19\xc2\x1e\xa3\n\xd2\xa2\xac5\xe1w\xc5V\xc4\x0f\x02\x84\xff\xe4\x90\xe2\xe6\x81\x15D\xe2\x0c5\x87\x0c\x85\xe4\xc9\xbcH\xd7+\xbb\x17\xcf\xea\xdfZ\xee2c\x13\x1aC\xfd\xe4\x88\xc5\x8a!\rL\t\x19\xd31\x83Zr\x89\x8cS\x10\xef\xd3++B\x19`\xf6\x806(\xa8\xf6\x83\x1cY\xa7j\xf9\x17c\x90#GR\xc2\xcc\x85\xbacVO\xe8u\xf7\xc8\x9aH+\xb2\xf1\xaf&lt;\xac\x85O6\x01\xc6\x15\xf3\xa0\xcd\x0c\xc0\xa7v\xe5$WC\x87\xeaP\xdc)\x93\xf3\xdcc\x13\x80\xc8\x7f\xa0\xaa\x87`$\xfe\xc0V\x14$ZR\xd7\x05\x08\xb7P\x93\x87=\x95w\xa4t\xa7\x8b8\xbcX8\xac#\xe2\x8bq\x85Y\x92\xb69\xa8e|v\xa0-\x99\xad8\xe9\xd4\x05:\xb9sx5\xf9\x9b\xbbe\x84\x90\xb9M\x05\xc0Y\x15\x10?\xc9\xc8\xbev\xcb\xcc\xc1\xe5&gt;\x1b6?\xaa^ \xa5\xf5B\xbc\x93\xde\xcc\xbe\xadh\xb7Gv\x10\x98\xf6\xd9,\xd8^\xa2\xad\xb5\x99\xf8[\xe4\x94\x0fBLU\xdb4\x10\x15y\xc9\xcf\xb06\xc9\xe4S\xc6\xa8\xd1"\xcci\xed\xa4\xde\xeb\xa7\xf4+\xbb\x130\x04\xc8\rsb\xb6{qX\x94$\x05\xe4E\xba\x8a\xbd\xd9U\x1d\xc8W\x96_?Ep\x8e\x88\x1c\x8aP\x8bSl\x17\xe7\xf5\xe1\xe6\xc1\x0e\t\xbe4[#\xdbl\x98\xda\xbfY\x88\x03\xd7VP\x84\xdejJ\x15.\xc6D&lt;-#\x9cI\xde\x99\xe2a\x12f\xce\xec2U\x13``n\xdc\x8d\xfd\xcb\x0f.\x1f_j\x9d\xe1\xa5\xa30\xb6scF{7\xa0\xaf)\xda\xcfM*D\xd4\x9b,!\xcc\xd76\xaeK\x13\xc4\xaf\xcf\xceo\xa7\xbd\x8a\xb1\xcc\x06\x14\xbb\xa8\x91\xd5J\xaa\xd8DX\xaa\xcf\xea\xdf\x9ak+\xe4\x80\xbbf\xe9R?q\x8e\xb5\x17\x8f\xe8\\\x98\x1a\xc8h\xbf\xb4\x14\xe7P\x00\xe8\x96\x11\xc2P\x1c\xfd\xa0\x96\r\xf3\xa3\xdd\xa4iA&gt;\x91\xfc\xc6C\xb8\x08V\xbb8O";\x93\x9a\x1fI\x8e\x9cr\x84\xecg \xab\x03,\x1a\xdei\xf7\x82Qe\xeb0\xf3\xe3P\x1d\xe2\x1c+x4FV\x805\xfewV\xca\x16D\xbc:\xacM\xb2\x88\xb3\xfd\x8a\x83\xd8i\xb0\n\xc0\xee\x05\xa3d\xba4\x89\x1c9\xdc\xe1.\x91\x88(\xddXV\x16\x10\n&lt;\xb2}\xaa4\x15F\x01\x80\xe9\x13\x8erA`\x9d\x7f`\xd5K\xe3\x1cW\x07 \xce\xb1v\x94M\xf9\xac\xd4N+\xd2D\xb0\xc9H\x08\x84\x1c\x92\xd0{\xf4")\xf6\x822X\x9b\x87:J\xd9\xac\xb7n%{VF?\xd1[\x19))\xa7\xd5 \xca+\xeb\xa7\xf4C\xfc\xbey\xc6@\xae\r\x11\x03\xd3\xd9&lt;\xc6\x00+\xc6v\xe3\x8d\x0b;\xe7\x8f@\xc4\n\xbf%\xaf\xa8\xb4\x8cp\xde\xb3pt\xb8\x85\x8cN\xcb\xd9AvL\x0cr\x8b\x86w:\xb5a\x06\x03\r\xff\x85\x95"4\x0b\xb1\x07\x00\xc4O\x88\xdfr\x82i&gt;k\x14\xbb\x8f)\xbfk|\x99Sf\xb5R\x84\xd8&amp;\x99\x00\x8a\x0e\xce\xce\\\xdb"\x86\xef\x0c\xb7\xaf\x00\xb0g\xc7\xae\x87%\xbf\xe6g\x17\xfd||j\xed\xd6\xcd\xde\xb5e\xee]\x93#\x96z\x1e\x1e&gt;\xfe~\xad\x0bdT\n?8,\xb4e"\r\xa1z\xf3\x06\xb7?\xb9aF\x87D\xdf\xa4zF\xadc\xdc\x7f\xe1\xaf\x03{\xf7I\xdf\xach\xeay\x98\xbfy\xfd\x06\x00\x00T\x00\xaa\xc4\'\'\xd3\xebj\xf6\xf0\x16\x13,\xfb\xf9\xd3gZ;\xfc\x87Y4\xbcS\x89\x9c\xef[\x96\xbbv\xae\t-#\\X\xeeTR4\x01\xd6N\xecM\xb2n\x9cX\xd2\xbd+x\x06\x02\x7fA\xbaX\x07\xb6\x15O\xf9\'\xea\xa9\xbdr\x11\x11\x9f\x9dg\xd9\x06\x92\xf8\x1b(\xf9\xea\xd3\xa0\xa2\xf7\xfa\xca\x1eD\x14]\x84\x80v\x86\xb5I&amp;\xe4\x95\x88\x81\xe3\xea\x9e%\x1b\xa6\xf6\x93\xb2M\xa7\x92U\xbf\x9d\n,\x1e\xd9\xc5]\xee\x90f\x879\x03\xdb\xf2\x04\xddY\xee:\xd9\xcd\xf8\xe2\x8e\x05,wJ\x81\xa4zFSz4\xe7\xda\x8a\xf2\x01\xbe\xbeL8\xcdF\xb6K}rz3\x9b\x05\xa6\x13\x9c\xf5\x1f\x1c_\xcf\xfb\xf5\xd5\xe5\xdd\x9c|\xaaY\xa6&amp;\x00"\xb2\x1c\xfb\x1bj\xa6\xea\xa9\r\xd5\x01\xfe;\xbb\xf5\xd0\x8a\x89\x11\x96\xb5\xb2\xea\x8b\x8a\xcc!\x83D\x95:}\xf5\xe4\n\xb441\xa5Gs\xde\x04\xc0\xb22jC\xc7\xda\xab\xc6\xf5`\xb7O\x8a\xf4\xcd\x89\xe6\xda\x84\xf2\xc1\xd5=Kv\xcc\x1d\x1ebZ\x03_^\xbc\xbag\t;\x9d\x16\xc4\xfb\xb8i@\xeb\x18w\xfcp\x83W\xbd\xf2\xe1\xc9\x8d\x88\x8f\x99\xa8\x86X\xdf\x88\x8dHt\xf2\xc2\x8e\xb6\x0cW9\x16\x88\x1e\xc0\xa3S\x9b\x10\xdf\x8a\xd0&gt;b\x0e\xe9\xe7\x1b9\xbf\t\xb7P+\x19\xff\xffc\xbfwN&gt;=\x14\xe8\xdf&lt;vp\xab\x04z\xdb\xe4\xe2k\xcb\x08\xfc\xba+\xb9\xe1\xce\xc7\xd7N\xf3\xae]\xc9\xcf\x80\xbd\xb7vtAz\x90I\xb5\x06v:{\x16\x8d\xe6\xb9\x0e\x98\x0b\x05\x9f\xda\xb3\x85\xbf\xa1\xe4\xba\xbb\x12\x12bJ*\xb31\xc6V\xeb\xd5\xe5])\x1e&amp;\x0c\x9bS\x9aK;\x17"\xa2\\C\xbe"\xd06\xd6\xe3\xc3\xcd\x83=\x9bDpm\x88\xecR\x05`\xed\xa4&gt;\xb47\xeb\xab\xc7\xb1r\xa2\x01\x80\x1b\xad\xf2\x81\xe9\xdef\xe4+\xc8\x93A\x01@\xec\xe8\x16\xef\xa4W\x05\xc0\xdf@\x89\x9d*\x0b\x02#8\xb9bz\x9f&lt;D\xbc{d\r\x9b\x9dvL\xf2;\xbev\xea\x81e\xe3t\xc4\xdf+\xa7B#O&lt;\x91\x86[\x07W\n+\xb3\xce\x1a\xb4\x9c\xb6\xa9\x01\xf4n\x1a\t\x00\x0e\xd5\xc9\x8a\xef;V\xff\x13K."\x91\xd7\x18 \xd1\xd5\x90\x8c\xa8\xc9\x80\x16\xb1]\xd3\x82I\xf5M\x0e\x81\xe3&lt;\x99\xaa\xf7\xb1\x0e\xba\xac%\x19x\xebVB\xc4k{\x97\xd2\xd5\xa0\x97|P/\x8f\xa8\x02&lt;&lt;\xb9\xd1O\x9fm\x97\x8a\\\x81G\x1a\x88\x10\x8e\xc1y\tU\x00X\xf0*\xd0\x8e\x06@A\xbcOc?K7\x8d?\n\xec&amp;\x00\xcbF\x17\x89}\xb6u\x8c;\xefg\xd1\x87O\x8a\x00\xcdC\x1c\xc8\xe4\xed\xd2\x1b\xf3O\xf9\xa4Q\x1aE\xb6J\x00\x92\xc6N!~\x1f\xd1.E\x8a&gt;\xff\xb0i\xc6@D|uy7-\xad\xc9a\x95\x1f\x8fNU\xf8\x98\x07\x19\xc4A:\x87\xc0\xe4\x1e\xcd7\xcf\x18TK\xc8z\x93\t\xec\x84\xe4\xd0P\xd0\xd31\x04\xb8\x7fl]\xc7$?~\xe3\xbbe\x84 b\xd3@\xdbR7W\x07\xe0\x8f\xa6\x9d\xc1\'Z.l\x81\xcf\x1b\n3|\xcc\xc9\xeb\x12\x97k\xbct\x14\xc8l2\xf8!Y\xcd[\x01@]\xdc=\x88\xb8~J\xbf\x8eI~\x12\x19 GV\xd8\xbd`\x94\x8c&amp;&gt;V\\\xd8?\x7f\x935\x8a\xd2\x82\xf8\x7fm\xd3\xc0\x03\x11\'\x0b\n\x9c\xcd\xf01\xef\xd18\x0c\x00\x14\x01\xf8\xf3N\x84\x1dx:\xd7\xe4&amp;\xc4\x85\x80\x9ar\'\xf1?\xf1\xa0)3\xaa\xa1\x93^\xbc\x13=\xc1\xb4\xf5j\x811G!Cr\xca\x1few\xdc\xe4\xdd\x9a\xc6\xb4\xea\x92sK\xb8\x85ZV}k\xf9(/\x8c*\x00c:f\x96\xba\xf8\xfe\xe6\x81VQ\xf5\xca\xde\xdc"\xd4\x91\xd0fpR\x05\x81\xbbU\xfee~\xd7\xb4\xe0\xb7\xd7\xf6\xb1 g\xcb\x8bb2\x01\xe0\x8f\xf5\xda\xb7\xa4\x98Bk-#\\\xd2\xbcL\xb7\xcd\x1e:\xa9[\x8e\xf4\xb6\xdd\xd8\xbf|\xc7\xbc\xe1\xd2\xb7#G\x8edP\xd3cj\x1b\xe7yt\xf5\x94\n\xa6\x9eS\x83\xeeP\x99\x8aD`\x9dj\x07\x97\x95\xae|"\x8cN\xc9\xfe\xce5\x01\x00\xfc\r\x94\x9e\x9d\xdfV\xea\xd5P3\xd5\xc7\xa77%\xd53\xaaW\x0b\xa6\xf7\xc9\xbbsx\xf5\x8b\x8b;i6\x97\x0fO\xed\xdfQ\xc86J\x7f\x92\x96}J\xe2\xb24\x01&gt;\xdf9B\xa1Y#\x80.\x8d\x02\xe8\x12\xd3\x0f\xb7P\xe7\xe9\x83\xaa\xd3\xd2\xa2\xe4\x18\x01Xp^\xe7WN\xb9\xc0\xba\nL\xed\x95\xcb\xb5\x15r\xd8\xa3\x1a\xc0\xce\xf9#\x84\x9d+\x08\xa3\x81\x9d\x0eo}\x11m\xabur\xfd\x8cj\x7fB\xcb\x9f\xee[R\xbcoI\xf1\xab\xcb\xbb\x99\x0bi8\xbfu.\xbe\xbf\xd1.\xce\x13\x00\xbct\x15x\x15\xf4x\x13\xbd&amp;\xc0\xd9\xcds\xa85^\x07\xa0\x02\xac\x81lJ\x82\x12\xa2m\xb5\xb6\xcf\x19vn\xcb\\.\xad\xe1\x1au(\x07\xba5r\xc43\xb4u\x12;\xd1\xe22N\x92\xab!\x87\xee\xe0\xc6~\x96\xbc\x9f\xbbg\x84"\xe2\xfa)}\x11\xbf\x12\x19\x89/.\xec\xe8\xdd4\x92L\xd1Zj\x98\x96\x88\xd8\x0c\xc8\x8d3\x05\xd8&lt;c\xe0\xc8v\xa9\xa5\xeeQ\x96\xae\xbaVy\xafH\xd2\xc0^g\xf1\xc8\xce\xbc_\x1b:\xe9!\xe2?\xbe\xb6\xdb8m@\xa6\x9f\xe5\x90\xfcD\xb9Bp9\xa6g\x93\xf0o\x0f\x8esm\x05El\x04E\x8a\x06\xd7\xad\x0e\x00\x92\xaa\xd55\xf1\xb7\xc2\xa7g)\xd8\xa0\x0b0\xa4U\xa2\xf8\xfb$\xa1\x7f\xf3\x06-B\x1d\xbf\xde?\x86\xdf\xefo\x999\x989\x7f\x03\xe1\xaa\xaaW\xeb\xf7\x040\xaa =\xd4\xac\xe6\x83\xe3\xeb\x87\xb5I.ug\x98\xb9Z\x97F\x01\x94{ytjS\xb3`{\xe9\x8c\xe5\x18\xba\x04\x10+\x18Z\x00r\x9d:9\x1c\xa0\x08\xb0i\xfa\xc0R\xf5\xf04\x01\x0e\xad\x98\xe0\xa9C\xc5AL2c\x0b\x00\xfa\xe6D\xf7\xca\x8a\x94\xbc\x87\xdf\xb8k\x82\xb7n%\x1f\xae\xd3\x9e\t\x94\x00\xac\x14\x01?\xdfA\xc4\x16aN\xf5j\xc1\x80\x16\xb1eo\xf3\xd2U\xd8:kHA\xbc\x0f\xb5m\xd2\xb5\xbdK+\xbc\xf2kY\xe45\x91*\x02;\xe7\x8d\x90\xefpd\x13\x9e\xab\x9a\x9f\x85\xc3;\x82\xb8\\*\nh\x01X*\x82\x9d\n\xe4\x04\xdb\xcd\xea\x97\xbfq\xda\x00I[ NV\xfb7o\xf0\xe8\xd4\xa67W\xf7\x8e*H\xa3\xdbF*x\xeb*\xac\x9f\xd2\x0f\xf1\t\xe2\x07\x11u\x1e\xda\xc5y"~F\xc45\x13{\xb1g\\9\xc7B^8C\x96yxb\xc3\x8a\xe2nbo3S\x80\xf9C\nX\xb0GNy\xe7\xeb\xbdcs\x06\xb6\x15\xf8Rn\xb83\xb1\x8cxxb\xc3\xc1\xe5\xe3\x0f\xad\x98\xe0\xc1i\r^\x1eF\x00k&amp;\xf6\xfat\xfb\xb0\xd8;\xff;\xbb\x15\x11e\xbf\xe2\xbc\x1c9\xa4\x18\x92\x9f\xc8\xb2n\xb8\x9c\x8a\x81\xb0!\x10\xf1\xc3\xcbK\x02"5\xdb\xc6z\x0ek\x9dD\xfc\xecP\x9d1\xb3\xa8\xa2\xcc\x17\xed#\x02}\x00\xfcr\x87\x85U\xed?\x91\xe2,G\xa60\x02\x98\xdd\xbf\xf5\xa4n9r\xe9\'2T\x06h\x19\xe1\xfco\n\xdf\xd5\xab\x05\xf8\xfa\x8a@y\xe7f!\x0e\x87VL({\xdd\x08\xc0\xaaBT\xec(\xa2U]\x8eM\xe4"]rDQ\x13\xe0\xf4\xc6\x99;\xe7I\x1c\xc1\xcd\x8f1}\xf6\xc8&gt;\r\xff\xd5\xd8\xaf\xb9\x83\xda!"\xe5\x90\x189\x9c@\xbe\x9eL\x05\xa3"$\xed\xb3\x16\x7feS\x15Z\xc7\xb8\xc9\xcbo2\x81)\xd7\x06\xd0\x88L\x84\xefTt\xe4G\r\xd2`\xc7XRK\xbb8/\x1a[#\xe5P|Mc\x87"\xb9\xf2\x15._\xb8\xd4&lt;\xff\x9f\xce\xef`\x08E\xc5\x8a#\x88\xf4\x93k\x03\xe4\xc8\x11\x8d\xab\xbb\x15C-\xdf\xb9u\x9b\xa1\x96\xffQ\x02\x8dU\xfa5\x8ba:\r\xb5:@\xb3\x10{n\x03O\xea\x88\xbf\x85"\xb2\xec\xe0\xd5\xaaX\xbb\x1f9r\xe4\xd0\xc9\xfa)\xfd\xf0\xc7\x03O\x86O\x9f\x9b\x87:\x9e\xdf:\xf7\xe8\xea)4\xb6);n\xd5\xba\x00\xae\xf2DM\xd9\xa6m\xac\'/\x84\xd4R\x88\x13\xcdEM^\xdf\xbc4I\xf5\x8c\xc4\xdf$\x87G\xb9\xf33\xe8\x01\x0c\xc9O\xa4=\xa2F\x06\xff\x0e\xa2]\xe7\x86\x00\n\x00\x94?\xec\xccm/\xe4\x90aJ\xcf\x16[f\x0e\x16\xf6j\x8c\xad6""~\x02\x00\x11\t\xd7\xcd\x82\xed\xf7/\x1dK\xbfq\xe5\x99U\xe3{T\x84\x83\\\xd6\xa0\xa9\xf2\x84\x1c\xfai\x15UoH~\xa2h7\x14\xa3\xbb\x8a\xc6\xfeL9F\xf1\xe9Y\xfcx\xb3\xd4E+E\x19\xda$1\r&gt;?\x8f\x9f\x84z\x87\x95K\xf4\xe6Fw\xc8\xe8\x90\xe0+\xe2\x80\x97d=\xaf\x7f\x07o]y&gt;\xb1\x9c\n\xc1\xcbK\xbb\xf0\xfb\xfdG\'7\x8a\xb8G\xca\x8a\x92\x9c\x10`\xa4L\x8cn[g\x0f!\xaeT\x06\xe8\x92\x12\xf0\xf1\xd6\xa1F\xeet\xeeL\xaa\x02T\x05\x90M\xf1\xc5W\x97w#\xa2\x88\xe0\x931\x1d3\x10\x7f\x9eX7\xfd\xf5\xd5=\xed\xe3\xd9\x1e\xe5\x11\x9f\xb1\xdc#I\xda\xc6zpm\x82\x1c9\xac\xf0\xe4\xcc\x16\xc4\xf7\x93\xbb7\x13qO\xbc\xb3&gt;k\xf6\xd0\x081\x01\x14$\xf8(\x01\xec]&lt;\xe6\xe1\xc9\x8d\x03Z\xc4\rr\n\xe7\x89\x00\x00 \x00IDAT/\xa3\xa9)\r\xd5\x01\xf4\x01,*A\xd7\xf4\xe0\x9b\x07V\xd0\xd8\xb2DtM\x0f\xe9\x94\xec_\xf6\xfa\x84\xa2\xa6\x88x\xeb\xe0\xca\xad\xb3\x84:\x82\x00\xc0\xb6*4\xa9om.O\xf6-A\x16\'s9r\x18\xa2\xa2\xd6\xd7\xfe|\xe7\x08"*\x03\xa4x\x98\x10\x93\x01-\xfb\xf6\x15\xc5\xdd\xfc\xf4K\xe7\x10[*B\x82\x0bgG&lt;?\x1e\x9d\x14\xa8\x9b\xedX\x03\x10\x11\x9f\x9d\xc7\xb7W\xa3md"\x95F&gt;\xcbT4\xe4\x95\x08\xe50M]\x00\xc7\x92\x13y\xfbj\x02jA\x0b\xa4u\x8c\x1b&gt;;g\xa7\x02\xb1\xf6:\x88O\xbf\xde?F\x8b1N\xaa0\xa3o+uZ\xda\xa2\x83(k\rD|suo\xd9\x97j\x01\xcc\x1e\xd0fX\x9b\xe4U\xe3{N\xe9\xd1\x9c\xae\x1e\xd5\x00\x84\xe9\xeb\xc9a\x19\x8e\xe5L\xaa\x02L\xef\x93\x17f^\xd3\xaa\n,\x1e\xd1Y~2N#\xed\xe2\xbc\xa4\x11\xb8\xafH\xb4k\xe8\xc5\x93k\xf3\xd2Q\x90(*\xd1\x0c\xc0\x14\xe0\xe7\xe3Smc=i4\xc9QB\xfd8\xe6\xe4\xe6\xe6\x0f)@\xc4\xeds\x86\xf1_\x94\xa6R\x18\x19\xec\xcb\xe1\xb1\x10]\x08\x8b\x97e\x87pK\xf5\xe5\xc5]y\xbf2\x91\xce"\xc1\x9c\xf2\x15\xe0\xd5\xcb\x97\x9f?\x7f\xae\xe7a\x9e\xda8\xc3\xd6\xdeny\xb4\x00o\xb2\x1a@%\x16\x93\x87+\x06*\xd5\xaa}x\xff\x9ek+d\x02gW\xd7\x8f\xeb\x8e\x12?\x1f}\x86G\x9f]%\xff\xec-\x00\x00\xa8\xa9_\xef#\xad&amp;\x9d\x97\xb09\xd1\xb7\xdb*\xc3\xe5/T\xcc\xb0\xaa\x02\x8f\x1e&lt;\x00\x80kW\xae\xf0_\x1f\xbdr?\x95\xe6Hs\xf1\x13\xa3\xcd\xcb4w\xb8H:\xafo\xa4\x9c\xd7\xb6\xf5\x8dk\xd7U\xaa\xa94\xea0\xacV\xc7\xe1\xaf\x01\x94eaP\r\xb3P\xf3\xd5StQ\x83\x01\xb9q-\xc2\x9c\x04\xde\xd3&lt;\xd4q\xc3\xd4\xfe\x15@\xcfG\x07\xe0\xe8\xea\xc9\x17\xb6\xcfgA\xc7\xca\xdf@i\xe1\xb0\x8e\x8cwS\x81\x90B3\x90c\x10\xf1\xfc\xb6y\x00\x90\'aQ\xefI\xddr\x00\xc0\xdf\xf0\xdf\tm\xfdw\xc9\rw\x9e\xd4-\xa7^-\xe8\x9e\x19J\\\xa9\x0c \x13\xea\xbf\x89\xae\x86Y\x016"6\x0ea\xe653|-*F-\xb6\x9c`\xfb\xeds\x86\xb1p\xf2\x11\xe7X\x1b\x11e3\xbeP6\x89\xb1\xd5b:y[4\x02\xeb!\x93\xe1\xeb\xfd\xe3\x88\xaf\xca^7W\x00\xc4\x1f\x88\xaf\x0f.\x1f\xcff\r\xf7Z\x00\xf4\x06\xcb\xca\xa1\x05\x19]\xe2\x18\x01d\x07\xd9qmE\x05\xe4\xd0\x8a\x892\x98&lt;,;\xe8\x00\x04\x1a\xcb\xe8\x97\x82\x16\xe6\x0chC\xc4/]\xdf\xb7\xacG\xe30\xd6\xfa\xado\xa4\xdc-#T&amp;V\x97\x15\x9a\xa5\xa3\n\xb96A\x8e\x9c\xf2\x0c/\xac\x90\xf2\xea[\xc6I\xf76\xf3\xd5WT\x04h\x1d\xe3\x9e\xe8bH{\xfbI\xf5\x8c\xc2\xff\xde\x9cGX\xaa/\x1e\xd9%\xc8\xa4\x1a\x00\xa8\xd3\xde\x9f\x1c&gt;\x8e\xac\x9a\xc4\xb5\t\x15\x14m\x00\xe2\x13,\xa7\xa2\xa2\x07\x90\xe2a\x12i\xf5[p\xce\xa7\xb6\xbc"\x00\x15\xfe;\xbb\x05\x11\xf1\xcb\x9d\xa8\x92D\x81*\x00\xa9\x9eue\xa3:r\x05\'\xcdKT\x14O\x05q\xff\xda\xa9\x80\xa5"\xd0\xe2\x9b\x95\xd7\x86\x94\xc3\x8f\t\x00\xc3\x8a\xdd\xff\x04\xf8\xe3\x01""&gt;\xe5\xda\x109\x15\x8ed7c\xb9\x92\x94\x1c9 \xdb%p3|\xcc\xb96A\x8e\x9c\xf2\x89j\x99_\xe9\xf7\xd4\xca\x91\x19\x12\x9c\xf5\xa9I#\xad\x18\xdb\x1d?\xdc\xa0\xd9\x1a9r\xe4\xf0\x93\x17\xe9\x1aa\xc9R!\x92\x10SU(\xb7Zir\xa8\xd1\xb9Q}\xca\xa5q+\x84OW\x8e\x1c\x19\xe6\xc5\xc5\x9d\xf8\xf9v\xbb8:\xf3\xfe\x85\xe1\xccfl\xb6\x1c\xd9`\xdb\xec!\xad\xa2\xea\x91\xb9\xb3.\xc0\xb3\xf3\xdb\x99\xb6\x87\x13b\xed\xff\xb9\xf3\xb8\x0e\x89\xbe\\\x9b\xf0\xcf\x93\xeem&amp;\xf6\x9e\x17\x17v \xe2\xa7\xdb\x87{6\tg\xc1$9\xff\x1a\xc3\xdb6"/\xc0\xe2)\xdb\xb5\x90&gt;\xdc:\xf8\xf5\xfeq\n\xe1S\xb9Br\xfe)\xe0\xa5\xab\xd0\xd8\xcf\x92\xae\xd6\xe4H\x8f\x8c\x16\xbb\xd1\x00p\xf7\x12\xbf\xae7s\x08\x1b\xdb\xb9\xf1\xe3G\x8f\x0e\xec\xd9\xc7\x82Ur\xfe\x11\xacJ\xaa&amp;~\xf9\xf2Eh\x91\xad2\x1c{N\xbf%\x95\xe9\xdbz\xea\x99\xf9)U\xa9\xf2\x03\x1f\xcf\xea\xdfZ\xa2\x07g\xec8G\x8f\x05\x00)\x19\xe9iM2\xbdt\xe4B\xd1r\xc4QQ\x93}\xfeY\xca\x91\x948\x13U\x00M\x00\xfadG\xc9B$k\x97F\x01\\u]\x15\xe0\xe8\xea\xc9\x07\x96\x8d\x97\xb2\x1d\xde\xd8\xa0+eC,\xc2\x8b\x16Iv3\xe6\xd2\x0eN\xd0\xe3\xda\x009, :\xf4q\xff\xd2\xb1\xa2sa*\x12\xf5\xca\x84&amp;,\x1e\xd1\xf9\xfb\x83\x13&lt;-\x0bY\x8e\x13e\x94\x81\xb9\r3}-\xa4l\x84\xa75\xc9\xadB&gt;5v\xcc\x1b\xce\xb5\t\xecR\x05@^&lt;@\x0e~\xba\xd5\xb9\x11\xb3\xca\xf5\xb2C\xff\xe6\r\xca\\\x89ED"\x8a\xac}C\xafA-\xe3}\xf4\x18\xc9g.J\x0bb\xa2Y\xba\x10\x7f\xb2\'G\x8e\x9c\x8a\x07\x85\xc5\x9a\x8e\xf0\x84\xf0r\'\x0b\xe7\\\x13\x10\xf1\xd1\xa9M\x00\xd0++rh~by\\\xbd\xca\xa9`H\xec\xeb\xb4S\x06Y\x0bv\x90\x17\xaa,\x17\xfc\x90\xfc\x91g\x00j\x95\xc0\xdf\xa0\xf4qP\x92\xab\xd1\'|R\x95\x16\xb3\xe8\xc6AH=\xb0\xb3\xef`\xf6\x806\xe7\xcf\x9c\x01\x80\x1f\xdf\xbf\xf7\x9f\xb2\x9a\xc2\x1fD\x8e\x1c.i\x11\xe6\xd4)\xc9\x9f\xb9\x8aw\xd4h\x1e\xeaHK;\xa9\x9e\x94\x93~\xe40HA\x82O\xa9+-\xc3\x9d\xf1\xdduY8P\xa5\x06\xbfb\x8a\x8c\xc6\xe1\xc96F\x7f\xff*\xe2@%?\xda\x8da[\xfe%\xdc5!\xb9\x9e\x91\xf8\xfb\xe4\xc8\x91\x02\x175\x00\x80(k\x8d\xc6\xfe\x96\xf0w\x89\xddZ\x00.jpv\xcb\x9c\xab{\x96\x90lMAV\xe5:\x02\xeb\xa8tJ\xf2\xaf\xd8\xa5X\xd8\xd9\x9c\xaf\x1c\xdb\x9d\x95~DQ\x05\xa0\xbe\x91\x98M\xe9\xdcA\xed\xe6\x0ej\xd7@\x96\x12\xeb$[\x7f\x9cx\t\xef\xde\xbdc\xc8\x14j\xc4\xd8\n\xf5H\xb1)\x19\xec\xaa\xcebg\x15\x9a\xea\x00JU\x01\x00|\x03\xea\x17t\xe9\x0c\x7f\x97\xd8}\rP[O\xc3)2\xfb\xd3\xa7O$E\x8c\x17\x8f\xec\xd2\xaf_&gt;\x19\xb9p\x96\xab-Z\xdb\xda\x06\x04\x07\xddc\xb3K\xd6\x11P\xf9\x8c\x01n\xdd\xb8\xc9J?\xa2X3m\xc0\xe7\xcf_E\xdf\xf3\xe5\xf3g{\'\xc7\xfbw\x9f\xb1c\xd2?\x81\x88\x90Z\xd6\xd6}\xa6\x00C[\'\xb1\xd5\xdb\xbf\x02\xbe\xbe\x82\xf8Z\xe0bi\xe3\xb4\xfeGVM&amp;\xd9N\xdbX\x0f\xb1!\x97\r\xec\xb4]\xd4\xa0g\x93\x08\x89,\x14F`\x1d\x95\x04\x17R\xe5\xdd\xe2\x1c\xcaQ ;\rT\xd4\xe4\x1ee\x80~e\xe2\xbeX@\xfa\x80Z94`\xa7BJ\xb8B\x8eD\x10\xf5\x11{e\t\x1e\x94\xe9\x8d\xa1\\7\xb9O\xaf\xac\x88\xc2Tz\x02(\xe3\x9d\xf5}\xf5\x15%-\xf0\xa9\r0\xb3_+Z\x0c\x90\xc3&amp;Z"\x97\xa1\x0c\x91U\xdf\xfa\xc8\xaaI\x97w-b\xbdg)\xa8"\xfe\x96\xbf\x98\xd85\xbblB\x8d\xec`]\x05\xd2\xbc\xcd*R0\x9f\x9d,\x05W&gt;&gt;\xbd\x19\xbf\xdca-\xd4GQx\x00\x0f\x05\xd4\x01\x12\\\x0c\xc2\xfe\xae\xbf(\x1aKExrf\x0bm\x16\xc8\xa9\xd0T\x02\xc0\xf7\xd7Oo\x9a\xc5xO\r\x9d\xf4BLU\xa5\xdf\xa9:JXvZ\x19\xe0\xfe\xb1u\x83[%H\xdd3\xfdh\x01\xac\x1c\xdb\x1d\xbf\xdcE\xc4\x19}\xf2\xb86\x876\xc6t\xcc\xf0(\xe3Y\x97`\x0c\x93\xf37\x92\xaex*H]@9\xac\xd04\xd0\xd6O_\xd2\x8f\x98\x84\x18\x00\x14\xa5\x05\xd3"^\xd1%%\xc0F\x92\xe5\x9cMU\x18\x98\x1b\'}\xbf\xb4\x13XG\x05\xf1;\xfe\xe6\xf3\x84\xae\xd9\\[D\x1b\xe3\x0b\xb3\xf2"]\xb9\xb6\xa2| \xc3[S\xa98\xb8\\Z\xa1\x9erA\x84UE}\x03%CL\x14\x902\xc0\x87\xf7\xef\x0f\x9e\xbc/e7\x95\x01~\xfc\xf8\xf1^\xcc!\xf9_\\\xf9\nCg\xac\x97\xb2_&amp;puw+Ik}\xe5XC\xa5\xdd\xf0\xb9\xdc\xdaC\x17u\x00\xbc|}=\xbc\xbd\xb86\xa4|`T\x1d\xecd,\x13A\x15\xc0V\x19"\xad5\xa4\x11\xa6\xbeq\xed:}\x16\xc9.\xed:u\xfcz\xff\x98\xd8\xdb\xfc\x0c\xaa\xc8B\x05M\x1a\x9d\x93\x12#\xcb^x\xae\x98\xda+\xb7"-\xfcy\xf8\xea+J\xe8\xa8\xfb\xd7\xb1\x95\xb19\x00\x00BLk\x8c.H\xa7|4\xc5\xb8WA$C\xf3\x13\xd9\xe9\xa8\x89\xbf\xd5\xbdc\xeb\xc4\xde\x96\x1b\xee\xc4r\x9ds\x81J\xd9\xfb\x16\x17K\xe4&gt;\xa9\xe0\x18\x02|\xba}\x98\xae\xa0=9\x94\x19\xd5&gt;\x8dk\x13\xb8\xa7"E\x01p\x0e\xe2\x8f\xf77\x0epm\xc5\x1f\xfe;\xb3\xe5\xc4\xbai\xacu\x97\xe2a\x12e- y.\xdcR\x9d5\x1b\xca\x01\xe9&gt;f\x88\x88\xf8-B\xfew\xe1\x14\x7f\x03\xa5\xd61\xfft\xaa\xbd\xa5"\xa4y\x99j\x01D\xdbj\xc9S\xe4\xa5\x878Xk\xdd\xc0]\xd8\r\x9a\x00\xdd2B\xc2\xccIU\xc9iAN$F\xd8\x1b\xd7,\xd8\x1e?\xde&lt;\xbcrR\xd9\x97\xac\x99\xd9&amp;\xf5k\x16S*c\xb1\x92L\xee29\xa6.\x00~\xba\x8d\xf8a@\x0bY&lt;%.G\\\xdc\xbe\xa0e\x84\xb34-\x1c_;\x95\xe5sce!\xe5%D\x04*\x08\xfb\x9c\x18\x02H\xb3\xb1\xb6Q\x82\xec@\xdb\xa3\xab\'\xef[\\&lt;\xb3_\xfe\xd0\xfc\xa4\n\x96\xe8T\x9du\x15\x8d\xc3+\'!\xfe\x98\xd85\x87\x96\xd6.\xef\\\x08$b\xb1\x84yW\xea\xd5\x82\xe2N\x8d\xcb^\xd7\xe6\xd6)\xff\x8f\xe0)\\0C\r\xe0\xd2\xce\x85\xe7\xb6\xcc\xf9\x17k\xeb\xd0\n\xe2;\xfc.\xd5\t\xff\xad\x83+\x11\x91.{\xc8`%\xb9\xcfe\xd3\xf4\x81e%E\x01`d\xfb\xd4\x07\xc7)\x06\x1a\x8ch\x9bR\x10\xefs`\xd9\xb8i\xbdr\xd7M\xeaC\xe3\x8aP\x9f\xbe\xa6\xcaBy\xc2c\xed,0;\xd0\xb6S\x92?-Me\xf8\x98\x1b\xfd\xc3\xb5w\xca7\xa2\x13)s\xc3\x9d\xb7\xcd\x19Z\xdc)\x93\x17\xf0@2\xf9^\xc6qa7\xea~r\xf7f\x17w,\x90\xa6\x85\xec [\xba\xd4X\xd9gZ\xef\x96\xc7\xd6L\x11}\x8f\xb5\xc8E=\x13bg\x88\xb8g\xd1h\x06\x1a\x06wM\xa0V`\xd8\xb9&amp;\xf8\x19\xb0w8\x8c\xff\x9d\xa1\xb15\x8d\xf2\xe9E\x91\t\x91\xfb\x18[\x92\x8a[\xdc\xd0\xc8\xbd\x0e\xa1\ni\x08\xd0\xb3I\x04o\x8d\xe2RS\xcc\xfc!\x9bx\xebV\xeaH\xd3\xdaG\x0eI\x92\xc4\xa9\xdb\x16\xa6\x04\xd2\xdb\xa3\xa6\xb8\x1b\xfc\r\x94\xca\xef\x9c*\x10I\xd5/{7\x8d\xe4\xffU\xfa,\xd4\xa2\xb4\xa0\x90\xba\x14\x03\xdc\x1a\xfbYJ\xdd\xbf\xc4\xf4l\x121\xab_&gt;\xfb\xfd\x96?\x84\x15\x9b\xf4\xd6\x15\x18O%\xd3&lt;&gt;\xb5\t_]j`\'Cj\xb12\x88\xacE\xdfK\xca\xbf\x165\xe4\xa1\x05[g\r\xe6\xd6\x06\xca\x1e\xfb\xaa\x00\xf6d\x84di%\xb8n\x8d\tEME8\xae"\xaddb{ \x8a\x7fK\xe4\x90&amp;\x16\x8d\xe8\x84\x88\xefn\xec\xb7\x12\xb4\xdb.\xee\x94\xc9\xbaE\xb2H\xab\xa8z\\\x9b G\x02FwH\xc7\x97\x17\xb9\xb6\xa2B1\xa3o\xab4/S\xae\xad\x10I\xb9\x8b\x0e\x94\x85\x18\xbe\xa4zF\x88_\x10_wK\x0f)\xf5R\x90I5D\xec\x9e\x19\xca\x89a\x02\xa9\x18\x87.\xe5\x88\x1e\x8d\xc3\xf8\x7f\xed\x9e\x19F&amp;\x97\x95s\xb2\xea[?&lt;\xb1A\xcaF\x12]\r[F\xb8\xc8\xb4?\xfao\x8aR\x83\xa2l4\xf1\xe3\xcdvq\xffdj=\x19\xad^u\xa6\x8d \x8d1\xc0\xe6\x19\x03\xb9\xb6\x02\x00`J\xcf\x16\xc2\xce\x81/l\x9f/S:-!\xa6\xf2\xacaV\x99?\xa4\xa0\xd4\x95\xf2\xf2\x16P\x8e\xd6\x8b\xb4\xd2\xc8\xf4\xb5\x083\xafi\xad\x04\xe3\xba4\xa1v\x82\xcd\t\xfd\x9b\xc7Z+\x11i\r\xcf\xb9\xb6\x85k\x84E\x9e\xc9\x94\x1fkr\x8f\xe6\x8c\xb6//\x19&amp;\x8c\x1a\xe2"\xbe\xe4\x10\xac\x9e\xd0\xf3\x1f&lt;\x1d\xe2\x05a\xc9\x92T\xb9\x00J\x1d:\x86[\xa8\x01@`\x1d\x95\x9c`</t>
        </is>
      </c>
      <c r="E499" t="inlineStr">
        <is>
          <t>&lt;class 'numpy.ndarray'&gt;</t>
        </is>
      </c>
    </row>
    <row r="500">
      <c r="A500" s="1" t="n">
        <v>498</v>
      </c>
      <c r="B500" t="inlineStr">
        <is>
          <t>steps_per_sec</t>
        </is>
      </c>
      <c r="C500" t="n">
        <v>7200</v>
      </c>
      <c r="D500" t="inlineStr">
        <is>
          <t>3.3512993</t>
        </is>
      </c>
      <c r="E500" t="inlineStr">
        <is>
          <t>&lt;class 'numpy.ndarray'&gt;</t>
        </is>
      </c>
    </row>
    <row r="501">
      <c r="A501" s="1" t="n">
        <v>499</v>
      </c>
      <c r="B501" t="inlineStr">
        <is>
          <t>Loss/object_center</t>
        </is>
      </c>
      <c r="C501" t="n">
        <v>7200</v>
      </c>
      <c r="D501" t="inlineStr">
        <is>
          <t>0.19941136</t>
        </is>
      </c>
      <c r="E501" t="inlineStr">
        <is>
          <t>&lt;class 'numpy.ndarray'&gt;</t>
        </is>
      </c>
    </row>
    <row r="502">
      <c r="A502" s="1" t="n">
        <v>500</v>
      </c>
      <c r="B502" t="inlineStr">
        <is>
          <t>Loss/box/scale</t>
        </is>
      </c>
      <c r="C502" t="n">
        <v>7200</v>
      </c>
      <c r="D502" t="inlineStr">
        <is>
          <t>0.07712733</t>
        </is>
      </c>
      <c r="E502" t="inlineStr">
        <is>
          <t>&lt;class 'numpy.ndarray'&gt;</t>
        </is>
      </c>
    </row>
    <row r="503">
      <c r="A503" s="1" t="n">
        <v>501</v>
      </c>
      <c r="B503" t="inlineStr">
        <is>
          <t>Loss/box/offset</t>
        </is>
      </c>
      <c r="C503" t="n">
        <v>7200</v>
      </c>
      <c r="D503" t="inlineStr">
        <is>
          <t>0.17555955</t>
        </is>
      </c>
      <c r="E503" t="inlineStr">
        <is>
          <t>&lt;class 'numpy.ndarray'&gt;</t>
        </is>
      </c>
    </row>
    <row r="504">
      <c r="A504" s="1" t="n">
        <v>502</v>
      </c>
      <c r="B504" t="inlineStr">
        <is>
          <t>Loss/total_loss</t>
        </is>
      </c>
      <c r="C504" t="n">
        <v>7200</v>
      </c>
      <c r="D504" t="inlineStr">
        <is>
          <t>0.45209825</t>
        </is>
      </c>
      <c r="E504" t="inlineStr">
        <is>
          <t>&lt;class 'numpy.ndarray'&gt;</t>
        </is>
      </c>
    </row>
    <row r="505">
      <c r="A505" s="1" t="n">
        <v>503</v>
      </c>
      <c r="B505" t="inlineStr">
        <is>
          <t>learning_rate</t>
        </is>
      </c>
      <c r="C505" t="n">
        <v>7200</v>
      </c>
      <c r="D505" t="inlineStr">
        <is>
          <t>0.001</t>
        </is>
      </c>
      <c r="E505" t="inlineStr">
        <is>
          <t>&lt;class 'numpy.ndarray'&gt;</t>
        </is>
      </c>
    </row>
    <row r="506">
      <c r="A506" s="1" t="n">
        <v>504</v>
      </c>
      <c r="B506" t="inlineStr">
        <is>
          <t>train_input_images</t>
        </is>
      </c>
      <c r="C506" t="n">
        <v>7200</v>
      </c>
      <c r="D506" t="inlineStr">
        <is>
          <t>[b'512' b'512'
 b'\x89PNG\r\n\x1a\n\x00\x00\x00\rIHDR\x00\x00\x02\x00\x00\x00\x02\x00\x08\x02\x00\x00\x00{\x1aC\xad\x00\x00 \x00IDATx\x9c\xec}e`\x15W\xb7\xf6\x13w!\xee\xee\x81\x10BH\x08!\x06!\x90\x04\x02\x84\xe0\x12\\\x82\xbb\xbb\xbb\xbbS\xdc\xdd\x8bK\xd1B\xa1\x14\xb7\x02UJ\x05Z*t}?\xf69;\xfb\xcc\xcc\x91\x00\xef\xfd\xee}\xe1\xf9\x01\'sF\xf6\x99\xd9\xb3\xf6\xd2g\x01\x1f\xf1\x11\x1f\xf1\x11\x1f\xf1\x11\x1f\xf1\x11\x1f\xf1\x11\x1f\xf1\x11\x1f\xf1\x11\x1f\xf1\x11\x1f\xf1\x11\x1f\xf1\x11\x1f\xf1\x11\x1f\xf1\x11\x1f\xf1\x11\x1f\xf1\x11\x1f\xf1\x11\x1f\xf1\x11\x1f\xf1\x11\x1f\xf1\x11\x1f\xf1\x11\x1f\xf1\x11\x1f\xf1\x11\x1f\xf1\x11\x1f\xf1\x11\x1f\xf1_\x08w-\xdb\x13\\\x0c:\x9c\x88\xd6O\xedk\xf8\xe5\x9ce[\xcc\x85\xcfn\x80\x97\xe6\xb7\x81\x86\x9d\xb6^y_\xf6\xc1A\xbde\xd7\x82\x91D\xa4\xe3\x90\xdc(\x85_\xd8\xbaJivCz\xe4\'7N\n\xe6\xdb\xcd\x80h+T\t\xb4a\x7f\x1a\x01\xa3\xdb\xd5V&lt;\xed\x9d\x93\x1b\xab\x85\xd8\xb3\xcf\xf1\xf2_\xab\x05\xc9^\xa6\x92-=\xf2\x93\xc7u\xccO\xf62%\xa2\x08sd\x85:X\t\xdf\x1a\x01\x91\x16\x00P\xce\x01\x00bl\x01 \xc5G\xbc\x970\x01\x00\xd8\t[\x88\x9e\x8f\xe9P\xc7\x01\xca\x083\x81?\x00\x80]h\xc5\x98\xae\x00\x82\xd4_\xed\x9c?\x1c\x801\xf0\xc9\xf8\x1e\x92\x03\xcd\x80\xbb\'7I6\x12\xd1\xef\x0f\xceJ6\xfe|\xf3h9m\x97\x07\x00\xa4\xfaX4I\x0e\x05\x10\x0c$\xba\xe2\xa7\xaf\x8e,\x19\xde\xb1\x82\xfa6\x16\xe5V\xf0T\xef\xd9\xbfQ\x95\xec\x08\xa7\xba\xb1\xde&gt;@\xfb\xea\xe5^|u\x944\xb1s\xfe\x08g\xc0Q8\xf9\xa9\x8d\xb3\xee\x9d\xda\xec\x0bh\xec\xf7\xfc:\xfb?\x10\xb0\x17\xbe\xca\x8f\xf3q\x03\x1a\'\x05\xd3?_\x07\x1b\x01@~9o\xd5w/n\x00\xb0\x07\x1e\x9c\xd9JDD?]?\xb8\xea\xe7\x9b\xc7\x88\xc8\r\xa8\x11\xee\x94\xeeoED\xf4\xcf\xd7\xf4\xebm""\xfae\xe9\xc8\xa2\x9e\xf5*\x03\xf8\xe9\xc6\x11\xd5I^? \xa2\x8d\xd3\x07\xf4\xc8O\x1e\xdb\xa1.\x11]\xdc\xb9x\xc7\xbc\xe1\r\x12\x02\x00\xe4\xc7\xf9\xf0\x91\xac\x9b\xd2w\xcb\xac\xc1\xec\xf3/\xb7\x8e\xb3\x0f+\xc7v\x13\x7f\xc4\x80\xc6Uc\xed\x91\xe0\x82Q\xed\xf2\xd8\x96?\x1f\x9f\x9f7\xa8\x8d\x1f\xd0\xafQ\x06\x1b$\xd17D\xaf\xf9!-\xd3\xa3*\xba\x1b\t\xe7\xf8\x83\xe8%\x11=\xbd\xb4\xc7\x080\x06\x00\x98\x03\t.\xea{\xf2\xd7#\xd2\x8e\x8e\xd9\xe5\xcb9`\xe5\xd8n\xf3\x06\xb5Y&gt;\xba\xcb\xc5\x9d\x8b\x9e\\\xd8E\xf4*\xdd\xdf\xaaeF\xf4\xd0\xc2\xec\x10#\x00\x08\x04\x0e\xad\x98pq\xe7""\x1a\xd7)\xdf\r\x00\xf0\xfc\xcbO\xe9\xa7/\xf9\xa9\x0e\xaf\x9aT=\xbcT) ;\xd29\xca\x12\xce\x80\'\xf0\xd5\xa7k\xf8\x0e9Q.\xbf\xdd9Y\xd6\x0e\x96\x80\x0bP\xc6\x1a\xbe@\x8b\xd4\x88e\xa3:\xb3\x1dt\xcd\xb0\x8f\x90@\x14s\x12\x0cn\x9e\xc5&gt;\xc49jlo\x95\x11\xcd?\xcb\xef\xf8\xd0\xc2\x1a\xf4\xea\x1e\xdb\xd8\xa7A\x9a!c\x18\xd5.ox\xab\xdc\x18[\xd8\n\x1b\xfd\xb4\xec\\\x98\x1e%\x91!\xad\xab\x94\xe6\x9fcU\xb2\x17\xe7\xb6\xcd/\xd1TpTOz\x86\xc1\xcd\xb3\x98\xec\x1b_T\xafAB\x00\x93;M\x93C\xd9\xb7\'7\xcc\xa2Ww\x03d\'\xf1\x01\xe8\xc7\xeb\xe3\x8b\xea\xd5\x8b\xf3\xa9UZ\xdb\xda*\x85\t\xe0\x01\x00\xf0\x06\x1aW\na\x1b\x89\xa80-2\xc9]\x1c\x14\xd2\xfd\xad\xb3B\xa5\x12\xb4\x94\x96\xd3Z\x00\xd0\\q\xab\x06\xd9u\xae\x99\xc0&gt;{\x02\x83\x9bg\xe5D\x16\x7f_\xc9\x93-\x19\x08\x00\x00\xdc\xf8t\r\xfb3\'\xd2%\xda\x12U\x83TKI\xa7\x9cx\xf6\x81-Y\xc6@\xaa\xaf\x85\xfcV\xef\x987l|Q=7\xcd\x8d\x07WL`\x1f\xd8B:\xa5{#\xfe\x955\xe0\x05,\x1c\xda&gt;\xde\t\x87VN\x84zf\xd6\x8b\xf3U|\x8e\xbd\x0bR\xd7N\xee\xc3V&gt;;\xc0\x0b8\xb6v\x1a\x11\xb9\x03\xab\xc6u\x1f\xdd\xbevv\x84sAy\xdf\xb5\x93z\x0fl\x9a\xc9V\x9d\xc9\xdd\x1a\xae\x99\xd837\xdau|Q=\xa2Wk\'\xf5\xa67O~\xbds\x82\x88\xa6\xf5l\x02 \x10\xb8ut\x1d\x9b\xd2=\xf2\x93-\x80(\x0bL\xec\\\xc0\xae\xc8\x05\xd0wW\xf7\x0b[~\x13\xa5p\x9f\xfai\x8f&gt;\xdb\xce\xfe\x8c\xb5G\x05g4\xa9\x14\xc2wh\x96\x12V=\xac\x94\xea\x8fWw%2\xf4\xfb/\x0e\xae\x9b\xdc\x87\x88\xdaT-\xc37f\x85:\xee_:\xee\xe4\x86\x99\xec\xcfo\xaf\xec\xe7BP&lt;\x96\xbd\xc3.\xc0\xf8N\xf5\x88\xa8Q\xc5 \xfe\xd5?O/\x1e\\&gt;\x81^|\xc5\xfe\x9c\xda\xa3\xf1\xa7\xab&amp;\xb3\xcfW\xf7\xaf\x98?\xa8\xcd\x81\xe5\xe3\xe9\x8f\x07Dd\n$\xb8\x14\xeb"\xec\r\x8a\xb6B\xa4\x05\x88hX\xcb\x9cO?\x99,\\\xf3\x1fzq\x83\x88\xe8\xc7k$\x03;CY;\x10\xd1\xcb\xbb\xa7\xbe8\xb02+\xd4q\xd1\xb0\x0e\xa3\xda\xe6%\xba\xe1\xd0\x8a\tF\xea\xe7\xe8\x00\x10\xfdKD\xf4\xf2\x0e?\x9c)g\x16\x80\x11\xe0\x088\x02\x7f&gt;&gt;\xc7\xbf=\xbaf*\xfd\xfdu\xb4\x15\xdc\x01[\xc0\x15h]\xb5\xcc\xa0\xa6\xd5\xba\xd7\xa9\xd463\x86&gt;.\x00\x00\xe6\x0fnk\xe0\x9e\xf3\x06\xb5\xd1\xf6\xd5\xc6i\xfd\r9C\xa2\xe6[\x1ej,UE%\xa8\x12hs\xed\xc0*\x00\xcdS\xc2\r\x1a\xa2\x168\xea\xfcV\x9c\x88\x06\xc2H\xfbWm\xaa\x96\x11\xff\x0c3\xc5\xf1\xb5\xd3\xd9U\xc2\xa4\xba{\xb1\xcc\x1d\xd5.\xafD\x03\x00\xe0\x00x\x01\x0e@\xad\xd2n\xd6J;t\xa8\x11\'\xfe\x19\x04\x94\xb1\xc1\xa3\xcf\xb6k;\xa1\x11\xc0-\x12h\xfe\xc6\xcc`\xd1&lt;\xc0\xcc&gt;-Bd\xb7 \x00\x18\xdd^\xc3\xd6i\x97U6\xd6\x1eel4v{xv\x1b\xfb\xc0\xd7\xa75\x13{\xf5oT\xa5(W\xb5ZT\t\xb4\x89s\x84\xe4\x89\x14\xe5V\x10\xff\x1c_T\xaf\x92\x87q)\xa0WA\x8a\xe2o\x99\xd2\xbdq\xdbje\xf9\x9f\xcdS\xc2\xf9\x1d6\x02\x1c\x00o\xcd\x1f\x98\xe0\x82\x81M3\x87\xb7\xca1\x03\x00,\x1a\xda\x9e\xe8W61\xea\x95\xf7\x9d;\xb05\xfb|y\xf7\x92\x81M\xab=&gt;\xbfSS\x88\xbd\x81\xb0\xb8\xda\xa8g\xd4\x9bg\x97\x88(\xc1\x15\xde\xc0\xf1u\xd3o|\xbafJ\xf7FDD?}\t\x80~(\x96\x86\xbf\xdc:\xce\x8e\xad\xeceFD\x07\x97O\xc8\x8f\xf3\x99\xd8\xa5\xbe\xb8\x0f\xc7\x98\xf6\xb5%[z\xd5K\t3\xc1\xd7\x17v\xb1?5T\xfe?\xeeW\x0b\xb1W\x8d\xff\xafGD\x94\xe1o\xed\x08\xd8\x00\x13:\x17\x10\xd1\xf4^\xcd\xde&lt;\xbbL\x7f?\x8e0\x07\x11M\xe9\xd6\xe8\x87k\x87\xd8\xa1?^?,\xb9P\x94%\xd6M\xeeC\xaf\xee:\x03\x93\xbb5\x1c\xdb\xb1.\xfd\xfd\xb8N\xac\xd7\xaaq\xdd\x89\xc8K\xfdX}\x01S /\xc6\x83\xe8\xc7\xa1\x85\xd9\xc3[\xe5\x12\xfd\xcc\xd4\x93\x10c\xd0?_\xaf\x9e\xd0\x93\x99\xdd}\x1b\xa4\xb3\x1f~\xf3\xe8:"zy\xef\x14\x7f"16\x88\xb1\xc1\xd3K{\x9c\x00w\xa0z\x98\xa3)P?\xde_\x1cO~\x9c\x0f\xdb\xd9B\xfdo\xa4\x05\xbc\x81^\x05)\xe2n\x00\x1c\x81h+\xe4\xc5xt\xab\x9d4\xaceN00\xbcU\xceWG\xd6*N\x9e\x0f\x0e\x96ou\xd4\xa4\xae\rd\x02M\x0f\xfe||\x8e\xbe\xbd\xc2\xff\xb4\xd3\xbe\'\x83\x13\xd001\x90=\xc5\r\x06\xac1\x8e\xc0owNH6\xda+\xed\xc9\xd0\xbb~*\xb3\xc1\xef\x9d\xda\xac\xf7\xe4o\x07QPv\xab\x9d\xd4\xacr\x98d\x87K\xbb\x96H\x94w\xc31\xba]\xed*\x816|\x96\xcbADD\xff\x00\xe8R+\x11@\x00\xb0aZ\xbf\xc1\xcd\xb3\xc2\xb5&lt;\xb9T_\x0b\xfe\xf9\xc0\xf2\xf1\xec\x833\x10\xaa9\xc0&gt;\r\xd2D\xff\x8c\x91\xfa\x95\x13\xf7\xf1\x01\xfc\xd4\xfa\xfb\x9f\x8f\xce\x01\xb8\xbc{\x89#`\x07$\xba\x02\x9an\xa8\x04W\xb8\xaa?\x97\xb1\x01\x11IV/"r\xd2\x1c\xaa\x99\x92\xe5\x97\xe6g%\xee\xd0Dm$\x01hV9\xacVi7S\xa0yJ8[w\x93\xbdL\x9b\xa5\x84\xbb\x03\xb9Q.\xd5\xc3J\x01\xa0?\x1f\xb6\xcb\x8a\xcd\x08\xb0\xee\\3\xc1\x1e\xa8\x16\xe2pb\xfd\xcc8G\xdc:\xb6~`\x93L"j]\xa54\xd17\x99\xc1\xf6=\xf3+\xa7\xf8\x98\xb3;\xdf2=*#\xc0z\xed\xe4\xdel\xa6\xa9\x16\x80\x9f\xbe\xe421\xc1\x15\x07\x96\x8d?\xbafj\xf3\x94\xf0{\xa76\x0fk\x99\r\xc0\x1b \xa2\xe3k\xa73Q\xcbo5\x11-\x1dY\xa4\x12]\xbf\xdd&amp;"\xfa\xe9\x86\x86\x18\xfe\xf7))\xe0\xfb\x9bj\x8b\x04@\xf50\xc7nu\x92\xea\xc4z\xdd?\xb3\x95\x882\x83\xed\x92=M\x89^\x11\x11\x93\xfb=\xf3+\x13\xbd\x19\xd1\xa6\xe6\xde\xc5\xa3\x074\xa9\xbafb\xafx\'\x95\xf2\xfe\xfa\xe1g\x07\x96\x8d\x8f\xb4\x80\x0f0\xb5Gc"b\xfe\xab\xfdK\xc7\x05\x00\xbb\x17\x8ejU%z\xf1\xf0\x8eD\xf4\xf2\xee\xa9\xcb\xbb\x97\x8clS\x93\xe8\xf9\x8dO\xd7\xdc&lt;\xba\x8e\xcd\xe4\xca^f\xe2|\xe9\x94\x13\xef\xa1\x96\xd1\x1c\x11f\x087+\x9e?\r\x12\x02\x88\xfe`\x7f\x8a\xda\xa41\xf0\xc5\x81\x95\xecw5\xaa\x18\x04 \xd2\x02\xad\xaaD\x13\xd1\xf9\xed\x0b\xb8G\xa2ab`\xb0\x11"\xcc0\xbb_a\xb5\x10\xfb\xce5\x13ZfD\x03\x085Ae/3\x07 +\xcc\x91\xdf\xa9\xca^f\x00ZW-\xb3m\xceP\xd9\x0c\xfa\xf0@Dr_-\x80@\xd93{w\x04\xa9=\x18\x00^?\xfaLq\x9f\x10#l\x9f[\xfc`&amp;\x14\x15|2\xbe\x07\x11\xd1\x0f_\xbc\xef\xe1(\xc3U\xf3\xcf\x13\xebf\x88\x7f\x16\xc4\xfb\xd5\x89\xf5\xaa_\xc1\xdf\xf0\x13r\x87\x89"\xf2b&lt;n\x1c^\x1da\xa6\xcb\xaa\xd0\x86[G\xd7\x85\x9ap\x87\xc3/\x8a\xfb\\\xd9\xbb\xcc\x90S\x11\xd1\xfe\xa5c\x01\xd4\x8e\xf1\xa8\x13\xeb\xe5\x06\x94s\xd0p\xfa]\xd8\xb1\x88\x7f\x8e\xb2\x90\xda|\xd5B\xecg\xf4n&amp;n\x19\xdd.\xaff\xb4\xab\x19\xb0k\xc1\x88VU\xa2\x01\xf4m\x98\xce\x97|k\xe0\xef\'\x17D\xa7\xd3\xb0V9\xfcs\x93J!\xdcA\x17\xab}\x01w\x02Nn\x98\xe5\x08\xd4*\xed\x06\x80\t8\xfe\xad\x11\xb0\x7f\xe98"\n\x00\x00|udm\xa7\x9c\xf8\x0e\xd5\xcb\xd5+\xefk\x0c0g\xfd\xd3K{\xe8\x97[\x11f*\x1b\x91\xe8\x87+{\x97KbK\x0c9Q.D\xaf\xaa\x04\xda\xf0o\xab\x06\xda\xe6\xc5x\x10\xd1\xe3s;\x88hr\xb7\x86F\x80\r\xd0)\xa7&lt;3Xm\x01\x0f\xc0O\x12H \xa2W\xf7\xdc\xd5\x11,/\x80\x88\xc4\xc9\xc4b9\x1c\xa76\xce\xa6\x7f\xbeV\x92\xf8DDO/\xed\xb9}|\x03\xfb|\xf7\xe4&amp;"\x9a\xd5\xaf\xd0\x02\xf8\xfd\xfe\x99\xe6)\xe1\x9e\x00\x11%{\xaaV\xfb\xe1\xads\x0b\xca\xfb1m\xfd\xfb\xab\x07F\xb5\xad\xb5`p["\xa2_oG[\n\x83\xfc\xfd\xfe\xfa\xa9\xfd\xfc\x00G\xa0]V,\xdf\x9c\x13\xe5b\nD\x98!\xd4\x18Dtt\xcdT\x00\xa1&amp;\xd8\xb5`\xc4\xe9M\xb3\xad\x81Hs\xfcr\xeb\xf8\xa3s;\x1c\x04\x8fnEw#\x00\xcdS#|\x00_\xadO\x12)&gt;\xe6G\xd7LM\xf7\xb7\x8a\xb2P\x19\x7f\xb7\x8e\xad\x0f\x06\x9a\xa7\x84\xb35\x92d*\x0e\x97$v\xec\x0e\xff\xfd\x98\xb9\x98\xbe&lt;\xbcz\xcf\xa2\xd15K\x17{\x1b"-0\xabo\x0bv\x923\x9b\xe7\x00\xf0\x05&lt;\x04\xc7\xf5\x07\r"Z;\xb9\xb7d\xe3\xb3K{\x0c9V1:\xfa\xd6`A-\xf1\xe4W\xf6-g\x8fYt@+\x82\x8fC\xaeb\x97\x08\x99\xc1\n\xf2\xa6a\xc5 \xf9Fn~2\xe8\x08Xv\xab\x93\x94\x1d\xe1\xa4\xfd{\r\x14\xa6EV\t\xb0\x91o\x97\xc8A\xb6\xa4\xe4F\xb9\xac\x9b\xd2w\xfb\xdcaDtp\xf9\x04\x03/!GQn\x05"\x1a\xd7)_\xdc\x98\xee_\xacM\x97s\xc0\x9a\x89\xbd\x00\x94V;\x9b\x025\x7f2\x11I\x82\xf0KFtZ=\xa1g9\x07\x8cj\x9b\xc7\xde^\'@\\8\xaf\x1f\xfa$Q\xbd\xd8Z\x01\x93\xbb5\xd46&lt;qi\x8c\xb6\xd2\xf8\xaa\x7f\xe3\xaa\xfc1l\x98\xda\x8f\x88x\x14*\xc6\x16\xf4\xfb}"\x12\xfd\x8e\xd5\xc3J\xd5-\xe7\r \xbf\x9c\xf7\xe6\x19\x03\x89h\xf9\xa8\xce\xe2\t\x0b\xd3\xa3D\x83\xb8[\xed$\xf1\x17\xb1\xb5\xbc\xac`\xba:\x01\x07\x96\x8d\'"\x0b \xca\x12S\xba7\xe6\xd2*\x00\xa0\x7f\xbe\x9e\xd1\xbb\x99\xa6\xd0\xfe}\xdb\x9c!\x00\xc2L\x10b\x047\x80\x88\xca;\x01\x80\x1d`%_-\x88\x1a\'\x05?:\xb7\x83\x88&gt;]5\xb9UF\xf4\xd2\x91Eg\xb7\xcc%\xa2~\x8d2\x9c\x00[\xb6x/\x1b\xc7v&gt;\xb2z\xca\xda\xc9\xbd\xbf\xfd|\xdf\xed\xe3\x1bZW-\xb3nJ\x1f\xfe\xe6\x94\xb6\x86/\x10i\x81\'\x17w\xb3\x9d\xbb\xe6UT_\xe4\xf5\xb9m\xf3W\x8d\xeb\xce\xdc\xeb\x00r\xa3\\y\x80a\xcd\xc4^D\xb4~J_"\xfa\xe5\xd6\xf1J\x9e&amp;}\x1a\xa4\x13\x91\x11\xbb\xc9\xf4\xf7\xcc&gt;\xcd\xd9%\x9e^\xdc\xcd\xf4\x806\x991?\xdf&lt;\xda.+\x16\xea\xdc\x8d\x04\x178\x01e\xed\xc0\xee\xbf\x04\xddj\'q\x11\xdf8)\xb8C\x8d\xb8\xaey\x15=\x80\xdc(\x97$\x0fc&amp;\xb59\\\x81F\xc2+\xd9&lt;%\x9c\x88\xae\x1d\\\xd5\xaaJt\xeb\xaa\xa5\x89\xa8\xa2\x9bF\x94\xce\x04\xb8\xb2o9\xfb-\xff&lt;\xbd\xc4\x86\x14f\x82\x11\xads\xe5#\xf9\xe0\xc0\xa6\xa0\xb8\xc5C\xdb\xae\x00\xd4\xf1\xcf\x18[,\x1dYDo\x9e\xbc\xc5\x15\xe5\x8b\xb9\x1d\xe0\x84b\x93\x10\xea\xb0\xa1\x04bHY\x82\x99}Z\xf0\xcf\x92P\xa7\x8e\xd8\xb5!\xc3\xab_\xc1\xbfk^\xc5\x12\x9dA\xf7\xaah\x030\xf7\xb4D\xe0\x02hR)\xe4\xf8\xba\xe9\xa2\x00\xe2\xfa\xa6\xf8P\x88~\x1a\xd4\xac\x9ax\xa0\x98\x88\xa5C\xcf\xe20S{u\xc2M\x91\x1f\xe7\x13m\xa5\xec(\xb3\x00|\x00\xf6X\x0e\xad\x98\x18b\xac\xd5n;\xb5q\x96d\x0b\x11u\xab\x93\x04\xa0m\xb5\xb2\xec\x96\x96\xb5C\xb3\x14\xd5\xf2\x9c\xece\xda\xbb U\xdc?\xcdW\xc1\x13Y5\xc8\xd6U\xbeU\ta\xa6\x1a\x91\x9eH\x0bt\xca\x89\xff\xfb\xeb\x0bDT\xab\xb4[\xa6:.\x9d\x15\xea\xc8~\x8e3\x10\x0c\xd4.\xab\xca\x15b\xcbJ\x9b\xcc\x98P\x997\xae\x8c\rf\xf7+\x04\xe0\xa8%\x11\xce\x0b\xa0\xef\xbf\xb0\x04F\xb6\xa9\xd9\xafQF\xe7\x9a\tl=\xf8\xe7\xe9E"*k\x87q\x1d\xeb\xae\x9b\xdc\xa7qR\xf0\x0f\xd7\x0e\xb1C\xd8h\x1c\x80E\xc3:\x8cn\x97\x07 ;\xc2\xa9^y\xdf\x9fo\x1d\x1b\xd5.\xafK\xadD"Jt\x05\x8b\x12O\xed\xde\xd8J\xbd\xdc\xb29S\xda\n\x01\x80\x13pe\xef2\xfa\xee\xea\xe3\xf3;\x17\x0ci\xc7\x04\xdc\xe9Ms\xcc\xd5\xee\xb58\xe1M\xe8\x98]\x9e\x88\xe6\x0eh\xcd\x16\xc8DW\xd4*\xe3N\xbf\xdfS\xc9\xff\xef\xaf\x1a\t\xbbq\x05\xc4\x11\x08\x02\xd2|-\x89\xa8|)\xd5\xe2\xd4)\xa7\xfc\xfcAmZW--\x1a.\x9e\x00[\xea.\xed^\x92+\x84\x9d\x1f\x9f\xdb\xf1\xf0\xb3\xedO/\xeda\xcb\xf0\xb0V9\x83\x9bg\x11\x11\x9f0DD\x7f&gt;\x0c\x06jF\x17?\xeaOWM\x9a\xd8\xb9&gt;;\x83\\\x1b\xaa\x13\xebED5\xc2K\x05\x01s\xfa\xb7\xac\xecm\x96W\xc6}\xce\x80V\xc3[\xe5p?\xd8\xa0f\xd5\xc4\'\xf9\xf9\xdee\xcbF\x15M\xec\\\xdf\x08\x087\x83\x07P\xdaJ\xbfZ\xf9A\x80^?$\xfa\x17\xc0\x90\x16\xd5\x15w\xe8\\\xb3\x82\x9b\xe2\x17Z\xc0\x8c\xebu\x93\xfb(~[\xc9\xc3dX\xcb\x9c\x1a\x06k\xc4\x1c}\xea\xa7\xf1\x10%\x9b\xd8u\xcaz\xb6H\x8b(\xe9yJ\x840]\xce\x9bb\xb07\x81\x1b\x1fU\x83lu\xec\xec\xa8\xb9\xbc\xd5\x8d\xf5\x92\xf8\xb2E\x05\x93\xeb\xbb\xa2\x16l\xa9&gt;\x8f\x81\xf0\x91m\x89\xb1\x05\x11m\x9e9H\xdc\xa8c\xd0\xa1\xc6\xaa\x15\x88\xd9\x01\x1c\x11\xe6\x10mm\x11\x83\x9bgu\xa8Q\xce\t8\xb4b\xe2\xa4\xae\r\x00\x98\x01\xfc\xa9O\xef\xd5\xb4\xb5\x10-\xf7\x01F\xb6\xa9e\xc0OQF\xe7\x9a\t\xcbFu\x96\xe7\x01\xb38sn\xb4\xab\x18+\xe6\x8e\xcd\x10\xa3b=\xd1\x1c\x18\xd56\xcf_0q8\xc6\x17\xd5k_\xbd\x9c\xb8Ew\xe8\xabfi\xb7\x93\x1bfB\xa5\xcb\xbf6\x02z\xd4M\x96\xc7\xcc\xd9E}\x81\xd2V\xe8R+\xa1O\x834&amp;\xb9\n\xe2\xfd\xfc\x80\x06\t\x01ub\xbd~\xbd}\x82)\xfb\xd3z6\xa9\x16b\x1fc\x0b\xae\xf7\xb6\xaeZ\xda\x1bh\x95\x11}q\xe7\xa2\xa2\xdc\n\xfe@\xad\xd2nD\xbf]\xdd\xb7|\xf3\xcc\x81\x12cZ=\x18\xfa\xed\xeeI\xd1"9\xbcr\xd2\x93\x0b\xbb\x98.o\t\xa4x\x9bC\xed\xf7\xe7\x17b\x93\x91\xbd\xd4\xfd\x1bU\x99\xd2\xad\x11\x00\x0f`\xe5\xd8n\x96@\xfdx\xbf\xd3\x9bf\x97\xb5\xc3\xd8\x0eu\xc7v\xa8\x03`H\x8b\x1aL\xbf\xf1\x076N\xeb\xdf\xbaJi\x96\x85\xdc\xab \xe5\xc2\x8e\x855"\x9c\xd2\xfd\xad\x98\xb7\xaa\xb2\xb7\x19\x80\x15c\xba\xd2\x1f\xf7\x89\xa8\xb2\x90\xdf\xdc\xaaJ\xf4\xa5\xddK\x88\xa8Mf\x8c\xfc\xbe\xed]2\x86\x88F\xb7\xab\xcd\x95\x8c\xb2v\xf8\xf4\x93\xc9\xa3\xda\xe6\xf1\x90\xd8\xb9m\xf3\xc5C\n\xd3\xa3l\x81\xfa\x15\xfc\xb7\xcf\x1d\xe6\x00\xd8\x02\xd7\x0e\xac\n5\xec\xed\xfe/\x07\xcbN\xd3\xbd\x8f\x99\xee\xaf\xdfag\xc3\xc1\x92I\x96\x8e,*m]\xac\xa4\xcb\xc3\x80\x19\x01\x8a\x191\xef\x1fz\xab\x1ft\xdb\x1d\xdc\xb7\x10e\x89|%\xa3\x18\x80\x05pv\xcb&lt;\x89\n\xcc| A@\xbd8\x9f\xf6\xd5cu\\\x82\x0fP\xfeD\xd6M\xeeC\xf4\xa7(\x16M\x85\xfc\xa5h\xedY\x01D\xcf\xc4?-\x81\x8e\xd9q\xdaV\x0e\xfa\xfb\xb15@D\xdc\x7f\xb5ph\xfb\x04\x17\xb8\x02D/$;w\xc9K\xd4\xfeSt\x81\xfe~|t\xf5\x14W`N\xff\x96l\x0b\x13\xf15\xc2Ky\xa9r\x07i@\x93\xaa\xec+\xe6\x8e\x88\xb6\x02\x0bc\x8a\xf3g\xf9\xe8\xce\xf2Eh\xe9\xc8"\xa2\xef\xa1\x8ef3h\xb3\x08\xb9s\xe3\xcc\xe69D\xc4\x82\xbdz\x9d\xa4,\xc4\n \xd1\x15\x7f&gt;&gt;\xd75/\x91\xfez\x04\xf5z\xec\x0f\\\xde\xbdD\xe2\x82\x94h\x03U\x83lS},jiY\x89\x19\xe8\xfb/\x98d|u\xef\x14\x11M\xea\xda\xa0UF4{U&lt;\x00c\xa0J\xa0m\xa49\x00\x0ck\x99}r\xc3\xcc\xfb\xa7\xb7\xf0c\xdd\x80\xf1E\xf5T\xe7Q\xa3Fx)\x16c\x18\xd3\xbe\x8e\x0f\xd0#?\x99\xfdXS`\xd7\xfc\x11\x81J9\xc7,\x03\xad}\xf5XfL\xb0\x8d\xfd\x1bWa\xa9\xab\xdb\xe6\x0c\xb5\x05\xe8\x87/\xe8\x97[\xec\x12+\xc6t\x95\xe7\x08f\xf8[w\xca\x89g\xc9\xb8\xa3\xda\xe65Q\xe7[\xb7H\x8d\x88\xb5G\x88\x91z\x84\xff&gt;e\xdb5]\x86\x88P\xbf\x0c}\x1b\xa4\xbf\xa3\xbb\xf8\xbf\x04#Z\xe7\x12\x91\xa2\x86\xf2\xff\x1d\x16B\xb2`\xdbje\x9f^\xda\xc3\xca\xb8\x88\xe8=.3\x91\xba2Q\xdf\x12I\x1ez\x12{\\\x95\x94M\x11\xf6@9\x070\xad\xea\xe5\xddS\x92o#-\xd0\xa7~\x9a\xc4\x11d8z\xd6\xab\xcc\xdf@\xe6\xf3\x16\x13m\xe5^\x17.\xfe\xe8\x87k\xe2\xf6\x10c&lt;&gt;\xbfS[\xb2@aZd\xaa\x8fE\xeb\xaaeJl\xee\x19\x0c\x960\xca\xe4\xa3\t\x10n\xaa\xaat\x03\xe0\x05\xac\x9f\xd2\xf7\xe8\x9a\xa9;\xe7\x8f\x00@D)&gt;\xe6L*\xb12\xae:\xb1^\xf1N\xc5\x95+\xe3:\xe5\xcb%{\x84\xb9BA\xa2\x1c\xd1VH\xf5\xb5\x88\xb1Eik\xf4\xaa\x97\xd2\xa1F\x1ci\x86vu\xa0\x14\xe0\x0f\x0cn^\xbd\x823\xc2LA\xf4\x87\x98\x01\xf5\xf7\xd7\x17$\tQ\x8a\xa8\xece\x16\xa1o\x1a7L\x0c$z\xc6\xc4\xa3+`\t\xd8\x00\xaeP\xe5\xc9\xd8\x00V@\xaa\x8f\x05\x93\x04\xf6@ik\xfc\xfb\xcde\x96\x0c\xca\x8aB\xac\x00\xa2?/\xef^BD\xaf\x1f~f\x06\x9c\xde4\xbbSvy6\x91\xd3\xfc,\xd9\xc9\xd9\xe5\xe8\xc7kKG\x16I\xe6\x92/\xc0\xb4\x16s\xa0ab`\x9f\xfai\xf9q&gt;\xd5\xc3\x1c\x89\xa8\x7f\xa3*\x8b\x86uX3\xb1W\xb3\xcaa\xec&lt;\x13\xd4u\x15\x12\x10\xd1\x8ey\xc3m\x81j!\xf6\xa2\xea\xc4\x1d\xfdDT7VY\xa9b\x083\x85\xae\xaf?(x\x02\xec\xf9y\xc9\xb6\xff\x7f\x84\xa2L\xb9\xb2w\xd9\xac\xbe-\xea\xc6z-\x1bY\xa4\xb72@\x9b\x16\xfb\x1f\x90\xf6\xba\xa0he\xd2_\x8ft\x8b\x95\xacP\x87\x1ds\x87\xf1?\xcd\xf5UB\xc8+\x0c\x14!\xde\x93\xd9j}\x99A\x87\xf8\xd8\xbdp\x14\x00\x1b\xc0\x03\xd8\xa2\xe95\x82\xba\x0c\xb8D\xb0R\x8a\x03\x95\x08~@\x05gD\x98aF\xeff\xfd\x1bW\x15\x073\xb0I\xa6\xb8\xa7\x13\xe0\xa8\xce\xb9\x1c\xd3\xa1\x0e\xdf\xfe\xef\xb3\xcb{\x17\x8f&amp;\xa2\xb6\xd5TN\x86\rS\xfb\x19iy^zA?^\xfb\xee\xea\x01\x00\xa6@\xac\xbd\xae\xdar#\xe0\x8b\xfd+\xc5-\xc6\x00\xf3f\xf0\xb4\x021T\x9e\xe8\xaa\x1c\xfa2\xd3\x0cH\xd8\x03\xbf\xdc:.\xa9\x96`\xf6\r\xd7\xed\xf6/\x1b\xb7tdQ\x8b\xb4\x88y\x83\xda\xc4+\xad\xc9s\xfa\xb7d\xfa\xb23\xe0\x0e4K\t\'zyz\xd3\x1c\x1e\x7f\x1a\xd3\xbe\xce\xce\xf9#\x98\xe7D\xbcz\xba\x9f\x15\x84\x05 +\xd4\xc1\x07h\x99\x1eED\xa2\x01d\x01\xac\x9b\xdcG\x12\xc6g\xc8\x89t\x16\xad\x1c\x1e\x0eT\x9c\xd8\x0b\xd5\x01\x8f\x14\x1fs\xfa\xedv\xf9R8\xb2zJA\xbc_\xd7\xbcD\xa2o\x9e\x7fyxpseo6\x03;v\xe5\xd8n%\xca\xe5\xfb\xafE\xaa\xcf{\xcf\xf6\xfc\xcf\xc2\x13\xa8_\xc1\x7f\xf5\x84\x9e\x8a\xdf&amp;{\x9an\x9e9\x90\xff\xd9&lt;\xb5\xc4A\x82t\x7fk\x1eG\x8dQ\xc8\xc7\xd1\x83\x81M3u\x04\xab\x19\xea\xc4z}\xf3\xf9&gt;\x1d;8\x01\xf1N\xa8\x1ad\xc7\xad\x84\x99}\x9a\x13\x11\x7f\xeb*8\xab\x84\x1a\x80=\x8bF\xe9\xbe\\~\x9c\x8f\xc4a\xe5\x04\xb0\x0c\r\x0e"\xd2Q0\xc1\xa1\x90\x0ee\x18\xb8\x10\x19\xd84\x132W\x92\x1c\x92\x05Ib,\xb5\xcb\x8a\xadUFW\xf94{\x82\xa3\xda\xe5\x8d\xebX\x17@\xf7\xba\x95X\x92+G\x9f\xfai,\xbf~\xcd\xa4^J\'(\x01X\xf5\xd6\x8ey\xc3\xd8\x80l\x81\x19\xbd\x9b\x15\xa6G\x8a\xfb\xfc\xf9\xf8\x9c\x8e3\xc4\xda\xab\xa4\x12\xf3\x95\r\x10\xd60\xa2\x97\xec\x83brj\xf1n\x7f?\xee^\xa7\x12\xff\xf3\xcb\xc3\xab\x0b\xd3\xa3\xc4\x1d\xfc\x80\x9a\xd1nQ\x16\x00\xe0\xa0\xe4\xe53V\xf2j\xde\xf8t\xcd\xbe%c\xf9\xbe\xb3\xfa\x15\x12\x91&lt;\x80\xb7aj\xbf\x95c\xbb\xd1wW\x88h\xd5\xb8\xee\x9f\x8c\xef1\xb6c]\xae\xfb\xa7x\x9b\x13\xd1\xaa\xf1\xdd\xc1\x84\xef\xb7\x9f\xcb\x13\x81\x1c\x81\xe1\xads\xb9Y?w@\xebt\x7fk\x00\x91\xe6\x18\xd62[\xe2\xa6\xae\xaeJ\xea\xff#\xd9\xd3t\xe1\xd0\xf6D?\xae\x18\xd3\x95\xe8U\x9a\x9f\xe5\xfe\xa5c\'um\xc0\x96R\'\xe0\xc4\xfa\x19\x12\x8a\x81@\x80\x88\xfa7\xaeJ\xea\xa2\xe8\x0f\x1d\x86\xebboY\xad\xf4\x9f\x81\xc4e\xc5\xa6\xbb\x84\x88B\x04\xa7\x00zk\xf8\x02[f\rf\x9fM\xb4\x87:\xf6/\x1d\xa7\xf7TD\xe4\xa5\xa6\xe81\x1cn\xea\x7f\x17\x0ci\xc7\x14\xa3\x9c(\x17\xe8\xcb|5P\xa5\xbd\xb4kq\xc9FSB\xb0at\xcd\xab\xc8\x84\xcc\xc2!\xedt\xec\x1ckWL\x05\x11\xa1t\xa3o\x1d[\xafx\xa0\xb9\xb0\x83\x19@D\xd5\xc3\x1c\xd9\x16\xc9\xecm\x98\xa0*0\xec\xa3.F};\x04\x01\xb7\x8f\xad\xdf4c\x00\x00\x9e\x14\x17$[\x95\x077\xcb\n3A\x9d\xb2\x9e\x8d\x94R\x8a\x01\xbc~\xf4\x99\xe2\x1a\xcc\xfd\xfa\x8a\x81\x16[\xe0\x8b\xfd+\xfeyr\xb1 \xde\x8f\xcfoE\x92\x83{\xa76\xf3\x8d\x07WLP\x1c\x84\x98,\xe0\x0b\xcc\x1d\xd0\x8a\x88\xba\xd4J\x0c3\xc5\xcb\xbb\xa7v/\x1c\x95\x11`\x03\xc0N\x9d-]\xda\n}\x1a\xa4\x95/\x85\xa9=\x1a?:\xb7\xe3\xf3\xbd\xcb\x88\xa8u\xd52r\xcd\x9aoY?\xa5\xef\xf69Cu\xe4VT\x0fs\xb4S+@&amp;\x80\x05P\xb3\xb4[\x9dX/vo\xef\x9c\xd8\xf8\xf8\xdc\x0e~6O\x96c\xf6\xf3W\x12\x95?\xda\x12?\xdf&lt;\xe6\x07\x9c\xda8+3\xd8nH\x8b\xea\xbb\xe6\x8fx\xf1\xd5\xd1\xfe\x8d\xab\x1cY=\x85\xe8\xc5\x9b\xa7\x97\x88\x88\x9e_\xd7:\x8e\x0f\x1c\xbay\xb8\xde\x11\x86\'\xc5kC\xf9R\x1aE\x03\xae\xc0\xa2\xa1\xed\x01hs\x1a\xca\xf1?\xb9\xf8W\x0bq\xe0\xca\xaa+\xe3\x9e\xfb\xe9\x86b6\xb4\x81`\xe9\xdb:v`\x97\xab\xecm\xf6\xdb\x9d\x13\x9c\xd2\x07@\x93J!bb\xbb\x08s\xc0[\x9f\x9a\xf9\xeeq"KY\x14A\x1b\x82u^L\x94\xe6\xacrx\xee\xc0\xd6}\xea\xa7\xf1h\xf3\xa7\xab&amp;\xef\x9c?\x82\xdd\xa5\xfa\x15\xfc\xe5\x01\xc9\x06\t\x01D\xb4e\xe6 NM\xa1\x08\x1d\xc5\xea\xbe\xea\xf9F\xaf\xee\xf1\x85\x87\x89\xe9\x8d\xd3\xfbgG8\x8b1Y"\xbaul\xbd\xb6\x80\xb0)@\xbf\xdcZ:\xb2H\xdc(\nQc\xe0\xc1\x99\xad\x8e\xb2\x03\xd9\x1a&amp;\x12%\x01\x087\x85&lt;\xa47\xace\x0e\x0f\xa7\xe9\r~\xda\x01\x8b\x86\xb6\xe7\xf5\xc9/\xbe:\xd2\xad\xb6\x96\x85\x0b`i\x9d\x19\xfe\xd6\xe6@\xad\xd2\xee=\xebU\xd6\x11\x8cf\x0fE\xe2^\xe6\x83\xb5\x03\x86\xab\xeb\x01[W)\xcd\x85P\x83\x84\x00Gu\xc5\x03\x11\x89\x05\\\x0e\x00\xd1o\x12\x86\xc4\xaf\x8e\xac\x1d\xd4,\xcb\x1b\xe8Q7\xb9Y\xe5\xb0\xf1E\xf5Nm\x9c=\xb3O\xf3\xb2vhV9\xec\xfc\x8e\x85\xec&lt;\x92\x1b\xfe\x11\xc5\x90\x18\x88\xff\t\'\x91\xeej\x03\xdd\x90\x18\xff\x0e@\xa4yq\xbe\xf9\xff*\xc8\xd5\xfc$\x0fc\xc5qV\x0bq\xf0\x06\xac\x80 M/0\x808G,\x1c\xda\x9e\xffY\xd9\xcb\x8c\x11&lt;(\xa2Ej\x04K#\x91C1\xa9N\x0eF^\xc4 zb\x064\xa9\xea\x08\x00\xd8\xfe\xb65\xf4~\x023\xc7D\x83Wk9\x98\x04yzi7\xfb\x93i\x8blE5V_"\xd2\\\xe5\xe8P\xa4\xc0c\xcc\x07\x0c\xf6\xdaW&gt;_-&amp;r\xb8)No\x9a-nq\x00F\xb6\xad\x05\xa8\x12Q&amp;ui\xc0}\xdd\x11f\xa0\xef\xaf.\x18\xdc\x16BR\n\xf7\x90\xf4*Ha\xe5K\x19\x9a\x05\x80\xddj\'\x11\xbd\xe6\x7fN\xee\xd6P\x1c\x89\x8d\xda+(n\x14\xb9\x0e%\x08\x10&gt;\x1bi\xae\xe5\xa2m\xc1$\xe9\xd8\x8euw/\x1c%\x8e\xc6S\xbb\xab`v\xbfB\xa2\xef\xb8\xf5`\r\xf4kT%/\xa6\xf8\xfd\x16\t9\x8e\xad\x99&amp;\xf7\xdc\x89\xa2\xc0G\xc9\xcd\x18n\x86\xeb\x87&gt;a\xc3\xe0\xae-qf\x8ej\x97g\x04\\\xdc\xb9\x88\xde&lt;\x19\xde:\xb7\x823z\xd7O\x05P\xd9\xcb\xec\xb3\xad\xf3\xeb\xc4zu\xc9K\xe4\xd9\xd5a\xea\xe2y\xc5@\xc8\x07\x07R\xa7\xa0\x11\xfd,n\xf9_\x0e\x1bY\xf1\x11\xcb\x0c\xd3Fx\xa9;k\xb3\xc2\xff`EH\xb3\x940V\xf9)\xa1N\xe3p\x038I\xd6\xfee\n\x0e\xa5.\xb5\x12\x17\x0f\xeb@o\x9e*\x1e\xce\xdf\x1f\xe6\x13p\x07\xd6OQ\xb1p\xef^8\xaaD)O\x12=`\xc3\xb4~%8X\t\xa2B\xbd\xd2\xe0\xe8\xb16\xfd\x83\xc5]E\xf0J\x11\xbd\xb1\x8a\xe6\xa9\x11Do\xbe\xff\xe2@\xa2+\x1a$\x04\\\xda\xb5X\xdb!\xbf\xde\x96\xb2K\x01X?\xb5\xdf\xaaq\xdd\xc5-\xa9\xbe\x16\xdc\xb3\xc1\x08\x16E+\xbaYJ\xb8\x98\xcc\x93\x1b\xed\x9a\x1b\xed\xaa-r\xef\x05\x98\x03\xe6\x00\xaf\xb0e\xa8\x11\xae1\xbb\x99\x14\xe3\xa1\xe3@`ha\r\xc5\x13\xd2\x9f\x0f\xd9\x87\x81M\xabI\xf2\xd3\x8c53\\\x01d\x85:\x9cX?C"\x04\xec\x81\x8an\xba\x8c2m9\xf5j&amp;\x8c\xbf\x00X\x01\t\xeau\xcfX\x8bK\x99\xaf\x8b!\x9a_\xa7\xf9Z\xf6\xa8\x9b&lt;\xa7\x7f\xcbG\x9fm\xe7w\x81g|9\x00v\xc0\xa6\x19\x03n\x1f\xdfpe\xef2V\x89\xc6\xbe\xca\x8dr\xc9\nu \xfa\xfe\x87k\x878Go\xba\xbfu{\xcd\x18\xd8\x87\x0b\x1d\xce\x1ezu\xafD\xa7z;R\xb9w\xc1/\xb7\x8e\xbd\xc7t\xae\xc7\xe7vH\xb6\xb0\x1at6)\xdf\xfb\xaf+Q\x0c\x80\xfb\x8e?\xdb6\x9f\x88\xf6/\x1b\xb7k\xc1\x08\x00\xe3:\xe5\xcf\xe8\xdd\x8c\xaf_\x8a\x8b\xb7Hn``a-\x80m\xb3\x87\xb0\xb8"{\xef\xb9\xeaZ\xb1De\x81\x02\x1c\x81[G\xd7\xbd\xe5\xc1\xfa\xc0l&amp;k\xa0fi7\xfa\xf9\xa6\xde\xfdclA\xf4\x0b\xf3\xddC{\xaf\x0bEd\x04X\x13\x91\x81\x0c\xb8\x00,\x81\xb5\x93z\xf3\xaa\xe3\x00\x00\x80\xeb\xbb\x19\xd6\xfd\x1bUa\x0b\x00_E\xcc\x80\xab\xfbW\xe8\xce\xe7~\xf4\xd9\xf6\x00\x03N\x9e\x19l\xd7\xafa\x86\xb8\x85\xc7\xe4\x15\x1f~\xb2\x97i\xb8\x96\x98\x18\xbbWub\xbd\x00\xd0/7/\xecX\xc8\xbf2|*2\xb0\xe4Z\xb9\x02CDW\xf7\xaf\x00P\'\xd6kF\xeff\xad\xaaDw\xca)\xcf\xa2\xcd\x00\x18\xb9i\xa7\x9cx"b\xb5Dye\xdc3\x83\xed\x18I\xd1G\xa8PF)\xdd\xe5\x8b\x03+\x15\xb6j\x87\x81u\xb3\xef\x11\x99\xc1v\xa2\xc8\x93\xd4\x82j\x0b\xfb\xd6\x8ey\x17\xffS1tg@\x86\xe8\x0b\x9a_\xd4\x1ew\xe5#\x0f\x17H\xe2\xb6\xcd\x19\xc2\xb8Q\'t.\xd0QC /\x08jR)\xe4\xd8\xdai\xfc\xcf\xfa\x15\xfcu\xfb\xfay\xe0\x94C\xb4\x95M\xd4!"\xe9NJh\x9c\x14&lt;\xbc\x95\x8aq\xa5 \xde\x8f\'h\xd5)\xeb9@H\xdf|_0\x02\xe6\x0eh\xb5i\xc6@\xfd\xbb\x02\x87WM\x92o\xcc\x8f\xf3\xd1k$9\x00\xdb\x85$]\xbd\xe0\r\x128L\xdeG:\xb2\xbc\xe61\xdaJW97\xc3\xc86\xb5\xfe||n\xf1\xb0\x0e|\xcb\xd2\x91E%\xcd\xefH\xf5\xb1\x083)\x9e\x15&gt;\xda\xdd\x06\x8c|\x94}&amp;\xa2\t\xea\x822\x94&lt;\xa4T\xc1\x19\r\x13\x03\x01\xf4i\x90\xf6\xcd\xe7{\xcfo_\x08\xa0\x8c\xb5\xca\x12Z4\xac\x03T\xd6\xc6wD\xaf\x88^\x8ej\x97\'\xda\xfd\xfcr\x8b\x86\xb6/\x88\xf7\x8bs\xd4\x7f\xaf&gt;\x08t\xa9\x95\xb8k\xc1H\xc5\xaf:\xd7\xac\xc0\x1e\x9e\x85\xce&lt;q\x8e\xb7XRu\xe4\xed\x18\x08\x89\x1b\x94\x88\x12]5\xb2\x06\xdf\xbdd\xec\xffoI\x04GA\xbc\x1f\xff\xb1U\x02m\x98Y\xcd\x10\xa0\xf3\xc0;\'6\x8ad\x06\x92Ly\x03!\xd1\x10\xac\x04\xaf\x9a\x8e;\xec\x03\x14\xa6\x15\'D2\x92A"jaXz\xae\xe1\xc9\x08\xd6@\x10`\xa2\xf6\x02I\xde\xed\xba\xe5\xbc\xe5\x83&lt;\xbbe\xae\x84\x06&lt;\xca\xb2\xc4j)\x87\xa3\xe6\x9f\xb5c&lt;\xca\x97\x02\x00\x91\xff\x9c;\x9d#\xcc\xa4#\xd4\xed\x8f6\xc4Y=\xba]\x1e\'\xd4\xd3M\xb4.1\x9a\xb96\x14m\xa9\xf1\xb06L\xd5\xe3\xf1\x0b\x04\xb2\xf5\xd1\xe9&lt;\xfcl;7t\xd8u\xb5\xb5o\xd2\x0b[\xc0Gm9\x8d\xefT\x8f\xfexP\xbb\xacg\x98\xa9\xaa\xb3\r+E\x1e\xd6*\x87]nha\r\xf6\xb2T\xf20\xf1\x01X\x935\x86;\'6\xe6\xc7\xf9\xf4\xcc\xaf\xac\xe5:\x1f\x01\x00\x98\xdd\xbf\xa5$\xcc\xa5\x08^G\xf3\xff\x05D4\xb0i\xa6\x18+c4,"\xde\xaf\xebF\x1eJ`\x8eHC\x92\xe8\xdf\x05a&amp;\xaa\x89\x9e_\xce;\xcd\xcfRR\xf2\x03\x03\xd69\x03#^I\xee\xc6\xf2S\xe5\xc7\xf9\xf4m\x98\xce\xff\x14udIF\xa6dE\'\xa2\x8e\xd9\xe5\xd9\xe7T\x1f\x0b"\x9a\xd8\xb9~\xba\xc0\xda_\xab\x8c;\xfbc\x81\xbe\xc6Dz\x9fc0\xb0lTgm\\ r\x9b\x89\x88\xbe\xfat\r\xd4^Pg`l\xc7\xba\x86\x17~\xc8\xef\'_&lt;\xbe\xd8\xbfb\xd7\xfc\x11\x00L\x85\xb6\x07\xf3\x06\xb6f\x91I\xe8LJvT\xda\x18\xa5\xf9\xe3\x19Q\xab7P\x94[A\xbc\xe1\xbc\xfd@\x90\xac\x1d\x90\x81p\x90% px\x00\xed\xaa\x955\x01\n\xe2U2\xdcNF\xce\nM\xea\x85pS\x8c\x17\x18\x0f\xe5\xf3\x8a\xd4,\xff\x86\x80\x9b)\xc9\x9e\xa6\xacr"\xc6\x16\x0b\x06\xb75\x03\xfa4Hc\xfe}\xe6\x03`)^\xaco\xe57\x9f\xef\xab\x16\xe2\xd0,f\x0c\x08\xab\x00\x00 \x00IDAT%\x9c\xe5&gt;\xd9\x02#\xdb\xd6\xf2Q\xea8\xfb\xe1\xc2KV\x16\xf4\x7f\x05Dt\xfd\xe0\xaa\xacPG\x00s\x07\xb4\x02PJ\xb3}\xa0\x04\xba\xa9\xf9\x01\x10}\xab{\x87\x1a\xe1\xa5$\xd6\xae6CR\xaeK~\xbeg\xa9|7\x03\'b\x8a\x8fyA\xbc\x1f{5\xab\x879V\xf2\x90\xfe\x10yn\xdf[;\x19\xae\x1d\\%\x91\xb6%\xaf\x87+\x86\xa3\xf09\xd2\x02\xdb\xe6\x0c\x918\x1c\xc2LQ\xc6\x1a+\xc7v\x93\xff(E\xe8P\xd2\x03J\xc2\x91G\xea\xc2:\xa6\x0c\xfe\xf3\xf4\xd2;\xa6?\xb0\xa0\x8e\x17\xf0\xfb\xfd3\x92\xaf\\\x80\x7f\x9e\\\xe4c+m\xad\xbf\x1b\x92\x08\xf1\'\'{\x99\x8eh]SuEs\xc0\x00\x9d\x9a\xd1\xfd\xf3\xf4k\xd1U\xbbg\xd1\xe8\x8d\xd3\x07d\xf8\xebg\xd0Z:\xa2\xd3\xb7:\xab\x17\xe5&gt;O\x0bY+\xb7\xb2v\x1a\xd5\x06\x83\x9a\x96\x80\xcb\xc4\x1b(c\r\x00\xac\x9c\x8dg\x85\x0ei^\xbdir\xe8\xac\xbe\xc5|\xc0$\xe2\xf9u\x7f\xc0Gm\x1a\xea\xae\x1f\xfc\x10\xe1\x0fD\x9a\x83\xb5\xec\xf8\xbf\x08\x1e\x07\x1bZXc\xc7\xbc\xe1\xf4\xfb=\x1em\x03 rZ\xe9\x85;\xb0u\xf6\x10Q;S\x14\xee\xe1\xa6\x10\xdb\r\x1a\x08\xd6|5P}\x06\x06"Z8\xb4\xbd\x8e\xaa(\xe6\xf4\xe40Q7\x01\x97\xf8FL\x81\xaey\x89\xef"\xa6E\xd0\xf7W\xe5\xa207\xca\x85\xf3\xab,\x1dYT"\x06\x88\x9cH\x17.`\x88H\xd2\xa3&amp;\xc6\x06o\x9e]brAB\xa4\xca\xbb\n\xeb\x85\tpx\xd5$N\r\xa6\x03b\xee\x8d\x07@D|\xc2\x8ci_\xbbk^\xc5\xb7\x8bdE\x98\xa1\xac\x1d\xec\x80\xd3\x9bf\xb3$\xae1B\x96\xd7\x9d\x13\x1b\x9f]\xde\xab\xfb\x0ck\'I\xdbr\xbcGp\xd5\xa7ez\x94\xa8\x19\x10\xd1\x8ey\x1a\xf1\x0c+\xf5"\xca\x98\x91|\xd5\xf9?\x15\x9c\x91\xe0\x8aN9\xe5\x0f\xaf\x9a$\xda\x08&lt;\x19\x97!?\xceG\xb4n\xe4\x05\x86\x95&lt;M\x9aV\x0e#\xa2\x8an\xe0$}\x1c\xb6\xda\xd73S\xcd\xc4\xa1\n\xce\xf8\xea\xc8Z"\xea\\\xb3\xc2\xbe%c\xe6\x08\xd4&amp;{\x16\x8d\xe6\xf2\xbfK\xad\xc4Pc\x0co\x95+\x89\xfb\xe9\x88[|\x84\x1e\x18i\xae\xf6,\xe6H\xf4\xfc\xff\xcb`\xe8\xf5\x03\xc3w\xd6mo\x06\xca\xe6\x04}\x7f\x95\x7ffy\xc4\x96@\x90\xe0\xfa\xfcl\xeb\xfc\x87g\xb7\x95s\x00=\xff\xd2\x17zZ\x1c\x97\x14&lt;9U\x92/X=\xccQn\xb1\x8d\xedPW\xf1$\x86\x9b\xba\x9c\x14\xc4_\xdf\xbbQ\xc1Y\xc1\x89\xc1$\xb8\xa2\'\x8a~\xbd\xad\x98\xa1h\xa4nt\xd3\xbaj\x99\xb6\x991D/\xbe\xff\xe2\x00\xb3\xe4\xde\x02\x9c\xd9\xed\xf0\xaaI-\xd2"\xb5\xed\x96W\xc6\x83]t\xdf\x921D\xf4\xf5\x85]\xfc\xab*\x81\xb6\xe3:\xd6\r\x06ZU)\x9d\xf7n\x99\x02\xde\x9a&gt;\xa2DA\x87\xd7\x96\x1d Y\xfc\x86\xb5\xcc\xfeO$\xaa\x87\x99 \xd2\xa2xj\x11\xd1Vu}\xbb\x88C+&amp;\x02H\xf62\xfd\xe9\xc6\xa7&lt;\xfe\xe7\xad\x8e\x879\x02~jq\\\xab\x8c;\xd1O\xdd\xebVb\xa4\xdf\x11f "6\x19\xaa\x85\xd8\xffv\xf7\xa4\xfc\xe4\xf1\xce\xaatm\x07 \xc5\xdb\xbcl\x89\xac!5&lt;\x80p3\x98\x03E\xb9\x15\x1e~\xb6]t\xf1u\xa8Q\x8e/\x00\xae@\xf3\x94pE\xd2r\x96G\xf7\x11\x86\x82\x88\x1c\x01_M?\xfb[\x87t\xde\x17\xc4\xe4\xe8(u\xbc\xe9\xd0\xca\x89|c\xcdh\x85g_\'\xd6\xabab\xe0\xc86*S\xfa\xcc\xe69\x12\xee\x14\x00D\xff\xb0\xd7@\x8ee\xa3:+\xe6\xf0\x05\x03\x03\x9adJ\xd2\xb79,4\x89\x19D\xf2\x16\xc3\xe1\xc0\xeaie\x02\xbaezT\xe7\x9a\tr#\x80\xb5\x99\xdd6gHy\x83\xa5I\xeb*\xa5\xc7\n\xbcii~\x96i~\x96\xa2\x17\xc2\xf0\x0cHh![\xe5\x8d\x12\xc5*\xa1\x81M2\x17\xa9\xb3S\xb4\x19\xea\xdd\xeb\xea\xbfiD\xbf\xea\xcd\xb0\x14{o\xf1\x8d\xef\xc8\x162\xa6C\x1d\xd6{\xd9V\x89\xc1\xa2AB\x80\xb6\x02=El\x9b3$\xaf\xcc\xfbIW\x03\x10f\n\x1f\xc0\x11\xe8\x91\x9f\\\'\xd6\x8b\x89\\o`\xee\xc0\xd6\x00D\xe7\x1b\xaf\xa6\x96T\xecWt3\x12\xcb\xef\x0f,S\xb5\x8c\xe6k\xc9\x1f\x0f\xce\xba\x02\xbd\x0bR\x1b\xc9Z0I\xb4\x10\xbd^\xff\x04\x99\x9b\xaf\xa2\x9bQ%\x0f\x93\xbe\r\xd2#\xcc\x10f\x8a\xeaa\x8e\xcdR\xc2\x89\xc8\x1fh\x9a\x1c\xbai\xfa\x00\xc9\xfe6@\xbf\x86\x19\xd5B\xec\x8deA\xef\xfft\xb8\xee\xbf\x19\xf2\xd7r|\xa7z\x11f\xfa\xb9\xbd\xfes\xe0\x11\xe0Z\xa5\xdd\xfa\xd4O\xb3Sm\x94\xd2\xcd\xebF\x9a\x9f\x95\xa2\xc6\xa7\xa3\x11\xb1\xa45\x8a\x04\x7f&gt;&gt;\x17c\x0b\x7f@l{\xc2\xc0h\xec\x82\x01\xfa\xebQ\xb5\x90\xb7\xe4\xdc\xc8\nux\xfd\xb0\xb89W\x8a\xb7y\xef\xfa\xa9\xfc)T\xf62\xe3j&amp;\xcb\x89\x16k\xa6t\xbf~\xe6\xc0\x833[y\xa0\x0f@Ew#\x89\xa0\x04\x90g\xb0/\xd5E]A&amp;f\xfeL\xecR\x9f\x88$\x02W~\x15\xb6\x9e\xc5;\x17\x97\xfc\xe8F\xad2\xee,\xe5\\\x0eG\xd9\x16\xf9\xe5D\xb0HR\xab*\xa5\xfd\xf5u\x80\xe1g\xe3\xb5E\xddj\'}wu\xbf\x01\x07\x01\x80\x99f\xf7\xcd\xf7\x8ej!\xf6\t.\xc8+\xe3^%\xd0\xa6eF\xf4\xdaI\xbd\xcb9\xa8\x84\xe0\x90\x165\xe8\xdb\xcf=\x01cus\xb426\xc5\xe5\xc4_\x1e\xfaD&lt;\x8f\xb6\\\xb8*\x81\xca\xaeGV/\xc2\x17\x960\x13\x15\xa1,\x80\xd3\x9b\xe6T\xd7,j\x93\xa3\xb4\x15\xdc\x81~\x8d2,\xd5&amp;\xe9\xe5=KY\x0e\xf4\xe1\x95\x93\xa0\xeeW\\J`\xf7\x94\x9c\xa1QR\x10\x8b\x03;\n\x1b\xb3B\x1d\xc2MQ;\xc6\xe3c7\x98b\x88\xd9\xb2D?\xf2\xb4\r\x1d\x90\xa4\n\x98i\xa6\x7f\xe8\xe8\xef\xaa\rr\x05\\\x02\xbd\xae\x8c/\x0f\xaf.\xe9EuC\x9b\xa0d\xbf\x94\xe9z\x1c\xddj\xebj\x1b)\x8a/\xce\xc6\xc3\x04\x95\x8e\x15\x80\xd9\xd1\xf5\xca\xfbJ\xb8\xa0\xbb\xd5\xaeHD\xac\xf2\x99\xa1\xa0\xbc\xef\xc8\xb6\xb5\xcen\x99\xdb\xbaJ\xe9h+\xf4\xa9\x9f\xf6\xd5\x91\xb5\x8a\xe7\x14\x95J\xa2\xbf\xd8+\xc41\xa4Eu\xc6\x1a&amp;\xd2\xa4\xb4\xcc\x88\x9e7\xb0\xb5\xf8|\xd3\xfd\xad\x864\xaf.\x16\xf5p4N\n\x1e\xa0%\xcd\x94g\t\x9b\x03S{4\x96\x1f\x1e\xef\xac+\x80\xff\xeepR\xfaS\xef:\xc6\xfa\xe5\x19rZ1\xd7\x96\x88z\xd4M\xce\x0c\xb6\xeb\xdf\xb8\x8a\x8ec\x93\xbdL\'v\xaeO\xbf\xde\xd21NC\xe0)K\xc2\xe6\xc5\x10\xfe\x80\x93\xda5GD\xcdS#\x9e\x7fy\x98\xc5\x96\xe4\xe9&gt;n\x00k\x07\xef\xa4\xf9B\x99\xab\x1b*L\xee\xd6\x90\xe8\x1f\xbd5.\x9c\xd2\x87#\xcdO\x95X\xc0\xec\xd7\xde\xf5S\xf5\xb6\xca\t3E;\xcd`[\xc7\xec\xf2\x95\xbd\xcc$EK\xf6@\x8a\x8fy\x84\xb9\xca\x9a\xa9\x19\xedZ=\xcc\x91\xe8\xc5\x8b\xaf\x8e\xca-\xbc\x95c\xbbM\xeb\xd9d\xeb\xac\xc1\xae\x1fc\x00\x0cD\xafE\xcf5\x11\xc9eY\x19\x1b\x151\xb7\x8e\x18:\xb7\x1c\xeb\x94\xf5\xfc\x1f\xab\xb0\x880W=E\xfa\xf3\xd1\x7f\xa8\x13\x99A\xc30C\xa3\x8aA\xd5\xc3\x1c\xa3,\xb1H(\xb1Q\x0c\tp\x8e-\xdd\xd86gH\xdf\x06\xe9I\xeeF\x00bl\x8b\xe5\x94\xb5J\xe5\x91J%\xa2\xdf\x89(\x088\xbdi\x0e\xd4\xe1e\xfe\xad\t\x8a\x9b\xb3k\x1eE\xbf\xde&gt;\xaew0\xe5\x1c \xb6\xf0Mp\x01\x11E\x98aj\x8f\xc6|\xa3\xad\xbedv\x8e\x87g\xb7\x11\x11k3\xc0\xf1\xf2\xde\xa9\x96\x19\xd1\xef\xce:\xe5\xady\xdbc\xed\xf5X\x0fD\xcf\xf9m1W\xffk8S|\x8b\xb4\x08\x16\x8fiR)D\xbc\xbdwOn\xf2\x00&amp;\x14\xe9\xe7;\x92T/:i\xe74\xacSVk\x01\x1f\xeb\x8c(\xa2W\xbd\x94\x82x\xbf(K\rJ\xfdY\xfd\nY\xff\xc5\xdf\xee\x9ed\xf28\x080\x052\x835\xdc\xf0\x81@\xe7\x9a\tb\xa1\t\x80Ze\xdc\xe3\x9dA\xf4\x9a\x88\xc4\xfd\xab\x06\xd9\x1e_WL\x1eE\xf4\xcd\xf6\xb9\xc3\xe4u\xb6\xe2S\xe8U/%Q\xf0\xcb\xa6\xfa*?\xf68Gp\xd6w\x967\xc1bx\x8a\xb5\xe8\xab\'\xf4$"\'`\xdf\x92\xb1D\xc4t\xa6r\x0e0\x02\x96\x8d\xea\xdc\xa4R\xc8\xae\x05#k\x84\x97j\x98\x18X\xc9\xc3\xa4s\xcd\x84^\xf5R\xfe\xc7\xba\x07\xfe\xaf\x86nj@~\x87tg\x98\x88\xa4\xea\xe2\xaa\xfb\x9f.\xa1\xb2\x06\xb4\x99\xfc\x12\x9c\xde4\xbbfi7\x83v-a\xed\x18?g\xdf\x06\xe9D\xdf\xb0\xcf\xe5\x1c\xa4\x14\xf6%\x821\xc0\x9ab\xcb\xedd\xd6vC\xf2\n\xec\x9c?\xdc\x08 \xfa\x91\xfd\xc9:\xa3\xce\xec\xd3\x9c\xebJ}\x1a\xa4\xfd\xf5\xf5y\xf6\\J\tnP\xf6\xb0$\xef\x1f#\xb8\xd71\xbc@uOy\x00\xd9\x11\xce\x05\xe5\xfd\xdc\xd4\xf4j\xba\x7f\x173#\xe8\x87k\x7f&gt;&gt;\xcf\xb6\xb8\xa8\xf3w\x0b\xd3"\x99\xd05\xb0F\xcc@\x18b\x8c\xb2n\x94\x9d\xb2\xcb\x03\xf0\x05z\x17\xa4\xca\x7f\xc8\xc4.\xf5%\x0ftb\xe7\xfaq\x8e0\x05\xec\xb5snK\xda\xa6k\x83\xee\xfb\xe6\x06\xd4\x8b\xd3\xf0\x96}*\xaba\x96\xf7\xb2g\xb0U*\n\xb3\x07j\x95Vi\x14Q\x96\xe8\xdb0\xe3\xb7\xbb\'\x15W\xc9X\xc1_\x9e\x1b\xe5\x12m\t\x96n\xcf\x17zW\xe0\xd5\xbd\xd3q\x8e*Z\x8b\x00\x80\x88\xfe\xfd\xe6\xb2\x8e\x9f\xa3\x08\xb9\x14\x92\xdc\xd2\xcf\xb6\xcec\x1f\xdae\xc5\x8aJ\xe8\xea\t=\x0f,\x1f\xcf\xc39\xf2"v\x00\x8d\x93\x82\xe9\xcf\x87\xa77\xcdf-B\xdd\x00\xcfw#\xa3\xfc\x08@M\xbb\xf6\xe9\xaa\xc9z\xf7d\xcdQ\xdf/\xf8\x8c\xe1dXz1\xb0i5=~G\xf5\xdb\xa2C\xfd\x13\xdf\xd5\xa2\xdc\n&lt;e\xa5NYO\xae\xca-\x12To\x00b@\xb5D \xa2,\xcd\t=\xace\x0e\x80\xb6\x991\x00\x96\x8c\xe8\xf4\xe2\xab\xa3l7I\xda~\xbd\xf2\xbe\xdfh&amp;\x1dv\xcc.\x7fa\xe7\xa2;\'6\xfa\t\xf1I;\x95\xa2G\xf4\xea.\xdb\xf2\xcb\xadc\xec\x83\xc6U\x95\x06&amp;\xde\x07\xd1\x0e\x00P\xd6\x0eI\xeeZ}\x045\xa3]\xe9\xcd\x93;\'6\xb2?=\x81\x19\xbd\x9b\xe9\xbc\xda\xdb\xa0\xa5\xda\xa3(\x16\x9di\x03\x13^L\xfd\xef\xd70\xa3g~\xe5\x8b;\x17u\xcc\x8e\x03\xb0e\xe6 \xfa\xe1\xda\xba\xc9}6N\xefOD~\xea\x92\xf8\xaaA\xb6M*\x85\xcc\x1b\xd4F\xf1\x84\xc9^\xa6\x06\xc6v\xec\x81\x9e\xf5*\xb3\xe7XR\xd43x\xe6\xbf#$\xb9\xfc\xa2\xc9\xd2\xa5V"i\xf6gU\x14\xac\xec\x0e\xf3r69\xd7\xb7\x8d\xa6\xddV^\xf6\xa2r\xf7\x9a$\xfd\xec\xda\x81\x95Dtl\xcd\xb4&amp;\xc9\xa1\xa2\x97\xd8Lp\x1a\x9b\x00\xd3{5\xeb\x98]&gt;\xdc\x14KG\x16m\x9e1\xd0\x0b\xb0U\xaab\xfb\x88\x12 \x18h\x99\x11M\xf4\x9d!\xbd\x95k\xc7H\x15 \xb9\xe6n\xb8\xf9\x1f\x04\x0cj\x96\xc5ZK\xb3\xde\x14\x00\xe8\xf5\x83\xb7 #\xd2\xad|-\x1e\xdeQ\x92\xf1\xb2tD\'~ \x97\xfe+Fw\x11\xf7\xd1\xd6\xae\x04B\x15%\x80G\x9fm\xd71^\x13\x80\xe5\xd5\xc9\xd1\xacrX\xac\xbd\x8a|\x98^\xdc`\x1b\x99u\xdc63f\xdf\x92\xb1W\xf6.\x9f\xd5\xafPr\x94\xe4\x01\x04\x03D\x14i\xae!\xcd\xe9;U\xda\xeb\xb7W\xf6K\\\x13"\xc6v\xa8\xc3m\x1dE\xc49j\xedx\x1cc\x0b"\xe2\xef\xf3\x7f\xa8\x02\xf1\xe4\xfa\x99\xb1\xef#\xdb\x83\xdd\x9cC+&amp;\x9a\x01\xfd\x1af\x0ck\x95S-\xd4!\xd1\r{\x16\x8f\x16w\xcb\x8f\xf3\x19\xd2B\xd5\x93D\x94\x86\x92e\x90\xc9\xbd26H\xf6,\xf6\xcb4L\x0c\xd4;Rm\xe9I&lt;\xad9\xc2\\!\xb9\x85\xcf.\x89\xb7}X\xcb\x9c\xc9\</t>
        </is>
      </c>
      <c r="E506" t="inlineStr">
        <is>
          <t>&lt;class 'numpy.ndarray'&gt;</t>
        </is>
      </c>
    </row>
    <row r="507">
      <c r="A507" s="1" t="n">
        <v>505</v>
      </c>
      <c r="B507" t="inlineStr">
        <is>
          <t>steps_per_sec</t>
        </is>
      </c>
      <c r="C507" t="n">
        <v>7300</v>
      </c>
      <c r="D507" t="inlineStr">
        <is>
          <t>3.3521779</t>
        </is>
      </c>
      <c r="E507" t="inlineStr">
        <is>
          <t>&lt;class 'numpy.ndarray'&gt;</t>
        </is>
      </c>
    </row>
    <row r="508">
      <c r="A508" s="1" t="n">
        <v>506</v>
      </c>
      <c r="B508" t="inlineStr">
        <is>
          <t>Loss/object_center</t>
        </is>
      </c>
      <c r="C508" t="n">
        <v>7300</v>
      </c>
      <c r="D508" t="inlineStr">
        <is>
          <t>0.14727904</t>
        </is>
      </c>
      <c r="E508" t="inlineStr">
        <is>
          <t>&lt;class 'numpy.ndarray'&gt;</t>
        </is>
      </c>
    </row>
    <row r="509">
      <c r="A509" s="1" t="n">
        <v>507</v>
      </c>
      <c r="B509" t="inlineStr">
        <is>
          <t>Loss/box/scale</t>
        </is>
      </c>
      <c r="C509" t="n">
        <v>7300</v>
      </c>
      <c r="D509" t="inlineStr">
        <is>
          <t>0.09323388</t>
        </is>
      </c>
      <c r="E509" t="inlineStr">
        <is>
          <t>&lt;class 'numpy.ndarray'&gt;</t>
        </is>
      </c>
    </row>
    <row r="510">
      <c r="A510" s="1" t="n">
        <v>508</v>
      </c>
      <c r="B510" t="inlineStr">
        <is>
          <t>Loss/box/offset</t>
        </is>
      </c>
      <c r="C510" t="n">
        <v>7300</v>
      </c>
      <c r="D510" t="inlineStr">
        <is>
          <t>0.13284318</t>
        </is>
      </c>
      <c r="E510" t="inlineStr">
        <is>
          <t>&lt;class 'numpy.ndarray'&gt;</t>
        </is>
      </c>
    </row>
    <row r="511">
      <c r="A511" s="1" t="n">
        <v>509</v>
      </c>
      <c r="B511" t="inlineStr">
        <is>
          <t>Loss/total_loss</t>
        </is>
      </c>
      <c r="C511" t="n">
        <v>7300</v>
      </c>
      <c r="D511" t="inlineStr">
        <is>
          <t>0.3733561</t>
        </is>
      </c>
      <c r="E511" t="inlineStr">
        <is>
          <t>&lt;class 'numpy.ndarray'&gt;</t>
        </is>
      </c>
    </row>
    <row r="512">
      <c r="A512" s="1" t="n">
        <v>510</v>
      </c>
      <c r="B512" t="inlineStr">
        <is>
          <t>learning_rate</t>
        </is>
      </c>
      <c r="C512" t="n">
        <v>7300</v>
      </c>
      <c r="D512" t="inlineStr">
        <is>
          <t>0.001</t>
        </is>
      </c>
      <c r="E512" t="inlineStr">
        <is>
          <t>&lt;class 'numpy.ndarray'&gt;</t>
        </is>
      </c>
    </row>
    <row r="513">
      <c r="A513" s="1" t="n">
        <v>511</v>
      </c>
      <c r="B513" t="inlineStr">
        <is>
          <t>train_input_images</t>
        </is>
      </c>
      <c r="C513" t="n">
        <v>7300</v>
      </c>
      <c r="D513" t="inlineStr">
        <is>
          <t>[b'512' b'512'
 b'\x89PNG\r\n\x1a\n\x00\x00\x00\rIHDR\x00\x00\x02\x00\x00\x00\x02\x00\x08\x02\x00\x00\x00{\x1aC\xad\x00\x00 \x00IDATx\x9c\xec]e\xb8\x147\x1b}\x81"\xa5\xb4\\\xb4\xb8\xbb\xbb\xbb\xbb\xbb\xbb\xbb\xbb\xbb\xbb\xbb\xbb\xbbS\x1c\x8a\x14(\x94\x16)N[(\x94\x02\xfd\xd0\xf3\xfd\xc8\xdd\xdcl&amp;\x93\x99\xb5\xcb\x05\xf6\xfc\xd8g6\x93I23\x99\xc8+\xe7%\xf2\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xfc\xf0\xc3\x0f?\\Ex"\x00\xb9b\x9afx|y\x1f\x007J\x9e\xd4\xb5\x9e\xd9)\xe0\xd9_\x97\xf6&amp;&amp;"\xa2\xc4D\r\n\xa6\xe6\xa7\xbe%\xe2\xd5\xc5 "\xa2.U\xf3\xa7\x08C\xdf\x11\x15I\x1c)\xba\xa2(\x00X;\xa9\x17\x11-\x1f\xdd\xe5\x9fk\x87Yz\xe3\xc2i\x01\x1c]3Ul\xbc\xf3\xf1\x7f\xd2}U\xc9\x12\x8f\xa5\xf4kP\xf2\xc1\xb9\xed\xf8\xe3\x02\x80\xb0D\t\x85\x0b\x01&lt;\xbdzp\xe7\xbca\xfc\xaaE\xc3\xdaK%g\x8cDQ\x89\x1e\x9d\xdf)\x16\x9e5\x8a\xd9\xc3\x90n\xe7\xb9p\xfc?vw&lt;eF\x9f\xa6Ag\xff\xf8I:\xcb[\xd8\xa0@\xaaQm\xaaik\x11\xf1O\xf1d\xdf\xd9j\x1cQb\x9b\xf9\xb4\x18\xd3\xbe\x867\x8a\xb1\xc6\x9a\x89=\xbd[`,"\xf3\x0f\xe5\x13\xc0\x7f\xb7N|\xec&amp;\xf8\x11\xc2P-[\x82\x14_\xe92\x88C\x85\xd9\xd9C+&amp;\x0cl\\\xa6o\xfd\x12\xc0{O\x1a\x03s\xc4v\x1edE\x8cn[\x8d\x1cg\xa5\xe1\x9e\x8d\xe0=k\x17\xc5\xd3+i#\x04]ra\xe7B\x9eA\xca_*UTGQ\xef\xd9A\xc5\x8c\xb1\x01\x14\x88\x1f\xa1t\xeah\xc6\xab\xf8\xb5\xcbFw\x8eJtd\xf5d\x00q\x89\x80\xa7b\xb6\xb0Du\xf3&amp;O\x1d.(??\xb5bLW\x00x~\r\xc0\xdeE\xa3\xbbV/\xc0O5-\x96\xc1\xec\xaeY3\x8a\'\x8f\xcc\xfeN\xef\xd5\x04\xc0\xb5C\xab\x00\x8ci_#h\xc6z{Gy\xf9\x88\xd6U\x94\xf7\x92&lt;\xb42\xbb\x9b\x88j/[\xd7\xea\x05\xbdYk\xf0"\x87qU\xe2K\x88\xdd\xd8U\xb8\xb7\x92\x0b\x06\x84\xd8\x86}\xfe\x88g~*:\xd1\x9a\x89=\xa7\xf6h\xa8y=7\x8fo`\x83\xc8\x84\xceu\x14\xc3\xe2\xff~7^\x02\xbc\x11\x8e\x83P/_\n1\x9dL\x86Z2\xe9.&lt;\xb1\x7f\xc3\xd2o\xef\xfd\x08\xa0_\xfd\x92b-\xe4X\xc0\xb2\xbfC\x9bW\x94JhZ,=\x80\xdeu\x8b\xe3\xd5\r"\x8a@\x04 \x0c\xd1\x9c\x01-\xcfm\x9f/W\xf7\xfe\xde\xa1\x15\x13\x00\xf4\xa8U8*\xd1\xab\x9b\xc7Y\xb1\xb9c\x85V6^j3\x80\xb3\xdb\xe6M\xecR7\x81\xf3s \xa2\x07\xe7\xb6\xb3&lt;\xc7\xd6Ne\xa7J\xa5Tl\x1fF\xb4\xae\x02 \x7f\xdcp&lt;\xa5U\xe9,R\x9e\x1c1\x8c\xd7\xc9p{&lt;\xb1\xb3k\x08\xafJ\xcc\x16MNi_!\xa7\xbb\xad\xf8\x0c\xe1\xd5)\xd8\t\xf6\xc7\xd9\xef}\xd3\x80\xe3\xeb\xa6\xbd\xbcq,\xa5a\xc5\xe9\xe1\x04\xa0\x19\xc4\xfcp\x01%\x92\x07H)\xed\xca\xe7$\xa2\xdfOn\xd2\\5\xa9k=\x00\x15\xd2\xc7\x1a\xd2\xac\x82\x9dZ\x80g\xee5\x8f#W\xccP\xec UX"\xa2,\x01R\xf9\x818\xb3eN\xdd\xbc\xc9\x89\x08o\xef\xb0\x1e\xc6\x17\xa4l%\x9e,\x14\xed\x9a?\x9c\x88\xca\xa5\x8dAD\x9d\xaa\xe4\rC4\xa6]\xa0\x80\x82MHg\xb7\xce\rCT)S\x9c\xf5\x93\xfb\x88cz\x9eXa\xd8\xf1\x9d\xd3[\xd8\xc1\x95\xfd\xcb\x1d5\x07\x89nn\x9f\xda\x94\x90\x88\x88\xe6\rl%52\x96U\xbfo[.;\x80\x9e\xb5\x8b\x1a\xb3Eg\xd5=\xbeDDO~\xde\xc7\xd3\xdb\x94\xcdND\xe5\xd3}OD7\x8f\xad\x9f\xdd\xbf\x85\xa6|_ A0\xd7\x17\xec8\xbcr\xa2\x8fJ\x9e\xd8\xc5Td\xea-\x00\xd84}\x80\x1b\x17\xb6,%\xaf-4\xc8\x13+\x8c\x1bU\xf8\xf1\xf1Q2E\x14\xe0O\xcd\xa8tr\xc3\x0cv\x00\xfc\xad)\x07\x00^^\x97\x12\xf3\xc5\t\xeby\x0b9\xbe\x11\x8eK\xa5r\x924\xec^8\x92\x88r}\x1fJ\xba\xa4~\x81T\xc7\xd7M\x17SZ\x97\xc9\xc6\x0e\n\xc6\x0f\\\x07\xa7\xd0v\xdd%#:\xb2\x03\x18\x90&amp;\x02\xcd\x1d\xd8\n\x00\x1e_\x02^\x93Cs\xd0\xbeb.\xbc\xfe}L\xfb\x1a\xe1\x9c\x8b2&gt;\xe4&gt;\xf5\x8a\x13Q"\xa2\xbe\xf5K\xf0D\xcd*\x1bx\xa8J\xb4\xbb\x92\x8al3\x9f\xc7\xf8\xfb\xca\x01\x9b93G&amp;"2.\x0f94Z%/\xe2\xbf[\'4\x8f\x91\x9d\x92\xd6\x1c~\x10\x11\x807wO\xbbw\xa1\xd7\x1b\xe3\x87\xfb\xd81wh\xdbr\xd9\x95\xa7\xee\x9e\xd9\xca\xb4\x94\x96\xefl\xc5\x98\xae\xfc\x98\xc9\x01*d\x88\xc5\xfe\xba\xad\x9a\xab\x993H\x07)*\x12\x9b\x15\xcf\x88\x0f\xf7\xc5\x9c\x05\xe2\x87\x97\xc6\xfa:y\x92\xdd&gt;\xb9Il\xf6\xb7\x8e\x03\x00e\xd3\xaae%\xd2X\xd4\xae|N.\xde\xe1\x89l\x02\xa8\x993q\xda\xaf\xd9\xf3A\xeb2\xd9\xe2\x105(\x90\x8a\x9d\xbavp\x15WM\x9b!"\xd1\xcey\xc3\x16\rk\xcf.\xb9\xbcg\x89xV\xda\x8f{\xe5\x83\xd1\x17\x92"\x0c\xe1\xbf\x9bR\xe2_\x97\xf6z^\xaf\x88\xd8\xde-\x8e(\xfd7\xba\xb3\x1b\xa6\xf6si%k\x04\xdb\x05\x12Q\xc5\x8c^o\xbb-\xb8\xf1\xea\xc5\xad\xe7\xbe\xc5c\xbc\xda\x1c\'L\xed\xd1\xd0w\x85{\x0b\xccd\xc3\x0fS$\x0fMu\xf2$+\xa9\x12:k:\x9fV\x8b\xec\x11\xb6\xce\x1a\x14\xd4\x80\xa7W\x94y\xe28\x0e\xb8\xb9\xce\xad\xe3\x1b\x88H\x12\x80\x88\xed\xffq\xcb\x1c.\xa5\xb1\xfc\xa8*g\x8a\xe3(\xe1\x7f\xca\xcc\x06\x996\x11\xd1\xe6\x19\x03\xd9A|""zt\xc1\xc9(h\xc3\x94\xbe\xc6K\xc6w\xaa-\xb6\xe7\xf8\xbai\xbc\xe5\xf9\xe3\x85\xe3\x9b\x93\xc9\xdd\xea\xeb\x1bl\x13\xe1\xb4g\x8dw\xea\xf5\x05x9\xd5\xbc\xcb\x1e\x02C\xc1\x04\xb2\x86\xa2\xa2c\x19\xf1\xb1P=[BW/\x89\xe8\xa5\xaa\x95\xb3\x17\xf0Ns\xc9\xe4n\r\x00\xd4/\x90\x8a\x88Z\x94\xc8\xf4y\xac\xb5\xb7\xcc\x1c\xe4\xde\x85\xf7~\xdc\xe6\xd5\x86|I8\xb3y6\xef=|u\x1f\xd3\xb1a\x07\x90\xccDue\xd6\xe7\x00\xfc\xef\xf6Iv&lt;\xb5G\xc3F\x85\xd3*\xb3\xa5\xd2\x8fR&amp;u\x89{\x05\x0e1\xe9\xe7\xbdK%%-/a\x8e\xb9\xdc\x1c\x00\x9e\xfd\xe2B\x83\x9c\x11\x96(\x99,\x97\xd2\x01\xc0\x8d\xa3\xeb\xc8\xea#7\xa2|\xbaO\xd8XQ\x94\xc2e\xb3iE\x14\xb2\xe1\xca;7\x05\x00\xe0_W\xafb\xa6\x19|\xa1\xe3\xbb\t\xc0\xbd\x92?\x8f\t\xe9\x8b\x80\xdb\xbd\'_\x9c\xb0\xcaqV\xf3\xd7&amp;\xec\xda\xae\x13\xcd\xea\xd7|\xf5\x84\x1e\xec8o\x1c\xa7\xedJ\x12\xa2\xe2\xc9"\xffrp\xe5?\xbf\x1ef-iV&lt;\xa3\x1b\x8d\x91\xc0\xccL%\xfc\xbco\x99\xe7%\xdb\xc4G^\'{\x86\xe0\x19\x17n\x1c]\xe7IEZi\x93\x97\xb1xx\x07\xe3\x078\xa4Yyv\x00\xe0\xf1\xe5}\xaa\xebh\xce\x80\x96\xfc\xaa\t\x9d\xebz\xeb\xc1\xce\xec\xdb\xcc+\xe5h\xe0\x8b\xc7\xeb\x9fo\xdc\xc7\x82!m\xf5\x8f\xcfLw\x17\xd11y\x14K\xfa-\xeb7)\xc2\x04:\xa4(\xd7\xe9.\x81\xc9|\x876\xaf\x18\xa8\x80\xc5S\x96\xce\xb5\xb5.ah\xf3\x8aI=l\x90\t\xd2~M\x05\xe2)M"\xad\xe1\xc5^\xfb\xfe\xc19)\xa5q\x11\xf5\xc6\xabP\xc2\xaf\x83\xa7I\xdeB\x80[W\x15K\xfa\xadu\xa6\x10\x80\x0b;\x16ps\x83\x17\xd7\x8f\xf2t\xd1\x0c\xc1\xecZ~\xea\x93^\x13x\x05!\xb0\xdf~J\xe8V\xbd\xe0\xcf{\x97\x99\x8d\xd9\xfa\xee\x15\xc9\xddJ3\x08W\xda\xdf\x85\x84s\xe4\xb7_Qh/m\xd5\xbd\x8e\xa2I\x9c\x06\xa9\x8c^\x1a\xb2\x98\x12b\xf1p\'\x9dX\xd7j\x81&gt;h\xa9]\x91\xbc}\xba\xf0\xba\xa4lX\x8bJ\xe2\xdf2\xa9\xbd\xe6$f\x1c\xe83}G\xdd\xaa\x17t$?\xd1_&gt;\xb9{\x03o\xb5\xc4\x8f\xcf\x13\x96\xc3\xe5\xf69C\xe7\x0fj-\xa6\x14I\xfc\r\x05\x1a\x8f\x06\xc7\xd4\xda\xbaL6}E\\\xce\xe36\xf2\xc7\xb3\x18\xf9\xec/\xe4{\xd7-fL\xbc{f\xcb\x83\xb3\xdb]j\x92\xe4@\xf0\xbd\xbb\xab]\t\x00*g\x8ek\x1c\x01\x83y\x9dX&gt;\xbd\x8f\\\x8e\xd4\xf0\n\x95\xc5GA\xe08o\xf0\xac\xf4\xa9d\xdf\x8f/\x02\x00\xf0\xefo\xcaS\x9a\xe1\xa0D\x8a\x00\xb3Sc;\xd4\x94R\x12\xd9m\xc9_\xec\xa0\\\xba\x98D\x04\xbc\xfdF\xce\xe0B_\xb7\x9fY\x1c\x07\x8dc\x84qN\x88\xac"\xea\xb1\xd7\xa4\xff-\x18\xd2\xd6\xa5K|\x04\xcb\x96{\xd3k\xe3\xb3\x83R\xff\xb4j\\wW\xcb\xe9V\xa3\x90e\x1ef\x07\x01|0{ee\xd3\xd8p\xf8\xf6\xc3\x0f3\x00\x18\xd5\xb6\x9a\xab\x02\x10\xe3\nw\xe3\xb4\xfe\x9e,F\xc4k\x99\xc5=\x00\xee\xcf\xd5\xa0@*\xb2=\xa6\'\x17,I\xaagw\xcdnO/\xfd\xe8\xd7\xa0\x14\x80\xa7W\x83\x9c\x9b&lt;4\r2bP\x93r\x96yj\xe5J\xe2yE\xb1Ia\xec\xcfQ#G"\xcf\xab\xf8\xec\xd1\xacX\x06O.w\xd5\xa1\xcc\xbf\xd8\xf7\xc3\xfb\xe8^\xa3P\xbf\x06%?v+\x88\xd16\x90\xbd]\xad\xfd/!\x9d\xb7\xcc\xb0\xb5\rk_!\x97\xcdB6M\xeb\xaf9\x9b?^8K\xa3)\x8e\xf4\x9e\xdd\x1a\xe3\xf9\xd0\xe0\x92\xb3?\x9a\x1f_,\xf0\xec\xea\xc7n\x82\x1f\xbe\x04c\x8f\xe1hR$\x9d2\x1b\xf0?\x9du\x887\x00\xbc\xf0P\xaci\xbc\xf6\xc1\xb9\x1d\x9e5*\xb0XM\xab\x02T\x89\xde\xf2\x16\xd5\xd4\xdb\xa1bn\xf7\xca\xcc\x1c\x99F\xb5\xa9\xe6\xc5\xd9\xd1\x0f7\xc0\xc9\\\xfd\xf0)\\\x15\x03|\xd1\xe0\xc3M\xb5l2\xb5\xd7\x14\x1f\xdb\x12|\xad\xb2v\xf0\x1c\xadJg\xb5\x93\x8d\xf9\x0f+a\xa7U\x9f\xe2\xf6|\xf1\xf0\x0e\x1f\xbb\t\x9f6\xaaf\x89\xff\xb1\x9b\xf0\x11\xc0\xd9\x18\xfd\xf8"P3g\xe2n5\n\x12\xd1\\\x87E\xca\xb8\x8e\xb5\x94\xe3]r\x8fy\x00\xf9P\x9b9$\xad\x8dD\x83\xeb\x95c\xbbI\xa7\xe2\xf9f\xde\xb2\t\xceT\xe1\x06l2P\x16J\xf8\xa5\xec\x14\xdc\x18\xd8\xfe\xfd\xed\x88\xf7\xdb\xe1mx\xf1c\xfa\x14\x17:~\xb8\x0f%a\x0b\x80\xd1m\xab\xf3\xbf;\xe6\x0e3\xe6q\x0f|$\x9d?\xb8\x8dY\x1e\xdf\x11\xa6\x9b\x01\xce\xb0y\xca\x0fK\xf0h*k\'\xf6\xfa\xa8\r\t\x84\xe4u\xa1\x07\xf0?"\n\xfb%\x8d\x891C\xfc\xcd\xe6\xf4\x9bDy\x11\xff\\;\x0c\xe0\xdd\xfd\x1f5y\xbc\xdb!\xa2\x86H\xd3fq\x88\xff\xe3\xa7]\xef\x1f\x9cU\x9e\xf2E\xb3\xed\x85\x92t\x07\xeb\xa7\xf4\xf1Y\xd9.\xc0C\x86\xce\x90\x803\x9bg\x7f\xec&amp;\xf8\x10\xbd\xea\x04\xd9\xfb\x85\xb4\x0fS\t\xbf\xcf\xb3\xd7\x00\xab\xc8\\\x1e\xfa\xa5\xb6(\x99YY\xecG\x8c(\xa1\xa4\xb4\x90\x86x\xc9\x1fgr\xb7\xfa\xde\x9a\x00|*\xf8\x92\x9a\x97-jp\x7f\xcf\x05\xe2\xbb\xc9\x87\x11b\xc1\x1f`\xb0\x05:\xfe\xb8x\x7f\xff\xacu&amp;?&gt;\x1b\xb0Am\xeb\xac\xc1\xd9U&gt;\xed\xd3{5\xfeI\xc5z\xf6I\xa0}E\xbb\x86\x9bd\x83t\x85\x9d\x1a\xec\xe0\xe7r\x1b\x8dU\xf6W\xa77\xcd\xf2\xb0X\x86\x10\xa5V\x11\xf1I\xac+\xcd\xe0\x86@\xd2x\xbfO~\xde\xef\x95\xc6x\x1d\xa2\xcb\xcb\'\x8dt\xbe\xb6_\xfc,\x91+f(\xe5\xa8\x17\x12\x8c\x00\x066.\xab9ki\xfa\xf9\xe1\xa1\xcc\x8c\xa6\x87r\x02\x88j~*\x84#\xf8[k\xd3\x10O\x148x\x8e\x0f\x0f\xcf{\xb1\xb4O\x05\xd2\xcb\xed[\xff\xe3{\xf9\xf8\xf1\xa9\xc2U\xee\x1a_#y\xf0\xab\x80\x89\x88h\xcd\x84\x9ef\x03\xbdf\xf4W\xc6s\x0f\t`m\xb6C\xd2\'E[s\x0f\x9d*\xe756 k\x08}6.\xc0%\xa5\xb1\x1f&gt;\x82\x7fq\xef+\x98q\xee\x07I\xc3\x9d\x07\xbe\t\x9d\xeb\x10Q\xf7\x9a\x85|\xdd0_ \x93U\x84\x81\xafT\xd1\x80\x83s\xf9\xef\xc5\xf8(\xb9c\x85v5\xce\x8c\x87PN\x9c\xc1\xd9\x00\x9b\x08\x99\xad\xf2\xc3\x0f\x1fBI\xcd\x1f+\x18?\x06\xcb\xc17\xe4\x00\xc0\xc8\xd6U\xf8\xb8\xff\xc7O\xbb]-\xc1%+\x85\xcfFq\x9a/\x8e\xcc/\xe7\x8b\xde\xb5\xd0\xc0\xb5\xe7I-xy]w\xd6?U\xf8\xf1y\x83\xef\xd1\xdbW\xcc\xc5V\xf7.!8\xb7f\xfck\xac\x9a5\xbes\xfa\x1f\x96\xd7\x0ejR.\xc4~\xcc\xf1\x84\xe3k\x87Vy\xa5\xcc\x90c\'\xe7\xc9.\xc4\xd7\xdc\xce\x92|,\x11\x119o\xc2\xf0\xe8\x82\xe7\xdd&amp;\xbb2\xa2t\xc8C\x9eX\x1f\xd14\xcf}\xa4\x0f\xce\xc8m\x9f\r4\xb1X\xaf\x1d\\9w@\xcb`lK \x80wg6\xcf\xf1JQq\x89\xaad\x89g\x9d\xefs\x01\xf0\xf0c7\xc1\x14\xed+\xe4\x1a\xd7\xb1\x96\x9d\x9c\xdbf\x0f\xf1V\xa5\x00\xd2\x18\xb6U\x96\x12*e&lt;\xe7\xfa\xf9S\x9ay\xc9\xe4\x8e\xe55mU\xed\xdc&gt;\nU\x17\xd2\x11b\x97e_:\xe2\xfa\xf9\x95B\x00\x86\xb6\xa8h\'\xdb\xbf\xd7C\x1cW\x81\xb7\x98%V\x8e\xeb6\xa3w\x13M\x06\xe3\x18\xcc\xe2\xeb\x1as*\x8d\x0b\xdc\x1e\x80\x0e.\x1b\xef\xde\x85n\xe0S\xd9C\xf8\xf1\x99\xa3\xa4y\x88\x18K\x18\x05\xc4\x96\xf0\xaf\x0e\x18d\xc6&gt;""\xc2\x9f\x17\x83\xbb\x1d\xee"x\xde#\xaf\x05\xc0\x05\xdb\xce+\xfa\x98\x91\x87VL\xf0\xacQ\xd6\xd0\xa8\xfdy\xf8I\xaf\x04\x87\xb0\x8f\x1a9\x12m\x9f348k\x141\xadg\xa3\x8fU\xf5\xe7\t\xcd\xea\x01/\xae\x8b\xba\xd9\xe3\xeb\xa6\x15N\x14\xb1\x98\x89\xdd\x1b\xd3\x88*\xfd\x98\xec\xa0l\x1a\xeb\xe8\xa9\xa2\xd4f\xe9\xc8N\xeeU\xf4\x19C4I\xf4\xd6\xa8\x1a\x0ca\xd3=\xd9H\x02\xc8\xa1\xea8q\x89H\x15\x99N\xc2\xf2\xd1]&lt;\xa8\xdc\x1a\x9e\x9b6h\x84\xb1J\xac\x9b\x1c"\xe8=$\xec^0\xe2c7\xc1\x0fs\x00\xe8R-?Y\xb1=\xa7\xffF\xd7\x1d\xa7\xf7j\xeca\x1b\xf4\x19\x8c.\xc7\x9d\xab\xe4S\x12\xd59\x17\xfbJ\x9f\x81\xf9\x07V\xcb\xfa\xf9\x90\xfa\x96M\x1b\x03\xf8\xeb\xdd\xbd \xc1\xf4\xc7\xf2\x9c0C\xcd\\N\xea\xdb\xa2I\xecx#\xb8\x86\xcd\xd3\x07\xb8}\xed)/\xf9]\x13Q\x85\xf4\xdeW\xb7\xfbz\xc3\xf4\xd9X\x9d\xf9\x11\xac\xa8\xe5\x99\x9e\nO~\x96R~\xdc2W\xfc\xbbg\xe1()\x03\xa3\xb2\t\xc9\x82 oQ8\xb8\x84\x90\xe6\xb8\xe76\\r\xb8\xf3\x16\xd2\x84\'\xe0\xbd\'%\xf4oX\x9a\x88\xae\xec[\xe6\xa5\x16\xd9\x05\x7f2\xd5\xb2&amp;8\xb0l\\0\xd7\xee\x87\x1f\x1e\xc1\xe8\x88\x00\x00O.\x7f\x94\xc6\xf8\xf1%#$\x1bM\xd9D\xc81\xf3u\to\xee\x9c\xf6\xbc\x90\xb4\x11&lt;/\xe3K\x02\xb7m\xcb\x11\xfd\xa31\xfc\x00(\x98 \x82q\x07\xb1nro\xcf\x0b\xcf\xa9W\xe4\xd9\x86\x87\x86+^4G\x8eET3gb\x1e\x9cGD\xdbr\xd9s\xc6\xa0G\xe7w\x92\xffK\x10P:\x95\xdfP\xc6\xcb\xf0\xc5V,$\xef\xe6?s(y\x1d$\xa4\xd5\xbau\xa5t\xd9\x8a\'$bt\xbb\xeafZ\x85\x1b\xc7\xd6\x05kS\xfc\xf0\xc3\x1e\xda\x96\xcf\x11\xfc\x95z}\xb1\x98\xda\xc7\xaa\x87\xb1\xed-,\x02\xbeh\xf4kP2\x1a\xd1\xdb{g\x8c\xa7\xf0\xe42\x9b\x18D=)\xf0\x9c\x1dt\xaa\x92\xd7\x91\xf2\xc9o\x9c\xf5\xb8\x7fv\xfbg\xb3B\xc9\x10\xc9i\xb2\xffl\xee\xcb\x0f\x11\xc5\x93y\x8d\xfe[\xbf\xf83C\x96\x00o\xd5\xef\x87\xef\xc14lF\xa3?\x96\xceG\xff\xb9\x03[\x89\x12\xc6.U\xf3\xb3\x83U\xe3\xba\xfb\xba\x85\x9e\xc3\xc3\x91\x0e\x80\xd2\xe8\xde\xd7\x18\xd1\xaa\xf2\xc7\xa8\xd6}\x84\xf2j\x10Z\xfb\xf0\xa2\xf3\xed\'\x8a\xea\xd9&gt;J\x0fu\x1f\xa2b\xdf\xbf\x10\xf98`\x8e\xe6)\xc2\x10\x00%c\x17\x7f1\xe9\xbf\xb1xI\xde7\xe8\xf3\x00\xc5\x92\x06\x9aa\xfb;\x96\x17q\xf3\xd8z;\xd9&gt;-F\xd8\x10\xd5om"\xf8\x97\\\xf1|\xe6\x172\xa9k=/J\x80\xfc\xbb[\xef \x0eQzg\xd5g\xd94\xd1\x01\x84p;\xe1\x82\t&lt;\xd5~j\\+\xf3\xc7\x0b\x89w\xdf\xaatV\x0fK\xf0n\xb00\x00i\xfc*\xe8\x10\x8c\x1e\xb5\x8a$r\xf6\xac\xb4\x03\xe0\xaf?/\xba\xcc}+A\x1f`\xdc\xeb\x00\xe0\x0f\x13\xff9Cz\xb9\xf8\xe7\x17\xf7\xca\xb1\xb3R\x08\xc9q\'\xda\x96sA\x13\xd8\xae|N)\xc5\xd5\x85Rp\xc6r\x19\xd5\xa6\x9a\x7f6\xf1.\x1a\x14L-\xa5\xd8!\xcd\xf5\x1c\xbe\x1e\xfd\xd3\x19l\xf5\x00\x1cZ\xees\xc6\x8e/\x1a!\xc7\xe8\xb8H\xe2o8\xcdgL\xa2\xe1\xe6\xa2\xf3\xd8&amp;\xe9\x96\x0ba_S\x10\x07\'\x9a\x97\xc8\xb4ph {&gt;\x80\xbay\x93\x7f\xdc\xf6\xf8\xc1!\xd2\x7f&amp;\x0bEyb\xbb@\xc5,\xcd\xe5\x00\xf0\xe7O\xe7\xb6\xcdw\xa3\x19\xcc\xa9\xcdfEv\x10\xfc\x02\x99\xbc\xb1\xbfZ9\xb6[0W\xeaGp\xc0\r/\x01;\xae\xa4\x05\xe3\xeb\x96\x9b\xc0\xcb\xfa\x05R\xb9Zo\x08\xc4\xcey\xc3\xc5\xbf!YT\x1a\x92\xdb\xe6k\xb8\x11Fmv\xff\x16&gt;k\x8e\x13\x16\rk\xefy!\xe7\xb6\xcd\xf3\xbc\x10K|\xc9]\xc8eX\x9aR4-\x96\x81\x1d|r\x8fu\xbd\xc7TY&gt;\n/\xe1\x89\x88#\x01Q\xe6\x00\xa7\x14\xe0\x8d\xf2\xd5TH\x1f\xcbL\x85\xb7w\xd1\xa8\x8f\xe8\xc91\xb3O\xd3\x8fVw\x08\xc6\xc4.u\x01Hl\xcf&gt;\xfd\xe8\xd6N\xea\xbd~r\x1f\xae\xe6\xaa\x94\xd1l\xab\x1c\x88AM\xca\xb9W\x11\x00Wy\xee\xfc\x08&amp;\x00\xe8[\xbf\x84&amp;\x03\xa3\xb8\x99\xd8\xa5^p\xb5\xc8\xe7\xf8\xca$\x9dY\x11\x9dX?\xbdr\xe6\xb8&lt;\xd1\x9a\xb6\xf4c\xc3&amp;g\xceo?\xac\t\x86\xc6\xf8a\x1fv\xec\x17|M\xfd\xfc\xfb\x89\x8d\xec\x00\x1f\xee\xebs\x86d\xc5\xcc\x8a1]S\x9a}\xd5~\xe8\x11\xc2\x19\xd6\xbc\x02\x007\x8f\xad/\x9e,\xd0N\xd4\xd2v:\x95\xb0:v\x83Z\xc2wq\xe9\x94\xc3A\x93"\xe9\x00\x00/,/\x0fN]\xae\x1f\x96P\xf6\xc3\xb1\x1dj~\x14\x12\xfc\xf4\xde\x8a\xda\xf3\x91\xd0\xb8H\xda\x8f\xdd\x84O\x1f\x1f\x1e\x9e3;\x15\x9c\x8c\xfck&amp;\xf6\xf2J9\xa5R:\rx\xee\x055\xf3\x9c\xa5\xae~\x81\x94f\xa7&gt;\x8a\x18\xe6\xd3\xf2\x9e\xfa\xecW\'\xbe\x00_\xeb|N\x98\xdc\xad\xbee\x9e\x0c\x9f\xa2\x8b\xc7\xc7BF\x83\x84X\xf3\xb1ynno\x1f\xbe\x9b\xcc\xdd\x1bM^\xde&lt;\xe6\xf5\x96\xb8\x87\xceU\xf2\x89\x7f-\xe3\x1f|\x06\xa8\x91#\x91\x17K\x030\xbecm/\x16\xe8Sl\x9b5\xf8c7\xc1S\xf8\xc2E\x1c\xf8K\xfc\x1b\x9a\xa8\x99\xa0\xa7\xfc\xb4\xd67\x1f\r\xd7\x8f\xac\xfd\xd8M\xf8\x08H@\x04\xbc\xb4\x93S\x9c*\xbc;\xf9y\xd1\xb5\xec\xdf\xdfB\\\xf8\xdf\x90\x8f\xcf\xef\xa1\xb5(\x91\xc9\xd5K\x98e\xc7\'G:\xe2\x87\x0fq\xf5\xc0\nv\xc0\x05\xcd3\xfb4\xdd\xbbx\xb4\xe5\x85!\xd9aJ\x83\x86\xce\xde1\x9f\x9c\xa8\xa1\x8a\xa0\xa9\xf6\xe3\x0bD\xbd|)&gt;v\x13B\x1c&lt;\x0c\xef\xf3E#\xd1\xc7n\x80\x06\xe5\xd3\xc5$\xa2^u\x8a\xb9t\x95\x17\xc7t\x97"q\xbbW\xaf}O}\xe0\x8d\x1b\xe5\x87@|\xac\x88\x14!\x01#ZW\xb1\x993\x85\x0bna\x1ea\x9agq^\xfd\xf8\x1cP$\xb1\xcfLX\x9c\xb1o\xf1\x18\x97\xf2{}\x85\xee\xd2\xe8\xe3\xb6`Q\x9c9\xdc\xf0K\xf0\xdb\xb6\xf9\x02\x83\x9a\x94e\x07\x1e\xc55\xf51|\xbd%\xfd\xe4\xb6\xbcz\x00\xef\x88(\xd9\x97\xbc\xa6\xf0\x1cwNm.\x99"@J\xc4\xcb\xeb\xc6\x9c\x00\xbcB(\xe6\x92\xdf\xf6\xc7\xed\xb2\xc6\'#\xc1h\x80P4I\xa4\x13\xeb\xa7\xdb)&lt;W\xcc\xa0\x9e\x0b&lt;\x10OI\x12\xb6\xe4\xa1\xe9\xf7\x93\x9b\xec\x94)\xc1(1\xf8\xcc\x86\x007\xe0\x12\xa5R0\xa3a\xa14\x1f\xbb\t\x9f\x12\xa6\xfb\xb7/&gt;\x02\xf0\xe0\xd4\xc6Y\x03\x1a\x95\x11\x13Y\x88\xf6`n\xc9\xedS\x9b\xdd\xbb\xd0+\x9b\x9aW\xb7\x8e\x13Q\x1c\xf3\x0c-Ke\x91R\xec?\xa2|q\x83,B-\xaf\xaa\x90!\xd6\xb1\xb5Sm\x96\xec\x87\x1eKFt\xfc\xd8M\x08A\xa8\x90&gt;\xe4p}\xc9\xb0\xe4\xa6n\\8-\x1e\x9d\x0f\x9e\xc6|\xc2H\xe48(\x9c("\x80t\x11\xa9[\xf5\x82\x1f\xb1=\xbeF\xa2\xe0b 1\x02@\xe5L\xea)\xc3HdhDR\xf3\xfd\xac\xd1}O\x0c\x1a\x0c`\xf5\xf8\x1eD\x94/n\xd8M\xd3\xfb\xdbk\xac\x1f!\x17\xe3;\xd5\xfe$\xb6k\x9e72\x01\xd1\xf1u\xd3\x88\xa8v\x9ed\x01V\x15\x89\xfbfr\xfe(4\xd7~\xd1\xd8\xbfd,?\x06\xf0\xf2\x86\xc2\xc2\xfd\x93\xe8j\x9f\x04\xfe\xfd\xed\x08\x1e_\x02^{\xab@\xa5\xbf~\xf6h4\xb6\x83S\x04\xd4\x9d\xf3\x86y\xabFW\x11\xf0\xb1*\xfe\xbc\xa0\xfc\x06\x03\x82\xbd\x19!\x16\x1fkI\xf7\xc9c\xcb\xcc\x81\xfcx\xe1\xd0v\xde*6)\x911\xb8\x98K\xf8,I\n\x98;\xa6\x8f\x88\x97\x87\xb5\xac\xc4\x8f\xcb\xa4\x8ef\x9e\xf1\xd3C0\xa8\xbe\xdd`\xf8\xf8X\xe0\x8a\n\xff\xcaL\x84&amp;\xee\x0b\xf7\xf8/\x10?$\x06t\xfad\x80\xe7\xbf6)\x9a\xde\xbdk\x03\\\xcco\'\xa24\x00\x1f\xc5\xa8#\xa2M\xd3\x07\xf8\xa8d_\xa0d\n\xdd\x8ciS\xf3\x1cb\xa1\xe7\xe8\xf6\n\xfc\x83iH\x80O\xf9\x87\x12\xbb\xcb\xfe\xf2\xc5\xe1\xd5\xcd\xe3\x8a\xb0\x12\x0c\x1f\xee\x93o\x186\xc4\xa9\xd9\xfe\x1ayv\xbf\xe6\xaeV\x04\xfc\xf5\xf8\xd2^W\xaf\n\x1exh\xb5V\'O2e\xfa\xe77\xba\riV\xc1\x98\xd8\xaaT\x16W]C&gt;Q\x88\xab\xddq\x1dk\xd1\xe7\xf8\x8a\xcb\xa4\xf1\x1a\xf1.\x7f8~f \x19J\x1d\x7f\x91\xc4\x16\x0fJ\xbf\x0fp\x89wJ\\\xda\xb5.\x93\xcd\x95K\xdd\xc4\xb4\x9e\x8d\xea\xe6K1\xa2\x95]\xbf\x1b\x97\x00\x80\xd9\x92{k-c\x1c\xd3\xf3\xc4R;\x02U\xb4bo\xff\x9c\xb0w\x91\xb5G\xba\x1e6\xc7\x02;\x06cY\x05j\xfb\'?\xefw\xab9\x1e\xc1\x8e\x0f\xb0\xe5\xd2b\xc1\x90\xb6^i\x8c\x17\xe1\x86\x1c\xd3m\xcb@?\\\xc0\xa3\xf3;\xcdN\xd9\xb1f\x11\xb1i\xfa\x80\x8e\x95\xf2\xb8t\t\x93\x08[~\xc0f\x8c\x14\xc1\xbfV*\x9d\xca\xcd\xe0\x17f\xc3\xdcC\xc7\xf3O\xf1\x15\x11\xd1\xcf{\x97\x99\x95\xd0\xa2df\xf7\xaa\x0e!\xf8a\xd5$e:\x80\xc5\xc3;\xe8\xaf\xc537\x03D\x07\x1b\xf0\xbf\xdf\xbdR\x8e\x1d\x0f\x9c\xe0do$\xa2\xebG\xd7\xf9\xba\x8a\x81\x8d\xcb\xfa\xba\x8a/\x0eR\x1f\x11\xad\xd1=A\xfd\xfc)5\xc3\xee\xe7\xcda2\xa6}\r\x97\xf2\x17O\x16\x19\x7f]b\xc7\xd9\xad\x96@\xf9\xe3\xf9\\\xa95\xa0q\x19\xebL\xc1\x88\x83\xcb\xc7\x1b\x13\xd3\xaa\x067\xbc\xf8\xadR\xa68\xf49\x8aG$\xcc\xb2!\x08=\xb2z\xb2\x17kl]:\xab\x17K\xd3`hs\x85\xac\xcf\x0f\x9f\xc0\xf8\x9d\xb8\x1d\x03=$|r\xc5\x93\xf9\x82z\xd6\x05\xb8-\x05Z?\xa5\xaf\xd9\xa9\xf8D\xe4X\xf8\xbb\x07\xe0\x99\xfb\x17\xfb\x18\x7f\xfc\xb4\x9b\x9c\x85\x15\xc6\x8e\xb4cn\xa0I\xab\x9d@\x92\xec\xf2\x8c\xf6\xc4=\xa3\xdaV\xb3\x95\xef\xd3\x04\xfe\xbe\xf2\xb1\x9b\xe02\xf2\xc6\xb6\xe8\xe8FB\xae\x900\xf2|\xaa\xd8\xbd`\x84\xf8\xb7J\x16\':\xb2\xee5\n\xd9/\xca\xcc\xdd\xa9u\x99\xacD$\xca\xb0\xabf\x8do\xbfX\x97`\x9fLM\x89\x81M,6\x98\xf6\rU\xf3\xc4\xb6\xa0\xef\xea]\xb7\xb8\xed\xc2\xbe,\xdc&lt;\xb6^J\xe1\xa4\xad\xbe\x0e]g\xdf\x12\xe1c\x05[\xa9_ \xd5\xdaI\xbd?R\xe5\xc1\x07\x97\xec\xfc4]\xc2?7\x04\x078%q\x83\x82\xa9\xc9F\x98\x01\xaf\xbf\x15\xb7\x0blP \x95O\xe3\x886(\x98\xca\xa5\xfc\xb3\xfa6s\xe9^\x92}v\x91/6L\xed\xab\x7f\x02\x9a\xb3\xa9\xc2\xf9\xa0AV\xf8\xf0\xc04\x82\x9e\x1b\xf8\xac\\9&lt;@\xf2\xd0N/\xda\xa82\\4\xac\xfd\xae\xf9\x81\x8b\xd7\xca~R\xf4O\x0b\x95&lt;\xb0]\x99\xd8\xa5\xae\x9dl\xa3\xdaV[5\xae\xbb\xdb\xb5\xd8G\xc1\x04\xa6\xa1\x10\xca\xa7\xff\xde\xd5\xd2\xdc\x9e\xc9&gt;\x89\x95N\xe9T\xb6\xc67\xe9^No\x9a\xed\x9b\xe6\xd8\x02\xf0A\x9f\xe1\xcd\xdd3\xc1\xd3\x92\xcf\x15\x00\x86\xb5\xac\xd4\xdc\x10\xd0F\xdf\xa5\'u\xad\xa7\x89n\xfd\x91\x05\xc1\x9f\x13j\x9b\x98\x99K\xb0\xf9mS\xc8\x1e\xaaV\x8c\xed\xca\x0e&gt;V#{\xbbk\xd2\xfe1\xd6\xbe~\xd8\xc5\x17\x15\xa5\xd6\x8b\xfb0\xaf\x90\r\xfb\xe1\x0e\x00\xfczx5\xd9\x0b\x11\x03\xfcU7\x9f\x85\xf04\x9d\xcfb\x86e\xb2\x12\xc76u\x04\x0bM\x1fLa\x0e\x9c\xd0\xa5Z~\xb7\x87u\xfb(\x9bF\xe3\x15\x1fR\xe0\x0b\xc2A\xfbSu\xf0\x0c\xc2\xca\xf6\xf8h=!Y\x1c\x0ciV\xde\x17\xb50\xf8\xe2\x16\xdcs\xfbj^"\xa3\x87\xaa&gt;?\xacqp\xf9x\x97\x14n&gt;\xf2G\xaa\x97?\xa5W\xca)\x91&lt;\xc0+\xe5x\x1d&gt;\x1a\xb6\x8d*h\xf7xor\x86\xf8i%\xa4m(-\x14\x18\x8f\xce\xd3\xc7S \xdb\x84\xdb.,\xae\xe2\xf4\xa6Y}\xeb\x97t\xe3B7\xb8\x00\xfcP \xa5\xb9\xc5\xff\x0f\xab&amp;m\x9f3\xd4\xfe\xd7\xf5=\xd1\xb3k\x87lf.\x9a\xe4\xf3\xdc\x12o\x9e\x11R\xa8\x84\x8c\xa1\x02\xb6\xce\x1a\xfcQZ\xf2\xb9\xc2\xec\xd3\xf0"\x99A\x08\x81\xef\xa6+e\x98)\xeb\xabB\xd8\x94\xff\t\xa3\x9a\xb99\xe6\xc0\xc6e:W\xc9\xe7a\xf9\xe2R"\xd7\xf7A\xa6\xdeu|C\x8d\xa9D\xa9\x94\xc1\xb4\x9c\x11\xf1\xfe\xc1Y\xcb&lt;%\x92\x87h\x01g"\xedYK#Wo\xa1K\xd5\xfc6s\x06x\xa9F\xb7\xdf\x8br`\xf2\x90\x87\xac]\xf9\x8f\x1f\xad\xacfN\xb7]\x83,0\xd0\xd9\xdf0C$\x02\x9e\xd5\xce\x9d\xb4o\xfd\x12\x9aQ\xde\x8e,\xd9\xaf&lt;\xb0\x80qg\xff\xe0\xdc\x0e\xf1\xafO\xd5V\x00z\xd5)\xda\xaf\x81;\xbb?"\xaa\x91#\x91W\x9b\xe3}$\xf0R9\x96N1^D\x1aW\xfc\x8b\x83m\x15fV\xd1\x8e\xb9C\x8d\x89\xa76\xce\xf4qs\xd4\xd8&gt;g\xe8C\xe7\xcfG\x03\xdfm\x10|\xb1T\x8fM\x04\xc0\x8egx\xf0H\x0b\x99\\:\xc0*Op4\xe5\xd3\xc5\xce\xf9\xc3\x8d\x89-U\x042\xd3z5v\xcf\xb5\xb5K5\xbb\x0b\xb7/\n\x91\x89\x80G\xc1Ycv\xdb\xe3\x8d\x1dj\x01\x0e\xf6\x11~\x14\xbb{\r\xb8\xb6?\x98\xc1ism\xe6\x0f\xf0M3&lt;\xf1\x15\xd7\x00\x7f\xfe\xe4\x93r\xcdQ0~\x84V\xa5\xe5\xd0\xaa"\xd6}\x01\xaep&gt;\x84\xb2\xa7\x1a\rdr\xc5\x0c\xe5\xb6\xe3\xe5\xc4\xae\xf5x\x81\xa1\x88f\xf6m\xe6F!_\x08\xf2\xc6\xf1\xe12\xbfW\xed\xa26s^\xd8\xb9\x90\x1f\x1f_;\xcd7\xcd\tq\xf0&lt;\xfa-\x1f\xfd\x03\x84\xc4C+&amp;\x04\xe7&amp;\x89\xb1C\x8b)6\xaf\xad\x95\xcbH\xac\xf0\xd1\x00\xc0=\x87\xae&gt;\xf5\xfcN\xf5\xae\xc08\xacO\xef\xd5\xd8\x98mv\xff\x16\x9a\t \xd8h\x06\xcd\x98\x90\xdd@\xee\xefC/\x1d\xd5\xc9[\xa5\xb9\n\x0fy\xffE\x98\xc9\xe7\xd2\x84\xa7\xdc\xb1\xbc\xe0\x1c\x0c\xa0PB\x9f\x06\xea\xf0\x0eB\xc2f\x9fO\x00\\]\xe1\xea\x86 \x84\xc3\xd2\xccZ\x89\xb4\xae\x9b}\x1b\xfd\xba\xdc~\x86\\\xef\xf7\xd9\xbc\x05o"$\xbb\x9b{\xbe"#\xe1\xf5\x87\x1c,\x19\xd1\xd1\xd7q\x89\xbcx\xd7\x83\xac8\x91|\x8d\xa9=\x1b}*a\x9c\xf8X?\xa0Qi1\xc5\x8b\x045\x9eO\xc5\xc9C0e\x88\xf1Yq" }\xcc;"\xda0\xd5\x94B\x91\xa1v\xee\xa4\xee\xb7\xcc\x0f;\x00`\xc7\xd2\x06\xcf\xae\x1a\x13\x19\x95\x8dY\xe7\xb4\x9c\x0c\x9e^=hY\x85{X9\xb6\x9b1\xb1Y\xf1\x8c6/\xefS\xaf\xf8\xb5\x83\xab\xa4D\xdf\xd1\xf4\xb3\xefG\xb2|X1\xa6\xab\x8f\xaa\xf3C\x82q@\xd7\x0c\xf1\x19"\xd1\xeb;\xa7\\*\x7fF\xef&amp;\xee4\xcb\x80\xdc\xdf\x87\xc4y \xb2\xc9\xb1\x11L\x9f\x95*l\xd0\xe3u5\xac\x88\x1f\x81`\xd1]\xa4\xc8\x1bF\xe3q\xb2aP\xa5\xe9\xeb}\xeb\x97\xb0\xd3\x98\xf2\xe9\xd4^J\xe3:\xd6\xb6\xac\x1a\xc0,\xaf*\x18F\xb6\xa9\xea\xab\x88\xc3\xde\xc0\xd9\xads?v\x13\xfc\x90!\xada\xb3F\xf1\xb2\xe4!\n\xd1\x91\xd5\x93!\xc0\xbaI\xef\xeez\xb1\x01&gt;\x82fE\xa5\x91RDr&lt;\xf0I]\xeb\xf9\xa2U_\x10\xa4\x9ed\x16\x1f. 8\xda\xe2\x0eV\x8c\xe9\n\xc0\xd2\xc7\x95\xdff\xd2P.\xf0\xfd2|t\xa7\xcdi\xbd\x1a\x0fnZ\xbeD\xf2\xc8l\xe8?\xbaf\n\xd93\x85\xfe\x9c\x10\xccV\xdd\xc0\xdfn\xe8\xe5]\x12\xfd\xbb4C\x00\xf8y\xefR\xfe\xb7w\x9db\xaeN0\x91\xbda\xce\xbf|t\x17"\xda2s\x90\x87\xe5\xd8A\x96\x00\x8b\x0c\xeei&amp;\xfc0\xc5\xc1e\x8a\xa0K!\x10\x99\xbe#\xe0?v|v\xeb\\\x97\xbe\x847wN\x9f\xd9\xec&gt;\xb5d\xd1$v\xf7\x06\x1d*\xe6v\xa3\xfcd\xa1\xd4\xe3B\xeb2Y\xa5\x91E\xcav\xfd\xc8\xda\x81!,\x86\x97W`s\x07\xa9\x81h\xe3b\xdff5\x184\x87\xec\x85&amp;pN\xa9\x9b7\xb9h\x8b\xc5\x90\xeekE{\xe6\x0ch\xe1\xe3\x06~4\x84\xf1\xec\xf9\xbbGy\xe2G\x10\xec&lt;\xfd\x00\xdf7\xc3\x0ca\x88\xd2E\x0c\x8aP_8\x91\x93\xfdj\x97j\x05|Z\xfb\xdc\x01-\xedd3\xfa\xb8\xe5\x8b\x1b\xd6~\xb7\x06\x903\x86\xd3\x8b\x08\x1e\x8d\xe8\xa2a\xed?\x8a\xe3\xb4\xef\xe0\x92w\x9b\x88"\x89\xbcO\x1c\x08@\xa3\x07j\\$\x1d?\x16\t\xee\xd9T!\xfa\xb8\xa5P\x99\xc5y\xd1\xc6\xcc\r\xb4,\x95\xe5\xfc\x8e\x05x\xab\x96;\xb9:\xa0\xe7\x8f\x1b4Y\xfb\xcdx|\x0e\x1e\xc0\xf6\xc5\xf5\xa3\x00\\%\xe8\xf0Ep\xaf9\xe6\xe3\xec\xb0\x96\x95\xa4\xb0ev\x00@2\x9d\x9c\xdc\xad~\xe9\xd4\xb6\xec\xa1\xc4oo\xff\xd2\xb1\xaeV\xcda?&lt;\xc0\x8d\xa3\xeb\xda\x95\xcf\x01\xe0\xb2\xb0\xf1\x0f\x1e\xb8\x11\xc3\xc0\xd7(\x98 B\xbe8.\xc4\xa9\xf6\xca\x90\xe1v!\xc0\x0b\xcfk\x171\xa3w\x13\xbddI\x19\x87/d\xea{\xdd\xc0\xe7\xc6\xac\x14\x02\xc1)\xcclJ0\xcfm\x9bov\n\xc0\xbcA\xad\xf9\xdf\xa9=\x1a\xb2\x03\xf7VS|QS-\xab\xcc\xad\xe0j\xef\xae\x95+\x89\xb7\x96\x12\xca\xaao\x18\xa2\x18J\x88J\x04\xfc\xa1l\x83\xb8i\x15\xb7\x0e\x00\xee\x9c\xde,e\x0e\xf0\x86Q\xa0\xab\xd0\x90\x06z\x08\xfdKa\xf4\xdd!\xcc\xddXF\xcbRY|\xbd\xf86~\x98n\xbboy\xa2\x07\x90\xbebW\xbf\xc1AM\xcbyPy \x8c\x9b\x9f\xfa^"\x0c\xfe\x82\xa0\t\x11\x0e\x80\x85\xf0u\x0f#ZW9\xb2j\xb2\xdb\x97K-\x89.\x1cKgC\xa9xr\x065-\'\xf2\x91HW\x05\x1bMcj\x93\x11\xabs\x95|\x00\xcem7\x9d&gt;\xed\xc0\xf8(v/\x18)\xfe\x8ddc6\x12J\xfbc\x97sP\xe8`@\x0e\xed{hP\xc0\xb5 \x9a&gt;\x85}B,;.\xb5\xff\xbb}\xd2\x8d6D3L\x00\xfc8*Q\xf6h\xb4ph;\x9bE\xad\x9f\xdc\xa7\x7f\xc3Rn\xb4\x81\x88\x1a\x17N\xdb\xa8pZ\xf7\xae\xf5#dA\xcf\xb3\xe1\t\xb8\x8a\xd5\xd2\xfb\xc2[ti\x1a\\;\xb4J\xa38\xf5\x05\xd6M\xb6\xa0(\xb1lC\xb1\xa4\x16zf6\x16L\xeeV\x9f\xfd\r "g\xa3\xa0:\xda\x08nJq\x81\x08\xfd\x8b\xf3\xba\\\x1cxh\'\x9b\xc6\xa7\xa1m\xb9\xec\xdek\x8e\x13\xee\x9e\xd9\x9a\xc8F\xb6\xea\xd9\xbd\xa0\xa0\xb1e\xd9\xf9\xbf[\xcf\x7f\xfd\x01@\x99\xd4\xd1\xdc\x8b\x88\xa2\xac%_\\O\xf7w}{yK\x00\x00 \x00IDAT\xcc\xbeh\xdd\xe4&gt;\x1e\x96\xe3!\x94V\xec\xf5\x0b\xf8\xf7\x07\x1e`\xfd\xe4&gt;\xc3[U\xe6\x7fY\x07\xc2\xb3\xab=k\x17M\x11\x86V\x8d\xef!\xe5\x07\xe0jlOKL\xf7\x92\x17\x8c\x1e\x96r\x06n\x89h\x16\x89T\xa2\x7f\x99\xdd_a\xa7a\xf9(\\":\xcd\x1e\x92]\xba\x1dp\xdbZO\xa4H*\x99"\xc0\x936\xb8\xc7S\xf9\xfa\xce)W\xbb\xae\x99\xeb\xe2\xb9\xed\xf3\x95E=&lt;\xbf\x93\x1dXN\xcc~\x90[#I\xfb\n\xb9\xea\xe5K\xe1\x8b\xc6|nH\x13\x9e\x00H\xfe#\x91\x88B\x11u\xae\x9aO\xdc\x0b\'"jU:+\xa9\x04\x916\xdfP\xbe8_)\x99\x0b\x8d\x02\xca\xe5\xa3\xbb(m\x1e\x8c\xf5\x02\xff\x9a\x9dU\xca=\xbbV+P9S\xd0wg)y\x98\xde\xab\xf1\x90f\xe5\xf1\xc7O\xca\x85\x06\x11m\x9f3df\x9f\x10\xc4y\xb7td\'"\xba{z\x0b\x99\x8b\x8cS\x84\t\xa1V\x16\xfaV\x05O\x9b\xd9f+C$O#d\xe1\xed\x9d`{\xc8&gt;%\x16\xb4\xa9XN\x13\xc1e\xf5\x80\xab\x98\xd2\xbd\xa1\xcd\x9c{\x16\x8e\xf2iK&gt;\x1f\x84\r\xec\xf1\xef\x82\xadF\xbe6\xc4\xb3_\xd8\x81\xa5\x08\xc5\x0c\xfd\x1b\x96j_!\x17\xff+\xad\xa7Rj?\x8a\xc7\x97\xf7.\x1e\xdeAJ\x1c\xd9\xa6\xaa\xab\xba\xd6Y}\x9b-4\xf1\xa43\x03\xab\x02\x7f\xff|n\xdb&lt;\x9e\xa8d\xa1 \xd5\xa8\x17\x91\xa8_\x037E\xba\x0c\xb1\x88\xd6N\xec\xe5I\t^\x01\xfe\xbc(\xfe-\x10O6\xde\xfc(\x01\xe4\x0e\xaf\x9c\x08 \xd9G\xb2\xa6\x19\xf8\xb1\xe9\x98\\\x82\xa48&lt;\xb8|&lt;[\x7f4/\x11\xe4\xeb\xbbqZ?W\xdd0\xcd\xd0\xcb\xf7A\xb6?sT5\x89\x05&amp;\x05\xdb\xdc\xa5\x8a\x1c\xe0\t\xec|M\xad\xcbdc\x07{\x17\x8fnX0\xb5&amp;gt\xa2\xa6\x0e\x87\x00\x00vL#\x1a\x15N\xf3\xf2\xc611\xc5\xecQh\xb0s\x9e\xe9c\x01P8a\xc4jY\x13\x1cY\xadP\x86\xdf;\xb3\xd5\xb8\x98\xb4\xc9\x7f\x17\xcc\xfa\x0co\xe1\xbf[\'&lt;,a\xf1\xf0\x0e\\T\xc2\x18\x11&lt;n\x94]\xe8\xeb\xba\xe9\xacl\xff\xb8\xe6\xa7&gt;E\x99\xd4\xd1\x89HC\x10\x9b+\xa6\x93%T\xb3\xe2\x19B\xc2\xc2\xc2\x0f\x1f\xe2\xee\x99\xad\xee]h_e\xf6\xadC\xd6d\x07\x00\xf0\xfe\x9e\xadl\x00^\xdd0\xcb\xf0\xf6\xee\x99\xd5\x13z\xdam"\x11\xb9\xe2\t\x01\xa0\x94J\x9e\xd0\xaa\x94kjy\x00\x05\x13x\x9f\x0f\xa2}\x85\x9c^/S\tW-;\xff\xba\xb4W\x99\xfe\xee\xfe\x8f\x9e7F\x03.\xee3\x06\xb4\xd8&gt;g\x88d\x80h\x16\x14\x0c@p\x86\xff\x04\x1e\x07[]\xce\xf5\xda\xa5\xc1\xf0)\x18{|Hh\xc9\'\x83\x9b\xc7\xd6\x03\xaf\x82\xad\xba\x977\x8e\xe9_\x8f\xdeL\x90\x88\xb2F!K_\xb0\xd8&amp;T\xb1\xe3:\xd6r\xa9sD"\x9a?\xb8M\xe7\xaa\x9e\x86Gf\xb8u|\x83W\xcaq\xe9c\x0b~W\x1a/~~\xff\xfd~\x02\x8f/\x9b\x9d5c\xaf\n\x06\x18\xa5\x19\xc1\x14%\xd9\xd9\xee\x88\xef\x80?"\xca\xa5\x8bI\x8e&gt;\xb9qZ\xff\x8f\xdd\x1c"!\x96r9\x13\xa2I?\x82\xd0\xa0@\xaa`\x168\xf2\xe5\x10^^_0\xb8\x8dY6%!\x94\x9d\xc1\x85\x99\xfc\xb3ef\xd3\xa2\xe9\xedG\xc5RV\xf7\xe6\xeei^\xa9\xaaEj\xec_:\x16@\xd3b\x19\xf0\xf0\xbc&amp;[\xe7\xaa\xf9\x86\xb5\xac$\xa6\x14\x88oM_`\x7f\x02\xe8]\xd7\xcb\xc1\x92\x80\xbfl\xe4A\xb9\xb4\x81\x83\x82\x87\xd5}k\xbe\xc1\x1a\xd3\xae\xba\x87\x85\xdb\x81O\xeds\xfc\x0bU#\x00L\xecR\x97\xff]5\xae\xfbGl\x8c\x1f.\xa3r\xa68\x9b\x84U\x80\xa5\x8d1\xde\xdf\xab\x90\xc1n\x18\x988\x1e\xf8@z\x0e3\xf5,\x87\xb4\x06\xec\\5_\xc9\x14Qn\xaa\xdc\xb2\xb8\xb5\x86\xd1)/]D\xebq\x01\x80M6D\x009\x9d\xd7@\x952y:\xa6\xa5\xf8\xcazaU\'O\xb2Tae\xbeq%\xdc\x13\x8e\x0cm^!\x84\xc8\x1c,\xb1u\xd6`\xdf\x15\xbe|L\x17}\x06\xd1\xbe $\xc0\xd5\x05\xb9\xf8\x8a\x8d\xd2\xe3\xfe\rK\x97\xb1G\xe8\xe2G\x08E\xea\xf0\xd4\xbeBN/\xca\xb3-\xfd\xf25\xd1\x91\xac\xac\x0f\x9f\xf0\xe3\xb6\xe5\xb2\xfbb\xf4)\x10?\xfc\xce\xf9\xc3-K\xbe{z\x8b\xcd\xda\x99HT\x9c5\x01\xf4\xa8Y\xd8\xed\x16\xe6\xfe\xde\x16\xf1\xc1\xa4\xae\xf5l\n\xbe\xdd\xdb\xa3,\x19\xd1\x11\x80h\xfa\xf5QP1cl\x9b\x8cRn`\xdf\x921C\x9bW4\xa6w\xae\x9a\xcf=\xb1\x9eh\xcfZ!\xe4\x91&gt;y\x05\x9f\xc4\x9a \x04\x01\xc0\xb4\x9e\x8d\x88(\x96=\xe1\x83\xe7\xc8\x16\x82\'l\x00S\xba7\xd0d\x10\xbd\xc0\x8c\xa1r\xect\xbe\xc4Zo\xdb\xf3\xdb\xe7\xe3\x91Zd\x84\xffn\x8a\x7f\xbb\xd7,\xa4T\x84H\xf1\xc1=\x84t\x8b\x8d\n\xa5\xb9\xb4g\x89Yf\xbd\xc9\xd6\xe7\x84\xfe\r\x03\xa3?*U\xfa^\x04s\xf96\xf3=\xb4\x83\x82\xf1\x83-z\xb7\x02\x8d\xfd\xec\x11\x9f\nJ\xa5\x8c2\xa8\x89\xcblM\xd2:b\xc3\xd4~6/d\x81M|\x81\xe0\xf2\x12z&gt;\xb4y\x05v|b\xfd\xf4\xebG\xd7\xf1SFo^q\x18\x8d\xa7\x95\xe0\xd7\xce\x9dTy\xea\xed\xbd3\x92\xed\xf3\xd8\x0e5\x03\xcc\x05b#ZW\xd16\xdf.\xf8\x9a \xd84\x9c_\x14B\xd9\xd8\xb0\x12\x11\x00\xdf\xf1\xf1\xb9\xcd\x0e\x14\x921w`\xab\x8f\xdd\x84O\x19;\xdd5\xffg*S1\xc5s\x17\x9exD\x89\\\xc9\xdf\xbeb\xae\xcc\x01N\x94\xe2v\x10\xd7E\x06\xdd+\xfb\x96\xd9\x8f6\xdd\xa6\xac\x13_M\xa6\xefLg\xa9\x18\xb6\x15\xbc9\xa2\x13\x80\x96\xa5\xbc\x1fg\x98\xd7\xee\x12/\x85{U\x04?,=e\x01\xf8\x8ec\xe3\xe7}\xcb\x00\xe4\x8cA\x8b\x86\xb5\xb7\x7f\x95\xd1\x97\xb8Q\xe14\x19\xbf%\xa2\xa0\xe0H\x1c\x19\x9c?9\xe0o\xf7\x9a\xca\xe0FPu\xbf\x10\xe6\x93\x81\xb8\xde\x14\xcd\xda\xaad\x897\xb6CM\x9b\x85H\xbec\x12\xbc\xa2\xb3\xb5\xe3Tr|\xddtv`\xc9f\x9a\'\xb6\xd3r\xf6\xf7\x13\x1b5\x86\x86^\x84\x19\x87\x84\x88PD\xbd\xea\x14\x1b\xdf\xa96{/Y\x02\xe8\xdf\xdf\x8e\xf8\xbei~(0\xacE\xc5n5\n2\x9d\xc7\xaa\xf1\x81\xb6(F\xa7q7\xc6;7\x9c\x8b\'t\xaecv\xaah\x12\xef;J\x17\xf0\xb1\xe0\x08\x8f.\xf0\xe3\x17\xd7\x8f\xfa\xa8\x161\x92\x87\x1f\n|\xebXo.\x1b\xd5Y:\x85\xa7W.\xec\x90\xa3\xd3\x19\x11\x9f\x08\xff\xfe\xa6\xc9\xa0\xdf\xe1\xae\x9d\xd4[\xa9(\x0c\xb0\xac\xd8\xab\x18\xd3\xaeF\xf0VHDt~\xc7\x02cb\xef\xba\x81r\x9e@\xde\xbd\x8f\xb7\x98r\x8fo2x\xc0\xfcN[\xba\xe8=\xf7\x19`\xf1\xf0\x0e\xa2\x1f\xfb\xea\t2\x1b\xe3i\x0f"\x9e\x8a\xc8\x1b\xe7\xab\x1c\xeeQ\xe8\x19ph\xc5\x04"*\x9e\xcc\x1f\xc3\xf7S\xc3\xfe%\xb6\xa2_\xa5\xf2@:\xa9\x112|\\~\xc4\xcc\x91\x89i\xf7\x8c;\x98\x00""b!\xdam\x02\xc0O\xce\xb1^\xef\x9d\xd9JD?\xef[F\xe6B\t\x97,\xa3\xbaT\xcd\xefJv"\xa2\xff\xdd&gt;\xc5\x17\x8f\xc1\xb3\x07\n\xb1\xd0+Y-\x03\x94\xf3\xd5rN\x13#\xc7\xa4n\xad\xfa\x8dpcA`7\x8c\xb53\xbaV7\r\xad\n\xe0\xd2\xee\xc5n\x95\xea&amp;\x14\xcbS`\xfb\x9c!\xe9\x82?4\xd2\xe7\x81\xd2\xa9\\\x90q\xe2\xcdm\x9b9k\xe4H\xc4\xdc\x7f\xec#$\x04\xae\xe3\x111\xed\xa0J\xe6xf\xc1Ws\xc6\xa4\x9a9\x13\xcf2p\x06\x90\xc9w\xfb\xf8\xf2&gt;\xb6\xfdZ\xed`\xd5\xb6i\x83\x95\xc1\xdb;\xfe\xb4_\x87\x14?\xfe\x8f\x8b\xb0D\x03\x1b;yD\xb2/eF\x9f\xa6\x9a\xab\xec\xb3\x95\x880\x12\x142k\x8a&amp;Bd`\xaf\xc0\xd2\xaf\xdeU\xf8\xfb\xc9\'\x0f\x91\xfe\x0c\x80\xbe\x07\xa7w7\x08H\xde8_5-\x96\xfe\xde\x8f[s\xc6P\x04I\xf7\x1d\xbc"\xbb\xf8a\xe5$e\xba&amp;&amp;0\x80\x7f\xae\x1d\xd2\x94i\x9c\x1bw\x99\x9b\xfc\x03\xf0)\xb5\xafO\xe1\x81\xd5\xa2\x0f\xe1\xb9\x07\x1c\x9b&amp;O\xac\x9f\xeea9g6\xcf~\xf2\xf3~)Q\xb9\x9c\xe5\xaeO\x85}\x10\xa4\xde=\xd8\x99\x00B\xd4$\xe1\x97=\xc90*\xb2\xdc\xc6\xaa\xf1=rje\x85\x1f\xa5+\xf8\xa8\xd2\xb7w\xcf\xf0cv\xd77\x8e\xae\xebV\xbd\xa0ec4\xa3&lt;\x80\n\xe9m9B\xe3\xf9\xb5\xfc\xf1\xc2y\x1eI\xcdl=\xbbi\xfa\x00\xb3K*f\x8cm\xdfw\xacS\xe5\xbc\x9a\xb3\xbf\x1c\\)\xfe\rN\x9e\xa2\xd8\xda\xb3\x7f^\xdc\xf3\xea\xe6q}\t\x00\x8c\xaf\x8a\xbf\\\xe0\xdd\xbcA\xad\x01x\xcbz\x8a\x87\xd4&amp;s:&lt;\t\xc1`\xf3\xdf\xae|\x8eI]\xeb\xe9\xf3\x98\xf5\xa5\xae\xd5L%K~|\x11\x10\x87\xc2\xaaY\\\xe6af\xb0\xe9{\x93\xca7\xd1\xc4\x195\x10\xbb\x91\xc1M\xcb\x11\xd1\x9f\x17\xf7\x00\x10?W\x11\x1b\xa6\xf4U\xca\xb9\xf4\xcas3H\xf7T,\xa9w\xd67R  #\xca\xa7sr\xf8\xd8&lt;c\xa0\x9b\x15}\xec\xb5a\xb3b\x19\xf4\x19\xec\xb7\xb0q\xe1\xb4x{\x07x\xc3$\x99\xcc\xbe\x13\xc0L\xe7)v\xed\xa4@\x1b6WY\x10F;\xc8\x8eb;\xb7\x8a[Z\xc7u\xb1@3\xf4oX\xaam\xb9\x1c\x9a\x0c\x92\x17\x02\x80D\xe6\x99c\x12%\xb7r\x1bY:\xb2\x13\xde\xdf;\xb8|\xbc\x86bZBh\xed\xabij\xf5Z\xfd\x08B\xb7\x1a\x05\xb3D\xa1\xb2\x86 \xe9\x92}$\x83Y8V\xde;\xdd\xb6\xe2r\xc9\x14\xdam,\x1f\xad K1:\xf1\xda\x87\xb2\x17\x02\x10\xcd3\xdc\x93\xd2\xaf\x1c\xdb\xcd\xa5\x0b\xc3\xdas#"\xa2\\\xf6\xf8\x1b\xec\xa3h\x12S\xe5\xa2\xa8\xa2`zl\xf1\x89\xb9a\x16\xec\x92\x83\xfa\xa6\xe9\xfd\xc9\\%\x9e#\xba\xb5L\xbcc\xa5&lt;\xec\xc0\x0e#\x13\x11\xa56\xb4\xaeZ\xd6\xc0}\x1aw\xd5\x96\x1cATE)\xe8x\xa5\xdd\x92\x06\x1a\x9d\xad%\xc2\x1a\xd8\x8alN\x817\x8f\xad/\x98 \x02\x11\x1d\\6^:e,\xc1l\xf2\x93\x1cB\xa7\xf7j,e`U\xf8\xe1M,\x1a\xd6\xfe\xca\xbeeb\n\x1b\xf8\xbd8\x8bn\x9d5\x88\x1f\xe7\x88NJ\x932\xa9\r\xc1\x86\xacV;\x08\x8d\xc4&amp;\xc0\xeaB~\xad\x92k\x851\xf3p\xbc\x7fp.1\xd1\xb3_\x0e\xc9\xe5\xbc\xbc.\xfe\xd50\x01\xb8\xca\xe7R#G"\xbd\xdf\x06C6\xabGd\x19\xa7\xf3\x8f\x0b\xbb\xf8\xf1\x9f?\xed\xf6\xfa\xc2_C\xe8\xa4\xc1\xd8\x0e5\xf5&gt;\xd2\x92\x13\xc9\xc4.u\xdd\xe0\x1a\xf3\x96F\xdd,\x98\xad\xa6p\xcb\xe5\xb4D(\xa2\x8c\x86\xf4\xad*\xb6\x81\xab\xaa\xb5\xad\xb3\x06_\xf4\xbd\xb1\xd0\xfa\x8f\x1d\x89\xfeSE\xaap\xb4w\xd1h/\x16\xe8\x12c\xfe\xb6\xd9C\xdc\xb3N\xf3\x1cn\xe8\x01\xf3\xc4\nS"yd\xcb\xaf\xba_\x83\x92,O\\\xa2f\xc53\x92I\xe0\xb0\rS\xfa\x92\xc3\xb2\xb0_\xfd\x92d{\xc1\xb5dDG)\xc5\xbe9\x90\xa6\x8a\xc6\x06\xb3\x13;\xdc\x00v\x025\x8740\x97\xd6b\xe6{\x97\x10\x0bKg\\c\x80\xa3\xf6\x15r\xe9Y\xad\x02/\xb41W\xdd9\xbd\xd9\xb2\x1c\xa3\xa5l\xd5\xac\xf1]\x9a\x05c}\xa6\xa4\x14\x9f\x18&lt;\x8c\x7fm\x06\xd6\x15\xb8 1\xed\xd7\x1f!J\x89\xdb\x88\xc5\xe3\x88\x99wh8\xc3\xa6\x03=\xdb\xe3\xb39\xc3\x12\xeb\xa7(\xe2\xdbx\x8eQm\xaby\xbdL\x9b_\xbe\x8f\xe8(\xeb\xe4M&gt;\xb0qYe?v{\xde\x8aJ\xd4\xd71[\xcf7\x8f`\xe1\x12\xaaesA\xa3\xdf\xb9\x8a\xd3\x02K\xa9\xf9Yc/\x92\x9dK\xcf\xe0\xf8\xbai\xc6\xc4\xf1\x9dj3\xe2\x00O6:\xc6\xb7/\x96\xe6\t\x8b\x9c\xf7C\xe5}~\xb0\x1c\xd1\xbc\x829\x03Z\x12\xd1\xc0\xc6e&lt;\xa9\xc8\xd2\xcf\xcc=w\x90\x08Z\x9bN\t\xd3{7q&lt;\xb0\xf7\xca\x0c\xd2\x04 \x9</t>
        </is>
      </c>
      <c r="E513" t="inlineStr">
        <is>
          <t>&lt;class 'numpy.ndarray'&gt;</t>
        </is>
      </c>
    </row>
    <row r="514">
      <c r="A514" s="1" t="n">
        <v>512</v>
      </c>
      <c r="B514" t="inlineStr">
        <is>
          <t>steps_per_sec</t>
        </is>
      </c>
      <c r="C514" t="n">
        <v>7400</v>
      </c>
      <c r="D514" t="inlineStr">
        <is>
          <t>3.3494966</t>
        </is>
      </c>
      <c r="E514" t="inlineStr">
        <is>
          <t>&lt;class 'numpy.ndarray'&gt;</t>
        </is>
      </c>
    </row>
    <row r="515">
      <c r="A515" s="1" t="n">
        <v>513</v>
      </c>
      <c r="B515" t="inlineStr">
        <is>
          <t>Loss/object_center</t>
        </is>
      </c>
      <c r="C515" t="n">
        <v>7400</v>
      </c>
      <c r="D515" t="inlineStr">
        <is>
          <t>0.20170312</t>
        </is>
      </c>
      <c r="E515" t="inlineStr">
        <is>
          <t>&lt;class 'numpy.ndarray'&gt;</t>
        </is>
      </c>
    </row>
    <row r="516">
      <c r="A516" s="1" t="n">
        <v>514</v>
      </c>
      <c r="B516" t="inlineStr">
        <is>
          <t>Loss/box/scale</t>
        </is>
      </c>
      <c r="C516" t="n">
        <v>7400</v>
      </c>
      <c r="D516" t="inlineStr">
        <is>
          <t>0.054750074</t>
        </is>
      </c>
      <c r="E516" t="inlineStr">
        <is>
          <t>&lt;class 'numpy.ndarray'&gt;</t>
        </is>
      </c>
    </row>
    <row r="517">
      <c r="A517" s="1" t="n">
        <v>515</v>
      </c>
      <c r="B517" t="inlineStr">
        <is>
          <t>Loss/box/offset</t>
        </is>
      </c>
      <c r="C517" t="n">
        <v>7400</v>
      </c>
      <c r="D517" t="inlineStr">
        <is>
          <t>0.11147778</t>
        </is>
      </c>
      <c r="E517" t="inlineStr">
        <is>
          <t>&lt;class 'numpy.ndarray'&gt;</t>
        </is>
      </c>
    </row>
    <row r="518">
      <c r="A518" s="1" t="n">
        <v>516</v>
      </c>
      <c r="B518" t="inlineStr">
        <is>
          <t>Loss/total_loss</t>
        </is>
      </c>
      <c r="C518" t="n">
        <v>7400</v>
      </c>
      <c r="D518" t="inlineStr">
        <is>
          <t>0.36793095</t>
        </is>
      </c>
      <c r="E518" t="inlineStr">
        <is>
          <t>&lt;class 'numpy.ndarray'&gt;</t>
        </is>
      </c>
    </row>
    <row r="519">
      <c r="A519" s="1" t="n">
        <v>517</v>
      </c>
      <c r="B519" t="inlineStr">
        <is>
          <t>learning_rate</t>
        </is>
      </c>
      <c r="C519" t="n">
        <v>7400</v>
      </c>
      <c r="D519" t="inlineStr">
        <is>
          <t>0.001</t>
        </is>
      </c>
      <c r="E519" t="inlineStr">
        <is>
          <t>&lt;class 'numpy.ndarray'&gt;</t>
        </is>
      </c>
    </row>
    <row r="520">
      <c r="A520" s="1" t="n">
        <v>518</v>
      </c>
      <c r="B520" t="inlineStr">
        <is>
          <t>train_input_images</t>
        </is>
      </c>
      <c r="C520" t="n">
        <v>7400</v>
      </c>
      <c r="D520" t="inlineStr">
        <is>
          <t>[b'512' b'512'
 b'\x89PNG\r\n\x1a\n\x00\x00\x00\rIHDR\x00\x00\x02\x00\x00\x00\x02\x00\x08\x02\x00\x00\x00{\x1aC\xad\x00\x00 \x00IDATx\x9c\xed\x9dg|\x14e\x13\xc0\'\x8d4\x02\t\x90NB \xbd\'\x04\xd2IB\t!\xa1\x85\xde{\xef\xbd\xf7" \xbdW\x11\x10\xa4\nbA@\x90"b\x01\x11\x15\x95"\x82"\n\x88\n\x88\x05\xe5\xc5y?lr^\xae\xecm\xdf\xbd\xcb\xfc?\xe4w\xd9}\xca\xdc\xdd\xdeS\xe6\x99\x02@\x10\x04A\x10\x04A\x10\x04aS\xbc\xbaj*"\xda\xa9\xd4{e\xf9\xbbxs\xc3,\xf9;\x91\x97\x16\xf1\xbe\x88h\xb1\x18"\xe2\x83\xcbaj}\x97\x04AX#[\xe7\x0eSk\xd0\xe8_\x90,US\x95\xca\xfe\xeb\x04\xb0|LW\xa9\x1a\xb7\n\xc6\xb4\xcdQ[\x04\x82 \x085\x88qQ[\x02\x82 \x08\x82 \xca-\\\x94u\x04A\x10\xd2\x80\xf8\xa4\xaa\xda2\x10:\x06\x15\xa5\xa8-\x02A\x10\xe5\x86\xbe\x8d\x12\xd4\x16\x81 \x08nx\xaa-\x00A\x10\x04\xa1\x02\xa8G\xa8\xda\xc2\xe8\x13\xac\xb6\x00\x04A\x10\xb6\x0c\x1a\xb1c\xc1(\xb5\x852\xa4AMw\xb5E \x08M0w@\xb1\xda"\x106\x043\xe8\xef]6\x01\x11\x11\x9f0\xff\xaa-\x14aM\xb4I\tR[\x84\xf2\x02\xfd&lt;\t\x891\xde\x01\xd0\x13&amp;\x15\xe5d\xdbR]m\x01\xca\x0f\xf4\xf3$$\x86&amp;\x80r\x85T~i\x05\x11\x9e\xdd\xeaEJ\xd4\x18\xc1\x95\xce\x99aj\x8b@\xd8\x16\xff\x8d\xfa\xbf\x7fM\x13\x00A\x10\x84\x96\x918@\x0e"\x02&lt;\x06\xf0(\xd3\x87\x1d\xc5\xee"\x08\x82\xd0\x1c\x0e\xd26\x17\xe9\xfe{|Vs\xfd+4\xfa\x13\\(\x88\xf4\xfa\xe6\x97\'jKA\x10\x04A(K~X\xa5\x9ey1jKA\x10\x04A(\xce\x84\x8e\r\x02\xd4\x96\x81 \x08\xc2\x8a\xe9\x97\x9f\xa8\xb6\x08\x92\x11\xe1\x00\xc9\nd\xd2!\x08\x82 \xb4F\x10\xc0\xceEc\xd4\x96\x82 \x08\x82 \x08\x82 \x08\xc2\x8a \xb7j\x82\x1d{\xb5\x05 \x08B\x16*\x00\xb4k\x9d\xad\xb6\x14\x04A\x10F\x84\xa8-\x00A\x10\x1a\xa2Ur\xa0vr\x9e/\x1e\xd1\x91\x82X\xc8G\x98= \xe2\x1b\xebg\xaa-\x08A\x10j\x10f\x07qnj\x0bA\xa8\x07"vL\xaf\xa5\xb6\x14\x04A\xa8\x81\xb3\x99\xeb\x0b\x86\xb4UT\x0eB\xc3$zX.C\x10\x84\xf5\xb1j|\x0f\xb5E \xd4\xa1a\xad\x8aj\x8b@\x10\x04A(\x8b+@\xc3Z\x1et\xb8B\x10\x04Q\xeeh\x9d\\\xdd\xd7\xe8b\x18\x99"\x13\x04A\x94Ob\xb4c\xfbe\xeb\xd0\xde\x8b \x08\xa2&lt;\xe2\x02@y7\t\x82P\x82\xbe6\x14\x9a\x94 \x08\x82\xe0\xca\x98\xb69\x8f\xae\x9eV[\n\x82 \x08\x82 \x08\xc2Z\xf0T[\x00k$\xcb\xdf\xb1a-\xf2\x9b\xd2\x04\xe6\x9c\x1c\tBkh\xd1\x04\xef\xa1\xda\x02X#\xef\xfd\xf84\xb8F\xb0\xdaR\x10\x00\x00\x7f\xab-\x00A\xa8L\xa4\xa3\xda\x12HJ\x8a\x97\xda\x12\x10\x92r\xe7\xe2a\xb5E \x08\x82 \x08[\x81b\xfb\x11\x04A\x94\x0b\xce\xbf\xbe\xd1\xe0\n\x85\xf7%$\x80\xfc\x15U\xc4\xb6Tw\x84B\xd4\x02\x88rR[\x08\x82?Z&lt;\x04&amp;T\xe4\x7fj\x0b@X\x1d\x01\x00\x1d:7\xba\xf3Tm9\x08-@y\xa8\t\xa2\\\x11U\x01B\xd5\x96\x81\xd0\n3z\x15I\xd8\xda\xfc\xc1m$l\x8dP\x975\x13{\xa9-\x02A\x10\x1a#\xcc\x0e\xbc\xd5\x96\x81P\x80&amp;QU\xd4\x16\x81 \x08-q\xe9\xe8Kj\x8b@\x10\xd2c\x9c\xf9\x80 \xb4\x86\xfa\x87\xc0\x17\xce\x9fW[\x04\x82\x90\x9e{j\x0b\xa0"=r\xa3\xd5\x16\x81\xb0\x12\x10\xff\xfa\xf0\xc0Z^UV\x8e\xeb.\x930\x04a\x91\x1a\x9cK\x86\x8b^_Y\xa9U\xee\xf1m\x0b\xd5\x16\x81\xb0\x12\x10\x11\xf1!\xf7\xf2[\xe6\x0c%G\x01\xa2\x9c\xb0aj?\xb5E \x089Y0\xb8m\x96\xbf\x95.t\x08\x82 \x08\x82 \x08\x82 \x08\xeb\x05\xef}\xaa\xb6\x08\x04Apcl\xfb\\\xab;\x0f\x88pP[\x02\xc2&lt;\x83\x8a\xeap/\xfc\xe5\xf1\x1d\xf2Ib\x93 b\xfb\xd4\x10\xb5\xa5 \x08U\xa1\xc4]\xb6\xc1\xa5\xb7\xc9\x85\x85\x1f\x88\xe8\xaf\xb6\x0c\x84\xedP\x11\xa0~\x08\xc5\xa0%\x84\xe0"\xba\x05\n\x7f\xcf\x971\xedr\xd4\x16\x81\x90\x93\x8b\x876\xab-\x02A\x10\x04\xa1\x06\x88\xf8\xec\xc7\x0bjKA\x10\x1a\xa5nU\xb5% \x08\xf9@D\xc4;J\xf6X\x05`\xe7\xc21J\xf6H\xd8\x06\xd5\xd4\x16\x80 \x88\x12\xfa\x17$\xa7\x1aE\x04}m\xedt\xab3\xf2!\x08\x82(\xd7\xb8K\xd7\x94\xcdO\x00\x1e\x00&gt;j\xcb\xa0M\x82\xd5\x16\x80\x10I\x88\xda\x02\x10J\xd3\xa6vuDD\xc4vu\xb9\x87\xcc*\xd70\x1f\x97\xdaR(D\xd7z\x91j\x8b@\x10\x84l\xe0\xe3k\xe5jD\x13\x89k9\x9b\x00\x08\x82 \x88\xffH\xf5\x866)AjKA\x10\xd2\x90\x1b,\xde\xbf\x82(\xdf\xe8\xa7RB\xfc]59\x08\x82 \x08\x15A\xc4\x9f&gt;?Z\x97L\xf6T\xa5\xa2\xda\x02\x10\x04Q\x1e\xe9Y?\x96\xb4\xe4\xaa\xe3\xcc\xa1L\xdb:d\xb6C\x10\x84\xd4 \xa2\xab\xda2\x10\x04!\x15\xf8\xdb5\xb5E 4@\xeb\xda\xd5\xd5\x16\x81 \x08Ei\x14\xeaA\x1bz\x82 \x88r\xcaO\x9f\xbf\xad\xb6\x08\x84u\x82\x88\xf8\xe8\xea\xa0\xa2\x14\xb5\x05!\xac\x95\'\xdf~\xa8\xb6\x08\x04A\x08\xa22@\xa4\x13\xec_19\x86\xac\x8d\tA\x90\xfe\x81 \xac\x80L\x7f\xca\x9dHH\xcf\xe7G\xb7\xf9Z.E\x10\x04A\x10\x04A\x10\x04A\x10\x04A\x10\x04A\x10\x84\x95\xb0tTg\xb5E \x08\x82\xd0\x1e\x1ej\x0b 7\xdf\x9f\x7f\x03\x11\xdf\xda4GmA\xa4dL\xdb\x1c\xb2h"l\nw\x80P\xb5e \xac\x8e\x05\x83\xdbn\x9f?\x92\xa5\x00\xe2\xdf\x88\xf8\xf4\xf6y\xa5$R\x82L?\x07\x9a\x00\x08\x9bb\xf1\x88\x8e_\xbf\xbbW\x9b\x0b\xd2\xec@\'\xe6\x05\x19\x11j\x84\x8d\xd3\x07\x00@\xa4\x13[R\x9d\x00\x00\x00\xc0\xfb\x9f#\xe2\x17\xc7\xb6\x1b\x17@\xc45\x13{\xc9(%A\x10\x06|\xfd\xee^\x93\xd7\x07\x15\xd5I\xd0d\xe8\xe1\xe4\xca\x80\xf8\x90y\x9d\x1dXAUY\x08C\xce\xbf\xb6\x81\xbd@%\x80WVL6\xbe\xeeF\x19\xd9\x08By\xfa\xe5\'\xaa-\x02o\xba\xe7D\x05\xaa-\x03!9\xb5\x00\xbc\xd5\x96\x81/]\xb3#\x06\x15R4\x14\x82 \x88\xf2\xc7\xb9\x83\x1b\x86\xb6HS[\x8a2&lt;7\xa0\x98\\\xf7\t\x82(/,\x1d\xd5\xf9\xf0\xe6\xe7\xd4\x96B+\xac\x1c\xd7\x9d\xf2\x01\x11\x16\xa8\x00P\x9c\x18\xa0\xb6\x14\x04!\rs\x07\x14\xab-\x02A\x10\xd6\xc3\x8a\xb1\xdd\xd4\x16\x81 \x08\x82P\x03D\x1c\xda&lt;\r\x00H]J\x10\x04A(\xcd\xb0\x16\xe93z5U[\n\r\xa1}\xab\xdeZj\x0b@\xd8*\xf6j\x0b@(MFv\x16Y\xbe\xeb\xf3\x0f@U\xb5e`\xe7\x86\xda\x02\x10\x04a#$j\xd3\xd3Z4+\xc7uW[\x04yqS[\x00\x82\xe0\x87\x8dY\x86i\xd2I\xd9:\xd0\xf8Gg\x070\xae}\x9e\xdaR\xb0\xe1\x08\x80\x88\xaej\x8bA\x10\\I\xae\x0ca\xa4a"T"\xaa\x02\xc48s-&lt;\xa9s#D&lt;\xb1c\xb1\xbb\x9c"\x89!\xcc\x8e\xb2\x19\x13\x04A\xc8\x03\x13\x14h\xf1\x88\x8eY\x01\x8ej\xcbb\x88\x0b@bEpR[\x0c\xc2\xf6\xa0%\xbai\xfc\xd5\x16\x80P\x18;;\xbbN\x19\xa1\xbf\xfe\xf2\xeb\xe0\x11\xc3?&lt;\xb0Vmq\xca\xf0\x04\xc0\xd5\xddn\xe5\xe4&gt;KFvR[\x16\x82(\x07\\?\xb3\xaf\x8a\xda2\x10j\xb1y\xd6`\xb5E0\xa4\x06\x00"\xd6\xab\xae}\x9bU\x82\xb0~r\x83]\xd4\x16\x81 \xfe\x03\xf1\x01\x9d\x01\x10\xe5\x88z*\x85\xdd\x9f\xda\xbd \x9e\x0c\xee\x08\x8d\x81\x88]\xebE\xaa-\x05A\xd8:\xd5\xd5\x16\x80\xb0F\xd8c{x\x8an\xbfE\x82\x1f\xf9\x03\x13\x04Ah\x91\xc6\x11\x9e\x8dBet\xb1\xf3\xa5\xa5\tA\xa8\xc8\xfa)\xfd\xa2\xc8\x10\xaf\x1c\x10\x02\xb0lt\x97\x0bo\xbc\xc0\xabV5y\x84\xd1A\x87\xbf\x04\xa1\x1a\xf8\xf02%\x8f-\'\x14\xc5T\xf3\x94\':\x90\x07@\xa4\xe6|\x0cT` \xe5\xb3$\xac\x88\xa0R/!Dl\x91\xe0\xa7\xb68\x84U\xc2d\x1e&amp;\xbf\x1b\x008\xb0r\x8a\xda"\x10\x04g"\x1c\xfe\x9b\x004\xe8&amp;J\x10\x04A\xc8\xc8\xe2\x11\x1d\x111?\xac\xb2\xda\x82\x10B\xa0\xaf\x8d \xb4\x02"\xf6i\x18\xcf^\x86~\xb1\x84xZ&amp;PD\x0f\x82`C\x05\x9dd\xdb\x94\xa0\xaa\xde\x16\x8c&amp;\x1e)#\na\xd3\xbc\xf6\xf9\x1d\xb5E\x10KBE\x98\xd0\xb1\x81\xdaR\x10\x84\xa48\x00,\x1a\xdeAm)\x882p\x8e\x9dL\x10\xc2\xe9\x97\x9f\xf8\xe0\xf2I\xb5\xa5 \x08\x82 \x14\x07\x11o}\xf4\x9a\xdaR\x10\x04\xa1a\x1c\x01\xf0\xdeg\xa3\xdb\xd4S[\x10\x82\xb0e\xc8\xa8\x91\xd0\x1c\x89\x1e\xf0\xe9o\x08\x00\xb7\xbf\xff^mY\x08\x82 \x08ei]\x9b"\xdf\x10\x84MPCm\x01\x08\xedS\x10\xe1\xd9$\xd2Km)\x08\x82 \xac\x90\x8aj\x0b \x12D\xcc\xf0\xb5S[\n\x82 \x14D\xcb\xe1\xd5b(\'\x98\x82L\xee\xdaX\xb1\xbe&lt;\x01\x00\xa0\xa6b\xfd\x11\x04a\x923\xbbW\xa8-\x82i\xce\xecY\x81\x88m\xeb\x04\xab-\x88r\xa8\xa8\x7f\xe9_\x90\xac\xe4R\xa08)\xc0\x1b\xa0\xae\x1c\x01?\t\x82 \xac\x11o\xf5\xba\xbe}\xfe\r%\'\x00O\xc5z"\x08mC\xe1i\x89\x12\xee\xab\xd7\xf5\xa3G\x8f\xb6\xcf\x1f\xa1Xw\x0f\x95\xea(@h\xc5X\x17\xf8\xe3\xc6Y4\xe2\x7f\xb7?\x96R&gt;\x82\xb0:\xfc\x00(g;a{\xe8\x1b\xcb\xcd\xee\xdb\xc2x\xf4\xd71\xb9k\xbejR\x12\x04Q\xce\xc9\xf0\xa3\x8d\xa3d8\x00\xd4\x0fq\xbb\xf7\xe9\x11fp\x9f?\xb8\xcd\xbe\xe5\x93XF\x7fD\xc4\xc7_wH\xa33l\x82 \x08+\xc7\xc2Xo\x8e\xa7\xdf7\x8d\x91;\x0f1a\xfb\xd0R\x8eP\x81\xed\xf3G*\xef\x1e\xe8\xca\xadX\xbd\xea\n%`\xef\xd30\xde\xf4\xd1\xf7\x9f\xdfX\xae\xecX\xbdk\xaf\x9e&gt;\x92\xcbD\x10\x84T\xbc\xff\xca\xea\xdb\x1f\xbf\xd9\xab~\xac\xda\x82pE\x99\xc3\x950;@\xc4\x9f/\x1dS\xa47\xedbre\xff\xc9\x9b/\xa4\xfb\xd8-\x19\xd9\x99\xcb6`z\xcf\xa2\xe2\xa4\x80\xdc`\x97!\xcd\xea\xa6\x90\x1b5Ah\n\xdd\x0fUmA\x08\x00\x80z\xd5+h\xc7\xb1\xc3p,\x7frs\xe5\xb8\xee\tz\xfe\xdc=\xeb\xc7r\xd2\x05\xdd\xbft\xff\xd21\x8b)\xf6\x08\x82P\x9ai=\ni\x02(\xb7\x0c/\xce0w\xcb`\x0c\xdf\xb5x\xac\xc9b\x99\xfe\x0e\xbf|y\x9c\xd34\x80\xf8\xd9\x91\xadr\xbd\x13\x82 \x04\xc0\xfc2\xf7,\x9d\xa0\xb6 \xb6F\r\x00a+\xf9\x19\xbd\x8a$\x16\xc5&lt;\xe6\x0e96L\xed\xa7?p\x87Zj\'\xa9\x12\xd7\x83\xe2\x1f.\xbc\xa9_\x91V\x1e\x04!\x04\tS\x89\xd7\xf6\x94\xae\xadr\x86\xc5\x91Q\x00?\\8$C\xab\xfc\xc0\x7f\xbe\xfbo\xcc~r\x93K\x95\x0c_\xfb\x04w\xc8\xf0\xb3\x1f\xd7!\x0f\xf1\x1e\xcb\x1c\xd07?Qn\xf9\t\xc2j\x88V\xc8\xa0\x83\x90\x9e\xfa5$8\x93\xee\xd5 N|#\xe6\x88w\x87AE)\xbc\xaa\xdc\xfb\xec\xa8\xfexm1\xe0`\xdb:\xc1\xfa1\x8b\xbc\x00R\xbc\x00\xff\xfe\xd6\xdc\x04\xf0T\nWa\t\x17@\x04Q~\xf9\xee\xa3\x83c\xdb\xe5\xaa-\x05!\x17\x03\x9a$\xeblo\xdc\xcb\xde\x1aTT\xe7\xe6\x07\x07\xea\x05\x96Y\x80\xb8\x97\xd1\xfe\xff"\xb8\xdf\xe7\x87\xb4c\xd9\x04$X{dp\x82\xb0\x01"\x1cK~\xedj\x0b\xa2\x02\x88xf\x0f\xd78\xaf\xc1\x00\x9e\x00\xd6\x98\x00\xac]\xdd\x1a\xba\x0c\x06\xab\xc6\xf7\xd0W\xf7!\xfe\xad\xfb\xf6\x03\xfe\xbb\xf8\x1f/\xce\x1e"\xb8\xdf\x86\xb5*\xb2L\x00\xfdH\x0bD\x10\xea\x12\x08\x80\x88\x7f\x7f\xf7\x91\xda\x82\xa8\xc3\xc4\xce\rM^\x7fu\xd5T\xe3\x8bG6\xcf\xfb\xe7\xfbs2K\xc4\x8f\x96\t\x9c\xb4 \xbd\xf5\x8c/\r\x8e|\xf7-\x9b\x88x\xbfq\x84\'\x00,\x1c\xd6\xbe\xb6\'\xb4I\t\xd2\x1f\xa6\xe7\rj\x9d\x17\xcc\xd15\xcd\x90\x08\x07x|\xfd\x8c\xb9\t\xe0\xca\xc9]\xb5\x84\xb5K\x10\xd6\xc8\xb9\x83\x1b\xd4\x16\xc1\x04I\x95$h\x84}\x84\xb0.7\xee\x97\xe6\x8d0\xb9\x1f\xca\xf2w&lt;\xbbo\x95\xf2\xf2(\x89\x1d\xc0_\xdf~\xa0\x1b\xa3\x0f\xae\x99\xb6vRo\xfd\'$\xcd\x07V\x8c\xed\xce\xbd\xc1c[\x9fg\xd9\x04\xcc\x1b\xd8Z\xfa\xf7@\x10\xe5\x84\x94*Bj\x9d\xde\xb5LjA,X\xf2\xf9J\xde\x9f5\x13\xa6\xa5\xf90\xd6\xd50\xe3\x98nt\xfe\xfe\xdc\xeb\xf1n\xa0\x1f\xc5\xe1\xc8\xe6y\xbc\xb4\x859A\xce,\xa3?"\xe2\xcf\x97\xb4\xe2\xf0F\x10\xd6E\xac\xab\xc0,\xf6\x11\x8e\x12K\x02d\xcam\xcd|ql\xbb\xee\xb5\x83\xde\x04P\x10\xe1\xc9\\t\x02\xf0\x03\xc8\xf0\xb3g\xaczF\xb5\xc9\xe6\xd8\xf2\xcf_X\xf6\x0e\xcb\tr\xe6+\xb0\x07\xdf\nFx\x8an\x81 T@\xdf\xde\xb0\xb2jR\x10V@n\xb0K\xff\x82$\x01c\xa5nh68\xfe}a\xc6@\xdd-.\xed\xac\x9d\xdc\xc7\xe2\xe8\x8f\x88\xd3{\xf2vy\x8bw\xb7\\\x86 l\x10Dd,\xf6(\xbc"\xc1N\xbc; &gt;\x16PQ74\x1b\x9cx\xff}\xeb\x9c\xee\x96E\xaf\x95\x91\xad\xb3\xb8\x8c\xfe\x88\xf8\xcb\x97\xc7\xf9J(\xc3\x0e\x96 \xac\x01\xfc\xf7\x87\xa2\x98j\x00\xa0|\x9ep;\x80\xd6\xb5\xc5\xda@\xd6\x04H\xad\x06\xdc-/\t\xe5\xd1\r\xcd\xc6\x01\x1b,\xee\x00\x9aDU\x19\xdd\xb6^\x83\x9a\xee\x1cG\x7fD\xc4\xdf\xbf\x96\xff=\x11\x84"\xc8\xed\xda\xd25;\xc2\xa2O\xa6|\x8cn[OL\xf5V\xc9\x81&gt;\x00)^`g\xb9,\xa1\x1a\xfa\x83\xf3\xb2\xd1]\x98\x8b\xdb\xe7\x8f\xd4]\xbcvz\x8f\xb9\xba\x1e\x00\x8e\x00Q\x15xd\x8f\xf9\xec\xf0\x16\xa5\xde\x19A\x94o6N\xeb\xcf\xb2|\xb3\x88\x1c\xa7\xc7Z\x83}\x8fS\x1e4o\xfa\xa3\xf3\xfd\xd2\\\x08\xf9a\x95\x8fl\x9e\xb7r|\x8f\xb7\xb7,\xd8\xbbt\xc2\x84N\r\xccUw\x00\x88v\xe61\x01\xf4k\x9c\xa4\xc0\x9bJ\x14\x7fpL\x10\xec\xb4H\xf0S[\x04\xde\x88\x99\x0f\x08\x8eX\xd7\xe0\xa3\x1b\x9aO\xed\\\xda%+\xdc\xb8\x80\x0f\xc0\xf8\x8ef\'\x00\x00\xc8\xf2w\xe4&gt;\x01\xc4+\x93\xdc\x87 \x08c|\x002\xf9dN\xd7\xe9\xb8\x8a\xa2\xab\xba\x038\xc8!\x13\xa1*\xba\xb5\xbf\x80\xedNu\x00\x07\x80P;\xae;\x80o\xde{E\xfa7@\x10*\xf2\xf0\xca)\xb5E\xe0\x07\xe2#\x01\xb5\xa2\x9cDu\xea\x08\xb0o\xd9DQM\x102PIo\x07\xe0Y\xf6\x96\x07@\x86/\xd7\xb5\xc2\xf9\xd76r\x99\x00\xb6\xcf\x1fi\\\xf7\xf4\xaeemS\xc8?\x8c \x08B\x0f9\x8e`\x0c\xbc\xb0.\x1ezQ7:o\x98\xd6_p\xb3\xc3[\xa6s\x99\x00LF\x95`n\t\xee\x9a \xb4\x8bu\xa9\x83\xcb9\\\xac\x95\xfa\xe6\'\xc8.\x87\xb2\xcc\x1f\xd4\xa6t|~&amp;\xb8\x91^\r\xe2\xb8L\x00\x8b\x86w0\xae\xfb\xf8\xeb34\x07\x106H\xdd\xaa Nqb\x1d4\x89\xf4\xd2R\xb4\x1b\x19q\x01\xf8\xe8\xd5\xf5rd\x04c\xc7S\xd2\xd6\xec\x01\xc2\xca\xceu\xba\x01\x9a\xa5V2\xab\'z\x8c\x0b\xa7c\x80\x9c \xb3F\xcdR\x84($\x08\x8dQ\x8dC\x99 \xa9;\x95$\xde\'\x17\x981\x01\xf1\xaf\xbf\xbe\xfd\xe0\xd7\xafNl\x14\xa1C(\x9f\xbc\xb2|\x92\xeeu\xc3Z\xca%L10\xf0\xfd\xec\xf0\x16f\x80\xee\xd3(\xdeL\r\x0b\xa4V\xe30\x01\xfcuC\x02\xd1\t\x82`\xa7CZM\xcb\x85\xf4X3\xb1\x97\xe0\xbe\x02\xcc\xb8\x8c\xb6J\n&lt;`*\xc8\xbe\x1c\xcc\xe8U\xa4\x0bdf\xbdp\xf1\xba\x08\xb0\\D \x88\xcf\x98o\xb0]]!!\x07g\xf4*\xba|b\'\xfb\xf8\x7f\xfe\xb5\x8d\x92\x8bM\x10\x84@t\xaa\x0cD4^|V\xe6\xec4\xe0\x05\xd04\xa6\xda\xaf_\x9d0\xb8\xee\x06\xf0\xf6\xd6\x05\xe2d\xd4\x1c\\FG\xf9\x86i\xf1\xc19\xd8AD\xfc\xfb;\x01\xbd\xa4T\xb1\xb8\x03\x10\x12\xa7\x88 \x08\xd9A\xc4F\xa1\x86\xc7\xd5\xc5I\x01KGu\x16\xdf\xf2\xe4.\xf9u\x95\x8fd\xa4*\xb1F\xe9r,\x06S\xd3\x0e\xa7^^zf\xcf\x8a!\xcdR\xdfX?\x8bc\xfa\x89\xda\x9e\xb0e\xceP\xf6\xe1_^\xa1\t\x82\x10FM\x80\x7f\xbe?\x97\x1b,K\xc8!&amp;?\xd4\xf53\xfb\xf8\xe9\xa4\x083d\x058*\x10\x15|z\xcf"\xdd\xc0\xbdy\xd6`\xf6\xf4&gt;^\x00\x0f.\x9f\xa4\xd1\x9f \xac\x12o\x80\x9f&gt;;*\xf9A\xb4\x8e:U\xe1\xca\xc9]\xefl_$[\x0f\x8a\xa2K\xca\xb6i\xc6\xc0\xb1\xed\xf3\xea\x87h1\xb2A\xa8\xe8\xf0{e\xc6\xef_\xbeX8\xac\xfd\x94n\x05_\xbd\xf3\xf2\xef\xd7\xdf;\xbema\x96\xbf#\x00\xa4\xf9\xc0\xd0\xe6i\x0f\xaf\x9e27\xee\xdf\xbf\xf4\xf6\xfcA\x02s@\x8em\x97+\xf6=\xf0A`\x12d\xc2\xda\xd1_\xf76\x0e\xa7\x9c+\xbc\xa9R6\x05\xb9I\x1c\x01\x16\r3a\x00n\x8d\x84\x00t\xca\x08u\x07\xd88}\x80\xcd/o\'vn\xc8\xbe\xb4g\xe1\x85\x99\x83\xc4t\xbdd\xa4X\xf5#A\x10\xb2S\xb7*\xb3Z\xfcKmA\xd4\xe1\xa5y#\xd4\x16Av\xc6\xb4\xcb\xe1&gt;\xee\xcf\xed_\xdc\xben\x88T9\xbcj\x01L\xebQ(M[\x04A\x10\xd2\xc2;\xbf\xad\xa4(\xe6\x7f\xe7\x0c\xb0{\xf1\xb82#\xfd\xef_\xeb^\xbe\xb2|\xd2\x82!m\x7f\xfc\xe4\xd0\x90f\xa9\xd2\xf6;\xa28\xc3\xb6\xf7X\x04AX1\xe3:\xe4m\x9d;\x8c{\xf9\x16\t~\xcb\xc7t=\xb1cq\x8bx\xc3\xb3\xd5{\x9f\x1d\x95T4\x89a\x12\x13\x8d\xeb\x907\xb9K\xbe\xac\x1d\x85\xeb\x85\x9cu\x05\x88\x93N=\xef%YK\x84m\xd12\xd1_m\x11\x08\xab$\xd5\x9bS\x94\xd3\x18\x13)S~2(\xb3i\xc6@ydd\x83c\x10N{\x80\x84\x8a\x00\xac\xf6\xacR\xe5}\xd3i\x8f\x9c\x01j\x96z\x9b\x13\x84d\x04\x1a]\xb1\x01?R\x15\xd1\xe5\x11,\x9fX\xf4\x96\x98\xd1\xab\xc8h\xf4\xc7/\x8f\xefPF&lt;\xc5@\xbc\'\xa1\xbfG\x08\x80;@\x8a\x17D\x96\x83\xb4t\x84r\xcc\x1f\xdc\xc6X\xab\xc8\x12\xa3\x8a\xb0\x08\xfevMm\x114\x8d\xc9\xc3R\xb5\x85\xe2\x87=k\\\xdb\x18\x17\x08\x92\'\xd9\\%\x80Q\xad\xb3yU\x89\xaa\x00\xde\x92\xcbA\xd8\x0c\xde\x00w.\x1eV[\n\xb1\x8cl\x95\xa5\xb6\x08ZD\x9b\xbf|\xe3\xd1_\xbeX\x112\x11\xe7\x06M"mJ\x85.\x93\xe7#A(A\xae\xd5nY\x8el\x9e\xf7\xe7\xcd\xf7M\xdeZ:\xaa\x0b"\x0ek\x99.\xb8q\x83\xd0\x05\x85\xd12\xc6\xa0p\xe4\xbc\xe65\x1a\xff\xff\xe1RKS\x0ef\xa1\x00\xf9a\xda\xd5\xc6o\x9e5\x98W\x16xD\xc4\x7f\xbe\x93M\x1c\xc2j)W\xfaF\x89l\xb5\xf9\xf1\xd7\xb7\x1f\x9a\xbbU\xa7\x8a\xc4\xc9\xa1f\xf7m.\xb8\xae\x1b\xc0\xd8v\xb9\xc3Z\xa4\x83\xa9\x81\xbeE\xbc_re@D.\x9faaT\x95/\x8f\xef8\xbem!/\x01&gt;zu}4\x1f#SY\x87\xe7\xb9\x03\x8a\xa5mP\x92=\x90\xee0\xef\xf2\x89\x9d\xbc*vH\xab\xf9\xef\x8f\x9fH!\x02Ah\x86\xbc\x1a&amp;,\xe6f\xf7ka\xae\xbc\xf2kLDd\xf9\xe1\x8dj\x93\xcd\xa2"WL\xbd\x93\x1b\xec\x1aU\x01\x00`\xd5\xf8\x9e7?x\xf5\xa5y#\x10Q\xff\xb3\n\x06@\xc4\x86\xb5*"b\xb8\xf5\xa7\xc2I\xe0\x90\x86\x80\xf9R\xfa\x17$I\xd5i\x15\x00\xf1\xe1\xa16N\x1f\xc0\x04g\x1dX\x98"\xba1\x82\xd00\xc2r\x85\xa8\xa2F\x083c\x0f\xe8V:\x8e\xdc\xfb\xf4\x08"\xeaG\x1c\xf6\x05\xf8\xe5\xcbw\xb4yFZ"\xd0\xa3+&amp;o)/\x8fL\xe8\xec;\xef^&lt;|\xf4\xc5\xf9\xc6\x05\xfe\xbeu\xee\x8bc\xdb\x95\x14\xc9"\xe7\x0e\xae\x17s.a\xadZT\xc2VQ&gt;\xd7\xa0L\xd8\x01\x18GI\xfb\xf5\xab\x13\xfaC\xfcs\x03[\xe9n\xbd\xff\xcajm\x1a\xc9\xf8\xb2\xa6K\xac\xc31\\\xb25\xf0\xf0\xca\xa9j\xdcrC\xda\x0c\x19\xbeR\xb9.\x10\x04a\x89\xfe\x05\xc9,C\xbc6\'\x80\x7fn\x9dc\xe4\x19\xd7&gt;OmYLP\x11\xa0cz-I\x9ab\xb4\x87\xaa\x7f\xfe\xc2\xf2\x91\x11D9\x02\x11\xb7/\x18\xa9\xb6\x14\xbc\t,\x1d_\xbe?\xff\x86\xf1\xddE\xc3;\xa82\x01\xb0\xa7j\xd1\xd4l\xa4\x00\xce\x00\xa8\x86\x95jE\x00Dl\x12Ue\xed\xa4&gt;\x8awN\x10\xca\xd293Lp\xddww/G\xab\xf5#e\xc6Ssa7\xfe\xd3\x0eIms"\x8c\xea\x00\x88\x98\xee\xc3\xa3J\xa6\x9f\x83\xe5B\x9c\xe1r&lt;k\x1b\xe4\x06\xbb\x1c\xd9\xfc\x1c\x00\xe4\x04\xa9\x1b^\x8f $\xc2\xcf\xfc-1\xa6#\xeb&amp;\xf7ADk\xf4\x8fw/\x1dR\xcd\xad\xa9\xd5\xd5?\xe0\xd3\xefM\\\xc4_\xb8\xa7\xc7]:\xaa\xb3T\xc2;\xb1\xde\x8ds\x83\x9d\x8b\xc6H\xd2\x11A\x10\\\xd1\x88\xc9_\x81u\xfad2i\x877L\xeb\x8f\x88\x876\xce6\xb8\x8bx\x17\x11\xef_:&amp;a\x8f\x85QUC\x00\x82\x00R\xabY(\xe9\x07\xb0q\xfa\x00\x83\x8b\x95\x01\x10\xb1}j\x08KE\xfdG"\xce\x15Z$\xf8\xad\x1a\xdfC\x7f\x1ap\x05\x10\xb0)\xc0\xc7_#\xfe\xcbg\xefA\x94\xa1Z9\xf3\xe9!\x08)9\xb8f\x9a\xb4+qD\xd4W|1+\xfd\xcf\x0eo\xd1\x1d\xf9\xf5\xac\x1f+aw:\x98}\x98E/QD\xec\x91\x17c\xf2\x16K\xbcL\x93^`+\xc7u\xd7\x0f\x0fWU\xe8H\xb4i\xfa\x00\xed\xba\xde\xcaFe\xe9\xa2\x8a\x12\x04\xf1\x1f\xec\xa9\xbd\x8dI\x91t\x9b\x91\xe5\xef\x98\x1d\xe0\xf4\xdc\x80V]\xb2\xc2\x01\xa0o~\xa2\x94\xad\x13\xb6\xc2\x94\xae\x8d3|\xa5\xd9i\xcf\xec\xddT\xff_\x0f\x80\xa9\xdd\x0b\x10\xef\x95\x9b\x83\x15\x82(\xcb\xec\xbef\xbd\x82\x95\xc1\x1d`\xfd\x94\xbe,\x05\xdc\x00\xb2\x02\x1c\xc7u\xa8\xaf\x98H\x16i\x95l\x1c&gt;\xdc\x02\xcc\xe1m\xbf\xc6I\xcc\xbf_\x1e\xdb\x0e\x00\xf6\x00i\xda\x0cV\xa7%\x96\x8c\xecd1\xc5\xb4`\x98}\xa7U\xeaO\t\xdb@\xba\xecFB\x90vQ/\x07\xc5I\x01\xf8\xcb\x17\xaf\xaf\x9b\xa9\xb6 %\xbc0c "\x9e\xd9\xb3B@]\x9d1%\xa3Ls\x05\xc8\x0f\xaf\x9c\x1d\xc0~\xbe\xab\x0e\xf8\xcb\x17j\x8bP\x02"\x16\'Y]\xb0T\x82 \x8c0\x17\x13\xc2Zxu\xf5\xb4\x03\xab\xa6 \xe2o\xd7\xde\xd5]l\x16\xeb\xf3\xd7\xb7\x1f\xf0j\xe7\xc2\x1b\x9b\x98\x17\x13:5(\x0f^\x05\x19~\xf6\x97\xdfyYX]\xa9\xb2\xc9\x13\x84\xed\x90\xee\xa3\xd0P\x9a\x13\xe4,c\x00e)PlN\x99\xd5\xa7\x99Iu\x01\xa3F0\xd0/\x9b\xc4\xd8~\x94I\r&amp;\x89xZ\xa6j\xc9\xa7tGmA\x08\x82\xb0!:e\x84\x8a\x1f@\x9d\x00\x02\x01j\n\x9dK\xc4\xb8\xaa\xa5y\xc3\xfa\xa9\xfd\x84\x19w2F\xb4\xd6By\xf3\xa0&amp;\x08\xb1P\x92/\x8bL\xebQ(\xd5\xb0\xd2*9\xb0\x92\xa0\x8a\x88\x7f"\xa2\xc9\x83J\x17\x80\xbc`W\x8b[(a\xbe\xc2\x88\xc8W\xf5$\x00\'\x89|q\x9b\xc7\xf9h\xc4i\x86 \xb4\xcbgG\xb6"\xfe\xc1\xbc\xee\x9a\x1d\xa1\xae0:\xd2\xb4\xea\x80\xe4\x00PWf\x15\x15\x17\x17k\xc4g\xe6B\xb0y\xcb\x969\xeb\xf1\xd7\xef\xda\xc0\x9a\xba*@\x9c\xba\x86\x10Dy\xa6^u\xf6\xd8_b\xe1\xabU\xa8[\r\xb4:\xd8\x9a\x85W\xee=\xd0\x0b\xf0\xf0\xc1\xfe5b\xfaE\xfc\x1d\x11C\xad\xfc`Y\x0c\x88hq\xd7\xe2\n\x10k\x8b#l\xac\x0bD8\x18\xfe\xbe\xc2%\n\xbcT\x8e\x9f)BR"\xa4\x0c\x05\xa6Q\xbe\xfd\xf0`v\xa0\x13&gt;\xf9\x96\xa5\x8c\xfe\xd9\xe9\xba)}\x99\t\xe0\xea\xa9\xdd\x82;E\xfc\x0b\x11\x7f\xf9\xf2\x1d-g\xa6\x95\x1b?\x0ey\x1f\'vj\xf8\xf6\x96\xf9\xd6\x1bT9;\xc0\xf4\x16\xcc\x87\x86i\x82P\x92\x0c_\xfb6)A\xc6\xd7\xe3\xdc\xa0&amp;\xc0\x8d\xb3\xfb\xb97\xf5\xca\x8aI\x88\xb8s\xa1\xc0\xf8e\x0e\xea\x1d*Z\xddl3\xadG\xe1\xa2\xe1\x1d\xd4\x96B8\xf8\xf4\x16\xf7\xc2\xbc\x02\xb5\xb2@\x01H\t\x1b!\xc4R\x81\xc3\x9b\x9fS@\x0cc\x96\x8d\xeeR\xd7RD6\x16N\xbd\xbc\xb4y\x9c\xf0\x9f{\xba\xaf]\xb4 \xe5\x1f\xfb\xc43\xb5{\x81`\x91\x84\xd1\xc4:\xe3\x00rgD\xabL\x96\xbb\xe5`\x83M\x10z\xd4\xe0\xe9&lt;\xfc\xce\xf6E\xec\x05\xf0\xd7\xaf\x00 \xc6\x85\xb7*_I\x14^\x91\xb1\x9f\x0c\xb1\x84\x83F\xbc7\xbdg\xa1\xe4\xf2X\x04\x11)\xa0\x8dI(\xd8\x06!\x84\xda\x9e\x90\x1d\xa8\xb2\x8f~\x8c\x0b,\x1c\xda.;\xd0I\xd6\x91\xb9I\x94jyl\x876OS\xabk\x93\xb4\xb7ZE\xf9\xd2Q\x9dy\xc7\'*\x1f\x98\x0b\xe9J\x10l\xf0\x8d\x94)\x07\xfe\xf2k\xba\x85-\x1b/\x1d}\x89\xbd\x00\x17\xb7X\xf2\x0c"$\xa4\xfc\xe4J#\x08\xc9(N\n\x10\x10j\xe5\xc8\xe6y\x92\xf4\xde=7Z\x92v\x08\r\xb2zb\xaf\xda\x9e\x16\x12,\x13Dy\xa1^`\x05\xa9\x12\x12!\xa2*\x8af\x1d.*\xf6\xad\x01\x10\x1f\xaa-\x82@z\xe6\xc5t\xc9\n\x0f\x04\x90*\xc2&gt;\x0b\x88x\xe3\xec~\x01\xcf\xfc\xd8\xf6\xb9\xd3z\x16\xe2\xc3+\x88\xe8Pze\xd3\x8c\x81\xad\x93\xb9\xe7\xe2$\x08\x1b\xc5\x1e \xa9\x12\x98\xf3;\xd5\x02\x9ej\x0b\xa0e&lt;KcA\x1b\\T\x0cD\xdc&lt;k\xb0\x96\x95oh\x89\x8b\x876\xab-#Q.\x91\xc4\xc8xJ\xd7\xc6,w\rl\xfa&lt;\xa5\xe8\xd1\xda\x89w71h\xb6\xad\xc3\x92\x99\xd1\xca\x08Q\xb0\xafxw\xa8S\x05\x10\xef\xca\xdd\x91\x9d\xd0c\x1e\xc4\xff!\xe2\x92\x91\x9d\n\xa3\xaat\xcd\x8e\xd88\xad\xff\x93\xef&gt;\xbc|b\xa7\xf1L0\xb1sC9$\'\xca\x1d\xc6\xd6\xc4\\"\xc0\x08cB\'\x1eO\xed\x8a\xb1\xdd\xe5\x92\xa3\x94P\x00D\xf4\x93\xbb\x1b\xa1\xcc\x1f\xd4\xc6x\x1c\x19\xd2\xac."\xea\x82&amp;Y5\t\x15m\xd3T\xb1:\xc0\x86\xa9\xfd8\x16^2\xb2\x13\xfe\xf4\x99\xfe\x15s\x86\xbf\xbf]{W\x7f\x0exp\xf9\xa481\x89rO\xbd\xc0\n\xcf\x0fm\xa7|\xbf&gt;\xa5\t\xcaul\x9d;\xec\x9d\x97\x16\x1a\x14S@\xe1\x8e\x88o\xac\x9f)\xac\xee\xb6\xe7\x86o\x9e5\xd8\xe0\xe2\xaeEc\xb9\xe4~\xe1\x12\xc6\xad\x92\x99\x85$\xf7\xd5e\x86\xdf\x7f\xfa\xeex7.5\xfe\xe3\xadMss\x83\xe5\xfd\x06N\xefZ\x96P\xf6 \xde\x9cz\xbe[\xbdH]\x15\x96\x06\xef_:6\xa4Y\xaa$\xb2)\xc0\xde\xa5\x13\x10\xf1\xc2\x9b/L\xee\x9a\x8fOo\xcd\x1f\xdc\x06\xcc{z7\x8b\xf5&gt;\xb1c\xb1\xc1&gt;@\r\xa9\tB\x06\xd4z\xa0\x05\xf7\xdb(\xd4\x83\xa9\xfb\xf4\xf6\xc7\xf5C\xdc\x00\xa0u\xed\xea\x00p\xf9\xc4N\xf6Q\x93\xb1\xff\xe1\xde\xef\x0b3\x07\x19\\\x19\xd7!\x8f\x97\xd8\x03\n\x92\x99\xf2!\x00\xc9\x9c\xe39\x8ci\x97s\xdchJ\xe6\x05\xd3\xe9\\&gt;\xd9\x02"\x1d\rW\x06\x06\xb0\x87\x89E\xc4\xfc0a\x91\xad% \xd4\xd4E\xe3\x87\xa1\x9a\x9e\xae\x7fn\xff\x96\x00p\xef\xd3#\xba/\xf4\xd8\xd6\xe7\x11q\xf9\x98\xae\xfaU\xeaU\xaf\xf0\xdb\xd7e\x96\xff4\x01\x10\xb6\x86*\xae\xed\x88\xff\n\xfe!\xbd\xbazj\x9a\x8f\xa1A\'K\xdatG\x80\xe4\xca\xd0!\xad&amp;\x98:\x0e\xe5N\xa3\xd0J\xcc\xef\x9f\x8b\xfe\xc4\xabt\xb8\xe1k=\x15f\x0f\xf8\xf8\x9a@\x11\x01\xb6\xce\x1d\xa6?\xc6q!\xaf\x86\xeb\x9f7\xdf\xdf\xb9H`\x94$\x10\xf7\xa9*F\x8f\xdch\xdd\x08&gt;\xbec}\xe6"\xfeq}\xcd\xa4\xde%\xaf\xff\xfc&amp;7\xb8\x8c\xcf;\xe2\xdd\xab\xa7v\xaf\x1c\xd7\x9d&amp;\x00\x82\x90\x86Z\x00mR\x82\x06\x16\xa6(\xfcC\n\x01\x00\xd1C\xd5\xe5w^\xe6\xd8B\x8bx_f\xb0\xe8\x92\x15\xce\xab\x0b\x83!fX\x8b\xf4:U\xa0^\xf5\n\xf8\xe77&lt;Z\xb8\xf7\x99\xe5r\xa5\x9c\xde\xb9\x0c\x11\xff\xba)&lt;\xd3\xcb\x93\xef&gt;b/ \xd8\xf3[\xaa\x87\xc4`\x04\xef\xd3(ALuID"\xca#6\xe3=(2ov\xba\x8f\xa8\xdf\xf6\x9f7?@\xc4\xc3/&lt;\xc7k\xd8\x8as\x03D\xfc\xfd\xfa{\x82\xfb\xe5\x05"~ql;\xaf*g\xf6\xac`\x86\x98\x83\xab\xa7\xe9\x1aY6\xba\xab\xac\xe3N\x94\x13T\x04H2R\xe1\\:\xba-\xa94$\xc8kkg\xc8\xd4;;McDD\xef+\xe5\xdegG\xb9\x8f\xe0\x15\x01\x10\xf1\x97/\xdf\xd1\xbf\xf8\xec\xc7O\x98\x8aWN\xee*m\xe3\xae\xe0\xa4\xf3D9\x05\x9f|\x8b\xf8\x9b\xdaR\xb0\xc1=\\e\xaa\x04?LQ0\xe1\x9d\x11\xd1D\xb4h#\x18\x9d\xcd\xe4\xae\xf9L\x95\xbf\xbe\xfdP^\xe1\x84\x82\x0f\xbe\xd2\rR\x8c&gt;\xfa\x8d\xf53\xf1\xd9mD\xac\xed\tQN\x80\x88-\x13\xfdy4\x88\x98\x1b$\xf0Hy\xd9\xe8\xae\xce\x00#[e5\x8d\xf1\x96#$\xf5\xb0\x16i\x92&lt;D\x16\xb7\x17h\x84\xb9\x92c\xda\xe5"\xe2o\xd7\xde\xd5\xbf\xe8\x0b0\xa80\xe5\xda\xe9=o\xac\x9f\x05zO\x11\xe2\xb3\x99\xbd\x9bY]\xb0nB5\xb4\xbf\x7f4\'^N\x90\xcb\x88\xe2L\x9d\x9d\x1ccp-\xc9\xeaL\x0com\x9a\x8b\x88\x1f\x1d\\\xcf\xb1|\xdd\xaa\xb0w\xd9D1\xdf\xc2\xb4\x1eM\xae\x9f\xd9g\xb1X\r\x80\x065\x05\xee\x91\x18\xf1\xe2\xddK&amp;-\xfc\xed*"29r\x1b\xd6\xaaX:\xf4&lt;\x11\x96\x96r\xfd\x94\xbe\x8bGt\xe4U\xe5\xc2\x9b/\x1c\xda4GHg\x96h\x16+\x8b-j\xcf\xfa\xb1\xfa\xff\x8e(\xce47\x01t\xcd\x8e@\xfc\x97\xbd\xb5a-\xd3\x7f\xbbvZ\xff\x8aAS"\xb7\xc2D9B\xc5\t\xe0\xce\xc5\xc3\\\xba\x1e\xd6"\x9d\xe5n(\x80=\x80\x1f@\x8d\x92\xf7\xf23/\x19Bx\x95\xe6F\xcf\xfa\xb1G_\x9c\xcf\xab\n\xf3-D\x08\xf2\xba(\x8a\xae\xca\xe5c\xec\x92\x15.8\xf1\xa7\xf1CbW\xf6n\xfd\x10\xf7?o\xbc?\xa80\x85\xe3\xe3TGo\x85\x8c\x88\x85&lt;C\xb1\xca\xf4\xd0*f3d&lt;\xfa#\xe2\xb4\x1e\x85\xba[\'v,\xe6P\xfdO\xe6\xdf\xaf\xdf\xddk\xdc\xda\xc4\xce\x8d\xccU\xb7\xf1\xcc\t\x04/T\x9c\x00*\x01l\x98\xd6\x9f\xa5@\xa6\x9fek\xa0\xa8\n%6\xf2}\x1a%\xd4\xf6\xe4-\x033\xe6r7\x88\x94\t\xe6[\x18X\x98"[\xfb\xbf\xae\x18\xdbMDuD\xc4k\xa7\xf7\xe8\xae\xd44SrZ\x8f\xc2\xc1M\xeb\xf2j|\xef\xd2\t\x02D\x92*\xed\xad&gt;b\xbc\x1e\x11\xff\xc7\xa7\xb0\t&gt;~}\xd3\xd4\xee\x05\x06\x1b\x02\x93\x14\'\x05\xecY:\xbe\xb6\x17[k7\xde? \xe2\xdd\x10\xe5\x06D&lt;\xb3g\x85\xdaR\x98\x85\xef\xdaP\xfb\x98\x8c\xb0\xbdlt\x17DL\xf7\x95%\xbd+\xe3O4\xa8\xa8\x8e\x98F\x98a%D"\x91L\xa2\xc0,\xbck\xd1X\xf9;\xb1\x80\x83\x99![\x9f\xf6\xa9!\xe6\xaa\xef);_\xf6\xcdO4\xd7\x88\xb5fu \xca9"c\r\xf1\xca\x14\xa6&lt;\xc6Zf;\xf9e\x96$e\xfc\xdf\xb7\xce\xcd\xe0\x90\xe1@\x83\x0ci\x96\xca\x1c:\x87(\xd2\xdd\xa6\x19\x03\x99]\xa9\xc9\xf9\xdc\x9b\xc3\x04\xd0-\'\xca\\\xe3qz^\xdcs\xfa\xb54\xdf\xc6\xdf\xd2\xbf1\x82\x10LU\x9e\xdbd\xdb&amp;F/\xc8\xcb\xa6\xe9\x03\xd4\x13\x84\x07\xcd\xe3}\xfb4\x8cW\xa0\xa3\x00&gt;\x85y\x98\x1f\xc9\x89\xf1\xc6\xae\xbb\x99A\xbci\x8c\xb7\xc5\t@\x7fS\xbei\xfa\x004\xa3\x11bi\xe1\x9f[\xe7\xa4yc\x04!\x92?\xbe9\x0b\x009A.XV\x8f,\x1f\x8dB\xb9\xa6\x8f\\&lt;\xa2caT\x15\xddy\x9a\xac\x08\xb0/\xc9\xa9\xee,\x8bVH\xf3\\xc\xd3\xa8\xd6\xd9\\J2\x8a\x0e\xbe\xaem*\xf2\xebW\'L\x0e\xd9\xfag\xb9O\xbf?\xaf_\xc5\xe4\x04\xf0\xfd\xb9\xd7\xd9g\x11\x01\xb2\xf1\x9az\x89r\x07\x97SYs\xec^2\x9e1\x1cT\x00\x8e\xddt\xc9\n\xd7\xfdZ\xb2\x02d\x0b|Z\n\x93[\xd9\x0f\xa0.\x07S\xd5\x86\xb5&lt;@m#\xdd\x96\t\\\xa3\xa3\x9a\x0c}#\x06&amp;\x11J\x83\x90\x12\x83F\xb2H\xa2=\x00\x00 \x00IDATD\xfc\xc4|\xf8{.^\x17\xdc\x91;\xc5\x04\xe39a\xc0\xbb\xbb\x96\x83\xde\x8a\x9eK;\xec\xa3\xbf\x80\xc7\xc6\xddJ\xe2g\x10\xaa\x81\x88w/\x1e\x06Et\xa9\n\xa8\xf2?&lt;\xb0\x16\x11\'w\xc9\x97\xf6\xf8\xd1\xdcx\xc4\x0cf\x19~\xf6\xdc\xad\x95F\xb7\xa9\xf7\xf2\xf3\xa3%\x90\x89?\x0e\x00\x88\x0f\xb2\x03\x9d,\x96\x9c?\xb8\x8d\xe4\x03\x07\xe3 \xfd\xd3\xe7o3\xff"b\xab$\t\x96\xa7\x96\xdf\x8c"\x98\x1b\xacKc\xc3=\x10\xd6\x88&gt;?\\xS\x80`\x8a-\xd1\x08\xc2\x02\xcaX\xff\x0chR[\xf7\xfa\xd6G\xaf!\xfe"\xb2A\xc6E\x16\x00\xfc\x01\xe4\x0e\xa1,+Y\x01\x8e\x1c\x1d\xbb\xfa4\x8c\xc7\x07\x97e\x16\xc7\xa68\xb1\xbdL0g.1\xc3\x8d\xf9\xf7\xceE\t\x97\xff\x04\xa1(\xf1\xb2y+\nKb\xf3\xec\xc7\x0b\x92\xfcrt\x8d\xdc\xfc\xe0@\xbf\xc6I#\x8a3E6H\xf0\xa5"\x80\x03@t\x058\xff\xda\x06\xb5e1\xcd\x8f\x9f\xbcU2N?\xbd\x95\xc2\xd3/\xab&amp;\x94\xa4\x98\xdf\xf6\xdcp\x9a\x00\x08Eyx\xe5\x94$\x06\x85Pzv\x07\x00\x0f.\x9f\x1c^\x9c\xf1\xd2\xbc\x11\xff|/\xdcn\xa18\xd1\x7f\xde\xc0Vb\xe4a~6\xbd\x1b\xc4\x89i\x04\x98\x88r\xcfn\xdb\x01\xfc\xf8\xc9[N\x00\x888\xa6m\x8e\xc86A\xa5\xf8\xd8"i\x99\xe0?\xb8i\xdd\x93;\x96\xa8\xd2{\xf3x_eB\xec\xf1L\xaeSB\xf38\x1f\xe6\x91{|\xfd\x8c\xc1\xad\x96\t~\xe6VG\x88x|[Ib\x86\xe8\nlZ AB\x11\x04+r&lt;[y5\\\xbd\x00&gt;~}#\xd3\xb8q\x00Hi1\xe9\xc2\xea\x0c\x80\x88\x0f\xaf\x9e\x92\xb0\xa3\xaa\x00\xf8\xf4\x16"\xf6\xcdO\x94\xb0Y\xc1(\xefP7\xb6]\xee\x969C\x15\xf8N\xcdQ]\x91^\xcce.\xb3\xc8kk\xa7\x97\x8c\xd6\x7f\x7f\xab\x7f}p3N\xae\xd4\xc7\xb6=on\xf4\x9f\xde\xab\x88K\x0b\x02\x03\x83\x10\xe5\x8d\x8a\xa5\xe3\xe6\xfe\x15\x93\x7f\xfd\xea\x1d\x0b\xa5y\xc2$5O\xf1*c\x02Q\r\xe0\xe2[/J\xdb\x11\x83\xc9\xd0\xd7\xab\xc6\xf7\x1c\xd7&gt;O\xda\x8eZ&amp;\xfa#\xdeA\xc4\xe6qf=\xdb\xb8\x1a\xabj\x8fi=\n\xf3\x82]\xf3\xc3*\xb1\xeb\xdb\xd2}\xed\xbe&lt;\xb6C!\x99\xac\x10]\xa6OO&gt;\xb5\x9e\x1b\xd8\x8a1U29\xfa\xf3\x8dCE\x10\x9a``am\xb9\x97\x8a\xe6L\x1c\x101\x08@\xf28\xa2\xf5C\xdc\xa42\xac\x1e\xd9*\xcb\x97O\xe6\x86\xd9}[\x08\xdb\xab\x05\x1b]\xe9\x94a\xd6\xc83?\xac\x92q&amp;d\x82\x0b\xf8\xcfw\x00\xf0\xe5\xf1\x1d\xcc\xa8\xfd\xe8\xeai\x8bU\xf4Y2\xa2S%\x00\xc4\xdf\x8c\'\x80\x03\xab\xa6H+\xaaAJ2\xc2\xc6\xe9\x91\x1b\xcd+w\xab\xd6\xe0\xabr\xa9\x1f\xe2\x8e\x88\x13;7:\xb0j\xca\xd6\xb9\xc3d\x92J\x12\xb8\x9a\xe5\x03\x84\x1a\x85 \xb6\xc8\x81\x95\xa6\x07\x0eR(\xcb\x81\xeeI\xc3_\xbf\x12\xacY\xfd\xe9\xf3\xb7\x15\xd0\xfe\xdf\xa4\xb8r\xe5\n\tm\x81\x11Q\xb1\xd8\xb3\x82-.\x11\x7fD\xc4\xd7\xd7\xce(N\n(\x88\xf0\x94P$s\xc4\xb8\xc0\xaa\xf1=\x04\x07g\x96\x83\x1ey1\xe6\xc6\x0e\n\xe0\xa1\x00\xcc\xd8\xcd\xdd\xbe\xa2m\x9d`S\xea\x9f\xfbr\xc8\xc6\xdd\x1f\x90 \xca\xf0\xd9\xe1-\xaag\xe9\xb2\x08\xf3\xd3a2+\xc9J\x05\x00G\x00\xfb\x12\x0b\x90\x7f\x9a\xc7\x9b\x0c\x0c\xca\x95*R;\xee\xcb\xed$%\xad\x87-\xe2\xb3\xe2\xa4\x80\x83k\xa6I\xda\xaa\x10\xa4z\xc2\x19\x0f\x12\x9d\x91\x82\xb9\xc9\xe0\xe6\xfb\x07\xcc\x9d\xfdJ#\x07Q\xce\x89\xb6Zg@?\x80\rS\xfb\xf1\xad\x85\xf8+"\xbf\x94\xe5,xZ*\xd0\xabA\\\xff\x82\xe4\x1bg\xf7\x8b\x19\xfe\x9d\x00\x96\x8e\xea\xbc|\x8c\xbc\x89y\xb5\x0c"\x16EWC\xc4\xe7\x06\xb6\x1a\xd5:;R%\x1f\xdf\x8a\xac\x99\t\x84\te\x070\xb5{\x93\xa1\xcd\xd3\x8c\x13\x04M\xe9\xd6\xd8\xe4\xd0\xff\xfe+k\x04uE\x94{\x0c\x8c4\xaa\x03\xbc0c\xa0Z\xc2\x88G\x80\xbd|\xd7\xec\x08\xe6W$w\xd85&amp;\xb5\x19"\xbe\xbazZ\xc7t\xb1\x0bb&amp;\xfc\x99\xa6&amp;\x00c\xa3&amp;\xcf\xd2\x17\x06\xc7\x88\x82rG\x9a`\xe1\xb0\xf6\x88\xf8\xe0\xca\xc9\xd6\xb5\xab7\xa8\xe9\x1e\xe7&amp;\xdc(S\x83\xe0\xfd\xcf\xcf\xec^\x01\x00\xf8\xd7\rDd\x8c\xca\xca\xf2O\xa6\x9fCQ\xb4T\x1f\'Q\xfe\xf8\xe1\xc2!\xfd\x7f-\xc6u\x99\xdc5\x7f\xe1\xb0\xf62\x0b%\x16\xbe\x8b\xeb\xa2\xe8\xaa#[e\xc9"\x8a\x1e{\x97Nx}\xddLD\xfc\xf9\x8b\xe3/\xcd\x1b!I\x9b\xcc00\xb5{\x13\xc1-H\xe5\x92\xdd8\xbc\xb2~\xcea\xe6\x9c\xc3dI7I\xfd\xc0\xcf\x1d\\\xcf\x0c\xfa\x8b\x87w\x94;\x17\xaeJ\xfe\x0c%&lt;\xbe~\x06\xf1\xde\xee\xc5\xe3\xf0\xd1\x15\xbc\xf7)\x94.w\x12= \xd6\x8ac\x8e\x10Z\xc2\x13\xc0b\x86qm&gt;l\xe1\xf6\x00\x00\xb1\xae\x80\x88\xc3[f\x18\x17P\xf7\xd7\x0b\x00\xbb\x17\x8fc\xc6\xebI]\x1a\xf5i$M`\xfd\xbd\xcb&amp;l\x14\x97N Uh\x16\xf4\xa8\xb2\n\x0e/\x00\xfd\x986\x11\x0e\xd08\xdc\xd3\xb8\x96KiHAe\xbc\xb4l\x9b\xbc\x1anLz\x99y\x03[\xab-\x0ba\xfdT\x02xk\xd3\xdcb)\xc2.\xaaBBEH\xf3\x81\x05C\xda~\xf3\xde+\x06\xb7&lt;\x01\x10\x9f\x08kv\xde \t~]\xb9\xc1.\x7f\xdex\x9f\x99\x00$9\x0eu\x01\x08Q/\xc1w\x94\x93\xf0\x10\xd0\xb9\xc1.\x0f\xaf\x9c\xbazj\xf7\xa2\xe1\x1d\xa4\x94\xc9\x14r\xc7v&amp;\x08\xdb\xa1a\xcd\x8a\x9a\xd2)\x0b\x00\x7f\xfdjj\xf7\x82^\r\xe2\xa0\xac\x1dE\xb0\x88\xb1\x92\xc5\x13\x8a;\xce\x00\x1e\xa5\x1a\x1bI\x02\xfb,\x19\xd9IX\x14I\x930\xf6\xaf\xc6v\xa9=\xf2b\xde\xd9\xbe\xc8\xb8\xbc\x1f@\xa8\xb5\xa5\xaa\xc9\x0et\xb2\xb5\x04\xd3\x04!-m\xeb\x04\xc7\t\x8bn\xa5\rV\x8c\xeb&gt;\xa0I\xb2T\xad\xf9\x00\xc4H\xa7\xf0j\x1c^Y\xc2\xf9\xb58)`R\x97FbZxk\xd3\\\x8b\xc2\xcc\xe8\xd5\x14\x11\xa7tml\xe0\x83\x1c\x08\xa0\xc0\xa9\ta\x92L\x7fk\x8c\rH\x10\xe6\x91\xd0\x8cO\x17\x0eZ\x92#A\t\xf7Cc\xdb\xe7\xca\xb4\xc1b673\xfb4\x1b\xdb.\x97{-F\x98\x0c_6\xc3\x19\x1f\xf3\x86F\x81\xfcd,\xef\xe0\x1f\xdfDi\xc8\xf3\x8f 8\xb0xDGe:\x92|o\xae\xc1\x93\xeaX\x17\xc0?\xbe\xb9rrW\xfd\x10Q\x9b,_\x00\x0f\x80t\xdf2*\x98P\x9e\t\x05\x01 \xc2\x01\x16\x0ci+F\x12\x058\xb1c\xb1\xda"\xc8N\xf3x\xdf4\x1fxo\xcfJ\xfc\xf9\x0bU\x04h\x1c\xee\xd9\xabA\xdc\xcc\xdeMU\xe9\x9d\xd0.\xc2\x96\xab\xadks2\xf1\xf0\x17\xd0\xb4\x95#\xeb\x99m\xc3Z%G8\xd2\xe6\xc8\x95\x84\xbdK\'\x98\x0c\xc4M\x00\x80/@j\xb5\x92\xf9{\xd7\xe2q\xaa\xc8 \xb7\x05-a}\xa4\xfb\xd8\t\x9b\x00n\xbe\x7f`|\xc7\x06\xc6\xd7\rN\r%9\\\xd5 *\xba\xe5\x9c;\xb8A\xf2M[\xe7\xcc0\xf1\x8d4\n\xad4\xa8\xa8\x8e\xd9\xb8\xd8\xe5\x1e\x1f\x80\x8f\xdf\xd8\x84\x7f\xdd\x88\xd7\xe4\t\x1c\x85\x03-\xa7L\xe9\xd6XX\xc5\xda\x9e\x96\xed\xee\x9bD\x19*~\x94\x89\xc5&amp;\x0c\xe5\x17\xb0=\xf2b\xfa5V9\x99L\xa3P\x0fs\x8b\x80D\xd6l\x069A\x86J\xb8\x11\xc5\x99\xd1\xa4\x04\'\x08kG*7N\x83\x1d@\xb7z\x91\xc9\x95A*\x17Y\xab\xc3\xa4\xc5z\xac\x86\x97^|\x83.p4\xc979\xad\xa8\x14\xe9GF\xac6\xe0\x16Q\xeeY1\xb6[\x93H\t\xb4\xd9\x85ec\x98 \xe2\xaa\t=\x07\x16\xa6\x08k-\x08 \xdd\xc7.\xc6\xc50\xa5\x89\x03\xc0\x9f7\xde\xd7x@\xdbD\x8fr\x11v_\x98\xe5\xa8;\xff\xd8\x1e\xe2)\x94\'\xc0\x8e.\xbc[\x8b\x04\xbf\x96\x89\xfe\x12z\xa77\n\xf5\x10\xe3\xc2I\x13\x12\xa1\x0e\xfd\x1b\'!b\xa7\x8c\xd0\xbb\x9f\x1ei\x1e\xef\xcb\xec.\xfa\x17$\xeb\xff\xe6[\xd7\xae\xfe\xc77g\xb9\xb4\xe6\t0\xbdg\xa1\xfe\x9587\x9dy\xcc/\xe6j}\xf5\xce\xcb\x02$\x97\x96\xa1\xcd\xd3\xd4\x16\xc1\x9aH\xa8\x08\xb3\xfa4\xff\xea\x9d\x97\x15p[\xe1\x9c\x87\x8d\x13U\x01\x9aDz\xfdv\xed4\xf3P\n\x1e\xb5\xab\x96=\xb9\x8dv\xb6\x1c\x89\xd6$\x01\x00C\x9a\xa5v\xab\x17)L\x0c\x820\x01\xf7\x87\xbag\xfdXD\xbc\xf0\xe6\x0b\xfa\x17\xbfx\xfb%fE\xdc5;\x02\xc4\xc5\xbc|q\xd6\xe0\xab\xa7v3s\x8c\xb92\xe5a\xf5mE\xf8\x00d\xfa9\xb0\xac\xfa\x11\xf1\xd1\xb5\xd3s\xfb\x17#&gt;Y3\xa9\xf7\xdf\xb7&gt;RN8\xd1\xf4i\x14\x8f\x88\xdf}x\x90y\xaa{\xf1L\xdc\xa6\x83\xfc0\x08\xed\xb2o\xd9DI\xdaar\xb5\xe7\xd5pE\xc46)\xb2\xd87&amp;s\xcf\xc3d[\xd4\x02\x98\xdd\xb7E${ZwS \xde\x1d\xd7!Oz\x818\xd3,\xce\x07\xff\xba\xd9\xa7a\xbc\x00\xc5\xc5\xddO\x8fH/\x10OR\xbd\xa1o~"\xb3\xec\xa8*\x9d\xfa\x85\xd2\xc1\x13Z$\xcd\x07\x9a\xc7\xfb\xe6\xd5p\x13\xe3\x00\x85xOB\x91\xf4y}\xdd\x0c\xc1*\xe6\xbc\x1a\xae\x1a\xccx&amp;\xb7\xad\r"\xde\xb9x\x98W\x95\x86\xb5\xa4\xd5\xa3\x08G;\xbb=Dl\x10"\xa5\xfd\xbd\xc5\xb7\x96\xe1km\xf1\x9b\x08- \xf2\xa8\xca\x0f \xdc\x1e\x8a\x13\xad5\xc8(a\xc0\x9e%\xe3\xf9\x0e$jE-\xd52\x92{\xc1,\x1d\xd5Y\xff_-\x9b\x90\x11\xdae\xef\xb2\t\xfa\xff\xba\x01 &gt;UK\x18c:g\x865\x8f+\xe3Q\xd4*)`Z\x0f\xe1\x19Q\x08B$\xbf|\xf9\x0e\x97b\xf8\xf4{I\xba{|\xfd\x8c$\xed\x10\x84\t\x8c\x9ffD\\&gt;\xa6+\xdfvz7\x88\x93H"\x0bl\x9d;\x0c\x11\xcd\xe5EQ\xd7\xf7\x08\x11\xd7M\xee\xa3\xaa\x08\x12\x13*i\x84Tc\xf2\xc3*iGK\xc3\x05g-\xa9\x95\x08B,\xc6zzD\xec\x94\xc9{\xc3\xca\xa4\xc0U\x86O\xdfzQyK\xffp\xfb\x12\xf3\xa4\x96\x89f\xc3\x1a!\xe2\xde\xa5\x13\xcc\xdd\x15\x89\xb0\xfc\xb7\xec\x1e\xbc\xec\xb8\x95Zd\xb5\xe1\x16\xeeI\x00k\'\xf7\xb1\x8d\xf1\xd4\x9f"(\x10\xe5\x900;\xf8\xe2\xed\x97\xece^\'j\x01]xg\xc4;\xe6\xca\xc8j^\xdd2\xc1p\xe2\xa9Q\xfaB\xf7\xd9K2\x98\xeaG\xf7K\xae\x0c{\x96\x8c\'\xbf!v\x1c\x00D\xa6\xea4\xa6\xbcZ\xab\x11\xda\xc6 \xf6\xe7\xb8\x0ey\x0b\x87\xb5/?\xa9\xf8\x0e\xae\x9e\xa6\xb6\x08f\xf9\xe0\x955\x88(2\x8eBQL5f\x16\x19\xde2\xbd{n\xd4\xa8\xd6\xd9\x82\xbd\xb5\xcb\t&gt;\x00s\xfa\xb5\xec\x92\x15.\xa6\x918WP=5\x13\x85n*/4\n\x15\xae\x17\xd0`\xf0a-#Loc\x8cN%W\xdb\xd3l\x99\x0f\x0f\xac\xe3\xbb\x030\xf9\x1cd\x07:A\xa9\xf2g\xff\xca)\xbc\x1a4 \xdc\x1e&gt;}\xebE1-\xa8\xc2\x9a\x89\xbd\xb8\x17F\xc4\xf0\xb2_\xb3\x13\x00"vL\xe7\xba.\xf2\x04X7\xb9\xcf\x88V\x99\xcc\xbf\xcaG\xc2 \xca\x11\x15%R\x14\xf4m\x94 \xabQ|\xa8\x1d \xe2\xb2\xd1]\x98\x7f\x8d\x1d\x98\x04\xc4\x97\x96K\x93\xad \x92\xc4eb\x18P\x90\xbcvR\xef\xbazQp\xec\x01\xc6u\xc8\xf3\x06\x00\x80\xa61\xd5~\xfe\xe2\xb8T}q\x87\xd7\xd0\xa9Yv,\x18\xc5\xbdp5\x80\x19\xbd\x9b2\xef\xd9\x01`J\xb7\x02\x99\xa4"\x08\xc8\x0ep\x9a7\xa8\xb5\xdaRX\xa6uruD\xfc\xfc\xe86\x00\xf0\x07@\xc44\xef2\x05\xd2|\x00\x11\xf5\x97K\xa7v.e\x9f\xdb\xc8\x9f^\x9f\xf3\xafm\x88t\x82\x9c Q\x1a~D\x1c\xd5:\xbb&amp;@~X\xa587\xb1\x99F\x92*\x01"F\xf0wW\xb6\x19|\xf8\x04V!\x08~\xe0/_\xe0\xa3+\xece\xbc\xd9o+\xc8\xdb[\x170\xc7\x9b\xcd\xe3|\xae\x9f\xd9\'\xa6)\xc4\x7f\xa3\xcb\x0et\x8d#&lt;\xc3\xa4R\xd0\xd8\x16\xcdby?\x02\x95\x00j\x02d\xf9;\x8a\xcc`&gt;\xb0\xb06\xcb\x14^\xce\xf3X\x8dn[O\xc2\xd6\xe8`\xbf&lt;\x82\x88\x16\xddX\xeaU/s\x1a\x14\xee\x00\x02T=\xf8\xf7\xb7\xfc+\xf1\x80\xdd\xe4\x0e\x11\xf7\xc8f\x8e\xc9\xc0\x1eT\xa7y\xbc</t>
        </is>
      </c>
      <c r="E520" t="inlineStr">
        <is>
          <t>&lt;class 'numpy.ndarray'&gt;</t>
        </is>
      </c>
    </row>
    <row r="521">
      <c r="A521" s="1" t="n">
        <v>519</v>
      </c>
      <c r="B521" t="inlineStr">
        <is>
          <t>steps_per_sec</t>
        </is>
      </c>
      <c r="C521" t="n">
        <v>7500</v>
      </c>
      <c r="D521" t="inlineStr">
        <is>
          <t>3.3678179</t>
        </is>
      </c>
      <c r="E521" t="inlineStr">
        <is>
          <t>&lt;class 'numpy.ndarray'&gt;</t>
        </is>
      </c>
    </row>
    <row r="522">
      <c r="A522" s="1" t="n">
        <v>520</v>
      </c>
      <c r="B522" t="inlineStr">
        <is>
          <t>Loss/object_center</t>
        </is>
      </c>
      <c r="C522" t="n">
        <v>7500</v>
      </c>
      <c r="D522" t="inlineStr">
        <is>
          <t>0.1625099</t>
        </is>
      </c>
      <c r="E522" t="inlineStr">
        <is>
          <t>&lt;class 'numpy.ndarray'&gt;</t>
        </is>
      </c>
    </row>
    <row r="523">
      <c r="A523" s="1" t="n">
        <v>521</v>
      </c>
      <c r="B523" t="inlineStr">
        <is>
          <t>Loss/box/scale</t>
        </is>
      </c>
      <c r="C523" t="n">
        <v>7500</v>
      </c>
      <c r="D523" t="inlineStr">
        <is>
          <t>0.0650387</t>
        </is>
      </c>
      <c r="E523" t="inlineStr">
        <is>
          <t>&lt;class 'numpy.ndarray'&gt;</t>
        </is>
      </c>
    </row>
    <row r="524">
      <c r="A524" s="1" t="n">
        <v>522</v>
      </c>
      <c r="B524" t="inlineStr">
        <is>
          <t>Loss/box/offset</t>
        </is>
      </c>
      <c r="C524" t="n">
        <v>7500</v>
      </c>
      <c r="D524" t="inlineStr">
        <is>
          <t>0.187572</t>
        </is>
      </c>
      <c r="E524" t="inlineStr">
        <is>
          <t>&lt;class 'numpy.ndarray'&gt;</t>
        </is>
      </c>
    </row>
    <row r="525">
      <c r="A525" s="1" t="n">
        <v>523</v>
      </c>
      <c r="B525" t="inlineStr">
        <is>
          <t>Loss/total_loss</t>
        </is>
      </c>
      <c r="C525" t="n">
        <v>7500</v>
      </c>
      <c r="D525" t="inlineStr">
        <is>
          <t>0.4151206</t>
        </is>
      </c>
      <c r="E525" t="inlineStr">
        <is>
          <t>&lt;class 'numpy.ndarray'&gt;</t>
        </is>
      </c>
    </row>
    <row r="526">
      <c r="A526" s="1" t="n">
        <v>524</v>
      </c>
      <c r="B526" t="inlineStr">
        <is>
          <t>learning_rate</t>
        </is>
      </c>
      <c r="C526" t="n">
        <v>7500</v>
      </c>
      <c r="D526" t="inlineStr">
        <is>
          <t>0.001</t>
        </is>
      </c>
      <c r="E526" t="inlineStr">
        <is>
          <t>&lt;class 'numpy.ndarray'&gt;</t>
        </is>
      </c>
    </row>
    <row r="527">
      <c r="A527" s="1" t="n">
        <v>525</v>
      </c>
      <c r="B527" t="inlineStr">
        <is>
          <t>train_input_images</t>
        </is>
      </c>
      <c r="C527" t="n">
        <v>7500</v>
      </c>
      <c r="D527" t="inlineStr">
        <is>
          <t>[b'512' b'512'
 b'\x89PNG\r\n\x1a\n\x00\x00\x00\rIHDR\x00\x00\x02\x00\x00\x00\x02\x00\x08\x02\x00\x00\x00{\x1aC\xad\x00\x00 \x00IDATx\x9c\xed\x9de\x80\xdc6\x13\x86\'i\xd2\xa4\xf4\xf5\x9a\xa6\xc1&amp;\xb903333333333s\xd2037\xcc\xcc\r33\xcc\xf7Cw&gt;\xafA\x96ywO\xcf\x8f\xc4k\xcb\x92\xce \x0bf\xde\x01\xe0p8\x1c\x0e\x87\xc3\xe1p8\xa1\x8e\x16%3\xd3\x13`0\xd6\x96\xbbaZ\x7fz\xa1d#\x92l\x8fbMr\xc7\xfeI\xd8\xdf\xa2d\xe6\xbbG\xd7\x15L\xf0\xbf\xe0\xf4\xcfH\xfd\xe3P\x8b\xab\x913\xb1b\x05\xfe\x0c\xfe\x99.@z\xa8G\xed"\x8aW\x06\xf1I\x89\xe4\x7f\xc9v\xbeS/\x9f\x95\xd8\x00\x1fn\x1e\xa2\xdc\x0bI}\xfe\x14\xed\xffU\xe5\xd2\xc9O?\xb8b""F7_]\xfd$\x08\xe3F\xa9\x1c\x15Z\x96\xca\xe2v\x15h\x94K\xf7\xb7\xdbU\x08\x05\x90F\xe1\xf1\x99\xad\x94\xa3M\x8a\xa6\xb7\xb5t\xab\xda\x85\xa4?J\xf7\xd4\xcc\x95\x84l\x14N\x14 )\x17\x00\x1a\x14LM\xda}\xa1\xe9L\x1c\x0e\xc6w\xaa-$\x9b?\xb8M\xb5l\t$y\xc6\x01\xa8\x9b/\x85d\'\xbd\xf1\xdd4c`\xe1D\x7f\x88\x12\x7f\x06\x80\x92)\xa2*\x9eE\xff\x00(\xee\xcf\x1b\xf83\x00\xfc@\xa9\x81\'\x92\xcf!\'t\x82\xf8\xd5\xed*\xd0\xb0\xbcW\xca\xf1\x80\\_|\x7f\xbdG\xcd\xc2\x94d\r\n\xa4")s\xc6\x94\xb5\xafz\nRcx\xab\xca\x8a\xfb\xc7\xb4\xaf\xa1\x99\xed\xae\x85#\xc5\x99#b\xf2\x88LU\xfav\xff\xb8dO$\xc5t\xa2\x9c\xc1\xf3\x85!{*e\n\x14\xff\x14\xb8\x7fb\xa3\xf8\xe7\xb9\xad\xf3$\x19V\xc8\x10[^J\xbb\n9\x01\xa0s\x95|\xf4jp8\x96\xc0\x1f\xa7P\x87\xb1&amp;\xfc\xcc\x96\xb9\x16\xd7C?#\xdbT\x95\xec!\x8fo\x9e8?\x19\xc8-\xed\xef!\xdb\xd2\xd9\x1c\x00\x00\xc8\x15+\xc2\xa1\x95\x93\x84\x9f\x0b\x86\xb4-\x99"J\xde\xc0_\x84w&amp;\x90\xd4\xe1\xcdU\x00\x88+T\xe9\xf3m\xc5\xe2\xd8\xab\x8a\xdf\xee\x02@\xa1\x84\xbf+\x1e\xcd\x15+\x82f\x0en\x11\xc3\xed\np\xf4b\xec\x03\x10_O\xe2X\x06\n\x00\x00\x00\xe5\x17\x80c\x12\xfa-\x7ftj3\xd9\xd88}\x80\x99|\\\xa7H\xe2?\xb4\x13\xb1\x81\x88\xd3{5\x16\xb6\x85?|\xfd\xd4\xbe\xff\x1dY#II6\x92\x84W\xc8\xc4\xaa\xfa(\xd6\xd0\xbe\xcc9r.\xecXX2E\x14\xb7k\xe1\x03\xfcf\xe2\xdc\x9a|\x96\xd2E\xde\\\xdd\xe7v\x15\xb4\t\xa7\xb2?\x12@r\xa5\xae\xb6\xde\x86\x92\xa4\x17\xaf\x8e\x0coYy\xcf\xa2\xd1\xc2\xcf\x9fd\xe9\xaf\xed[\xae\xab\x08\x00\x88\x0f\x80\xf8\x96\xa5&amp;\xce\x10W\xb6\'KT\xbet\x1b\xc2\xa0\xa6\xe5\xdc\xae\x02\xc7\x16VM\xe8\xe1v\x15\\e\xff\xb2q\x06\xce2\xd0\xe4\xc9I\x106d{T\xdbj\x9a\xe9s\xc7\xa6\xcd\xf4\xd7\xc9\x9b\\\xfc\x13\x11\xf1\xfb=\xbdUZ5\xa1\xa7\xaef7\xb5\x99\xdeN0\xc2\xe0\xda\xc5N\xfd\xc3\xe0Q \x87\x13z\xb0l\xc6\xc0G\xa9\x91#\x11\xa5\x9bGi\x8f.\xee\\\xa4\xb6\xae\x90\xe2g\x8f\x9fF\xa6\xea\x95\x98\xd1\xa7\xa9\xc2\xfa\xa9:\x83\x9b\x96o[&gt;\x87|\xff\xeb+{)g5*\x9cVg\xbd,\xe0\xc2\xf6\x05\xce\x17\xca\xe1x\x15|J\xd3\x05L^t\xb9\r\xbe$\xc3s\xdb\xe6\x9b\xc9\xdfB\x84\x8a\xbd\xbfq\xd0\xdd\x9ap\x14\xe1\xef?\xc7y\x9a\x16\xcb\xe0v\x15\\\xc5\xe4[\'\x9c\x1e\xd3\x8a\xca\xa8\x11\x1d\xe0\xc6\x81\x95V5\x10^;\xe8C\xfc\xeev\x158\x9c\xd0\x85%S\xb8&gt;\x8f\xdc\xbf\xc9yx\x07\xd0yr\xc4\x90\xd9-q8\x1c\xbf\xc1\xaa\x0e\xbe\x03\xfce\x91\xac\x82\xef2\xba]u\xfb2\xe7\xd6u\x1cN("O\x9c\x9fv-\x18\xe9v-B8\xbdi\xb6f\x9a\xda\xb9\x93\xea\xca\xb3{\xcdBF\xabc/\xc4\xb3\xd7\xab\x88\xe6v\x05\xfc\t\xc5\x8e\x917\x0c\xa39\x9c \xac\xed\xbc\xef\\0\xc2\xc2\xdc\xd4\xc0\xafw\x1c(%\xd4\x92Y\xd1\xf5\x99\xc3\xe1p\xbc\n\xefY\x0f8\xb8b\x82}\x99\x8f\xedP\xd3\xbe\xcc\xbd\x9fVe\xb2\xba]\x05\x0e\x87\xc3Q\x07\x11\xaf\xecY*\xd9\xd9\xaa\xb4]j\xba\xb6~\xf9\xd8EC9\x1c\x0e\xc7.\xbc\xa7\x83\xcf\x82o\xd5\x96\xc3\xe1p\x8c3\xa3OS\xb7\xab\xc0\xe1x\x11\xd3{7\xa1\x1c5(\x95\xce\xe1x!\xe7\xb6\xcd\xcf\x1a5D\xa0\xc7Z\xe5C\xc3\n\xb1\x1c\x0e\xc7\x0b\xe9Z\xad\x80\xdbU\xe0\x18\x02\x11y\xdc5\x8e\x8b\xe0\xbb\xebnW\xc12\xe8C\x04\x7fe\xdd\xe4&gt;nW\x81\xc3\xe10\xb3zb/\xb7\xab\xc0\xe1p\xbc\x80\xbdK\xc6\x00\xc0\xad\x7fW+\x1e\xad\x98\x91\x12h\x9d\xe3\x1b\xb8"k\xca\xe1p|\x00q\x88+\x0e\x87\xc3\xd1D\x1e\xf0\x8e\xe3\xab\x94O\x1f\x0b\x11\xe5A\xa08\x1c\x0e\x87\xc3\xe1\xf8\x15\x88\xef\xac\x8a\xccc\x98y\x83Zw\xae\x9a\xcf\xedZp\xfc\x9f\xceU\xf3\xbb]\x05/\x862\xf9\xc3\xa7\x868\x16\xa2\xf8,\xe1\xe3\xd3v\x94e\xc9\xfc\x04\x7f\xf89\xfe\x0f\x7f\xca9.\x12\xc9\xa9\x82\x10_\xd9\x9a\xff\x9b\xab\xb4\xd8\xa2\x1c\x0e\xc72F\xb6\xa9j2\x07\xc4\xcf\x96\xd4\x84c\x9e\xbay\x93\xbb]\x05\x0bH\x12\x9e\x9bZq\xfc\x85\xee5\x0b\xbbX:\x1f\x94XE\x91\xc4^\x1b\xf22\x84\x11\xad\xab\xb8Ut\xc3Bi\xe4;\xc7u\xac\xe5xE8\xba\xd96w\xa8\xdbU\xe0p8\xb6!\xe9\x07\xac\xb5\xda\xd7tB\xe7\xbaE\x93\xfcim\x9e\x1c\x0e\xc7z\xbe\xdc=\xeav\x15|\x86\xa9=\x1b\xb9]\x05\x0b\x90\x18 \xdc8\xb0\xd2\x92q!~\xb8!.\xc2|\x86\xa1\x9c\xfc\xf1x\x18\xf5\xd0\xc4\xa6\x19\x03o\x1cX\xe9v-842Ev\xbb\x06V |\x00\x84\x7f)\xedu\x9d&lt;\xc9(Y\xfdJ-\xa8a\xa1\xd4\xc6j\xe8+\x84q\xbb\x02\x1c\xf7\x99;\xb0\x95\xdbU\x08\xa2E\xc9LnW\xc1\x9f\xe9\xd7\xb0\x94\xdbU\xb0\x06I\x8b\xbfaZ\x7f\x03\xf2\xb1\xe9}`\x05\xc4\x02\x96\x8e\xea\xe4v\x158\x1c\x9bA|\xb3s\xbe\x13\xb1\x889^\x82Z\x97\xdf\xe7\xa6n~v\xa9\\|tJ\xd8&gt;\xbf}\x81K\xb5\xe0p\xb4\xf0\xb9W\x9a\xc3\xe1p8\x1c\x0e\xc7\xdf\xc0\xf77$}\xb2\xac\xd1\xc2\xaa%\x96\xd0\xa2df\x1bj\x04\x00\x908\x9cM\x19\x87&amp;\xee\x1e]\xe7v\x158.\x80//"b\xaa_u\xbc\xc9\x9c\xd0\t"\xbe\xbbq\xc0\xf0\xe9[\xe7\x0c\xb1\xb02\x1c\xcb\xa8\x91#\x11\x00\xbc\xbc\xb4\xdb\xed\x8a\xf8\x0c1\x00\x12\xf9K\xa7\xe3\xe2\xceE(\xf0\xe4,\xf9\xbfg\xed"\x00\x10\xdd\xed\xbaq\xbc\x8as\xdb\xe6\xbb]\x05\x8em\xf4oXZ\xbe\xf3\xd2\xae\xc5\x88\xc8b)T#g"\x1b*e\x17I#\x98\xcd\xc1?\x16\'\x96\x8d\xee\x1c\xdc\xf6\xbf\xaf\x94)\x90\xec\xe4J\x7f\x1c9\xf8\xf96\xc5\xb0\x1f?\xddv\xae*\x1c\xcbI\x12^\xb9E;\xb9a\xa6d\xff\x9aI\xbd\x9d\xaa\x14\xc7^\x0e,\x1b\x8f\x88\xf8\xe4L\xe1D\x01\xc2\xce\x8e\x95\xf3\x00@\xf3\x12\x99\xf87\x80#\x06\xf1\xfd\xa6\x19\x03\x95\xf6c\xba\x00\xa7\xfbC&lt;B\x89s\xe4\x8b\xfb\x8b\xb0\xbdg\xf1h\xde.\xf8\x07\xf8\xedn\xf0\xac\xcfV\xf1\xfe\xb2ic\x02@,\x00D\xac\x90&gt;\xb6K\xb5\xe3x\x1d\xefo\x1eD\xc4\xdc\xb1"J\xf6\x9f\xda8\x1b\x11\x0f\xad\x9c\x98Zi\x80\x909\x8a5\xa5\xbb\xd2\xec\xf0\xb6\x8e\xe3\xb7\xa0\x88I]\xeb{\x1czy\x11\x00\xde\\\xdd[\xc7/\xc489\x96\x10?\x0cmn\x10\x11\xabeK\xc0\x9e\x9b\xf43\xe2\x95\xf0\x0f\x00\xc7o\x11\x7f\x00\xf0\xf9\x05\xb230\xf8\x10\x00T\xce\x1c\xb7D\n#\xfd7]\r\x01\xc7BL/l\x051\x7fp\x1b\xc5\xfdn-\x0e\xb9\xd5\x10\xe7\x8c\xf9\xa3+\xe5r8\xb6\x83\x9e\x90\x9di\xfe\x07m\xcb\xe5 ?\xabgO\xb8}\xee\xb0\x8a\x19\xe3\xb8ZM\x8e)\xd2\xfen\xe4,\xc4\xef\x8a\xfb\xdf^\xdb\xa7\xd8\x16\x97N\xc5j/f\xac)w\xf2\x03\x90\xc1\xb18D\x1cw\xb9\xb6o\xb9\xdbUp\x13y\xebO\x88 J\xe0|\xad8\x86y{}\xbf|\xa7\xe57\x11\x11\x03=\xd7\x059\x1c\x8e\x0f\xb0qz\x7f\xf1\xcf\xc5\xc3;\x08\x1f\x80!\xcd+\x00@\xbf\x06!jq\xff\x1d^\xc3?\x00\x1c;\x10\xac\x8d\r\xc0\x9fI\xdb!k\xfdn\xd7\xc2{\x99\xd2\xbd\x81\xdbU0\xc8\xf0V\x95%{6N\xef?\xb3o3\xf2\r\x88\x08\xd0\xabn1\xb2\x7f\xd3\xcc\x81\xa1\xf0\x19\x10\xfe|\x0e\xe7\xdf\x7f&amp;\xbb]\x05\xf7\x08U/\x7f\x8a\x9f!\x1a@\x82\xd0\xa1\x8c\xae\xe8\xc8\xd3\xb1R\x9e\x93\x1bg\x89g\x84&amp;v\xa9\xebt\xcd8\x16\xb1xx\x07\xb7\xab\xc0\xe1\xd8\xc3\x8b\x8b;\xdd\xae\x82\x14|yqH\xb3\xf2n\xd7\xc2,\x11\x01\xf0\xe9\xd9O\xb7\x0fo\x9d\xcd\xd5Z8\x1cN\xe8\x03_]r\xbb\n\x1c/%T\x8d\x899\x02M\x8bep\xbb\n\x1c\xaf\xc4@\x08\xaaPE\xa0\xab\xa5\xe7\x89\xf3\x93\xab\xe5s8\x1c\x0e\x87\xc3\xf1e,\x92\xb1\xe0x\x1f\xf8\xe4\x8c\x8b\xa5\x1fY3\xd5\x81R\x0e\xad\x9c\xe8@)\x1co&amp;]\xe8\x08}\xcc\t\xbd\x9c\xdd2\xd7\xed*x)\xbf\xba]\x01\x0e\x87\xc3\xb1\x9d\x14\xa1o\xcawP\xd3rN\x16\xc7\xe5 8\x1cN\x10w\x8e\xacU\xdc\xdf\xb0Pj\x87kB\xc8\x16\xfd\x07W\xca\x15Cd\xf4\xe9\xc8\x15\x10\xcb\xa7\xe7\xcb\xc9&gt;\t\xff"r8\x1c\xb3\\\xdc\xb9H\xed\xd0?\xe3\xbaSN\x1c\xdf\xa96K\xfet\xfb\xc5\xd6e\xb2\xb1d\xc2\xf1u\xc6u\xacud\xb5\x13\xcbNVa\x89\xddm\xe2\xf0\xa6\xca\nu\xb6\xbfS{6R\x0b\xfdX6ML\x87+\x13J\xf8\t\xa0X\xb2\xc8\xcd\x8agt\xa5\xf4\x19}\x9a\xbaR.\x87\xe3=\x84\xba\x86^L\xbd|)\x84m\xb6\xef\xa5]\xe4\r\xfc\xd9\xd5\xf2C\x05%SFu\xbb\n\x1c\xd7`\x1c5\x866(\xa3p\x0e\x87\xc3\t\x01?\xdet\xbb\n\xba\xe1\xf1y\xacBm\x82$Tpl\xed\xb4\x14?\xc1\xfee\xe3\xdd\xae\x88\x0b$\xf5\xd3\xb8@\xa1z\xf0\xcb\xe1\xb0q\xf3\xe0?nW\x81c\x0fe\xd2\xc4\xe8Y\xbb\x88\xdb\xb5\xe0p8\x1c\x8e?\x921\xb2C\x05\xa9\xc5q\xe5p\xec\x83\xf7\x9f8\xac4)\x9a\x9er\xb4s\x95|\x8e\xd5\xc4\xa7yv~\x87\xdbU\xf0\x1fF\xb5\xad\xeev\x158\x1c\x0e\x87\xe3\x12\xfd\x1b\x96v\xbb\n^J\x04\xed$\xde\x0b\xe2{\x03g\xf5mP\xd2\xf2\x9a\xf8\x0c\xf1CGT,N\xe8\x01\xf1\xa3\xdbU\xe0x)\xf5\xf3\xa7\x94\xefL\xf3?\xe7+\xc2\xe1p\xec\x81\x9b9\x85r\xf2\xc5\xfd\xc5\xed*\x84z\xf8\x1d\xb0\x96ms\x86\xba]\x05[\x88d\xe8,\xfcv\x97\x9e \xbd\xba\x1er2\xb96\x13\xc7\xef\xf8\xfc\xdf\x11\xcaQ\xdeE\xe0\xf8\x12\x0fOm6|.\xe23\x0bk\xe2%\x14N\x14\xe0v\x158^\xc1\xa5]\x8b\x15\xf7\xf3&amp;\xde\x1d\xca\xa4\x89\xc1\x98\xb2R\xa6@;+b1\xac\x7f\x15\x87\xc3\xe1\xf8\x07\xfc+\xcaq\x18\x9bLPJ\xa4\xf0\xc60\x7f[f\rv\xbb\n\xb63\xace%\x9brnP\xd0\x1d\x15\xfaP\x04\xbe\xberf\xcb\xdchnW\x83\xc3\t\x9d4/\x99\xc9\xed*x/%\x92\xff\xe5v\x15B\x01\x07\x96\x87F\x15 \x0e\xc7B\x8a&amp;\xf9\xd3\xed*p\x82\xc0\xf7\xd7\xdd\xae\x02\x87\xc3\xe1p,E&lt;_]%K&lt;\x17k\xc2a\xc5\xfd\x88\x8e\x1c\x1b\xd8\xbfl\x9c\x93\xc5q/\x1e/\xa4P\xa2\x80\x7f\xc6\xf7p\xbb\x16Rf\xf4i\xca\xd759\x1c\xdb\xe1A\x8f9\x1c\xefE\xd7g\x90\x7f3\xfd\x12\xee\x0e\xc5\x11\x08\xebv\x05L\xd2\xa0`*\xdeL\xe9\x00\x11\x19\xa7_r\xfe\xfd#"\x0eh\\\xc6\xd6\xfap|\x88C+\'\xba]\x05}\x0clR\xd6\xed*p\\ \x831/s\x0e\x87C\x81\xfb\xc4qB\x0f\x85\x12\x06\xb8]\x05_\xa0\\\xba\xbf\xdd\xae\x02\x87\xe3\x9f\xac\x18\xd3\xd5\xed*p\xfc\x8e\x9f,\xcd\r\xf1\xab\xa5\xf9\xe9fx\xab\xca\xeeV\x80\xc3\xe1\xf8\x04d\xb5\xc0_#~\xebc\xc9\xc8\x8enW\xc1\x1a"\x03 b\xf9\xd04\x10Y&gt;\xba\x8b\xdbU\xe0p|\x12\xc4\x97\xed+\xe6r\xbb\x16\x1cK\xd98}\x00K2\xc4w\xc2v\xe9T\xd1m\xab\x8e\x13p\x07Swq\xcc\xf2\x04\x11\x1dvwP\x0c\x9c\xc2\xe1x/\x88\x0f\xdc\xae\x82\xbd\x04\xca\xf6\x8cj[\x8d~J\x81\xf8\xdcK\xcaW\x11\x7f]\x16\rkO6\xc2+\x1d\xf5u&amp;v\xa9kan\x88\xaf-\xcc\x8d\xc3\xf1\x16H\\x\xcdF\x9f\xe3$-\x1c\xd1k{~a\x07"\n\xebv-Jfv\xa0P\xc7(d[t\x87\xa6\xc52\xd8\x94\xb3\x7fr\xff\xc4F\x7f\xeaY\xa8Q9s\xdc~\rK\x19&gt;\xdd\xdd\xe5#D\x1c\xdd\xae\x86\x9b5p\x96\xc4\xe1\x98\x92\xe9U\x86\x1c\xdf\xb9\x8e\xee\xaa\xb8\xc4\xeb+{\xe5oe\xcf\xdaE\\\xa9\x8c\xcf\x11\x8aV\x05-\x01\x11w\xce\x1fn2\x93\xeb\xfbWXR\x199\xc5\x92E\xb6$\x9f\xe4\xd6ZA\x99 4|q9f@\xc4\x82\t\x7f\x97\xef\xaf\x97/\x85\xf3\x951\xc0\x9c\x01-\xdc\xae\x02G\x0f\xde\xd6$Y\xb2\xfc5\xb5g#\x0br\xb1\x01D\xb4\xe9\x82\x9b\x8c\xc5\x11\xdb\xaaz\x84\x0e\xec3(@D\x89\x995y`\x0c\x0b\xe2\xc7\x0f\xa3#qY\xe6\x18\x7f\x1c\x0e\x00@"\xb61\xbb\xc3\xfc\x08P-[\x02\xe7\xcb\xd5tG\x1f\xdf\xa9\xb6%\x05\x8dlS\xadtj\xdf6jR\xc4\'b\xb8\xb7.\x9b\xcd\xbe\xcc1\x88\xf7\xe2=\x00\xb0td\'\xf6L\n)\x8d!X\xa8\x99+\x89\xb1\x13\xd9\xe1\xea\xcd\xbe\x04y\xf8*d\x88\xdd\xafAI]\'zgX&gt;\xf34,\x94\x86rTS9\'\x935sZ\xbe\xcaonW\xc0\x12\x96\x8c\xb0\xd2\x9fF2(\x0c\xfe\x00\x88\xf6\xbc\xbf\x0e\x00\x1fo\xfdka\xa1~Ox\xed$\xa1\x9ew\xd7\x0fx\xdb\xfc\x8f\x01\x8c\xfd\t\x1d+\xe75p\xd6*\xaa\xe8y\xa7*\xf9\x0c\xe4\xe9\x0c\x88o4\xd3\xdc8\xb0\xd2\x81\x9a\x18\xa3~\x81TnW!\x84\xf77\x0fZ\x95\x15&gt;;\x97\'\xb6\xc7\n\x95\xfc\x03\xe0\xaf\x84\x86\xbf\xd1\xdb)\x92\x84k\xe8)`l\x19"\xe5\xcf\x16WC\xce\xb3s\xdbm/\xc3\x0b\xc8\x1d\xcb\xabg\x82\x10\x9f\xd9\x9c?"\xe2\x9d\xa3\xeb\xf0\xf5\x15\x00(\x91&lt;J\x02_Wp\xe6pl"&amp;\x00\xe2\x17\xc6\xc4a\x00\xec\x9e\x83ql\x82\xb3\xb8E&amp;R\xbeN\xef\xba\xc5\x1d.\xb1z\xf6\x84\xa0\xa7\x97`\xa0gP/\x7f\xca\xd03\x14\xe0pL\xc1\xf8\x92\x9c\xda4\x1b\xdf\\Y6\xba3%\xcd\xd8\x0e5-\xaa\x942=j\x16\xb6*\xab\x0c\x91x|D\xdf&amp;\xed\xef\xb0i\xe6@\xb5\xa3M\x8a\xa6O\xf5\xab\x93\xd5q\x08/\xfc\xa4\xf9\\\xd0\x0b\x9fd\xfe\xe06\xf4\x04\x0e\xd8\x13y\xe1\xc3g\x06\x9f\xf8s,\xaf\xe4\xc2\xa1\xed\xac\xcd\x90\xe3$\x88x`\xf9x\xb7k\xc1\xf15\xba\xd7(\xe4|\xa1E\x93D\x02\x13.\xe6y\xe2\xd8\xe8\x81\x96-\xda\x0f&gt;\xf1\x01\x10L\x12WO\xe8iI\x86^\xeb\xe4\xc1\xe1\x84F\x0cLF\xe7\x8f\xe7\x1f\x06\x81\x1a\x94L\x19\x15T\xe2\xe7h^2\xcda\xe9o\x00\xf8\xf0$cM\x92\xdb\xb6\xaa\x9a=\x06\xeb\xc8\xcd\x01\xcf\x0cD\xd4\xe3\xf6\xc4\xf1+\x864\xab\xe0v\x158\x1c\x8b`\xe9\xdds\xdb\x10\t\x88X,ih\x91\xcd^0\xa4\xad\xdbU\xf0y"\xb8]\x01\xa7)\x9c\xe8\x0f\xb7\xab\xe0\xbd&lt;8\xb9\xc9\xed*\xe8#&lt;W\xbf\n\xdd0F\xc5\xe0p8^\x04"\xe6\xfa[\xb5\xf3\xc1ey8\xba@|\xeav\x158\xa1\x95\x00\x80-\xb3\x06\xbb]\x0b\xa7\xa9\x9b7y\xb6\xe8?\x88\xf7\xe4\x8c\xa9O6:5\xd5\xc2\x0f\x11c\xb2\xe5S.\xed\xdf&amp;e\xe0\x08e\\U\x16\xc2\xcf\xb7],\xddK8\xb2z\xea\x80F\xa5\r\x9c8\xa3OS\xcb+\xe3\x00.\x9a0\x84\x96YB9\x82\t\x1d\x0f\x92\xec&lt;\x12\xaf\xeb\xdc\xb1UWf\xff\x00@\xfc\xc4\xa2b?\xbb?W\xdfu\x93\x8a\x19\xe3\xb8]\x05hR4\xbdWJ2r\xbc\x0f\xcaWwD\xeb*N\xd6\x84\xa3I-\xfb\xa5\x199\xfe\x8a\xa25\x94\xaf{\x0ef6(\x89\xcd\x11A\xc4\x05M\xe5\xf0\xec\x9c%5\xe1\xd0\xe9\\\xd5{\xd5\xe58\x96\xd0\xa4hz\xb7\xab\xc0\xe1plFq\xe0U7_\n\x00\x18\xde\xaa\xb27L#\x08 \xa2\xa2\xe3\x02\x87\xc3\x8eO\xb8(r,\xc0{\x02\xc2\x14M\xe2\xf2\xd2\xce\xd8\x0e\xb5R\xa8\xc8~M\xeb\xd5X\xed,D\xf4G\xc5\x17\x7f\xe0\xe0\x8a _&lt;\xaf\x89(\xea3\xf0\x0f@\xe8\xe5W\x80@\xb7\xeb\xe00\x89~0\xee\xe6\xda\xbfQ\xe9\x1d*a\x99\x8f\xac\x9eb\xa2R\x1c\xe7\xe8\xc4\x10^\xa2m\xf9\x1c\xd6\x16\xca\'\xc49^J\x12\xf7l\x8c,\x0c\xd6!!aX\xf8|\xe7\xa8\x81\x13\x11\x11\x1f\x9d\xa6\x1c\xd5\xb5\xd8\xcb.\xbd\xc0\xb1\x84\xdeu\x8b\x19;\x11\x11s\xc5\x8a\x00\xc1\xd1\x1cG\xb7\xabne\xb5D\x84\xf3\xca\xa7\xe2\xe2\xceEnW\x81\xc3q\n\x03&gt;\xe5\xd9\xa3\xbb\xf0\xd2\xd2\xed\xfd\r\xf8\x02\x98Y\xc0\xd81\x7f8\xe2\x13\xc3\xa7s\x04\xf0\xedUa\xfb\xbf\xc3k\xec(\xe2\x17\x9d\xe9-\x1c\xa0\xe4\x8dc\x7f\xac%\x0e\x87\xe3\x0c\xde6A\xcc\xe2z\xdd\xb0`j\xdb\xeb\xe1S\xb0\xdfD\x8a1\xdb\xd6\xd9C,\xaa\x0e\xc7\x0b\xe8R\xad\x80f\x1a\xe7\xe37\xe9\xc5\xab\xa3\x11\xfa\x05\xde\xf6\x01H\xed\xa04\xad\x03\x7f\xbb\xcf=\xc0\xde\xf6&lt;p8\n\x18[\x00`!k4\x87d=+g\x8e\xebLA\x1c\x7fbh\x8b\x8a\x19\xec\x8c\x1d\xae\xf7\x03\xe0X\xd4U\x8e)j\xe4H\xe4v\x15|\x06\xcdpi\xbeKF\xbf\x16^\x11\x1a/\x07\xba\xb1\xe5\xd2\x9a\xf5\xcf\xb0i*]m5\x8bw\xed\xbd\x85\x19}\x9a\xbe\xb8\xb8sT\xdbjN\x16:\xa5{\x03\'\x8b\xe3X\x88}\x01d\xc4\xf8k\x03q|\xddt\xb7\xab\xa0\x9bD?(\xec\x8c\xa6uVT\x1bjb-v\x0e]|\x87h\xc4\x18\xf1\xd3-\xb7+\xe23\xd8j\xa0\x937P\xafI\x85&gt;\x9c\xf4,C\xfc\xa2\xff\x14[z\xcdW\xf7.\xb3$\x1f\x7f\xfd,qB5\x9a\x8f\xb5\x8f\x06\xc71\x10\x90\xd2\xefiT8\x8d\xda!\xc4g\xd6\x96\x85\xf8\xcd\xc4\xb9\xfe\xdc\xd4\x8ei_\xc3\xc0Y\t\xc2\x02\x98p&gt;\xb0\x9bi=\x1b\x9d\xd92\xb7L\x9a\x18nW\x84\xa3\x13\xfa\xcb&amp;\xdc\xcfR)\xbd\x7fT\xe7A2/6z\xb0\xbb\x81#S\xc2\xe5\xd22\xc6\x0e\xb0\x97\xf2\xe9c\xe9=E\xf7\t~\x87\xaeI}!\x98\x9f\xbd\xe3G*\x88\x98\xf3o\x9a\x9f\'&gt;&lt;\x05V,Wp\xac\xc4Kd`\x9b\x15\xcf\xe8v\x15\x8c\xd0\xa8P\x9a\xb4\xbf\x1b&lt;\xb7e\xa9\xccd\x83\xf2\x9d\xeaY\xbb\xa8\xc1\xdc}\x9c\r\xd3\xfa\xb9]\x05\x97I\xee\xf52C=k\x17\xd1\xd5\x8f\xf1\xefQ\x9d\xafB\xeeJ\x91\xc4\xae\xad\x88\x14\x88\xff\x1b"\xde\xb6\xc7GQ/c;\xd4\xd4\x95\xbeo\x83\x92\xf4\x04&amp;{\xe0\xaf.\xef1\x97\x01\xc7\x026\xcd\x18\xe8v\x15Xy{m?":3\x0b\xb3blW\xc9\x9e|q]\x1c\x81p\xac \xf4|\xa5\x03\xac\xc8d\xce\x80\x96\xe63\xb9\xb0c\xa1\xf9L4qK\x1f\xec\xc4\x86\x99\x94\xa3\xde\xff\xbc]\xdb\xb7\x9c%Y\xd5l\xf1\xf5\x8e\x05\xedh,\xeb\xe7OiC\xae\x1c\x8e\x16\x05\x13x\xc7\\\x92_\x10\xdf\xa2|$v\xf6\x9an\xad\xde\xdf\x1cK\xc0\xef\xf7\xed.\xa2j\xd6\xf8\xc0\x16\xd8Y\xbeDfm0\xe5Z\xb9\x83\x94\x011\x08\x85\x80\xef\x0fOm\xb2\xb4LN\xe8\x00\xbf\xdf\x93\xee\xf9z\x07\x00*d`QC\xe1x\x11%Sh\xaf\xd5_td\xcc\xe1\x1f\x94M\xc3:\x8d\x87\x88\xf5&lt;;\xe0\x9a\xc6\xf2\xc6X3\xb1W\xf07\xc0\x9d\x0f\xf6\xdc\x81\xca\x03__\xe9@p\x01\xb9\x10\xbe?8\x89\x88\xf8\xee\x9a\xe2\xd1\xf0\x96\x96U&gt;}\xaca-+Y\x9a\xa5\x95\xd8\xf4\xba:L\xf5\xec\t\x85\xedv\xe5s\xdaZ\x96\xae\xa5#\xef\xb9\xbc\x93U\xfc\x10-\x9f\x93\xb1/r\'\xe5\x03@\x86,zI\xf7\x87v\x1ag\xa0\x84H\xe2\xd8\x02c+\xdf\xb5zA\xf3eq\xcd\x19\xab(\x91"\x8af\x9a\x04\x8a\xf1\xbf\xad\xa0P\xc2\xdf\xeb\xe6KnW\xeeV\xb0m\xce\x90\x1c1\x8dt`\xee\x9f\xd8HO\xc0\xa8~su\xef2Wz\xc4\x0fOn:\xb8b\x02\xd9FD\xc4\xd7\xc6F\xf1yb\xdbn\x87\x14j\x8d\xdc\xbc\x8b\xd1\xed\xaa\x9byR\xd5&amp;:\xfb\xd4sB\xdd\xd3\xfb\xad\xe5\x0c _\xca\xebR-?\xe3\xb9\xddj\x84|\xa7I\xd4\x11\xbd\xe4c\xf3F6l7\x96\xd4G\x1d\x0bM\x80\x88\xefn\x1c8\xbcJ;\x8e\x9b\x92\xec\x82AF\xb7\xab\xe1\xf0\x17(\xf4\xddX\xbf \xed\xef\xb0dDG\xe1g\xde@\xd5)\xb2\x00=\xd9\x96L\x11\xc5W\xe6\x04\xd9\xe9\\\x95\xb5!v\x11\x12\x7f8\xf5oP)S\xa0%\x19\xb2\x88,\xce\xee\xdfB\xed\x90\x01G0/dr\xf7\x06Y\xb4\x07]\xca4.\x92\xd6\xd2\xba\xb0rp\xc5\xc4\xb2\x16\xb9\xe6.\x18\xd2\xc6\x92|X0\x1cE\x95c\x10qK]8Q\x80{\x15\xe1\xd8E\xb9t\x8ez`\xda6\xf9\x14\x1aI\xc8 \n\xae\xd6\xd9\x12fn-\xe9\x8d\t\x01&amp;m\x9d\xc9E\xfcD9\x9a\xcaIA+\x8e\xb5\xca\x9d\x0e\x8f\t\xc8\xc7\xec\xf6\xbf\xab\xbd..*\x1b\x9d\xab\xe4\xb3\xdbG\xfa\xc8\xea)\xbaLx\xeb\x17H\x85\x88\x9a\x91R\x8a&amp;q\xc8\xb5\xb0c\xa5&lt;&amp;s0\xea\xca\xed\x10s\x07\xb6\xd2L\xd3\xbfai\x039G\xd0op\xdc\xa4h\xfat\x01\x00\x00y\x03\x7ff|\x97\xbdv\x1a\xc0k+\xe6(\xe3:\xd6R\xdc\x8f\xf8\xd5\x8e\xe2\x0c\\\xf4Y\xfd\x9a\x9b/\xb7Lj75\xaa\xf0\xe5\xc5C+\'\xea:\xa5i\xb1\xf4\x00\xf0\xe5\xce\xd1\x07\'5\xd6$M\xf2\xfc\xc2N\xbd\xa7\xbc\xbe\xb2\xd7\x8e\x9a\xe8e\xd5\x84\x9efN\xd7\xf5(\xf6\xaa\xe3u\xcb\x955r$\xd2T9\xb5j\x81\xacXR\x1d\xa1\x1bX\x961\xbc!\xfc_$\x80\x1b\x07\xffq\xbb\x16\xa1\x0cE\xef\x15\xbf\xa7v\x9ed\xba\xd2\x17\x88\xf7[\x1a\xa7\x82\x11\xea\xfd$\xff\xfb\xcf$\x9bj\xe2\xbb|\xba}\xd8\xe1\x12\x97\x8e\xea\x04\x005s&amp;V&lt;*\x182!"\xf7\xf9\xe0\xb8\xc0\x87\x9b\x87\xdc\xae\x82\x11\x101\x91\xa5\xb3E\x82\xd9\xab\xa6\x99u\x1d\x9d\x1f\t\x03\x14J\xa80\xdb\xf1\xee\xc6\x01\xca)}\xea\x97\xe0#eM\x9c\xbfDj\x03w\x02"\xce\xec\xd3T\xedh\xfb\x8a\xb94\xf3\xe77\x9d\xe3W\xb8\xa5\x84S\'o\x90\xb1\xfc\xe6\x99\x83\xc8\x86\xe2\xe4x\xf1\xe4\xba+\xa8&amp;\xf5\x9c4\x02\x0coU\x99r\xe2\x8d\x03+\xf5\x96\xc5\x91c\xd4 \x88\x15\x96\xa9\x7f\x01\xc9\xba\xa8\xbc\xf9\xd6\x1b\x81\xa0y\xc9L\xba\xd2;@\xa5L\x81\x97v-nW\xc1^\xdfF\x0e\xc7J\x8e\xacV0\xfd&amp;\xe6\xd2#\xdbT-\x992*"&gt;8\xc9\xa4\xdf\x92&lt;"L\xe9\xde@\xf0{p\xd8\xaa\x07\xac\x8b\xab\xc5B\x83\x82\xa9\x1d+\xcb\x1b@|-\xd9\x93-\xba\x85.\x01\xbaiV&lt;\xa3\xe6 @H\x90\xe2\'\xe9~\xc4\x87\xba\x8a3\xac\xa9\xce\xe1H\xb16pM\xee\xd8Ar\xfd\x05\xe2+\xcf\xca#\xbe\x93\xec!\xb1\xce\x1b\x14H\xa5\x99\xb9.\x17\xcd\xd9\xfd\x9b\x1fX&gt;\xfe\xca\x9e\xa5\xe4g\t\xf5A\xc3\xd6\xd9C\xf4d\xec\x10Y\xa31\x183\xdaC|CF\xa9\xeeJ\x1b\x0fi^\xc1\xc0Y\x11\x00f\x8b\x8c&amp;\xde\\\xddGI&lt;g\x80\xaa\xeb\x06\x00h\x1azY\x08o\xffC\x17\x87V\x86\xba\x85\xc4\xb4\xbfC\xfaH\xf0\xe1\x96\xf1\xa5\x11\xc4\x97\xe2\x9fm\xcb\xe7X?\xb5\xaf\xd9j\xf9\x1a\xf6\xcdM\x8b\x1d\xda\x076)kS)\x1cc\x98yq\x08e\xbd#:\x9e\xcf@:\xa7m\xcafW&lt;j@e,\x8a\x1e=\x03;p\xcc\xc1\x8d/\xa0\x85B\xb2E\xff\xc1\x1b\xbe\xc7\xf5\x19\xc6\x9d\xde\x00\xcb\xf8\x98\x91L&amp;"\x7f\'\xb1V\xed\xd2\x0f\xe0\x8d\x17\xc7&gt;\x18}\x0e\xa6{\x9f\x1e$YqA|cm\xb6\x86%\x9d\x05\x99\xbfa-*ZY!o\xc2\x12\xcd\xa8\\\x7fs\x81"=x\xd5\x07 \x86\x1e\x8fs\xcd\x9a\x87\x9e\x07!\x05\xd7;w\x83&gt;\xf5K8V\xd6\x9d#k\xed.\x02\x11\x85\xd6\xd3\xdaf\xe1\xcc\xe69zO\x19\xdf\xa9\xb6d\x0f\x9f\xd0\xb1\x92\xfc\xf1~\xf3\xaa\xa6\xdf1\x8c\x85{\x9d\xd6\xb3\x11K2\'/\xe9\x8e\xf9\xc3\x85\xedW\x97\xf78?\xe3\x19\xe0py\xde\x8a\xc9\xeb~b\xfd\x0c\xf1O\xa2\xbb \xb0`H[\xc5\xb3\x10q\xcb\xacA\x94l\xcfo_\xa0\xb8\xbf|\xfaXjO)\xfd\xe9\xa5D\x1e&gt;\xb3y\x8e\xe6\xb9\xe2\x9f\xbaD\xcb__\xb5\xde\x0b];\xd8[(A\xac$\x1cJhSNy\x91\xc3\x12\xc8\x00\x9fq\xe4\xd1\xa7\x9e\xee\xfe\xe3\x81e\xe3\xc5eY\x12\xa0\x98c9\xba\xbc\xdf\xe9\n\xde\x94\x86U\xd1\x90\x06\xbf\xdf\xfbr\xf7(9Q-z\x0f"*\xea)5*LS0\xa5\xbf8Y\xa2\xd0\x1auDl]6\x1b%\x81c&lt;=\xb7=tv|-&amp;\xbc\xd1\xae\xb4M8\xbc\xdaL\xdc}\xf3\xc7S\xb0\x9b\xa3\xf7\xcbL\xe2g\xcf.\xe2\x0b\xb7\xab\xe0\x10\x8c\x11\x17\x08?\x01d\xd4\xbf\xce\xd9\xa7^\xf1\x83+&amp;\x9c\xdd:\x0f\x11\xb7\xcc\x1ely\xfcHDT\xec/n\x9d3\xc4\xa6\xc7\x92\xeb\xcb\xba\xcc\xddc\xeb\xd4\x0e%\xf6\x94O0f\xc2L\xe7\xba\x1e\xffU\xc4\x0f\x96W\xc0Ef\xf6mF6\x9a\x15\xcf\x18\xda\\f*\xd8\x1fK\xc0\xf9+\x1a\xa0\'\xb1Z\x88G\xd2\xce\xf6o$\xd5\x01\x8d\x02\xb0hx{IY\xd66\xcag\xb7\xce\xfbv\xff\xb8\xe2\x80\xe2\xd9\xf9\x1d\x8c\x994-\x96Aq\xff\xf6\xb9\xc3\xbe\xde;\x9e?\x9e\xb6\xe8\xb3\x9fu\x80\xbc\x0b\xc5\xd8\x8db\xab)\xab\x02M\xf8\x1f\xf69\xd0\xd4\xc8\x91H\x973U\\\x00\xae\x9dn\x1f\x03\x1a\x95\xb1$\x1f\xbb##\xc6\x02\xf8\xf4\x9f\x86\\\x9d\xde\xc6\xd4\xad\xe0\xde&lt;\xa2\xac-L\xeb\xd9(\xbd\xa7\\\xd9\xe8v4\xf1\x90\xb1\x1dj\xaa\x1d*\xc4\xe3\xc9x\x01\xbcs\xe4\x0c\x99\xed\x14\x99Z7E\xc1\xb1 O\x1c\xdd\x1a\xcf\xfe\x10\x8f\x8dJ\xdd\xbc\xc9\r\\\x16\x0e\xc7{Q\x1c\x81qX\xd8:g\xc8\xae\x05#\xe9i(qO\t\xae\xeb\x96\x0b\x1a$\x04\xf2Eg\xff\xae\x8fh]E\xbe\xd3d\xb7\x00\x11[\x94\xcc,\xd9\xb9m\xceP\x03Y=:\xbd\xc5\xc2&gt;J\xc3Bi(G\xf1\xedU\xab\n\xf2\x7f:U\xc9\xebp\x89\xbc\xafj9\xc7\xd6NS\xdc\x9f/\xae\xc6\xdacIKe\x94\xfc\x18\x17u\x8d\xbc\x19|z\xb6x\xb2\xc8\xec*r\x8a\xfc3\xbe\xbb\xa5\x95\xa2\x11\n\xed\x1e9\xbeD\xde8\x8e\xfati\xea}\xc6\xb1\xa8\xa0n5\n\xb2G\x8c\xc8\x1c\xac\xbc\xac\xb7\x17l\x06\xc4\xef\xea\x87l\x1c\x1c\x98qWD\xc4\x00\xab\xea\xa1\x9f/w\x8e2\x86\xd2@D3\xd1\xdc\xc2\x05\x1bX3\xaeoM\xe9\xd1P\xed\x90W\xd9.\xba\x00\x9f6\xf3~&amp;u\xabol\x94\xcd\x91\x90,\xa2v\x1a\x01_\x1c\x98J\x16$:T\xca=\xa8i9\xc7J\x9f\xd8\xb5\x1eeiP\x82\xf8\xf2\xd2\x1d\x0e\x14\xcf\x1d\xd0\xb8L\xbf\x06%\xd9O\xd9\xacb\x8d\xed\x8bw\xd9v\xa6\xf4h\xa8x]r\xc4\x0c\xaff\x8e\x9cN3\xdeUhb\\G\xa9\xdb\xbaI\x02\xac\xcd.\xb4\xf2\x9f\xfd\xf2\t\xde\x8c\xf8\xa5\xb6\xaa\xe1Kn\xa8\x0bi\xb9S\x02av\x7f\xed\xe0\xe1\\\x13\x94\x06\xb91\xdb\xe6\x0eE\xc4\x9b\x9e\xe1\x92\xc9\xa1j\xd9\x12(\x9e\x98\xcc\xc4\xc0U\xbc\x80\xe3\xbb\x1a6eDF\xb1\xf2\x87;kT\xe9\x94q\xbf\x06\xa5t\xe5\xaff4\xed+\xac\x99\xd4\xcb\xc9\xe2R\xb9\xab\xe5\x0f\x00\xe6T*\tu\xf3\xa5`l(\xeb\xe6Ka\xb60\x19}\xea\x97X1\xb6\x1b\xfdJn\x9f7l\xf5\x84\x9ey\xf5\xf8\xb5\x11\x10\xb1~\x81\x94\xc6+\'#:@J/\xb8\xe9&gt;F\x9a\xffy\xfc\xbc{l=\xe2\xb70\x00rQ\x01\xb5\xa6\xdf\x00~\xa9X\xa0\xe8LOA\xb3\xeb\x94\'\xb6B\x8a;GU}\xf1\xfc\x0c\xc4gnW\xc1Mn\x1dZ\xd5\xb1R\x9eK\xbb\x16k\xa6\xd4\\\xd87\x0c\xe3\xb7G\xac\x19gy\xe6\xe6\xa18N\xe2\x97\xff\xe8\xe7\xba\x15G\xd6\x05\xd2\x1b\x9d\xc3\xa9\x9931\xe5h\xa7*\xf9\xe4;\xff\'\xdf\xa5\x87\x8d\xd3\xfb\xdb\xf7\xf4$\xb64"|\xe8\xe1\xf0\xaa\xc9nW\xc1z\x18Cu\xbaH$\xad\xf8\xef\xe5M\xf8Qgf\x8bz\xbcg\xd1h\xf3\xefc\xaf:A\xaep\xb5\xf3$[1\xb6k\xb1\xa4\x7f\x9a\xcc\x90B\xce\xbf\xb9\xf8\x9b\x0c\xfct\xcb\x95r;+}!\xbc\x8aP\xfbE\xb8w|={b\xc9\x0cWJ\x9dsyB7\xadd\n\xebc\xad\x87fK\x87\x11\xad\xab\x08\x86\xbd\xe2f\x9a\x84{\xd4\x8cH:\xbcUe\xcd"\xd2\x05\x00~\xbdc\xacz\x8a\xd8=8@| \xfeY(\xe1\xef\x9a&amp;\xbd\xca*z\xfe\xc1\xc1\x15\x13Z\x96\xca\xe2V\xe9^\xb2\nO\xefol\x995\xd8|\x11\x82[\x17E\xd8\xabp\xa2\x80\x8f\xb7\xfe\xf5\x12\xb1\x9f\x88\x00E\x93\xd0\x9e\xfc\x0b;\x16\xaa\x1d\xb25\x9a\xec\xa8\xb6\xd5\xd4\x0e!~g\x0f\xf1D\xc9G\x93\x1e\xb5\nK\xf64.\x92\xcepn\xce\xf0\xf2\xd2n\xc9\x9e\x7f\xffQ\x1e\xb7!\xa20\x14\xd6\xf4\xb0]6\xaa3\xe3[\\\xd4\xba~\xfd\x8a1]\xad\xca\n\x11;Vv\xda\xf9\xc9\x8b\xc0\xe7\x17\x18S&gt;:\xbd\xc5\x8e\n,\x1b\xd5\xb9i\xb1\xf4`u_\xdb\x92pBv \xf1\xf0\xec\\U\x9fp\xe9\xb7\xfb\xc7-\xad\x0e\r|v\x9e\x9e \xd0\xba\xb2\x92X1.\xbf\xb8s\x91\xa0Qcz\t\x96\x06"6/\x91\xc9\xce\x12\xf4\xc1\xb2Z@\xd0\xec\xf5\x83\xd7t\xcb4\xa9\x9d;\xa9d\x0f\xbd\xcb\xd2\xbeb.;\xab\xe3\x9b0\xde\xec\x88\x00\x0b\x87\xb5\xb3\xbb2\x16\xe2+\x0f\xb1\x97\xe0U\x97+\xd0\xed\n\xf8\x1c\xa9\x82}\xa2\xaagO(\xde_*U4\x0bK9\xad?\x92\x97\x1d\xcc\xe8\xdd\x84lt\xaf)\x1d\x87\x99\x84\x1e\xc6\xc0?\xc9\x1a5\x0c\x04\xc7\xc4AD\xc5{\x8c\x8fO;Z\'\x11\xbaT\xa0\xd5Xm\xc2\xed\xd0kI\xe8\x88\x18A\x92\x1f!i\x04\x98\xdc\xbd\x81%\xb9\rnV\x9e\xe2a\xeb0\xeb\xa7\xf6\xa3\x1ceT\xbb$\x1fN\x9b$4\n\'\n\xb0\xc3\xbe\xd3&lt;\x05\xe2[&lt;\xc9\x87\x88\xf8\xe6\n\xd9&gt;\xb9q\x16=\xf1\xcdC\xff$\n\x07\r\n\xa6f\xc9\xd9\xb0\xd8\x83\xf0x\xe0\xf7{\xc6r\xf0I~\x05\xd8\xbbd\x8c\xdb\xb5\xf0U\x0c\x1bS\xf9\x1c\x85\x13\xd9\xf8\xa7\x8ej[\xdd\xbe\xcc-$\xe5/\x80\x88o\xae\xed3\x99O\xf5\x1c\t\x15\xf7\x97O\x1f\xeb\xd6\xbf\xabMf^\xbf@*\xb5C\x0fOn\xf2\x95\x15r\xc4g\x1d*\xe6\x16~\xaaY\xa5\xaf\x9a\xd0\xc3\xf2\xa2\x17\x0f\xef`y\x9e^\x8d\x85\xb3\x01t#Qc b\xa5L\x81\x96gk\x00\xe1B5/\x99\xc9\x98K\xa4\xbb\xe0\xcb\x8b\x86\xcf]7\xa5\x8f\x81\xb3\xd4b\x9bHxtz\xb3\x81\xcc-A\xb0\x9a,\x93::Kz\xc4\xe7\xf6U\xc6\x12\xbcjr\xcf&amp;\x10_\xcd\x1d\xd8\xca\xde"^\xb0\xae\x95r\xcc\x12W\xcfS{e\xcfR\x9bV\xa7)\x90\x05\xe6"\x89#5,\xc44\x0e\xb5\x10\x93^\x14\x8a1LBC\x1b\xe1&lt;\xa1\xed\xaav\xadn\xa5\xb2\xa6\xe4\xea%2g"\xd2\xbe\x82\xc2\xf2o\xeb2\xacq\x89%++\xa1\x05W\\\xab\xa3\x00D\xf1\x85\x97\xa7C\xa5\xdcj\x95\xa4\xac\xbb\xb5*\x9d\xd5\x86\x9a\xe4\xd1L3\xbeS\x1d\x93\xa5l\x9c\xde\xdfd\x0e\xbeKl\x80\xec\xd1\x99Z\xa04&amp;\xbf\xcf6\xa0\xf9*\x95\n^\xc0\x10Fg\x82\x07\xec\x82!m\xd9\x0b\x92H-\xd9$\xf8c\x13KGuv\xbb\n\xde\x04\xd1MDD\xfa\'\xc0\xbe\xa7=\xd1\x0f\xb6e\xed*;\xe6\r\x17\xb6G\xb7\xabn\xc9\x1b\xe2C\xaf\x99\x1fpd\xf5\x14\xc5\xfd\x87VN$\x1b\x9ak\x98\x963\xa4Yyz\x02|v\x0e\x00v-\xd4\x08\x92\xe3\x07\x0fR\xfd\x02\xfd\xd3}\x8b\x00\x00 \x00IDAT)g\xf7oA\xb6)\xfd0\xf9|\xed\xb8\x8e\xb5\x10\x1f\xdbT+\xdf\xa3T\xaah\xbe\xf5\x01\x17\x14emuA\xb2\x9c\n\x19\xa4f\xd9I#\xc0\xa2a\xed\xe5\xc6hf\xf4\xd39\x96@$\x04\xe2\xb9W\x01\xc6\xf7\xb1sUe\xef\xfa\x7f\xff\x99D6\x0e.\x9f`Y\x9d\xacCP\xe9\xec]\xb7\x98\xb03\xed\xefP#G"|z\xce\xf2\xe2\xea\xe7\xb7R\x8a\x8ec=\xf8\xfe:{\xe2\xb6\xe5r\xa4`^\x86E\xc4\xc5#\xbcze\xbf\xacH[T\x93M3\x06\x90\x8d\x87T\xed\x1a\x03\x8a]\x8ch\x86W\xb4\x9bz\xb6\xd9J\xb6+\x9f\xd3\xa6\x9c\r\xb0{\xe1(z\x02\xf1\xf8\xd2\x9b\x11\x1a_a\xae\xc9d\xc4\x0bE\xe5DB\x06\x15\xcf0||\xe6\xf4\xa6\xd9\xf2\xfd_\xee\x1c\xb5*\xea\x11\xc7{)\x9c\xd8\x7f\x0c6%\x1dCDT\x93\xe2Q{\x19\xcc\xd0\xaf\xa1&gt;]k\x7f\xa2Z\xf6\x04&amp;c?\x18x\n]\xb7J\xc4w\xd7${~ui\xfa\xa8\xb4\xba\xa5\x96I=\x15\x1f\x9a\xfc\xf0^\x0ex\xe5H\xd3\x00\xec\xa2\x02Y\xa2Z\xe6IhL\x7f;\x9c\xa5\xcfnf/\xd3\xc3\xb5Do\xc7\xbew;\xe9\x8f\x90\xc07=I\xf1\xd9y\xbd6\xc1fF]]\xab\x17`O\xcc\x1e:T\x82%\xbd\x9dw\xd7\x0fX\x91\x8d\xef\xf0\xf2\xd2nc&amp;\xde\x9a\xe4\x8e\x1dQ\xd7\xbbG\x1c]\xc5v\xe3]\xaa\xe6\x07\x80\xa2I\xff|rv\x1b\xe2sD&lt;\xb2z\xaa\xa5uT\xa6m\xb9\x1c\x8c)\xf1\xf3m\xc9\x1e\xc3=\x912zf\x81B* [\xb9\xb1\xaa\xbd\xfb\xef\xf0\x1a\xd5B?\xdc0\x96\'\xfb\xac\xd4\x98\xf65\x00\xc0\x12\xcb\x80\xfc\xf1~\xb5\xbc\x13]&gt;\xdd\xdf\xd6f(\xc6\xb1\xdeh\x9e8?!\xbeI\xc5\x18i\xd7\xc79\xb3e\xae\xdbU\xf0\x1a\x10Qh\xb9&gt;\xdc&lt;\xd4\xb8HZ\x00\x08\x03\x900, \xa2\xdc\xe5:]\x80\xd3C\xa4\x87\xa76+\x968\xb0q\x99\xd06X\xa3\x8b\xa6I&gt;\x00\xbaV\xf2\xc5)\x87\xb6\xa8(9\x9a?\xdeoj\xfa\xf8\x88(\x97\xe5\xf2B\xc8\x1f\xa87\x02\xad%\x85\x1a\xa6W\x9d\xa2\x8c9\x08J\x9b6~\x8b|\n\xfa\x9a \xbe\xbd\x9a\xc1\xc6\xa0\x03&gt;\x8b\xb8\xc9\xc0`\x14\x93\xd5\xca\x95D\xbe\xdfJ\xe9\xa9`F\xb4\xaa2\xab\x9fj\xb4O\xdf\xb2V\xb2\x1bD\x14\xcc\xe0 \xe8\xe2\xdc\x97\xa4\x99\xa2"\xecc\xedeT\x0b\xc3\r\xeeE\x8f\x99\xd8\xa5.\x00 \xa2c\xeb?\x83\x9a\x94\xf3\x92\x87\x93%\x16\xee\xf2\xd1]$_G\xb1\xf9\xcd\xdf\xaez9\xc8EL\xad\xd5\xb9\xe3\x041\xbb\x7f\x0b\xe1\x91m\\$m&gt;\xfd\xd1&gt;\xcd\xd0\xa1R\x9e\x9d\xf3G\x88\xf7\x9c\xda4[\xf3\x15\xa2\'\x18\xd3\xbe\x06\xe3\xa8\xd6K\xdeU\xfb@\xc4a-*2\xb6\xbf\tdbs\xf8\xe1\x86ai-1\xe6\xc5s\x0c#\xbe\xc5\xba\xbc\x9c\xc0\xe8\xe3a\xedC\xa5(\xcbh\xebs+\x04\x0byrv\xab}\xa5\x98\x87}\xdc\xe3%B2^\x8d\xaeGj\xd5\xf8\x1e\xe6\xe3_+\x929\nS\x07_\x9cf\xff\xb2q\xb6T\xc5/ \xf1\xd7\xee\x1a\r,\x9c?\xde\xaf\xc2\x07\xc0L\xbf\xa0E\xc9\xccq\xb5S)\xf3\xf0\x94k2A\x1d*\xe6V\xf3O$\xbb{\xd7-\xf6\xfa\xca^\xc9!\x0b[\xe7\xc4\xe1\x83&lt;4\x01@\x88{#\x18\x01\x13\xb2\xc7\xf0\xe1\x10vMt.\xf2\x1b\xbb\xb6\xc6\xc6\x7fc:\xd4T\x94Q\xf1\x13&amp;wo ^\xea\x9c\xa1\x1ee\x14\xf1\xf3\xfc!m\xc4{\x14\x03\xffZ\x02~\xbc\x89\x88\xa7\x82\xcdu{\xd6.\xeaq\xf4\xf1\x19DD\xfc,\xfe\x00\xdc&lt;\xb4\xca\x96\x9a F\xd4N\xe5?Hf\x0c\xa2\x03\x04X7\xdb\x96+V\x84\xdc\xb1\xa4\x97\xd3;\x87_\xe2Y\xe2\x8c\xa2\x1f\x88\xdf@\xe4\x9d\xd7\xa8\xb0\xea\x92\xbd.[\x14\xc9\xfa\xce\x99-sY\x822z\'\xab\xc6\x1b\x17\xe6\xb4\xe3aX4\xbc\xbd\xe5y\xfa\x0f\xa3\xdbU\x1f\xdfI\xdb\xa2\x99\xb2*`\x07\xe2\xe2\x10\xf1\xfe\xf1\r\xe2C\x13\xbb\xd4C\x11jV\xa7[\xd4\'\xa3\xd9\x89\t0X\xcb\xe1^\x11E\xe5\xf4AM\xcb\x99\xae\x91\x0e\xfa\xd4/aI&gt;\x88(\xc8\xd3\xbf\xbc\xbc[31\xe5h\x9941\x10\x9f\xb0\xa7w\x85|qi\xe3\x1c\xf1\x8b\xa0K\x06&lt;\xd7\xdf\x11\xc4q+s\xc4\x08?\xa5GC\x92\x95\xf9Ym]\x86\xbb\x1b\xa69\xaa\xef\xf4H\xe7\xe8\xcd\xe2\xd93\xef{\xc0\xbc\x8e~\rJ\xd2\x13 \xe2\xc1\x15\x13\xf0\xd5eg\xea#n\xdf\x1f\x9c\xd8(\x0e\xa6\x18\xc7\xf3("~\xbd\xa7\x1c+\xf1\xf3\x7fGz\xd5)j\xc9\x82\x7f|\x15+\xef\xe8:#\x8fS\xc6\xe9\xe2\xb1\x97\xef\xf6\xfe\x00\xe0\xf8\xba\xe9nW\xc1{\xa9\xc2&amp;\x8b\xadI\xbe\xc0_\x88}\x04\x8b\xc90&gt;\xd7\x08\xf0i\t\xf8\xf9\xb6\xadM-&gt;&lt;\xa5\xb8\xff\xccf\xbb\xcc:\rOW\xfa\x00\xe4V\xe9\x8a-u}\xff\n\xb1\xfb],\xd5\x84\x16\x802\xc4G\xc3\x06\xf7\xd1\xc8\xa1\x8c\x91\xa1\x87\xd5!\xe2\x14\xf9\xd3\xdc\x0c\xb8\x9c\xe2\xc9\xff\x82\xe0w\x18\x11\r\xb8\x0e\x04ZZ\x1f\x00\xa8l|\x96\x9e\xe3\x10\xa47\x12\xc5s\xa7M!\x89t\x05&lt;3\xff\x01\x98\xd6\xb3\x91d\xcf\xfc\xc1mL\xe6Y9\x8b\xb2\x8c\xd3\xd15N\xf8\x12y)\xcf/\xec\x00\x80\x1e\xb5\n\x83\xe8\xa2#\xbe\t\xde\xc0\xf2\xe9\xa5-\xbc\xb5S\xe1\x01\x00C\x9aWP[BF\xfcB\xf9\x00\x088\xef\x97`9\xd5\xb2%X=\xb1\x17\xd96\x10o\xcf\xf2h4\xf8\xe8\x94|=\x93\xe9D;oD\xfb\n\xb9\xc4Ja6Q(\xe1\xef\x00\x10\x0f\xc0\xab\xc2\xbe+\x12\xdb\x91\x99\x8d%#;IJ\x11\x02\xfb\x0ci^A\x9e^xUY\x02\xd0\xbb\xcb\xdc\x81\xad\x12\xfb\xf0\xaa\xb9\x15 \xe2\xda\xc9\xbd\x85\x9f\xd1\x82\xee\xdf[\xb5\xf4\x8d\n\xa7q\xa2Z\x00\x00\x10?\x0cHZ\x7f\xc5\x10\xa9\x88\xef|\xe2\x03@\t\xce\x07\x00\xe7\xb7/p\xac&amp;b\xd4\xc6p\x85\x13\x05\xe0\xa3S]\xaa\xe5\xd7\x95\xdb\xfc\xc1m\x10_\xca\xf7\xe7\x88\x19\x1e\x00\x10\xb1g\xed"\x00pi\xd7b\x9d\xd5t\x8ew\xd7\x0f4*\x94F\xbc\xe0\xa4IB\x07\xd5\xcb\xc5\xad\xea\x92\x11\x1d\xcdd%\xefj "\xe2#\xb9\x0f\x07y\xbf*f\xf4\xd0I\xab\x937\xb9\xda{\xf7\xf8\xf4\x16\x00\x98\xde\xabq\xde8\xd6\x08\x05\xaaI\x9c\xeaeR\xd7z\xe2\x9f\x88\xe8\xfd_){)\x9c(@r\x17\xd3\xfe\x0eO\xcenSL\x8c\x8fO\x13Q\\\xc7\xd0\xec\xfe\x07\xa5\xf9p\xe3\xfe\x89\x8dNV\x8c\x02c\xe0C\xf3.\xa95&lt;#nv\x97\xcd\x80\xfd\xed\xd2\xda\x97Z\xa1\xfd\x1b\x95&amp;\x87\x12\x87W&lt;n1\xa77\xcf\x11\xd7\xc4\xc0\xc4\x1d\x99\x9d\xd3D.\x01"\x87\xa2\xa5\xc1\x08"\xce\x1d\xd8\x8a\xa8b\x10RX\'\xc3\xfaC\xf0\xbb\x96\xe4\xc7 \x9b\xfan5\n\x89\x8b\xc6g\xe7n\xd9cb\xe7\x16\x19"yuG\x84\x13\x04\xfd\x03 \x1c\x9a\xdc\xad\xbex\xbf\xf7\x8f\xdf5\x97\xdc}\x1a\xf5i=\xdd\x1f\xa4\x19\xbd\x9b\x18\x13\xa8\x19\xd7\xb1\x96\x91\xd3D4-\x96\xfe\xc3-V1\xb2\x99}\x9bu\xaa\x92W\xed("\x1a\x98\xdc\x13\xce5v"\x85&gt;\xf5&lt;l\xc3\xf2\xc4\xf9Yx\xd1Nn\x98\xa9xJ\xf5\x1c\x89\xf4\x96b\xd3\x9a\x84\x18\xb2\x0cn,&amp;\xb0\x97\xa9\x1d\xba\x04\xe2\x0b\xca\xd1W\x97\xf7\xec[2\x96\x9eC\x96(\xb6\xab \x06=\x9b\x0fOBpH\xde\xe0\xc7\xf5\t\xfdD;j\xc2\x9e\xb8\x7f\xc3\xd2\x86K\x11b\xf5YU\x19\xc3\xe8\xb1\x12p\x07E\xf1T\xfa\xc0\x91\x11D\x14\xbc\xd3\xcd\xe76\xa2U\x15\x03g\x89;\xfa\xf8\xe6\x8a\xf8\x10"R\x84R\xc0\xb3\xce\x88X2E\xd0\xb2\xf1\x82!m\xc5\xb3\x1f\xc5\x92\xd1\x9c9O\xac\x9f\xc1\\Ye\xc4&amp;|\x8a\x186\x81\xdd\xb3x4"2N\xc2\xe9u\xff\xf6s0\xd8\xc4\x9e\x9elP\x93\xb2\xf4\x04El\x93\xd7_&gt;\xba\x8b\xb0-\xacN\x8bqw\r\']\x80\xd3%V\xcf\x9eP|\xbf\x922O\xc8\xe9\xb2\xf5\x82`\x01N3x\xc3\xc2\x0c"n\x995\xd8\xf0\xb9\xe4\xdf\x13\xebg\x8clS\xd5\x12\t\x01\xc94\xba\x1a\x8aB\xdc$\xe4\x11\xe2s\xc9~|{\x95\xb1\xf4\xb4"\x0b\xb3zZ!\xb1\xde^\xdf/*B\x1a\x03\xc014\x9f\xa2c\xdc\xe0\xd80\xc2\xc5M\xed\x05\xa1\x14\x9b\x16\xcb`\xb8\xc9\x88\xa2\x9d\xc4b\xea\xe6KN6\x0cX\xe0(\x8aj\xad\x9d\xdc{Dk\xed\xeea9\x06U/E,4\x03\xb7|\xb8W\xd3s1\xc3B\x101k\xb4\xb0\xe6\xe7\xdfM\xb2jB\x90[\xec\xc6\xe9\xd6\xfb^e\x8b\xe6\xd1\xfd\xa5\xac\xaf\xf4\xa5\xba\x04N\xecZ\x0f\x00\xf2\xc5\r\x9an\xd3\xb5dB\x99\xa1\x15\xb65\xe3\x11%cS\x077\xe3C!(\x80\xb2\x8f\x0e\xaf\xecYj\xa2@_ \xd1\x0f\xc6\x87x\x16\xf6\xf2*f\x8c\x83\x88\xa1\xd6\x02\x1d\x9f\x9e\x95\xec\xd9\xb9`\x84bJ\x0e#\xe4Y\xb2| 2\xadg#\xb2~\xe3\rC\x1c9r\xb3\x16\xc6\x81\xbe\x98\xa1-*6/\x91I\xd7)}\xea\x15gI\xd6\xb1R\x1e\xf6&lt;\x15!\xf6\xfc\xbd\xea\xe80\x08\x1e\xd5\xb6\x9ax.\x81\xe0\x9d\xb7\xcf\x052\xfe\xa9q-\x88\x8e\xae\x03\x14K\xfa\xa7\x9a\x01R(DX\xf84\x16\x1d\xccIL\xce\x00\x8ej[\x8d\xf4\x91\x85\xe7\x90\xac\xfa&amp;\x08\xc3\xa4c\xccB\xf1d!\xb3*\xff\xfe3\xe9\xb8\x89Im\xc4\x8f\x0e\xcf;\xb2\x0c\r\x85QT\x85\xf4\xd2O\x00\x19\x1f#\xa2\x9a\x98\x9d"\x8a3\xae\x06\xb0j\x1d\x98\xbd\xbd\xce\x16\xdd\xe3\xef\xd4\xe5\xc5\x16\xba\x90\\\xd39\x03ZJ\x12\x901c\xa8\xfaT\xe2\xf3\x0bfNw&amp;H\x19#\xb6.\xcd\x17O\xfe\xd7\x9b\xab\x96\t;\xbf\xb8\xb8\x8bld\x8a\x1c\x12Fm\xee\xc0V=j\x15)\x96TU\xc8C\xb2p\xc9\xaeJ+^\x18\x90x;\xb2\xa8\xde\xcb\xa3,8@F\xaa\x9eI\xfex\xca\x96R\x88\x1f\x837\xf0\xc6\xc1\x95&amp;\xeb\xf0\xfd\xc1\t\xbd\xa7\x90\x87\xb0[u\xa9\x90\xf8==\x9e\x16`O+\xf4\xe8\xf4\x16\xcb\xf3\xf4%\x101\xa5\xd6T_\xdf\xfa!\xd6\x8aI\x7f\x94\n\x16R\xb0$2\xd1\xd6\xd9C\xe8\t\xd4\xc2\x9b\x84\x064E#\xd4\xde\x99e\xa3;\x07%xw\r\x00\xee\x1d[o\xa0t\xe7\x17\xc0\xe5\xe4\xf5\x8cW\x91;vD\xa1\xf5N\xabyu\xac\xc3\xda%(\xd2c\xed]\xd7cF%\x89Q\xcf\t\xb1\xbb\xc9/Z\x11\xe5\xe8H\xfc*\xcc\xd3\xaatV]\xe9\x1f\xdb\xd0^;\xea\xd6\xe4m\xb0\xac\x84\xa8%H\xfe\x13\xed\xa8\x1c&amp;\xeb\x07\x06\xcc[\xa7\xf8\n\x85\x13\x05\xd8\x91\xad$\xda\xf0\x96\xd9\x83\xf1\xfdu;\nr\x9e8\xa2v?&amp;\xc0\xd4\x9e\x8d@\xb4\xaa\xe9\x18&amp;\xfd\x82\x955k\x1c\x07\x11\xff\xfdg\x923e\xed[\xaaahn!\x05\x12H\x87x\xa3\xdaV\xa3\xa4\xdf4c\xa0\x9d\xd5q\x153\x86\xd2\x82L\x7f CbcZ\xca\x8at\xad^\xc0\xaa\xacL\x92\xc2\x90\x04O\xf5\xec\t\xad\xae\x08\xe4\x8aE\xb3\x9fp\xde\xc2\xcbn\xff\x1ar\xe1\x11\xbf\x82gs)~\x98\xb3D\t\x83O\xceXUb\xe9\xd4!\x12\x88\xcb\xc7x,\'\xca}\xe3\xbd|\xca4k\xb4\xb0\x00\xd0\xb5\x9a\xc7{$\x1f\xc44\xd6\x19\x9e\xc5-\xd4\xaev4\xd9Q_\xf9\x8b\x1c\xe5\xc6\x01\x83\xd3\x82Dg\xdf\xcb\x9fu\n\xe6\x05\xa2\x1d\x8b-\xb7}\xde\xb0\xe4\xd4\x8f\r\xdd~n\\G\xd5H\x0f\x9a\xf6\x97\xc4\xa1\xbaU\x19}Cu\tyb[\xaeV\xa7\x8cZL\x08\n\x99\xcdM\xdf\xb4)\x97]\xd1f_\xc0\xb1\xf8\xc3\x8aP\x16`k\xe5Nzf\xcb\\\x89\xc3|\xb0\xbd\xd0\x17\xf2\xf3\x88\xa5J\x99\xc2@\xec\xcdU#:\x83\x14\x8c\x8dT\x1a\x14L\xad+}\xf7\x9a\x85\xb4\x13\xf9\x16\xd9\xa3\x87\x13ZpM+]\td&gt;\xce\xc58\xd1\xae\x93\xce\xa2\x97;O\x1c\x87\xdaG\x9f\xc6\xcc\xbcJ\x9d&lt;\xc9\xd4\x0e\t\xfa\x07u\xf3&amp;\xa7\xe4\x80O\xcfZ\xe2W\xec0\x8d\x8b\xa4\x93\xe8:\x90a\x93@\xffF\x1e\x9e\xea\x87WM\x1e\xd0\xb8\x0c\xf93\x9b\x97\xc8t`\xf9x\xb2\x9f2Q\xee\xba\x98Z\xc1\x84\xaa\xab=I\xc2\x03~\xbciUAC\x9a)H\x9f\xfa6\x8b\x86\xb5\x97?\xd3\x8cOy\xf3\x12\x99\xe6\rjmC\xa5\x14\xc6\xd4nql\xad\xff8\x19\xd</t>
        </is>
      </c>
      <c r="E527" t="inlineStr">
        <is>
          <t>&lt;class 'numpy.ndarray'&gt;</t>
        </is>
      </c>
    </row>
    <row r="528">
      <c r="A528" s="1" t="n">
        <v>526</v>
      </c>
      <c r="B528" t="inlineStr">
        <is>
          <t>steps_per_sec</t>
        </is>
      </c>
      <c r="C528" t="n">
        <v>7600</v>
      </c>
      <c r="D528" t="inlineStr">
        <is>
          <t>3.3543448</t>
        </is>
      </c>
      <c r="E528" t="inlineStr">
        <is>
          <t>&lt;class 'numpy.ndarray'&gt;</t>
        </is>
      </c>
    </row>
    <row r="529">
      <c r="A529" s="1" t="n">
        <v>527</v>
      </c>
      <c r="B529" t="inlineStr">
        <is>
          <t>Loss/object_center</t>
        </is>
      </c>
      <c r="C529" t="n">
        <v>7600</v>
      </c>
      <c r="D529" t="inlineStr">
        <is>
          <t>0.087006494</t>
        </is>
      </c>
      <c r="E529" t="inlineStr">
        <is>
          <t>&lt;class 'numpy.ndarray'&gt;</t>
        </is>
      </c>
    </row>
    <row r="530">
      <c r="A530" s="1" t="n">
        <v>528</v>
      </c>
      <c r="B530" t="inlineStr">
        <is>
          <t>Loss/box/scale</t>
        </is>
      </c>
      <c r="C530" t="n">
        <v>7600</v>
      </c>
      <c r="D530" t="inlineStr">
        <is>
          <t>0.10553306</t>
        </is>
      </c>
      <c r="E530" t="inlineStr">
        <is>
          <t>&lt;class 'numpy.ndarray'&gt;</t>
        </is>
      </c>
    </row>
    <row r="531">
      <c r="A531" s="1" t="n">
        <v>529</v>
      </c>
      <c r="B531" t="inlineStr">
        <is>
          <t>Loss/box/offset</t>
        </is>
      </c>
      <c r="C531" t="n">
        <v>7600</v>
      </c>
      <c r="D531" t="inlineStr">
        <is>
          <t>0.17053823</t>
        </is>
      </c>
      <c r="E531" t="inlineStr">
        <is>
          <t>&lt;class 'numpy.ndarray'&gt;</t>
        </is>
      </c>
    </row>
    <row r="532">
      <c r="A532" s="1" t="n">
        <v>530</v>
      </c>
      <c r="B532" t="inlineStr">
        <is>
          <t>Loss/total_loss</t>
        </is>
      </c>
      <c r="C532" t="n">
        <v>7600</v>
      </c>
      <c r="D532" t="inlineStr">
        <is>
          <t>0.3630778</t>
        </is>
      </c>
      <c r="E532" t="inlineStr">
        <is>
          <t>&lt;class 'numpy.ndarray'&gt;</t>
        </is>
      </c>
    </row>
    <row r="533">
      <c r="A533" s="1" t="n">
        <v>531</v>
      </c>
      <c r="B533" t="inlineStr">
        <is>
          <t>learning_rate</t>
        </is>
      </c>
      <c r="C533" t="n">
        <v>7600</v>
      </c>
      <c r="D533" t="inlineStr">
        <is>
          <t>0.001</t>
        </is>
      </c>
      <c r="E533" t="inlineStr">
        <is>
          <t>&lt;class 'numpy.ndarray'&gt;</t>
        </is>
      </c>
    </row>
    <row r="534">
      <c r="A534" s="1" t="n">
        <v>532</v>
      </c>
      <c r="B534" t="inlineStr">
        <is>
          <t>train_input_images</t>
        </is>
      </c>
      <c r="C534" t="n">
        <v>7600</v>
      </c>
      <c r="D534" t="inlineStr">
        <is>
          <t>[b'512' b'512'
 b'\x89PNG\r\n\x1a\n\x00\x00\x00\rIHDR\x00\x00\x02\x00\x00\x00\x02\x00\x08\x02\x00\x00\x00{\x1aC\xad\x00\x00 \x00IDATx\x9c\xed\x9de\xbc\x16U\x13\xc0\x87FT\xb8\x80twwww#\xdd\xdd\xdd\xdd\xdd\xdd\xdd\r"\xa0\x94\xb4\xa4\x80\x94\x88\xa0(\x08\x12\n\x82\xf8\x8a\x08\xf3~\xd8{\x97\xbd\x9bgw\xcf\xc6\xf3\xdc\xf9\x7f\xb8\xbf\xe7\xee\x9e\x9d3\xbb{\xf6\xe4\x9c\x19\x00\x82 \x08\x82 \x08\x82 \x08\x82 \x08\x82 \x08\x82 \x08\x82 \x08\x82 \x08\x82 \x08\x82 \x08\x82 \x08\x82 \x08\x82 \x08\x82 \x08\x82 \x08\x82 \x08\x82 \x08\x82 \x08\x82 \x08\x82 \x08\x82 \x08\x82 \x08\x82 \x08\x82 \x08\x82 \x08\x82 \x08\x82 \x08\x82 \x08\x82 \x08\x82 \x08\x82 \x08\x82 \x08\x82 \x08\x82 \x08\xc2\x11\x12\x02\xa0\x84(\xe1\xcf""\xe2\xdf\xe2\xd9J\x19C&lt;QR\x8b\x15c\xbaz\xadB\xc0\x10\'\xfc\xbf\xc2\x0b\xd5J\x9c;\xb6\t\xc9\x9b\xa6\xf5\xb7\xa8\x13\xe1?tJ\x85\x0e\xc3ZT\x1a\xd3\xae&amp;\xe2\x1bC\xe1\xd6\xe4+\xe5\xd8\x17b\x8a%#:\xba\x9c\xa3K`8\xde\xcd\xe8\xdd\xa4c\xe5\xbc\xd1\x01\x00\xe0\x03\x00D\xdc2s`\xf84n?z\x1d|\xa5\x8c\x0c\xc4G\xda\xa7&lt;S;\xf2{\x1d\xde"&gt;\x00\x80*Y\xe2{\xa5\x8c\x0fiU:\xab\xd7*\x84\xd2\xb8H:\xafU\xe0\xcf\xa15S\xfe\xfc\xfe\x98}9\xd5\xb3%\xb4/\x84\x80\x9bG6\x8a\xd5\xfa\x98v5\xfa7(-V\xf1)\x00\xbaT\xcb\xff\xd5\xdai\x9f\x84o$Nn\x9es\xeb\xd8fF\xf9)\x9dT\xde\x14\xab\xc7\xf7\x90\x1d\x89\xa3\x9a\xce\x7f\x94I\xfd\xa1\xd7*D &gt;\xe2\'\xea\xc6\xa1uv.\xf7s\xe7\x86\x08\x12\xa4\xd3;\x88\x88\x7f\xde,\x9d\xea\x03i\x82\t\x9d\xea\xc4\x07X0\xb8\x8d\x98dl\xfbZ\x8e\xaa\xd4\xadF!\'\xc4\xd2\xe7D\x98\xc5o\xe3]\x82\xe0\x8c\xb4\xf2\xff\xed\xf2\x17\xf8\xf2\x96\xf4l\xa5\x8c!\xff\xfc|fJ\xb7\x06\x9b\xa7\x0f\x906\x12\x0ei\xe2\x84X\xe2\xe0\xaa\xc9^\xab\x10\xa8(\xcb\xa4\x99\x95\x91\x88\xc8\xc7^+ 2\xbce\x15\xafU\x08\x04P\x81,\xc1\xf4^\x8d\x11q\xcf\xe2\xd1N\xaf\x01\x9c\xd8&lt;\x87\xa34v%\xcb\xa5\xfd\x98\xda\x1e"\xa0\xe9\xdf\xb0\x8c\xd7*\xb8M\xb1\xa4Q\xb3\xc4\xf0Z\x89 @Z\xadW\xcc\x10:+\x9e(|\x9an5\n\xf9j\x11xB\xe7\xba\xde*\x10\xdcd\x89\xfe\xfe\xf7\xd4\x1e\r\xbdS\x84 \x08\x87\x11*\xf4\x82\x9f@N\xb5\xc5/D\xbc\xba\x7f\x8d\xe1(\xc1+\xfc\xa3IPB=,\x82\x08rz\xd6)\xaa_\x8d*k\x7f\xc3\xf4\xbcu\xd4\x84\xe3\x84c\xcf\xdaE\xf8\t\x0b&lt;Z\x94\xcc\xccQZd\x80\xa1\xcd+q\x14\xe8&amp;\xbe\xea\xe2\x08\x0cl\\\xd6k\x15\x88\xe0\x05\x11?\xcd\x97B\xf5\xd4\xe7\x8bF\x83\xb2\r\xf8\xe3\xba\xbb\n\x12\x81\x87su(\xfe}\xc7!\xc9\xa1\xf2%\r\x80\xcd\xbb\xc8\x1e\x0bJ\xa6\xa0a\x14\xe1on\x1c^\xafU\xd0s}\x04\x00\xf0\xd3\xe9\x9d&gt;\x9c\xff\xb1F\xbe\xb8P-\xeb\'^k\x11\x8e\x0cQ\x8c\xd38\xc4\xc2!m=\xcb\xdb\xaf\xec^8\xaaf\x8eD\xc6\xe9\x18hS.G\x91D\x91\x8d\xd3\xd9\xe3\xbf\xfb\x17\x0c\xd3|\xb1l\x9c\xd3j\xb8O\x0e\xb5\xed1\x1f\xa8\x1c#\x8cH\x02ph\xf5\x14\xe5\xf1\xfa\x05R\xcd\xe9\xdf\xc2\x9f\x0b\x002\x18W\x86ewa\xffv\xce\xef^\xe2\xd5\x96\xc4\xbc!\x1eeL\xe8R#{\xc0lR-\xe0\xdd\x1ep\xdf\xd6$\xec\x14\xf0WO\xd2\x1e\x7f\xdc\xf8\n\x11\xf3\xc5\rwPV\xf5o\x98\xd2\xd7#\xed\xf4\xd89o\x18(\xca\x13{\xf1\n\x82\x82Hp$\x7f|X:\xb2\x93\xd7Z8\x8e\xecKw\x1a\xa5\xa1j\xa0\x7fw\x91\xbcV\xc0\x11\xf0\xf7\xeb\x88\xb8{\xe1\xc8*Y\xe2\xfb\xd6\xf8G\x95}K\xc7Z\xbb\x10\x11\xf1\xd1e\xae\xba\xe8\xe1\xeewG\x10\xc1L\xbd\xfc)\x0b\x05\xccp+@\x88\x0f\x10\xa2f\xfc\xf3\xf5\xb6\xf9^\xab\xc6\x81\xd4^+\xa0J\x02\x80/\x97\x8f\xf7y\x13k\x19\xda=\x1b\x118\xb2n\xba\'\xf9\x16\xb6\xd1\x00\x982#Lb=\x9f\xc0\xa4B\xfa\xd8\x88xq\xcf2\xaf\x15\xe1I\xc7\xcay\xbcV!\xe0\xa9\x9d\xcb\xf4\xb7\x10Lm\xdb\xc1\xd5\xc6\xae52EuA\x91\xc0\xa3K\xb5\x02\xdce\xba9|\'\x08g\xb9\xb4w\xb9\xd6\xa9\xf6\x15s\xdf&gt;\xb1U\xeaJ\xd7\x85Zud\xeb\xaaNg\x11X\xfcp|\x8b\xe1\xecyL\x80\xb4\xae(\x03\x00\x88\xbf3\xa6\xbc\xb0{\xc9\xfe\x15\x13\x1cU\x86/\xbe\x1d8\xd2\x9c\x13\xe1\x14\xaau\xfa\xb4\x1e\x8d|\xb5\x12\xd3\xbal6\xb3\x97$\x03\xa8\x9c\x89\x96?\xf8S*eL\xcb\xd7&amp;\x08\xff/G\x93\x96T\xfcD\x11\x1e\x83\xafn{\xad\x02O\xae\x1eX\xa3s\xd6\x9f+\xfb\xbe\xaa\xfd\t)\xe9\xfdYb\xc2H\xef\xf8&amp;\x04\x82p\x06\xff\xf8\x955E\x8d\xec\xd6\xf7\x10\x9d\xdc\xa2\xee\x0fU\xac\xfdo\x1e\xd9hY\xb8\x05\xb2\xc7\x02\xa7+\x90Qm\xab\xeb\x9c\x8d \r\xde\xa0\xc6\xe5&lt;\xc97u\xf8\x7f#\xec\x16*\xff\xc4\x80#"\n\x88\xf8\x81\xa4\x82\x9b\xde\xab1\xd8\xa8\xef\xca\xa7sd\xbe\x14\x11S\x9b\xbc$+\xf3\x84\xc4\xf9\xddK\x00\xe0\x9f\x9f\xcf\xe8\xa4\xa9\x90\xde\xe0\xbe\xf0\xc9\x15|zm\xcb\xccA\xac\xb9\xfa\x92\x92)bx\xd2\xd4Q\x9c9\x820 \x9dcc\xfc?\xbf?\xa6\xd8\xbc\xf6\xce\xa9\xcc\x98\xb1\xbc\x9f\xce,y\xd8\x02r\xc62J\x10\xcd\xb6&amp;&gt;\xe1\xd7\x0b{\xd8\x13\x878\xa0\x80\xce\x0b\x89\x07p\xdd^xK\x82 \xc2\xe1\xc2\x9c\xfe\xa4.\x9f\xb2\'\xce\xfd1\xe0\xab\xdb|U"Gh~\xa6N\xeed\xe2ok\xef\xfd\xf8\xa6Y\xaa\xc7C,\xe9C\x10\xa1\xdc?\xff\xb9\x1f\xe6\x7f\x9d\xd3\xa1F\xf6\x84~\xb8A\xe7h^"S\x93\xa2\xe9W\x8d\xeb\xee\xb5"\x8e\x13\xd0\xfe&gt;{\x7fZ\xdck\x15\x08B\x01\xe2\xf3\x1ds\x86z\xad\x05g\xf0\xdd\xaf\xd2\x7fu\x16\x8b\xed\xb7\r\xc1\xdd\xba\x10\x04\xe1,\x01]\x83\x8cm_\xd3\xec%\x9f/\x1a%\xfc@|\x0b\x00\xbb\x17\x8e\xb4\x96\xf5\xa6i\xfd\xb5N\xc9\x1e\xe9\x91u\xd3d\t&gt;\t\x9f\x98}A5\xa0_\x16!"\xcc\nf\xb2\xb4\xaca\xaa\x0c\xa8G\xff\xb0Aj\x80:y\x92\x19&amp;\x0b\x02\xfe\xbb\x7f\xe1\xed\x83\x8b\x00P$\x91\xbfM\x80\xedpd\xbd7n=L\xc1}?\x1e\xfey\x13\xa82\xe5\xca\x95\xfd\xab\xad]\x88\xf8\xe4\xf2\x17+\xf9*\xe3s\xf2\xc5\x15\x1a\x80\x87\xbd\xea\x14\xb3,\x04\x11\xado\x0c\xb3\x01"\xbe\xb9w\xde\xa6\x90\x06\x05S\x03\xc0\x82\xc1m8(\xe4\x0c#ZU\xf1Z\x05\xc2]\xbe\\&gt;\xc1\xa1&amp;\x81El\xfd\x02\xa9\xc4\x94U2\xc7sB\r\x81\xa1\xcd*:!\xd6\'\xad)\xfew\xcfk\x15X\xb1\xf9\xc4&lt;\xec\x94N\xeeZ\x0f\x00\xe6\rleYB\x8eX\x00\x00\x7f\xff\xf85\'\x8d\xf8S,I\xb0\xf8xjR4\xbd\xd7*Dh\x10\x11\x9f\xdd\x90\xfe\xcbr\x89\x93\x1a\x99\xc6o\xfa\x04\r\xe5\xd2~d\xf9\xda x)Ac\xd7K\x04\'#ZU\x9d\xd6\xb3\x11c\xe2\x10\x864\x8c\xf6\xa0\xcf\xbf?j\xb8sG\x18D\xbbC\x10\xd45\x81\xc2\x9e\xc5\xa3\x19\x9f6\xe2\xdfZ\xa7R\xf2\xd3\xc7,\x86\x9b9D\xee\x9d\xdf-\xfe\xfej\xad|\x91\x8c;\x88\xd8\xb2t\x16\xa7s\t$&amp;\x9a\xb1\x1c\xb7\xc3\xbe\xa5\xe3\x00\xa0M\xd9\xec\xeed\xe7s\x94\x9f\xb7\xb0 aA\x8eW6\x89\xf9\x1c\x9c\xa0"\x1c\xc7\x93\xe6\x01\x9f\\\x91\x1f\t\xfb\x10\xc8\x89Q`\xe37\x83\x00}G\x94\xec{\xb2\x86\xb7\xac\xecU\xcf\x97\xd1U\x8b\x96z\x8f\xbe\xdd\xcfQ\x19k\xa8F\xf1&amp;\xfc\x80\xe1\xab\t\xb1\x9d\xc5\xdb_\xbf\x01\x803;\x16\x88G&gt;[\xa0ik\xe7r\xc4J"\xd8\x90\xd5\x83\xb5tc\x984*\x9c\x96y\x88\x1d\x90\xf3\x1e\xfd\x1a\x94\xf2$_\x9d\xc7\xe5\xd0\x80!h|\xb5\x8b\x8f\xaeX\x92(\xdej\xa2$c\x14\x8b\xfb\xd8\xf7\xaf\x98\x88\x88\xd7\x0f\xae\xe5\xf5\x1d\x91\xbb\xd3\x88\xc2\xbaI\xbd\x95\x07}[\x1d\x17Id\\0U\xa6}\xf0\xad3\xea\x10\x84\x01\xa6&gt;\xa5bI\xa2\xba\xec\x9c\\\xab\xfbV&lt;\xa9\xde\x9aq\xf2\xb0\x1f\xa9\xb9*\x13\xe4\\?\xb8V\xeb\x14\xe2?|\xf3\xda4}\x80\x1d\xbb1\x8e8W\x9a\xdb\x96\xcf\xe9\x90\xe4\xc0%\xbf\xa7\x0b\x06\xa5S\xb1\xafJ\x12\x00\x00\x88\xa8\xach9~2\xaf\xee\x9cRJ;\xbcv*/\xf9\x84\x7f\xc9\xe5\x0f\xc7\xff^\x85\xb4\x0e8(\xb0W\x04d\xcd\x84\x9e\xeed\xb4o\xe9X\xf1\xb7o\xc7\xf7\x84#\x84\xd0+W#\x81q\x12\x13 \xe2}3n\x87\x95\xd4\xc8a"\xe2Mt;9\x11\x04\x11\x04\x14I\x1c\xd8+5\xc1\xd4,\xb5*\x93u\xd5\xd8n6\x85\xb0o[{x\xe9\x0b\x9by\x11\x04\xe1%\xad\xca\x98\x8e\x00\xee\x1a\x85\x12\x00\xe2\x9f\x8ef![\xec\xd2\xaa\xfb\xac\xc7\x814Cf\x8d\x15/\xbf\x19\xdd\x12R\x16\rk\xef\xb5\n\xe1P\x96\xe1\xdf\xaf\x1fN\xec\x89*D\xc4\x84c\x9f\x9a\xb17*$\xd32\x1a\xebV\xa3\xa0\x8eUC\xf5\xec\xefm\x0b\xf5\x8d\x1f\x84\xb3:\xae\x16\x7f&lt;\xb5\xddP[\x00\xe8Z\xbd\xa0\xfe}ea\xdb\xee\x15Lc\x17\xc2!\xe6\rl\xa5f\x90\xe6\x8b\x92cV\r\xfb\xfe\xb2\x96\x8f\xealSB\x00\x93\x0c\xe0\x87\x13[|\xf2\xeeYhW!\'\x17m\xfb\xd6/\xc9(gj\xf7\x86Z)?`(\xafb\x821\xedk\x02@\xa9\x14\xea\xae\x1b\xdb\x96\xcb\xa1/*\xb8w-\x10\xde\xf2\xf2\x87\x13\xd2\x92c?\xe4\xb2\xd9X\xa7!aE\xd7\xfd\x02L\x9f\x8c\xe0\x1f#\xab\xd7Z\xb0\xc2^\x15\xea\xa7\xbcsr\x9b\xfdw\x7f\xf3\xc8FF5\x84\x1fgw.\xd4O\xdf\xb9j&gt;\xc3L\xabd\x8e\x97&lt;T\xf8\x1bF=\xad\x911X&lt;!\x12\xa6\xc0G\xdf\x16O\xe6\xb6\x8b6\xe13ys\xdf\xae\x8bi\xc2\xd7\xc8\xea\\qO@\xb1\xa4Q7N\xed\xc77\xaf#\xeb\xa7#\xfe\xa5u\xb6j\x96\xf8\x88\xd8\xa1R\x1eC9\xf8\xe2{\xd5\xe3\xeb\'\xf71\xbe6l\x82\x08\x11\xeb\xe5O\ta-\x81\xa1\x0f\xf7a-*\x1bJ6\xcc\x9d\x17\x153\xb0\x05t\x0f\n\x84\x07\xfb\x89a\xba\xe0e\xc1\xe06m\xca\xe5p9S\x16\xbf\xd6\xc9\x8d\x93\x10l\xa4vX&gt;{\xf5\xf4\xc5\xb2\xf1\xf3\x07\xb7yr\xf5\xa0~\xb2\xc6E\xd2q_\xf9\xb4\xb3\xb91\x0b\x9b\xc1#"\xb6*\xa32\xba\xca\x1f\xcf\xe0\x11\xb1O.\x99\x82\xe5\x19F\x84AqD\xb8G\x19v,\xf3\x10Q\x1a\xdf4\x02&gt;="\x08Y8\xa4m6F\x8fk\n\xd8\xbf\x01O\xbe\x16^\xe1\x1f\xb46\xed\xe99Z\nj&lt;\xf4\xb1\xec\x15\xe9#\x01\x00\xf4\xaak=l\x19\x11Q\x88\xc8\x03\xe7\xa0\xa1R\xc6\x10\xf1\xf7\x10\xb5\xc0a\xff\xfdz\xc1=m\x08\xde b\xee\xd8^+Ax\x0b\xf7\xdd\xfd\xf1\x01\x96\x8d\xea\xfc\xec\xbb#\xbc\x05\x87\xe2\x82/*?\x0flE\xdd\xbeRD\x96\xe7\x9b\x8b\x94B\x1a\x9b\x92\x85\xc5\x0cG\x14xz\xd5!\xc9\x84s\xf8\xf9\xc3!\xf8 \xbc\xe3\x1c\xce\xf8\xd4bq\x1ao\xbf\x90\t&amp;-\x17\xf7.\xd7J\xd0\xa8pZ\x9bYH\xd1Rxf\xef\xa6\x16\xeeE\xbc\xe4\xc17{m\xa9\xa5A\x89\xe4\xd1\x111s\xd8\xc2\x06"\xae\x9d\xd8\xcbe\x07\x90DP\xd2\xacxF\xafU \x82\x85\xcf\x16\x8c4;\xf9\x8e\x889\xad\x87\\\r&lt;,l\x8c\x997\xb0\xf5\xc6i\xfd\xa4;\xc0\x0b\x85\xed\x843\xda\x07\xf7\xc8|n\x84-\n\'\xe2\x10\x07\xde\xcdv\x9d\x02\xc7\x05\x03\xf8X\x1e\xcb\xcd\xf8\x12\xc4\t\x9d\xeb\xf2-j\x88\x88o~\xb1p\x15G\x1d\xf82\xa2U\x15\xbe\xeaY\x08&amp;\x82\x88\x15\xd2\xc7\x16\xeb\x95:y\x92UH\x1f[&lt;\x85\x88\x9d\xaa\xe8\xedN\xf8\xe5\xecg\x86\xf2\xcd+\xc5\x8d\x89]&gt;\x1d\xdf\xa9\x8e}5|R\x8af\xf6i\xea\xb5\n\xa1\xd8t2H\xf8\x05D\x1c\xd2\xb4\x82\xd6\xd98\xa1i4cOk\xf1a\x98p\xe1\xcb\xf9\xe6\xf3\xa5\x16\xf5\xb3G\xae\x8f\xfd\xf2\xe9n\x9c\xdaOu\xedMj`\xe7&gt;\x88\x88\xf8:\t\xc0\xbaI\xbd\x95\x9e\xba?\x01@DFG\x14Z\x0cU[I&amp;\x02\x97\xcc\xd1 \xd7\xc7pe\xffj\xaf\x15!"\x12\xf8\xf6&gt;8\xbf\xfd\x15t\xf7=\x99jK\x84\xc4\x86{\xbe\xbc\x05\x11\xa7\xf6h\x985&amp;\x9c\xda:Oy6\x06\x00"\x1eX9I\x9a\xde\x1d\xc5\x02\xdb\xa3lPS"y\x0c\xa7\x9d!\xfa\xa4\xd3F0\x81\xbf]r#\x17\xc46\xe5rL\xeaZ\xcf\xa6\x9c3;\x0c\xfc1XFVju\x9c\xc4\xf9\x07DL\x05\x10S\xcd\xc2]4\x07\xbasr\x9b\x07\x9a\xf9\x8f\xc7\xdf\xee\xf7Z\x85\x88\xc2\xf9\xcf\x96HM2\xfc\xec\xa2\x98\xe0\x03\xcb\xde\xd7\xad\xb3\xec\xba\xa9Z:\xb2\x93\xa9ed\xdf\xf6D\x10qF\xaf&amp;\xf5\xf2\xa7,\x91\xcc\x91(,R{\xd0\xab\x07\xd68\x91\x85O\xa0UJ\x1f\xb2z\\w\xe9\xbf\xbe\xfd\x0c\x83\x07\xe9#\xf6\xe7\xe3\x9e\xdc\xad\xbe\x1d\xc5\xf2\xc5\x85t\x91\x00\x11Mm\xfeE\xc4AM\xca[\xce\xd4\x90\xac\xf6\xa6\xd7\x05\x1b\xa7\xdb\'\xb6\xda\x112\xa4YE\xd9\xec\xbf\xb0p"bKE\xdf\x83\xf8\xd6k\x15\x02\x80S[\xe7z\x98{\xd0\x17B\x7f\xe1t\xd0\x15%\x1f\x85\xe6kz\xa9\x99\x9d\xac1\xad\xf4\xe8\x19\xd3\xcf\xee\xd7\xdc0\x8d\xea6i\xd9\x9eLD\\=\xbe\x07K\x8e\x1c\t\xab\xe7\xff\'\xe8R8a\xa4\x03\xab&amp;\xd9o\x00\xe2\x02\xe0\xd3k\xcb"\xb2\xbfu\x82\x088\x10\xdfy\xd2\xden\x9a\xde_\x96o\xa9\x94\x06\x0b\xa8\xa6\xbc\x03F\x02@DSNr\xd2\x99\x91\xaf\xe4\xf2\xbe\x95\xd2\x7f3\xb8\xbb\xac\xb9td\'\xc6\x94\x153\xc4\x91\xd4\xf6\xeff\xf6i*\xad\xfd\xb5\x9c\xa1\x06%\'\xb7\xccqH2\xf5a\t\xdf\x91 \xc0\xcbeM3\xf1\xca\xc1\xfc\xcd2\xa6\x1f\xd7\xa1V|\x8d\xcb\xeb\xe5{\xbf\xb6\xea\xe7\xedh\x8d\n\xa7\r\xab\xef_\xe2\x8b[B\'@\xda\xfd\xf7\xedD\xb9\x0f\x0bp\xad\\IF\xb5\xa9\xc6E\x14"\xde8\xbc\x9e\x8b(w\xf0\x89\x93\xa1T^+\x100\xf8\xed\xfbq\xd4\xe57"\x9e\xdd\xb9\x881\xb1\xb4\xbf\xee\x87\xa9\xf0\xceU\xf3;\x9d\x85)\x1fa)\xb8\x16\x9e\x96\xa5\xb20J\x13}\xd5\x1d\\5\xa9]y&gt;\x11\xe2\xdc\x87Q\xed\xc0\xba\xbbv\x15r\xad\x9f\xdcG\xcb\x83\xac\x88\xd4h\xc1\x89\x1b,\x93:\x16\x8bE\t\xf7|\x83\x8dQm\xaa\xdd:\xb6Y?\r\xe2kw\x94\xf1\x1c\xa7KLvg\xfc,9G|\x8f\xbe\xa2\xa4\x92\xdfi\x00\x0c#I\x10\xf6\xc9\xec\x88\xa1\x19\x111\x08\x94\x1d=\x17x\xefU6U?\xd2b\xa9\xaf0\x0c\xde\xe9-S{4\xf4Z\x05"p\x90\xc6\x81\xb2\xdckC|\xc8\x9eX\xdcL\x8b\x88\xf8\xdbe\xc3\xf4\x1b\xa7\xf5\xb7\xa6\x95\x1d\xa2\xb3Y\xef\x04\x1f\xf9lx\x03/\x9a\xd8\xb4\xb7!\xb3K5&gt;\xa7e\xe9\xac\'\xb7\xccq.HfEI&lt;\x06-j\xe7Nj\x98&amp;\x82\xa3\xe1\xcb\xdc\n4_d\x85\'W\x0e \xa2\xb8\x1a\xb3{\xc1H\xe1\x07\xcb\xd3&lt;\xbbs\x912\xd9\xfcA\xady\xea\x17\xf8\xe0\x7f\xf7No_\xe0f\x8e\xbb\x17\x8c\x14\x96C\xf2\x86\x18\'&gt;\xb5\xc5\x84\xe58c\x88M\xc2}\x02e\x04Ox\xc0\x8a1]\xd8\x13\xd7\xcd\x9b\x1c\x82\xb19\x8d\xe4X\x08_]\x81\x8f3G3L\xc39\xd3D\x00\x97\xbfX\x19\xcb\xa4ES\xd7\xea\x05\xf9\xaa\xe1\x04JGxN\xb3td\'\xc4\xa7\\D!&gt;\xe0"G\x95&gt;\xf5J8\'\x9c\x08\x12\xfa\xd5/\x15|5;G"\xf2\xc3\t\x88{o]\xd6\x9c\xb7\x19.\xed\xc5\x9c\xfe-y\x88\t\x8c\'l\x13O\xee\x91\xe3&lt;R \x81\xafn\x8b\xbf\xf7\xaf\x98\xe8D\x16\xd2p\x83\x11\xa1\xf8\x06\n/n\x1dW=\xce=\x86(a\x9f\x93\xda\x93lq\x01\xb2i\xfb&lt;\xf9\xf3\xd61G\x14r\x8b\x9f\xbe\xde\xe1\xb5\n\x11\x06\xc3\xda\xf9\xf5/gmf\xd1\xbcD&amp;\x9b\x12D\x10\x11_\xdeR\x1e\xe4%\xdf\x1a6\xb7\x11xh\xe9\xe8s_\xd6D\xc4D\xf8\x9a\x067u\xd0IW\x90\xf3\xf3\xd9\xcf\xb8T\x8b\xa9\xed\x8b\xe0\n\xfe\xef\'\x8e\xd5}B\xb5\x83\xa6\x9a+a\xa0\x93\x18`N\xff\x16|tr\x91\x10\x80\xe9\xbd\x1a\xb3\xa4\xb4cV\xc4\x1d\xda\x19 \xe5\xec\xceE\xe3;\xd6aL\xdc\xb7^I\'t\x08\t\xbf{\x03\x00\xce\xedZ\xac\x7f\x89\xbe\xdf\x14\xfc\xe3:\xf8\xac\xd4\x05\x18Z\xb5$\xf5\xf8d\xa8y\xc9\x7ff\xca/\x82\xa9\xee\xbf\xcb\x83\x95\x05\x83\xdb\xe8\x9c\x95\xfab\xd2WL8\xebg_\x17\x02\xca\xb7\x19\x10\x1c\\5\xd9\x9d\x8c\xaad\xb6\xe5\xf2Ck\xc6\x1c\x11\x0b\'\x0c\x17\xca\xd8\xe7\xdb,"(\x91\x00\n\xaa\xba\xac\xe4\r"\nm\xf8\xf1\x8d\xb3\xde\x1f|zM\xfc\xbdy\xfa\x00\xd9%\xa9\xdd\xd0\x8b\x03\x88\xd8\xa6\\\x0e\xf1_\x9d\xc79\xaec\xedd\x00\xa6\xf6\xffz&gt;\x97\xa5O\xcf\xdaE\xbdV\x81p\x96Qm\xabk\x9d\xaa\x9c)\xae\xd6\xd8\xcb\x94\x03v\xc2)z\xd7-\xae\xef\xde\xf2\xca\x97\xab\xdc\xd1\xc4,\xbb\xe6\r\x17\x7fK\xdb\x0c\xffS\xbf\x80\xb1[\xaa5\x13z\xb2\x88\x8a\x05 \xb3\x1at\xd9\xbd\xa8Y\x18\xa7\x8fD\xec\x1bb\xb27\x90,\xfb\x18\x82\x80\xaaYT\xbd\x14\x86\x83K\xaf\xe2\x03~\xa2&lt;\xa4d\xf2\x18\x81~\x0b\x16\x89d\x9c$\xc0P\xd6\xbcZ\xaf\xb6Lj\xbf{\xe1\xc9\xea\xb3\x89\xb9U\xe1\xa35\x11\xec\x14K\x12\xd5\xb5\xbcR\x03\x00@\x99T&amp;\x8a\xf7\xbb\x87\x17\x9d\xd1%`\xa8\x91]u\xe1/\xc0a\x99\xc05%\x8d\xcbl\xaf\xcbK8b\x7fYv\xbf\x95\xad\xce{&amp;\xb6\xa9P\xc0\x92\xc4k\x05\x02\x97\xe6%\xb9\x19\xbc9\xc1\x9f\xdf\x1f\xf5Z\x05/\xc9\xe8^\xeb\x1c\xc8p\x99\xd1+\x9f\xce\xa2\xe7p?\x8c\xd1\x10q\xf7\xc2\x91\x11$\x94\xa0\xfb\x0f\xdc\x89\x1c\x03\xd4u\xce\xd7\xdb\xe6\xb9\x99\x9da\x08&amp;U\x1c\x1dA\xa7vR8\x0b\x11\xa5\x9f\x977\x04\x16\x0ci\xeb\xb5\x16\xbe\xa6C\xc5\xdc\xe7?[2\xb0q\xb9/\x97O\xf0V\x13\x87v\xe7\xf9\x01D\xb4\x17&amp;\xd9\x80\xed\xb3\x87X\xb8\xaaZV\x0e\xd6\x11\x86\x13,\xa9\x00\x064,c?#\xcbxh\xc7\xa5\xe5q\xfa\xd0\xea)\xee*\x12QA\xc4\x17\x0c\xfb\x03+f\x08q^\x97\x08G\x16Ku^\xe1D\xd6\xd7n\x94\x9f\xbaO\x02\x128=\xe0\xf0\xd0v\x1c\x11u\x0c\xa5\x04s\xe1\nante\xa7\xa4\xff\x06\xe7&lt;5\xe1\x7f\\\xf7\x97\xe5*F\xae\xd5\x82\x1c?\xcc\xad\x01@\xee\xd8~\xd1\x84;\xbc\x1c\x18\x18&gt;\x9f#\xeb\xa6s\xc9\xc8\x10F\x036""\x92\xc2k\x05,p\xef\xdcn\xe9\xbf\xaa_\xda7\xbc\xe3\xc6\xe8g\xe7\x1a\x88X,\xa9\xadU\xb0)\xdd\x1b\xd8\xd4A0Z\x9c\xdc\xb5\xbeaL]\x0f\x17\xa2]\x1e)\x8d\xedPKv\xc4\xb0\x9c\xbc\xb9\x7f\x1e\x00J\xa7"\xfb{\x15\xea\xe4N\x1a\x10\xeei\t\x0f\x90~Zc\xda\xd5p_\x81M^\x04\xc6\x11\xb0\xdf\xfcpl\xc0\xfe\xba}\x92\x97(\xbe4-\x96\xc1\t\xb1\xf5\x0b\xa4B\xc4\xca\x99\xf8LP!b\x1a\xaf\xfb\x13\xbe\xc5\xc2ci[&gt;\x87q\xa2`\xe2\xe6W\x1blJ\xb0S\xf8X6O\x05\rJ\xbb\x0b\xf1\xd1I\x9fa\xbd\xfc\x8e{1P}e\xeb\'\xf7f\x7f\x95\x8f\xbe\xdd\xcfU#nd0\x1d\xc4L\x13\xbe\xb5\xea\x87a?\xce\xecX\x00\x005sr09\xc9\x1a\x13\xf6-\x1dg_\x0e!ri\xdf\n\xafU\x08v8~W\xf6\x17*\n\x05\x88\x17p\xbe\x93l\xf9\xd5\xb6C\x88\xb6\x19C\x9aUP\x0e\x9c\x8b%\x89*}q\xd5\xb2\x05\xc8\x83c@\xb5+\x9e\x84w\x03\xb0c\xceP\xe1\x07\x86a\xea\xf2\xee5\x0bsT&amp;8@\xc4\xc3k\xa6z\xadE\xb0@\xa3\xc8\xc0%\xb5\xc6q\xcb\x16\x8dwO\xef\x14\x7f#\xfe+\xfcp\xc5w\x94\xabt\xa9V K\x0c[%\x9fq\r6\xab\xc4\xf4\xabq\x91t6}\x86\xeb\xe0\xab\xafX\'&lt;t\x1eNq\x96#\x8a\xe5\xbe\x0b\xf0rc\xd9\xa8pZ\xfbY\xf8\x13\xc4G:\xa7\xf4\x8b4\xe2\x9f\xa8@\'\xca\x07\xb3J\x08\x00\x1f\x00\x14\x88\x0f\x88xb\xd3l\xf1T\x1a\x80\x1f\x8eo\xb1)\x1f\x00\xbeX6\xce\x89\x17W.\xad\x7f=\x8a:\xed\xd2\x95\xddi\xb3Y\x8a&amp;\xe17\x05f\x0fGwx8\x07"\xfeq\xe3\xb0\xd7Z\xf8\x1b\xfdW;\xbam\x8d\x1e\xb5\x8b\xb8\xa4J\x18\x88\xf8\xf3\xd9\xcf\\\xceT\x86\xce\xc6\xca\xcf\x17\x8dV\xd6\xfe\xd6\xa6\x02\x82\x06[\xce\x88\t\x1f\xc0q\xb9E\xc6\xf8NN5\x90:\x083\xa0?\x1c\xdf\x12\xb4\xeeO|\x12S\xa1RF\xce\x8a\xf8\xbc\x1a\xdd&gt;g\x88N\xed/0\xba\xad\x07fH\x84\x0f\xf9\xe3\xc6W^\xab\xc0D\xdb\xf298F\xf7#\\\xc2\xcf\x15\xa5\x05\x8a\'\x8b\x06\x00\x88\xa89\xeb\xa4\x8b;-\x87\x90\xcb\xcd#\x1b\xeb\xe4I&amp;\x1e\x8c.9\xe5\xf3\x06\x8c\x11\x8e\xb7`S\x94\'\x0f3\xb7E\x7fW\xe1p\xad$T\xcc\x10\x87\xcb\x0e\xe3\x84\x00\x93\xbb\xd5\xe7!\x89p\x85 \xa8h\x04\x04\x87\xf2\t\x8d\xbe\x19\xfd\xb3_o\x9b\xafz6O\x1c\xc8\x14U\xf3Y1&gt;Ca\x13Y\xff\x86\xa5u\xd2\xe7\x8b\x1b&lt;m\x80\xa0\xff\x88VU\x00\xa0e\xa9,^\xabc\x17\xe9\xc6\xaa\x8b{\x96\x19\xa6\xb7\xf9\xfa*f\x883\xa0a\x19U!~\xf6\x05q\xf9\x8b\x95\xb2\xf8_\x84\xafA\xc4\x87\x97\xbe\x90\x1d\x1c\xd3\xbe\xa6C\xd997\xcf{v\xe7\xc2!\xcd*\x08\xbfu\xbe\xbd\x1a\xd9\x13\xaa\x9e\x8d\x13z\xe1\x13\xe9Y\xf1w\xf9t\xb1\xf1\xf5].\x952\xe23\xd9\x11Y\xd8\x8ek\x07\xd6\x88\r@Z\x80%\xc3;x\xd5\x12H\xf3\xedX9\xaf\x05\t\x83\x9b\x96\xe7\xa2\xfc\x87\xc6I\xac\xb3z|\x0f\x96d\x89\x01Z\x95\xce\nl\xbdr\xfb\xf1\xd1*\xaa\xf9\x05\xb2\x0c\xe2\xef\x1c\xa5\xb9@\xa0\xf7~\x02\x8c\xb6\xe5sz\xad\x82]\n\x18\x87?\xd2$K\x0c\x88\x1d\xfaa\xff#-y\xb25-\xfb\x1d\xf3\xda\xb9\x93"\xa2\xe0r!\xe7G\xd0\xb8\x88J\x946\xd9b\x00\x00\xac\x1a\xdb\xed\xc5\xadc}\xea\x95\xb0\x9c\xafJ.\xaf\xef\x9a\xba\x91C\xab\xcdE\xa6=\xb8j2\xbe\xfc\xc1\xa4Rz \xa2O6\x1a\xe8?\xb7Z9\x93\xf8\xb0\xf2\xd2\x1f\x13;\x9d\xbb8xj\xc6\xb6H0\xa5{\x03r4\x14H\x08[\xe4=,\xf7\xf6\xb3\xd6w\x19\xff\xf0\xd2\x17a\x15\xf2\x1f\xaay\xe5c[\xc6\x16D4-\x96\xa1z\xb6\x04\xaam\xc9\xf2\xd1\x9d\x95\r\x80L\xc2\xd0\xe6\x15\x992\xd3\xa5w\xdd\xe2\x86\x0f\xed\xd4\xd6y\xa0h\x05Y@\xc4\x15c\xbaZ\xd2KO&amp;\x179\xe9#\x81\xcd\xbdB\xf8\xe4\x8a\xce\xd9Ve\xb2\xd9\x11N\x10\xdec\xf6c\x13\xfa\xce\xce9J\xd3\xc9W\xf8\x91\xc6\xa5\xec\xfeP=&gt;\xbeS\x1d\xd9\x06+\xd9\x03l\x1dV)\xec]&lt;\x06\x11\x8b\'\x8b\xa6\xac\xdf\xe3\x00\xb4,\x95\x05\xd5\x08\'\xf9\xe9U\xfb7\xd2\xa1R\x1e\xfbB\xa4H\x95\\1\xa6+"\xf2\x9dE&lt;\xb3c\x81\xce\xd8\xcbBq\xe5\xa1\x94-r\xfar\xcf\x83\xa9\x85\xeb3;\x16X\x8b!\xa3$\xc4\xea\x85S\xba\xd9uAHp\x83\xfd\xbb\xf2\xc3\x17\xa8\xca\xa4\xae\xf5\xe4\x15\xee\x7f\xf7\x0c\xafB|3:\xbc\xf3\xb8\x16\xe1\xd7&lt;\x074\n\r\xf4\x91/. \xfe\x93=\x16\x84\x8e\x00^|/\xa6I\x1f\x19f\xf5m\xa6\xac\xfd\xbf\xfdb\xa5\xf5\xfb\x91\xeb\xa9\xe2h\x88\xa3d\xf1/"&amp;3\xba\xc4\x14\xcbFv\xf2m\x99\xf19\x99\xcd8:\x9f\xd8\xe5SS\xc2=\xdf\xbb\x17\xc1\xbd\xb8;\xc5\x96\x19\x03\x1d\x95\x8f\x8f\xbfU=\xbeu\xe6 G\xf3e\xc1\xb0\xa2a\x99\xc7\xd4\x112\xb0q9\xc1\xef#"N\xeb\xd9Hy\xa1\x8c\x87\x17\xf7\x01@|\xb5\xd5c\xcb8Z\x99"b\xdbr\xfc\x1d(\xfa\xbf\x01`\\L\x96bxSv*8\xc4\xbf\x00\xe0\xc5\xad\xe36$\xa8\xcfCzE\xa1\x84pi\xefr\xaf\xb5\x08"\x8a$\x0e\x8d\x95.{\xcdJ/\xe4v`_\xbbSuI\xa6\x85\xd42\xa4Bz\xf9\xd8\xf5\xe8\x86\x19\xd2\x7fy\x15bD\xbc\xb4\x97\xc9;\xa0N\x8eB\xa7L\x9c,\x96\x8e\xa27L\xed+\xad\xfd\x9d\x9e(p\xe2\xdb\xb6\xb6\x03C\xc9\xc9\xcds\x00@\xf0\x83zi\xef\xf2\x1c\x8eZ\x02\x05#\xc2\x9e\x18\x97I\x03\xb0td\'\x172\xf2O\xb3\x14\x0c\xb4\xab\xa0b\x05T6\xcd\x87~{\xca\xb1\x01\xdaU\xc8uz\xdb|\xf6K\xf0\x9f\x9f\xac\xe5\x85\x88\x99\xa3\x01\xe2s\xcb\x97\xcb~\x88\xc8V,\xda\x94\xcb.\xec\x02\xcb\x14-t\x02=\x8c\xffY\xcb\xdai\xd6M\xea%\xfc8\xbc\xd6\r\xcf\x8b~+\x84\x84&gt;\xe49\'\x80\xc9\xce\x10G\xe8\xc9\xd5\x83}\xeb\x954+\x19\x7f\xbfnE!6J$\xd3\x88*m\x83\x8a\x19\xe2\xd8\x19\xff"\xa2\x8e!w\x91D\x91e\xcbg\xd1\x01z\xd6.\xaa\xb5\xf6+\x90\x0c\xa0K\xb5\x02:\x99\xba\xec\n\x11\x11\xb3\xf2Y\x05\x0c\x95&amp;\x8d\x05\xa1\x9c\x1fs\x1a\xd1k\xe1\xd5\xfd\xab\xa7\xf7j\xecr\xee\x01\xc1\xcb\x1fN\xb0$\x8b@1=\x82\x1b\xc4\xb7\xbcDm\x9c\xda\xcf\xbe\x90#\xeb\xa7+k\xc6\x99}\x9av\xabQ\xc8\xb2\xcc;\'\xb79\xd1\xc7d\x91\xb9`p\x9bV\xa5\xb3\xfe\xfb\xcb9\xe5\xd4\xbf,&gt;e\xf0\xd1\xadF\xa19\xfd[\x88\xffZx\x05\xaa\x97\xb0lB\x1d\xd3\xae\xc6\xde%c\xa5\x97\xffq\xe3\xb08\x8b\x88\x88\xdf\x1f\xdddV\x19F\x10\x11\xff\xbcija\x96\xe0\xc2\xd2\x11\x1d\xbdV\xc1\x97\xb86\xbe\xb6\x93\x91\xa3JN\xec\xf2\xa9\x8e\x9br\x0bl\x999\x10\x11\xeb\xe4\x0e\xddZpa\xf7\x12D&lt;\xb0r\x922\xa5\xb2\xde\xcf\x1b\xa2\xb7\xe7\x16\x11\xfdc=8\xa3w\x13\x9b\x12L-\xf9\x10\x86\xe8\x8f\x82\xaf\x1f\\\xcb(\xc7\xa1\xcf-\xbf\x8d\xad\x9aD`\xf3\xfc\xe6\xd1NU\xf2Y\xb80Cd\xc7c\r\xb6\xaf\x98[\xbf\xc4\x9b\xdd\x92\x1fb2\xfd\xc7\x00\xb5s\'\xed[\xbf\x94\xc9\xeb""!\x92\xdf\xfd\x1b\x94\xc6G\x97=R\xc4{Pbz\xcb\x96\x9e\xdbh\xde\x1a\xec\x9bu\xb2\xf0\x9f\xd0%\x14d\x8a\xaa~\xdc\x0fkns\xfa\xb7H\x1f\xd9c\x1d\x9e\xdf&lt;\xe2\x87G\xe1\t\xa2W%?\x10+\xec\x87\xecu\x94N\xc9\xb0`\x15\xbc \xa2\xd2\xf0\xb4M\xd9\xec6\xc5\x96I\x15\xcb8\x91\xc3x\xaf\x01!3\xe5f\xac\n\x83\xa9\xc6\xd4w\x0e\xa1Ej\xbeJXE\xa3q\x97\xa3\xe2\x8a\x08\x00\x98\xdf\xe3\x82!m\x19\xf5\xe1\x02"&amp;\x97\xfc\x9b9\x9a\\O!\x04P.\xfb\x81\xa1#\x1eE\x13;\x1e8lV\xdff\\\xe4\xf0t\x92G\x08\\=\xb0\xc6\xa6\x04\xfc\xfd\x1a0;{\xb2\x8f\xcb\xee\x85\x11_\x02\x80\xd6\xfc;"\xde&gt;\xb1\xd5M}\xb8#\x8b\xe9\xa6\xda\x00\xd4\xcc!_+\xf1\xbc\xbdWU`\xdd\xa4\xde\xeek\xe2[\xcc\xbe\xa3\x81\x8d\xcb\xea\x9c\xcdl{rf\xeb,\xef7{*q\xdf\xe4\xcc_\x98*%\xd5\xb3\xab8$\xff\xed\xf2\x97\xfc\xd4\xd1\x84K\x8dca4\xb3`p\x1b\x00h_1w\xd7\xea\x05dif\xf6i*\x0bx\xa9jA\xe8Z]9\xbce\x15S\xe9?\x06(\x9b\xda\xc4&amp;+\xad*\xa0dr\xd31_w\xce\x1b\xeey\x13b\x1f\xbe\xb7 \xf8U\x14\xfe\xba\x99\xbb\x18\x93\xdd\xffo\xc4\x85\xc1\n!G\xdf\xaa=4\x8d\x99\x159\xff\x97\xb3\xf5\x93\xdfw$\x11\xdf\xb2(\xbc{\xe1H\x00\xc0?o\xca\x8e\x07w\x80\x8c\xc2\x89"\xe9\xec]P\xf2\xcf\xcfg\x10\x11_\xfe`g\x9b\x85\x0e\xb5r\xba\xbc\x1d\xc2\x18\xfb\x1d\xe7\x80\x83\xafe\x1d\xe1 \xd2\x8f\xf0\x13\x9dt^c\xad\xb2p\xa7\xa5\xe1\x98\x0b/\x0f\x8bnb\xb6*GD\xc4\xc7\xb1\x9dy;\x8d\xd4\xa2,t\xae\x9a\x9f{F\x8c "&gt;\xbc\xb4i\xfa\x00\xaf\x14p\x94\x10\xaf\x15P%\x12@\x93\xa2\xe9\xbd\xd6"\xc0\xe1\x12\xd4\xd4\x02Z{\xa0\\0\x0e\xfb|\xd1\xe8W?\x9e\xb2|y\xef\xba\xc5\xad]\xa8\xef\xf3\'kL\xdf\r\x98\x04}\x9a0\xcfT\x04\x19\xd9]\xb4SA\xfcW\xe3xh\x91\xc8\xa06#\xe2\xd0\xe8JU\x01\x1f\xf2\xfa\xe7\xb3_\x9bq\x18\x13\x81`\x7fm\x93\xbb\xd5\xcf\x1b\xe2\xa4*\x1a\xd4\xc8\x91(\x1a\xc0\xadc\x9b\x11\xd1\xc2\xcc\xb2\x0e\xa99\xca2\x03\xfb\x94\xae\x16n~l\x88\x0f\x0c\xd3|\xb5n\x9a\xcd\\Z\x97\xc9&amp;\x04\x9c\tD\x84\xd7\xc1\xb3h\xea\xe5\xf5\x12\x00:V\xca\xe3\xb7\n\xd7\x05}\xa4m\x9b`f\xc2\xc8\xfd\x0b{\xb8\xab\xe7\xb7\xe7\xcf\x932\xa9=6\xbd]5\xae\xbb\xf4\xdf\xbf\x7f\xfc\xda\xb9.L\xad\\ITg\tL\xb1vb/`.\x13\x9e?^S\xb8c]\xff\xf9\xa2Q\xec\xef\xd7\x93U\xbf\xf2\xe9\xbc\xb4\'\x1dg\xd2#o\x83\x82\xa9\x9dQD\x936\xe5\xec\xee9`\xa7T\xca\x98~\xf0\x15\x1f\xd8\xe0\xdb\xfb\xd2\x7f\xa5[\xf9\x11qv\xbf\xe6\xec\xa2\x18?\xc8\xae5\n\x1a\xa6\xc9\x11K&gt;\\\x8d\x17\xdeG\x824q\x97j\xefgr\x0b\xba\xbb^!\xcd\x1a\x00\xba\xd7*\xecj\xf6\\\xf1\x89ge;\xd5\xba\xdf\xbac\xd7\x0f\xad\xb3)\xa1x\xd2h\xe2M}\xf3\xf92\x0b7(\x0bK\xc7\x0e"Z\x88A\x9f\xc9\x8cG#\xfb\x83`\x87\xc8\x16qv\x13\xca\x8a\xd4\xc7\x00U\xb3\x84\xba\xe7hmf\x03!"\xea{\xf5\xa8_\xc0\xb47@\xa9\x93}\xc4wZ\xdd\x7f\xbf}\xf6\x84W\xe8\x97\x84^u\x8a\xb9\xa6\x89C(\x1d\xd2\xc9\x8c\xaf[\x96\xce\x8a\x886\xab/\xc1V\x07\x11\xdb\x94\xcb\xa1\xf5H\r\xc7\xe2\xb2px\x81\xc5\x9a\tza|\xa8\xc2Q\xe7\xcf[\xc7B\xb4\xcf*\x9f\x9ap$:\x00"Z^)U\x92\x91q\xc3\xabB\x13}\x18G\xfe\xc2\x87\x11\x1a\xde\xeb\xf9w\x81^V\x94\xfaO\xed\xd1\xd0\x85|e\xdb&amp;\x065)\xefD.\x9e\xacf\x89\xcc\xec\xd3\xd4\xda\x85\xa3\xdb\xd6(\x96$\xaaM!.\xd3\xb6|\xceB\xecA\xa0\xfcM\xa0\x7f\xd4n3\xb2u5\xadS\x88X8a\xa0\x1a\xc4\xb7,\x95\xa5^\xfe\x94\xb2\x83\xdb\xe7\x0c\x15;G\x88\x98QcFC\xeb8;\x88\xd8\xb3NQ\xfd4\xd6L\xdfMyMphU\xc65;\xdd$.d\xe3\x0cv\x1e\xd1\x8f\xa7\xb6\xbf\x97\xf3\xc68\xc0\xb5k\x94M\xf3\x11\x00 \xe2\xfd\x0b{d\xa7\x84}\x97\x04\xc1\x9fV\xa5\xb3r\x94\xd6\xb0P\xa8\x8b\xc3\xc6\xba\xab\xca\xad\xcbf\xb3\x93KZ\x80\xc7W\x0e\xd8\x91\xc0\x8b|q\xe5G\x84\x08\rZ\xa6\x8a\xfaD\x02\x18\xd5\xb6:\x07\xb5\x82\x82\t\x9d\xea\xeeY&lt;\xc6\xd4%\xa5S}\x90!2\x00\xc0\xb4\x9e\x8d\xb4\x1a\x89}K\xc7\t?&gt;\x06\xc0g7\xec\xe9\x08\x00\xf0\xeb7{8\x9a4\xa8\xf6*\x02n\xef\x0e\xe1\x01\xd1x\xbcBU7\xfdJ\x92\x02l\xf6n#\x8ft\x03\x84\x13NRs\xc7\xb6\x15?\x16\x11\x95n\x82X\xb8\xba\x7f\x8d\xff?B\xbe\xb6\x06\x88\x98\x8c\xa7\xbcPf\xf7o\xc1\xf2$\xfd\xff\xb4\x05\x84\x89\x82ri\xc9\xab\x1f\x0fF\xb4\xaa\xe2\xed\x8b\x1f\xd7\xa1\xb6\x87\xb9\xf3bT\x9b\xeaJ\x1f\x0f\xfa\xec[:\xee\xd9wG\xf8\xaa\x81\xf8\x98\xaf@\x85|\xb3\x1bz\x11\x11+e\x0c\xb1\x96\x9d\xd3\xcdjN\xdb\x06O|wC\xf2\xfd\x12-Hk\xe1\xae\x17E\x0bl\x9e&gt;\xc0\xb5\xfa\xaaL\xeaX\x93\xba\xd6s\'\xaf\x88\x8b\xfe\xdcq Y\xc83S6\xcd\x87\xaaf\xac\x10\x1aj\xf8\x95\xec\xa0\xd9\x19|\xe7\xbe\x90\xc0\x9d(\x8f\x80 \xa2|a\xca\x91\\\xe4\xc5\xd5\xe1\xec\x10\x11\xfb|ZB\xf5\xec\xa15Sz\xd4*\xa2z\x8a\x08H*eR\xcc+\x07\x05\xc2N1%\\\xcc[\x8b&amp;\xe1\xb35*P\xe6\x04\xb8\xb0m\xf6\x10\xafU\x90\xa3\xdf\xf0W6\xfa4\x18\'0-\xf3\xfa\x97\xb3\x8e\xca\xd7\xa2y\xc9\xccZ\xa7\xb84x\x11\xaa\xd8\x1b\xd0\xa7^\x89\x9f\xbe\xdea\x98\xec\xd4\xd6\xb9%\x92\x1b\xfb\xe2A\xc4\xd3\xdb\xad\xb8\xe0\xb8sr\x9b\x96@\x0b\xd2\xf8\xc2E\x87%\xc3;\x08?r|\x08\x87\xd6L\xb1\xa4.\xf9k\x00\x00 \x00IDAT/\x90\x0b\x153\x84x\xad\x02\x11\x8aX\xcc\xe2\x03tc\xd8AiR\xf8C\x0bW\x15Kj\xde\xce\xdaa^\xde&gt;\x01\x00_o\x9b\x076&gt;LD\\3\xa1\'O\xb5\x02\x97,1\xe0\xec\xceE\x1c\x05\xee^8\x8a\x8b\x1c\xa1s${\xc7\xd2)]q\x17\x1ba\x19\x96O\xa8~~\xd3\xdb\xfa\xec \xaa4\xb9[}7\xf35\xe4\xbf\xfb\x17\xa4\xeb\x01)\x9d\xd9P\x8d\xf8R\x98\x039\xb7k\xb15\tgv,\x10~H\r\x97M\xed\xf4t\x01\xcb&amp;\xc5\xf8\xf8[\x000k.%%\xd7\xc7\x80\x88n\xba\xf3\xf3\x9e\x7f\xef\x9d\xb3p\xd5\x87\x00NX,\xf0\xe2\xbb\xaf6x\xad\x82S\xb4*c\xcbl\x94\x1d?\x0c\xb0TY=\xbe\xbb\x7f\xea,D\xdc\xbbd\x8cr?\xc7\xb7_\xae\xfa|\xd1(\xee\xd9\xa5\x91\xac\xaes\x17\x1e\xc1\x19\xd0\xb0\x0c"N\xec\xfc\xa9\xd7\x8a\xf8\x12e\x81\xfb\xeb\xf6\xc9\x83\xab&amp;\xb3\\\xdb\xb9j&gt;\x074\xb2\xc8w\x87\xd7K\xff\r8\xff\xfa\xf4\xe5s$\x10\x1f\xe6\xaf\xdf\xec\xbd\xfc\xc5J\xa7sAD\xfc\x83\xc3\xce\x00Uv/\x18\xa9z|pSGvzK\x19\xd6\xa2R \xbe\xf4\x08J\xb9\xb4\xba\xbe\xf0\xdd%\x83\xc4\xca\xbe\x80d\x86\xe9\xe1\xa5}\xf9\xe2\x02"\xfam^\x82\x10P\tR\x1a\xc8\xb8\xb6\x13J\xf05\x8d\x7f\xff\xa8\x9b\xcc\x8a\xe5qo\r3\x1eD\xac\x929\x9e\x05\x81\x16(\x952\xa6\x9d\r.\x84K4+\x9e\x11\xc2\x07\xb3\xcd\xc0u\xbb\x93O\xba\x03\x87\xd6LQ\xd5\xc4\tG\x89m\xcb\xe7\xd4O\xa0\x9cax\xfb\xe0"w5\xb4\xb2\xe6.\xf3\xc5\xadc&gt;\xd1\x84\x0b\x88\xe8\xc2\x1c5\xcb\xed\xb3{\xf59\xbaa\x06K2\xe5L\xda\xc5\xbd\xcbY\xf3 xa\xda\xf7\xab6\xddk\xf2q\x8c\xac_\x1cegG\xb6\xae\xca%S\x91\xf9\x83Z\xcb\x1c\xc3\xb2\xd7\x0eQ\xc2\'\xfe\xf6\x8bUZ)\xf1\xc5-\xadS.\x9b% \xe2\xdb\x07\xdf\xb8\x99\xa3\xe7X\x18\xbd5/\x99\x99\xbd\x18 \xe2\xf0\x96\x95\xcdfa\x13\x0bK\x05\xab\xc7w\xdf0\xb5\x1f\x00D\x0f\x93\xe0\x80^z\xe8\x9b\x16\xe1\x93\xab.\xe9\x111\xd1\xf2\xfb\xafZ\x92\x8em\x98\xe9\xbcF\xea\xe8\x97\xcb\xa2\x89=\x89\x11\xe2 \x82y\x83C\xac\x18\xddEvd\xe7\xdcaNd\xa4\xef\x13\xc9C.\xeeYf\xedB\xfc\xed2WE4\xb9{z\xa7\xb5\x0b-\x18#I\xbd\xc216!:\xb5v\x97j\x05dG\xb2\x06\xdc\xb2[\x10\xd32\xfc\xe6o\xfc\xe7\'e\x9a\xae\xd5\x0b*\xcb\x81V\xc9 \xeb\xcb\x80\xa3V\xce\xc4\xb2M\x1c\x96\xad\x0c\xf5q\xc0S\x11O\x84"\x9d\xda\xc5\x1c{\xd4.b\xad\x8b\x9d\x8e\x93\xe7\xdc&lt;q\xf4\xfaR\xe5\xd2~\xc4\xd8\x00\xe8\xa4I\xa1v\xf0\xe1\xa5}N\xefw\x11\xdc\x95\x17L\xe0x\xb4\x99\xc0^H\xd0\xdac%CY\x0e\xc4\xbdK\x11\x81\xbfn\x9f\xf4Z\x05\xfe\xe8t\xf3\x97\x8d\xea\xec\xa6&amp;&gt;!\t@\xf5\xec\t\xedl \xd29\xab5\x97\xdd\xa4hzk\xd9\x192\xa5{\x03\x00\xe8T%\x1f\xbe\xfbUv*9\xb3\x10\xc6\x06\xc0B\x83\xe4\xf4\xe4\x92r\xe4!%%@\x14E\xb4\tk\xf8v\xad\x88\x03Apo\x88X\xe0\x93\xf7\xbf\xb3D\x87T\x96\xee+\xbf\x93\xb6\t\x86\x9f\xd9\xeb_\xac\xec\xd5 \\#I\xe8K\xfcM\x1aK\x95\x05\x87&gt;\xb1\xe5\x92i\xbd\x93[\xe6 "\xe2#\xcb\xd2\xec+\x99\x94w\x165,\xb9\x98\x95f\x17\xd7\xcc"v\x84\xc0\x85\xea&gt;\x87\xc6\x94d\x9br9\xb4.9\xba\x9e\xc9~@Ky\xe9\xaa\x86\xfb\xed\x19c\x8eA\xd0\xd0\xcaX&lt;\xac}\x10\xdc\xd4\xb0\x16\x95\xff\xb8q\x98\x8b\xa8\xb2iB\x8b&gt;\xfe}\xc70\xb1M\xaf\xae!*\x02\x11\x11eq\xbf\xd9\x89\n0\xb0QY\xc3d\x88\xb8hX{\xc4wZ\tj\xe5\xd2t\'\xb8qj?k\xba\xb1\xf3\xf4\xda!\xf1\xf7\xc2!m\x9d\xce.\xc0\x18\xd6\xa2\xb2\x0b_,"\xaa\xbaP\x17\xca\xa7\x9d^v\xbb\n\x06\xa6\x8d:T\xca\x18\xe2\xd0\xbd\xbf\xf8\xe1\xb8(9Cd@\xc4N\x95\xf3\x8ag\x8b%\x89*\xacV\x7f\xfb\xc5Jp\xd5\xbe\x1bo\x9f\xd8j\x98R\xcbt/\ro\x95|\xcb\xb6\xd9\x83eG\xdaW\xcc\r\x00YbX\x14\x98\xd2\xf9\xb7,\xbc_\xe9\xc4\xf7\xd2\x91\x9d0\x0c\xa7\xb3\xfe\xf6\xcbU\xe9\xbd\x8b\xecg\xcaV\xd0\xa7\x06\t\x1e\x82o~\xb1)\xc10F\x83\xb5"\x88\x88\xca\xa5$^\x86&gt;N\xfb@\x17}\xe5\xb0/\xa4\xcb\x12p\xffng\xf7k\xc1\x92L\x99o\x9d&lt;\xc9\x16\x0f\xef\x90\x89\xc1\t\x98\xe1\xdbi^"\x13\x8b\x0e~C\xfaLZ\xa8\xb9\xa5\x9c;\xa0\xe5\xe6\x19\x9eE\x07\x02I\x99\xe9R-\xbf\xec\x88\xa9\x82\xa4\x8cr\xca\x96\xfb\xbf!\x16.\xe3\x04\xc3\xd7\xf4P\xf2\xfb\x85+J\xf9\x1b\xcb5\xb2j\x98\'Ci\x96\xb3\x93^\xf8\xe5\xf2\xf1\x16\x84\xb0G\xcd\xe6\xb8\r\xe2\xed\x83o\xca\xa4\x0e\xdd\xb5S;wR\x0b\xb7/\\"\xec\x86\x0b&amp;\x02\xd4\xdd\x96\x1f,\x18\xffw\xf7\xb4\xce\xd9\xd0\x9a\xfe\xf9w\xe2\x11\x0b\xee\x83\xf0\xe95\xc1\x8a\xc6\x02\x16\xacbT-\x85\x0c)\x9a$\x8a\xd4\x14\xe5\xd3|\x06b\xbe\xd9\xb3\x0c\xf1\x9f\x14\x82\xed\x13\xed\'\x10(\x10\x1ff\xf4n\xa237\xc7\x828\'\xa0_\xc8T\xcff\x8b\t\x85\x13\x05L8\xf8T\x8a\xbbX=\xbe\x87\x8e\xe3uYb\xc4\xdf\xac\xe5\xdb\xc8\xbc\x05\xfd\xd9\x9d\x0b\xad\xe5\xa5\x8f\xb5\xf8\x8e\xbc\xb0&lt;\x8bm\x93\xfe\rK\xeb\x9c\xfd8\xac\x9d\xae\x92\x99\x9b\x15t\xee0\xe7\xa2\x8b\xc3\x9b\xdb\xfd|\xf63\xe5G\x14\xbe\x8c\xa9|e\xeeL\x01)\xf1v0Dp\xa6^\xfe\x94\xcbFu.\xf0\x89\xf5y\xcc\x0b\x9f/\x95\xfe+8_\xe5\xa1\x9a\x9cri?\xfaj\xdd4k\xc2E#\xb9\x8cQ\xe0\xc2\xee\xf7\n\xcf\x1f\xd4\xfa\xdb/W\xfdrn\xf7\xf4\x9eL\xd6c1\x00\xfe\xbdw\x0e\x11\xcd\x86\xf4\xb2\xcf\xd3k\x87\x10\xb1D\xb2p\xf6\xfd\x0eU\x01\xeexk\xfa\x04\xa0L\xeaX\xeeTa\x96\xa7\xf8\xb9 ,&lt;\x88w*\x1b\x8f\xb2&lt;\x81{\xe7?\x7fs\xff\xfc\xc6i\xfd\x00`\xee\x80\x96\x92\x19\xa0?\xb8k\xab\x83\x90\xe5\xca1]u\xd2\xcc\x1d\xd8\xca\x94\xccAM\xca\xfdrn\xb7-\xb5\xb4\x91\x86\xd7\x9e\xdc\xad&gt;\xb9\xf6\x92\x1b\xe7\x08_\xe0_wN\x9a\xb5ucA(\xaf\\0[\xd3\xb1$\xce\x14U=\xd9\x84Nuu\xc4\xfeq\xe3+\xf7\xbb]B\xb3*\xe6\x8b\x88\xc2\xdeK\xb3\x9a\xe8&lt;\xc6\x15c\xe4\x9b\x87\xed\xe3\x93 \xdf\x88\xb8`H[D\xdc\xbb\xc4\xba[y\x9b\xfcr\xf6\xb3\xa5#:\xaa\x9eB\xc4V\xa5\xb3\xca\x0e\xca\xc6\xef\xc2\xf6.)G\xd7\xcfP\xbeJ\xa7\xf7\xe5\x9d\xdbe\x1cJ$\x81\x195z\xd6.\xda\xa8pZ;*\x99\xc2G~(=\xa1f\xce\xc4nF\xa72\xf4PfH\xc7\xcay\x84\x1f\xec5]4qt\xfcR\xd3\x0f\x8f\x0cU+&amp;\xbf!\xdc\xd3\xe6\x19\x03e\x07\xd9%|\xb9|\x02o\xa5\xec\x12\xdb\x19\x13\x1a\xe9()]X\x16\xc2\x03\x8c\xcc\xe6\x8fV\x7f\x82\xc8\x02\x9d\xaah\xbaOGD\xe5\x16\xa7\xbc!*\xc9\x10q\xdb\xac\xc1\xa6:C\xd3{6vn\xa6\xc8\xbe\xd8j\xd9\x98\xec\xf6\xbd\x9a\'\x0cB\xae\x1fZ\xe7\xb5\n*\xa8n&amp;\xb0\xb3\xa5\x03\x11W\x8d\xeb\xce\xb8e\xfc\xe5\x0f\'lde\x8cV\xc0kS\xf4\xac]t\xd1\xb0\xf6\xb2\x83y\xcc\xacn{2e\xacC\xcb\xd2Y\xc1\x15K\xd9\xe1-\xab4.\x92\xceTF\xe3:\xd4\xe6\x92u\xa5\x8c!\x86i\x10\xd1\xe6\x1e(}\x1cZ:\x02\x17]\xbb\x07\x99\xf7o\xb7A\xc4)\xdd\x1a\x08\xbf]\xd8\x9da\x01\xad\x8f\x93q\xaf\xe3\xd2\x91\x9d\x00\xe0\xb3\x05#dr,W.\xfa\x9b\xceEr\xf9d\x8e\x83\x19\x96\x07"\xb4\x13?\x9e\xda\xee\x82&gt;\x04\x08\x0f\xdcI\xcf\x80:/\x1d\x7f\xbb\xe4\\\xbe:d1\x0e7N\xf0c|\xc7:^\xab\xe0\x14E\x93\xbc7O\x1f\xd5\xa6\x1a/\xb1\xa5S}`\x9c\x08\xe0\xc0\xca\x89\xe5\xd2\xea5\x02\x81X\xce\x85\x06`N\x7f\xa6\x8d\x05\xbe\x85q\xb8\xe3\xf9\x90\xe8\xee\xe9\x9d\xa7\xb6\xce\raH\x89\x88J\xbb\xb1d\x00\x88\xff\xb3\x9c\xbb\xe7\xb7\xef!\xcaI\xb6\x88\x05"\x96I\x15K\xfcN^\xdc:\xeeB\xa6\xdbf\xc9\xf7aj\x91M\xc3&lt;[\xb6\xb58\xb5I\x05~\xfdf\xaf\xc9+,"L7;\x81\xa1q\xb4\x87\x94L\xa1nm\x83\xcf\xbeS=\xee(B\xc1\xfez\xdb&lt;\xf7\xb36\x05"\x86\xb0%3\xac\xaf\x8b\'\xf5\xd2\x8d%\xe2+\xb3\x97\x1cY?]y\xd0\xe9\x8d\x9c2"r+\x08`\xf2\xfe\xb5\xe7j\xc2\x1d\xd7\x9a\x9b\xe6\xfb\xac\xf1\xe5\xad\xe0xy\xa6&lt;1 \xa2\xe0\x15\xd2}J$\x8f~e\xff\xea\xe0x\xe6\x025s\xbao\xd0\x0b\xc0\xfc!\x88\xb6@\xa3\xdaT\x13\x1a\x80\x16\xa5T\xf6*\x07.\xaa\xad\x1a"n\x9a\xee\xden\x83M\xd3\xfa\xbb\x96W@\xb2hh;\xb3\x97\x14K\xca\xe0[@\x8d*\x99\xe31\xda\xea\x1a.?\xf9\xa4\x9ejb\xb4\x10\x8d\x88\xc2\xea\xee\xf3\x9bG\x18en\x9b=xL\xbb\x9av5\xf3\x88\x06\x05S{\xad\x82\x015s&amp;\xbe\xb0{\x89\xb2\xfcd\xd7\xde\xeb\xfc\xfc\xe6Qv\xf9\xf1\x01\x92\xb1\xa5DD\xa1\x9c\x8f\xedP\xcbryV\xf5o\xe1\x13\xf0\xd5\x9d\x89]&gt;\x95\x1f\xc4\x07\x13:k\x9ab\x0b\xcc\xea\xdb\xcc1\xa5\x82\x0e\xe9D\xb9Yt\n=;\xf8\xfa\xae\xbe\xb5/{7\x8c\xfd3\xf0I\x03 CU+D,\x928\xb2\xb8STz\x9cq\xc8\xe52\x85\x13EbZ$\x01\x006U?\x02@D\x97\xbd\t\xd5\xce\x9d4\xbf\xf6&gt;_\xf6\'\xec\x9c\x0b\xe2\xa8\x00\xa2#6\xd1\x01\x89Hq\xa3n\x96C\xa3\x1b\xc1\xaa-Dr\xe4\xf4\xb6\xf9\xd6D\x99-\xc6B\xfa^u\x8a\xfa\xcd\xa4\xcdw\xb0?\x9d\xff~\xfd&amp;&gt;\xc0\xc0\xc6e\xf1\xf9w\xcdKf\x92]\xeet\xf0\x1d\xb3\xb0\xc7\x86\xb4_&gt;\x10\xf1\xd9w\xac\xbdr\x19\xa6\x1a\xce\xf4\x91\x01\x7f\xbbT*\x85|\xddC\xa7\x94\xeb,\xd2\xfe~\xfd0\xa8\xdd&gt;\xbe\xbd\xcf\xf1\xb3\xa9.\xb1\xe0n^"S\xab2\xd9\x8e\xacS\x99\xcfe\x07\x11\x9d\xd8\xa4\x92%\x86\xba\xcf\xa8Ve\xb2\x1d\\5\x19\xff\xf7#\x00\x08-o\xdbr9\x82\xa3Nq!~j\xc3B\x1c\x1c\xc8\xde:\xb6\xb9TJ\x8b\xae\x98z\xd6.\xea\xe8\xcb:\xbdm~p\x14\x06\x03\xc4\x1aA\xf0l\x0c\x00\x89\x00\x10\xdf:z\xf3\xae=Y\xd1S ;m\xcb\xe7\x14\xd4K\x02p\xf5\xc0\x1a\xf1\xb8\xe04\xd8Q\x94{!\xc4\xbdK\x8e\x82O\xaf\n\x19\xd9\xb1\xb6\xbe\xbco\x85M5f\xf6ij\xb9:\xd0\x02\x11\xcb\xa6\xf9\x90\xbd\xbcM\xe9\xde \xa7\xbb\xbbE\x11Q\'r\x86C\xa4\x05\x18\xdc\xb4\xbcM!\x9f\x00\xd8\xf1\xaf\xb1fB\xcfu\x93{[\xbbVx\xa1_,\x1bg#\xffP\xd6O\xee\xa3z&lt;\x8d\xd7\x83l\xf78\xb5u\xae\'\xf9\xda\xf9\xd0\xdc\x1f\x00\xaa~0|u\xe8P)\x0f\x00&lt;\xb9zP&lt;rp\xd5$\xe5\x9d"\xa2\xaa\xf3\xe7u\x93B?\xa7y\x03[\xb55\xaaS\xf2\xc5\x83\xd5\xe3{\xc4\n\x13\x88\xf8\x9a\xfd^z\xd5)f\x98\x06_\xdf\xf5fuUB\x8e\x0f\xdf\xef\x01\xf6Z\x179\xff\xfdzA\xf5\xf8\xfd\xf3\x9f\xbb\xa3\xc0\x17\xcb\xc2\xf9\xdf\xedQ\xab\x88;\xf9\x8a \xa2\x05\xbfr{\x16\x8fQ\xfd"l*\xd3\xadFA\xa5\x19\xa4\x0f\x8b\rg,\xdc\xa1a\x9bog\x8e\xde\xd4\xb5\x88\xc8\xd1\xc93{\xbe\xe2\xdfn5\nI\x15nY*\x0b\xe2\xdf\xf6\xb3\x90\x85\x8aL\xad\xa6\x83\xce\xc2@$\x80\xa8\xccO\xd2W!\xdd\x11Q4z\xe1\xa2\x18\xc7\xc5\xcf\x9c\x1aa\xefx\xa1\\\xfe\t\x08\x0c\xb7/\xa7\x00\x18\xdd\xb6\xba\xfd\x9a4_\\\xe8T%_\xff\x06\xa5</t>
        </is>
      </c>
      <c r="E534" t="inlineStr">
        <is>
          <t>&lt;class 'numpy.ndarray'&gt;</t>
        </is>
      </c>
    </row>
    <row r="535">
      <c r="A535" s="1" t="n">
        <v>533</v>
      </c>
      <c r="B535" t="inlineStr">
        <is>
          <t>steps_per_sec</t>
        </is>
      </c>
      <c r="C535" t="n">
        <v>7700</v>
      </c>
      <c r="D535" t="inlineStr">
        <is>
          <t>3.3606138</t>
        </is>
      </c>
      <c r="E535" t="inlineStr">
        <is>
          <t>&lt;class 'numpy.ndarray'&gt;</t>
        </is>
      </c>
    </row>
    <row r="536">
      <c r="A536" s="1" t="n">
        <v>534</v>
      </c>
      <c r="B536" t="inlineStr">
        <is>
          <t>Loss/object_center</t>
        </is>
      </c>
      <c r="C536" t="n">
        <v>7700</v>
      </c>
      <c r="D536" t="inlineStr">
        <is>
          <t>0.07710061</t>
        </is>
      </c>
      <c r="E536" t="inlineStr">
        <is>
          <t>&lt;class 'numpy.ndarray'&gt;</t>
        </is>
      </c>
    </row>
    <row r="537">
      <c r="A537" s="1" t="n">
        <v>535</v>
      </c>
      <c r="B537" t="inlineStr">
        <is>
          <t>Loss/box/scale</t>
        </is>
      </c>
      <c r="C537" t="n">
        <v>7700</v>
      </c>
      <c r="D537" t="inlineStr">
        <is>
          <t>0.037488207</t>
        </is>
      </c>
      <c r="E537" t="inlineStr">
        <is>
          <t>&lt;class 'numpy.ndarray'&gt;</t>
        </is>
      </c>
    </row>
    <row r="538">
      <c r="A538" s="1" t="n">
        <v>536</v>
      </c>
      <c r="B538" t="inlineStr">
        <is>
          <t>Loss/box/offset</t>
        </is>
      </c>
      <c r="C538" t="n">
        <v>7700</v>
      </c>
      <c r="D538" t="inlineStr">
        <is>
          <t>0.13673091</t>
        </is>
      </c>
      <c r="E538" t="inlineStr">
        <is>
          <t>&lt;class 'numpy.ndarray'&gt;</t>
        </is>
      </c>
    </row>
    <row r="539">
      <c r="A539" s="1" t="n">
        <v>537</v>
      </c>
      <c r="B539" t="inlineStr">
        <is>
          <t>Loss/total_loss</t>
        </is>
      </c>
      <c r="C539" t="n">
        <v>7700</v>
      </c>
      <c r="D539" t="inlineStr">
        <is>
          <t>0.25131974</t>
        </is>
      </c>
      <c r="E539" t="inlineStr">
        <is>
          <t>&lt;class 'numpy.ndarray'&gt;</t>
        </is>
      </c>
    </row>
    <row r="540">
      <c r="A540" s="1" t="n">
        <v>538</v>
      </c>
      <c r="B540" t="inlineStr">
        <is>
          <t>learning_rate</t>
        </is>
      </c>
      <c r="C540" t="n">
        <v>7700</v>
      </c>
      <c r="D540" t="inlineStr">
        <is>
          <t>0.001</t>
        </is>
      </c>
      <c r="E540" t="inlineStr">
        <is>
          <t>&lt;class 'numpy.ndarray'&gt;</t>
        </is>
      </c>
    </row>
    <row r="541">
      <c r="A541" s="1" t="n">
        <v>539</v>
      </c>
      <c r="B541" t="inlineStr">
        <is>
          <t>train_input_images</t>
        </is>
      </c>
      <c r="C541" t="n">
        <v>7700</v>
      </c>
      <c r="D541" t="inlineStr">
        <is>
          <t>[b'512' b'512'
 b'\x89PNG\r\n\x1a\n\x00\x00\x00\rIHDR\x00\x00\x02\x00\x00\x00\x02\x00\x08\x02\x00\x00\x00{\x1aC\xad\x00\x00 \x00IDATx\x9c\xec\x9de`\x14I\x13\x86\x0bw\x08\xee\x10$\x90\xe0\xee\x0eA\x02\xc1\xdd\xdd\xdd\xdd\xdd\xdd\xdd\xdd\xdd\xdd\xdd9\x0ew\xee\xf0\xc39\xde\xefGg\x87\xc9h\x8f\xecf\xb9o\x9f\x1f\xb0\x99\x9d\xe9\xe9\x1di\xa9\xaez\x8b\xc8\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xf0\xe0\xc1\x83\x07\x0f\x1e&lt;\x84\x00i\xc2\x84t\r\xec\xa3C\xa5|u\xf2\xfb,\x1e\xde!s\xd4\x90\xae\xca\x7f\x8e\xc6\xc53:\xb5|/\xa7\x96\xceM\xa3b\x19\x00\xd8RTr;\n\xa9\x9e\xcb\xdb\x8ebT\xe1\xf9\xb1v]\x10\x0fnJ\xda\xb0\x945FHW"\x84hV2KHW\xc1\x18\x9f\xef\x9d\x08\x91\xf3V\xcbiK\x83\xa6E\x9d\xfc&gt;6\x96\x96=\xa6\x99\xa3j\xe7O\r\xc0\xe9?\xd5m\xe0i\xdc\x0b&amp;\t/\xd9\x92&gt;\x92sj\xe3!G\xac\x90\xae\xc1\xff\x19aC\xba\x02rr\xc7\x0b\xe9\x1a\xfc\x7fsp\xf9\xf8\x90\xae\x82\x9dh\xb7(\xf9\x13\x85\x8dl\xb0@|\xbd_1sB\xf3\x15\xf2\xe0\xc14c\xda\xd7\x08\xe9*8\x9d\xf3[\xe7\xaa}\x15\xca\x95\xf5\xf8\x7f%\xa3\xd1\x16\xd1-\xc1\xabk\xe1\x88\x88c\x88\x93\'\x9e\xe1\xc7j\xc7\xdc\xa1&amp;\xaa\xe4\xe1?E\xdc\x90\xae\x80\x15\x9a\x95\xcc\x1c\xd2U\x08Ft\xd1\xe7ZyS\x85X=&lt;\xfcW\xc8\x19\x9bw\xcf\xc0\x8c\xf1\x8d\x16\x9e\xc2\xe8\x01\x1e\xdc\x93\x12\xa9\xa2\x85t\x15\xcc\x931\n\xdd\xd8\xbf&lt;\x8a\xa9c\xc7w\xaa-\xd9\x92\xd4z\x85\xfe\x0fX&lt;\xbcCHW\xc1\x00\xfc\x8d\xa0\x1a\r\x8a\xf8\xb9f\xd6U(i\x04\x97\x9c\xc7\xed\xb8\xbeoYHW\xe17\xa4Q\xb1\x0c!]\x05\xb7\x00\xc0\x9a\t=\r\x1d\xa2\xe6\xf5\xc4YNi\xdfX\x99\xcc\xf59\xbf?\xf9\x12\x84\xf9\x8d\x1cB&amp;t\xae\x03\xc0\xba;X\xa3\xa2\xe9\xa7\xf7jlC\x85\x0c\xd2\xb2L6\xd7\x9f4dyz~\xbb|\xe3o\xf4\xc8\x11\x11\x95\xf4\x89\xd1\xb5za\xa7\x9ebx\xcb\xca\x01~\x96\xc76\x1e\xcc\x12.\xa4+\x10\x82\x00\xf8\x8df\x8d{\x17\x8f\xe6yO\xe2\xe8\xedP\xc67VI\x9f\xffW?9%\xa4^A!\x81\xdcnU,\xc5\xff\xeb\xd0\xcc\x83.\x13\xbb\xd4mQ\xfa\xffnHe;\xefn\x1d\xc2\xc7;!]\x8b\x10\xe0\xc0\xb2q\xde!]\x07\xb7\xc2\x05n\xc1\xda\xd4/\xe4\x1b\xb2\x15\xf0\xe0\xc1\xe9,\x1a\xd6\xdez\xbfU1K"\xbbL\xccu\xf2\xfb\xbc\xb9\xb1\xdf\x96\xa2&lt;\xf4kX&amp;\xa4\xab\xf0_`\xf9\xe8.\xce+&lt;\x8f\xc7\'\xfb\xff\x81JY\x12\x85t\x15\x9cKt\xd9\x96+\xbb\x16\x87@=&lt;x\xb0\x0f\x00j\x91\xd2c\xda\xd5\xb8st\xad\xf5S\xc8_\x1c\x0f\xbf\x19\xe9#\x86t\r\x8c\xe0\x1a\x9f\x93\x94D\x00J\xa5\xf1r\xc9\xd9~\x1b\x00\xfc\xe7\x1d\x1c\xffK-Z\xbb\xf2yB\xba\n\xffE\xe2\x12\xfd\x97\x1c\xd1\xff\xe3c{\xb3\x00\xf8\xfe\xf8L\x82\x90\xae\x86[\x01\xe0\xcb\x83\x93!]\x0b\x1bhZ"\x93\xdaW\x91\x89*eM\xec\xca\xcax\xf0\x102\x14N\xfa[\r\xfe]K\x14"\xe0\xaf\x90\xae\x85\xcdt\xac\x94\xbf\x98\xb7yW\x90k{\x96\xd8X\x99\xff&lt;\x1b\xa6\xf6\r\xe9*\x18\xe6\xbf4\xb4\xf5\xa0C\xa9\xb4\xa6\xf4\xc0\x9cL`\x86x\x83\x9b\x06\xb2\xcf\x99&lt;\xaa\xa5\x1e~O&amp;u\xadg\xaf\x87\xfe\xfa)}l,\xed\xf7c\xb5\xc1\x80&amp;F\xd7j\x85\x9b\x97\xca*\xdf\xbedD\xc7\xd1m\xab[\xae\x94Ix\xda\xb5\xb46\xc9\xb05*\x9a\x1e_\xee\xdbS\x96K\xf8\xeb\xf2\xee\xdb\x87W\x87t-&lt;x0\xcf\xf4\xdeM6N\xeb\xbfe\xc6@\x1b\xcb\xf4\tmca\xee\x04\xa7\x07\x9e\xb9\xee\x14\xf8\x01\xa0|\xc6\x04\xd3z56\xa7\x7fk#MKd\xba\xb6wi\x08W"\xa4\x89K4\xacE%\xed}\x064\npMe&lt;x0\xca\x82!mC\xea\xd4\xf5\n\xa6\xb5\xbd\xcc\xffx@5Dx\x87te\xfe\xdfX7\xb9\xb7|cx"{\x07\xf8\x9d\xab\x16\xb2\xb14\x0f\x1e\xdc\x01+K5\x868\xbev\x9akN\x142\x84&amp;\x9a\xd6\xb3\x11\xeb\x00\xcc\x95 ?\xd0\xcbj\xa5\x14\xf8\xef\xc5h\x97\xcf\x18_|\xe9\xcag\nr\xa8\x89@\xf4\xff\x19+\xeb\xc1v:T\xcc\xe7\xfe\xd2\xd4\'\xd6Ms\xe7`\xa9\xff\xa0\xca\xde\xae\xf9\xc3\xc5\x7f\x02\x00\xfe\xf2Om\xd2\xc1\x17\x808\x0bM\xe6h\x04\xbc\xb3%\x86\xc2\xd9T\xc9\xee\\\x05\xcf\x06E\xd2i\xefP Q8"\xda6{0\x11\xfd}e\x8fS+\xe3\xe1\xf7\xc5\xb4i\x16@\x87\x8a\xf9\xec\xac\x8a\xdd\xd4\xca\x9bJc\xf4\xe9\xb6.\x0eC\x9aUh\xe2\xe4\x14\xa7N\x81\xad\x9b\x02\xc8\x9f\xe8\xd7\x12*\xbb\x01\xad\x02rX/?\x1e\xd1\x8a\xb1\xdd"\x11u\xaaR\xc0zi\xce\xc6y\xc6J\x16:\x00\xc0KoO|\xba\x03`@\xa3\xb2\x00$\xa9\x97Z\x05d\xffp\xfb\x88\xf2Q\x16fl\xff\xcf\x0clR.\xa4\xab\xe0R\xdc\xf0!\xe9S\xaf\xa4\xf8\xcf\x9b\x07V\xb0\x87y\xf7\x82\x91\xf25H\xf6U\xbe\x04a\x80gID\xdb\xdd\xd6\x1e\x90/\xe1\xef\x90!\xbdp\xd2\x88u\x0b\xa4\x11o\x01 \xd9\xf2[\xd0\xa2\xb4\x82\xff\x12?\xaf\xaf\xef\xe3\xd9-\xb3e\xf1\xca\xa5#;\xf5w,\xdbJf\xbb\x13\xbb\xd4=\xbfu\xae\x1b\xe6\x95T\x04\x80\xfb\'\xf3\xe3\xac\xdf\xef\xf1\xae\x86\x1c\xce\xb0\x1d\xb1\x06]bTa\x03\xa0\xa4JYb\x9e\x9d\xdf\x0e|\xa8\x957U\x8fZ\xc5\xb4KN\xa2\xfd\xb5\x1e]\xaa9W\x80\xd9\xbd(\x944B\xcfZ\xc59w\xae\x9d/\xb5\xf53\xdaR\x88\x9c\xc1M\xcb;\xa3X\x01\x9f\xd04\xa8I\xa0\xf5a\x14\x80U\xe3\xbb\xfb\x84\t\xfa&lt;oPk\x1b*\x17\x12t\xf9\x7f]O\x0eK\xe4\x1d\xd2u0\x8d\xfb\xcc\x03\xaa\xe6Hf\xfd\x9dU\xec\xb9\xff\xb3&gt;\xa0\xba\xd4\xcc\x93\x92\x7f\xe7\xcc\xd1\xa8x\n\xfb\rk\xf1\x88\xf0\xe1\x0f\x8d|\xf4g6\xcd\x8aCT\xd4\xdb\xfc\xa8B\xd13\xb2j\x8ed\xf5\x9c\xaf\xe9j]\xbb|\xe3\xb4~y\xe2\x85\xca\x11\x8bb\x12\x018\xbaz\xb2\r\xd5\xf2\xe0*f\xf4n\xe2\x13\x9aF\xb5\xadf\xbd\xa8\xa3\xab\'\xbb\xbe9\x06P\'\xbf\x8fS\xcbw^\xe1!\x8eg\x9e\xc8\x05\x9b\xdc95\xd3GV\x95\x8c\x1a\xa9\xf4BvM\'\x1f\x8eLT\xbf\xb0\xaf\x8d\xcf\xf7\xf5\xbdK\xff\xf3\xe6\xfb\xfe\xee\xa7Q\x9c\x94\x08\x80\xae\x19A\x8d\xad\xb3\x06\xa9={&amp;\x00\xe0\xe2\x8c@\xea\x033\x1b\x00`e`\xe7&gt;\x8cng&gt;\xee\xd5-~\xbfdf\x94*\x14u\xab^Dc\xff\x8cv\xaf\xa4\x00\x18\xdc\xcc\xb96\x19s&lt;8\xb5Q\xd1\x97\xabxJ\x9d\x0e\xcb\x9bhX\x8bJ\x00\xf0\xf5\xbe\xd1\x93\x1e[3e\xee\xc0V\xf2\xed\xc0\xb3Y\xfd\x9ak\x1c\x98&amp;\x0c\xf9\xfe?\xe7\x0cs\x02\xfe\xa9\xa3\xef^0\xc2\xd0!m\xca\xe5rRe~S~\x9b,n\xff\x9f\xcc\xe8\xddD\xec\xd8C\x8e!\xb9ZK\x92\x90h\xe9\xa8N\x1a\x8a\x0b\x152\'\xecU\xc7\xbf{\xcd\xa2\xf2\xaf\xcem\x99#oO\x99\nq\xfaHF*\xed\x04\xa6\xf6hho\x81\xa5\xd3\xc6dW\xf2\xc5\xa5\x9d\x86\x0e\xfct\xf7x.\xddT\x81J\xe0\xfb\xc33\x9bf)~u\xeb\xe0J/\xf5\x03\xdd\xd6g\xce5\xe4M`\xd2\x0c\xec\x02\x7f\xbe\xbd\x8bF9\xfb\x14\x9cT\xcefi\xb94O\xfcP//\xef\xb6\xab26bb\xe8\xf9\x9fR4\xc5\xab\xab.;\xd7\xe33[\x84\xa8%1\xc9\\V\x03\xd7"DJ\xbb\xe6t\x07\x97\x8d\xbf\xb1\x7f\xb9\xb7\xd2W\xddk\x16\xcd\x18\x85\xfe}rN\xf1\xc0LQh\xcb\xcc\x81\xd6+0\xb3o\xb3|\t\xc3\xb4\r\xccm\xbd\xa8\xdf\x02\x9e($7\xb4k\x19\xa5`\x92\xf0\x14\xd2\xf6z71~\xee\x9a?\xbcH\xf2H\x17\xb7/xxj\x93\xc5\xa2\xfe}r\x8e\xfd\xa82\xbeN\xb5\xb4\xb9\x13\xcdKe=\xb6f\xca\xcfg\xe7%\xdb7N\xed\xe7&amp;7X\x83)\xdd\x1b\x18=d\xe1\xd0v\x00\xea\x9a\x92\x191a;\xc6\x8fG\x00\x80O\xc9\x82\x8b\xe2m\x9d5(h\x07\xbcV&lt;\xd0\xe2\xe0\xceI\xb8\x895\xeb\xdc\xd6\xb9V\x0e7*Q\xb5qZ\x7f+\xa7s\x06GWO.\x95\xc6\xbc\xda\x97\xeb\x93\xda\xdb\xdb\x98\xb0\xfe\xcf\x19\xf0\xd4\xb3K5\xd7\xba\xcf\xf1\xb8\xebY\xb9\xbe\x19Bh\xd5\xe3\xf2\xce\x85y\xe2\x99\xccyu~\xeb\xdc\xa4D\xa76\xcc\x90l\xd7U\x15MN\x04|4wRsD \x02\xb0qZ\xbf\x13\xeb\xa6\x0b\x1bu\xc3\x11\x8c\xdeP\xdb\x17\x81\xfe\xc3\xb4.kC\x98$\xa3X\x8a\x10\xb8\xee5r\xa701\x8b\xb5\xb1\xd1\xaf\x9a#\x19\xcf\xd9\x076\xfe\x15\xa9\xd7&amp;\xd0\xcee\x98\xbf\x9c\x16i\xcf3\xedn\xea\xaf\x9a`\xc7)h&lt;d\xe7\xb6\xcc\x11l\x1a\xcc\x8e\xc3&gt;\xff.\xa2w\xd1\x82\xafG\xe5\x8eK\xdak\xaa\x02)\x88\x9a\xfag\x92?\x85\xdb\xe7\x0c\xd1=\x16\xcf/\x18\xa8\xa2\x83\x86E\xd3\x9b8J\x91\xd8\x1c\xfb\xf8:k\x88\xe3v\xec^0\xd2y\x85\xe7TZ\xb9\x19\xd9\xa6\xaa\xf3\xce\xe8\x02\xe2\x10m\x98\xda\x0f\x80\xebC\xf4}B\xf3\x1aQ\xab\xe5L\x0e|qM\xad\xfe\x9bD\xe6\x18\xaa 8\xc9\x89&gt;\xde=\x06\xa0Aa?\xb6e|\xa7\xda\xf6\xd6*\x7f\xc2\xb0\xf8\xf7\xb1bbEs\x03\x0c\xf6$\xbd\xbbu\xe8\xc1\xa9M7\x0f\xac\xf8\xe3\xd0*\x9e\xa3\xe2\x13]\xda\xb9\xd0\xd4\t\xdd\x17\xfe\xd9\x10\xff\xa5NbaA\xf5wgF\xef&amp;\x86\xf6\xaf\x9c-I\xc1\xc4\xbfG\xc7\x0b\x00x\xb5\x7f\xc9Xrr^\xdfBI\xa4\x81\xbe\xbf\xaf\xeb\xb3&lt;\xb6\xa9D\xaa\x90\xf0\x87\x12?b\x87WL\xb4R\x94p?\xaa\xe6HV\xd2\xc7K\xf1[#\xa5}\xc5\x8fG&lt;{n\x9e1\x80}(\x92\xdc\x1e\xfb\xd1\xb5\xbdK\x01T\xcf\xe5\xcd\x7f\x08\x80+\xbb\x17\xdbr\xf6\xdf\x05\xfcs\xbb\\\x06\xc3b\x8bKGv\xfaM\xdfX\x8b\xf0\xfc\xea{\xc7\xd7\x0b\x9f\xeb\x15L\x9b\xcd\xcb\x89\xf5\xb1\x11\xf6j\xb7(\xed\xd2\x89~"\xa2g\x17\xb6O\xeaZOm\x87\x01\x8d\x02\xdcd\x95\xc8}\xa9\x90)\x8189\x97\xe9x\x16r&lt;\x04\xf6&amp;]1\x9a\x95\xb0g\xad\xe2\xcdJf)\x92\\\xc7c\xd4\x19\n\xb1\xcf\xceo/\x9d\xd6)\x8b\xf5\xd1\x89No\x9cyr\xbdt\x81\x81Son\xdb\xec\xc1\xbaM\xcf\x81\xa5\xe3LV\xce8\xcdKemP\xd8\xef?\'\x83KD\xd4\xafAi\xc5\xed\x85\x93\xfd\xc7\xf3?\xb3w\xdf\x94g\xb2;\xf2\xbb\xc8g9\x11\xa3\xb3\xf4v\xe5\xf3\x00xpr#\xcf\xce\xc0\'\'\x8d\x01+dJ\x98\xcd\x8b\x9a\xf9gvF\xe1\xda\xb0uT\xbc\xbd!\xde\xa8h\xf3u1%}\xbc\xe4W;\x8d\'\x08]\x85\x00\xbf\xd8\xd9L\xf9\xb3\x983my+\xcd\x0cJ\xa5\xf1\xfa\xbd\xf2\x83o\x9a\xd6\x1f\x80\x01\xdd\x18"":\xb8|\xbc\xe2v\r\xdb\xe3\xea\t=\x0c\x9e\x84\x0b\r\xa5\x19\x0fDD\xa5\xd3\xc6\x02\xfe\xbawb\x83\xe2\xb7\xa76\xcc4d\xde\x99\xde\xab1\x00\xe0os\x95\x11\x0cM\xfc\xbe\x89&amp;\x9d{\x1c\xf0\xaf\xb8\x8e\xebP\xeb\xf2\xaeE,\x0cx\xd7\x82\x11\x1d*\xe9\x0b\xa6\x03\xffj\xef\xe0\x8c\xa7\x13\xc0\x9b\x1b\x07\xec/\xd7\x83q\xe4\x96\x13\x00\x83\x9b\x06\x86He\xcc\x91/a\x18\xe1\xf5?\xbfm\x1e\xefQ\t\x14\x86!\xe53%\x00\xd0\xab\x8e\xbfm\x95\xe3\xe0\xd6\xc1\x95\xae&lt;\xddo\xc9\xa3\xd3\x9b\xcfl\x9e\xad\xf8\x95\xd0"?&gt;\xb3\x85\xb34\xb6\xffY\x95\x02y\x8e\x05\x80\xd7\xd7\x8c\x1c\xf5\x9asE\xd7"\xf5\x0b\xf9\xb2\\0&lt;K\x08\x01\xe9\xe2\x84\x88A\x1c\x00\xf0\xf5\xf7\x1af\xfeWi\x1b\x98\x9b32.\xb7i\xe5)\xe7s\xf7\xd8:C\xfbk\x8c\xc9\xae\xef[\xa6{x\xb9\x0c\xf1~\xd3\xe5_\x13\xd1Bn\x8d\xc4\xf3\x87\xf8$\xee\xac,\xdf;\x0e\xfd\xcb\xa8)_"h!0\xadWc"\xe2l\r\xc7w\xaac\xf0\xb4:\x00\x88\xcc!\x87\xc2\xe9!\x10\x9f\x88\xc7\xectd\xe5$\xe0\xf5\x93\xb3[y\xca\xfc\xaf\x02`\xd7|c2&gt;\xce\x803u\x1c\x00gK\x94\xdbH\xd7\xeaZ"\xf8\x004\xf2\xfaI\\}\x14\tKT\xaf`\xda\xc5\xc3;\x98\xa9\x9c\x07\x1eF\xb4\xaa\xcc\xb3\x9b\xa4\x03\x88\xa7\x9e4Ch\x7f\xf1\xd7\x15\xb6\xb3\xe4\xd1?\xb1n\xda\xf6\xb9Cu\xcf\xf8\xe5\xc1I\x00\xf8r\x8f\xa7z&lt;\xac\x1c\xd7\x8d\x88\x9a\x97\xd2\xc9\x00ctE\x9a\x93E\xc3\xda;\xa5\\M\x98\xd1\xf6w\x1c@I\xb0\x12M\xc4\xae\x80\x82\xf0\x88K\x18\xd7\xb1\x16\x80\xa2\xdc~k\xff\x81\x9b\xf5\x9fD1\xe6\xd1=#\xe7\x7f\xd160\xb7\xae\xb6Z,\x91\x87hi\xdfXj\xf9\x8b%\x1d\x00&gt;\xdfU\\\x0b\xdb2s\x10\x80\xc5\xc3;H\xa6\x0bbj\xe4N\x81\xbf\xaf\x08Z\x89\x1a\xdd\xfb\xe33[|\xecX\xc6\xcc\x13?\xd4\xe2\xe1\xed\xeb\x17\xf2\rM\xb4\x7f\xe9\xd8\xf2\x19\xe3\xdbP\xa8\x0c\xbb\xfc\xdem|\xa6\x84ly\xf6\x15\x19bL\xef\xd5\xd8\xdc\x81\x9b\xa6\xf5\xdf:sP\xfe\x84A\xe3\x92P\x96\xd7\x8a\x0c1\xbb_s\x00\x7f_\xf5\xa4kv.\x1b\xa7\xf5\x93l\xf9\xbfM=\xf4\x8b\\q\x08\xc0\xa4\xae\xf5\xad\x17%\xed\x00\x80t\x11iH\xf3\n\xe2}&amp;t\xae+\xdf\rzI\xa5]\x13\xd7\xde\xb5Za\x00\xfe\xa9\xa3\x03\x90t\x00%\xd3xY)9{L\x1a\xd44P\xf8\xb11\x88\x00\x18\x15\xba8\xb7EKg\xc6\xf4\x9c\xc4\x8a\tN`\xe1\xd0\xb6O\xcfo\x0fq\x1f\xc7\xb3\x9bg\xef]4\xda\xdc\xb1\x00r\xc6&amp;"jQ:\xdb\x90f\x15\xd6O\xe9cg\xcdl\xa2b\x96D\xc0\xdb\x90\xae\x05\x17\xc0\xfb\x90\xae\x822\xb7\x0f\xaf\x0e\xe9*\xb8\x19?\x9e\x9c\xdd\xb3p\x94u\x8dey\xb3N*\x8e\xf6\x00\x98\xf6\x99\x80\xda\xaa\xb26\xbf\x9dO\xf5?w\x8e\xeeY8\x8a\x88\x1e\x9d\xde\xac\xbd\xe7\xf2\xd1]$\xf3,\xed6\xda/&lt;\xe1\xf3\xddg\x17\xb6\x1b\xad\x12\xbb\xfe\x9f\xee\x1e7z\xa0\x98\xdeu\xfd\x01\xd4/\xecg\xa5\x10\xbb\xe8[\xbf\xd4\xdd\xe3\xc6\xd6!\x19,\x8d]\x85L\t\xf0\xf1ONs\xbc\x8b\x11\xde\x97R\xd6F$.`h\xf0\x91\x9fSqg3KmSY\xd2\\*"\xdd\xae|\x9e\x9f\xcf.\xf0\xe8\xc0h#i\xfd\x8bzk\r\xdbOm\x98\xa1a\x02r\x06\xc5RD\xado0\xb3c6\xaf\xdf\xc3\xde\x9a!\x125/\x95\xd5\xdc\x95\x9c\xd4\xb5\x9e-\xbf\x11@*W\xdaM\x9c@\xbe\x04a2F\xa1T\xd6r\x1e\xec[2\xc6I\x92&gt;\xf1\x7fi\xb8\xba\xe8\x95\tqR\x11-\x1f\xdd\xc5\xf5\xe75\x1a\xc7`/~\xe1I\xae\x82\xec\\X\xbc\x8b\\\xb3\xc1(\xfcmzB\x9b\x8c\x0f\x8a\xe2?\x1ag,\x9b\xce\x98\x03\x9d\xa2I!o\xfc\xd0n\xf5\x06&gt;\xbb\xb0#o\xfcP\xa6/&amp;&gt;\xdf\xb5\xfes44\x1d\xbf?&gt;C\xf4\x7f\x94\x80L;\x0e\\\x92\x05\xec\xf4\xc6\x99\xfc%\x1f\\&gt;\x1e\xc0\x9a\t=M\xd6\xcc\xbd\xa9gJ\x0b\xdd\x05\x00\xb8\xbag\x89\xeen\xae\x0fj\xd7U:p5\x83\x9a\x04\xf27\xebl\xb7\xe3k\xa7\xb9\xa0b\xe23\x1a:Dm-\xd8\x9cp\xbf\x93\x00\x10\x98!&gt;K\x07\xaf\x8dbD\xc2Y&amp;\xdd\xfa\xd7e\'T\xcdu\xf4\xae\xebo\x97\x00\x94\xcb\x08M\xf4\xed\xe1iC\x87\\\xdf\xb7L\xcd\x0b\xe3w\xa7n\x814!]\x05e\xf0\xe6:\x00\xb1j\xba\x07e\xf2&amp;\x08-t\x00rM|9\xc0\x1b!\x99\xc9\xc0&amp;\xe5\x14\xf7iR\xc2N\x91k\x13\xa6Io\xe3g\xb12\xa0\x06\xde\x02?\xf9\xf7\xff\xf3\xc8\x1a\xe09\xe7\x02\xec\xd4\x1e\r\x93\xcb6\nI\xd6\xea\x194\x91\xb9\x98\x12\xa9\xa2\xa5U\x9fF4/\x95\xd5\xa8\x1f\xa7\x9b\r\x9f\xfe\xbf\xc8\x15\x87\x0e-\x9f\x10\xd2\xb50\xcc\x94\xee\r\xcel2\xb3`\xe9^\x1c^9\xd1I%\xe3\xf9EG\x17\xa0%\xba],E\x14I\xee\x11\x00\xee\x9f;\xc4\'4m\x999\xf0\xc8\xaaI\x92\xed\x99\xa2\x92\x7f\xea\xe8e\xd3K\xedK&amp;\x8c\x89B\x0f\xca\x991\xbcb\x96D\xc0?=k\x97\xd0\xde\x8d\x85\x98\xaaM\x11x"n&lt;x\xf8o`%d\xa4m\xf9\xdcne\xfe\x15X3\xb1\x97\x81\xbd{\xd6.\xee\xb4\x9a\xd0\xe5\x9d\x0bEk\x01?\x89\x88\r\xdc\xea\x17\xf2\x8dI\xaa\xdd\xbe|\xe9\x8cSTk\xd9\xa8\xce\x96\xaak\x84\xf6\x15\xf2\xbe\xbc\xbc\x0b\xf8\xfb\xe8\xaa\xc9\xe2\xed\r\x8b\xa6k\\&lt;\xa3]O\x06\x00\xe0\xdb\x97\xfb\'\x8d\xecoi5\xa5X\x8a(\xbb\xe6\x8f\xc0\xb7\x07\xad\xcb\xe64]\x88Q\xb4\rV\xf2\xa4l]\xaa\x15rJt\x86\x05r\xc6\xfe=\xdc\x04\xfe\x0f9\xb3i\xd6\xe5\x9d\x0b\x81\xbfl/\x19\x00g\x9e\xbb\x96e\xb2\xf3\x17\xdbB/\xfe\xd4\xed`\xc6\x84\xbc\xf1\x95\x9b\xe9"\xc9#A\tE\x93N\xb7\xeaE\x96\x8f\x0ej\xc7\xfdS;5\x93\x84UlL\x89\xa5\xa1\xc49\xaam5\x00\x9c\xe9U\x85k+7\xef\xf0\xc3Jp\x9f4\xb3\xf8\xfeP\xd2\xb6\xba\xa1n)\xf0\xce^\xd9\xf3\xdf\x0e\xb7]u\xd91w\xe8\xb4^\x8d\x01\xc4&amp;j\x15`\xa0!\xd6Ec\xb0%\x99\xf17(\x92N\xa3\x1cE\t&lt;\xc7)&gt;\x9b\xa9\x99\xebiW&gt;w\x9fz%\xb5\x1f\x02I\x07 \x96&lt;\x14\xcb\xedV\xcbi\xb2\xf9R4~\xe7O\x146\xaa\x8b\xddi-\xb0g\xd1(\xf9\xc6\xb3\x9bgO\xe7K\x1d\xb5fb\xaf\xcd3\x06\x02(\x96"\n\x80&lt;\x8e\xe0\x8b\xe6\xa5\xb2T\xc9\xce\xeb\xd1\xfe\xdb\x8dd\x03\xd2\xb9\x81\xc4\xb6\x07%z\xd6.!\x9e\xab\t\xc3\xf0\xf0z\xc2\x88\xa6\xe3\xf8\xd40f\x18\xd1\x83\xad\x96\x19\x9am\xabElhg\x1a\x98\xd9\xa7\xa9\x81jY\xa7q\xf1\x8c\xce+\xbco\xfdR\x00\xae\xef[\x96=&amp;\x010\x97\xf9\x96\x1f\xa1?x~a\x07k\x13\x9dz:[\x08em$u~\xeb\xaf \xe1\xf5\x93\x83BX+fN\x08\xa0\x7f\xc3\x00kUs_\xdcz\x9e\xc8\x8d\xbb\x19\xb5,\xf2\xf5\xe1\xa9\x12)\xa3\x95\xf1\x0b\x16V4\xacE%\xce\xc3\xad\x87\xa3\xba\x03\xed\xca\xe7\x11&gt;\xbb{\xeb\x93:T\xd0#\xf8\xdbE\xd5\xf2\x90&gt;\x92\xbb{\xb6\xe82\x99C3\xb6Y\xc9,\xc2gal\xf2\xe0\xd4\xa6\x87\xa769\xa9V\x1e&lt;x \xa2PD\x93\xba\xd6[1\xa6\xab\xa1\xa3\xe0&gt;Q\x93\x83\x9a\x94{v\xde\xb0~@\x88c\x8b\x1cg\xed|\xa9o\xec_nGI&amp;9\xb2rR\xf7\x1aE\xd5\xbe\xd56 \n\xc4&amp;\x1a\xd8\xb8\xac\xf0\'\xeb\x00\xdaW\xc8;w`+\xeb5$"|\xbacK9\x8c\x98D-\xcbdW[7\xf2\xe0\x9eX\x97\t\xb0B\x1a\x8e\xc4\x8c\xda6\x19\xa3)\n\xf8i\x15\x90\xbdu\xd9\x1cN*\xdc\x15\xfcv\xde\x7f\xa5\xd3\x9aJ\xd3\xa7\x02\x7f`0\x0b\xee\x8ca$\xcf\x916\x91\x1c\xc6D5\r\xcb\x03\xcb\xc61\x0b~\x97\xaa\x85\x8c\xbe\x81\x03\x1a\xd9f\xf9Y1\xd6\xd8\xe8F\x97TD\x92\x14\xe7)\x89\x000\x95$\x0f.\xa6K5wW\xc4l\xca\x91\xd8\x95i\xe4\xa9\x8d\x0b\x9d\xb7\xbee\xd1\xfbN\xb9\xcc7\xd7\xed-P\x8b\xe5\xa3\xbb\x8c\xedP\xd3u\xe7\xb3F\xab\x80\xec\xb5\xf3\xa5v\xf1I\x13\x11\x95\xcf\x94\xa0b\x16^\xd5\t\xf6\x14\xaa\xe5B\x10\x987\xa85\x00\xbc\xbc\xa46\x18nP\xd8\x0f\xdf\x1f\x12\xd1\xcc\xbe\xcd\x00\x00o\xf8\x1f5N\x89l7\x19\x87\x0b\x0e\x02\x0b\xf9\xb2\xdb\xbb\x8c\xdfna\xdc\x1d\xb8y`EHWA\x8a\xe7&gt;\xba;\x1b\xa7\xf6cZ\x8c\xbf;\xcdJf\x81#\xdb\x81\xee\xce\x00\xb4\xf3!\xffue\x0f9\x12\x86\x00\x90\'\x02t\x13C\xa2E\n%\x8d`%6\xc7\x83k\x10\x1e\xe9"\xc9#]\xd9\xbd\xf8\xfc\xb6y,vGM\xf6\xb1{\xcd\xa2\x1d+\xe5\x17o\xd1\x15\xed\xfc\xe7\xce\xd1\xa5#;Y\xaf\xaa\x1cN\xbb\x81\xa7\xabp\x05\x8a\xcdV\xcb2\xd2\x8c\xd8Ne@\xa3\xb2\x9c\xf9\xa6\xfb7\x0c\xd0\r\xe8e\xc1\r\xa9\x84\xc1\xec\xf7G\x86*\xa3\xfdbD\'\x02p\xfb\xf0\xea\x9ayt*\x92)j\xd0\x13\xcc3kv\x1f\xdcd"\xe2\xc1\xa9\xe0\xfd\x1f\xc2T\xcf\x95\xde&gt;\x93\xbb7\x00&gt;=\xd4\x13`g\xa89\xedh\xf8\xec{\xf8-\xf1&amp;\xfa\xf7\xa9\xbe\xe6\xaaF\xfa]q\xea\xe0\x81\x8d\xcb\xd6\xc8\x9d\x02\xdc\xc2\xfa%}b\x00`\xde\xbe\xba\x01\x10\xcc\x8f\x16\x00\x8fH\xec\xe1\x15\x13I]&amp;0\x16Q\x03\xf7P\xedw7z\xd6.\xfe\x7f8\x0bY7\xb9\xb7\xa1\xfdsh\xe9\x9c\xea\x00\x00?\x9f\x00\xdf\x8d\x1e\x18\xc5\xbe\x81\xf9\x9d\xa3k\xa7\xf6ld\xf4\xa8=\x0bGI\x16\xe1Z\x05\xfc\xce\x0b\xbf\xee\x0c\x80\xe6\xa5\xb2\x84t-~\x01\x00x)\xdf\xde\xa0H:\xd3/C\xe9\xb41\x85\xa1\x10w\x1d\x00\xe0\xaf\xcb\xbbM\x9e\xd2\xc1\xb7G\xa7\x85\x93\x9e\xdd2\xc7bi\xf62\xa1s\x9dd\xfa{\x05\xa3w]\xae9\x9c6&amp;n\xe3\xff\x8d\xb2\xb5\x02\xa6\x97=\xf7-\x1e3\xaam5\xb5o\xa3\xcb\n/\x91*\x1a\xde\xdfJIT3OJ\xb6Q7Q\xab\x93,\xa2\xf9\x82k\xd2t\xaa\\`\xcb\xccA\xbaG\xe1\xf3]\x8do+d\xd6]%t2N\x8d\xa3\xd1\xb8\xd3\xda\xb0\xb7\xd1}\xb4\xe3\xd9\x13\x99N\x16%\xc1\xd2\x07\x8a\xc7\x05\x86DzY\xb1\xba&amp;\x9dj9\x93\x8fnW\x9d\x88f\xf7k\xce_\xb8.5\xf3\xa4\xac_\xc8w\xc9\x88\x8e6\x96i\x85\x8fw\x8f\xf5kP\x9a\xc7\xdbO\x82Z*\xa8:\xeai\x98\x14C\xa3\rE\xe1\xb5\xaf\x90\xd7c)f\xd8\xe5C8\xb8i \x801\xedk\x88;\x80\xb4\xe1~\r\xfc\xd9\x87\xd9\xfd[(\xaa\xa7\x88oG\x96\xe8DD\x95\xb2\xda)\x02 q&lt;y\xff\xc7!\x00u\xf4\xc4\xab\x8d&gt;$\x1e\xdf\xe8`\x88\xb5Bs\x86\x9c\x1fr4\xa2\n\x99\x12,\x18\xd2\xd6+\xf8\xf6\x19\xb2X\xed\xbc\tB\xbf\xb4&lt;B\x97\xf0\xe5\xc1\xc9NU\n\xd8[\xa6@\x89T\x1a\xf6-K\x00\x1f\r\xee\x0f\x1b\x032\x9a\x94\xc8\xe4\xbc\x06:G\xac\xa0\xce;\x7f"\xe3\xfd\x95{3\xa6]\r\xa3\x87\xc8-\xe3\x8b\x87w0q\xea\xc6\xc52\x08N\xc0\xe2\xfe\x99\xc5\xb2\x14I\x16)O\xfcPd\xcd\x00e\x9apJY\xc9\xe4\x0f\x18\xb3\xd1j\x94\x13\xdb\r\xf3\xb7\xfc\x97\x90\x0f\xd2\xff\x1f\x00\x9e\x86t\x15\xa4x\x13\xc9\xbd\x95\xb4ijk\xca\x07"\x9a\xd8\xa5\xae]E\xc9-\x1e=j\x15\xb3\xbd!jW&gt;\xb7\xddE\x12\xf1\xe5\xf8\xcb\xee\xf0\x8fiT,\x83\xd1\xf2\xff8\xb4J\xfcg`\xc6\xf8\xd782g\xc9\x11_a\x8d\xce\xdb\xcbD\xd1z\xbc\xbduP{\x87|\t\xc2\x88#\xedM\x13]3k^\x08\x10\xa8gP\xfb\x0f3\xa1s\x1d\xc5l\xf5&lt;\xc4 \x1a\xe2\x84\x84\xd7\x8d9^\xbf\x8fw\x8f\xa5R\xff\xd6\x9dG\x17\xe2Xew\xe6\xcd\x8d\x03\x92-\xac\x03ps\x85Z1\x95\xb2$\x12Rkq\xb67\xd3z6Z1\xa6ks\x83r\xc4\xe1\x88L\xac\xe8*"\x1e\xbc\xf5\xae[Rm\xb7FE\xd3\xffqhU\x95lI\x16\x0cnc\xcby9q[\xc5S\x013\xe6\xa3\xffg;\xe6\xd4\x9e\x8d\x86\xb7\xe4\x15\xa8r\r\x03\x1b+\'D#"\xe0u\xd0\x87\x97\x974J\xf0vK--/uMV\x83\xf3\x04\x03\x98\x1e\xda\xbc\xbbuH\xbe\x11@\xa7\xca\xce2\xc4\xb9\x03e\xd3\xc7\xdd\xbd`\xa4\t\x93\x96\xe2Z]\xff\x86e,\xd7H\x99\xfb\'7\xb8s\xabU0\t\xafR|\x8d\xdc)\xcc\x9d\x823\xf1_\xc8\xf0\x1bY\xb88\x9fu\xfcs\xdb\xde\x07N[\x0b\x97!\xd8@\x85\xa7I\xb0\x90\xd8\xab\x12.\x8e\xdfiQ:[b;\x94)[\x94\xce\x06@\xd7[\x83\xd1\xa1b&gt;\x8do\xdb\x06\xe6\xf62[\r\xce\x08\x0f\x1b\t\x11\xf3\xb4]\x84#*\x91*\xba\xae\x1a\xbbi\xcf\x0e\x0fD$n\xf2\x0b&amp;V\xe8*\xaa\xa8x4\xf0\x00\xbc\x05\xf0\xe2\xd2.\xd3%x\x08b\xfb\x9c!\xc2\xe7\xef\x8f\xcf\x02\xcfl,\xdc\x8a\x84}\x14"|\xb9o\xf1%\x14\x0bG;\x83\xe1\xad*\xf3\xef\xbcy\xc6\x80\xc6\xc52\xb0\\\x95\xffU\x86\xb74pA\xec%\xaes\x8c\xe6\xba\x0cm^Q\xb2E\xbc&gt;\xf7\xdf\xf0t9\xb1n\x9a\xe2vNO6\xc5\xa4X\x15\xad9\x86\x02\x9f\xf8\x93\x7f\x10\x11\xf1J\xdb\xfc\x9fQ9[\x92\x94\x8e\x1c\x96\xa6\x850Y\xa6\xfbZy5,\xf6\x06hX4=sp^:\xb2#\x00+bx&lt;S\x10\x97\xd1\xa8h\xfa\x90\xae\xc2/\xbe&gt;&lt;\x15\xd2U\xb0\x99\xb2\xe9\xe2\xeeZ0"\x9d\x1b\xc8=\x02H\x1b\x8e\x12\x11\x95\xcb\x10\x0f_\xee\xb9\xad\x19gr\xb7\xfa\x9c{*\x06o\xa6\x8b(\xb5\xc1\xee\x9c7\\\xfcgS\xff\xcc\xec\xb7\x9bXo\xf7\xf0\xfb1\x85C\xca\x9f\x87\xf1\x9djO\xe8\\\xc7\x96\xa2\xdc\x8a+\xbb\x17\xcb7\x9a4\x8eZ\xc3\'4\xef\x92\xd8\xa9\r3\x064\xd2Y\xd0N`G\x95\xfec$$\xca\x97\xf0\x97\xcf\xa8\xb6Xa\x12n\xe9\x1eN8U\xc6\xd2\x1a\x0c?R\xcb\xf6\xc5\x88I\x04`f\xdff\xc2\x16G@\xe7o\x92\xeeQ\x1b\xaf\x90\xae\x80"\x83\x9a\x94s\xff\xf5\xbaHD\xbb\x17\x8c\xd0\xd8\xa1rV\x93\xd6\xc0\xb9\x03Zv\xa9Z\x88\x88\x9e\x86t\x8e\x07\x1ee\'\x00\xaf\xae\xed\x93l\x1c\xdd\xb6:\xffY\x14e-\xf2\xc6\x0f\x9d!2\x91s\xac\r\xec\r\xaeW0\xad\x13\xcavG\\0Z\xefZ\xad\xb0\xf8,\t\xedN\xf6\xa9\x1bn\xe9&lt;$&gt;\xc4\x86\xe2\xff\x19\xc7\xd6L\xd1\xde\xa1G\xad\xe2n;\xa3\n\x01\x00\xec[&lt;\x86\x7f\xff\xb77\x0f\xae\x9d\xd4\xdb\xde+(\x11\xbbW\xa4c\xe5\xfcj_\xe1\xeb}\x8d,1\xda\xfc\xf3\xe7\xd1\xfb\'6\x10\xb7\xff\x1f?E\xbd\x8d\xf9\xc2\x9d\xe3\xd3\x99\xd0V7\xca\xa0wN\xc1\xbf\xa8K\xb5\xc2\xc2F\x00\xd7\xf7.%\xfb\x1a/\xf9;\x1cR\xe6S\x13\xbf\xc8\xf4\xc2~b\x15\xd5\x07\xe0\x1f\xb3E\xaa\xc2\xceR1s\xc2\x99}\x9a&gt;&gt;\xbb\xc5ji\xdf\x1e\xd8Q\xa9`\x88\x07\xf2r\xaa\xe5H&gt;\xb0q9y\x942\x80\xac1\xc4\x7f\xbe\xd7\xbe\x83\x9e$\xd7\xae\x06\xdf\x1e\xfe}u\xcf\xbfO\xcfI\xb6/\x1c\xda\xaeC\xc5|\xe9M\xf9\\Y\x9f\x82\xb8\xa1G\t\xff\xc8\xa5j\x8ed\x00v/\x18)\xd9\xee\xbc\xc0c\t\x00X|\x9c]\x1d@\x9a0$X\xd2\xd9u\x98\xa5\xd9\x1c\x88\xe1w\r\xd4`\xff\xd2\xb1\xe1\x89\xe2\xb9\xd6u;(\x83\xb7\xec\x8c\xa5\xd2\xd8k\x9e\xf9E\xeb\xb29o\x1f^=\xaecm\xd3%8\xe9\xfa\xe0\xc7#\x00\xf3\x07\xb7V\xdbAn\xf4c\xab\xb1\xff\x9f\xd1\xa9\\\xecY4\xea\xec\xe6\xd9!]\x0b"\xa2\xd6es\xca\x9f\x9b/\x0fNv\xafQ\x14\x1f\xed\xcc\x86HD\xcc\x94?\x7fp\x1b\xb7\xd1:2@\x9fz\xaa\x11:b\xb2y\x85p\x88\t\x80[\x07W\x12\xd1\xa6\xe9\x03r\xc6\xa6\xaa9\x8cJ\xcci\x11C\xbd\x95qR\xb8\x90\xbbyW;\xaf&gt;\x17w,\xb0\xd7\xe9..\xd1\xb6\xd9C\x80\x1f\xecO+\x8f\xe5\xc0&amp;\xaaa:\x8a\xb4\xaf\x90W{\x87V\x01\xd9MWF o\x82\xdf\xc4\xa9*0C\xb0\x99h\n\xa2s[\xe7&gt;;\xbf=\xa4\x05\xf1\\\r\x80\x97\x97wy\x85t5$4)\x9e\x91\x88\x80\xaf\xcf/\xee\xf8\x0f\xd8\x13}\xc3S]\x87\x8d\xde\xa8\xc9\x95\x87\xdf(\x83\x9e\x93H\xeefa\xa4#ZUV\x0b5\xcf\x1c\x8d\xba\xd7,\xa6[B|\xa2d2\xcd\x1f\xb11\xd9\xf6@\xf0\xab{\x96\xd8~\r\r\x14\x98\xddY\xd38e\xbcd[&amp;w\xab\x9f?Q\xd8\xf7\x7f\x1c\xb6w\x80f\x17\x95\xb3%1\xe4q\xcf\x93-"Cd\x85\xf6\xa8S\x95\x02\x8d\x8bg\xe4\xb9sNmw\xc2\x10e\x8cB\x9d*\x17x|F\xd9\x02;\xb6}M2\xb8BKD\xfb\x97\x8e\xdd\xbd`\xe4\xaaq\xdd-V\xcf\xb4m\xb4\xa8wd\xb9\x92\x97\x15\xde\xde&lt;\xe8Vm\x9f\xcb\x908\x10K\x1c\x1c\x89(|\xf0\x00\xd7\xae\xd5\x8b8\xbfRA\x94\xf4\xf12\x97\xe5b\xdb\xec\xc1\xcc\xb6\x17\x81(&gt;\x11^^\x16\x7f;\xbe\xd3/c\x14\xf0\x8a\xbf\xd8\x00\xbf\xd8\xe4Z7\x99ck\xa6\x02\xff\x18x2\x01\x9c\xda0\xd3\x99U\xe2\xa5tZe\x8b\xb7\\\'`\xc9\x083B\x83&amp;x\x7f\xfb0\xf0~\x90\x91I_\x9d\x02\xaa\xfa\xc3\x02M\x8ag\xec^\xb3\x18\x80\xf9\x83\xdb\x90C\xfbaP\xd3@N\x9d\x9ck{\x97\xf6\xad_\x9a\xbfJ\xf6\x12\x91(\xa1)\x11\xa4V\x019LgS\xaa\x90\xc9\xaaG\xa5\xb63\xd2\xb2Q\x9d\xf9\x8bb\xe6\xdc\x99}\x9aZ\xe9\x00\xec]\x9c\xf7\xb2\xb54\x869\xfb\xce\xc2\xa1\xed\xe6\x0chY\xd4;r\xf7\x1aE\xe7\xf4oas\x9d\xf4\x00\xb0aJ_\xeb\xe5\xac\x1a\xaf0R\xf1""\xa2=\x0b\xa5kZ\x8cj\xea\xe3\xd7\x01\x8d\x02\xacW\x89\x07a\xb9\x1eoo\xf0\x1e\x03`\xe1\xd0v\xce\xac\x95I\x1a\x17\xcb\xc0^\xb0?\x8f\xac!\xa2s\xa2\xc8U\r\x83W\x9ex\xa1\xd6N\xeam\x97\xd8\x1e\x80\x07\'7\xaa%\x87S\xe4\xc5\xa5\x9d\x95\xb3&amp;\xd6\xd5tlW&gt;\x0f\xf0\xd5\\\xad&gt;\xdd;n\xa3\xc8%9\xa2\xd5\xdc\x99\xd3\x1bg\x92}\xa2\xf3\xff1\x1e\x9c\xdc(QQe\x03O+\\S\xb1Kx\xf3\x1d^\xc6\xd7Y\xba\xede\xfcb\xcf\x19\xd0R\xed\xdb5\x13z:\xe3\xa4\xa77\xcdb\xedj\xa5,\x89\xd5z\xfd\x95\x96g\xb7\xba\xac\x18\xdbU{\x87\xba\x05\xd2\x00\xf8\xf2\xc0H$#\xf0M\xfc\xe7\xac~\xcd\xfd\xdc\xe6=\x13\x0f\xbd\xd3G\xfa\x95\x18`j\x8f\x86j\x87d\x8cB\xb6\xe8`\xf8\x86\'"\x02\xfe\xe6\x9f\xf1\xb1\\\x05\xc0\x974a\xe8\xf2\xce\x85\xba\xfbK\x02\xbe+dJ\x90+\x0e\xef\x12\xd3\xa4\xae\xf5\x9a\x97\xccbW\xf2\xe4\xcc.\xf2\xca\xb1\x8aE\x01\xac:\xf9}*gKbc\xae\xa8F\xc5\xdc(\x80YL\xfaH\xfaY\xd75`\xd1\xad\xa6\xe779c\xd3\x9a\x89Ni\x88C\n\xd6\xfa\x8f\xebX+"\xd1WC\xcd\xab\x07{IH\xd4\xa4xF\xe0\xd3\xcaq\xdd\x9cz"\xb62bh\xe5\x90\xf9\xec\x8b=\xd6{\xd6.\xce)\xc9Q!sB\x00,t\xcb\xf5pJ\x1c\x8fl]\xc5M\xc4\x90\x8d\xce\xf0\x807\x00\xa6\xf6h\xc8\x93`\xee\xe7\xb3\xf3\x00\xc6\xb4\xaf\xd1\xa3\x96\xfe\x9a\xa1\x15\xc4\xd3X\xd3\x9a\xe4\x8a\xe4K\x10FQe\x8c\x07\xf6\xcc\x87%*\xe3\x1bK1\xeb\x169\xf2\xdf\xa9\r\x1b\x00p\x06\x7f\xa8\x11\x98!\xe8z\xe4\x8e\xa7%\x8e\xcb\x88\xe0\xfc&lt;Q\x8a\x91\xea\xe6\x88\xa5\x9e\xbd\xce\x10\x9d\xab\x14\xb4^\x88{\x919\x1a\xe1\xf9\xc5\x93\xebg\xe8\x06\xd7\x1c^9\xf1\xd8\x9a)n\xe8@\x19\x8d\xe8\xe2\xf6\xf9F\x8f\x8aC\xf4\xf8\xecV\xb9\xbf&lt;?\x16\x15E\xf0\xfc\x02\xd7n\x80\xb0n\xc1\xcf\x9b\x9b\x07B\\\x9b\x90\xcd\xdc\x97\x8f\xe9\xc2\xd3\xce\xb6\xaf\x90G\xe8\xf8\xc3\x10\xa9M\x88\xfb\xd4+U\xd6B\x9c\xaad`a:\xe2O\r\xd3M\xf0?w\x8e\xfe|vaB\xe7:\xed\xca\xe7\x01\xd0\xabN\t\xa3%\\\xda\xb9\xf0\xc9\xb9\xad\xf2\xed\x07\x96\x8e\x1b\xd4$\x10\xf8XW/\x87\xe2\x82!m\r\x9d\x91\xd3f!\xb9\xe6\xec.w\xa9\xa6?\xea\xfa\xff\\\xed\x0f\x01:V\xcao%b\xa2\xa9\x7ff\nQ\xa5\xecE\xc3\xda9+\x02\x05\xd0X\x06\xbd\xbck\x91\xb5\xc2\xff\x95l\t\xab\xf4\xd0W\xcc\x9c\xc8DS\xbe`H[wx\x7f\x8c\x8a\x00\xb4.\x9bS{\x07\x10p\x1eS\x00\x00 \x00IDAT\x8b\xa9f\xdd\xe1\x9a(\x82\x7f\x9f\x00\xb8y`\xc5\x86\xa9\xfdN\xae\x9f\xce\xd3&gt;Jh\x15\x90\x03xN\xc15\x10S\x12]\xda\xb90\x06\xd1\xf3\x8b;5\xe6&amp;}\xeb\x95\xf22Qi&gt;\xc4i\xcb\xe2\x88\xf4\x18\xb4\'\xfa\x95\xb2\xaa\xda\xfd\xdd\x84\xb2\xe9\xe3z\x85t\x1d\xdc\x08\xce\xb4\x82\xee\x93\t]\x97\xb8DC5\xbdn\xea\x9br}\x13P|\xbey\x1ez\xce\x17\xc3e^\x10\xa6\t\xcc\x10\xdf\x05+_b7\x11\xd7\xe7\x11n^*\xeb\x9c\xfe-t5AYk\xb8|t\x973\x9bf\x99;\xd1\xbc\x81\xadX!,\xacDBd\xa2\xc6J\xdb\x89\xa8I\xf1\x8cFT\x8c\xad\x02\x19\x8a\xbbe\x8fI\x86\xfc\x00]L\x1c\xc7k\x18"\xe2\x89\xc6\x88)r\x93\x7f~a\x87\xbd\x85{\x13\x1dX6\x8e\x7f\xff!\xcd\xca[?i*\xa2\n\xd6\xc4\xbb-b\xb1\xd9\xf2\tM\xa44\xda=\xbcb"s\xbe\xb2\x05{;\x003I\xef\x82S\xc6W\xeap\xec\xbc!^\x96\xe8:R\x91j\x940\xb5\xdc"\xd7\xd4\x13\x88\xe0pm\xd0F\xd7\xe6\xceI\xa6\xa8T^\xe6\xbc;\xacE\xa5w\x7f\x1cR\x93Hq\xb1\xf7\x89o8\xdeI\x80\x80u\xf7*1\xdeD\xfb\x16\x8f\xe6\xdf?\x19\xd1\xdaI\xbd\xe5\x1b\x8dZ\xcc\xdc\x82\xdc\xf1lH;%fD\xeb*\xae\x9f\xa9\xe9\n\x02;\x8f\x08D\xe5\xd2\xc7\xe5\xd1\x9b\xd3E~\xdd~&gt;=\x8f\xbf.+\xee\xecz\xa6\xf6h\x14\x85\xc8\'\x0c\x01(\x92,\x12\x11YY\xfeI\x1d\x8a\xae\xef[\xc6\xb9s\x88\xa9G:\x88A\x94&gt;"\xf5\xadW\x8a\xd3\xf1\x97\xe7\x158\xbev\xda\xc7\xbb\xc7\xd4\xbe\xdd1w\xa8\xf6\xe1\x85\x92F0}Y\xe6\x0chyp\xf9\xf8\xfc\x89\\7\xff\xd1\xbe \xc0K\xce\x0e\x00\xc0\xea\t=\xc4\xd2\x8d\x7f]\xd9\xc3&gt;t\xaa\\\xc0\x90s\x04\x00!\x87\xc0\xd5=Kt\xf7\x17+\xceJF?\x86&lt;\xd4\xff\xe3\xa4$\xc2\x0b\xadL\xb9\xce \xa4&lt;f\x076.\x17\x87h\xe3\xd4~\xba\x9e\xa0\xba\xca\xe6\xb1\x88F\xb7\x93\x86\xf5\x02\x987HU\xf1\xca^b\x10\xa9y\x9b0^]\xdb\x87\x1f\x8f^^\xde\xed\xe6\xa6X{\xf1&amp;\xca\x1d\x97\xf0\xd7e\x00\xc03\xce\xdf\x0e\xa0l:\x9d\x14\xcb\t\x88\x00\x14I\x1e\t_\xef\x9b\xb8\xa4\xc2!\xbak\xb9r\xca\xa6\x8f\x0b\xfc\xa5&amp;\xa6\xd6\xbal\xce\xd4\xc1\xbdt\xd3G\xd4\x92^\x18\xa6\x97\xcd\x1b\x9f\xeep\xfe@\xed\x00E\x96%\xe2\xfa\xdee\xe2\xd2\xc4=\xc7\xe33[J\xfax\xf1\x9ch\xc3\xd4\xbe\xff\xfcy\x94gO\x81\xe6%\xb3\x90C\xf0\x9c\xc7\x8d\xcd](\x9dVKebp\xb3\xf2n\x98\xb8\xdc=\x91\xd8\x98\xc4\xdd~\xda\xe0c)\xc9+\x81\xcfw\x01t\xaf\xa9\xe3a\xf2\xf7\xd5\xbd\x92-\xdbf\x07\xa5\xc34\x96[N\x0f\xff\xd4\xaa\xee\x9b\xa9\xd4\xfd\xf3[\x05\xe4\xf8\xf6\xe8\xcc\xc1\xe5\xe3W;\'\xcc\x07x\xe3\xe3\xc6RZ\xfcmt\xeaP\xbc\x1e\x10}\xea\x95d\xb1\xe8&amp;\x12U\xb2\xfa\x18M\x99"\x1c+\xf99\x89\x89.\xedX@D\xf3\x07\xb7\xc9\xe8\xae\x03\xda\xdeu\xfc\x01\xe4M\x10Z\xbc\xaa\xc1~\xcb\xf3\x8b;\x88\xa8C\xa5|\xb6\x8fN\x8a\xa5P\xb8\x1cn=\x06\xbast\xad\xf0\xf9\xeb\xc3SC[TT\xdb3\xc0/\xf6\xc2\xa1\xed\x8a&amp;w\x92l\xe2\x7f\x8dk{\x97~\xbe\x7fB\xed[\xbc\xb9Q;_j\xb5o\x97\x8d\xea\xac= \xac\x90)\x01\xf0\x05\x808\x8b)\xf0\x8e}\xb0W\x9e\t@4\xc7\xbf\x12st\xe5lI\x80\xbf\x14\x8fjS.\xd7\xfb?\x0e;\xef\xd1wA\x0eH\xdf\xf06\x1b&lt;\x15q\xc6%\xca\xe0\x18\xa5I\xfa\xc8\x8d\xd3\xfa\xd9R&gt;kF\x1b\x15M\x0f`\xd1\xb0\xf6&amp;J\x98;\xb0\x95-5\xd1F~mY\xcd\xfb\xd4+e\xbaL\xf9\xe2a\xc5,\xfa\t&amp;l\x16os\x928;\x00\x8d6\xcb\xd9\xd4/\xe4\xcb&gt;h\x8c+\xc5\\\xda\xb1@\xdc{\xb9!\x1a\xb2*a\x89\x1aZ\xcb\xa9\xdb\xa4D&amp;\xc9\xd0\xccbS\xb2zBO\r;\xaf\xdcy\xbeg\xed\xe2\xf8\xf8\xa7\x89\x13\x01/\xf9\xbb\xa8,f\x83\xd8j\xe7W\xed_\xf9\xe1Y\x80uC\x00\x1cX:.*\x91\xb9\x94\x18&lt;\xe5\x03hY&amp;{\x8d\xdc)\xda\x94\xcbe\xae\x04\xdbk\xc5y^\xb5\x95\x83\xd1\xed\xaa\xd7\xc9\xaf\xaf\tf\x8e\xa8\xce\x0f|\xfb]Q\x93\x93S\xa4u\xd9\x9c\x82\xa0yb\x97\xab\xa2\x1a\xe5\xfd\xed\xc3\xba\xfbX\x1c\xad\x0b\xcb\t\xe2\xc7Z\x9c\x93oV\xdff\xad\x02r\xf0\x14\xc5?\xaa`\xe3\xcaq\x1dk\xf1\xd7S\x02\xf0\x8e\xb3\t\xd81o\x98|\xca\t \xbb\x1b\xa6\xddq\x0f"9\x92\xea\x00\x18\xd1\xba\x8a\xed\xe5;\xbb\xed\x16\x12\x008\xad|\xe5\x0e\xe0\xe9\xb9m3z71Q \xcf\x93\x08\xe0\xc2\xf6\xf9D\xd4\xa1b&gt;\x13\xa7\xf8=\x90\x0f\x97\xd8\x82\x01\x13\x05\xb3\x9d\x02\x89\x7f\xa3\xb5\x15eB\x13\xbd\xb9\xb1\xdf\xde2\x13\x11}\xb8}\x84\x88\n%\x89@D\x00X\xf4\x93\xee\xf8#\x9b\x17\xf5\xado~j,`e\x91hR\xd7z\xf2\x8d\x8a\x01\xf4M\xfd\xb9\x02G\xdc\x84JY\xcc\x84\xa0\xc5!\xaaW0m\xe7\xaa\xc6\xf4\x032D\xa2\x91m\xaa\x12\xd1\xa4\xae\xf5l\xf1w0$;\xe8m\xa4\xe4\xc7g\xb6\x1c]\xad\x9c5\xd7\x9cr"\xf0A\xb7\x7f\xc2\xf3\x8b\xe2}\xe2\x12\x01\x08\xcc\xa8j\xed\xb3\xe5\xa5(\x96"J\xdf\xfa\xa5\xf2%\x0c\xd3\xbal\x0er,\x15T\xcb\x99\xfc\xda\x9e%\x8a\xcf\xbc+0\xfa`IH&amp;\x1a\x0b\x00\xd8\xbbx4K\x98%G\xa2E\xfe\x7f\x0b\x80e\xa3\r(\x18\x9b\xa3w\x1d\x7f\xb1\xa97O\xbc \x83\x9a\xc6b]T\xa20D3z7\xb1&gt;\xb8\xbbw|\xfd\xea\xf1=\xd8 +c\x14\xc3\x1eo\xa77*\xc41]\xd86\xcfb\xad\xec\xc5\xa8\x17\xaf9s-\xbe\xdc{}}\xfft\xe3c\xd2\xa6\xfe\x99-\x06&lt;\xbb\x92)\xdd\x1bT\xca\x1a\xac\xbe\xfe&gt;1\x00\x00\x1fy\x0e\xff|\xff\x84p\xb8`\xde\xf1v\x94sr\xfdt\xf9!\x92\x19@\xcd&lt;)\x81O\xc2\x16\xb9\r\x14\xc0\xa4\xae\xf5\x14_\x8d\x1cF\xa6\xa1e\xd3\xc7e\xa7\x9e\xd9\xb7\xd9\x1f\x87V\xb1u\x83\x93\xebgp\xfeR3\xec]d `\xc1(\xd1\x89\x84\xeb\xcb\xda\x0e\xa3\xa7\xc3\xab\xab\x86\xf6\x17\'\xacp\x12Y\x1c/k\x13\xbe\xc8d~\xd4\x92t\xdbN\xb7\x1aE\xe4gI\xac&gt;\x8e\x03\xfe\x02\xb0aj\xbfm\xb3\x07[\xac^,"\x00\x1d*\xe6e\xbft\xfb\x9c!\x9c\x07.\x1e\xde\x81\x88R\x10\x01\x90\xfb\xa1\xb9\xd2\x03]\x97\xd2icY\x11\x80\xd2\x00\xf8\xf4\xe4\xecV\xc1j\xbfy\xc6\x80\xe2)\xa3\x9a(\xa7U@v\xb5\xfb\xb8tT\'\xd3\xd5\xd3Em,o\x82\xe2)\xf5;\xcdf%\xb3\x10\xd1\xdc\x01-\xcb\xa5\x0fr\x98X&gt;\xbaK\xbb\xf2y\xc4\x97,\x95\xc2q\xca\xeb\xb1\xe2\xec1\x12\xaadO\xda\xbfa\x19\xdd\xfap\x92\x84\xa8{\x8d\xa2\xec\x05\xa9\x92=)\xfb`(\xb2\xcc\x00\x00z\xd5\xf1wJ\xd1*\xa7s\xd9\xb9\x9c\x04\xf0\xf3\xe5\xe5\xddWv/\xb6\xe5\xb7\x14K\x11\xb5U@\x0eVT\xcd&lt;)]\xd3\x01\x90\x92\xb0R\xfe\x84a\xeb9\xd6\xd8%\xf8\xa7\x8enc\xad\xf0\xe5\xde\xc0\xc6e\x01\xe0\xed\x8dM\xd3\xfbs\x1e\xd5\xbb\x8e\xbfo8\xf2R\x91WS\x9bY\xba\x185\x7f\'\x01\r\xb7.]F\xb7\xab\xce\x1e\x8f\xdeu\x83R7W1+?\xf9\xd7\x95=\xff\x817Q\x9b\xf9\x83\xdb\xbc\xbf}\x98\x8d\x18\x9a\x14\xcf\xb8z|\x8f\xda\xf9R\x7f\xbewb|\xa7\xda\xf1]\x9b\xccK\x17/\xa5\x84\x94\xd1\x88\x98\x0f\x95s\xef\x14\xbe=\xc8\xe2B\xd5\xf8?\x8f\xac\xb1\xd7\x03\xdd\x95\xb0\xf4Ul\xf8\x8c\x0f\x7f\xd8rc\x000{\x08[\xbb\x06`.\x06xZ\xcfF;\xe7Ks\xf8\x19\xe5\xb4\x8aJL\x18[{\xee,\xd1\x83&amp;:\xe52\xd8&amp;\x96\xac\xa6B\xe3J"\x04\xbfJ\xddj\x14\xb1\xb7\xfc\xa8Dm\x03s7(\x92\xcezQ\x87WL\x14\xaa\x9a\xcb\xbc\xf2)/\x86\x1e\x1eC\xb6)\x8d\x07\x88=cy\xe2\x87\x02P%[\xd2\xf6\x15\xf3\xfa\xa7\x8e\xde\xa6\\\xae\x9e\xb5\x15dP\xf3\xc4\x0b%\x0c\x89V\x8d\xeb\x0e`\xf7\x82\x11F*b\t\xfeV\xde\xa2[`\x08\x13\x99({L\xad\xa7A#|\xe0\xcc\xa6\xd9\xf9\x12\x9a\xcc;\xa8\xc6\xd8\x0e5\x1f\x9e\xda\xc4\xbf\xff\xcc&gt;\xcd\xda\x06\xe6\xeeR\xb5\xd0\xd3\xf3\xdb\xd5\xdcz\xd52\x97\x0enV\xfe\xf6\xe1\xd5\xf2\xed\xefn\x1d\xeaZ\xad0\xf0\x93\xbf\x1a\x8a\xac\x9d\xd8\xcb\xfaj\x9e\x9a\xe7u\xcf\xda\xc5\x01X\x19\xbd\x8aa\x8f\xbb\x93\xdc\x94=p\xb2g\xe1(\xf1\x9f\xa9C\x93\x86;\xa8+\xa7\x0bF\xb3R+\xe2M\x04`\xe9\xc8ND\xf4\xf4\xfc6a\xbbZ\x98\x9b\xb8\t\xee\xdf\xb0\x8c\xb0T`\xbd&amp;\x12\xf4\xc3\x0141P\xa55\x13{Y;\x97y\x04/L9\xd9\xbc\xb4B\xc05`\xf7\xa3Q\xb1\xf4\xc3Z\x04\x8b\x895\xd7\'\x083g\x96\x81\x84\xc7\x85\xa1m`\xeek{\x97\xb2\x1b\xb0dD\xc7\xa5#;\xca\xf7)\x9d6\xd6\xfe\xa5c)\xb8\xca\x07\x11U\xcc\x92\xa8~!\xdf?\x0e\xadRLy\x96D\x96\xab\x9a\x87\x0b\xdb\x82\xe5\'\xc8\xad\x14\x156w@\xcbi\xbd\x1a\xf3\x94\xa6+;\n\xc0PPml"\x00&gt;6w\xd9!\x8f[\xe4\xcdq-\xec\xd53\xa7|GD\x862\xb5i\x9f\x83\'\x9c\x8a\xf1\xe7\x915\x00\x98\xab\x9b\x842~\xb1%C\x8f\xa8\x8e\xdf(N\xb6\x93)\xaa\x82\x9a\xba@\xd6\x18T\xd2\xc7\x8b\x9924\x12\xd9JX;\xa9\xb7\xeb\xba\xd2\xba\xc1\xdb W\xd2\xb2Lv\xfe\x9d?\xdf\xe3\r+\x03\xf0\xfa\xfa\xfe\x01|\t\xd6\xb5\x03\xf9\x0e\xaf\x9c(\xfe\x93\'\xe3(\x80\x97\x97w\x0b\x9f\xc57\xd2?ut\xe6\x85\xd2\xb9jA\xa6E*d\x8ed\xa6\x89\xda\xf9R\xf7\xa8U|\xe7\xbc\xe1\xf7Ol\xe0\xa9&lt;\x0f\x8a\x92\xbc\x12\x8azG\xe6t\xb8\x14~N\xa1\xa4\x11\x15g\x12\xf8[y5&gt;*\xd1\x9c\xfe-\xe4f=v\x89\xd2\x86\xdc\xd2\xec\x88V\x95\xdd\xa7\xf71\xb3P\xebr\xd4"\xc2\xde\xdf6\x19\xadmoc\xb7hX{\xdd\x02\xdbU\xc8CD\xbe\xe1\xe8\xe5\xe5\xdd\x87VLP\xb4\xa6\x02\xf8\xf1\xe4\x9c|#\x00\xc5\x84t\x95\xb3J\x8dR\xf3\x06\xb5\x060\xbc\x95a\xb1\x8d\x87\xa77\x85\xc0\xd2Kt"+\xc9XL\xa0\x96\xe1d\xc7\xdc\xa1\xdb\xe7\x0c\x91dbZ1F\'!\xb2\xbd\x98\x8e\x1a\xadW0-\xf0\x86}\xee\xd7\xa0\xb4\xe4F\xe2\xe7\x93\xc0\x8c\xf1\x7f&lt;9\xcb\xf4OX\xa0\xb2\xe0\xbd\x0b\xbcR\x1c\x8c\x18\x82\xc5\x97\x0b*\x83&lt;O\xd2\xabk\xfb\x1e\x9e\xdatj\xc3\x0c\xfe\xb3\x00hV2\x0b\x7f\xbb\x1d\x95\xa8E\xe9\xac,\xd9,\x0fn\xac\xcd\xa3\x8f!\x97&gt;1\x12/\xc6\x82I\xc2\x13\x91\xae\xca\x98i\x1bY\x86\xc8\xc1\x8e\xe5\xbf\xe63\xfb6\xfb\xe7\xcf\xa3,:\xc4\xdd0j\x93a\rK,Q\x10\xd6\xa0&amp;\xe5v\xcc\x1d\xa6X\x08\x80\rS\x9550\n&amp;\t?\xb6}M\xa3\xb5U\xa4p\xb2\x88\xc0\'\xa3G\x15J\x1a\xa1q\xf1\x0c\xe6\xd7~\x00\xecZ0\xc2\x95K\xafj\xee\xe4\xd1\x89\x96\x8d\xea\x1c\x98\xc1\x05\xea)\xf6sx\xe5D\x8d\xe7\x0fL\xf6\xe4\xd5\xd5)\xdd\x1b\x90C\xb2\x02\x00\x9e_pxq\x8d1w\xde\\q\xe9\xc3\x9fG\n\'\x8bxc\xff\xf2f%\xb3\x8clS5\xa5\xe3\x8c\xba\xc7\x1eX6\x0e\xdf\x1f\x19ZU\xbb\xba{I&lt;"\xde\xe6\x9c\x03\xb6\xd2{t\xf5\xe4\xc1Mm\xc8\xd3@D!hV\x1a\xd7\xb1\x969\x95\xab\xd9\xfd\x9a\xcb7\xeaz\xdfM\xed\xd1\xb0\xa1\xa9\xd7&gt;{L\xeaQ3(\xefq\xfd\xc2~\xc0\x1bf\r\x17\xa3\xd8 X\x8c\xfb\xb1\xc2\xfc\xc1m\x00\xe0\xdf\xc7j\x99m\x00d2\x1232g@K\xdd}\x06\xf2\x99\x13\xec"\xa6\xa3\x1b\x9bgD\xe6\xa8C\xc5|\x96\xd6$\x14]\xa4\x9b\x14\xcf\x08\xa0|\xc6\xf8\xcd\xfc3\x03\x7f5.n)\xf7,#\x11\x9f-\xc5M\x88\xa8\xb9\xe6\xac\xc8==\x03\x0e\xde\xde\x08\xfa \xe1\x9f\xdb\xa6\xea\xf8\xab\xa8\x05C\xda\</t>
        </is>
      </c>
      <c r="E541" t="inlineStr">
        <is>
          <t>&lt;class 'numpy.ndarray'&gt;</t>
        </is>
      </c>
    </row>
    <row r="542">
      <c r="A542" s="1" t="n">
        <v>540</v>
      </c>
      <c r="B542" t="inlineStr">
        <is>
          <t>steps_per_sec</t>
        </is>
      </c>
      <c r="C542" t="n">
        <v>7800</v>
      </c>
      <c r="D542" t="inlineStr">
        <is>
          <t>3.353704</t>
        </is>
      </c>
      <c r="E542" t="inlineStr">
        <is>
          <t>&lt;class 'numpy.ndarray'&gt;</t>
        </is>
      </c>
    </row>
    <row r="543">
      <c r="A543" s="1" t="n">
        <v>541</v>
      </c>
      <c r="B543" t="inlineStr">
        <is>
          <t>Loss/object_center</t>
        </is>
      </c>
      <c r="C543" t="n">
        <v>7800</v>
      </c>
      <c r="D543" t="inlineStr">
        <is>
          <t>0.07225268</t>
        </is>
      </c>
      <c r="E543" t="inlineStr">
        <is>
          <t>&lt;class 'numpy.ndarray'&gt;</t>
        </is>
      </c>
    </row>
    <row r="544">
      <c r="A544" s="1" t="n">
        <v>542</v>
      </c>
      <c r="B544" t="inlineStr">
        <is>
          <t>Loss/box/scale</t>
        </is>
      </c>
      <c r="C544" t="n">
        <v>7800</v>
      </c>
      <c r="D544" t="inlineStr">
        <is>
          <t>0.023579502</t>
        </is>
      </c>
      <c r="E544" t="inlineStr">
        <is>
          <t>&lt;class 'numpy.ndarray'&gt;</t>
        </is>
      </c>
    </row>
    <row r="545">
      <c r="A545" s="1" t="n">
        <v>543</v>
      </c>
      <c r="B545" t="inlineStr">
        <is>
          <t>Loss/box/offset</t>
        </is>
      </c>
      <c r="C545" t="n">
        <v>7800</v>
      </c>
      <c r="D545" t="inlineStr">
        <is>
          <t>0.10549867</t>
        </is>
      </c>
      <c r="E545" t="inlineStr">
        <is>
          <t>&lt;class 'numpy.ndarray'&gt;</t>
        </is>
      </c>
    </row>
    <row r="546">
      <c r="A546" s="1" t="n">
        <v>544</v>
      </c>
      <c r="B546" t="inlineStr">
        <is>
          <t>Loss/total_loss</t>
        </is>
      </c>
      <c r="C546" t="n">
        <v>7800</v>
      </c>
      <c r="D546" t="inlineStr">
        <is>
          <t>0.20133086</t>
        </is>
      </c>
      <c r="E546" t="inlineStr">
        <is>
          <t>&lt;class 'numpy.ndarray'&gt;</t>
        </is>
      </c>
    </row>
    <row r="547">
      <c r="A547" s="1" t="n">
        <v>545</v>
      </c>
      <c r="B547" t="inlineStr">
        <is>
          <t>learning_rate</t>
        </is>
      </c>
      <c r="C547" t="n">
        <v>7800</v>
      </c>
      <c r="D547" t="inlineStr">
        <is>
          <t>0.001</t>
        </is>
      </c>
      <c r="E547" t="inlineStr">
        <is>
          <t>&lt;class 'numpy.ndarray'&gt;</t>
        </is>
      </c>
    </row>
    <row r="548">
      <c r="A548" s="1" t="n">
        <v>546</v>
      </c>
      <c r="B548" t="inlineStr">
        <is>
          <t>train_input_images</t>
        </is>
      </c>
      <c r="C548" t="n">
        <v>7800</v>
      </c>
      <c r="D548" t="inlineStr">
        <is>
          <t>[b'512' b'512'
 b'\x89PNG\r\n\x1a\n\x00\x00\x00\rIHDR\x00\x00\x02\x00\x00\x00\x02\x00\x08\x02\x00\x00\x00{\x1aC\xad\x00\x00 \x00IDATx\x9c\xec]e\x98\x14\xc7\x16\xbd8\x04[\xdcaqwwwwwwwwwwww\t\x0e\xc1\xdd\x12$\x10\\\x1f\x04I \x01r\xde\x8f\xda\xa9\xadi\xad\xee\x99Yc\xce\x8f\xfdf\xbb\xab\xab\xaa\xbb\xabKn\xdd{\x0e\x91\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e1\x85\x17^x\x11x\x00\x10\xd8U0\x02&gt;\xdc\x0e\xec*x\xe1\x87J\x19\xe3\xaa\x0f\xc6\xf0d\x89\xe1\x89\x00\x00hP \x15\xbe?\x19\xdf\xb1\xb6A\xe2V\xa5\xb2\xc0\x81\xf6\x15r\x01X?\xb9\x0f;\xc5\xfe\xd5k\xea\xd3z6\x02\xd0\xa4hz\xf1 \xf0*c$"\xa2v\xe5s4+\x96\xc1\xff\xf8\xe7\xfb+\xc7v#\xa2n\xd5\x0b\xb6(\x91I\x91\x15\x80\x0c\x11)"\x11\xf0,uh"\xa26e\xb3\xa9\xcb\xe5\xf5\xe4\xff\xfeqf+\x11U\xcb\x96\x90\x1d\x04^.\x1a\xd6\x9e\x9dzpj\x8b\xe2B"zxf\x1b?\xf8\xf0\xec\xb6\xca\x99\xe3=:\xb7#\xa2V\xce\x00\x80\xd7u\xf3&amp;\'\xfd\x8f\x1d@\x87\x8a\xb9G\xb6\xa9\n\xa0G\xad\xc2\x07\x97O\x00\xe0C\x04|f\xd7\xcf\xe9\xdfB\xf3B\x03t\xae\x92Oqd\xd7\xfc\x11\xf8x\xf7\x97\x8d\xb3\x0c\xaa!\xd6?\xaaN\xce\x952\xc5\xc5\x9f\xbfZ\xad\x8f\x17\xda\xd0|\x19\x00Z\x96\xccl)\x9f\xf8n\xaa\x8f\xba&amp;\x9e\xc9\xd8\x0f\xe1\x03\xa9\xdc \x8e$\x1e\xce_\xfe\xf1\xe6\xf0\xf1\xfb\xe1+\x918\xa2\xf0\xfb\xef\xfb\xa7\xc4S\xf3\x07\xb71\xeew\xbe=\xbd\xc0\x8f&lt;&lt;\xb3\rx\xa7\xe8L\xa3\x10\xf5\xae[L\x91\xc9\xe3\xf3;O\xac\x9f.f\xf5\xf6\xd7\xc3D\xf4\xe0\xd4\x96\x9c1h\xe3\xd4~&lt;\x87\xfa\xf9S\xe2\xdbc"jX(ub\xa2HB&amp;\xe3:\xd6bi\xa6\xf6h\xc4~\xb0^2\x7f\xbc\xd0\x8a\xe2\x9a:\x86"\x9em\x9a0DDU\xb2\xc4\x07\x90\xce\xd1\x9a\xd9\xd9\x98\x8e\xabB\x11\xe1\xe5\x15\xcd\x1b\x8f\xa9u\x90g^$q\x04"\xca\x18\x89"\x11\xd5\xcd\x9b\x9c\x9f\xaa\x92\xd9\xffs\x7fuu\x7fd\x8d\x87\xaaD\xb9\xb41\x9a\x16M\xcf\xf3\xbf{|\x83f2G\t_\x88(mX\x89|\xbd\x08\xc1\xd8\xbd`\xa4\xa7;\xe20D\xf4\xc3w\xf7\xc1\x1d\xd1\x88\x00l\x9d5\x88\xfd\x1b\x9f(wl\xff\xb3\x1f\xef\x9e\xa8\x95+)\x00\xbc\xbf\xad\xf9\xa2\xd7M\xee\x1d\x8a\xe8\xc9\x85\x9d\xeaS\x19\x84!\xe5\xdb\x93\x0bl\x91\xb1{\xc1H~\xb0m\xd9\xecb\xfak\xfb\x96\xe3\xcd\xf5\x19}\x9a\x02(\x10?\x0c\x80{\'6\x12\x11\xf0q\xd9\xa8N$t\xdcD\xd4\xa9r^\xfe/\x80\n\x19b\x7f\xb8s\x9c\xf7z\x85\x13\x87oR$\xdd\x89\xf53\xc4\xfc\xeb\xe6M&gt;\xa4Yy"\x8a\xe282\xbce%"\x02&gt;\x01(\x94(\\\xdd\xbc\xc9/\xee\\\xc8{\xea\xb6\xe5r\xb0d\xe2l\x9a\x8f"O/\xecR\xdf2\x11\xb1\xa5\xcf\xc9\r34\xcf\x02\x1f\xc5\x7fo\xfc\xbcR3\x99\x02\x83\x9b\x96\x07\xde=&lt;\xb3\xcd\xf4[c\x8b\x8f\x7f\x1e\x9e\r#\x93\xaf\x17\xae\xc3^\xf7\x07\xbc\xb1ta\x1c;E\xa0\\Z\x8f\xda\x18\x02\x08z\x0f\xaah\xd2\x88\xd5\xb2&amp;\x08\xe0\xca\xe8\xc1\xc7\xfa%\x19"(\x8f\xf0\x1e\xc7\xd3h^&lt;\xa3\xc1Yf9\x14\x9bNh\xa2\xff\x9e_\xd2L&lt;\xa2u\x95\xbcq\xe8\xc3\x9dc\xc6%\xe6\x8dCD\x04\xe0\xfa\x81\x15\xfc`8\xa2\x14\xc4l&gt;\x88D\x84o\x8f\xe7\x0fj\xdd\xb2T\x16\x00\xf7Om\x01P+WR\x12L1\x00\xce\xefX\xc0\xda\xc3ODs\x07\xb6\xf2QW\xde\xd1Z\xd2\x86\xa3^u\x8aiV\x86O\x8e\x076.\xab&gt;[0AX\xd2ju\xec\x88{;\xd6\xd8\xfa\xa7.\xed^\xac\xa8\x83\xe4h\xa1\xc0\xe3s;\x80\xef\xdeYZ\x90C\xa3Bi\xd6L\xec\x19\xd8\xb5\x08\xea(\x980,\x80\x88\xfa\tz\xd6."\x93O\x9d&lt;\xben\xaaQ\xe0c\xd9\xa8\xce\x8a#\xa6\x9f\xf7\xfb\xdbN\x1d\xf4O\x86\x89\x074*\xad&gt;\xd8\xb0`\xea\xa6\xc5\xd27.\x9c\x16\xf8`p\xed\xbb_\x8f\x00HI4\xb1K\xdd\xbf\xef\x9fR\xd8!\x1e\x9d\xdd\xaeH\x0f\xe0\xe4\x86\x99\xec\xc7\xe3\xf3;J\xa6\x88R8Q\xf8\xae\xd5\n\xb0.\xff\xd9\xc5\xdd\xe3:\xd4b\xbf\xc7u\xacED\x99~"\x00\xb3\xfb\xb7\x08E\x84wJ[v\xf5\xec\x89\xd4U\xca\x15\x93\xb8\xd5%\x87\x0f\xf5\xaaS\x94\xfdf6\xa2-3\x06*\x06b\xe0\xbf|qC\rnZ\xde\xf9\xa0\xd3]\xa7\n\xe5\xff\xfb\x8f\xd3[\xf5\x9f\x87,Zh\x19\x8de\xe6\xfbD\xf4\xf4\xe2n\x83\x94\x00\x16\x0f\xef\xe0b\xf5\x82\x13\xbcc]\x08\xc3\xe6\x19\x03]\xcf\xa4h\xd2H\xe6\x89\x0c\x01&lt;78\xdb\xa8pZ\xd3\x1c2\x1b\xf7\xbb\x16j\xa2=9\xb5t\x89=(\xba\x92_6\xce\xe4\xbf+e\x8cCD[g\r\x02\xd0\xb7~I|\xba\x9b=\xba\xf2\xf2\xa6\xce{\xc5D\xb4pH\xdbV\xa5\xfd\xf6\x9f\x0b&amp;\xf4\x1b/&amp;t\xae\xb3u\xe6 \x9e\xe6\xc2\x8e\x05\x9f\x1f\x9c\xe6\xff\x1e[;\x95\x9c\xcdA\xa6\xe0\xfb\x01\xbeDS\xba7\x10O\xe1\xbf\xa7\xe2\xbf\xf5\xf2\xa5`\x1b\'\xc0Kr~n\xf8\xf7\xa1f\xe6\x0b\x87\xb6\xe3\xbf\xc3IV\xc8\x81\xa6\xc5\x94\x0fD\x1e\x0b\x06\xb7I#\xacG:U\xce\xab\x99\xack\xb5\x02\xa5SEkP \x95\xed\x82\x82\x19&amp;wk`\x9eH\x07\xa5S\xa9\xda\xac\x1c\xea\xe5Ka\xbb\xd0\x80\x01\xbe?\t\xec*\x844\xf4\xa8U\x98\xffnW&gt;g \xd6$\xc0\xfc:\xd28O\xe9g\xf6i\xca\xe6\xbf\xd7\x0f\xac\xb0=\xc6d\x8b\xe6\xf7\xe3\xd3\xbd\x93\x87VN4M\xcf6kM\x07\x80\x03K\xc7\xa9\x0f\x8a\x9b\xb4\x0c\x0fNo\xc9\xa457X1\xa6+\x11\xbd\xbev\xc0\xf4\xbe\xc6w\xaa\xcd\xd7\x03\x06\x89s\n6\xb5[\x87V\xeb%\x8bo\x98\x89\xd8\xe4DD"\x02P;w2\xe3\xaaz\xe1)\xd8\x9e\xa5\xaaM\x8alE\xec\x85\x8bH\x1a\xd8\x15\xf8\xa1\xa0\xb7C\xa0\x87\xb4\xe1\xe8\xe5\x95}\x8a#D\x14\xca\x8a\xb1\xae_\x83\x92z\xa7"\x12\x1dY=9kT"\xa2\xf8Ds\xfa\xb7\xe8\xd7\xa0\xe4\x80F\xa5\xe3yf&amp;4\xacEE\xbdS\x85\x13\xf9y\x17\xe5\x89\xed\xd4\xb3\x97K\x1b\xe3\xe3\xdd\xe3\xea\xf4\xc6\xc6\x1c|{\xdc\xa4h:\xd1\xfb\xae\x86\xc3\xeaum\xff\xf2\x1f\xcb\xd4\xa3\x87`j\x02J\x1c\xd8\x15\x08IHjkW\xd6\x06\xd8\xc7\xa7\xd9\xe4Z\x97\xc9\x16 U\xf0\x83\x9e\x9b\xc0\xa4\xae\xf5$s\x10\xed\xda\xf2\x98\xd5\xb7\x99\xa5\xf4\x1b\xa6\xf4\xb5S\x8cETH\x1f\x0b\xc0\x92\x11\x1d\xc3\x13\x1dY=\xd94\xfdoG\xd6\xea\x9d\x02\x00\xbcH*\xfck\xbbVx}\x9d\xff\x8e\xa5\xca*\x94\x8b\x99[\xb1\x89\x85d\x1cX:\xd6^S\xf6"$a\xdb\xec!\x81]\x05w\xe2\xf8\xbai\xc6\t$7\xc3\x89\xa8J\xe6x\xae\xd6F\xc0\xfd_6\xbbry\x87\x8a\xb9\xc5\x7f\xdd\xbeW\xdf\xa7^\t\x1bWM\xef\xd5\x98\xff\x06\xd0\xb0`j\xc5zE\x84\xd5n\x97\xef\x04\xf1\xf1 \x86#\x1f\x00%\x92\xeb\x06\x06d\xd4\xdf\xc6\xf2%\x02\xf0\xef\xe3s\x96j\xe2\x85\x17\x81\x80\xe4\x81]\x81\x80A`\xcdB\xca\xa4v\xda\xc7r\xb8\xba\xbbmn8\xa8\x89\x93\xeb\xa4\r\xabs,wU\xc5\x03\x98m1j7\x80\xe7\xddze\xa5\tC\x06\x9er\x1c\xff&lt;\xf2\x8e\x10^\x04I\xa8[6\xa7"p\x0b\xfa\xd4-\xee\xc6\xdcd\xd0[\xc7\t\xdd\xa3H\xa3\x15\xff\xe9\xeb\xd6\x01\x80\xef\xd92\xd8\x08\xc4xs\xe3g\xbd\xfa(2\x0ftd\x88hbC\x030\xbb_s\xe3L\x80\xaf\xf6JWG\xda\xf3\xe7\x96\xd0\xf9xl!BM\xbf\x1a\xa0`k!\xf7"\xd8\xc0]\xb4\x16GV\x99\x9bn\xbd\x90D\x90\xfa\xec\xa3\x10\xb5.\x93\xd5\xf6\xe5j\x13\x89\xe6\xdd\xd9\x1bJ\xac&gt;(\x99\xf4\xe9U\x11\x7f\x92xzq\xb7\xc1Y\x83\x19\x86\xa6\xad\x88y\xd9\xe2\x7f7\xbaV+`\xb3B^x\x11\x00\xa8\x9a%\xa8\xc4\xf7\x06\x0b\xac\x9b\xd4\xdb\xe0l\xb1d\x91\x02\xd8G\x19\xaf\xaf\xb9\x9e\x89\xa6\x13\xd7\xd5\xbdK\xe5s\xc8k#z\xde\x01\x03C&lt;\xc3\xb4\x9e\x8d\xd8\x8f77\x0e\x9a\xe6\x06\xbc\xdb6{\xb0\xed\xca\xb4+\x9f\x13\x80\xebk\xa3\x88Dm\xcaf\xcf\x177\x14#\x0b\xf2"x p\x1d\xcc\xad\xc2-\x14T\xc1}\x93@\xd3\x0e\xe3:\x1a\x16J\xa3y\xdctB\xb7y\xfa\x00\x17\x8b6x#6\xa2\xd2\x14\x1b\xbf\x9a\xd0\xdcZ\x00\xe0\xb9\xa1,\x93\x950=K\x0b\x85\xa0\xe3\x9c_!},\x99H\x8b\x90\x00\xaf\x1fP\xa0\x80\xb1\xf8z\x11\xa4P4\xa9\xcc\x06!\xe5\x8f\xaf\xfd\xf2&amp;t\xaecp\x95\x87\xbc]+gR\xb2g{t\xbbu\xfe\xa0\xd6\xee\xcd0\x80mn7\x0f\xaeb?\x14\xafP\x1d\x99\x9c\xd6j\xb0\xb2\x17\x01\x8c|q\x7f\xe8\xc1\x8b\xcdgK\xa7\nb\xbb\x81\xc1\x16\x96&amp;\xb6A\x19\x00\xba\xd7(d\xf5\xaa\xf4z\x94\xe5\x1e\x06\x1f\x006\xb9\xbc\xfc\x92\xc1\x88V\x95\xd5\x07\x99\xb7\x15\xde\xdd\n\x80\nx\xe1N(\xa6\x0f\x06\xfe\xbf!\x0c\x17w-2M\xa3\x9e[\x85\'RPw\xfd\x08\xe8\xdfP\x83\xb2\xcd\xedH\x1d&amp;\xd8[\xe4\x02\x1e\x95\x84\xe5\x8b\xebK\x81n5\nj\x1e\x07\xc0I,V\x8d\xebNDe\xd3\xc6\xa8\x98\xd1\x85\xad\x0f/\x82\x08\x82\x94\xcfF\x80!\n\xd1\x9b\xeb?\xb3\xdfk\'\xf5\xd2L\x93Rgu\xc4\xec\x03\x1e\xd2\xd5\xb1\x84V\xa5\xed\xfb\xb7x\x11\x8c\x90F\x8e\x18:\x9d[\x97 \xa2G)\xe3\xddsg\xee!\x1b\xc1\xcb\xb4\xf2\x03\xbeZ\x00\x9c8E/\x81\x81=\x83\x8d\x01\xb6]\xee\xdc\x8b \xf5\xfa*yg\x85!\x05%SD)\x94\xd0\xc8\x8a\xbfhh;\xbd\xcd\x92\x90\xc4\x88\x1e\xf2a@N\x12\xc0\x90\x91\xacs/\xf4&lt;@:U\xce\xa3&gt;^5k\x82\x92)\xa2B\x80\xa7\xabg\x8cU\xe3\xba\xfb\x04n\r\x9c\xb1`\x88R\xcd1\x00^\xa8w\xa3\xd1\x00[\\\xa67\x1f\xd2\xac\x82f;\xbf\xff\xcbfv\xfc\xca\xde\xa5\x01\xff\xd9\x06!\xf4\xa9\x17\xd0a\x9fn\x84\xe6:\xc5\xd8\xd7\xdb]po\xef\x99\xca\xad\x1eA~\xbd\xfb\x87\xdb\x00\x92\x13\xe1\xad\xff\xd6V\xb9\xb41,\r\x00!A&amp;-h@\xefi\xbb\xf7\xd5\xdb\x80\x81kl\xd5 \xa3"g\x1bz\x8f=g\x0c\x9a\xdc\xadAP\x98\x06y\xe16\xfch#\xb9^\xdb\x853\xa2\xeb\x9f\x92)\xe5\xdc\xb6y\xc6\t\xca\xa7\xb3\xc6X#o\xe9\xd5\xd0\xac\xb2\x82\x02\xf1\xed\x88\x12\xda\x94\xb9\x08\x898\xbf}\xbeq\x02\xd3\x90\xab6\xceR\xc6\xf2h^"\x93\xbd\x0b%\x91\x84\xe8\xda\xfe\xe5\xa6_A\xab\xd2Y&lt;Z\x8d\x10\x82\x90\xd4\xf3\x06\xaf{y}\xfd\x80\xfa\xa0^/\xcf\xc2\\\x83\x8e\tH\r\xb55\xafx\xb2\x00\xf5\xcd\x04\x00\xbc\r\xc8\x12m \xb5W\xc5\xdc\x1d\xa8\x94)n\x10\xfc\x04\x82(8+nF\xa9@\x99\xc0\x87\xbb\xba\r\x1b\xfe\xd4\x96\x10\xc5\x03y\n=\xfc+\xf18\xd7\xf5f\xe7\xf4\xc2e\x03\x05\x00\xd4\xa2\x1f\xf8\xdf\xcd\x00\xae\xc6\xf1\xb5\xd3~\x9cNaz\xaf\xc6\x1e\x8a\xc4\x0e\x14D\'*\x96\xcc\xc9\r\xbcP\xc2p\xff&lt;:KD\x00\xd4\xa2\x9b^\x844x\x82;7(\xf3\xf12\xa8m\xc8\xbc\xfb\xe7\xdb!5s&amp;\xe1g?\xde=!?\xfd\xb7!\xaan\x0f\x9a\xd9\x06|_\\0A\x08\xea\x11u\xc0\xde\xfe\xbb_\x0f/\x1e\xdea\xed\xc4^Ap\xc0+\xe6\xb2*\xb5\x02\x00f\xf4n\xaa}\xea\xdd\xad \xf8\x04\x02\x07\x8b\x04\xc9f/\x82\x054\xdbnb\xa2_6\xce\x04 \x8au\x88\x97\x00\x90\x14EY2\xa2\xa3\xe2\x88\xe6\xa7\xd9\xb1\x92\x86\xd3\x91&lt;\xa2\xbarq\xb0\x82\xfay\x06\x05\\?\xb0\x02\xf8\x1a\xda\x85\x11\xf7\xecV\xbf\x8d\xa2\x00\xeeL\xedE\x0e\x88\x01\x07z\xfa\xf5?\x04\xacJ:\xc8 \x80gP\xdc\x1c\x9a?^p\x8a]p\x0bt7\x81\xbf&gt;"\xa2\xc8*N\x983[\xe6\xb0#S\x1d\x04\x8d2\xb9\x05\x00\x00(l\x11\xdd\xaa\x072\r\xaf\x1e\xdb\x8fU\x04\x9dF\xd9\xaaT\x16\xbdW\x9cXh*2z\xab\x19t"H\x92h\x1dT\x189\x03\xb1\x99m\x9c\xda/\x80\xd9^\x7fDx\xd7Sn\x87\x1eG\xca\xc0\xc6eL\xafe\xfe\xce~\xf8t\x97\x1d,\x9f.\xa6:\xe5\x9dc\xeb\x83\x82\x1d&amp;\xc8\xb6\x9f\x19\xbd\x9b\x04v\x15\\\x02\x80\xca\x99\xe3\x91\x0e\x0ba\xf3\x12\x99&lt;\xe1\x17\xa0X\xdbE&amp;\x02\xfeso\x11\x0c)\r\xcf\xb6.\x93\xad@\xfc0c\xda\xd50H\xe3\xddY\xb7\x0c\xef\xb6J\xc0\xa0\x94\x0bto\xc3ZT\x92O\x0c \xab\xe3\x93=\xb6v\xaa\xe4UKGv\xb2Z+\x11%SD\t^\xb3\xb2\x98B\xfc\xdd\xf3K{\x14g\xe7\x0eh\x19\xc0\xf5\x91\x01\xeb\xdc__\xff\xb9l\x9a\x18\x9a\xbd|\xe6\xc8~i\xe6\xb9\x95\xec\xf3\xcc\x969n\xcc\xcd\x1en\x1f]\x17\xd8U\xf0\xc23P4\xe5\xdc\xb1\xedd"3\x8f\x96\xac@\xf0\x05\x1c\x1ax6\x9c%\\\xe4p?\xbdy\xb6k\x19\x044\xbe&gt;&gt;\xcf)\x85\x83\x05\x9a\x16K\xaf\xe7\x19\xdc\xb3v\x11\xfe\xea\x1dp\xa7\x04\xca\xe2a\xedm\\\xf5\xed\xc9\x05\xdb%\xc6\x92\xf8*\xbd~\xb4^\xb8\x19\x01\xe9\x1b\xe3^l\x9c\xd6\x9f\x884LB*\xcc\xec\xdbL\xf3x\xa3\xc2i\xf5.iZ4}H\xa1Xv\xc2\xdeE\xa3l_\x1b\xf0nFKGv\x12{\x7f\x91\xf5zj\x8f\x86\x00\x8e\xad\x9d\xaa9&lt;\xb8\x05\xd5\x84p\xe2$r\xfe\xd9C\x9bW\xb4]\xdc\xc33\xdb\x00\xdc:\xb4Z}*}\x04\x02\xd0\xbdfa\xb6J3\r3\xdc0\xa5o\xc8\xf7\t\xf3\x82\x88\xc2\xb8\x1cyX7\xaf\x07\x99\x80\xdd%\x93\x14`\xeb\x15\xcd\xf8\xcfB\x89Lho\xcai\xedL\x04\x05\xb0\x8d\\Qu\xa5r\xa6x\xb9b\xd2_\xf7\x7f\t\x9c\nY\x01\xb3\xf8\xf3\xce\xbda\xa1\xd4\x8a\x04\xc0;\xbd\xf5\x81\x01\xaad1\xe1\x93eY\xed\x9a?Bq\xfc\xd9\xc5\xdd\xf1\x84\x7f\xc7w\xaa\xad\xbe\xf6\xab\x0b+\x00\x86\x83+&amp;\xd8\xbe\x96\xb7\xc2`\x12\xf2\xe4\x85\x87\xb1dx\x07\xfe[S\x7f\xd5\xd3\x98\xa6\xe5\xb4c\x03\x016\x00\xa8\x0bj^&lt;c\xfb\n\xb9\x02\xa6t/\xd4\x10;\xf7\xdc\xb1\x14\xa7\xde\x8b\xbd\xff\xcey\xc3\xddR\xdc\xae\xf9#~?\xb9\xc9&lt;\xe5\xa7{\xea\x83\xb5s\x07\x1diH/\\C\x02\xa2\\A#\x98j@\x80\xa8\x82\x04e|}r\xde\xf6\xb5\x81+u\x12\x14\xd4\x0b\x14hU*8\xb1\xc4\x9c\xde&lt;\xdb`\xf8\xb7a\xffa\x0eE."[4\xedI\xc9\xe3\xf3;]\xcf\xdc\x8b\xa0\x02=\xcdB\x17\x17\xfc\x8a\xa6\xd3\xa0`*\x83\xb3^x\xe1F\\\xde\xb3\x04@\x02\xa2\xe2\xbe\xda6\xed\xa4D\xed\xca\xe7\xd4\x0c\xc4\x0b,\xdc&lt;\xb8J\x8f\xe6\xc8s\x1b\x00\xc6\xa8\xa6\xc36\x1a\xe8\x1fo\xa0W DaT\xdbj\x01P\x8a\xd8|\x17\x0ci\xeb}\x85A\x075\xb2\xbbH\xeb\xe9qT\xc8`\xcb\x81,\xb8a\xfe\xa0\xd6\xe2g\xc2\xb9&lt;\x81\x0f\xfcx\x08\x88\xca6\xf5\xc45&amp;1}|n\x07\xf7\x8crc\xad\xbc\xf0,\xc4\x96}|\x9d\x1b(\xbdr\xc7\xa2\x92)&lt;\xc1\xd5\xe6\x8f\x1c&gt;\x1e\xcd&gt;\xc8!\xc82\xad\x8a\xd1I\x00\x80\x97\x81X\x19O\x80}\x0ek&amp;\xf4\x84\x16\x02\xbbvn\x86\x8fV\xdf}j\x93\xd2\xdbX\xef\xdecx\xbb~7\xa2z\xf6D\xf8|\x9f\xfd\xf6tk\xe3\xb6\xa6\xcb\xbb\x97\x00\xb0\x1f=\xa5B\x8b\x92\x99\xdd\x97Y\xb0G\xe0\xee\x07\x04\x8d\x1d%]\xb4\xd4\xdf\x1b\x98\xda\xc3=\x9b\xf96\xa0\xf8\xeef\xf5kn\xf5c\x04\x90\'\x98,\x93DNP\x91W\xaeB\xfa\xd8\xdc\x9f"\xa6\xa3;R7\xa7\x8dS\xfb\x01\xc8\x1d[\x9b\xf6*\xc4B\xd1\x1a4\xe3\xc5\xedg\xfe\xfd\x89\xe6q7l$\x11\x15I\x12Q$\x02\x02pr\xc3\x0cwd\xec\x0f\xcd\xc0\x11=\xfbo\xf0\xc5\xe0\xa6\xe5\x02\xbb\n&amp;\xc8\x12T\x17\x11A\\\xd9\xd1\xc7}Y\xed^0\x82\xf5\x8cY&lt;\xbb&lt;v\x03\x145\xac\x9d;\x19\x00\xee\xc8\x87\xb775\x87@&gt;46(\xa8t\x99\r\xc9\x10\x9fE\x9e\x80R\xc6&gt;\xbcj\x92\xeb\x99\x1c[3U\xac\xbc\xda\x88\xb9hh\xbb\xea*3t\x81\x04a&amp;w\xab/\xf2${\x11\xf4\x91&gt;\xbc\xfb\x97\xe7\xea`\x1f\x1bS\xbf\x96fk\xc4@td\n\x00\x9f\xca\xa0:.;\xa1K\xd5\xfc\x0028\xbb\xf7/\xf4R 3\x04\x96\xd9\xeb\xd4\xa6Y\x9e.\xa2D\xf2\xc8\xa4\xb3\xd1\xe7\xf58\xf6(\x12\x12u\xad\x96? K\xac\x91C\x86\xce\xd2\t\xea\x96o \x93\xab\t=?\xb7\xe0\x85F\x85\xd2\xd8\xee\x04\x02%&gt;\xc6\x0bw\xe2\xe1\xd9\xed\x9e."\xa3\xd6\xccJ\xb2\xcd\x89\x8b\xb9\x92)\xa2\x18_e{\xf3\xb6S\xe5&lt;j\xdbh\xd3b\xe9e\xae\xe5+\x8f\\1)\xbc`\xdd\n\xf1\xdfF\x8e\xa0\xa4\x1c\xbfX\x88\xda\x93A\xce\x18\xfe-0o\\jRT\xea]\x07u\xaf&amp;g4(\x90\xca\xe0\xacmJ\xc7\\1\xa9Dr\xff\x0f\xadY\xb1\x0cvs\xf2\x14\xd8\xcc\xcf\x0bsL\xed\xdeP\xfc7W\x00\xc6\xe4\xd7\xc9\xe3K\xd6\x95\x11\x81\xaf\x1e\xa8\x8b6\x067-o\x9c\xa0}\x85\x9c\xcf/\xefU\x1c\xf4:\x120\xf4\xaa]4\xb0\xab`\x02\xe0{`W\xc1\xb30m\x8a\xb9\xcd6\xd6ev\x8c5]\xfa\x1b\xfePft/$Q8qxW\xfa\xc7ri-\xcc9[\x97\xc9\xf6\xe6\xc6A\xdbe\xc9 \x9a\xea\x1b\xf3!\x02\xf0\xf5\xb1\xfd\xc8\xdb \x8eZ\xb9\xdc\xb3\xb0)\x99"\x90\xfd\xce#\x12=&lt;\xb3M\xf3\x14\x00=s\x12\x80G\xce+\xe6\x12\xc9#\xa7\xb3\'O% \xa1\xab\x19h\xc3u\x99\xfbj\xd9\x12f\x0e\x9e\x93\xe9\xd6e\xb2y\xa7b\x16P&amp;u\xc8!\xf9/\x9a4"\x11\xad\x1c\xd7-\x00\xca*\x99&lt;\xc8\xbbDX\x84\x971\xd7\x00\x00\xcem\x9b\x17\xd8\xb5\x90E\xa9\x94\xfe\xa3\xec\x9dc\xeb\x8d\x13\x87H\xdf\xc7\xcd\xd3\x07\x10\xd1\x9f\xbf\x1d1N\x06 \xe8\xbb6y\x16As\xb4,\x9b\xc6\'\xb0\xab`\x01\t\x88&amp;t\xae\x13\xd8\xb5p\x15\x81\xd5\x12\xaae\xf3\xd0&lt;\xd8\x1cY\xa2\x90\x8cd\xe0\xdaI\xbd\x00\xfc\xbc|\xbc\xfa\xd4\xe5\xdd\x8b=P/w\x82q\xb2J\xaeU\xba\xd7(\x84\xbf\x7f\xf7h}\x82\x0e\xfeyx6h\xf6~!\x10:\x92\xa2\x81\x8fY\xfd\x9a{\xba\x88v\xe5sx\xba\x88\xc0E\xce\xa0\xb4\'\xfc\x83\xa3J\xe6\xf8\xb6;5\xfc\xf3G\x8fZ\x85\xdd[\x9f\xc0BE}\xaa\x0f\xcbNc!\x15u\xf2\xf8\x02\xcf\xd9\xef*\x99\xe3)\xb6\x81=\xa4\xa1c\xa9u\xaa\xe5\xf7\xbcp\x11\xde)\x8f\x01\xd2[\xb7\xe9\x07\x1d\tx\x86q\x1dk\x89\xffn\x9d9H\xf2\xc2\xb6\xe5\x94\xd3\x94\xfc\xf1\xdc\x16\x1a\x1a\xf0\xaa\x99\x06r\x1d\xdeO\xc0\x0f\xbf\x9f\xdc\xc4w\xb1B\xc0C\xc1\xbf\x0f\xc5\x7f\x9b\x14Ig/\x1fy{Dp|hn\xafs\xc0?\x04\xb1[\xb2\xe4\x1d\xe0\x16(\xee7}\x10[\xdb\x8al\xfb\xf2\xae\xab\x9e\xa6l\tR_\xca\xe3s;\xd4\x07\x076.\x1b\xf05\td\x04\xb0\xf8\x99z\x8a\x114!\x9a\xa4\x83\xa8`U\x88@\xd1$!M\x7f\xa9RFk\xf1\xf4\x05\x12\x84q;9`\x85\xf4F\x0e\x9e\x9a\x1dq\xb7\x1a\x05\xdd\\\x89\xa0\x84\x93\x1bf\xa8\xe5I\x064\xb2\xaf\n\xee\x85\x17\x01\x11j\x1f\xe2\xb1u\x96\xacu"H\x81\xfb\xccq\xaf\xd8\x90\xeaE\xd2\xbatV{\x17\x1a\x0cA\x01\xc58c\x02\xfc\xefF`W!h\xe0\xd7C\xab\xc9Y\xfb\xd4\x0b\x11z\x16\xde \xb5\xa4\xf5"P\xf0\xab\x96\n\xb9\xe6`\x90R\xab\x19\xb9\xdd\xf9z\\\x87\x9a\x953\xb9\x85k\xd1\x0f6|\xb3\x1a\x17N\xdb\xa7^\t\xabW\x9d\xdb6\xdfzQ\x9eB0\xe1?u\x1f\xc2\xbb\x9580HA\xcd\x07\xe7.t\xae\x92\x8f\xfd\xf0\x8e\x04\xc1\x0b\xa3\xdaTsWV\x06=E\xde8DD\t\x88\x0e\xad\x98(\x93U^a\n6\x7fp\x1b\xd7\xea\x15\x98\xe8[\xbf\xe4\x83S[\x02\xbb\x16F(\x10?L\x1d/\x1b\x98\x88\x10\x19\x06\xe2\t\xcc\xf6\xbc\xc3\xa8\'p|\xdd\xb4\xc0\xaeB\x10\x82z\xc0\xb6M\xea\x06@\xedh\x92F\xf0\x9dSD&lt;\x03\xff\xcad;\xa5{\x83\xbd\x8bF)\x0e\xcaH\xec\x05\x85\xb9H\xa0\xd4\xe1\xde\x89\x8d\x00\xa6\xf6h\xa88\x1eW\xa7&gt;\x9e\x16}\n\x06\xe0\x81\x82\x00Z\x97\xc9f\xe9\xda\x92)\xa26/\x9e\x91\xfd\xde\xbd`dE\x8b\x1b_\xc1\x1dA\xe13\x0b:\xc8\x1b\xc7~\x07\x1a\x8c\xa0XJ\x96O\x1f\x0b\xf8\xb3\x99\xe3+\xd0\x83ASIb\x18\x19\x03\xc0\x12\r\xc3\xf2\xd1],\xa46C\xf6\xe8~\x11\xf5V\xd1\xdc\xec\x81\x04$\x0e\xad\x98hJ\xfb\x1e\\\xdcR\xdc\x0f\xce\xe6\x08@\xd3\x17Hl\xbb\xeb\'\xf718\xeb:J\xa7r\xa79\xd4\xeaxf\x15\xc1}\x00\x08"\xfb=\xeeU\x1fr\x17.\xed^LD\x00\x1e\x9e\xdd\xe6+\x1c\x17\x99\x15\x88\x08\xf82\xbce%\xbdL\\\xbc\xb3K\xbb\x17K\xae\x15&lt;\x84\xf2\xe9B\xac\xef\x1b&gt;\xdeQ\x1ci]:+\xf0\xfe\xf3\x1f\xa7\x9b\x97\xc8\xc4\x8e\xcc\t\xf0\x90\x85\xa0\x05\x16\xd5\xa9\xd7\xcd\xb1\x89\xc1\xa2a\xed\x03\xaeBA\t\x9a\x8f%\xe4\xc9\x84y\xa1@\xbb\xf29\xf4\xbe\x08\x83\x88S{\xe8[\xaf\x84%\xff\xa8 \x16\x87`\x1fxw\xcb\xe3E\xe8\xbc\xc41\xed\xaa\xf3UTp\x9f\xe1\xc9\xc27\xb0+\x10\xec\xc0\x17\xe6\x85\x13\x87\xcf\xed\x19_\x01\xcf\x055\xad\x18\xd3\xd5cy\xfb#&lt;Q\x9a\x00\x8e.\xd1A\xd3\xa2\xe9\x89\xa8@|\x8f\x84\xb3{N/:\xb8\xf32\x06\xcc\xeejV+|\xb2Ve\x8d\x83F\xfb\xf5\x18\xf0\xf5\xb1\xe72\xaf\x94)\x88\x18\x18B8\xb6\xcf\x1eb)}\xfb\n\xb9&lt;1\xaf\tv\xbe\x14\x92\x15\xae_ \xd5\xbc\x81\xad\x9e]\xdam\x90\xc6sc\x80Ga\xb5\x19d\xb0\xb2\xbe\xd85\x7f\x84\xf1Cc\xb0ab\xb2\xd7)\xb3=\x801\xedk\x00\x88G\xa4\x8e\xb9\x0bD\xcd\xce \n{;\xba[f\x0ct{M\x18\x92\x10]\xdb\xbf\x1c\xc0\xa1\x95\x13\x0f\xaf\x9c\xe4\xe9\x80u5^_?\xa0&gt;\xf8\xa3\x89J\xc6 \xea[\xbf\xa4\xe6\xa9\xe0E\xda*\x89~\rJ\x1a\xf0\x88\xe8R\xcc\x84\x14\x00\xff\xd8\xfb\xca\xe4-\xc3\xc5\x93\xf9[M\xeb\xe7Oi\xa3,\x19L\xeb\xd9\x98\x88~=\xbc\x06\x0e8\x9fm\xf4\xa3X{$\xb1m\xf6\x90\x16\x8e\x9d\x10y\xb8E\xe4]\r\x08\xd8\xb3p$\x9c!\xc3\xbd\x1c\x02\xde\xee\x89\xf5\xd3\x03\xbb\n&amp;p;\x93A\xb0\x80\xde\x84T\xb3\xc9\xad\x1c\xdb\xcd\x8dE\x87\'\x9a\xd2\xbd\x81\xe7\xdav\xaa\xd0Dd\xd3\x0b\xc8\x06\x129\xef\x99["V\xaa\x9a\xc5d\x06\x1f\x02\x18\xda\x03\x02\xc5}\xfd=\xce\xd4\xda\x08\xe9\xc2\xd3\xd0\xe6\x15\x02\xa0\x1a\xe2\xa4z\xef\xa2Q0\xc4\xc9\xf53\xaa\x98\xbd~\x19d\n\xf0 \x88\xf3\xdb\x83D\xd0c\x1a3\xdb8\xfe\xbag\x92\x82hh\xf3\x8a\xbb\xe7\x8f \xad\x90\xd15\x13z\xda\xabX0\x02\xeb\xd9M\xd9\xe8\xcc\xb4\x17M \x1aa\x02,HUo\x80\xf1\xa8}\xdc\xc6\xa86\xa9K=\x83\xb3\xeb&amp;\xf5\x96\xc9\xc4\x92\x99\xeb\x87\x83i\xf3\x9d\xd2\xad\x01\xff=\xa9\xab\xd1\xfb\x90\x84V\x87\xff\x0e\xf8K}tP\x93r.\x96ud\xd5d\xd7+\x1c\x92\xc0&gt;\xc2NU\xf2\xde;\xb1Q}V\xa1\n\xc9\xb9\x93\x03\x9e\x923\xe8\xc0TMFTN\xdf1w\x98U\xc2\xe9]\xf3\x87\xff Nw\x06;\xf6\x00\xdc8\xa5P\x18\xf1\xc2\xebpuxAD\x94\xcfl[\xd7\xbd\xabQ\xde\xb9/\x1d\xd1q\xfe\xe06\xc3ZTd\xc7\xe3h\x0f\x0c\x00^\xb9\xc2\xf6\xf0\xf2\xea~\x99d\xfd\x1b\x96r\xa1\x10\x7f\x14M\x1a1\xc0\x16\xd7"\xe4\x8b\x9c7\xb0\x15\xe9\xbfS1\xe6\xabw\x9db\x06\xf9&lt;\xb9\xb0Kq\xe4\xc8\xea\x80\x18k3\x05\x9eGn8\x894\xcbFu\xb6\x97\xf9\x95=K\xec]\xe8vX\xf2\xc0\xf1\x1c\xfa\xd6/Y%\xb3M\xe2\xa3\xbc\xaa\x8d\xce\t\x9d\xeb\x04w\xff+Y\x18\xf4\xd7\x9a\xa7r\xe9\xef\xd8\x7f~pZ&amp;[K\xe0\xfd\xba:\x9a&amp;g\x0c\xea^\xa3P\xaf\xdaE\x15#\xc0f\x8fmA\xab\xeb\x160\x05\xb9\x0e\x1b{9\x96\xb0aJ_\xfe4\xd4\x91\xc0\x11\x89\xda\xa8\xc2\xf1\x82\xcb\x1a![\x00F6\xf3\xfdO\x83iAKiw#\xd3\xc5z\x9b\xb2\xd9\xaf\xed[&amp;\x99\x9b\x1e\x028\xf0\xdb]Q\xa2\no\x05\x85\xed7\xe0\xf5j\x82:\xe2\x12\x15H\xa0\\\x91\x89d8\x00\xcc\xa5T\xad\x03\xc0\xb3K{\xd4\x8e\x16\xe9\xc3S\x95,\xf1\xe3\x13\xd5\xce\x9d\x0cx\xe34\x02|\xbe\xef\x81\x8a\xd8\x84\xdb\'\xa0As\xd4a\x0f^\xef\xec\xac\xbe\xcd\x00T\xb6&gt;A\x0b.&gt;E\xf2\xc1\x05c\xda\xd7\xa8\x90&gt;\xd6\xed\xa3\xeb\xac\x16\xc1gW\xee\xa4\xf7tF\xdf\xfa\xda\xb4\x9d\xe9\xe4\xacT\x9e\xd8\xe6yxf\x9bi\x9a"I"\x10\xd1\xb1\xb5S\xdd^\xfa\x8f\x8ez\x82?V\xc7Jy\x8c\xbb\x1e\x00c;\xd4T\x1c\xfc\xf6\xe4\x02\x00\xdb\xcb\xf0\x0b;\x17\x02\xe8X)\x0f/B&lt;\xcb\x96\x9eU2\xc7S\x9b\x81l\x96\x17\xe4\xc1\x14\nM\x1fg\x9e \xc0\xc6\xa4x\x0b\x92/E\xb4\x8f\x13Q\xa1\x842v\x94\xc0AB\xa2.\xd5\xf2\xdb\xbe\xdcj+mS&amp;\x9b\xfc%\x1e\xb5\xcaL\xecRW^1\xa6S\xe5\xbc\xae\x94\xa5\xa9\xd3R&amp;\xb5G\xcc3A$b10\x91\xc1\xae9\xba{\xcdB\xa6DK\x96\xc0\xfc\x1dYo\xfe\xe2\xca\xbez\xf9R0S\x8fb\x03"&lt;Q\xf5l\t\xd5\x03\xc0\x8c&gt;M-\x15W-k\x02\xc9\x94\x1e5\\\x04.\x0f\xab\'\x16p!\x1b\x92\x13\x7f\xcd\x1dE6o\r,HN\xea\xf5 o\xf6\t\xad\xda\xab\xb3Z\xd6\xac\xbe\xcd$S\x1a\xf8\x8c\x16L\xe8\xed\xdd\xdd\x01yEi\x05,\xbdx\xeez\xcaZ\x0c[Z\x02\xaf\x00L\xe9\xde@L\x99/n(u\xef\x0f`\xe1\xd0v\xf6\xea\x19\xb8\xe8Y\xbb\x88\xfa\xe0\x86\xa9}\x03\xa6\xf4\xd4VX\x12\xac\xc6\xd3\x07\x0c4]\x95&lt;\x87\xd3\x9bg\xbb++\xe39;\xfe\xfe\x1d\xdf\x9f\xb8\xab\xacq\x1dj\x99\'r\r+\xc6t\xd5\xfc0\xad\x8e\x04\xf9\xe2\xf9\x0f\x9e\xa6\x13\x14\x00z\x9e\x05\x8a=\xb0f\xc53\x10\xd1\xb4\x9e\x8d\x7f?\xb9I\xa6\x1a^\xb8\n{\xbe.\x00^\\\xde\xbbiZ\xffh\x8e\xc1\xe0\xe0\xf2\xf1\xecT4\xa2E\xc3\xda\xeb\xb5\xadE\x9e\x1f\x00R\xb9\xc9QLt]\xedR5\x9f:A\xd0\xb4h\xe1\xcf_=\x113!\xe9\x85\x15\x008\xb6&amp;@m\xca#\xdbT\xd5;\x15\x14v\xcbG\xb7\xab.\xdf\xdew/P\xc6i\xaaqi\xd7"\xf7zZ2\xbb\xe8\xa6i\xfd%\xd3\xbf\xb9\xfe\xb3\xe48\xd4\xbdf!\x17\xea\x15\xb2\xc0\xa2\xa8\x03\xac8\xf6\x86\x98\x1a\x06\xfb-\x92\xee\x1a4\xaf@\xf1\xad\xb4\x87W\xd74\xb8%D\xe4\x8f\xa7A\'\x9c1\xa2\x89\xd8wP\x80\x15\x06{)\x04\xae\xd2@\ri9\xb9l\x01\xe5\x19\xa9\xf6_T \x80]4\x076.\x83/\x0fL{\x7f\x86\x01\x8dJ\x9bf(_\xff\x0b;\x16X\xea\x9aX\x1d*{\xc9\xca\xac\x02\xf8\xaew\xea\xec\xd6\xb9\x19\x1d\x1d/^\\V\x9c]:\xb2\x93\xd5\xb2J$\x8f\x02`\xcf\xc2Ql\xae\xf9\xf6\xd6!\x917\xaa[\xf5\x82\x1b\xa6\xf4\xc5\xbf\x0f\x15\rk\xf1\xf0\x0eV\x0b\nD\xf4\xa8UXq$\xc4\xc4\xa0d\x0fY\xae\xd4\xeeZ\xf3\x19`\xa6\xc5\xbd+wA\x8f\xd9I\x81\x9a9\x8dv\xfa~?\xb9I\xb2\xeb\xe7\xb8wbc"\xa2~\rJ\xeaE\x17\xa5rL~J$w\x9aN\x94Ne&gt;\x19\xf0\x95\xb8#\x03Z\x8e\xbcq\xcc\xc7\xd7\x90\x06\x19\xb1@\xe0\xb3\xccH\xeb\x16\x19\x96\xceU\xf2\x018\xbdyvD\xa2X\x8e\xbd\x81ric\xc4\xf6\xab\xc9\xdf\x0b\x86\xb4\xfd\xfa\xe4\x82\xa2UU\xcffC\xbc\xda\x0e\x14\xcf\xa1p\xa2\xf0D\x14\x04\xdb\xcc\xe4n\xf5\xdd\x95\x95%9IK32\x17\xd1\xb2T\xe6\xa5#:\x06Xq6\xa0\xc7n\xaf\xe0\x11\xcc\xed\xbc\xaeK\xa42\x01\x05\xe4S\xd5\x84\xe6\xc2n\xd7\xfc\xe1\xe27\xb8o\xf1\x98E\xc3\xda\xcf\x1d\xd0rF\x9f\xa6\x9bg\x0c0\x1e\x06\x1e\x9e\xdd\xbej\\w\xcd\xb2\xf2\xc5\xf5\xe0\xa8\xdb\xa8P\x1aE\x90\x87\xe6\xa8\xa2\x10\xff\xf9\xa1q\xf7\xf8\x06\x00\x06\x1b\x80\xee\xf5\x05"\xc7J-\x9d\xe0\r\xc8#\x0f\x01l\x9a\xde_\xdd\x9e\xe4}\xd4dP,\xa9\xbf\xa9{\xd7\xbc\xe1n\xcc\x99!\x18y\'\x04e*:\x00\x96t]5\rkz\x08\xf8w\xd4\xa9\x8aK\xde\x93\x01\x8c\xea\xd9\x13\x89\x1f\xa0\x18\x13\x9e6\x1c\xf5\xa8U\xf8\xcd\x8d\x83~\xe7\xbe&gt;b}\x88\x02/\xaf\xeeoR4\xbd\x98g\xc5\x0c\xb1\xf3\xc6\xa1\x8a\x19\x8c&amp;T\x9b\xa7\x0fp\xef\x8dp\x1b\x9f\xe8O4\xb8\xa9\xab\x043\xc1\x186F`\xc6\x0e\x03@\xde\x7f\xcb\x18\xac\x89\x14N\xac\xf4\\\xab\x93\xc7\xf7\xe4\xfa\x19\xe7\xb7/pnK\xff\xe8\x19\x1e\x12\x11u\xa9j\xd3q\xfb\xd4\xa6Y\xf6.\x0c\x9a\xd88\xb5_`W\xc1\xcd\xf8\xeb\xfe)K\xe9?\xde;!\x992}\x04\xaa\x9b\xd7\xb3\x94\xcf\xea\r+\x9f`53`|\xd1\x00\xf0\xe9\xae\x18\xa7\x16\x97(\x87\x0f\xe1\xd3]\x00GVO\xde9oX\xa1\x84\xe1\xca\xa5\x8d\xf1\xef\xe3\xf3\xea1\xe0\xa9\x8a,D\xab \xa7\xd5\x8f\x82\x8aJ\x1e\x0b\x87\xb4\x85\xd6B\x8a\r\x00\x8a8\x9b:y|\xed\x95\x12&lt;\xa0\xf9 \\\x07#\xebwWn\x03\x1b\x97\x01\xc0]\xa7\xa3\x13\xf9\x10\x95L\x11\x85\xd9\x88\x04|06S\xcaC\xcd,z\xe7\xd8z\xb7\xe4\xecE`\xc1\xf5\x06\x99\xd7a\xaav\xd1\x8f^\x12\xeej\xcc\x1e\xc5\xd5\xbdK\x01\xe0\xf5\xb53[\xe6*\xc8\xc0\xe3\x13\x8d\xefX\x9b}\x99\xa77\xcd.\x9c8|\x96(\x94+&amp;\roUY=\x00\xc0"\xbf\x9b\xcc\xee\xadHU \x82\x15\xc7E\x1f\x15\x88\xa4J,_\xab\xe0\x07~{\xfd\x1b\x9ao\xca\xab\xc1\xe6)\x8d\x1dr\x19.\xea_\x03\x1fM\xd3\x1c\\&gt;\x01\xc0\xa5]\x8b\x9c{\xfe\xdb\x15\xd2;Y\xa6\n%\n\xbaA\xa4"Z\x95\xce*\x99RA\xad\x9a92u\xaf\x11\x98\x0ejo\xae\xff\x1c\x88\xa5[\xc5\xffn\x1ct\x17W\x81\x8f\xfe)\xdb\xa1\x94\x9a\x08\xf46,\x13?\xf5\xf2\xea~\xbc\xb8\xfc\xe0\xd4\x96Q\x0eOV_\xa2\xda\xb9\x93e\x8aDE\x92D(\x93\xda\xa7K\xb5\xfc[f\x0ed=C\x02\xa2\xfa\xf9Sn\x9f3Ts\x00\xf8\xfb\xfe\xa9\x80\x91\x9f?\xb9a\x06\xf0^&amp;e\xfa\xf0!}\x00\x90\xc1\xda\x89\xbd,9#\x8bK3\x00\xef~=\xe2\xde\xfa0\x9d\xfa\x15c\xba\xde\xfcy\xd5\xe2\xe1\x1d:V\xca\x93\xda\xc5\x91\xc7\x1d8\xbbm\x9e\xa5\xf4\xf1C\xfc\xe4"(\xc1\xed\x9b\xf3\xc5\x92E"\xa2\xa3k\xa6\xb8;c\x7f\x84!Z7\xb9\x8f\xe7\xf2w\x05,\n\xa4t\xaa\xe8\xcf.\xed\xb9\xbcg\xc9\xee\x05#\x19Md\xd3b\x19\xcel\x99\xdb\xbfa\xa9%#:N\xeaZ\xafG\xcd\xc2D\x14\xc7a\xe6jV,\x03\xb3\x08\xe9\xa1k\xf5\x02.V,\xae\x07\x08\xb8\xbc\xa0\xc6\x85\xd3F\x14:,\xe3G\xbc$\x08\xfbcx\xce\x97\xdc\x06\x97\xc8\xbd\x13\x1b\x03\x92l2\x08\xa2`\x82`d\xebv\x02{o\x9aC\xb8\xe7\xdc\x8b\x9dt\'\x00\x00 \x00IDAT_\x817\x96H\x8f5#\x17\xd8T\xbdm\xd9\xec\xae\xd7\xe7\xe7\xe5\xe3_\\\xde{m\xff\xf2\x11\xad\xab$&amp;\xca\x19\x83~=\xbc\x06\xef\x7f{tnG\x9d&lt;\xbe\x89\x1c^!\xa3\xdaV\xebP1w\xd5\xac\t.\xefYb\xd0\xfb\x03xuM7\x12P2\xf6|\xe7\xbc\xe1\xee\x9dWm\x9e\xe1\xe6\xad\xe6`\t\xfc\xf7\x14\x80\xf1\xd6Y\xa2\xc0\x0e\xd5q\x17\\\xb7\x15\x0ckQ\xc9&lt;\x91\x17\x02\x82\xec8`\x83\xef\xe1\xd0\x8a\t\xe2\xbf\xed+\xe4t_u\x82\x10\x12\xf1`\xcc\x0f\xb7\x077-W-[\xc2\x9b\x07W\xf9\x1d\xb8s\\LY$I\x84B\x89\xc2\xe5\x8f\x17\x9am\xe6\x19cH3s\xc1AcO\xbf\xe7\x97\xf6\xd8\xb8\x9d\xe9\xbd\x1a+\xec\x1c\'7\xcc\xb0\x91OHF\xc9\x14\x96|\xed&lt;\x08\xdb\x0e\x00\x9a\x08\xf8\x98\xda\x003\xfe\xc8\x14d\x85\x04\xc8\x0bs\xcc\xe9\xdf\x82\x88\xf0\xe6:\x11%%\x02\x9e\xb97\x7f\x05g\xaa$lPJ\x1cY=\x99{^\xa8\x1bR(&gt;\x00|\xf9c\xff\xd2\xb1\xcd\x8bg\x14]&lt;\x1b\x16J#&amp;f\xab\xa2dD\x1f\xef\x9d0\x1e\x00F\xb5\xadf\xe3\xee\xe4a\xe0\xc5.~\x08\xcd\x8ag\x0c\x80\xd0\xbf\x90\x06\x00\x1f\xef\xca:\xd8\x19#mX\x1a\xd9\xba\xaa\x87\x86\x1c\x1b\x84\xec\x06\xd0\xac"\xf7#\x02&gt;\x02\x98\xd1\xbb\t\xf9\x1f\x01\x00\xce\xac\xf7\xbf\x9b\x07\xddX\x19\x05\xbe&gt;9\xef\xb9\xcc]A}\x81l&lt;\x98\x02\xc0O\xaa#\xe2o\x06\xf5\x85\xc9\x89j\xe4H\xcc]\',!J\x00\x06d\x14J\x14\xee\x9c\xe1\xce\x16\x00\xe0;\xf0\xed\xe8\xea)\xa3\xdaT\xc5\xffn\xf0\xbb\x16\x15\xd83F\xa4\xd4a(\x11Q\xe1D\xe1MW\x00\x8f\xcen\xf7\xfc\x9d\xe9"\x10%\xe4\x82+\x14M\\o6\xad7\xf0\xea9c\xf9\x10\x01\xe8P1\xb7|M\xea\xe5\x0bB\x94\xc6\xf2\xae\xe3\x0fNm\xb9\xb4{\xb1\'\xea\x10`\xeb\x0c\x05\x822\x8f\xff\xe0\xa6\xe5\x03\xa5\\\xf6.\x1a\x14L-?\x7f\x07\xa0\xe9\x84.\xd9I\x8di_C\xb6r\x12\xd0,\xf3\xe2\xaeEw\x8fo\xf8\xfe\xec\xd2\xabk\xfb\xb7\xcc\x1c$\xf6\xe3\x7f\xde&gt;\xcaX\xd6C\x13E#\nC\x14\x9d\xa8h\xd2\x88\xa6\x03\x00\xf0\xca\x8d\xd5\x8eOdJ\x0c\x10X\x9fIH\xc0\xf69C]\xcf\xc4\xd7\xf5,\x04\xc8o\xc15\xd5\xf9\x145\xb9\xda=\x1a\x95n\x00WZ\xa7\xbbZ\xb6\xd5|^\\\xde+\x93,P\xf4\x0f\xa6\xf6h\x18\x18\xc5\x12\x802i|BY\x99\x19\xd4\xcd\x9b\xdc\xb6u.\x94\x83\xf4\x98AV\xef\x82\xa8]y\xe5\x8eE\x99\xd4\xd1\xf5\x1a\xc0\x96\x19\x03Om\x9a}\xfd\xc0\x8aS\x9bf\xfd\xb2q\xa6\xa2#\x7fxf[\xa3Bi&amp;t\xae3\xace\xa5\xea\xd9\x12\x11Q\x1c\xa2\xfdK\xc6\x98\x8e\x006\xee\xd7\x15\xf0r3D \xb2B)\xfaC\xc0Gu$\x87\xfa\x90-p\x85wI\xe4TY1\xf1\xe1\xb6{\xaa\x12|\x10\x14\xc8\x81\xe5\xa1\xc7\xf1\xc2\xe0\xa1uO\xe0"\x8a\x8ej\xa3\xa2_\x13\xfd\xd05]T\xef\x9d\xd8\x08\xa0F\x8e\xc4\x8a\xe3)T\xb1\xa9\x9e\xee1\x01\xe8\x05\x04t\xadV\xe0\xc4\xfa\xe97\x0f\xae\xda\xb3pT\xaf\xdaE\x81\xe7b?&gt;o`\xab\xdc\xb1\xa9o\xfd\x12\xc3[UNI\x94\x9c\xa8r\xa6\xb8s\xfa\xb70\xee\xfd\x19\xfb\xaf&amp;\xf8\xd8\xd9\xbeB.\xf1\xc9\x18&lt;\x81\xe8D\x03\x1b\x97\x95\xb9G\x00\x9c\x88)\xd0#0\xbc\x90\xc2\xe4n\xf5\xdb\xb8\xe0\xcdV9s&lt;K\x1f\xcf\xcf\xcb\xc7w\xad\xe6\xaa\x9f\xb2&amp;\xd4c\x9b+\x987\xb0\x95;\xb3\xb3\x0eM\xbe\xb0\xe2\xbeF\x96\x8b\xf0\x12\xe4\xc6\x9e\xc0\xa6i\xfd-\xb5\x01u\xe2\x13\xeb\x94\x16y\x99\x0c\x8dW?\x83\x9b\x96\x83&gt;\xaf\xadmF\x13{(\x10\xdf)\xcaF\xbc\xbb\xe9\xbd\x1a?\xbf\xbc\xe7\xf6\xd1u\xa77\xcf\xeeU\xa7X\xef:\xc5x?\xde\xb3\x96\xbf\xbaQd\xa2\xae\xd5\n\xb4(\x91\xe9\xcb\xc3\xb3\x8cM\xd2\xbd\xd3\x7f\x83mvIs\x99A\xb9!`\xb3\xca\x08zw~\xd0\xd9\x95\xcd\x12\xd4\xf2\xf1\xf6pa\xc7\x02\xb7\xe4c\x00\x1b\r\x8e\xcd\r\xf4\xa2\xcc\xed\x15d\x89\xbf\xd4\x94g?]8\x1a\xdf\xa9\xf6\xea\xf1=\xac\xe4j\r\xeb&amp;\xf768+\x19f\xf9\xef\xa3sn\xaa\x8e\x9ba\xa0\xd6\xa8`\x90_9\xb6+\t6\xc3AM\xca\xc9\xf4b-Jf6\xad\x83i&amp;\xc5}#\x07\xcc\x86\xa5X\x93Gg\xb7\x8bn\x05\x83\x9b\x96\xbb}t\xdd\xcb\xab\xfb\xaf\xef_\xde\xb2T\x96\xd4a\xa8]\xf9\x1c\xbf\x1e^sd\xd5d\x05\x99JL\xa2\xb5\x13{\x19w\xfd\x8aG\'\x13\x15\xccKa\x11g^X\x06\x80Qm\xaa\xd9\xb8\xca\x03u\xf1 \xdc\xceMo\x9b\x0cF\xf3\xd1\xb5(\x99\xd9\xe0\x91\xda`\x9e\x01\xf0\xcc\x967\xb4[ \xde\x8b+k\xa6\xc0\xda\xb05\x80\xe6k\nc]QYT\xb6\xd0\x84\xde\xe8\xc8\x97\x05\x8d\n\xa5\xc1\xbb_\xf5.\x17\x9b\x8c{\xd7\x97\nL\xeb\xd9\xe8\xf2\xee\xc5\x87VLl^"\x13+\xa7@\x820c\xdaU/\x9d*Z\xd3\xa2\xe9\xe3\x13\x9d\xd92gZ\xcfF\xd1\x88\xd6O\xe9ci\x00\xd0\x84\xe6\x16\xf1\xe0\xa6\xe5\xd5c6\xdb\xe1\xe3\x19\x8a9\xf7\xaaS4\x98\xaa\xc6\xba\x1f\xb3\xfb5\x97\xe7/\xe9T9 Xj\x99\x1b\xb5\x0c\xacN\xc3\xe5\x11\xf0\x8ab\xa77\xcf\x16\xdb\xa8A\xb8\xa71=y\xcbRYz\xd4,\x0c\xe0\x8f\xd3[\xddU7c\x0cm^\xc1\xd8\xa0q\xeb\xd0\xea\x80\xa9\x89\r\xdc8\xb0\xa2X2\xdd\x99t\x9b2\xd9\xc8a\xaeI\xebl\x16\x9e\xd0\xa9\x8e:}\x00\x03\xaf\xae\xea\x9dzpj\xcb\xd5}\xcb~^6N\xc6-;\x970\x18\xad\x9b\xd4[\x8f\x16\xcc\xd7\xf9_\xa6dP8Q\xf8O\xf7N\x02\xdf\xde\xdf&gt;6\xb9[}&gt;\xf0\x84"\x8aIT\'\x8f\xef\xd3\x8b\xbb\xcf\xefX\x10\x97h\xe1\xd0v\x96z\x7fy\xeb.&gt;\xdfW\x1fd\x06\xfdoO.\x88\x07c:,\x8d\xea\x0f\x1c\x80|\xcf\xf3\x83\xa2\xb3\x1cMy\xa9\x94\xba\x11\xc1\xcc\x19\x80A|\x07\xfc\xe8\x98\xf65\x80\xff\xf1\xe3}\xea\x16\xb7T\xc3 \x02\x19\x81\xf5\x05\x83\xdb\xd8\xce\xdf\x98t,\xd3O\x04 \x99Q\x92\x00ED\x15;\xc8\xa0&amp;\xe6\xfbr\x01\x83-3\x06\xba\x1e\xef3\xb2u\x15\xf5\xc1\x0e\x15s\xeb\xb9&gt;o\x9a&gt;\x80\x9b\xd5\xb7\xcc\x1c4\xb6}M{\xe5*\x02n%\xd1\xb7~\t\xf5\xc1L?)\x03\x98\x15H\xab\xbf-\x8a\x0f\xb7\xfd\xfa\xef\xcf\xf7\x15\x826\x99"Q\x8d\xec\x89\xda\x94\xcd\x9e\x88\xa8C\xc5\\.N\xff\xf5\xe0\xba[\n+}`\xe32\xaef\x14|\xa1\xeeRZJX*\xdd\x8b\x9d\xf3\x86?&lt;\xb3M&gt;=\xfbt\x83No\xa2\xc6\xa4.\xf5\xcc\x13I\xe0\xdbS\xa7\x89\x8c)mj\x00\xd8\xe8D\xcf\xc2\x99}\x9a\xe2\xeb#\xfe\xef\xf0\x96\x95Lw5r\xc60\xf1MLD\x94\xc5\xed\xb2\xc2\x1e\xc6\xc3\xb3\xdb\xf8o\xe3W\x90Vp\xab\xd1\xe4\x83\xd2\x0bj\xd96{\x08\x11\xf9\x10\xdd;\xb1Q/\xf3\x96\xa5,\x7f\xb9\xb9bR\x13\xe7\xc0\xb4\xca\xd2\xa4C\xf8\xfe\x84u\xa0O\xce\xeflX05\xb3\xcb\xc7 \xca\x1a\x95\xa2\x13\x95K\x1b\xa3V\xae\xa4\xf5\xf3\xa7d~M6z\xff\x06\x05RY\xbd\x1dS(FA\x83\xa1\xd4\x92\n^0\xc6\xb3K\xbb\x03\xbb\nN\x08\xe3\xf8\x84r\x05\x92\xf8\xb9\xf1&amp;\xea\xe4n\r\xdc^\xe2\xa5]\x8b\xf5&gt;\x03\xfc\xfd\xbb\xe2\x881\x8b\x1c\xbe=vW\xad\xf4\xa0\x88\xf5\xe7\xf0uw\x08\x92\xdb\xe1!\xea\xd8\x0c\x11\t\x80\x8f\x9br\xd3k\t\xcc\xb3\xd6@\xcc\xd6\xc5\xfc\xf9Y\xf9)9\x80\x91\xad\xab\x9e\xdd:w@\xc3\xd2\xa5SE\x1b\xd7\xa1\xd6\xe0\xa6\xe5.\xedZ4\xb3o\xb3\x81\x8d\xcb\xcc\xe8\xdd\xe4\xf5\xf5\x9f=4\xf77@\xde8d)\x8c\xf4\x07\xc5\xb9m\xf3\xd8\xd3W\xb87\x04:&lt;\xd4,\\Az\x03\xef\x10w\xa0\xb8\xaf\xee\x8c\xb7Lj\xe5.\xf6\x8d\x9fWz\xb66f\xc8\x13[\xbb\x13a^\xea\n\xf5\x02\x17\xe1\xe3\xf95\x8d\xeb&gt;\xa8\xc0G\xe0\x93\x1b\xaa\xe2\xc7 d\xf9~3D0RK/\x10\xdf\x82o\x9e\x83\xe8M{\xa1\xd9\xaaT\x16\xbd\x0b\xd3\x85\xa3\xb9\x03[\xdd\xf8y\xa5i\x8f/\xd3\xfb\x03pQ\x8e\xcd\xaa\x9e\x17\xde\\\x1f\xdd\xb6\xba+%\xfeppW\\\x98\x02\xe1\\\xf8\xe6\xcb\xa7W\xae\x1a\xca\xa4\xf6q\xb5B\xae!"\xd1\xdb[\x87\xf8\xbf\xf8\xf7\xa1\xa5\xcb\x03+\x0e\xd96\xdc\xd5_\xef\x9a?\x82\x88\xc6w\xaa-\x93a\x00;\xc8+ ?e\xe1\xb6\x95v\xe5s\x10Q\xc5\x0cRT\xc7W\xf6.%\xc3]1=g\xb1\xf7w\x8e\xe5\x8dK_\x1e\x9e\xa9\x9d\xdb\xc2\xc6\xd0?\x8f\xce*\x8e\xec\x9c7&lt;"\xd1\xd6Y\x83\xcb\xa73Z\x95w\xaa\x9c\xf7\xd1\xd9\xed\x92]\xff\xb5\xfd\xcb\x15\x97\x0fi\xee\xcf\x06\x1a\xf0S\xc0m\xb3\x87\x88{\x90\xcc\x0b\xe0\x87Fd"\xe3@\x08\xf7\xbe\xa4\xa06\xeb\x17\xd1\xb1R\x1eO\x17\xe1:\x8bN\xf6h\xf4\xdb\x91\xb5n\xa9\x8c)\x00\xdc\xffe\xb3\x87\x8bx[7o\xf2)\xdd\xcd\rn\x97v-\xfe\xeb\xf7_\xdc[z\xea\xd0\x04@\xd2\xa4.3\x00t\xae\x9aOsJ\xcb/\xac\x9aE\xadFJc;\xd4\xcc\x19\x83\x00\x14J\x14N~"\x9f\xc9\xe1\x9b%o\xcdw\x17\xd6O\xeec\xca\xfa\xf9\xf9\xc1i\xf5\x85k&amp;\xf64}\x86\xa2W+\xbb\xc7\xe1-+\xbb\xb3\xf6?8d\x98\xd9\x15\xfd\xd4\xbcA\xad\xf5RzVN\xdb\x19-\xf5W\xa62\x18\xd1J\xc3\x97\xc3\x15\xe4\x8b\xe7\xb6i{\xb5l\x96b\xc5&lt;\x02\xa6\x81\xc5\xc1&gt;c\x19\xf1\x1f\xf5\x82\x8c\x88\xf0\xf7}\xc9-\xde{\'6\x0ei\x16@\x01\x01\x8a\xa7\x9c\xce\x8a"`,\x89\xe9\x0b{hk\'\xf5\xb2U;s(\xe2\xa1\x8c\xeb\xd3\xb2T\x16\xf9\xbb\xabg+ \xb6d\x8a\xa8\xf7Nl\x1c\xdb\xa1\xe6\x89u\xd3\x8d\x95\x15\x8a\xfb\xfe\xd4\xbcD\xa6\xc5\xc3\xda\xdb\xb0(\x0co\xe9\x95\xdfp\x13\xdc+jJ\xee&amp;\xee\x0f\xfa2\xd9\x00\xec\xa9\xe2\xc8\xefL\x0eh\x14T\x9c\xd5\x8c\xbb\x0f\x00\x01&lt;\xf3,\x98 l\xc0\xe8$kN\x92\x00\xa8\x99\xd4\xd4\x90\x19\'lc\\\xc7Z\xfcw\xc6H&amp;\xc1\xb4\xd0\xe2\x1a\xf2\x04j\xba\xa3\x14OoQ\x8a=\xdf\xa1\x15\x13+\x05\xb1=\xd1\xc0\x81A\x08\xa1{\x1bqp\xf3\xf7\xd3@P6^\x85\x18\xc8\x8f\xff|*\xe3\xb9\xe9\xb61\xfa7,\xa5w\n\xef\x7fkZ4\xbd\xfa8[(\x018\xb3e\x8eq\xe6Q\x88\x9a\x15\xcf\xc8~\x8bY\xe5\x8aI\x85\x13\xdb\x8eR7\x81B\xf7"&amp;Q\xf0r\x9c7\x9e\x8eL\xe8\\\'Ol\xbf\xa8\xfbJ\x19\xe3\xb8\x8b\xcf&amp;\xb8\xc2jw\x86\xf7n#\xe6\xd4,\xbat\xaah\x15\x0c\xf7\xca\\_\x1a\x14M\x12\x91\xff\xd5\x83\x8f\xce\xf1\x9d\xf3\x86IN\x18\xc4%\x11\xf0\xc5;l\x10\x11\xf0\x97\xe72\x9f;\xa0%\xff=\xb6\x83\xcd\x90+cT\xcd\x9a\x00\x80:\x80\xd6W+\xb1\xa9\xdf\x8b\xa5&amp;Q(Q\xb8\xe9\xbd\x1a;]\xfe\xbf\x9b\xf2\x97\xebA\xc6\x12\x10\xc7p\x90s\x11\xb9b\x92\xfc\xaa\x01@\x85\xf4N\x9dC\x1a\xeb\xbd\xb7G\t3\xbc\xf0\x08\x0c\x9c\xde\xf4`\xc0\xd9\x92Q\xd5\xe8\x15S\xa9R)uY\x18\xec\xf5\xe37\x0f\xae\xb2q\x95\x1a\xc6\x12\xa9\xa6p;Q\x92Ux\x82\x074\x9dj7}\xd5\xf8\xeeMl\x89p\x99\x82\xed\xd0\x1a$`&amp;\xa3\x83+&amp;\xb0\xe8\x96\xd7\xd7\x7f\xd6K)\xe6c\xa3y\xdbFD\x07\xcb\xa1$b\x135(\x90Jf\x07\x88!{t\x9a\xd0\xb9\xce\xc1\xe5\xf6)&amp;ET\xcc\xe8\xd4b\x0e\xaf\x9ad;\xab\x17\x97\xf72\xe1\x1a"\x8a l\xa2\x1c[;\xd5v\x9e^\xf8\x03oo\xfa\x08\xff~\xf9\xe3\x8c\xa7K\x0cM\xd4Dk}m\x03\x9as\x90\x94Dm\xcaf\xb3\x97\xa1q\xf4\x96\x8b\xe0;\xad\x11\x88\x067-\x1f\xd0\x9e\x1f\x02\xb2\x1a\xd3\x15\x05\x08\x02\xc6\xba-\x03\xa6\x9d[2ET\x1e\xbd\xf5</t>
        </is>
      </c>
      <c r="E548" t="inlineStr">
        <is>
          <t>&lt;class 'numpy.ndarray'&gt;</t>
        </is>
      </c>
    </row>
    <row r="549">
      <c r="A549" s="1" t="n">
        <v>547</v>
      </c>
      <c r="B549" t="inlineStr">
        <is>
          <t>steps_per_sec</t>
        </is>
      </c>
      <c r="C549" t="n">
        <v>7900</v>
      </c>
      <c r="D549" t="inlineStr">
        <is>
          <t>3.351184</t>
        </is>
      </c>
      <c r="E549" t="inlineStr">
        <is>
          <t>&lt;class 'numpy.ndarray'&gt;</t>
        </is>
      </c>
    </row>
    <row r="550">
      <c r="A550" s="1" t="n">
        <v>548</v>
      </c>
      <c r="B550" t="inlineStr">
        <is>
          <t>Loss/object_center</t>
        </is>
      </c>
      <c r="C550" t="n">
        <v>7900</v>
      </c>
      <c r="D550" t="inlineStr">
        <is>
          <t>0.09690969</t>
        </is>
      </c>
      <c r="E550" t="inlineStr">
        <is>
          <t>&lt;class 'numpy.ndarray'&gt;</t>
        </is>
      </c>
    </row>
    <row r="551">
      <c r="A551" s="1" t="n">
        <v>549</v>
      </c>
      <c r="B551" t="inlineStr">
        <is>
          <t>Loss/box/scale</t>
        </is>
      </c>
      <c r="C551" t="n">
        <v>7900</v>
      </c>
      <c r="D551" t="inlineStr">
        <is>
          <t>0.051461168</t>
        </is>
      </c>
      <c r="E551" t="inlineStr">
        <is>
          <t>&lt;class 'numpy.ndarray'&gt;</t>
        </is>
      </c>
    </row>
    <row r="552">
      <c r="A552" s="1" t="n">
        <v>550</v>
      </c>
      <c r="B552" t="inlineStr">
        <is>
          <t>Loss/box/offset</t>
        </is>
      </c>
      <c r="C552" t="n">
        <v>7900</v>
      </c>
      <c r="D552" t="inlineStr">
        <is>
          <t>0.14246549</t>
        </is>
      </c>
      <c r="E552" t="inlineStr">
        <is>
          <t>&lt;class 'numpy.ndarray'&gt;</t>
        </is>
      </c>
    </row>
    <row r="553">
      <c r="A553" s="1" t="n">
        <v>551</v>
      </c>
      <c r="B553" t="inlineStr">
        <is>
          <t>Loss/total_loss</t>
        </is>
      </c>
      <c r="C553" t="n">
        <v>7900</v>
      </c>
      <c r="D553" t="inlineStr">
        <is>
          <t>0.29083633</t>
        </is>
      </c>
      <c r="E553" t="inlineStr">
        <is>
          <t>&lt;class 'numpy.ndarray'&gt;</t>
        </is>
      </c>
    </row>
    <row r="554">
      <c r="A554" s="1" t="n">
        <v>552</v>
      </c>
      <c r="B554" t="inlineStr">
        <is>
          <t>learning_rate</t>
        </is>
      </c>
      <c r="C554" t="n">
        <v>7900</v>
      </c>
      <c r="D554" t="inlineStr">
        <is>
          <t>0.001</t>
        </is>
      </c>
      <c r="E554" t="inlineStr">
        <is>
          <t>&lt;class 'numpy.ndarray'&gt;</t>
        </is>
      </c>
    </row>
    <row r="555">
      <c r="A555" s="1" t="n">
        <v>553</v>
      </c>
      <c r="B555" t="inlineStr">
        <is>
          <t>train_input_images</t>
        </is>
      </c>
      <c r="C555" t="n">
        <v>7900</v>
      </c>
      <c r="D555" t="inlineStr">
        <is>
          <t>[b'512' b'512'
 b'\x89PNG\r\n\x1a\n\x00\x00\x00\rIHDR\x00\x00\x02\x00\x00\x00\x02\x00\x08\x02\x00\x00\x00{\x1aC\xad\x00\x00 \x00IDATx\x9c\xed\x9du\x80\xd4\xc6\x17\xc7\x1f\x14\xfa+\xb4\xc0A).W\xf4pwwwwwwwwww\xa7\xb8\xbbKq)\xeen\xc5\xad\xc0\xfb\xfd\x91\xbb\\62\x99$\x93d\xf7n&gt;\x7f\xc0nv2\xf3n7\x99\x8c\xbc\xf7}\x00\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xd8\xca\x8c&gt;MQ\xc2\xe7;\xc7\xdaW\xc8\xa5,V\xc0?b\xbe\x04\x11\x9c7\xcf]\xcen\x9d\xd7\xbbn1\xb7\xad\xe0p8\x1c;Y0\xa4-\xe27D\xdc\xb7t\xac\xdb\xb6\xb0d\xde\xa0\xd6\xffs\xdb\x06-\xe6\x0ch\xe9\xb6\t\x1cNH\xe7\xdc\xd6yn\x9b\xc0\xf1=b\xbbm\x00\x87\xc3a\x00"\xdaQ\xed\xa6\x19\x03\xec\xa8\xd6\x10\x7f\xbam\x80o\x919\x1am\xc9\xb6\xe5r\x14N\x1c\xc9N[8\x1c\x0e\x87\x03\x00\x00\xbf\xbb\xd1h$\x80\x8e\x95\xf2\xb8\xd12\x87\xe3#\xf01&amp;\x87@\xee8\xe1\xdd6\xc1QF\xb7\xab\xee\xb6\t\x1c\x8e\x83\x9c\xdf6\xdfm\x138\xdeKB\xb7\r\xe0p8N0\xa9k=\xb7M\xe0\xf8*\x19\xa2\xb8m\x81\xab\xcc\x1f\xdc\xc6m\x138\x1c\x0e\x07`\xcb\xac\xc1n\x9b\xe0\x04\xf8\xe1\xa6\xdb&amp;p8\x1cN\xc8\xa5\x7f\xc3\xd24\xc5\x10_\x93\x0bd\x8d\xae\xf9Q\xed\xdc\xc9\x8cX\xe4\x8d\xe4\x8e\x1b\xba\xb6I|\x91\xb0n\x1b\xe0\x8d|{\xf0\xb7\xdb&amp;p\x9c\xc6/\xe8E,\x00\xc4\x97\xe4\xc2\xbfE\xfa\x8d\xa6\xce0a\xfc\xc8\x05N\xbc\xd0\xfc\xe8\xc9\xe3\xc74Mx3\x87\x1e\xfe\xe7\xb6\t\x1c\x0e\x0b\xb2\xc7\x0c\xe3\xb6\t\x9cPDF?\xb7-\xe0pB!\x93\xbb5p\xdb\x04\x0e\x87\xc3\xe1p\xcc\xb2}\xeeP\xb7M\xe0p`\xdd\xe4&gt;n\x9b\xc0\xe1\xe8\xd1\xbdF!\xb7M\xe0p8\x1c\x0e\x87\xe3\x05\xe4\x8a\x13\xcem\x13\xbc\x82_\x01\xfc\xdd\xb6\x81\xc3Q\xe1\xd4\xc6Yn\x9b\xc0\xe1x\xd0\xaeBN\xb7M\xe0p8\x1c\xe34(\x98\xcam\x13|\x95P\x97)\xc6A\xd2Gv\xdb\x82\xd0\xc9\x9a\x89\xbd\xdc6\x81\xe3\x1c#\xdbTu\xdb\x04\xf7\x89\xe5\xb6\x01\x1c\x0e\x87\xe3\xbd\xdc&lt;\xb4\x9a\xf0i*&gt;\x12\xe6p|\ry$p\xe9\xd41\\\xb1\x83\xe3\xe5\x0cm^1Rd\xd2\x84\xdc\xcfO\xbeq\x8a\xef\xae\xd9i\x11\x87\xc3a\xca\xfa\xa9}\xdd6\x81\xe3\xa5\xe8\x8e\x0b\x10MJ\x17P\xe7\xaa\xf2a\xcc\xc5\x91Gdl\x85\x8dd\xfb\xc3m\x0b8\xd6!d\x10\xb4)\xb9 \xc7\x10\x0fOmr\xdb\x04M\x9a\x14I\xe7\xb6\t\xf6\x92/\xc1/VNG\xe4\xc28\x1c\x0e\x87\xc3q\x89|\t\xf8F\r\xc7\x02\xf8\xf4\xac}\x95\x97M\x13\xd3\xbe\xca9F\xb9w|\xbd\xdb&amp;\x84v\x92r\xad^\x0e\x87\xe3\n\xfd\x1bQI\xdes8\x1c\x0e\x87\xc3\xe1pB\x10\xf1\xdd6\xc0w\xe1sw\x0e\x87\xc31\xc3_\x93{\xbbm\x02\x87\x8a?\xdd6\xc0\x9b\x89\xc4\xb4\xb6\r\xd3\xfa3\xad\x8f\xc3\xf1V\x9e\x9e\xdb\xee\xb6\t\x1c/\xa5B\x86\xb8n\x9b\xc0q\x0e\x1e]\xe0&amp;\x9f\xef\x1es\xdb\x04\x0e\xc7\x83\xe2\xc9\xa3\xbam\x02\x87\x13j\xe0\xf1_\x1c\x0e\x87\xc3\xe1\x84:|\xf4\xf1\xdf\xbcDF\xb7M\xe0pB\x10\x888\xadg#\xb7\xad\xe0p\xa8\xb0\xa4\xd8\xc0\xe1p\x00`\xc1\x90\xb6n\x9b\xe0\xabT\xcc\x18/\xa1\xdb6p\xec \xa3\x9f\xdb\x16x\x1fS{4t\xdb\x04\x0e\x87\xc3\xe1\xb8\xcd\xef\x00\x13:\xd7q\xdb\n\x0e\x87\xc3q\x8f\xa4?\xb9m\x01k(\x03\x1b}t\xd3\x88\x13\xd2\x98\xd2\xbd\x81\x03\xad(\x95\x15\x1d\xbe\x01\xf8\xfd\xe6U\xa4\x8e\x00q\xb4?-\x95\xca\x97\x9c\xda\xd3\x99\nc\xcb\x13\xef\xe7\x19}\x9a\n\xaf\xabd\xe1\xeb\xa0\xbeI\x83\x82\xa9\xd9V(\xf4S5r$f[\xad\x8bd\x8f\x19\x06\x00\xa6\x06m\x8c\x0fiV!6\x00\x00T\xce\x9c@,\xc3{g\xd7I\xed\xb8\xf8qt\xdbj&amp;&lt;Z\xbc\x07~\xcdsB\x17\xdd\xaa\x17\x14_#"\xbf\x018"\x9bg\x0e\x14^\x18\x1a\xfa\x14\xf0\xff\xd5\x1es8\x1c\x8e\xcd\xf8\xe83`d\x9b\xaaFO\xe1B\x81\xba\\\xdc\xb9\xc8m\x13\x18\xe0\x8b\xd73\xc7\xf7hU:\xab\xdb&amp;\x18CkA\x97\xdf0\x1cU~\xa3(\xd3\xa2d\xe6J\x99\xbc\xeb\xd9\x9a\x96\xc6n:R\xfc\x8fYU\x1c\x8e\xcb\x08W3\xbe\xb9*=8\xa0q\x19DLf\xa7\x13H\xd1\xa4Ql\xac=\xa4\x93\xc6`\x9eu\xca\x84\xf5\xe6r\xbe\xcbX8\xb4\x1d\xe2c\x165\xd9\xc8\x84.uM\x9f\x1bC\xf2\xfag\xeb\xa6p82(oW&amp;D\x06\x00\xcf\xf1\xfe\x8a1]\x85%\xa0\xb3[\xe7\xd9\xda\xb4\xbf\xad\xb5s\x0cR4i\x14V{\xbf\x9fn\x1feT\x93-\xe4\xe7)\x859\x1c\x81\x80\x9f\x01\x00\xf6,\x1e-\x1e\xc1`\x9e\x07\x1f|y\x91y\xd3\xcbGwa^\'G\x95"I\x1c\x9doe\xa5x\x92\x1c^5\xc9~C\xbc\x9a\x10\x17e\xc1\t\x11\x88\xdd\xbf\xcc\xe3\x9bmPB\x1c\x00\xfcx\x93a\x854\xe8\xaa\xf0\x97Ji\x9f\x03$GN\xd9\xb4\xb1\xc8\x05\x0e\xae\x98\xe0\x8c%\x027\x0f\xadN\x1f\xd9\xc9\x069\xbe@\xb3\xe2\x19\xdc6\xc1^\xfa5(%\xben\\$\x9d\xd0\xfb\x0flR\xd6\xeev\xf1\xcd\x15\xbb\x9b\xe0\x98\xa0pb\x87zA\xe7\x03jr\xc6&amp;\r\xbb\x8f\xac\x9el\xb1~\xee\xfa\x1a\xd2\xe8Q\xb3\xb0\xdb&amp;8A\xb2p\xc1\x03\xff\xfb\'6\x0cmQ\xd1b\x854\xcb\xac\x89,\xb6\xc1\xb1\x07\x07\x1c\xc0\x98\xec63\'\xb3\x93\x9bo\x1c_$M\x88~\xc4#\xe2\x92\x11\x1d\t\x05n\x1c\\\xa5\xf5\x11Oq\xe5\xd3\x98\x08\xa1 0\x7fp\x1b\x86\xb5i\xa1\xeb\x8eyf\xcb\\\xfa\x87\x19"\xe6\x8e\x1b\x9e\xbe\xf5"I"O\xeb\xd5\x98\xbe&lt;\xc7\xe7\xf1\xd1\xf0(\xb7H\xe55\xae\x16\xce\xffj\x15}*\xe5/\xbe\xb8`\xe2\xac\x12\x01\xbfkV\xe8\x1d\xb7\xc9\xec~\xcd\xbd\xc4\x12\x00\xd8&gt;w\x98\xdb&amp;p\xac\x81\x88\xc5\xf887\xc4aG\x1f\xe1[[\xc9\xde\xd3K\xb2\x05\xff\xbd\xac\xf5Q\xf2pN\x1a\x02\x10r\xbfd\x0e\xc70\xce\xdf\x0cu\xf2$w\xa0\x15D\x14\x96%\x16\x0f\xef@Y\xde&gt;K\x0c\x15\x1e\xdd\xae\xbaM\x96\x046\xf1\xe4\xcc\x8b\x8b\xbb\xac\xd4\xd0\x90\xb5\xb6\xa3!\xaaf\xf57zJ\xfa\xc8\xa0\xe3\xe4\xc4\xe1\xe8b0\xe4\xd3\x1d\x8c\x06\xa6:I\x01\xff\x88\xa1p\xedn\xcd\xc4\x9e\xf4\x85\xb3R\x08&lt;\xc7u\xe3\xb1] \xa1\x17_Xz\xb0\xd3\x9e\xe0pX\xf0\xf5\xfeI\xb7Mp\r\xf2\x08w\xf5\x04\x03\xdde\x08#"@A:\xe5\xce\xads\x86\xd8mL\xd941\r\x95\xf7\x9am&amp;N\x88\x83?\xc09\x0e\xe0\xbc\xd6\xbf.\x04\x8b\xd2\x9b\xca\xaf\xa2J\xcf\xdaE\xbc\xa4\x12\x0e\'$\x13\xdbm\x038!\x86{\xc7\xd7\x13&gt;\xfdg\xcfR\xeb\xcbD~\x16\xcf\xf7&gt;\xbaJ\x92mp|\x92\x07\'7\xbam\x82y\x10\xbf\x98;q\xde\xa0\xd6Y|\xcb\x9d\xc5\x11f\xf7o\xe1\xb6\t\xcc\xd86w\xe8\xe4n\xf5)\x0b\xebn\xa5\xc4c`\x91\x0b$\xd0/\xc2\xe1\xf8,\x0e\xef\xdd\xa5\xf6\xe1};\x0e\x89\x9a9\x93\xb8m\x02\x87\xc3\xe1p\x9c\xa2A\x81Tn\x9b\xc0\xe1p\x8cS\xc0\x9f\x0f\xc59\x0c\xb0"\x7f\xf2\xd7\xe4\xde\xec\x0c\xf1=|tM\x8cc\x98\x89]\xea\x860O\xf3\xa4a\xdd\xb6\x80\xe3\x89wF3\xb4(\x99Y\xd8EH\xa1\x96\x1c\x0b\xdf\xdfp\xd8\x1e\xaf\xc2D\xf8\x18\xc7\'i]&amp;\x9b\x17\xde\x9c\xae\x907\x9e\x8eF\x97\xae\xe4\xe2\xa0\xa6\xe5X\x19\xc3\xb1\x9b_\x89\x9bL\x9bf\x0c\xd4\xfa(\x1a@\xfb\x8a\xb9\xec1\xca\x18\xddk\x16r\xdb\x04\x0e\'D\x939\x1a\\\xdd\xb7\x9cIU\x06\x04\x1b9\xec\xd0\xca(\xb6lT\xe7z\xf9S\x9a\xae6_\x82_L\x9ce\xe6\x1co\xa5\x00]\x14\x1e\xc7\xab\xb9{|\x9d\xdb&amp;\xb8F\xe1\xc4\x91\x00\xa0Z\xb6?\x85\xb7VfB\xf5-t%\x1cWX5\xae;\xf9\x17G\xc41\xedk\x98\xab\xdc\xeeY\xf5\xbb\x1b\x07m\xad_\x97J\x99\xe2\xbbk\x00\x87\x01\xf9\x13F\xa8\x9c\xd9\x8b\x9c\x89\xe3\xb8m\x80\t\x02\xd4V\x90\xbd\x19WV\xfc\xf0\x83\xf7.\xa9\xf3l*\x9cP\x87\x95^  D\xafeP\xcaa\x8a\xa4\xf5e\xe5\r\xbe\xfd\xc3\xe1\x844\x84\x1cI\xa4\x14\xa2\xf6\xd0\xb0P\x1a\x8b5h-\xd72\x87\xd5\xb2\xbe\xaf#{\x00d\xe5\xe1\xd3\xf6\xe3p\xbexN\xa8\x03\xf1\x87\xddM\xe4\x8b\xff\x0b\xefC9l\x19\xd4$\xe4\xf8PM\xe8\\\xc7m\x138\x1c\r\xae\x1fXI.@\xf0\x81\x0bU\xb0\xcd7\xabJ\x88^N\x93cL1\xd9N\x1cX\xb8+\x9d\x8a"Y\x81\xd7\xc37HB/3z7\x89\xec\xb6\r\x1c;H\xa7\xad\x8d|l\xed4\x07\r\xe1\xf8\x1ew\x89\xba\xaa\x1c\x0e\xfc\xe9\xb6\x01V`\xb2/\xea\xe5\x9b\xab\x16\xcd3\xed\xfe\xed\xca\xd7r\xf7\xd8:\xe7\x1b5G\x9ex\xbe\xe6R\xc6q\x9e\x1c\xb1\xdc\xd1:\xc8\xe0\xd8\x16\xad\x02\xc4g\xa6\xcf\x15\xdd\xfcuiR4\xbd\xe9Vd\xfc\xce\xaa\xa2\xa0N3o|\x9d(e\x13u\x9a@p\x91\xb2\xa3\x1f\xc7\xafwI\x9fz\xf7\x03U\x95\x96\xa5\xb2\xc8\x8e\x9c\xd9&lt;\xd7\x15K8!\n\xb7\xa4n\xa4\x8a.\xe6\xf2\\\xf7\xa8U\x98G\x8f\xf8.\x8d\x82\xbc\xbc\xdc\xcdr\xceQ\x12\x9a3\x83r\xac\xd2\xbaL6\x00@|\'\x1eY1\xb6+\xf9\x94\x1a9\x13\x97J\xe9\x9c\xcf\xa0r7-O\xdc\xc0\xc9rz\xbeMa\x1c|~\xdem\x13\x02\xf9\x15\xa0S\xe5\xbc\xae4],\x99\x9f\xea\xf1\xa4\x9e\x0e\xd4\xde\x1f\xf2Z6m,\xb7M\xe0\xf8&gt;\x88O\r\x95\xbfuxM\xf1\xe4\x0e\xb9\x084/\x91\xc9b\r\xf5\xb9:&lt;\xc7\x13J\xc1K+\x0b\x83\xe1\x00\x98\x8cO\x94;\x03\xceL\xc2\xb6\xce\x1e\xd2\xb8H\xdas\xdb\xe6;\xd0\x16\xc7\xdb\xf9x\xfb\x88[M\x87\x03\x00\x80\xd3\x9b\xe7\xb8e\x80\x92"I\xdc\xdb\x12\xe1\xf8\x08\x8e\x8d\x90\xec\xa3D@\xb4\xbdK\xc6\xb8m\x05\x87\x03\x00\x00\xd9b\xb8\xd3\xaerC\xcfP\x88\xc0\x8d\x83\xabh\x8a\x99\xcb\x83\x13\xd5\xd4Y\xaa b\x91$\x9ac\xd6\xf9\x83\xdb\xe8*f\xdbG\xb9t\xb1\x9dl\x8e\xdew\x80\x80\xa3\x16s8!\x1e|qQv$]\xa4\xc0\xddi[\x1dE\x94\x9d\xec\xb2Q\x9d)\xcfM\x1d\x11\xb2:\x12\x12\xe4E\xaa~\x06A\xfc\xcf\xe8)\x0cc\xca\xdaW\xf0\nq\x7f\x0e\xc7\'\x99;\xb0\x95\x8b\xad\x8b\xbd\x7f\xeb2Y\xedkE\x96\xa52\x7f\xc2\x08\x0b\x87\xb6\xa3?}@\xa3\xd2\xac-\xb2\x1d\x87G\xdc\x1c\x0e\'\x141\xa5GC\x9ab\xc9\xc3\x05\xbfV\x1d\xe3\x0b\xbd\xbfj\xb0\x8fi1w%N:\x82\x10\xa62eR\xbb\xb4\x04f\x10\xa3\x0e\x05&amp;\x90\xe6c\xa9\x937\xc0\xee\xe6\x1cf\xfe\xe06n\x9b\xa0\xc3\xba)}\xa7\xf7j\xec\xb6\x15\x1cS8&amp;\x14\x1a\xc6\xec\x89s\x07\xb6*\x94\xe8\xb7\xfc\t#\x8a\xbd\xe1\xdbk\x07\\\x8c\x06B|OY\xb2E\xc9\xcc\xbae\x064*\x93\xd2Tj\xa80&gt;\x12\x12\xf5\xf5\xfe\tm\xb1\t6\xd0d~v\xd2S9\xb4\x91\xc4\xf4\xbd\xcd\xf1uZ\x95\x96\xef\x88\xda\xc4\xab\x7f\xf6H\xfb\xbb\xae\xd5\x0b8\xd3\xae \xd0\xe6\x13]\xad\xd7\xd2\xaa\xb4|ENU\x7fM:\xc33\x84tQnx\xab\xca\xf4\'\xc6S\x1c)\x9a4\x84;t\xf1\xb5\xbc\xd0\x0b\xe2G\'\x9b;\xb0\x9c\xa5\xd6\xb9\xbb]0\xe2\x17K\xa7\x7f\x7f\xb0\x7f\xd98V\xc6x9\x94\x12r\x1d*\xe6&amp;\x17\xc8\x1d\x97V\x1d\xb5e\xa9,\x82\xdeF\x1e\xf7\x1c\x93L\xe0\xd3\xe9\x838\xeeS6\x8d\xb1\xa8\xbfs[\xe7\xd9d\x89\x0cV\xd9\xae\xf1\xdb}\xf1\xb5V\x8c\xa8\xb9\x07\x03\xe2s\x936qB\x04.\x8aYq8&gt;\x03}\xf7*-yn\xeb|\x13m\xf9)\x8e\x9cX7]|}j\xd3l\xe9G\x15\xd2\x07\xe6\x0c\x0e\xf8\x19\xf0\xed5}\xf3&gt;\xdd2a\x12C\x9cLq\x9c\xc6\xb4D\'\x1d\x89\x8d\xaf\xf9\x9axN7.\x92\x16\x1c\ts\x1d\xd0\xa8tK\xa7V2\xedC\xf8\x86]\x91\x82\xe0\x0b\xa4\x1c\x00\xf7T\xa8\n\'\x0e\x8cWJ\x1f\xd9{\x13\x19\x9e\xdf\xbe\xc0PyD\xcc\x11\xd3\x92\xd6\x1fCAS\x19\x11\x8c\x9f\xd2\xaeBN\xf6v0\x02\x11\xff\xd9\xb3\x14\x00:T\xd2Y\x95\x92\x11\x07 U\x04@|e\x8f]\x06X5\xbe\x07\x93z\xcc\xa5$BD_Zz\x0b=8\xb3\xc6X1\xa3r/\x8d=\x88(\xc4\xfb$\xd6.S;w2\x7f\x80\x9e\xb5\x8a8`\x8fQ\xd6N\xea\xedp\x8b\xc9\xbd,\xc1\x98\xb9q\xe2\x91\xd5S\x98[\xa2E\xa1D\x91z\xd5)f\xf4\xac.\xd5\xf2\xdb`\x8b/\xc1g\x00\x1c**e4\xe9C_?\x7fJ\xf15\xf9jK\x1e\x1e\xd6M\xe9c\xae\x15\x8b\xf0\xdb\xc0(\x1fo\xb1W\x94Jj\xc1\xaf\xb9|z\xfd\x85:\xd5\xcd\x83\n\x19\xe2\x9ao\x95\x08\xbf\xa88\x86\x99J\x17W\xe5&lt;\xbd\xebR\r\xaf\x02\x88\xa9\x90^\xfd\xb3G\xfa\xd6h`\xad3w\x14O\xe6\xe4m\xb0rU\x17\xf2\x11%\x08~\x1bx99\xbf\xf8\x9e\x82_d\x1c\x87\xc9\xa2\xb1\xc2N#\xbfS3g\x12\xc4\xd7\xccM2\xca\x94\xee*O\xc7-\xb3\x07;iC\xd9\xb4\xb1\x129\xd9\x9e\x97a\xebz\xb1\x96\xb0\xf3\x8c&gt;M\xa5o\t\x99\x90e\xdc;\xbe&gt; &lt;\xbc\xbdv@x{e\xef2\xd5bg\x9dr\xb1s\x9eC+\'\xb9m\x02\xc7; \x08\x9a\xeb&gt;\x00,\x0e\xbd\xf7-\x1dk\xe5t\xd7\x91\x8a\x80\x16Jd,6\x96f/\xb8aP\x8a.CT\xc9\x92\xd0\xc4YL8\xe3\xac\xa0\xb7\xf4\xd2\xedT9\xaf\xa1\xab\xb1K\xb5\x02\x88\xb8s\xfep\xdd\x92\x84\xedq\'\xdd\xc0\x04\x9a\x16K\xefx\x9b\x1c\x9f\xe5\xde\x89\xf5n\x9b\xe0A\xbf\x06\xa5\xa4oe\xc27\x8dL\xf5w"\x88/\xad\x9cn\x07\x0e8\xa6\x87\xe6\x84i\x88\x9f=\xdf\xa2\x15\xe7\x85t\xbf\xc1\x9e\xc5\xa3\xb5&gt;\xbd\xb2g)}\xc0\xad\xa8?Z#\x07\xc1\xbf\xc1K\xe1\xa1l^\n\xe2[\xa6\xb5\xe9\x0f\x97\xf8n\x15\xc7\x9b\x99\xd0\xb9\x8e\x1d\xd5\xee^8J|\x9d\xca\x84{,\x87c+\x91\x01.\xee\\d\xb1\x12s\xc9I\xd8\xe2\x80\x8c\xfe\xd2\x91\x9d\xba\xd7(d\xe2D\xc2`0\xc4\xe0\x98h`\x08``\xe3\xb2n\x9b\xe04%\x02|&gt;\xdf\x99\xd7A#\x15R=\xbb;\xbb\x89\xf4\xdd\x81\xf3\x9a\xc5\x99\xcc\xa6\xc5\xaa\x91#1&gt;;g\xe2D\xf2\xec\xe7\xfa\x81\x955s&amp;Y:\xb2\x93I\xb38\x1c\x0e\x87@\xe5\xcc\x81niC\x9a\x95\x17^\xa40\xe5i\x81\xef\xae\x13&gt;mZ,\x83\xf8\xfa\xb8D\xa4\x81T!~\xebV\xa3`\xd0k\x95^r\xb5^\x04c\xed&lt;\xc9i\x1a\x92\xf2\xf4\xdcv\xe5\xc1&gt;\xf5\x8a\xab\x98\xf7\xe5\x8e\xd1\xca9J(\x93\\:\x00_\x87dB\xff\x86\xbe\x97\xb3\x88c\x86\x8c~\x1eo\xc9\xf7\xcf\xe5\xddKNm\x0c\x14\xe4\x91eI\x1d\xde\xb2\x92\xee\x0c\xf0\xe5\xa5]\xaa\xf5\xb7,\x95\x05\x11\xebht\xf4\xbaO\x08D\xc4\xb7WU?\xd2\xf5\xcc\xb3\xde_\xa4\xe3\xbb`^C\xb7\x1a\x05\x9b\x15\xcf(\xbe\x8d\xc4(\x97/\rB\x9ah\xc4O\xb6\xe6Ey\xf8\xf7&amp;.\xe6\xcc\xb1\x8b|\t"\xe8\xbbr\xbe\xb9Z;w2\xd5\x8f\xba\xd7,\x94\xcd\xd42\xfd\xab\xcb{\xda\x94\xcb\xae\xfaQ\xbc\xa0&gt;z@\xa3\xd2C\x9aW\xd8&gt;w\x98\xa1\x9a\xb7\xcd\x1d*\xbe\x1e\xdc\xac&lt;\x00\x14O\xce0k:\xc7{\x89\x0e\xf0\xf5\xfe\t\xf1\xad\xf5\'}\x0f=}\x11D\xdc\xbbd\x8c\xc5V8\x1c\x06\xc8\xfa\xe8\xcd3\x07\n/\xacG\x08\xd7\xcc\x99D\xeb^:\xb2z\xb2\xeemf\xc2\xd3\x11\x11\x9b\x15\xcf\xf8{\xd0:\x03"v\xae\x92\xcfx5\x81U\x99;1\x84Q"\xc5\xefZ\x1f!\xe2\x90\xe6\x15\x9c4\xc6\x19\xde\\\xdd\x9f\x8a\x95F\xb9\x06\xe6\xe208\x1c\xab\xd0\xf4k\x99\xa2B\xbf\x06%\xb5&gt;\xcd\x1e3\x0c}\xf2\r\xb2%\xc7\xd6L5t\x8a\xee&amp;\xb6V\xee_\xe5\xc1\x8a\x19\xe2\x02\x00&gt;9c\xa8*-\x0e\xad\x9cH\xf8\xd4&gt;\x87m\xe6\xe1\xfd\xaa;"\xff\xfe\xb3\x97u;\xaea\xc2\xcb\x00\xdf^\x15\x17?C\xea\xb0\xe0\xf9\x85\x9d\x86\xca\xd3\x84\xb9q8r\x12H^\x8fm_\xd3\xd0\xb95r$.\x93&amp;&amp;\xb9\xcc\x1f\x00\xf8\xe1\x86q\xbb\x0c\xb0|t\x17s\'jm\x00\xa8f\xa5\xf7\x1eLd=\x0c\xf02aQ)\xa2i\x94C\xfcZ\xb9\x92\xdae\n\x87\xe3\x18\xde3rIks\xfa\x11\xad\xfda2\xaa\x19\x07\x93\x84e\x96\xadL\x8b|\t\xecn\x81\xa3\x0e\xe2\x7fn\x9b\xc0\xe1\xf8 \xd3{7AD\x13\xd1^5r\xaa\xaf\x854(\x98\xda\xfa\xf3\xe9\xd6\xe15\x16k\x10l\x90YR*\xa5\x81\x941v\x89\xfc\x02\x00\xc0\xd15:J\xf7\xe9\xe9\xa4\x1b\xe6\rl\xc5\xc0\x1a\x0e\x00\xc1\x89Ag\xa2\xea\x83hn\x04\xe9\xe1\x90g\x15\xc7\x1cV\x86\xe3\x94\x92\x0f\xbf\x03XLVe\x1a-\xadG/$\xb3\x9ec\xac7\xc4W{!~\x16\xce\xfd\xfe\xf0\x14+3d\xf0\x89\x9d\xc0\x8c\xdeM\xbcg\xed\x81\x03I\xc3\x02\x00\xdc&lt;\xb4Z\xf7W\x99\xd3\xbf\x85\xf2\xa0\xb4\x93\xc2g\xe7\xe6\x0eh\xa9\xdb\xe2\xec~\xcdK\x04\xfc~i\xd7bCv\xda\xc1\x86i\xfd&gt;\xdf9f\xa5\x86\x1e\xb5\n\x9b8\x8b~\x05\xbdk\xf5\x02\x84O\xdf^?`\xa2us\xf4oXJ\xbf\x90S\x90\x9f|\x88\x9f\x1c\xb2\xc3=l^4\xe5\x842\x12I\x14\xf9M;\xba\xebz:\x8b\xa4\xfc\x9f\x0b;\x10\xeb\xa6\xf4U\x86 \x08\x018&gt;\n\xf9\xf1\xc0q\x86\xad\xb3\x07\x13\x1c\xe4l"o|\x9eC\x97\xe3Md\x88\x02\x0b\x87\xb6\xfb\xf1X\xd3\x87\xd21\xa4\xc1\n|\xb2)\xd2\xbb\xae\x8a\x94\x05\xc7:vD\x0b\xbf\xbe\xb2Ox\x91+v8\xe6\x95sB5a\x88[U\xa6A|\xfc\xea\xf2\x1e\xfdrj\xdc8\xb8*\x8b\xde\x8eRI\xed\xe0#\xc78\xbbe\xde\xa9\x8d\xb3\xdc\xb6\xc2\xf7xxj3\xab\xaa\x065)\xc7\xaa*&amp;\\\xdd\xb7\xdcb\ri\x7f\x03\xa5&lt;\x83T\x9b\x04\xbf\xde\xb5\xd8\x84\x1d\xf0\r\x8d\xd0\x88\x98zB\xc9\x88VUL\x0c\xb7\xe3\x01\xd4\xc9\x93\x9cFnzl\x87Z\xde0\x9c\xdf6g\x08"\x96J\xf9\x07\xdf\xd3\x13\xd9\xb5`\x84\xdb&amp;\xb8@Y\xb5\x00\x14\x1a=\x7f\xd5\xa4\xf0\x04\xbc\xe1\xb2W\x12\x9aS\x03\xf9\x0c}\xeb\x97`X[\x8b\x92\x99\x81:-;%m\xcb\xe5@D\xca\x11\xa2\xee\x9d0\xbb_s\x9azZ\x94\xcc$\xbc\xd8\xbb8Xze\xf3\xccA\xfe4\'{\x07\x91\x01\xf0\xdf\xcbn[\xc1\xf1\x01\xda\x94\xcdfS\xcd\x88O\x98&lt;\x9cL\xc7Qr\x9cf\xd7\x82\x91\x88\x98=F\x18\xe1m\x9fz\xa4\x07\x0c\x8dvJ\x9ex?S^C\xe3:\xd6\xa2)&amp;c\xa7dp\xaa\xeb\xb1c.\xa5\xa2\x1f\x00\xb8\x91\xb4\xc0\x0b\x11\x85\xbb\xadc4x\xdb\\2\x11Bxr?\xcb^O\xc6\xb26\xdbFf;\x97Ni\xbc\xfe8!\r\x9am\xa9\x93\xebgP\xd6F\xf9\x00\x98\xd9\xb7\x99n\x191\xab\x81\xd1\xca]\xc7\x1f\xe0\xf8_\xd3\xdc\xb5aF\xef&amp;\x84O\xcb\xa5\xb3WHx\xc9\x88\x8e\xa6\xcf\xbd\xb0}A\x83\x02\xa9\x18\x1ac\x9d\xb8\x00\xc9\xbdX\xfd\xc2u|\xe5\xc6\xe4\xd8\x8e\xd1\xcc\xda\x07WL`{\xf5\x90\xc3eG\xb4\xaab\xa86VS\x81\xf9\x83\xdbX\xfc3\xa3\x01\xa4\xd1s\x17\xc7\xa7\x81\xf9\xcb\xae\xee[Nn.\xa9;q{T\x8clS\xd5P\xf9\x14\x96\x05\xf3\xe2S\x94\x19\xd4\xa4l\xe3"iu\x8b\x9d\xdb:\xdf\xaa5\x00\xa0\xd7\xa5zU\x87\x1b\x16\xe0\xe6\xe1\xd5n[\x11j\x90\x8eD\xda\x95\xcf\xe9\x8a\rny\xf0\xd0\\\xf7\xb5r%5\xb7\xbed7\x83\x9a\x18H\x0c\x9b\x8c"\xc7\xe6\xa2a\xed\xb4&gt;2\xa0n\xa1\x87\x89lP\x84\x0e\xb9t*\x93&gt;k\xce\xfb\xe6\x87$~5\xbb\xe8JC\xce\xd8&lt;?\xb4#\x8c\xefT\x87\xbe\xf0\xce\x05#\x8c\n\xc0\x86\x18\xfc\x89\x9f\n\xbb\xdf^H\xab\xd2\xbe\x14\xc5V&lt;y\xd4\x1c\xb1X\xce#R\x11}nL;%+\x19\xdc\xb4\x1c\x84\x82\xd8\xab\xe2\xc9\x83wR\xbcj\xc6\xc0\xb1\x1dD\xdc2k\x10\x00d\x8d\x1e|D\xb5d\x04\xc9)\xc5\x92\xf9\xd9o\x9aw\x81\xf8\xf5\xf6\xd1\xb5\xf6\xd5\x7f\xfb\xc8ZD\xc4\'g\te\xbaT\xcd/\xbc \xeb)\x89\xe9\x9d\xa5\xe8\xea\xc7q\xb4hX0\xb5\xdb&amp;\xb8Ijj\xe5)\x7f\x1b\xad\xe0X\x83R\xd1\xe5\x0f\x80\xb5\x13{\x19\xf2\xac\x18\xd5\xb6\x9a9\x93L\xa0:\x12K\x1e\x0e^\\\xdc\xa5uJ\x91$\x0c\x1c\x97/\xecX\x98\'\xae\xe6r\x05\x93AS\xee8\xe1\x11\xbfP\xee\x8a([4\xba\xa1\xc2\x84\xcc\xd1`\xd7\x82\x91\xb66\xf1\xf0\xd4f\xc4\'\xa6OW\xfdi\xf2\'\xa4\xf1\xdaW\xa1O=\x87b\xaa\xad\xfc\xc9.\xa2+b\xc8q\x1f\xb7\xc48\xbd\x900n\x1b`\x08i\xa7u\xef\xf8zWlP\xa6\xb1\xf1\xf2\x1c)\xbb\x17\x8d\x92\x1di^"\x93\x95\n\x1dv\xf1\x94&gt;\xc0\xec\xcb%g\x0e\x1f\xda|\xe6\x00h\xe49\xa1\x81\xed\x0e\x81\xc31\xfd&amp;\x16p\xe7\x0fnc\x87%\x1c\xc7\xe8\x1c\xb4V&amp;\xc3\xe2\xd8\xe7\xf4\xa69v\xa70\xd2\x02\xf1\x0b\x98\xca\xc8\xc6\x84\x12\x01\xd1\x0c\xf9O\xdd&lt;\xbc\x06\xbf?\xb0\xcb\x1a\x8e\t\x1a\x17I\xe7J\xbb\xefo\x1e\x92\x8d\x05\x8cz\xe25+\x9eA\xfaV#\x97\xa2&amp;4j\x13\xae\x10\n\xf7Q\x98\xc0D\x88\x03\xf1\xab\x8b\xba\xca\x84Y\x88V\x86mD,\x992\xfa\xdaI\xbdm3\x8a%\xf8\xf9N\x01\xff\x88]\xabq\xcdZ\x0e\x0bd\xbec\xf5\x0b\xa4*\x9cX}..+I3\x0f\xbd~`\xa5Y\xbb\xccSE\x12\xb9\x86\xf8^\xb5L\xe7*\xf9h\xaar\xc6C\xa5m\xb9\x1c\x8e\xb4\xe3E\xb0Z\xd0\xfe\x15\xe0oO%\xc1z\xf9S2\xaa\xdbg\xb0\x1c\x80\xc1q\x90\xdd\x0bGm\x9f;\x0c$\xd9\'\x10\x9f\x07\xbd\xf8\xea\x92Q\xfa\xa4\x8e\x08\xd3\x83\x82Z3D\x81X\x1a\xc5\xc6u\xac\xd5\xaatV\xdd\xdaZ\x94\xcc&lt;\xbce%v\xd6\x99\x84\xac\xba\xc1q\x8bLj\xd93\x8a%\xf3\xdb4c\xa0\xe3\xb6p8\x9e8\xbf_d4\x0e\xd6\xfb\xa3ufyJPt\xaa\x9c\x97m\xfd\xbe\xb5\x05-\x92\xc4~\xbb\xed\xdeh%\xbbu\x9a\xde\xbd\xcc\xfa\x07\x00@\xc7Jy\xcc\x9d\xee\x18w\x8e\xad\x9b\xd4\xb5\x1e}\xf9\xea\xd9\x13\x19\xaa\xbfh2?\xebZ\xd9\x1c\'p\xc1s0\x08\xd5\xdb\xec\xfd\xcdC\xce[\xa2D\xd7\xa5\xd2\xa6&gt;pj\x8f\x86\x0cU\xd5|\x9aY\x14\x02P\xe6hTXS\xa4AvMfe\x18$\xedM\x90\x15P8!\x87d?\x99w\x0f\xef\xd7\xc0\x98&amp;b\x95,\t\xcd5$`\xd41\x1b\x11\xcde\xe5\xb5\x0f\xb2\xe8\x85\xaa\x8b4Y\x85\xcd:\x88\xdftE\x81\xa8\xeayv\x9eA-6\xc0\xd6\'\x06\x11\xa5\x93\x8f\xd6e\xf4\xd7\tE\xb46o\xcd\xe1\xa3\xb3C\x8e/a\xdf \xcbVr\xc5\t\x87\xcf\xcfo\x9c&gt;\xc0\xb1\x16\xd7N\xecew\x13&amp;Tth\xf0Q_l\xc7\xd2\xd0\xcb\xbe\x1f19v\xd0\xdb\x17\xf4U\xd1or\xcauk\xd5$\xea\x0c\xfdp\x9bg\x0e\xa2/l\x14\x99\xa6\xf4\xb9\xad\xf3\x84o\t?\xdc,\x11 \x1f\xf3\x94M\x13\x0b\x8c\x87\xcb=&gt;\xbd\xc5\x9a\x8d\x1c\r\xea\xe6\rP^mR2\xf0\xc9 \xc7\xcb\xf8M\xbb\xfbCD\xc4\xc7\xca\xbd}i\xb6NC\x81i\x8a\x1e\x1f}\xf4\x91\xe9\x00\xfe\x00\x88\x98\xd1O\xe5#D,\x95\xd2\xfcz\x99\xa5\xa5\x03\x8e\x16v\xa4\xffu\x86\xdeu\x8aI\x13\x0f\x14O.\xf7\xb7XC7$\xd7r\x15u\x855\x13{f\xfd\x03\xf2\xc4s\xce\x1d."@\xd3b\x19V\x8e\xeb\xe6X\x8b&amp;PM]g\xe5["\xf4\xe0\xca\x8f\x10Q\xba]\x89//\x86\x80\x07\x80MW\x18\xf9\xe9\xb8j|w|wMy&lt;;\xcf\x97\xc41\xca\x9f\xc6\xd3BY\x01\xf1?\'Zyqa\xf3L3\x0e\x82\x16\xa5\x96\xfe\xd9\xb3\xd4\xca\xe9\xde\xcf\xfee\xe3\xa4o\x11\xdfh\x95D\xc4\x84\x00{\x16\x8f\xb6\xdf(\xd7(\x976x\x82\x84\x88\x94\xa1X\xbf\x01\\\xd8\xb1\x90P\x80f+\x11\xf1[\xb3\xe2\x19e\x07U\xf3\'s\xbc\x05\xb2\xf6\xa4\x8b4-\x96\xde\xb1\xb6\xa2\x03L\xef\xd5\xd8\x81\x86d\xa9\xaf\xca\xa4\x8eA\x93jK\xec\xe0\x02\\\xca35\xa0\x91|\x7f\xa2\xa6\x91e\x16Vqv\xc3[V\xbe\xbc{\x89\x95\x11:"f\x8a\nj\xee\xfb\x1c\x95\xec\x0bRg!D\xc4g\xe7\xc85\x08S\x04\xd9\x83\x84m"q\x0e3\xb2\x18Y\xb2\xdb2{\xb0\xc5\xe6\xaae\xfb\xd3\xc4Y\xf6\xdd\xab\xd9\x8c/\x90\x99\xfb\x13\xb4\x10f\xc6Bw&amp;\xcb:\xf0\x87\xa7\xfa\xc5\x9a\x89=-\xb6\xc5V\x8b\x9f\x80R\xa4\xe1\x0f\x16\x1b\xd1\xc2t\xf0\xf9\x85\x9d%\x02\xa2\xe9\xd6\x16"\xf5(\xebkD\x0e\x87\x07\xb8\xb6\x7f\x85M\x8d\x8a_\xf5\xeb+\xfb\xc4\xf5\x1f|ui\xde\xa0\xd6b\x99_%{\xda\x05\xfc\x7f\xe5\x9b(!\ra\x14\xa0\xcc\xb8K`L\xfb\x9a\xacZ7\xa1\xfaR&gt;}\x1cV\xadK\x89\xab\xfd\x91\xaa7\xea\xe8\xb6\xd5\r\xd5/\xae\xd4\x0b\xf7\x8f/zj/\x1c\xdaN\xf5\xe6W\x8d\x98\x15\xf9\xfe\xe84\xb9\xda\xbay\x03\xc4\xd7Z\xfd\x8b\t\x17d\'7cD\xb2\xc7\x08\x93+\x8ez^ms\xfe\xac\xa9"P\xa5\xa84\x07\xe2\xeb\x08\x81/&lt;\x90-\x06\rmQq\xf7\xc2Q\xd2b\x97w/\x11?\xd5\x8a\xc6\xe7x\x1d\xff\xdd?\xa9&lt;\xa8\xba\xb1c\x9a6e\xb3\x1b=\xc5\xf4V6a$\xd2\xadz\xc1\xc3\xab&amp;\x01@\xc1?\x8d*\xcb\x01\x00\xe4\x8e\xe3\xb1\x16\xb3|t\x97\xf0\x00\x88\xe8\x17t\xe4\x17\x80\x95cMn\xbdv\xa8\x94\x9b\xc9\x9eD\x02\x80\x05C\xdaZ\xaf\xc7\n4\xa1$\xa1j\xc0X6M\xacr\xe9h\x96\xfd\\\x80\xbcy.\xa5r\xe6\x04\xd2\xc2\xb1\x01.\xef^\x82\xff\xdd\x17\x0b\x18\x18-r\xbc\x87\xb86k\xbb\xb7,\x95\xc5K\xee\xf6x\x92\xf5t\xfcv\x1f\x00\x10_\xba\xb5\xc2n\x1fnec\x0e\xe5H\xdd\x8a\xd4G\xfbF\xe8U\xa7\xa8\xe5:\xac"\xf6\xec?\x07\xbe\xf6\x18\xa0\xe0\x7f\xf7dO\x08\xb7\xec\xe4x)\x81\xab\x87\x88\xd3\x8d\x04\xbe"~\xb4\xcd"9\xcf\xcf\xef(\xe2\x92\xd2\xbaQ\xf6/\x1b\xefp\x8b\xbf\x03\xb0\xdc\xfd`M\xbe\xf8\xbf\xd8\xd4\xe9t\xa8d2\x7f\x060\xcaC\xe7%\x08\xddz\x80\xc6\x9a\x19*\x08\xa1\n\x1a\x1cST\xca\x14\x7fr\xf7\x06\x93\xbb\xd5\xd7\xbaK\xc5\xe3\xc3[V\x96\x1dW=\xe5\xdd\xf5\x83*\x95&lt;\xd7\xd1* \xf4\x11\x89\x00&amp;v\xa9K&gt;\xddV\n\xfei@\xae\xe1\xdf\x7f\xf6\x02@\xf7\x9a\x85\x00\xc0\x98F\x97\x05\x8e\xae\x99jk\xfd\xbd\xea\x143\xd7\x89\xcf\x1d\xd8\xca\xbe!gy\x0b\xcb5O\xcfmO\x1eR\xe6\x94\x8fOo\xd1\xfa\x92\xef\x1c[\'\xcc\xecif\x00\x85\x13EB|k\x9b\x99\x1cF\x8ci_\x83am\x88(\xc8\xd1\x10\x1e\x00\xb2x-!\xceKZ^Hh\xfe\'@&lt;\xdb\xc25\xa5N&gt;\xbb\x17\x8e\xbas\xf4/\xe6M\x10\x98\xda\xb3\x91n\x19\xb1?\xa9_ \x95\xe9o \x03\xd3y\x8en\xb6\xf0\xc6\x85\xd3\x0ei^\x01\x00\x84\xb5c\xadb\xf8\xf5\xae9\x03\x84\x07\xa1i\x08\xa9\xa4-\xb2m\xce\x10\xd3\xe7Z\x94\xd5b\xce\xa3S\x9b\xc9\xd7\x9b\xb4\xf7\x7f{\xfd\x80V1\xbe7\x10\x1a1\x91\x00\xb2d\xca\xe8/.\xeezsm\xbf\xf2\xa3\xa2I\xa3\xe0\xd7\xbb\x88\x1f\x11\xd1\xd69\xf6\x80F\xa5\x99&lt;f(+!l\xd8Jg\xde\x04\x99\x04C&amp;\x11\x9c\x9ad\x90\x95\x93\xe9\xf9|\xf7\x98\xea\xf1n\xd5\x0b\x9e\xdb:\x8fI\x13&amp;@D\xd5\xbe\xd6\x8e`\xb1\x96\xa5\xb2\x00\xc0\xf4^:\xab\xa0\xaa\xa1\xd1.\xf2+\x00"\x1eZ1\xf1\xc7\xe33Ze\xf0\xd3-\x9a\r\x00g2\x17q\xf4\xa9\x993\x893\r\x9d\\?\x83m\x85\x03\x1b\x97E\xc4\x9f\x00\x10\x7f\xf8y~4\xbeSm\xb6m\t\xbc\xbfq\xc8J&amp;\x80\xd4z\x83\xe4\xb7\xd74GLJX=\x93\x9a+"6i\x08\x030\xa9k=\x87w\xf9f\xaaI\x16\xfa\xa2Xf\x12\x87\x821\xacru\xef2\x99\xa3\xa70:\x11\xfaw\xd5o\x9eo\xff\xfa\x12\xf1\xe8\xfa\x91\t\x9d\xeb8`\x0c\x81K\xbb\x16\xd3\x17\xc6\x1f\x0f\'w\xab\x1f\xfc\x16_\x89\xafg\xf7o1\xb2MU\xd2\xb9\x1fn\xc8\xbe\x10\xc4\xc7\xf4M+\xd9:{\x08\x00$eq\xc3\x0b\x86\t\x0f\x89g\xe7\xb7\x0b\x99\xc1\xad\x904,\xa0"\\S \xb5QIn\xf7\xc8\x9f\xd0![)\xa7\x02\x8d\x8b\xa4\xb3\xd2\xfd\xa5\xd1]J\xf3\xa4\x8bF\xca{\xbbA|\xb7k\xe1HD\x8c\x07pq\xe7\xa20\xc1]\xbf\xa6\xfc\x06\xc7\x1b\xd1\x8aF\x91\xa2zA\xef^4\xca\x06s4!\xb8\x13(\xb5\xac\xa5\x13\xcc\xa5#;\xd1\xb72\xac\x85&lt;\xef\xa3\xf0\xb7\x97\x08\x88fb\xfd\xca\x0e\xe6\rj\x1d\x87\xddt\xca{Fj\xe6,i\xec\x99\xd1E5\xb9\x15Y\xb9\xc6\x90\xce\xb3H\\\x00D\xb4)\xd2\x90\x0c&gt;\xbf\xe0\xb5Og\xe9\xe6\x99\x90GV\x86\xef\xaaRr\xe4\x18\xbdce\xe5\xa5\x83z+\xdd\xd0\xc8\xd6U\xa7y\xaa\xf7\xc4\xf0L)\x13\r`\xd1\xb0\xf64U\x99\x13h\xa3$iX\xc8\x10\x05\xee\x1e[\xc7\xa46+\xaeJ\xa2Zo\xf5\xec\x89\x0e\xd8\xe9H\x9a?\x81\xd7\xf6T\xce\x11F[\xa1\xc1\xdc\xd3C\xd4bC\xfcd\xd6(\xf3\x0ch\\\xc6\xf4\xb9\x04\xf7?\x8eW\xc0*\x1bC\xf1\xe4Q+d\xa0\xda\\\\&gt;\xba\x8b\xa1\x9aO\xac\x9b&gt;\xa4Yys\xcf\x9e|\t~\xc9\x13\xd7\x85\xa0\x7f\xd3\x88N\x14\xc7\xd6N\xb3\xa3~\x13\xc1\xd8\x1c]\x94\xc3\x88\x9a\xb9\x1c\xdafs\x80l\x16$\x9d\x11\xf1\xd3\x9d\xa3\xecl\xe1\x18\xc7\x90\\\x14\xc3\xc7u\xd2\x9fX\xd5\x04\xdb\xe6\x0c}|f\xab\xa1SX\xfd!n\xc5\xee[\xb4\x7fF\x9f\xa6\xd2\x1aDg\\\xeb\xfc\x02\x90\xe2g\xb8\xb8s\x11\x00$\x0fZJ\x14\xda\x9a\xde\xbbI\x87\x8a\xe6\x83\xa7B\x18.\xca\xd2y\xcf\xaa\xcb\xeb+\xfb\xdc6\x81c\x04\x13\xfd\x8e\xe0\x18 \x1df\x97H\xf1;\x00\x98p\xd3\xfc\x99Q\xc7=\xa2u\x15\xc4\xcf\xc2k|uI\xb5\x8cnV\x19\xd5\xc5egxsU\xc5\x05V\x89,\x17`A\xff\xe0&gt;\x1e\xf1;c\x9b\x82\x18\xdc\xb4\xdc\x9c\x01-\xdb\x96\xcf!\xbc-\x9a4\x8a\xe8I\xc9v\xb2\x8f\x882\xad\xffPB\xbd|)\xdc6\xc1vJ)\xd4\xa79\xeesd\xf5dC\xe5e\xb2hL\xb0\xeeO\x96/\xc1/c;\xd4\x12\xdf\xce\x19\xd0rV\xbf\xe6\x96\xed\x02\x00\x88\xcbtZ#%\x89{\x8e\x8d\x06=P\x1c\xa5O=\xf3N\xf1\x99\xa2R\x8d\xc1On\x98i\xba\t\xa3&lt;\xbf\xb0\xc3\xb1\xb6\xec@w\x85\xf7\xe5\xa5\xddN\xd8\xc1q\x8ce\xa3:\xab\x1e\x9f;\xb0\x95\x1d\xcd\xd5\xca\x95\xf4\xd9\x06W\x0b\x16\x00\x00 \x00IDATy\x95\x9b\xe4\xcd\xd5}v4g\x9a\xea\xd9\xad\xaa0h)\xab\xd8\x8d\xf0\x00#\xa7\x7f\n\x19t\xafYH:\x92\x90e\xe3\xa1\xa7e\xa9\xcc\xbae\xfe6\xf8\x14!&lt;\xef}h\x0f}D\xeb*n\x9b\xc0\xd1\x80\xec0^\xf0\xcf_}hk\xfe\xdb\xc3\xbf\x95\x07\xb5\x02\xac\x9c\x97\xe0\xd2\xd5\xeeoZ,\x83\xf2\xa0\xee\xf7o\xab{\x92\xb4\xf5\x12)~\x97\xbe\x15\x9el;\x17\x8c\xb0\xafu\x19!F3G\x97\x7f\xff\xd9\xe3\xb6\t,\xb9}d\xad\xdb&amp;p\x8cS6\xad\xbdI\x1a\xf0\xcb\x1d\xb6B\xc4\xd2\x98\x85\x86\x85\xd2\x80\xc2#^\x10H \x047\xb8\x1b8*x\xfe=9\xeb\xb1\x89\x8d\x1fo\xca\x8a\roYyt\xbb\xe042N\x06\xfb(\x03y\x04\x1d\xb4\xc2\x89#\xa9\x15\xf7\x16,&amp;\x8c\xdb4C\xe7\x11+D\xf2\xd5\xca\x9dL\xf5\xd3\xb2ib6(\x90\xcaD\xbb\xc3Z\xca\xe3N\x9c\x84gi\xe7x\x17\xbaj3\x17v,\x14\xe6\xc5\xd9\xfe\x08\x1c\xba.\x1e\xdeAZ\x00\x11\xa5\x0b*\xff\xec^*\xbb\xc8\x11\xffe`\xa8\x05\xf0\xc5\x05s\'\xbe\xbc\xb4\x1b\x11\xef\x9f\xd8\xa0[rd\x9b\xaa\xc2\xf6\x89\xf7o\xaf\x15\xb5\xa6\xbc\x9d\xc5\xda\xf8b\xcb,c\xf9M\x9b\x97\xc8d\xba-\x86C\xad\x04\x00\xdf\x1f\x9dbW\x1f\x1b~\x01(\x99\x82\'\x9e\xf0&gt;\x08k\xf4\xa5S\x1b\x1b\x03\\\xd9\xb3\xd4\xb29\x1e\xd8\xb4\x7fP5\xab\xbf\x15\r/\xc4\xd7\xecla\x86\xd0\xa7\xef]2\x86\\\xec\xed\xb5\xfd\x88\xf8\xe0\xe4F|u\x99\x89\xe6\xa2\xf0\xa0-\x9e&lt;x\x90]4\x99\x1f\x8b\x8au\xa8\x90&gt;\x0e\xe2\x07\x07\x1a\ny\x08y\x199\x1c\x17\xd0\xda+6M"\xcb\x03=J\x16\x0em\xa7z\x1c\xbf?\xfc\xf1X\']\xadM\xe0\xdb\xab\xe2k\x8br\xc7\xa6\xc9\x1d\xd7\x96\x85y\xebAyu\xd5\\$Ue&amp;\x05\xe1\xeb\r\xd3\xfaK\x0fF\xb5GN\x1c\xf1\xa9\xa1\xf2v\xacI2\xfc\xa3\xe8\xf5\xa8\xf3%0\x91\xb7\x9b\xe3\xfb\xe0\x93\xb3\x88\xcf\xedn\xa5TJ\x06\xab\x19\xa6#\xb9\x8cF,\xd3sr=\xc9id\xffR\x93\xce\xefZ\x11\x0f^\xc2\x7f\x0fN\xa6\xb2\xc7\xc7E\xd0\xdd\xa3\x0c\x15\xb4\xc3\x04|z\x96y\x9dbN1U\xbf8\x15\x1b\x1cT/\xe7\x84(\x08\x9ak\xe2\x1d\xfb\xf4\xdcv\xf1`\xe1\xc4\x91\x18\x0e\xa3\xf0\xd99B\x12\t2\xbf\x03\x8c\xedP\x93\x9c~\xef\xd4\xc6\xd9\xe6*\xb7\x03V\xe1\xb8\xaax\xc9\xddK\xa9\xc2d\x9d\x17\x17v\xd2\x14\xfbSm\xcb\xdd\x15\xc8\x12uR\xc4u\xb0\x05C\xda\xb0M\xd0\xc4\tu\xe8N\xe6\xf1\xc5E\xc2\xa7\x0b\x86\xb4\xc5g\xe7d\xba\x02\xca\x07\x00\xe2\x87\x19}\x9a\xaa\xd6\xa0;\xeesEa\xd1\n\xbe\x91&gt;\x98\x82\x83+&amp;\xb8\xd5\xb4i\x87]\xf1\xc2\x93m\xfe\xcb\x8b=\xbf \xce\x1fU\x17\x8e\xc8\x9c\xdd2\xb7u\x99\xac\xc6\xad#\xe1\xee\x82\xc9\xec\xfe-\xdcj\xba\xb6\x86\'\x15\xc7M\xba\xd5(8\xaec-\xe9\x11Q\xd9\x95\xec\xf9P\xbf@Jr\xcd\xf49\xc4\x17\x8f\xf0\xf0\xe7\x99?\xb8\xb5\xf4\xed\xa5\x9d\x8b\x00\xe07b\r\xa2\xec~\x9a_\x99\xc9\xc4\xdb9L\xf7\x19\xdc\x92\xd0#\'o \x80\xf8U\xfa\xd6\xf4\xa6(~\xbb/\xbc\xf8kr\x1f\xd9G\x11\x00\xfe\xa1\xf6\x89\xb0#c3\xf3\\\x91\x82C\x08~\xbe\xad[\xb2c\xa5&lt;\xa6[\x11\xb6\xb5\x9a\x99JC\xc4a\x80?]1D&lt;\xbfm~\xe1\xc4\xceGS\x91\x90n\x06\xcb\x16[_]\xde-\xceE\x10Q\xf9\xe0\xe9V\xa3\xa0\xb9FW\x8c\xe9j\xeeDCH\x9fW\xaf.\xef\xf6gQ\xa7M\x0bA\x88\x98\x95\xb0V\xe86\x84~\x99m\x1adz\xd2\x92G.\x00\x00\xb0|L\xd7\x9c\xb1\xedQ\x17\xb1@\x8b\x92\xfa\xc1\xcf\x00\xd0\xadz\xc1\n\xe9\xe9\xb3\x8br8,H\xe7\x19\x9c$\xe4\xf5nR4\xfd\x9eE,\xf3\xb8\xae\x1c\xdb\xed\xc6\xc1UZ\x9fV\xcd\xea\xcf\xb0-\x01e \x9b\xa1\x8d\x960\x00\xd1\xbc/\x9f8s*gN\x80\xff\xddS\x1eW\xca\xfel\x9a1\xf0\xf8_\xd3\x00`\xd7\xc2\x91\xaf.k\x86\xe0\xc6\x06X?\xb5\x9f9cRG0\xef\x1d+\x84\x08(\x7f\xe2;G\xff2W!\x19C\tS\x9f\xd3m\xae\xc8@\xc43\x9b\xe7\x92\x0b\x88\xaf\x077\xf5\x8aTK\x1c[0=\x08\xd5\xcdw1oPkr\x01V\xb4*\x1d\xb8\xfe\xcb*\x93uy\xe3\xceH\xf8\xe9\x96\xd1$0v$\x0cqk\x04-[\xd21\xcd\xda\x89\xbd\x84\x84\xec\xda\ry\xc5\xe6\xb9@\xe5\xcc\t|7V\x17\xbf\xdc1q\xd6\xbe\xa5cY\x1b\xc21\x8e\xae\x80\xb0\x89\x05\x00B\xe6I\xa3Wy\xaf:E\x85\x17\x94\xb7k\xd7\xea\x05\x94%;U1\x9c\xde]W\xeaG\x17EX2\x95\xfd\xf8\xe6\n"\xaa\xba\xa2\x12\xe6\x1f\xf1\rYF\x81[\xbd?X\x1e\x0b#"\xfd\x16\xb70Wp\x9d\x9a9\x93h=\xc2\x0b\xf8[\x95m\xcddQ:C\x8fd\xe1\xccO\x1d\x98\x1b\xc3a\xc6\x9a\t=u\xcb&lt;\xd2H+FXE\xb1\x95\x8e\x95\xf3 "\xe2\x7f\xd2\x839c\xff$\xebO\xe9C\xcd\xc8\x9e\xfb\xf6\x11\xd3\xf3m\xad\\IAoW\\\x06C\'\xc2+{\x97\xb1\xaa\x8a\x15\x84\xbe\x03\x11i\x84&lt;\xe9\x19\xd5\xb6\x1a\xc3\xda\xb4\x9a\xd0\xfa\x8b*gf\x12\xe2m#\xa6S\x96\xf2\x07\x00{\xf0\xfbC\x9d\x02\x88\x85\x12Q\xf5$\x82\xb7\xf5_\x93z\xabVb\xc26\xd3\x0coYy\xdb\xdc\xa1`\\L\xa2\\\x90\xfe\x9d\xd4\xe0\xe1\xad*3\xb4\x8d\x00\xbf\xbe\xcd\xa1\xea\x1a,l\xf9\x80\x91\x877+\xe6\x0ch\xc9\xbcN\xc1\x01\x9a\xa0c(\x90)*d\x8a\x1a\x18\x1b\xbfi\xc6\x00CM8p\xf9\xfdaM }\xeb\xec!\x0c\x8d\xe1\x04B\x9e1\xc6\xb1ve\xcc\xec\xdb\x0c\x00\xa6\xf5l$\x1eY;\xa9\xb7\xe0\x84\xe3\xfdbd\x0eC\xd8\x81\x04\x80\xa2I\xfd\xeckZ\xcc\xdb\xd5\xabN1\xfbZ\xd1\xe2O\x80\x08\x92\x84\xe6\xc0n\x85\xea\xc5\xc5\x9d\x1fn\x1d6z\x01\x8b2pM\x8a\xa6\x17^\xd8\xad\x8cK\xc0\xe8nM\x87\x8a\xb9)C\x82\xa54.\x9c\x96\xd5\x03 ,@\x93\xa2\xe9\xb4&gt;5\xed\x0c\x84\x88d\xedz\x8e\xef\x91?\xa17\xa7\x99r\x1a\xf1\x0e\xfct\xe7\x98+\x06\x9c\xdb6\x7f\xf5\xf8\x1e\x0e7Z4\x99\xdf\xa9M\xb3\xa5\x02\xd7\x000w`\xab\x9b\x87V3\xa9\xbfw\xddbv\xa8\xfa\x00S\x11\xaal\xae\x8e\x85\xee\x1e[\x87\x88\x93\xbb\xd5w\xa5u\x17\x1f\xae\x1cGQF\x1a\xabn7I\xe56[\x97\xc9\xa6ZUZ\xf7B\xb0\x92\x87\xd3\xb4\xcaIJ\xa5\x0c\xdck\xf7\x9e\xc4\xb0^\xbb\x84\x95\\g\xe1\xc4\x0c\x84\x87JT\xc9\xbf\x04\xa4I\x14T\x177\xec\x10\xd1\xf2\x92\x14o=k\x179\xb5q\x96\xdbVpXc_\x86q\x1a*e"\xad\x1c\xd0\xbbi\xca\xe2\x84\x1b\x15Nc\xd6"\x93\xd8\xa7w\xc1\xaa\x8fn[.\x07\x93z\x9cA5\xf4\xcf\n\xbf\x03 \xa2\xd6\xa8]Hc\x90\xceH\x8e\x1c\xd5\xa7\x85\xe9\x1fK\xd7\x8dg@\xe32\xc9L=\x14M\xef/\x13N4\x9d\x83\x93\xe3\xa5\x88Q\xb5~\x96\xab\xa2\x8f\xa7\x07\x80\x87\x7fo\xb2\xdc \xa4\xfdM\xe5\xc6\xcb\xcab\x86N\xb8\x07\x1a\x17I\'k\xb4f\xce$\x0c\x9a\xb4\x07r\x10\x99!\x05\xe3\x94\xbf\x80nx\xeb\xf4^\x8d\x8dT\x19\x88!\xad\x0f\x9aX\\\x91\x9e\xb5\x8b\x00@$\x80\x95\xe3\xba\xa9\x16\x98\xd4\xb5\x1eM=\xba~\xc3\x04\x89\xa1k\xfbW\xd04\xc1\xe1\x98$IXX\xc5b9X:\x8d\x95j\xc9-\x1d\xd5\xc9z\xe5`v\xb7\x90\xd2\xafI\x8a\xaak#C\x15\x17\x13yS\xf3\xc6\xd7\x9f\xd5\x18\x1a\x872A\x9a6RW\xbc\x0f\xf1\xc7\x95=:&gt;\xa3\xcd\xd4R%\xeb\x9baD\xd7\xf3\xf1\x99\xad\x1b\xa7\xd3\xfa\xcc\xb4.\x9b\r\x00Z\x97\xc9\x1a\x1f\x00\x11\x95\xa1\xc5Rh\x84\xd5L\x8c.\xc8\xba\xb6\x1c\x0e\xc7\xdb\xb1i\xc5\\H\x86\xec.\xbf\x00|\x7fx\x8a\xed\xaa\x8b\x0c\x9aoO|\xf6Y\xb4\xe4\xf4&amp;u\x9d\xf0\x07\x7fo\xd45Cu\x98\xaf\xf4\xe6\x9c\xdc\xad\xbeV\xc6!\xd3\\\xde\xbd\xa4D@4\xad\xbdt&amp;\xa9f\xf0\xe3-\x16\xd5p|\x84\x98\xfaE\x9c\x86\xedr\xb9\x03\x1b\xaa\x1fn\x1dV\x1e\xf4\xda\xedS\xd34(\x98\xda\xe8\x1f\xa5\x15q\xd2\xa0`jQ}V\xc4Pw\xa9\xec\xech6\x84h|S\x10\xb1w]6\x8e\xb3\xcc\xaf\x01\xad\x8c\xca\xbd\xeb\x16\xab\x95+\xe9\xee\x85#\xcdU\xab\xb5\x8d\xdc\xae|\xce\xb1\x1dj\x12N\xf4:);\x8e\xddP\xee\xbb\n\x97~\x97\xaa\xf9\x11\x7f\x08\xa7\xf4\xaa]TZ\x800\x82{pr\xa3Y\xeb\xd4-\xc1w\xd7T?\xb2)\xdb\x869o\xa6\x80 \x87\xaa\x82\x7f\x86\x1cEj]gM\xe9\xf8C\xdc\xf0g5(A\xfch\xae\x0b\xa6\xcc\x05\x9fF\xe1\xf0\\+WR\xad\x0c\xa9\xb6\x0e\x08\xd8n\x89w\xaa\x1c(\x9a\xa2+\xe5\xdf\xbeB.\xf1\xb5\xb7\x07+s\xa4\xa8^\x8e\x88\xb8c\xdep&amp;U\x89\xac\x9d\xd4Ky0.\x00\xe2\x0f\xa3\ri\xb5.\rCW\x1a\x83\x88b\xec\x8f\x94AM\xcb%\xb56\x80i]6\x1b~\xbb_&gt;]\xec\x14n\xc9\xe7\xbb\xc7\xfc\xc1m\x1cHC8\xdf\x9a\xfc\x1f"\xaa^~4t\xae\x9a\x8f\xf0\xa9\x906y\xd5\xf8\xee\xe6*7D\xf5\x1c\x89\xb5&gt;\x12\xbf\xbd\x06\x05R1lQ\xa6}\xb2{\x91&lt;\xb9\x02\xef\xeb}\x1e\xe5\x8d\x97)\x1a\x00@i\xb5P\xde\xf5S\xfb\xca\x8e\xc4\xf3|\xf8\x1b\xe2\xfb\xa3S\xe6N\xd4\xe2\xc8\xea\xc9\xc2\x0b\xe9\x1f\xa5\xea\xf9#\xc2*\x8c\x08\xf1\xa3N\x01I\x92w\x00X7\xb9O\xa3\xc2i\xc9\xa78\xef\xa2j\x82\xb3[\xe7\xd1\x17\xae\xa1\xdd\x85\xd9\xd7\x87*\x7fb\xdd\x18/C\xfd\xda\xdaI\xbd\xc9&gt;\xca\xac _\xc6\x81/&gt;\xdc\xb4i\x86\xd1\xa0`j\x8b5\xf0\xa7\x85k\xd0\\:"\xb9\xb4sS\x88\xf7R\xf1\xe4\x81\xde\xc8\xact\x92\x7f\x02\x10\x12\xe5Q:\xed\xddV\x88D\x16K\x16U\x94"1t\x0f \xa2\xc9\x84\xf1\xee\x11\xc2\xf5\xfe\xa9\xe9]\xb7\xd8\x91\xd5S\xc8e\xee\x1e[\xa7z\xfc\xc3M\x95\r\x1b\x00\xc8\x9f0\xc2\xd5}\xcb\r\x99\xd1\xa6\\vC\xe5)\xc9\x1d7\xbc\xf4\xca|\x7f\xe3\x90VID\x146\x9f\xbd\x7f\xc3\xc9t\xae7\x8eI\xaadI\xa8uY ~\x96~\x94\xe6\xd7`\xbde\x87\x11\xd7NdO\x94\xe8\x00\xb3\xfa5\xf7\xccE\xfc\xad~~\x95l\x94\x88\x8f\xc5b&amp;&lt;8\xf3\xc4\xa5Z\xbe\xe9\xd7\xa0\xe4\x9b\xab\xfb\xc5\xb7a\tE\xf5\x18\xda\xa2\xa2\x85\xb3\r\xd0\xa0 \xcbe\x01-D\x8d\x1d%\x88\x8f\xad\xd7\xaf*\x97\xb4e\xf6`\x82/l\xea\x88P6\x8dC\xce\r\xb3\xfb5g\x9b\x8c\xc8;\xd94c\xe0\xde\xc5c\xe8\xcbW\x92h@q\xbc\x91\xec1\x83\xdd(\n\'\x8e4\xb1\x0bU\x9c\x8b.\x88\xf8\xcf\xee\xa5\xba\xe3\x11\xb23F\x02\x80~\rJE\x05\x18\xdc\xb4&lt;\xb9\x9et\x91\xa0n\xbe\x14v\x0f\x7f\xb6\xcf\x1d:\xa6}Mi+Q,\x8f\xb9\x9a\xdb\x9c"uz\xaf&amp;\'7\xb8\xa3b\xcd\n!\xc1\xc8\xfe\xa5\xe3@\xe1\xfd"\xeeR\xbaN\xfb\n\xb9\x10\xb1\x7f\xc3\xd2\x88\xcfT\x0b\xc4\x04\x98\xd0\xb9\x0eMU\x9d\xab\xe6\xeb^\xa3\x10\x13\xabd\x83\x0csawR\xc8K\xa6i\x7f\x0bt\xcf\xbd\xe8\x1d\xa2\x14\x1c\x93\x9c\xddb`aWI\x9e\xb8?\xd3t\x8b\xd3z6"\x17k_!\x17eB\xa8\x02\xfe\x11i\x1a\xb5\x9e\xbaT\xbc\x01&gt;\xdc:&lt;\xbdw\x13\xa0~\x00h\xc9\xe8\x1f[ko\x12\x12\x9b\xb4\xb8\x84\xb5\xfce\xa3:\xff\x010\xa6=\xc9A\x90\t\xeb\xa7\xf6U\xce\xea\xde\xdd8\x88\x9e9\x8a\x95\x1e\xa5\x86@|\xd2\xa6\xac-\x8b9\x02\xa2\xc4\x13\x81=\x8bFSNF]\xc1h\x826\xdd_\xc4\x0b\xd3Kp`F\x9f\xa6\xe6N\xd4rOVEX\x80\xda6g\xa8\xb9\xb6\xcc1w\xa0%=w\xe5\x08\x88\xe6\x01\x80\x88\x86&amp;\xce\x0c\x99?\xa85\xab\x89\x91j\xfa\xb6T\xbf\xe8\xdc\xe46{=~#\xa8\x13\x1b\xaf\xed\x03+k\xe3\xdb\x90\</t>
        </is>
      </c>
      <c r="E555" t="inlineStr">
        <is>
          <t>&lt;class 'numpy.ndarray'&gt;</t>
        </is>
      </c>
    </row>
    <row r="556">
      <c r="A556" s="1" t="n">
        <v>554</v>
      </c>
      <c r="B556" t="inlineStr">
        <is>
          <t>steps_per_sec</t>
        </is>
      </c>
      <c r="C556" t="n">
        <v>8000</v>
      </c>
      <c r="D556" t="inlineStr">
        <is>
          <t>3.3344893</t>
        </is>
      </c>
      <c r="E556" t="inlineStr">
        <is>
          <t>&lt;class 'numpy.ndarray'&gt;</t>
        </is>
      </c>
    </row>
    <row r="557">
      <c r="A557" s="1" t="n">
        <v>555</v>
      </c>
      <c r="B557" t="inlineStr">
        <is>
          <t>Loss/object_center</t>
        </is>
      </c>
      <c r="C557" t="n">
        <v>8000</v>
      </c>
      <c r="D557" t="inlineStr">
        <is>
          <t>0.97691786</t>
        </is>
      </c>
      <c r="E557" t="inlineStr">
        <is>
          <t>&lt;class 'numpy.ndarray'&gt;</t>
        </is>
      </c>
    </row>
    <row r="558">
      <c r="A558" s="1" t="n">
        <v>556</v>
      </c>
      <c r="B558" t="inlineStr">
        <is>
          <t>Loss/box/scale</t>
        </is>
      </c>
      <c r="C558" t="n">
        <v>8000</v>
      </c>
      <c r="D558" t="inlineStr">
        <is>
          <t>0.27038127</t>
        </is>
      </c>
      <c r="E558" t="inlineStr">
        <is>
          <t>&lt;class 'numpy.ndarray'&gt;</t>
        </is>
      </c>
    </row>
    <row r="559">
      <c r="A559" s="1" t="n">
        <v>557</v>
      </c>
      <c r="B559" t="inlineStr">
        <is>
          <t>Loss/box/offset</t>
        </is>
      </c>
      <c r="C559" t="n">
        <v>8000</v>
      </c>
      <c r="D559" t="inlineStr">
        <is>
          <t>0.13435206</t>
        </is>
      </c>
      <c r="E559" t="inlineStr">
        <is>
          <t>&lt;class 'numpy.ndarray'&gt;</t>
        </is>
      </c>
    </row>
    <row r="560">
      <c r="A560" s="1" t="n">
        <v>558</v>
      </c>
      <c r="B560" t="inlineStr">
        <is>
          <t>Loss/total_loss</t>
        </is>
      </c>
      <c r="C560" t="n">
        <v>8000</v>
      </c>
      <c r="D560" t="inlineStr">
        <is>
          <t>1.3816513</t>
        </is>
      </c>
      <c r="E560" t="inlineStr">
        <is>
          <t>&lt;class 'numpy.ndarray'&gt;</t>
        </is>
      </c>
    </row>
    <row r="561">
      <c r="A561" s="1" t="n">
        <v>559</v>
      </c>
      <c r="B561" t="inlineStr">
        <is>
          <t>learning_rate</t>
        </is>
      </c>
      <c r="C561" t="n">
        <v>8000</v>
      </c>
      <c r="D561" t="inlineStr">
        <is>
          <t>0.001</t>
        </is>
      </c>
      <c r="E561" t="inlineStr">
        <is>
          <t>&lt;class 'numpy.ndarray'&gt;</t>
        </is>
      </c>
    </row>
    <row r="562">
      <c r="A562" s="1" t="n">
        <v>560</v>
      </c>
      <c r="B562" t="inlineStr">
        <is>
          <t>train_input_images</t>
        </is>
      </c>
      <c r="C562" t="n">
        <v>8000</v>
      </c>
      <c r="D562" t="inlineStr">
        <is>
          <t>[b'512' b'512'
 b'\x89PNG\r\n\x1a\n\x00\x00\x00\rIHDR\x00\x00\x02\x00\x00\x00\x02\x00\x08\x02\x00\x00\x00{\x1aC\xad\x00\x00 \x00IDATx\x9c\xec]U\x80\xdc\xb6\x16\xbdaN6\xcc\xcc\xcc\xcc\xcc\xcc\xcc\xcc\xcc\xcc\xcc\x8c\r33s\xd207\xcc\x9c\x86\xd3`\xd3\xf3&gt;\xb4\xa3\xd5\xd8\xb2F\x9e\x99M_\x93=?;k\xcb\x92l\xcb\x82\xab{\xcf!\n@\x00\x02\x10\x80\x00\x04 \x00\x01\x08@\x00\x02\x10\x80\x00\x04 \x00\x01\x08@\x00\x02\x10\x80\x00\x04 \x00\x01\x08@\x00\x02\x10\x80\x00\x04 \x00\x01\x08@\x00\x02\x10\x80\x00\x04 \x00\x01\x08@\x00\x02\x10\x80\x00\x04 \x00\x01\x08@\x00\x02\x10\x80\x00\x04 \x00\x01\x08@\x00\x02\x10\x80\x00\x04 \x00\x01\x08@\x00\x02\x10\x80\x00\x04 \x00\x01\x08@\x00\x02\x10\x80\x00\x04 \x00\x01\x08@\x00\x02\x10\x80\x00\x04 \x00\x01\x08@\x00\x02\x10\x80\x00\x04 \x00\x01\x08@\x00\x02\x10\x80\x00\x04 \x00\x01\x08@\x00\x02\x10\x80\x00\x04 \x00\x01\x08\xc0\x7f\x17\x00\xec\xa6\xef^\xb3P\xc1\x04aZ\x96\xca\xbc{\xe1(\x00E\x12\x87\xb3J\x9c\'vp[\x99G\xb1\x95\x9a\x88\x88*d\x885\xa4y\x05\xfeoDS\x82\x10\xf6\xf3\xb4\xc2\xe5]\x8b\xf4\x13G"*\x91\xdc\\\x1d#\x02+\xcff\x8f*?\x1e\xc7U\xb6i\xc3PV7\x9e\xa6\x12_\xee\x9f\xd0l-\xd1=(e\xf3\xccA\x1e\\m\x0f\x7f\xec]j\xb7\xfdK\x11J;\xe5\xf3\x0b;\xc4\x7f\xf1\xe1\xc6\xa5\x9d\x0bo\x1d^m\xab\xb8`D\xd9\xbc\xfdr\xbd\x8b\xeb\x07V\xfc\xdbU\x08\x80M\x04\xd1K\x969"\x15\x88\xef\xdb\xe0\xa3\x12\xed\x9c?\xdc*\xe5\xd4\x9e\x8d\x88(O\xec`\xfau\x98\xd4\xb5\x9e{-;\xb4\xfdKj\xe4H\xa48\x9b$\x90\xdf\xef\xa8\x16\xc3$\x00E\xf71\xa6}\r\x00\xddk\x16nY*\x8b\xfd\xda\xa9\x00`\x87\xf5c\xdf&lt;s\xe0\xe1\x95\x93=/\xe5\xcb\xfd\xdf\xa5EGpua&lt;\xcf\xcb\x96!&lt;Q\xb9\xb4\xd1\x89\xa8J\x16\xaf\x950\xaecm7&amp;@\xfcw\x12\xc7\xe8\xbdxDGO\xaa\xb1~j\xdfms\x86x\x92\x83\x1b\xe8Y\xbbh\xe9T\xfe2\x8c&lt;8\xb1\xd1|\xb0V\xae$\xfc\xf7\xe2\x91\x1d\xc3\x13m\x9d\xedw\xcb\xeb\xa7\xf63_R*U\x14\xaf\x0c\xcf\x01\xd0B\xf1d&gt;\xd2\xe3\xb5s\'u\xf9\xcd\xeb@\xff]\x9e\xd9&lt;gB\xe7:\x9a9T\xca\xe4r6,A\xed\xdcI\xb7\xcc\x1a\xacH`(\xeb\xc2\xf6\x05\x86\x04\xcb\xc7v\x8dD\x14MY\n\x80\x1c\xd1\x02\x99\x8f\xe7\x8d\x1d\\5\xf8XWC8\xfeYz\xfc\xe0\xb2\tz\x19\xdb\x03\x80H\xae\x06\xbc\x1f\x80\xf5S\xfa\xd6\xcb\x97\xc2\x8bu\x00^\xd8\xcd\xadl\x1a\xdf\xe5\xcd\x9f\x97v\xf3\xe5\x99a\xf2\xa4\xf9r\x19\xcc\xab\x07\x00\xa77\xcf!\xa2\x08\xce\x07\xed\xf6\xd6\x99|l^`\x1fae\x07cj_\xde\xa0`*u\x82\xb1\x1dj\xd9\xaaO\x00$\xf8\xfb\xd1\xa9\xb9\x03[\xf1\x7f?\xdd9\x964\x08%\x0b\xfa\xe3*\x90\xd1\xe6\x00b\xeb\x9b\xecY\xbb\xa8\xbd\xdc\x89\xe6\xf4o\xb1|LWu)\x86\xb3\xfb\x97\x8e\xb3[\x8a$\xcf\xbf\x1f\xb0\x1f\xef\xae\x1f\xcc\x1f/\xa4U\xb2\xd4\xa1l\xdb\xe5\x18\x12\xbaY/_l\x9f;4\xb3\x85\xc9\xea\xd3\xdd\xe3\xa3\xdaVc\xb5zpr\xd3\xec\xfe-\xdc.\xc5G#\x8dU{\x99\xd0\xb9\x0e\xf0\xf5\xdf\x1a\x84\xcc\xe5V\xcf.\x7f\xe43z7\xf1$[\xf3A6\xf4.\x1e\xd1\xf1G\xda\xc7\\\xe2\xc8\xca\xc9\xb3\xfa6c\xbf\xf9g\x180g\xff\xbf\x83a\xe2\xd6\xa6l\xf6\xceU\xf2\xfd\x8b\xf5\xf9w\x01\x01\x8ad\xaf\xff\xd8\'\xfe\xdb\xbaLVf\x7f\x101\xb9[}\x9d\xacD\xac\x1c\xdf]\xb3\x92V\xa7|\xac\xaf\x8a/;\xd8\xaeBN\x9d\x12]\x02\x00\xf0\x8f\xf8\xaft\xf6g\x85\xb8D\x152\xc4JH\x04\xa0D\xf2H\x9aO\xac_\x83\x92\xe2\xbf\x83\x9a\x94\xbb\xb6\x7f\xb9\xbfv1\xd6K.l\x98&amp;1Sx\x05\t\x89\n%\x0c#\x1eY9\xae;7Q2["\xf0a\xce\x80\x96\xfeT\x017\xd0\xbaL6\xcb)\x8c\x03,\xc1\xf6\xb9\xc3\xecf\x8e\xbf\x1f\xbaQ\xa5\x00\xfc\xc7P&lt;YD"j]&amp;\xeb\x0f.\x17\xc0\xd9\xad\xf3\xd8\xa7^3gbC/\xc3\xa0\xb6\xed\x10\xd1\xac\xbe\xcd\n\'\n\xeb\xdb\xfd\x7f{@\xce\xdb\x06\x9e\xd7\xb0\x7f\xc3R\xd2Si,\xb6;\x86\xb7\xaa\x1c\xc3\xf9\xc8\xc0\xc6e\x00\xe4\xb5\xb9\x0f\xefO\xc8\x18\xc1wo\xe0\xc4\xfa\x99\xdf\x1e\x9cT\xdb\xdf\x82\x12q\x8b\x93aQ\xd2\xabvQ/\x0e\x00\xc9\x85\xfd\xa9\x82\xf1C\xd7\xcb\x9f\xa2z\xf6\x84\xdc\xa8\xb8}\x9eo\xcf\x05@4a\x13\xd1\x91US\xbcU\x075\x02\x11U\xcd\x1a?\xa5\x17=\x19L\x00&gt;\xc8\x8f\x7f\xbb\xefn\x86\xa8\x9e=a\xb6(\x14\xde\xfd*\xbdq\xf7R"\xa2\x04\x9e\\\xfc\xdfB\x18\xd7I\\\x83}if37\xc7\x85\x1d\xbf\x89\xffz\xe2\xe3\xa1\x8fX\xfe\x96s\xa7\xcayI\xe6/D\xc2\x04\xf0\xd5\x95\xbdb\x7f^"E$C\xca\xceU\xf2\x89\x8b\x89\x18D\x00F\xb4\xae\xe2\x95\x1aZ\xad*f\xf5m\xd6\xa4hz\xaf\x14a\x0b\x9d*\xe7\x9d\xd4\xb5\x9e{\xd7\xf2\xc7X={\xc2\x99}\x9a\x0ei^\x81\xdfZ\xe5\xccq\x01\xe0\xd3m\xd1\x96\xb2e\xd6`\x96\x80=\x84\xe6%2\x0eoU\x99\x9f\x8da\x9a\xa4\x17M\x12\xa1e\xa9\xccV\xa5G!\xeaX)\x8f\xf4\xd4\xfe%\xe3\xf0\xee\x9a\xa2\xe6\xd3-,91\x88\xcel\x9e\xc3\xffu\xb9\x12\x8a\xe1*\x81\x02V\x95\xd7\x81\xceH\x99\xd4\xda\x0bM\x1c\x1d\xed\x0e\xba\x05\xe2\x85\xda\xbbh\x8c:Mzg\xe7\xc1V\xa5\xdd\xf1\x95\xf8\x01\xfb\x1c\xff\xd7H\xe0\x8dL\x00|\xb8yX\xe1\xb9U)\xa3\xdfFk\x9d\xbc\xc9\x9a\x163\xf6AC\x9a\x95_9Nn\xdc\xc8\xe4CS\xba7\xb0[\xa5\xc9z\x97\xf4\xa8UD3\xc3\xf6\x15r\xda\x9aV\xe4\x8f\x17\x8a7P\xe0\x8d\x8f)A\x99\xd4\xd1:T\xcam\xe8\xa97N\x1fP1cl\x97\x99\xbb\xfc\x9c\xa6\xf7j&lt;\xb8i\xf9\x01\x8d\xcb\x98/\xd4\xb78yw\xe6o5\xd5\xf8}\xddt\xb7\xf3\x1c\xd8\xa4,\x00\xb6R\x01P3gbb\xf7\xf8\xfe\xba\xe2*\xa9\xd3\xf1\x8b\x0b;3\xf98\xed6U\xce\x14\x97\x88\xfe\xd8\xbb\x94\xfd;\xaam5\xc3%\x00z\xd5\xb1\xbd\x81d\x17\x11=0\x8b\xcf\xec\xd3\xd4\xc3\xd2\xbb\xd7(d&gt;\x08\xbc\xb0\x9b\x0f\x80\x86\x05So\x9c\xde\xdf\xc3\xfa(\xb0|L\xd7\xe3km\xb7\xa5]\x0bF\xfaGe~-\x00\x08C\xa4\x9e\xe2E%\xca\x1e\x95\xe2\x13\x8dh]et\xbb\xea\x86\xb3i\xc3P\x9fz\xc5\xf9\xbf\r\n\xf8m\xee\xa7\nI\xc0G\xbbU\xb2\x8c,\xf0\x00\xb5\xf3$\xb3{\t^_\x89\xacLpl\xcd\xd4%#;\xb1\xdf\xc5\x93E\xc4\xcbK.\xf3\x1c\xd6\xb2\x92N\x8f\x90\xc9\xc7\xd8q$"\x12\xe7\xc2\xff\x16\xd6M\xe9+\xbek\xcf\xe1;\xa6=;_={\xc2\xe0D}\xea\x95p#\x93^u\x8a\x01X;\xa97\x11\xf5oX\xea\xfa\x81\x15\x8e\xb1\xf2i\xae\x98A\x00\xe4\x8c\x1e\xc8Q\x9c\xed\xd6\x18\xd7\xf1\xa3\x98\xc3!\x0e\x00\xf0\x9a\x88J\xa6\x947\x10\x00\x83\x9a\x945\x1f\xaf\x9b7\xb9\xe6x\xe0\x7f[\x1d\xe2\xf2\xc5\x16\x00$\x95y\x8b\x8f\xeb\xa8\xf2\xd5\xd1\xbc\x91\n\x19b\xbd\xba\xb2\xd7\x8dZ)\xfc)\x02`\x0f\xeaW\x05 \x83\xcc\xaaW6\x8d\xd1`\xde\xacxF\xfe;\x7f\xbc\x90\xc3ZV2$\xd8\xf5\xdb\xc8\xee5\x0b\xf3lE\x0fTsc\xda2\xcb\x85\xe7C\xd6\xc8T-[\x02\xf1HO\xed\x95\xc1\xbf\x02&lt;=\xf7oW\xc1}\x88\x8d\xa4y\x89L\xffbM\x0cxqq\x97N2\xbb\x06\x196\x8c\x94O\x1f\x13\x7f\xdd\xe4\xf7~j\xe3l\x83\x9b\x80\xf9*\x9b\xe5x\r\xac\xc2\xeb\xa6\xf4q;\x87\xe0D\xfa\x96\xc6\xfa\xf9S\xaaW\xa5\x00\x12\xdb\xdf\x1es/\xd6\xe3\xdc\xd6\xf9n]\xf7\xdf\x07\xefC\xb9\xf3@*\xedq\xd10\xa8\xcf\x1d\xd0\x12\x7f\xddb\x93)\x11\xaeM\x1b\x02\x14S\xf8\xbay\x93O\xef\xd5dd\x9b\xaa\x7f?:\x15\xc9\xb1\x12/\x91&lt;\xd2\x8d\x83+\xed\x94\xe0\x07&lt;;o8\xe2\xe3^F\x8a"\x80\xff\xe24c\xdb\x9c\xa1\x9e\\\x0e\xc0\x1c\x97\x17\x87\xa8XR\x1fO\xb2\xfd\x0f\xe1\xe2\xce\x85}\xeb\x97\x00P2Ed\x00\xddk\x16b\xaeVKGu\xf6\xc4\xb2\xaf\x8f\xd4\xa1l{Qg\x08\xef\xb7\x87\xe4\xadqh\xa2\xcc&lt;\xe0\xc5A\xaex\xb2\x88\xea}\xf5\x7fq@\xfd\xcf`\xe7\xfc\x11\xa2\xb1\x9e\x88\xd2\xd9\xf2\xd4\xf3\x00V\x0ba\x05F\xb6\xa9\n\xe0\xda\xfe\xe5D\x946\x0c-\x1c\xd6\xde\xbd\xa2\xb9?\x0f\x87\xe6@\x95Z;~\xbf|\xfa\x98\xec\x8b\xf2d\xb1\xd9\xa4h\xfa\xd9\xfd\x9a\xbb}\xb9\x1b\xd0\xdf-\xb0\xba\x9c\xfdPP}\xa81\xb9[}\x16o\x91\xc0\xda\xb5\xff\xff\x1c\x0b\x86\xb4\x05&gt;\xb1\'\xf9\xf0\xd4fE\xca\x82\t\xc2\xe0\xeb=\xef\x96~j\xe3l\x00+\xc7u\x07\xd0\xb6\\\x0evp|\xc7\xda\xc0\xdf\xec\xb7U\x00\xbc8\x00\xf4kPJ\x9f\xa9\xe2\xdf\xc5\xda\xc9\xc6I\'\x03\x001\x92)\x00\xff\x01\xb8\xecz\xe6\rl\xe5a\x0f\xe5]\x84 \x1a\xd8\xa4,\x11%\x0f*\xa9\xfc?\x8f\xcf\xb0\xda&gt;9\xbb\xcd\xbd\xfc\x83\x12\x01\xb0Z\nO\xef\xd5\xb8h\x92\xf0\xe2\x03\xd1y2\x06\xc3\x97\x88"I\xc2{\xf2l\xd5V]\x9d\xcb\x8f\xad\x99zl\xcd\xb4\x14\xc1\t@\xef:\xc5\xf4\xa3C\x874+\xff\xe2\xe2NOJ7\xc0\xe8\xbfe\x13//\xed\xce\x15#H\x93\xa2\xe9\xd4\xc9\xda\x94\xcd\xee2+\xe9\x1b\t\xea\xdb_?1\x9fM\x13\x9a\x00\xd4\xce\x9d\xb4T\xca\xc8\xacq\xd6\xcc\x99\xf8\xd0\x8a\x89&lt;7i\x86\xa5SE\x99\xd6\xab1\xfc\xf0\xee\xff\xe7+Sc\xf5\xc4^\xd2\xe3\xffW\x1dE\x00|\x01\xa0q\xe1\xb4\xfa\xe9K$7~\x89+\xc7uw\xdb\xd7\x93\xef\xe9q\xd4\xcd\x9b\\\x9arl\x87\x9a\x00\\\xb3\xb2\x11\xe1\xe3\xedM3\x06\xa8\x12\xe0\x9b\'ngC\x9a\x95\x7fueO\xe3"\xe9\xac\xf8\x8e\x80\xbf\x01\x9c\xde&lt;gj\x8f\x86\xdf\x1f\x9fn^"\xa3&lt;\x9d\xd3%\xf2\x0fC16\xb8D\x95,\xf1\x00\xcc\x1f\xdc\xc6\xed\x1c\xc8\xf1\xd1\x8ejS\xf5\xc0\xb2\xf1\xeb\xa7\xf6\xcd\x12\x89\x88hV\xbf\xe6\x152\xb8x\xe7\x00x$\xed\x0f\xfe\xec\x9b\x15\xcf\xc8\xaa-z\xfd\xe3\xd5e\x7f*.e\x08\xaa\x993\xb1\xd0Scx\xab\xca\x07\x97O\x10\xef\x9a\x1d\x8fiz\x14w\x8f\xafwiy\'\xa2Z\xb9\x92\x00P{\xbb\xba\r\xbc\xbe\xe2(\xcb\xf6\xbe\xba\x02\xb3\x9c\x17\xca\xfb\x97\x8c\x0b\xe8\xfd\xff\x1fqr\xc3L\x00.\x03\xa6lMi=\x81U\xfe\xffo\xd3\x07\x00\xc0W\xc5\xd9\x1d\xf3\x86\x13\xd1\x82!\xee\xf4\xbf\xbb\x16\x8clo\n\xfd\xb5\xc5c\x91Hxb\xdc\x11&lt;&lt;Qb7jCT4I\x04\x00\xc03~$\x12\xd1\xa7;\xc7\x14\x97\x00\xc8\x1e\x8d\xd8\x80\xa1\xde\x8ad\xf5\xb4\x1a\xf8\xdd\x00\xef\x88\xbd\x1bl\xd1\xbcD&amp;\xa9-\xf6\xe9\xb9m~}\xff\x8b\x0b\xfb\x16\x8f!\xa2\xf6\x15s\x95\x128\xda\xd8\xc9J\x99\xe2\xd8m\xc3\xcb\xc7te?f\xf6iz\xf3\xf0*\xb7+\xcf\xe0O\x04\x7f.q\xf7\xd8\xba\x8fw\x8e\xb5\xaf\x90K\x9d\x0c\xcf\xce\xfd\x90\xea\xfc\xf7\x91\'v\xb0\xb8\xae\xd2\xe8\x90\x183\x98\x1d\xdd\x0c\xcdT4\x9a\xeb\xb7\xe0\xdc1\xdd!*jS\xce\xf5\x1a\x9cC\x9f\nI\xba\xb9\xf1\xe0\xe4&amp;i\x9b;\xb5q\x96N\x9e\xadJ[\x06?\'"\x9a\xe9\xe0W\xb1\x0b\xde\x99h\x12\xe4\x15M"q\xea\xca\x177\x04\xcb$\x91\x07\xd6\x7f\x11k\'\xf5\x06\xf0\xd4\xa6\xe9\x0c\xaf\xaf\xec]4F\xddfR\x85p\xd1\xa8\xaaf\x95\xb2c\x98\xca\x12\xa6\x08I\x83\xd0\xb9m\x12O\x12\x1b\x94\xb6\xce\xa8\x9c9./\xa5~\x81\x94\xe2\xa9\xbf\x1f\x9d\x823\xac2I\x19\x82\xea\xe5OiuV\x8a\xf1\x9d\x9c\xe8\x14\xa5\xdc\xae\n\xb8\xc7\xb1h\x00\xecoD\xbf\xbb~p\xd3\x8c\x81\x86\x83i\xfe+\x9b\x18?\x07\xa0\xa4\xfc\xb5"\xf0{\x7f\xe3\xd0\xd9\xad\xf3\xf8\xbf\xc3[\xba\xe3\xb1\xee\xf2K0\xa7w\xa3\x14"\xeaV\xbd\xa0\xad\xf4\xc3[UN \xfc\xfb\xe5\xfe\xefV$\xcf\x9e\x84nz\x88\xf0D\xd3z6r\x19\x89\xb6|l7\xb2^\x18Ep\x9c\xda\xb3h\xb4\xb7*\xe6\xfbR\xff\xba9g@\xcb\xcfw\x8f\xeb\xbf\xe2|q]s d\xf2\xa1\x87\'7\xb1\xdf\x06#\xa3&gt;i\xdd\xa2\xe1\x1d\xd8\x8f$\x81\xe8\xc4\xfa\x19\xcc\xc7\x9f\xa1s\xd5\xfc\xac\xc2.\xbd\xd4\x81\xcf\xe2}\xfd\xfd\xe8\xf4\xb5\xfd\xcb{\xd7-NDqe\x0f\x1c@\xca\xe04\xa0q\x19\xe0\x934\xc3\xb4a\xdco\xe1\x86\x11\xabA\xc1\xd4\xac\xc4\xe9\xbd\x1a\xeb\\\xfe\xf5\xc1\t\xc5Y+\xe6`\x11a\xed\x7f\xceD\x14\x87\x08\xf8\xae\x9f&gt;\x00^@\x19\x93#?C\xc6\x08T-[\x82\xe9\xbd\x1a\x8b[\xf0\x85\x13\xf9G\x90\x96\x1fV\x8c\xebf5;?\xb8l\x82\xe9\x13zf\x91\xd6\x08\xa6\xac\xe2\xf6\xe7\xb4|l\xd7\x8d\xd3\x07\xf0\x05\xcd\xf0\x96\x95f\xf4n\xe2\x89\x17&lt;\x00\xb7\x1d\x9f\xbc\x85.\xd5\xf2K\x8f\x7f\xbcs\xd4[v\xb3\x9d\xf3G\x10\xd1\xbb\xeb\x07\xc5y\xee\xa5\x9d\x0b\xf1\xea\x8a\xe7\x993T\xcc\x18\x1bxJD1\x89Rz\x10\xfd\xbcfR\xaf\xbd\x8b\xc7\xe4\x8c\x11x\xcf\xc2\xd1\x86\x8d\n\xbc\xba\xac\xf3\xbe\xcc&gt;9\x17w.\xf4\xcbD\xf6H\xd9\x91\xe0\xceG\x12\x99\x12\xb8\r\x05\xd3\x83\xda\xbb\xd4j\xe0-\x9b&amp;Z\x994\xd14k\x05\x13\x87\x12\x87\x17E\x1d\x02\xe0)\xa4\xe6]\x00KGuN\x1f\x8eXP\xa5{9\x8b\x9b\x9df\xbb\xd2\xe9\xcds\x00X\xb9\xff\xc7$\x12C\x8e#XOZu\xc0\xbc\xb6\xcfo\x9b\xefrY\x9a\xdcb\xfc\x11\xa7T}\xeb\x1b\xf9\xe3\xd8\xc6\xa9~}\xdc\xb8\x977\xd7\xf6{\x918O\xb1\xc2\x7fxr\x13L,l\x9e\x87\x14\xbc\xbc\xbc\'w\xac\xa0\xe9\xed\xcc\x1fn\x1c\\\xc9\xb4V\n%\x94{4W\xc9\x12\xef\xee\xb1uv\x9fd\xa7*y\xad\\\x83"\x12\x9d\xdf\xb6@z\xca\\\x8a\xda#\xe0\x8f\xbdK\xd9\xc8\xc4P ^(F\x1a(\xcd\x93w\xb8\x06\xa6^+\xe1\x07\x97uS\x9cU\x8b\xd0q|\xb8y\xd8*[&lt;\xbf`&gt;X\xd3\xa2\xaf\x97\xc2\xca\xcc\xfb\xf9\xeeq\xbfR&gt;\xdc\x00P!}\xcc\xd4\xa1(\xad6\xeb\x99W&amp;.\xbf\x10rF\x97\xb7\x87\xc1\xcd\xca\xf3\xdf\xfa.\xf3f\x84&amp;\xba\xb2g\x89\xe1`\xfb\x8a\xb9.l_\x00\xe0\xc7K\xc7\xad\x9e\xd8\x93\x88\xea\xe4IFD\x05\xe2\xfd\x08\xe3\xe2\xdb\xeb\x07\xbc\x92O\xfd\x02\xa9\xd4\xd5M\x1dJ\xeb\xdbV\xbb\xe4\xc7&amp;\xda\xb9`\x04\xf0\x96}H\xa9B\xd2\x1f{\x97JM\xe9\t4\xca\xe2\xf8x\xe7\xa8y\x06P.]\x0c\x009c\x04\xde6w\xa8\x8e\xb3f\xe9T~\n\x99\x03\x1b\x97\r\xeeP\x9d\xfb\x01\xc8\x10\x9e\x0c|\xe0\xb1e}M\xfd\x02)\xf9\x0c\xc3p\xf6\xfb\xe3\xd3\xe6l\xbf:T6\xdb\x96\xf7u\xf3o[.\xc7\x90f\x15\xecV\x8f\x157oPk\xfe\xaf\xe1l\x02\xd3%\xf5\xf3\xa7\xbcy\xc8\xd3\xcdaC\x05\xb6\xce\x1eb+\\TD\xcd\x9c\x89\xbbT\xcd\xcf\xf7\xaey\x9e\x8cT\x0e\xf8\xa6\xbe\xdcs\xde\xa4\x00\xfcP\x00\xf8|\xef\xb8\xf48\x97\x9c\x94b\xd9\x98.|c\x8d!\x0c\xd1\x9b\xab\xfb\xbd[=o\xc1\xac"\xe06\x1e\x9e\xdad5\xbba\xd3\xe3:y\x92\xe50y\xc7\xba\x849\xba\x8d\xa9\x98\xe1\xe3-&amp;Mc\x98\xee\xb1\xcf\x92m\x1f\xe7\x8e\x15\xb4k\xb5\x02\xec\xb8\xdd\x9d\xba0\xce\xbd\xa4-\xffZf\xbc\xe2\xfd\x9d\x0e\xda\x95\xcf\x999\xa2\xa5\xddC\xe1\x97e\xc64\x87\x19\xfd\xd1ichX\xce\x18\x81\x19\xbb\xb2{\xab\xd5[\x87W\xbba7\xe7\xe0\xbe\xbf\xa2\t+U\x08"\x13\xf5&amp;\x11\xe1\xf9y}\x0b\xaa\x15\xac\x8cZv\xc1\xccJ\x8c\x8el\xd5\x84\x1e\xe2\n[\x9c#6,\x98\xda|m\xa0\x80Y\xbf&amp;\x1a\x14L\xedF\x07\xe19\xb28\xcf\xee\x98oFY\x8b\x9eq\xe9\xe8\xce\t\x1c\xbf\xad\xde\xab\xb9\xcf*\x93\xdaB=\xfd\xdf\xc6\xa0&amp;\xe5\xbc\x95\x15\x8b\x15\xe2\x13\xcc\x14\xc1\xf8&amp;\xdb\x0b\x00-Jf\xfat\xe7\xd8\x99\xcds\xdd\xc8Y\xe1\xf7\xc5Do\x9c\xab\xe1\xd7=\xc5\x93m\xcc\xe8\xec\xdc\x12Q\xca\x10\x04\xa0\x91\x9dP\x12\x7f\x02\x80\xe3k\xa7\xe9\'\xe6\xbf\xcd\xaeA&gt;\x8e\x1d5\xb7;q\x00S{4"2\x92\xe9\xb3\x0c\x13h\xe7cP\xb9\xc0\x9f\x17\r\t\x02{\xa3\xdf\x040\xdaD\xb3*E \xe1Gi\xe7\xafuJ\xf7\x069\xa2\x07\xda&lt;\xd3\xcf\xf9G\xfcj\xea\xe6K\x9e.\xac\xef\xfc@\xbaW\xe9\x9e\x8a\xf8\xaf\x08/\x8e\x93\x00\x9a\x16\xcb\xe0\xad\xdc\xfc\x15\xc0{\x92\xcd\x80\xfc\xab\xb8\x97\x97\xf0\xf1\x96?MI\xf6-\x19\xcbs\x06\x80\x0f7\xd8o\xd6\x99\xeat:\xc7\xd6L\xfb\xd3\x994\r\xf8\xd0\xaf\x81\\|\xc6\x87\x88d\x8co\x00\x98\xa9z\xfd\x94\xbe\x00\x0cd\x7fw\x8f\xad+\xa5\xad6\xfe\xff0w+\x95*Jd\xa2\xd2\xa9\xa2\xe0\xe3-\x975\x07\xde\xdd=\xb6\xce\xe2\xd4{\x00\xc1}\x7f\x03\xf8|v\xcb&lt;iJ70\xbeSm\x00\x07\x97O\xd0Lo\xe8+o\x1fY\xc3~0\xf2\x15\x06\xb1-\xb9W+\x00^q\xda\xe9U\xa7\xa8h\xfd7\x97\xc2\x7f\xff\x181\x92_\x14\xe2"&gt;\x7f\xbc\x90\n\x1e\x7f\xd6\x9f\xae\x9f\xd2W\'[7\x9a\x97\x949\x00\x00\xf0J\x140Z:\xaa3\x80*Y\xe2U\xb2\xf6}T\x94&gt;\xb3o3\xbeX\xe63ki\xca\xa2I"Tt\x15\xc2\xea\xc8\xe7\xad\xc1B\xf5\xaf\xc0l\xeb\x08MT"yD\xf3\r6+\x9eA\xf4o9o\xad\x0bdF\x02""\x9a\xd9\xb7Y\x02a\x8aGDI\x02\xe9\x12\x85\x9a\xa9\xc5\xcd4\x96^\x0c\xf5bJd\xc5\x93\xf9\x00\x10\xf7\x15\x81\xef,\xfe\xce\x13\xb0\x01\xb8q\x11_\xd2\x88uS\xfa\x00\x10\x1d\x81&lt;\xcf|\x96}:)+\xe1b\x11iB\xd1\xad\xc3\xab\xd54\xd1R)\xba!\xcd*\x00\x10\xb5B\xbd\x825\x93\x9c8!\x12\x08\xbc\xffI\x02\xf9\xba\xb4ZaF\xef&amp;\x01\x0eF^\x00\xeb\x14\x02Y\x84\x0b1\x00_\x149|\xb9\xe7\x1b{R.\x9d.s"\x8bB2\xef\x07J\x0f\x8agC\xda$+%\xa2\xa8D\x03\x1a\x95\x163yv~\x87\xd5\x000\xa1s\x1d\xe9q\xef\xc2.\xef\xa3\x02V7R/\x7f\xcaX\xa6\x94\x8f\x04\x9a\xb3k\xfb\x973\xf2\xde\xfcqC\xda\x92\xf4\x030\xb9[}\xf6\xdb\x13;\xa3\xb8\xfc\xdf\xbft\xdc\xac~\xcd5\xc3\xeb8\x14\x0eN_\x1f\x9c\x1c\xda\xa2\xa2;q\x86n\xc1e\x08+\x83\xd3\xaa\xcebN}l\xcdT\xb7\xcdJ\x9a\xe0s\xa0\xa5\xa3:K\x13xQ\xf4T\x8d\x0b\xdb\x17\x9c\xda8\xcb\xe0w{a\xfb\x02\x97^p\xec\x11\xf5\xae[\xcc?k\xf7+\x01\x80"\x9cR\xed\xae\xc0\xd7\xd2\x86\x08\x1a6\xe9\xd6\xdf3\x1c\xda\xa2bW\x8d\xb8-\xc0\xb8]\xa9F\xd5\xac\xf1\xf7-\x19+\x1eY9\xbe\x87\xad}EO\xe0vd\xa9{\xc8\x1b\'89l\xfd\n\x9b&gt;\xff\xb7k\xf5\x82#[W\xfdtW\xc5\xd9`\x06\x00\xb5\xa5-Ep\x1a\xd3\xbe\x06\xff\x97\x89B+\xa0\x8e\x1a\xb3\xf2L\x05\xbe\xf30\xbd\xff\x07\x13\x93\x15*e\x8ac\x0e\'\xc4\xf3\xf3nt\xf4V\xea\x95v\xc1\xbc\xc8&gt;\xde9\xeayV&gt;D\xc0g\x97\xabfsk\\6\xbaK\xe3"\xff\xfe\xceP\x00\x88&lt;f\x85\x04\xdez2\xa9\xb5\xfb%\\\xdd\xb7\x0c\xc0\x08\x99l\x16\xcb\xa7u\x99l\xfcH\x02\xfb\xf5\xa9\x90&gt;\xe6\xd5}\xcb\xec_\xe7\x047\x84\xc9&lt;D\x14\xa2ms\x86\xc43}l\x99#\xd2\x8aq\xdd\x0c\x07\xdf^\xdb\xef\xb2\xdf\x9f\xdc\xad\xbe{\x1bo\x06g&gt;\xb1\xe8\x8c\x11\x88\xf1\x1egu\xcez\xc7\xfc\xe1\x86\x1a\x9e\xdc0\x93\x88J\xa6\x88\xe4\xd25\xd0\x8cWW\xf6\xd6/ \x0fe\xf7?\x14O\xe6\x13\xd2\x11^\xb7jB\x0f~|\xfe\xa0\xd6\xa2\x88\xf4\x87[\x87\xf1\xfa\x8a]\xc7\xe8\n\x19b\xd9}\x17s\xfa\xb7\x10\xd7@\xe2 \x1c\x87(Ol\xefLN\x1e\x9d\xda\xfc\xe7\xa5]}\xea\x95\x90.\xc8\xf8\xe6\xbf\xe1\xe5\x1adH\xf2\xc4\n\xf6\xc3v\xef\x02`D("\xe0o\xefJ\xcb\xda\x82\x1bS!\xbe\x17j0\xc3w\xabQ\x88\xf9\x0eY\ri\x9a\x05\x8d\xedP\xf3\xe1\xa9\xcd\xdb\xe6\x0cq\xc3Y\xdb\n?`\x96:\xa0q\x99\x84D\xc0\x13\xf6/\xf7\x17\xcc\x19=\xb0{\xa5\x97O\x17c\xc9\xc8N\x00l)-s\xb0=\x1e\xd1\xa2\xb0zb\xcfi=\x1b\xe9\xf8\xf5\xef]4\x9am0\xe8\xd7|\xde \x7fg\x93\x1f\xd7\xb1\x96\xba&gt;\x0es\xb9\xb1I_\xdd\xb7\x0c\x7f?\x08O\x04\xa0z\xf6\x84\xd1\x88VM\xe8\xa1sk\x07\x96\x8e\xe7\x8a\xc7fp\x03\xac\x01C[T\xe4n\xd6\x9e\xd8\x94:V\xd6\xa2&lt;\x01`\x0e8gZU\xd9\x1c\xae@\x8a=3\x00x{\xd5\xbd\x1a\x06\xc0\x05\x80o\x05\x13XIJ\x10\x11Ev\xcc\xb6\xdc\x80\xb8\xd27\xa0t\xaa(:\xcd\x8e\xb5N\xbbVG\x08\xb0J`3K#\xe6\x0chID\xf5\x0b\xa4\xac\x97/\x85\xcb\xc4f-r3\x8a&amp;\t\x9f.\xac*j\xdf\r\xd4\xc8\xe9\x14\xdf\xdd\xa8P\x1a"\x1a\xdb\xa1\xa6\xadL\x0e\xaf\x9c\xa4`\xfc\xe6\xcaS\x0c.C1b\xb8z;M\x8be0\x13\x81I\x91&amp;\xb4\x9f\xf2\x9d\x0e\xdc\x8eN\xe2\x97\xab\x8b+\x97.\xc6\xd7\x07\'\x00\x18\x1c\x1c\x01\x18\x02\xcb\xcfn\x99k\xbew\xfeLJ\xa6\x88LD\x9d*\xe7\x15\xd3\xac\x1c\xd7\x9d\xfd\x90zFH\xed\xf5\xee\xb1\xack.\xd6\x9d\x0c\x86\x7f\xaaD\xb0\x01(v\x10Y\x02\xfc\xf3\xa8i\xb1\xf4\xd2\xb3\r\n\xa4\x02&gt;\xba\xcd\x18\x1f\x00\x17\x00\xa0\xe9\xb2\xedu\xb4+o\xa4,f\xe8Y\xdbW\xcb\xb7R\xc6\xd8\x00\xda\x99\x98\x8d\xa5\x10\x97\xacb\x17c\xf6j\xe0~MV\xad2\xba\xb3\x99\xc8C\xb0xZig\xe7\xe3\xad2,\x8b6\x98Mf\x99\x0fz\xa5\x94\xd3\x9bf\xf3\x07~x\xe5$EW\xdb\xbaL\xb6\xa7\xe7\xb6K\x07\x80]\xbf\x8d\xf4n\xc5\xdcC}\x07\xe3f\xce\x18~\xa31\xafj\x8fZ\x85m\xed\x8a\xf3\xfe\xbaC\xa5\xdc\xe6[\x16\x1d\x10\x0c0(\xe8\xeasF\x01\xb0\x1b\x10s\xef\xf7\r\xfa\x99\xb3\x1f\xb6\x1e\xc2\xac\xbe\xcd\x14\xad\xee\xc8\xca\xc9GWOU\x17\xf7\x03\xd6\xc7\xbf(`!\xf2n\x17\xe6\xf5\xdb\xee\xdfF\x12\xd1y\x19\xad\xae\x1a\xb3\xfb\xb7\xb8{l\xdd\x9d\xa3k\xd9\x07\xa3i\x0f\x05\xd0\xb0Pj"jY*\x0b\x9caN\xc9\x90+F\x10\xc3q&amp;G\x07\xd36&amp;\x0b\x8b\xdd\xbdp\x94\xb9\xdc\x99}\x9a\x16N\xe4\xc4Q\xc37\xb6\x97\x8e\xea\x9c3F\xe0B\t-\x19L\xcc\xa7\x00X)aY\xee\xc2\xdb\xc4\x9b\xab\xfb\xbd;\x9f\xfap\xeb\xb0\x1bs\x88\x95\xe3\xbb\xb3W\xc3\x96P\xd0\x93\xebq\x0f\n\xe6m3\x80\xe7\x00J\xa7\x8a\x12\x91\x88\x87\x1ar\xb7\xce6e\xb3\xd9\xed\x8cF\xb5\xa9JB\x17\xd6\xb5z\x01\xbbwzy\xf7b\xcdBm\xf1D\xf1!\xc6\xe5B\xd9\xab\xebR\x15n\x1fY\xc3?\x89\x98D]\x1c\x11\xe6\x01\xf0/\x00\xa8\x99SW\xe7\x83\x9bz\xb3G\xa3\xa5\xa3:\xa7\rMd\x11\x98GJ?&lt;^\xb4\xd5\xa9}K\xc6\x0enV\xde\xd1Q\xbf\xd3\xab\x1b\x00t\xad^\x00&amp;H\x13\xdf:\xbc\x9a\xff\xcb\xbdK}\xacsVW\xd8+\xc8\x19#0\x9e_\xf0\xa4\x94\xbf\x1f9Q\xcd\xbc\xbb~0W\x8c \x1e\xaaz\xe9\x00\xff&lt;\xe2\xaeS\xef\xae\x1ftcs\xd8\xe5]W\xc9\x12\x0f\x9f\xee\xd8\xcf\xd8\x05\xda\x94\xcbnp\xc2a:\xd5\x9e\xe4\xa9\x08\x9dq\x03\xefo\x1c\xea\\5\x9f"A\xf1d&gt;iUF\\\x170\xccu\x16\r\xef\xe0\xfb\xd9\xbc\xbe\xf2\xe3\xe7\xdd\x002\xe9\r\x8f\x00\xcc\x93\x0e&amp;d\xc4\x95\x93\x7f!\xb0M\xdajz\xda\x17"\xf4\xdd\xf3}\xad\xbdO\xcf\xb2\x7f\x81\xbfXt\tg\xd5w\xa9&gt;o\xab=\x89=\xb8\xce]\x99\xfb}\xc5\x00 \x82\xf1y\x8di/\xb1\x8c\x03\xb8\xb2g\x89\xb8c\xdc\xacx\x06v\xdc\x83/\xce\x05\x14\xb1H"C\xbd\x01\x05\x13\x84\xee^\xb3\x10\xfb=\xb1K]oU\x86\xd1p\xba\x84\xces\xd6D\xd2\xc0\x14\xc4\xe2\x94c\x18~\xbeqz\x7f\xaf\x94ED\x07\x96\x8d\xb7*\xc8m\xe8\\\x0e CxZ4\xbcC2\xab\xbb%""\x8d\x98d\x00\x18h\x12er\t\xbe?7\xa3OS\x12V\x03\x1d+\xe7\xe1\x1f\x0e\xdb4\xe2\x05\xd9-B\x07\xd9\x9d\x8dU\xd9]\x8a\x0b:c\xc5\xd8n\x86\x8d\xc6\x9e\xb5\x8b\xfa\xb6\x93\x17F\xde\x8b_\x0b\xf8\xe7\x91\x7fd[5K&lt;\xeeBgKr\x96\xd9@\xd5i"8&gt;H_\x022\x01c;\xd4\x1c\xd6\xa2\xa2\xe2Z\xc5\x00\xa0\xd6"\xbf\xb6\x7f\xb9H"\xe8r\xab\xf0\xe5\xe5=\x00XP\xa2\xe7\x1d_\x9b\xb2\xd9\xf1Ywb{i\xd7"O\xca\x12!5\x12\xbb}/\xf8x\xeb\xc8\xaa)\x9e\xd4\xc7C\x18d\xe9\xd4\xc1t7\x0e\xaed\x1eDV\xce\x05\x05\xe3\x87\xf6$\xdc\t_\xeem\x9c\xde_s\x18\xe0*\xd91\x89\xfe\xbc\xb4\x9b\x88\x82\x13q\xc1\x16\xb5\xb0O\x8f\x9a\x85]2E\x8bz8\xdb\xe7\xfa\xc6L\xdc9\xb6\x8e}\x149\xa2\x072\xd4\x13\xf8"|:\x7f\x8aU\x05\xf0\xe9\xee\xb1\x88\xa6v\x92;fPn#\x9a\xdc\xbd\x01\xde\xfc\xa1\xae\x12\x11\x1d[3\xcd\xa5f\x91\xa1h\xf6\x9b\xc5\xa8/\x1f\xd3\xb5h\x92\xf0\x8c\x02@zIXw\xf7\xc0\xff{\xb020{&gt;bw\xab^\xf0\xd0\x8aI\x1ef\xc2Q6M\xb4n5\n\xa9\xd3\xe0\xd99^ms?\xde\xae|\xce\xdd\xca}B\x00\xccw\xc2\x00f\xd9W\x80\xf7\x86\\\x10\\&lt;\xcbC\x8d\xd8dlL\xfb\x1a&lt;\xc1\xfe%\xe3\xcc\x9ct\x1e\xc2n\xe0\x95-\x00xsu\x9f\xe2\xac\'\x99\xab\xa3\xf3m\xc1j#\xc4\n\xba\xcbXm4*\x9c\xb6Bz\xbf&gt;\xe4\xd0\x8a\x89vs\xb0\x92\x94 \xa2PD\xc3ZV\x1a\xd9\xba\xaa\xe1\xb8Ay\x94-\xbf\xd4/%0\x11\x9e\x9e[=\xa1\xa7"\r\xe7\xfb\xe4\x9b}|Q{\xf3\xd0*s\x83?\xb0t&lt;\xffv\x84L\x00|1\xbc\xe2Z\xb9\x92\x84 \x9a;\xb0U\x93"\xe9X\x87\xce\xe3o\x01(B\xc9\x1e\x9c\xd8\xa8\xd9\xd8\xe2\x10\x01`\xeacm\xcafgWe\x08G!\xf5\xe6\x94??\x14\x8e\x04d\x93,\xd7\x0c\x16;\xea\x1e\x12\x07r\xad!\xae\x98A[M\xe7\xd5\xf6P"rx\xa6\xfb\xc1\xc3\x98\x16\x00#[W\x952\xbf\xeb\xe7P4I\xf8\x1f\xc6= \x94\xfb\xd8p\xa4W\x1dU|\xfc\xf6y\xc34\xf2\xc4\x91US\xb8z\xe2\xe4n\xf5\xd5\x0b,5\xa4\xf1=9\xa2\x05z\xe1\xe0\xaa\x9b\xd1\xa7)\xbe\xdc\x15g\xf4\xbf\xaf\x9b&gt;\xd6a\xaf\x93j5{\x0e}Al+\xe0\xf9y\xb33+k\x8d;\xe6\r\xe7\x84\xcfj\xbf\xd2g\xe7w\xb0\xab\x14l\xa9l\xab\xec\xc8\xaa\xc9\xf6\xaa\x07\x907\xd4\x9e\xd9]\xb4-\x97\x1d\x80\xc1\x14#\xfd\xb4[\x97\xc9\xbaxDG\xc6\\\x9b\xc5\xce\xcb3\xc7p\xc4"Z6\xba\x8b\xe2\x92\x1f\xb6q\xfd\x7f\x8d6em\x88\xa4K\x916\x0c\x89\xfa\x0cf\xc0\xb8\x84\x04\x80uS\xfal\x9a1P:;f\x06}6\xb9\xaa\x98\xc1r\x19\xf8\xfd\xf1i\xab1\xc0e\x9d\xc5\xc4w\x8f\xad\xe34\xbfKFv\xeaS\xaf\x849}\xaf:\xbevC+5A\xfc\xfd@Z\xee4\rm\xd5!\xcd\xca\x13Q,"\xafx[\xe9\x83\x89\xb8\x85\xd0\xd8\x8d\xb7\x85ta)\x04\xd1\xe3\xd3[\x18;\x08\x80\xab\xfb\x96e\x8eH7\x0e\xaed\x0b)f\xd3&gt;\xb7\xd55\x05f\xfap\x9452e\x89\xe4\xc4?h~\xc5\x8am\xaa\xe2\xc9|J\xa7\x8e\xea\x92L\xc2\x00\xc68o\x05\xc6J\xaf)%/\xd4\xc4\xb7\x0e\x8c\x1fW\xdaZ&amp;wo`h\xc9b\x1f\xc8\xe4\xe4\xa4D&amp;V\xb2\x9d\x0culF\x95_\xdb\xbf\xdcn,\x88\x02\x0b\x87\xb5W|\x95\xcc\xa8e@\x08\x99\xd3\xa0\xd7\x81W\x97\xfd\xbf\x90\xffc\xb0\xde\xc6\xedI\xabKt\xae\xea\xdb(\xa5\x03\x80zv\xb3~j?\x97\xf9\xcf\x1d\xd8\xca\xdc\xf5\xdf8\xb8RG4J\xbc$k\x14\xbf\x1a\x86&amp;\xc2\x97\xbb\x86\xc4\xa1\xc5\xf4\x7f\xc99\x9c\xa5\x84\xfea\x94+\x18r\xd6\xae"\x7f0S\xe8 &gt;QB\x0b\x12G\x0f\xc1\xe5\xab\x00\x00\xdf\x8a&amp;\x89\xb0a\x9a\xdf\xdel\xa7\xcay\xd5\x97g\x8c\xe0\xe7\xb8%F]\xe0\xcf\x8b\x8c\xadS\x01\xf1\xb1v\xaa\xe2\xa2 3\xd4\xde\n}\xeb\x97\x84)\x86\\\x1f\xc5\x93\xf9(Z\xfe\xa4\xae\xf5\x98\xf8\xfb\xf6\xb9\xc6\xc5V\xc1\x04a.\xee\\h#\xb0\xcd\x01M79\x7f\xc2\x8f\x11\xd4\xb3\x8b\x84D\xaf\xadM\x9d\xbf\x04\xe6\rj}\xd6z\x16&amp;\xeeqi\xba\x81\x9a9\xb8\x01\xe0\xaf\x9b\xf8z\xcf\x8d\xea\xb9\xc4\xac~\xcd%\x93\xff\x7f\x1e\xabM^~u\xfb\xf3"\xbb"\x91\xf3\x10\xc5Hb\r\xbd\x06K\xd9\xb7~\xc9\xba\xf9R0\xa3Y\x8b\x92\x99uJ\xb9o\x1dA\xc3\x060\x9dLt\xe0aV\x8c\xfe\xa1|\xfa\x98\xfe\xf1\xb1\xaaGA\xf5U\x00\xaad\x89W?\x7fJ\xbb\xc2\x12x~~pS\xaf\xc9\xec\x10Q\xda\xd0tl\xcdT^7i\x9a\xd9\x16&lt;\xcc\xcf/\xf8\xedXx\xb4{\x0c(\x1c\xbd\xc4db\x90\x9a]\xc4\xff\xe9\xe2\xaa\x86*\xddC~Q\xec4\xf1g\x89\x98a\x938pd\x9b\xaa\x89e-;]X\x7flL\xe6\xfe\xdf*x\xd8\xeaZ"\x1a\xd9\xa6j\xf3\xe2\x19\rg\xad4\xd1\xfa5(\x05 yP\xb2\xd5\x1f\x8d\xefT\xdb|\x90i\xd4\x19\xcc/nLW\x19D_\x0e)\xca\xa7W\x99\xe2\x014q\x842y\x1d\x8bGv\xb4Rb\xb8\xb4k\xd1\xae\xdfF\xb2\x17a\xb0\x80M\xe8\\\x87\xbf\xd6\x15c\xbbi\x96enl^T\x82\xe2\x99\xff\xben\xba\xe1T\xa5Lq\x88h\xc58\xdfz~{p\xd2\xf9B?*\xfc\xf6\x15s\xf1\xdc\xacDc\xacJg\x15\xc0\xe7;j\xf1\x83p\xce\xa2\x1d\x1c\x87WN&amp;\xa2\xd22\xcf\xd1\xaaY\xe3\xbb\x16\x04\xb0\x06\'\xa2P\xe0_\x1cT\x00\xf8\xab\xeb\xc4O\x88\x07\'6\xea\'~yy\xb7\xd5\xdbe\xad\xf6\xc2\x8e\xdf\xc4\x83:\xea\x13\x9a0\x0c\x00:\\\xf9\xbe}\xca\xb8n\n\x93Kyk\xb32\x00\xb6\xf9f\x05\x917_\r\xb3\xd7\x93T\x13\xdc\x13(,\x06\xfe\xf1A\xae\x9e\xd8s\xe7\x82\x11\xe6\xe3\xb9c\xcaw\xb8s\xc5\x0c\x923z`\xb6g\xdb\xb3v\x91f\xce\xc3*\x80\xdc\xb1\xecm\x8d\x9bw;=\xbf\xcd\xf46\'1\xf8x\xcb0\xdc\xb1&amp;g\xe0\xfd\xf7k\xb5\xaf\xae\xd8\xaa\xcf\xb4^\x8d\xebj\x10L\xa9\x11\xd9\xa1\xba\xcap|\xedt\xc5=\x02o4\xf5\xb4\x95\x99\xb8x\x86:\xc6[\xbb\xe8R5\xff\x9e\x85\xa3\x03\xb4\xe0-\xd1\xa9r^\xa6\x14\xe8\xc6\xb5\x1b\xa6\xf5\x8bN\xb4r|\xf7\xe0z\x9fY,\xa2\x9b\x87V\x11Q\xd3b\xe9{\xd5)\xeaF\x89fDu\x1e\x03t.q\xcf"\xc1qj\xd3lu\x02\xc5\x12\xbfE\xc9Lg\xb7\xf8\xe9\xf1V\xc9\xf2CU\x898\x87\x12\x83\xd5CPG\x1e\xf9\x07\x18\xbb\x0e\x97\xae\xe4\xf8|\xcfR\xffO\x13\xcc\xd0\xe7a&amp;S{4\xb47\x00\x00\x06\xc5\xb4\x05C\xdaZ\xe5\xf0\xfa\x8f\xbd\xd2\xe3\x06\xf0\xd5Q\x92\xc0\xd4\xa1Rn\xfd\xcaX\xa1N\x9ed\xeeq8\xf2HO\x03\x9a\x15\xcfX\'O2\x00.wh8\xf8V\xb3\xc2\x99\xb0f\xce\xc4\xd5\xb2%0\xf0?K\x91%\x12\xf9\xdf*\xf6\xa7\xc5\xe0\xa6\xe5\xed\x1aO8z\xd6.\xea\xeb\x99`\xb15*"\x88\xef\x06\xd7g6\x06\xe0\xcb\xdd\x19\xbd\x9bxE\xba3ep\xdd1\xa0D\xf2H\xb1\x89r\xc7\nj\xee\xe2\x00,\x18\xd2Vq\xed\x9d\xa3k\xcb\xa7\x8f\xb9fb/E\x1ar\x04\xe6\xb0\x9a\\\xda\xb9(2Q\x9a\xd0d%\xd1\xe7\x06\xa9z\xc9\x94N\xceq\x1d*\xe5\x06\x9e\xb5+\x9fs\xc34\xd7\xdb\xe6D\xbe\xaa\xd9\x1c^\x1f\x81\xfeyr\xc6\xbb\x0b\x0bu\xa4\xab\xcb\xb2\x8e\xaf\x9b\xae\x19\xabl\xc0\x92\x91\x9d$\x95I\xa9\x9c\x80\xd4\x8b\x00\x00 \x00IDAT\xeb\x99h mekSv\xb1B\x97T\x13f\x03\x94?\xa1f\xce\xc4\x8cFT|\xce\xec\xf7\xfe\xa5\xe3\x0c\x89\x81\xb7v\xf37|\xb0C\x9bW$\x93%\xf0\xe9\xb9\xedx}\xc5%\t\xee\xb7\x87\'\xe1\x1c\x99\x1c\x00]\x08\xee4/\x93\xdb\xec\x91\xb2F&amp;\x00\xf8|\xc7\xeeg\xcf\xb6\x95\x99g\x9cz\x18`.\x19fReqkzr\xb7\xfa0\xe2O"\xda&gt;w\x18\xf3e\xf6=\xf6\xf7\x03\xabR2\x0b\x8e\x82\xfc^\xb6\xce\x1e\x0c\x81\xe4\'\xab\xde\xe7?oPk^\x89\xa6E\xd3+R\xb6+\x9f\xd3\x96\xb8\xee\xdb\xeb\x07\xe0\xbcm\x00\xe0\xdd\xf5\x83\x00\x0e\xaf\x9c\xecFL\x86\x17U\x1c\x00\x8c\xefT\x1b\xf8\x07vD\xc9=-\xd4\xe2\x85\xf2(\x84]\x0bF\xb8\\\xb1\xfd\x82P\xfbm\x13Q\xb9t1D7\'Qa\x1b@B\xa2\x87\xa76\x8b\xaeR\xee\x19u\xbd;\xffPwAq\x1c\xfe\x1d\x81\x89\x92\xfd\xf8\x88\x9b\xffs\xb0\xef\x16\x00\xde\\%\xa2\x86\xce\x03\xa9\xf8\xfa\xbd\x82\x93\x1bg\xf1\xb7\x05`\xa2\x85\xdb5\x80\x11\xad\xaa\xd8jY\xc0\x13a\x0c\xf8\xc4\xfeL\xe8\\\x87\xb1ur\xdc8\xb8\xf2\x9c\x06\x0biZ\xab(j\x17u\x90\xafE\xdc\x9b\x1a\xf3\xe9b\xb5l\t\x00\x1cX\xeaDM\xf3\xf4\xdc6V\xd6\xe33[\xdd\xa9\xab\xb2b\xe5\xd3\xc5\xd0\x0fbN@\x84\xcfw\xff~t\xeaG\x8a\xddK\'\x86\x7f\xdd&gt;"\xde\xd1C\xed-\x19\xb7\x01`\xfd\x94\xbed_J\xe1\xc7\x03\x7f\xdd\x12\xff\x9d\xe6,\xad\xe3\xe3`\x9a\xb2\xdbV=\x9cI\xe88FE\x92\x19o\x99\x81\xc8\xe5\xae\x9b-Y\x88\x9f\x13\x9a3{\x03\x7f^\xbd\xfc)\xabf\x8d\x0f \x9b\x17})x\x17\xf9\xe7E\xc7oc&lt;*\x11\xb1r\xc5\xb0^\x1d\n\xb3&lt;\xb1\x83}r(\xc42\xb4)\xe7\x17\xe9\xb6{\xe1\xa8\x1c\xd1\x02\xb1\xe3\xd3{5\x8eH\xe4\xdd\xfbbx\x7f\xe3\xd0\xc1\xe5\x13\r\xc6\x96q\x1dkYy\x16\x11\xd1\xe0\xa6\xe5\xf5\xf3W\x9b\xaa\xdc\xc0\x96Y\x83\xbdk\xb7q\x0f\r\n\xa6&gt;\xbd\xc9\xa8\xcd@\xce\x9d\xd1\x1cW\xceN^\x84~ *\x00\x1eK\xe8\x15\xac\x1a\xdf\xc3p\xa4s\x95|\xf8|g\\\xc7Z:\xb3f\x00\xd2X\xe5\xf2\xe9c\xbe\xbdv@&lt;b\xd0\xbb\xe6\xe8\xdfP\xe2K\xad\xf0\x1ag\xc8\x1c\x91\xf0\xe96ws\xd2\x87\xc8\xbck\x85}\x8b\xc7\x02/\r\x07\x01\xa4r\x9e\xa4\xd8\x8dz\x0b\x80%\x00\xe0\xef\x87.\x93\xdd&gt;\xb2\xc6\x9d\x9c\x1d\xef\x92y\xca\xbf\xbc\xbc\xc7\x90&amp;}8\xa7/?(\xd1\xc2a\xed\xccsK\x83w\xe3\xf6\xb9\xc3V\x8e\xefN\x16S\x98\xc7\xa7\xb7\x10\xd1\xea\x89=\x01\x9c\xdf\xb6\xe0\xda\xfe\xe5\xa2\x83\xb6&gt;\xd4QSl\x80y\x7f\xe3\x90xPA\xfc""\x89\x7f\xc6\xa7\x03/l\xa5g\xe2\xc9\xde\xae\x03\n\'\n\'\x8d\xd1\xf7b\x1c\xf4\xef\xeb\xa6\x97L\xe1\xe7T\xe2\x92\x8e\xc9&amp;\xc5\xa4k\xd4\xce\x9d\xd4\x10\x02\xb2g\xe1\xe8\xec\xf6TX\x8c\xc0\xb3s\r\n\xa4\xda:{\x88\xa0e\xef\xeb]\x9a\'\x96\xae\xe9v\xb2\x92\x89\xbaO\xbd\xe2\xea\xcbk\xe7I\xeaW\x1f\x93\xfd\r\xc0\xfe%\xc6\xbd\x81\x1f\x86\xa3\xab\xa6\xc4%jY*\x8bK2\x98\x00\x10\x11\x15\x88\x1f\xca%\xb3\xb6\x8f7\nzqq\x97\xa1\x1fY4\xbc\xc3\xd8\x0e~\x14\xca:\xbdL\xda\xd0\xf2\xfe\xcb\xac\x8c\xfa\xf1\xf6QE\x9e\xf1\x89\xe6\xf4o\x01\xa0a\xa14_\x1f\x9c\xb4\xd5\xc1E"\x8aFt\xe7\xe8Z\x97\xcb\x86f\xc53\x8a\xc1\xab\xe5\xd2\xea\xeev3!I\x8e\xc8D\x9a\xbb\xbb-Jf\xee\xeaJ\x1cc\xeb\xec!\xfc7\x80V\xa5\xb3\xba\x8c\x1e\x18\xdb\xa1\xa6\x1b\x03\xbc\x023\xfb6s\xefB}\xc7\xc7\x01\x8dJ\xe3\x1f\xbf5%k~b4\xac\x99\xe0\xc6\xee8\xe7\xe3\x8a\x14Vj\x00\x04\xa03\x06\x18\xbcEU\xa5|t\xb2\xe7H\x8d\xa5\x86\x191\x80\xfcz\xa1\xb9M\x8a\xa6\xb7R\xc6&amp;\xc7\xe6\x9f\x98\xadN\x9ej\xac\x9e\xd0S\xad\r\xa9\xc6\x9aI\xbd\xe7\x0fn\xb3|LW\xe0\x95\xe7\x95\xf9\xf9\x11X\xb9\xfb\xea\xb27\xd1G\xf7\x1a\x85\x00\x04"Z \x13\x1e9\xb5qV\xc1\xf8\xf2)u\x18\xa2\xf4\xae\xd8\xa8\xf8-\xe84A\xf6\x11N\xecR\x17@\x8b\x92\x99\xa5\x96z)\x866\xaf@D\'7\xcc\x02\xa0\x90\xd8\xb6\xba\xd6\xcc\xc5\x987\xb6\xc4jj\xb6\x11\x1d]=U\xa7\x865r$\xd2\xbc\x97&amp;E\xd33\x0e2\x00\x1d+\xe5\xf9\x7f\xb0\xfc\xf4\xae[\xacp\xa2\xb0b\x0b\xa8\x90A\xc2\xd4;\xb5G\xc32il\xcc\xd4\x7f\x1b\xda\x8e\xff\x86)\xe0\x0e\x80B\x88M\x07\x00\xcc\xc4Py\xe3\x04\x07\xf0\xfd\xf1i\xd6\x89+\\\x98V\x0b\xeed\xc2~\xd8\x9fGVM6\xe8\xcf\xd8\xaa\xd2\xba\xc9}\xdc\xbbV\x96\xdb\x1b\xb1y\x9c\xdb:\x1f\xc0\x88\xd6U\x88\xa8Q\xe14\xce\xbd\xff+\xa9\x15\xd7fq\xba\x1f\xa3\x08\xe6\x85\xd8\xafAI\xf6\xef\x9a\x89\xbd\xbe=8\x9964\xe1\xdb}\x97\xb9\xe9\x04\xaf\xfd\xb4h\xe8\xca_\x8a=\x1d)\tD\xde\xd8\xc1\x01\xb0\xedV\xcd\xe2\xceo_\x10\x89\xc8\x95\x1e\x8c\x13F\xb7\xabn\xb5\x95Z&amp;M4\xc3\xe6\x15\xc98|\x0c\x88\xe8\xb7=\xfb\x17\xd3z4g\xae^\x11\xb1 #uH-\x11\x8dh]E$\x07&gt;\xb4|\xa2N\xf4?\x00\xcf\xdd\xdeE0\xe9p\x03\x8a$\x0ew|\xedt"\x02\x9e\xe5\x8d\x1d\xfc\xe5\xe5=f\xef{\xb71\xb3o\xb3y\x03\x8d\xa4\x8cj\x8ci_#UH\xdf\x9d\x98:y\x92u\xae\x9a\x0f\x1fn~\xbe\xf7\xbb\xb7\xaa\xc4\x80\xbfn\x1a\x8f\xb8;\xf2\xb17\xb9j|\x0f\xef2\xe8\xfd\xeb\x90\xf2\xb8H\xa7)\x0c)\xbc\xe8@FD2A\xd3-\xb3\x06\x19\x8e\xe4\x8b\x1b\x02\x00\xf0\x95\x1fiQ2\x93\xb4\x97\x18\xdb\xbe\xa6\xe1\xa0y\xe7\xe4_\xa1\xde\xfa\xcf\xa0K\xb5\xfcO\xcfm\xc7\xbbk\xab\'\xf44\xa8\xf0\xf4\xa9W\xfc\xdb\xc3\x93\xb3\xfb\xb7`\x8fx\xd7\x82\x91\xc07EV\xf9\xe3\xbaC\x88\x0f\xc0\xbcC\xa5\xb0Q\xce\xe8\xdddR\xd7\xfad\x11\xfb\xcaB\xe7Y[Y=\xa1\xa7t\xefKlI\xa1Mq\x89Q\xc8\xd2\x9d\xdf9\x93\xa7\xe5\xd3\xc7\xd4\x0c\xaa\x10\xdd\xd1\x00\x9c\xdd\xe2\xb4\xc9\x16\x86h\xe3\xf4\x01\xfd\x1b\x96\xb2.\xcb\xb8\'\xa6\x03|\xbc\xc5\xeet\xcf\xc2\xd1\xfc \xdf\xfc\xb7\xa5\x8e+\xab\x92\xa7K\n5\x85\xaf{0K\x94\xf8\xd3\xd2\x87\x8b\xb7x\x11\t\xb4S\x1an\xca\xeb\x1b\x1b\xfe\n\xf3\xf6\x1e\x13\xd73\x00\x80H\x93\xb7bl7\xcd\xa5\x03\x00i\x86\x01\x90\xa3d\xca\xc8\x8e\xf9\xb2\xef\xc3\xb5%+\xca\x82\x15\xe1\xd0ZI\xea\x1cy\xd5\xcc\xc4\xbdS.mt&lt;?/\x1e1\x04\x1c\xf6oXj\xfe\xe06\xd2\xce]\xc7\xae\xfa\xfd\xd1i&amp;a\xaa\xff\xe5\x1b\xacO\xdb\xe6\x0c}\x7f\xd3o_7K$_\xdf\xb29\x03Z\x9a\xe3\x03t\xc85\xf3\xc5\tQ:uT\xae\xcbfU1+\x11\x15\xc3\xdb\x91\xa2h\x92\xf0\\\x7f\x83c\xe1\xb0v\xb0\x88\xfb\xd3\xe0\xd1\xf8wP+wR6Vv\xa9\x9a\x7fJ\x8f\x86n\xe4`\xf5\xa0\xbc&gt;\x12\xb4)\x9bM\x11\xdb\xa1\xd3\x02o\xb9\xbb\xe9b\xeb^&gt;\xdd9\x86/w\x01\x00\x7f\x9e\xde4\x87\x85\xda\x02\x00\xde\x00\xef\xdd\xab\x80&amp;\xee\x1c]\xeb\xde\x85R\nn\x00\r\x0b\xa6\xae\x92%^\n\xe5F\xf8\xe4n\r\x0c\xa4\xd9\xff\x0f\xf6\xcf\xffk\\\xd9\xb3\xe4\xfe\xef\x1b\xf8c\xaa\x95;\x89\x8e \xa7\xe8H\x9a\xd9\xce|\x08x\xc3EkE\x84c\xed\xf2\xaf\x9bf)\xe7&gt;\xf5\x8a\x03\x00\xbe\x15\xb0\xd8E\x102w\xc7\xc2h\xceA4\x1b\xbbM\xdf\x1f^6B\x88\x1c\xf4}\xea\x95\xa8\x95+\t\xfb\xcd\x04\xc4\xcd~\xa2\xac&gt;\x17w.T\x14\xd4\xd8\x11\x19_0A\xe8\xffns?\xb1a\xa6\x18^\xd0\xadFAi2\x9def\xc1\x04N\xcf]\x7fs\xde\x16\xac\x88\x8f\xee\x1d_\xcf\xdb\xa1\xe8\xa4d\x06\x80\x8a\xb2\x8d\x107\n\x15\xf2\x94G\xf3L\xef\xdd\x84\xd7\n@\x99\xd4\x92\xf9T4"\xc3\xfc,\x16Q\xe3\xc2i\rQ\xd6\x03\x1a\x95\xd1\xa9\xaa\xb4)\xb6+o\xfc\xba94m5;\xe6\r3\xb4\rCAL\xb2)\xbe\xc5\xd9\x00H0\xa4y\x05\xfe\x98\xd4}\xe8\xc5\x1d\x0b\xeb\xe5K\xd1\xb1r\x1e\xab\x04M\x941\xb1\x0c\x1d+Y^.\xc5\xb4\x9e\x8dX\xad\xcel\x96\xf8\x8f\x8b\x00P9\x93Gf[V\xd0\xddc\xeb\x14\x9a\xec\x9a\xc8\x16\x85\x14J\xad3z7a\x0c6\xcct\xa6O?\xc0\xd0\xb0P\x9a\xe1\xad*\x8b\xe2\xc0&lt;\xd2\xdb\xed\n\xdb\x82\x81\xf8O\x07\xc3ZVR\'H\x19\xc2u \x8b\x94\xf5\xfe\xd3\x1d\'\x0eHs\x04,^^\xe2k\xa9#\xab&amp;KW\x93\xb6\xf6\xae\xda\x96\xcb\x01 \x8b\xac{\x07pl\xcd4\xf6"\xbe=4\xd0\x85:y\xd4\x00\xc0\xfb\xebv\x8a5\xc2\xd0hb:\xb2}yY"\xc0\xf2\xf5\xc1Iu\'\xbbvR\xef\x83\xcb&amp;\xb0\xdfE\x12\x87\xb7\xe5\xab\xecx\xba\x1f\xcc\x1f\x8ef\x9b\xd4qF\xb7*z\xfd\xd4\xbe\xe6\xe3\xb7\x0e\xaf\x8eF\x84\x8f\xb7\xdd\xcb\xf6\x17\x02\xef8\xe2\xba\x1a\x00\x00|\xb9/\xd9\xbb\xe3Sf\xff0\x8f\xe2\xcdU\xf7\xba\xb6\xcf\xf7~\x17-\xe0Rl\x995\xd80\x9e\xe9\x7f\x99v9,E\xb0\x8d\x01\x00R\xda^\xdf\x9a\xbc\xbdj&gt;\xb8w\xf1\x98\xb9\x03Z\xce\xec\xd3\xd4\x87\xe8\xf5\x1f\xfb\xc4Sl\xdf\x9e\xff\xeb\xaf\xd6a7\x16\xf8\xbb\x16\xa8\x94\x9cIo\x01\x07\x80i\x9c\x89\x07o\x1c\\\xb9z\xa2J\x0e\x97\x1c\xcb\xa3\xb5&amp;\xff\x19\x85\xce\xa2\x02\x0b\x86\xb4]9\xae\xbb\xb4\xc2\xd5\xb3\'d\xd6B\xb3\xd0\xee\xa5]\x8b4gZ:\x88fA[\xc2\x14\xde]:\xfb+pv\xeb&lt;\xb6\x1c/\x94\xd0oX\xac\x993q\x9d\xbc\xc9\xad\xea\x0c|O\xec\x88\xff g\xfa\x07\xc8\xe8{\xad|T\xdd\x10\xf0bC\xde\x80Fe\xfcC\xef\xe8\x97\x00k\x8bC\x9a\x95gK\x01\x85\xdb8\xf0\x1d@\xb6\xa8DD\xc9\x83\xba\xd9\x88\xaf\xed_n+}\xd3b\x19\xe0J7\xd5\x0c\x87\xe1\xe8\x8d\xf4l\xe6\x88\x04\xa0}\x85\\\xd2^r\xce\x80\x96.\xef+W\xcc \xfe=\xe3\x16\xbd\xe9\xcd\x1f\x0c\xf0\x0e@\xa1\x04\x1e\xb99\xfeH\x0cjR\xf6\xcb\xfd\x13\xea4\xf7\x8e\xafW\'\xb0R\x187\x98}\xec\xc2._\r\x00\xe6\xbck\x97S\xd5\xe5\x00\x00\xfcMD\x03\x1b\xdb3\xb3,\x1d\xd5\xd9\xa5\x1c\n\xf0\xcf?O\xe4\x1c\x9f\xea\xcc\x89\xe8\xb7\xa1\xedr\xc7\x0c\xea\xb2\xc1\x1f]5E\xeah\xc4\xd8V\xa4\xfc\xa6\xcc][Z:&gt;\xe9N\xde\x99\xb3\xd2\x88\xd6U~\xd8\n\xf8\xff\x0e\n\xc5T}T\xce\x1c\xd7\xae\xff{\xad\xdcI\x15g=\x11\x8a+\x928\x1c\xfe\xbc\xb8`p\x9b\xc8\xd6\xab\xc8\xeds\x87*r\xf8\xf6\xf0$\xde\xfc\x01|t\xaf\x02\xf3M\x01\rx\xf3\x87\xd3\xbf\x00\x00\xf7x(\xf5\xc1m\x17V*\x08\xc0[\xc6\xe6\xa8\x80\xd7\xe9k\xfe\xad/m@\xa3\xd2\x9a\x9c\xf5\x9a\x00\x00\xfc\xcd\xa2\xe7\n\'R\xd9\x81\xc2;\xa8V\xd2\x86\xf1\xbd}\xbb\x0f\x01\x9fn\x03_\x84r%\x97\xefY4\x9aiS?:\xbdE\xac\xe4\xb4\x9e\x8d\xcc\x95\xe3\xc3\xde\xfc\xc1m\xbex\xdb\xad\x96\x17\xcdx\xbc\x89ht\xbb\xeaO\xcfnS$\xae\x99+\t\xf0%Ep\'\xb2qv\xa7\x8f\x85\xdb1\xe4\x0f`\xcf\xc2Q\x8fNo\x11\x1f\xc8\xab+Z\x04\xda\x0c{\x17\x8d\xf9\xfb\xd1)\x00\xccw{j\x8fFxwM\xff\xf2\x9f\x1c\xbc\xa9\xbd\xbc\xbc\x07x?\xaec\xedw7\x0e\xfaG)\x86\xfd\xac\x04DS{4L`\x9d\xbey\x89L\x8a\xdc\x18\x14\x925.\xd9r&lt;\x19\x12\xa3\xd9\t:\xe3\xff\x</t>
        </is>
      </c>
      <c r="E562" t="inlineStr">
        <is>
          <t>&lt;class 'numpy.ndarray'&gt;</t>
        </is>
      </c>
    </row>
    <row r="563">
      <c r="A563" s="1" t="n">
        <v>561</v>
      </c>
      <c r="B563" t="inlineStr">
        <is>
          <t>steps_per_sec</t>
        </is>
      </c>
      <c r="C563" t="n">
        <v>8100</v>
      </c>
      <c r="D563" t="inlineStr">
        <is>
          <t>2.89002</t>
        </is>
      </c>
      <c r="E563" t="inlineStr">
        <is>
          <t>&lt;class 'numpy.ndarray'&gt;</t>
        </is>
      </c>
    </row>
    <row r="564">
      <c r="A564" s="1" t="n">
        <v>562</v>
      </c>
      <c r="B564" t="inlineStr">
        <is>
          <t>Loss/object_center</t>
        </is>
      </c>
      <c r="C564" t="n">
        <v>8100</v>
      </c>
      <c r="D564" t="inlineStr">
        <is>
          <t>0.5403364</t>
        </is>
      </c>
      <c r="E564" t="inlineStr">
        <is>
          <t>&lt;class 'numpy.ndarray'&gt;</t>
        </is>
      </c>
    </row>
    <row r="565">
      <c r="A565" s="1" t="n">
        <v>563</v>
      </c>
      <c r="B565" t="inlineStr">
        <is>
          <t>Loss/box/scale</t>
        </is>
      </c>
      <c r="C565" t="n">
        <v>8100</v>
      </c>
      <c r="D565" t="inlineStr">
        <is>
          <t>0.13940816</t>
        </is>
      </c>
      <c r="E565" t="inlineStr">
        <is>
          <t>&lt;class 'numpy.ndarray'&gt;</t>
        </is>
      </c>
    </row>
    <row r="566">
      <c r="A566" s="1" t="n">
        <v>564</v>
      </c>
      <c r="B566" t="inlineStr">
        <is>
          <t>Loss/box/offset</t>
        </is>
      </c>
      <c r="C566" t="n">
        <v>8100</v>
      </c>
      <c r="D566" t="inlineStr">
        <is>
          <t>0.14383195</t>
        </is>
      </c>
      <c r="E566" t="inlineStr">
        <is>
          <t>&lt;class 'numpy.ndarray'&gt;</t>
        </is>
      </c>
    </row>
    <row r="567">
      <c r="A567" s="1" t="n">
        <v>565</v>
      </c>
      <c r="B567" t="inlineStr">
        <is>
          <t>Loss/total_loss</t>
        </is>
      </c>
      <c r="C567" t="n">
        <v>8100</v>
      </c>
      <c r="D567" t="inlineStr">
        <is>
          <t>0.8235765</t>
        </is>
      </c>
      <c r="E567" t="inlineStr">
        <is>
          <t>&lt;class 'numpy.ndarray'&gt;</t>
        </is>
      </c>
    </row>
    <row r="568">
      <c r="A568" s="1" t="n">
        <v>566</v>
      </c>
      <c r="B568" t="inlineStr">
        <is>
          <t>learning_rate</t>
        </is>
      </c>
      <c r="C568" t="n">
        <v>8100</v>
      </c>
      <c r="D568" t="inlineStr">
        <is>
          <t>0.001</t>
        </is>
      </c>
      <c r="E568" t="inlineStr">
        <is>
          <t>&lt;class 'numpy.ndarray'&gt;</t>
        </is>
      </c>
    </row>
    <row r="569">
      <c r="A569" s="1" t="n">
        <v>567</v>
      </c>
      <c r="B569" t="inlineStr">
        <is>
          <t>train_input_images</t>
        </is>
      </c>
      <c r="C569" t="n">
        <v>8100</v>
      </c>
      <c r="D569" t="inlineStr">
        <is>
          <t>[b'512' b'512'
 b'\x89PNG\r\n\x1a\n\x00\x00\x00\rIHDR\x00\x00\x02\x00\x00\x00\x02\x00\x08\x02\x00\x00\x00{\x1aC\xad\x00\x00 \x00IDATx\x9c\xec\x9du@T\xcd\xd7\xc7\x8f\xdd\x8a\x89\r**\x82J(\x8aX\xa0\x02*X\xa8X\xa8\xd8\xddbwwww\xb7bwwwww\xd7\xf3|\xdf?fw\x98\xbd\xb5\x17\xc4\xe7\xfd\x89\xf7\xf3\x87\xde\xbdw\xee\xdc\xd9]v\xe2\xcc9\xdfCd````````````````````````````````````````````````````\x10S\xc8&amp;;S0\x15\x01\xa8\xe9\x99]r~\xf7\xa2Q\xb5\x8a\xe4\xb0Za\x91\xf4\xb1\xd9\xc1\xe4n\r\x88\x08\xf84w`kv\xa6\xa9\xbf\xeb/\xb5\xf5?!G\xac\x88\xe3\xbc\x89ij\x8fF\x92\x026D{\x97\x8c\xd1SU:\xcd\xab\x92O8\xab\xae\xd6Y\'\x99\xe6\xd5\xaf\xf7\x8e\x95sL\x15\xa9\n\xd3\x13\x01\xd8\xb5`${\xd9\xadv\xe9Y\xfdZ\x10Q\xe1\xb4\xd6\xef\x8dc&gt;\xf0HME3\xc4-\x95-\t\x11\xc5\xd2\xb8\xe1\xd7\xb0\xfdm5\x1b\x18\xfc-&lt;&gt;\x1d\x0e\xa0\x92K\x06\xc9y\x00\xf2\xc2\xf3\x06\xb5Q+\xd3\xab\x9e\x7f6\xa2\xce\xd5K\x8enW\x8b\x9d\xe9X\xad\x84X8^\xf4\xb4\xd7\n\x0e\xbf\xad\xbf\xc9\x9bX\xeb\xea\x89\xf5\xd3\x13\xfd\xae\'k\xa1\xf85\xfdz\x9d\xbc\xda\x03\xcb\xc6w\xadYj\xd9\xe80=7\xf6k\x18\xc0\x0e\xf2\'\x8d\xf6F\x19\x18\x18\xfcf\x80\xa7\xfc\xd8;\xabB\x876\xb8Ye~\xdc\xbeJQ\x00\x81\xce\x113C;\xa2\x11m\x82\x15\xbb\xa4\x84\xd1\xd9\xcc\xe8\xc4+C\x1c\x8d\xab\xe3:\x85\xe8\xac\xc759\xa5\xd6,\xb0}\xee0"\xca\xa4^`l\xc7:It&gt;\xecw\x9236\x8d\xedX\xe7\xc9\x99\xcd\xe2\xc9\xc5\xc3;\xb2\x83\x1e!\xbe\rK\xe7\x13/\xc57\x1f$"zqa\x87d\xa1s`\xf9\xf8@g\xed\xa5\x91.2\x12M\x91-\xce\x0c\x0c\x0c\x14HO\xa4=\x1b]4\xac\x83\xd5J\x8ae\xb4&gt;e\x07\xb0s\xfe\x08\xf1\xcc\xcaq\xdd\x00\xf4\xaaW\xd6\xea\xbd\x7f4\xdeY\x13\xe5KB$\xccy\x89\xa8\xbcS\x9a_\xa93\x15Q\xc5\xfc\xe9\x7f\xb1a\xd1\x82|\x08On&gt;\xd81o8\xb7\x0e\x89$ z~~\x1b\x80\x99}\x9a\x05\x17\xb2\'"\x87\xd8DD\x1d\xab\x16oS\xd1\xf3\x17\xdb\xb3r\\7=\xc5\nG\xc3@c``\xa0\x9b\xa1-\xaa\x8a/\xbb\xd5.\xadX\x0c\xaf/\x01/\xfe\x93\x16E3o\xae\xec\xd1_Xq\x95\x93\x86\xa8`\xe4\x8c\xf0\x11Tq\xd5X0\x98\xb0\x8fb\xddz\xa9\xe4\x92A\xc3\xca\xd4\xcc\xdf\x8d\xccV~\xe0\r\x80\t]\xea\xcb\x8bI\x16\r\x91"\x99y{I\x8d\xf8\x1a\xd7\x0c\x0c\x0c\xfe3\x00(\x1a\x8b\xab\x16\xc8BD\x05R\xfe\xe7\r\xd2Ge\xd7\x8c\xfc8\x9ee\x87\xa2h\xd5\x89G\xd4\xa2|A=5\x17I\x1f{\xd7\xc2\x88\xf9r^\xcbu\x99\xd5\xde\xdd-\x85\x9e\x87X\xa7x\xa6\xf8:\'\xc7\xe2\x13Y\xb7\xde\xae\x8a\x97\xbc\x98h\xf7c\xb0m\x83\xfb\xc77\xd4+\xe1(/\x1fV\xc3\xe7w\xef\x00\xf5\t-\xcf\x8f\xdbW)\xfa\x9b\x9ff`\x10S\x90X{\x7f\x13y\xe2\xd3\xe8\xf6\xb5\xa2\xa9C\xd3"\x97\x96I_\x81tD\xf9\xcc\xbb\xbb.\xda.5\x02V\xf7{\x7f\xc7\xde\xac\x06\xbfc\x16\x9c%\xfa\xaa\xf2uH\x1e\x85\xed\r\xed\x19\xc3\xb2Qa\xc9\x88\x14\x17W\xbf\xcf\x11\xc0\xc0\xe0\x8f!z{[\xd7\xe4\xcan&lt;:\xfdC\xfe7\xb1\'\x02\xf0K\x96{\x15v\xcc\x1b.?\xf9?\xbb\x06\xd2O\xf7:\xbeV\xcb$\'Z&lt;\xdcb\x93)|\xc6\x00\xb61\xf0;\xf0\xcf\xfd\xe7\x7f\xac\x06\x06\xd1\xcb\xa5\x1d\x8b\x88\xc8C\xdb1E@\x9c7w\x08*f\xdd\xf6LDDq\x89\x96\x8e\xec\xfc\x87\xfe\xfeF\xb6\xa91\xbb\x7f\xcb(L\xd5\xe5\xd3\x7f{\xd9\x19y\xb5\xff\x8d\xd3z\x03\x1fg\x8d6\xfc7Tq\xcd4\xbcuu\xf1L\xbf\x86\x01q\xa3Z[\xb3\xb2\xee\xdev\x892\xffz\xb3d\x18a\x04\x061\x16\xe6z\x11*t\x07\x1c_\x07+k\x03\xfec\xcbA\xd4\xab^Y\'u\x17\xce.5|\x14\xcf\xff\xbfx\xc4\xff7X\r\x8e\x0b\xf5q\xfa\xc5G\xcc\xec\xdb\xfc\x17k\xf8\xad\xc4\xd6Qf\xcf\xe2\xd1\xe2\xdc\xc33]\x84Qf\xff\xb2q\x91}\xe2\xe5]\x8b\x7f\xc7`\x16\xeca\x17\xedu\x1a\x18\xfcI\xf08^5\xc4\x9f\xc8\xa6\xe9\x03\xc4K\xb9\xe2X\xc4\r\x18(\x92\x94(\xb2&amp;&amp;&lt;?\xff[\x9a\x12%\xf0\xe6r\xab\xc0BY\x89v\xccW0jq\\\x93S]a\xfb\x17\xef\xafg%\n\x9f1\xd0\xc7&gt;1\x11\xe5OJ#\xdb\xd6\xb0\xfa\xac_\xd9\xbc\xb5%j\x19\xa0kg\x9e\x88\x16\x0cm\x978\xfa\x82\xb1\r\x0c\xfe\x18\xdcRDn\xc3\xd0\x96(0\xaf\xb2\x0b\t\xf0\x96\x1f/\x18\xd2\xb6b&gt;\xad%u\xcf\x10?=3G"\x020\xa0I\xc5W\x97v\x11\xd1\xa6\xe9\xfd\xab{\xd8\xe5\x8b\xd6\xf8\xa8l\xd64\x1b\xfec\xfe\x88\x1d\xcb\x07\'6Fv\x0e\xee\x9c\x88\xa6\xf6h\xb4r\xac\x82\x0b\x7fZ\xa2u\x93{\xcb\xcf\xbf\xb8\xb0C~\xb2s\xf5\x92\x8a\xf5g\xb5\x8c-\x7fpbc\xa4\x9a\x07|X:\xb2s\xa4n10\xf8\x93\x00\xd02\xc0\xe3\xf7\xd5\xbfvb/v\xb0`H;|\xbe\xf5\xeb\x15\xaau1\x0fOn\x8aF\x0b\x00\xf7S\xdc8\xad\x7fr\xed\xa2\xff\x03\xe4\xd4\x1c6\xa5\xf2\x1d\xbfL\x05\xcdQ\x9c\xc3\x85\x1e2\x12\xe5Tw\xbb\xbaup\x95\xdc_\xd6)\x01\xd5\xf6r "\xc7\xf8\xd4\xa9Z\tw\x1b\x02\xc0\xfc\xb0\xd8\xce\x93h;JA\x94[\xd8=(\x995!\xb7.\x06\x17\xb2\x7f{uo\x94g\xf1A\xee\xbfc[\xc1\xc0\xe0\x7f\x89\xe8]\xe4\xa6$:\xb1~\x86x\xa6yYw"jT:_,\xa2\xce\xc1\xde\xbfR\xb9v\x17\x7fb\xfd\xf4h\x19\x03\xe6\rj3I3\xaa\xe8/\x07@\xef\xfa\x16Q\xdc\t\x04\r\x06\xab\xbb\xfd\xf2\xb1\x00\xc0\xa4\xae\xa1\x92\x93\xe7\xb7\xce\xe3\xc79\x88\xc4UBZ\xcd\xbf\x04qwd\xd5\xb8\xee\xa77\xcd\x02\xdeH\xcaL\xef\xd5\xa4d\x16+\xca#\xce\x89\xfe\xdfv\xc8\r\x0c\xfe\x17\x89\x94VO\xdd\xe2\xb9\xa3\xf7\xe9\xcb\xc7t\xb1Z\xe6\xd3\xedC\x00\x1e\x9d\n\xff\x95\x07\xc9\xfb\x8b\xdf\x81D\x1e#FR\xad\xa0\xc5\xec\xa2\xaa\xe5\x84:\x0e\xd1\xf5}\xcb\x81\x8f\x1b\xa7\xf5\xd3\xaegX\xabj\x92\xbe8\xcc&lt;\x93(\x90\x92z\xd6\xf5\xf7HM\xed\x83L{\x03\xe2rhd\xdb\x1a\x0b\x87\xb6\x07\xe0h\xe9\x9e\xdc\xb7A\xf9\xfa%\xf3\xa8=..\xd1\x80\xc6\x15\xb2\x11m\x9e9H\xbba\x06\x061\x04\x1e\xcc\xc9V\xd3iU\xc2g\xf4\x03\xa0hF\xd3\xca\\\xb7\xa3\xa9*\rK\xe7\x0b\xd3\xb7z\x10U*\xa3\x8b\x06J\x8eR\xff/\xd4)\x9a3\x19\x91\xa3\xb5\x90\xd9h\x8c\xcf\x8a,}\x1b\x94\x07\xd0!\xa8\x18\x00|\xbc)~\x17W\xf7,\x15\xff\x12f\xf4n\n\xe0\xfd\xf5}\xece\x02YUs\x06\xb4,\x9b;\x15\x11\xb9\xdb(l25/W\x80y[9%\xa4\x19}\x9a\xa9\xb5\x07x\xa5\xf8\xf7P&amp;G2[s\xfc\xb9\x04MEW\x03\x83\x98HJ\x99\x1cM\x94\xb59\x13\xa9\xac\xd0\xe5\'\xf5l\xf9\xc61\xf7\xe9\xcc\xf0\xec\xa2\xa2!\xccd\x07\xec\x7f\xcf\x00\xb0iz\xff\xe8\xadP\x9bV\x81\x85\xf8q\xf1LQ\t\xe0\xedU\xcf?\xfa\x9a\x139\xb8\x85\xc7\x96h@\x93\x8a\xe2\xa5\x9a\x9e\xd9o\x1d\\\xa5&amp;\x9d\xf4\xfb4\xab5jV\x8c\xebvMNa5\xbc\xa3\xbd1\x06\x06\xff\xeb\xa8\tr\x15\xcb\x14\t\x99\x16\xf1\'\xf7\xeb\x92\x9f\x10 \xf5\xfe\x1d@|\x8b\xf2_\xf5?\xc2\xd7\xc1\xb4\xd1\xebi9\xcb\x94\xa6\xbf\xd1M\x14B\x1c\x12\xa9\x8bLDY\'\x8e!O\xef\xa3\x81\xe8K\x85\x0f\xd7=R\x13K\xd8\x12-$%\x02\xde\xf1\x97]j\xf8\xb4\xadTDR\xa6@\xca\xe8qyb\xdf\xe4\xb4\x9e\x8d\xab{\xd8\xf5\xd0\x11\x99l``\x10\xcdl\x9d=\xe4\xe4\xc6\x99\xdae\xca\xe7\xb1b\x1f\x82\x12\x9229\x88\x00\xbc\xb9\xb2G\xad\xcc\xee\x85\xa3\xa2\xd0~\x00\xff\x99\xf8~\x99\x1c\xc9\x0e,\x9f\xa0]&amp;\xa3\xf6e\x1d\xe8H\xd8%%\xcaND\xe9\x89\x9c\x12R\x9db9\x15\xaf\xb2\x14\x0b\xc1\x85\xec\xbb\xd4\xf4i\x1fT4\xda]\x95H\xb0)\xfd\xa2\xeb\x81\x81\x81\x81\x16\xae\xc9M\xeb\xf7\xf0\x19\x16Q`e#\x99hPB\x03\x1f\xe7\x02)\x15\x06\x80\xf3\xdb\xe6\xcb\x0b\xcb\x8b)JN\xea$\xc09\xed\xaaq\xdd\xc5\xd8\xd4(\xb0g\xd1\xe8\xc6\xbe.\xf2\xf9\xfb\xb3\xb3[\x87\xb5\xaa\xe6\x18\x19\xd3N\x11[\x9d\x01\x12\xff\x05:uu\xd6O\xe9\xf3H\xdd7w\xce\x80V\xe9\x88\x8af\x8c\x1bI]&gt;"\xa2\xb7WMF\xa4\xa6\xfe\xae\x97w-\xd6^\x9c\x1aZ\x0e\x06\x06\xbf\x84\x1e_\x88\xce\xd5Kn\x9d=Xrr|X\xbd_\x7f\xba\xbcg\x7fxrS\xf5\x82Y\x97\x8d2\t\xccU+\x98uD\xeb`=\x0b\x85HQ2k4$(\x93\xb8\xc1p4\xda\xf6?\x98\x16\xadtv]\n\xa8\x92\x05\xca\xec\xfe-\x81\xd7j\x85s\xc5\xa1\x9a\x9e\xd9[W(\xcc^\x068\xa5\x99\xdc\xbda\xd9\xdc)\xd9\x92K\xf1\xf3\x89\x9aE\xee\xe8\x9a)\x8a\xe7\x1d\xe3S\x9d\xa29Yd\xe2\x8c&gt;M\xed\xa3T\xb9\x81\xc1\x1f\x0c\x80\x9e!~\xb2\x93\xffH\xce\x94\xcf\xa3K\xa7@\xb2\xe3\xf7\xeb|\xbbw\x8c\x88\x8ae\x8a\'\xe9\xd3\xb9Q\x9bw\x13\xd5\ndY&lt;\xbc\xa3\xa4\xf7\xafQ\xd8\xba\xf5;6Q\x157\x05Q\xbbBJ\xef\xb8\x92J*.\xb1\xcb^?\xa5\x8f\xbc\x80\xa4\xe7\xaaS4\xe7\xf1u\xd3\xd4\x9adUG\xe8w\xe3m\x97(\xdaS\x8e\xbd\xbb\xb6O\xf1\xbcGj\xca\x19\x9b\xe6\x0fnC\xc2\xc6I\xad"9\x14\x07\x80\\q)|\xc6@\xc5z\xf4o\x1b\x88I\x9b\x99A\xac\x88m\xac_\x9c+\x18\x18\xc4\x04:V+.9\xc3:\x82AM+\xe9\xb9\xfd\xec\x96\xb9\xd1\xdb\x1e\xee\xd9\xad6\xa9\x97\xbfT,\xe9$w04\xe3f\x19\xe6\x1b5\x8b\x8fG\xea\x08Um\xc5\xaed\xdb\x9c\xa1\xe2\xcb\x8b;\x16\xb2b5\ng\x9b\xde\xab\x89\xa4\xf0\x05%\x03\xd7\x9f\x8e\xc6\x1c\xc2\xd36\x16\x11\x95sL\xa5\xd6\x0b\x17L\x15\xb1u\xc1\xcb\xe4\x88E~9\xad\xe8\x15z\xc94\xac6N\xeb\x8f\x17\x17\xf8\x18\xb0ph{+\xed600\xd09?\xcaB\xe4\x1a}\xb2\t\xcc\x02\xc3\xdc\xb4u\x9at\xa2`\xff\xc9\x11\x1d\x0e\'\xc9\x88\x1a\xfb\xba\xb0\x06\xcc\x1d\xd8Z^\xe0\xd1\xa9\xf0\x05C\xda\xf1\x97\x01\xcei\xd9\x8cu\x8dY\'C\x84\xa7V\'\xa2&lt;\xe6\xa1\xabKMeE\xd5\xdf\x9aB\xabx\xa6\xf8z\x92\x13H\xe4\xc4\x8b\xa4\x8f\x1d]\xfb\x15\xa5\xb3G\xf8\xfc\xe6OJ$h3d&amp;\x02\xde\x86\xa9\x08\xcd2\x14\x93\'\xcf\xec\xdb\xfc\xea\x9e\xa5:\x93\xb5\x19\x18\xfc\x8d\x1c\\a\xe1\x8e\xa2\xb6~\x17a[y,Z\xe7\x17\xdd\x16\x19\x89\x88J\xd9\'\xe1\xd6\x19\xd6\xa7\xbf\xbf\xbe_\xe3\x16I\xef\x1f\xe5M`\x1b""\x9a\xda\xb3\xb1U\xb5\x00F\x1c\xa2\xc6e\xf2k\x8c:b\xba\xda\xea\x1ev\xbc\x18\xf0YR2\x81\xe5p\xebnC\x81\xcei=R+\xdb\xa9~\x13c:\xd4\xfe\x95\xdbY\xf4\x9f\x1e\xfb\x9b\x1a5\ngk\xe6\xef\x96;\x1e\x95Sw"pNH\x92P^6V\x05\xe6M\'\x91\xa9P\xe4\xd5\xa5]I\x886L\xed\xa7x\xb5D\x96\x04q\x89\x14\x13\x17\x1b\x18\xfc\x8d\xa8\x1bQ\x14\x00\xa0\'\xe7\xa2\xb6\x84\x99b\xb5\x004n\x92\xcc\xfd\x1b\x94\xca\xabQ[\x9e\xf8DD\xd5\n\x986i/\xefZ\xac\xa1\xfb\xce\xfb!\rk\x92\x06\x8e\xf1ij\x8f\xc6D\xd42\xc0Cl\xe1\xe1U\x93$%\x9b\x97s\x07\xdeJ\x82S\xffD\x0b5\x97}\xd6\x90\x81\xd3\xc0/g\x8a\xea\x1ev\x91\xda\x0f?\xb5i\x16\xfb\xdcx\x18\xdd\x99\xcds$e\n\xa4\xa4\xcb\xbb\x16\xeb\xac\xf0\xd6\xa1\xd5\xf9U\xa2\x0e\r\x0c\xfe.4R55\xf1s\x8dZ\x9dy\xa2\xd4\x99\x02\x90(?\xd7\xf6r\xe0]\xff\x95\xddK~Q\x08\xe8\xd7\x99 \xf3}\xe2\x86\x94\xd5\xe3{\x00\xd0H|\xb8nr\x1f\x00\xf8p=\x8f\xe0$:S]\xe7@\xe4\xf9\xf9\xed\x91l\xe9\xff3E3\xc4\x9d\xd5\xaf\x85\xce\xc2\xc9\x88\xf2\xc4\'\x00\xf7\x8f\xad\xb7\x8f\xe4\x83\x8ae\x8a\xf7\xf1\xd6Af\x9e\xd4\x9e\x16\x888\xc7\xe0\x8cE\x06\x06j\xec]&lt;F\x7f\xf4\x93\x7f.\x1b\xabe\x02\x9d\xd3Fi\x16\xa8E\xeex\x11\xf3\xfd\xcb;\x17\x03\xe0\xe6^\xed\xf9r\x80S\x9a\x96\x01\x05?\xdd&gt;DD\xc3[U\xd7(\x19e\xd6O\xe9#\tk\xeaX\xad\x04;\x08.d/\xae3|\x1dR\xb8\xa5\xa0\xf77"\xecZ\xb6D\x00\xe6\x0fnk\xf5)~9S&lt;;\xb7M&lt;3!\xac\x9eb\x0e\x03\xb5T\rr4B\xf2\xa2\xc5)\x96\x88\x92\x08_P:RU\\P\xf4\xc2b\x00\x90\x9b\xce\xac2\xa3O3\xed\xe0p\xc9P$\xd9\xb770\xf8\xebh^\xae\x80\xfe\xc2KFv\x92\x9f\xd4\x10\\\x8c\x02E3\xc4\x95{\x82w\xa8Z\xecW\xea\xec\xdb  R\xe5\xfb\x84\x96\xd3Y2J\xcb\x1b+H\xc2\xc1\x14\xa3g\xb9\x0f)\xd3\xd3\x17\x0f\xfe\x17\x08r\xcb$w6S\xe3\xca\xee%\xf2\x93\xb7\x0e\xae2\xb2t\x19\x18\xfc?#Z\xf9S\x98\x9d\xf9\x88(v\xf4IQf\'jV\xd6\x8d\x1d\xb3i\xa3|\x03\xe0\xe4\x06+R\x13\xdaDV\xe9ap\xb3*\x1a\x06\x1c9m+\x17ywmo$\x1f\xa2\x97\xb2\xfa"r\xd5\xc8B\x04&lt;\x89\xae\xc6\x10\x91-QR\x1dj\x13\xcf\xcfo\xd3\x19b-\x0fR!"y\xea\xb7\xf1\x9d\xebjT2\xab_\x8b\x17\x17vl\x99%\x8dR400\x88 R\xca\x04\x0c{\xa5\x93:\r\xd6\x0c\xa7\x84Z\x8e\x8cc;\xd6\xe1\xd9\xca\x8af\x8c[ \xa5ta\xde\xa8t\xbe_\xdf ]&gt;\xdaz\x9a\x81H!F\xcd\xeatHU\xb3\xf90-\r5_\xcc_\x7f\xef7\xf6\xaf\x10_25\xba_\x99_\x03_\x9a\xf8\xb9HN:)Y\x8f&lt;R\x13\xb7\xda1)\xf2(\xbb\xb4\x1eY=Yn\xe4b\xc6%o\xbbD\rK\xe5\xd5\xe9\xebk\xd8\xfc\r\x0c"\x88\x16o\xce\x01\x8d+h\\e3\xc1\xe2\x99\x95\x07\x9f\xad\xb3\x07[M\xe2\xaa\xe8\xd4\x01`\xce\x80Vz\xf2\xf9\xd5\xf4\x8c\xb2\xe2\xa72bnB\xff\\)k\x17\xcd9\xb5gc\xabw\xa9Y\xdb\x9a\x95u\xd7\xb8K[\xb6~\xc9\xc8NY\x88\xb4?\x02\x89\xd1\xbf\x7f\xa3@"\xc2\xcb\x0b\x9a7)\xc3v\x1a\xe4r \x17w,\x94Xr\xe4\xa2\xa7\x81\xcei\x89\xc8+}\xec\x1d\xf3\xb4r\xca\xcba\x1b*Q\x93\xefOL$Y\x16\xf8:\xa4\x90\xf8\xae.\x1c\xda^\xc3\x15\xd5\xc0\xc0\xe07\xd2\xd4\xdf\xady9\xad\x1e03\xd1\x9eE\xa3\xd5\xae\xfe|tR\xff\xb3\xa2\xc5l\x15e\xbf\x11\xb5\x9d\x8cV\x15\n)\x9e\xd7\xc9\xd4\x9e\x8d\x15\x03\xd3\x18\x95\\\x94%8{\xd6\xf5\xebZ\xabt\xd4v}%\xf9U\x12\x13y\xa5\x8f\xc3\xdc\xbdX\xd8mFa\x85T(\x8d\x82=\x87S\xd95r\xe2\xa7\xb6D\xb94\x9c\xd5\xcc\xfc?\xa6\xca10\x88\xf9\xe4\x88E\x1fo\x1d\x14\xcf\x8c\xe9P\x9b\xed\x17D\x8b\x9f\xa2K2-\x9fT"\xe2\xab\t\xfd\xf6\xfd\x8d\xd3\xfa3\xcbu\x02\xa2\x8d\xd3\xa2!\xf7\x0b\x00\xfd\xbb\xd3\x8fN\x85\xe3\xcd\x15\xc5\xa8\x08\xe7\xdf\xa6\x0cW\xbfd\x1e\xfcx\xa0Q\xa0^\xb4n\xe0\x8bDv\x94\xac\xe2\x9aI-S\xc2\xd15S\x02\x9cM\x9b\x0eI\x88\xf6.\x1e\xb3d\x84\x853\xc2\x94\xee\r\x0b[nJ\x008\x13&gt;[\xe7\xa3\xa3`\x1750\x88\x81Hz\xa7\x94\x96:*\xf3\x06\xb5\x11\xaf\xde:\xb8J|\x99O\xb6D?\xb6v*?\xf6P\xf7=T\x0b\xd4\xfc_&amp;\x93\x8ai\xbe`*\x9a\xdd\xbf\xa5\xe2-\x00v-\x18i\xb5f\xd1\x90-j$\xf8\xe7\x8a\xf4Vp\x85|\xb6V7\'J\xd9K\x07\xd0\xd5\xe3{\xe8\x9c&gt;\'\'Z5\xae{t\xf9\xd1\x1f\x15\xfeZ$\xa8\xf5\xcf,\x0eY1\x17\x85NeC\x03\x83\xbf\x02=.\xe7\x8a\xb0x\xcb\xc2Q\xc80\xa2\x0f\x00V\xc30G\xb5\xab\xd9!\xc84\xd1\xd6\x88\xe3\xe5\xe4V\xdagT\xdb\x06(\x93C\x97\x06\xb2\x84\xe2\x99\xe2\xeb\x89\x8d\xd0Ot\x88\x15Y0\xbb\x7f\xcb\xb0\x1a\xde\x00\xc6v\x0c\xd1~\xae\xe4\xd1?\x1e\x9c\xf0\xcbi\x13WeSWB\x15\xb7L\x92i\x81\xfe=^+\x1aof\xc6uRn\xff\xd5=K\x1f\x9d\xdc\x14u%\n\x03\x83\xbf\x87\x95\xe3\xba\xf1c\xab;\xa2#\xdb\xd6xzv\xab\xf8\x12\xef\xae\xfe&amp;\xa1\x02=Q\x08b\xb6\xc2\xa6\xfen\xda\x85c\xebKA\xccY4\xbcC\xb4\xab"\xff\x8f\x90\x89H\x9e\x8bQN\xf1L\xf1\xf13\xc2L\xc4\xc4\xfd\xd5\xac1\x12\xa6\xf6hT\xdd\xc3bP.\x98\x8a\xd4\xbc?\x153\xb3+"_.&gt;9\xb3E^\xacd\xd6Dk&amp;\xf4\x1c\xd2"Hg\xb5\x06\x06\x06Qdx\xeb\xdf\x12O\xcbPtbQtO\xda:{\x08\xd7\xb0\xebR\xb3\x14\x11\xd9\x98E:\xff\x7f\x89\xf2\x18\x19\xeds\xffH\xe1\x18_\xaf\x0f\xabU\xa6\xf5jBDc:\xd4^4\xbc\x83Z\x99&amp;\xd1\xfaM\xe5I@\xfb\x97\x8d;\xb1~z4\xd6i`\xf0w\x91?\t\x89"\xc6\xbf\x95\xb1\xc2r\xde\xdd\x86\x88\xe8\xed\xd5\xbd\x1az\x00\x0c\x8d-\xba\xc2iid\xdb\x1a\xd1\xd0\xb2\xc80\xb1K\xa8\\\xb63\x0e\x11&gt;\xdd\xd2s\xfb\xa2a\x1d\xae\xeeY\xfa\x1b\xda\x15\x15j\x14\xce\x16\xbdk\xbb\x87\'6\xb6\x0c(\xc8\x1c[\xe5\xbb\x16,\xf7\x83\xced\x93r\xe4\xf6\xa5z%\x1c\x874\x0f*\x96I\x97\xe5\xc9&amp;jO50\x88\x19\xfcVYy\xe0\xb9\xa2\xd18_\x12\xd5DN\x1e\xa9\t\xc0\xb0V\xd5\x14\xaf.\x1cj\x1a\x96"\x15\x94\xfb\xbf\x8c\x867$\x99\xa5\xb6\x89\xe8\xbf\xd9\xbe,\x9a1\xae\xd5\\+\x1cE\xc5\x8b&lt;\tT\xb3\xb5\x1c\\1!\x7fR\xba\xb8c\xe1\x99p\xa9T\'\'\xca\x91hi\x88:W/\xc9\x8e\xd3*Y\x05\xf7/\x1b7\xa4E\x90\x9b\xacij)\xe9\xfds\xa7\xb4jZ40\xf8\xb3i[Y\xc1\x1c\xdc\xadv\x19\xc9\x19m\x1d]_\xf5.\x03x\xed\x18}#L\n\xa2;\x87\xd7\xfc?gM\x8c&lt;\xd1\xb2[\xde\xb5V\xa9h\xa8\xe5?A\xb2\x01 \xd2\xa8L~|\xbf\xd7#\xc4W&lt;Y\xbbhN\x96\xd43\x1a\xdb\xd0P&amp;\xfc9w`\xeb\x12Y"\xc6,\xc9\x9f\xac\x8dR%\xbf\xcd\xcb\xc1\xc0\xe0\xcf!\xbe\xb5\x00Q1\xfd\x9ed\xa2\xeam\x17\xe1\x0f\xd89\xb8d4*\xc4\xf5mP\xfe\x17k8\xb4rb\xb4\xb4\xa4\xbe\xb7Sdo\xb1\xb3\x14\x8d \xa2N\xd5K\xe8\xb91w\\*\xef\xf4\xff\xef\xcb\x18\xea\xa3\xf5\x96\x817\xda\x05$\xf4\xaaW\x96\x88\xf0\xf5\x0e\x11y\xda\xc6JMT\xdf\xdb\t\x80\xf6J$\x7fR#\xb0\xcb\xc0\xe07\xf0\xfc\xfc\xb6\x95c\xbbY/\x17\x19\x98[\'\xd3\x0cpJh\xf2\xfdpIF\xe2\x9e\xae\xafCr={\x8fL=&amp;Z\x00pu\xb7u\xcb\xfb\x86\xa9}#U\xad\x9e\x10"Q7I\xec\xe9$\xbd\xbbF\xb4s\x8c\xa1]e/"b\x99\x1a\x014+\xeb\xfe\xf5\xdeQ\xe0\x83|\x1f\xc8%\xa9i\x97(\xca\xe8\xcf\tC\x96\x9ef\x06\x061\x99He\x1d,\x9a!\xee\xed\xc3\xab\xc53\xbe\x0e\xd2\xe9\xda\xc4\xae\xa1\xec@\x0c\xea?\xbfm&gt;[\x84\xbf\xbc\xb8\x13\xff&lt;\x02 \xfe\x9e%Y\xbd&amp;v\xa9\x1fe\xb3\xc0\x8a1]u\x96\xd4\xe9\xda\xc8h&amp;\x18\x85\x8be\x8c\xa2mK\xee\xa5\xde\xa8L~v \x8e\x1c\x13\xbb\x84\x92RdY\xc5|\xb6Qx\xa8\x9e\x04\xbfr\xba\xd4\xf0\xe9Z3\xdaLOq\x88&amp;uk yG\x99-\xdf\xa3bV\xe7&lt;\xf1\xe9\xfd\xf5\xfd\xc1\x85\xec\x01\xb8$\xa5\x1b\x07,d\xec\xf43\xb1K}\xe0\x87\xfc\xfc\x9a\t=%N\xd0\x19\x89z\xd5\xf37\xf6\x00\x0c\x0c\x14(\x995\xa1~\xb5\xb8\xc7\xa7\xc3E\x0fn\xae\xf1\xa9\x88\xa8\x7f\xe0m\x97\x08\x80ZZ\xc1\x00\xa7_\xb5\xd0\xfe\xa2\xd1\xd9;\xab\xaehW\xb5\x19\xeb\xc8\xb65\x067\xaf\xf2+\r\x88\x14Q\xceo\xf8\xcf\xe3\xd3\x8a1tj(\xce\x99\x99\x80\x87~\xed=.\x84\x87\xa7g\x00\xec\x987,R_\x16\x80\xads\x86(\xfe}\xcc\xec\xdb\\~R\xd2\xe6\xf4\xa6\xe4&lt;O\xa3].\xd0\xc0\xe0\x7f\x97\xae5K)f\xe1 \xa2\x9d\xf3G\xf0\xe3\xb1\x1d\xeb\\\xdc\xb1\x90\x1do\x9f7\xec\xbfh\x99\x12\xcc^\xf4+5\x00\xe0\xb1\xc4Q\xa6_\xa3\xc0\x94Du\x8b\xe7\x967&amp;\xa4\x98\x96@Y\xafzeu\xb6?&gt;\xd1\xd0\x96U\x7f\xa1\x8d\xbf\xc4\xc7\x9b\x07\xad\x17\xb2\x86\x9a\xc7\x97U\xd8j\xe0\xe0\x8a\tw\x8f\xae\xd3\x7f\xd7\xb2Qak\'\xf5R\x0c\xe7\xd6\xe3\x1b\xba~J\x9f\x01\x8d+\xe8_D\x1a\x18\xfc\xd9t\x0e.ID~9m\xac\x96d\x13\x7f1\x0b\xc7\xffW\xea\xec\x9c\xb1\xa5)^\xa7\xf4h\xa4h\xe8\xb0W\xa9\xa1u\xc5\xc2z\x1e\xa4\xbd\xd4a\xdb\xdfQs^\x9ca\xde\x06\xd0\xdec\x1f\xd3\xa1\xf6\x7f\x90\x1a~\xd1\xb0\x0eD\x947\x11\xb9\xd9h\x15\x8b.\x17,1\x9bt\x85\xbc\xb6=\xea\xf8\xb6\xa9\xe8\xd9\xab\x9e\xbf\xa4\x98\xc4\x1c\xe4\x92\x8c\x80\xb7\xdc\x03X1\xda\xa3\x89\xaf\x0b\x80W\x97v\xc9c\xb9\xe7\x0ch)f\x80\xc8N\x04@\x8c\x19\x0e\xf5q\xaa\xec\x9a1Z4\x01\r\x0c\xfe$\xdcmL\xcab\x91\xeak\xd6L\xe8\xb9xx\xc7\xf9\x83\xdb\xe6W\x1f\x07\x1e\x9f\x8ez\xa2v&lt;;\xa7vIb\x9f\x05&gt;\xea\xacs\xe5\xd8njI\x08~\x9dA\xcd*\xb7\xa9\xe8\xf9+5l\x9e9(\xbblOez\xaf&amp;\xfcx|\xe7zM|]z(%\xcc\xfa\x0fX&gt;\xba\xcb\xa1\x15\x11\xdeSzTw\x00t\xafc\xe1\xf7\x19\xe0\x94V\xfc3Kd\x0e=\xb3\xba\xe5\x9a\x89H;\xbb/\x99\xc7\x8cs[\xe7\xc9/%&amp;:.D\x08\xcbmD\x97w.\x8aO\xf4\xdbdX\r\x0c\xfe\xb7\xc9\x15\'r\x03\xc0\xd0\x96U;\x04\x15[6*\x8c\xb9p\xd4-\xe1\x18\xd9\'j?n\xe1\xd0\xf6b\xdf\xa7M\x85\xbc\xb6\x9f\xef\x1c\xb6\xaa\xe3\xd6\'\xb4\xdc\xc2\xa1\xed\xff\x839\xf5\x97;G4\xae\x8e\xedXgD\x9b`\xf9\xf9^\xf5\xcaJ\xf6\xd3]\x93S\xf8\x8c\x01\xd1\xda\xb4\x08B}\x9c\xb5s\xaaH\x16@E3\xc6\x95\xe7\xf9qNH\x85\xd3\xa9J=\xd7,\x92\xe3\xc5\x85\x1d\xe2\x19\x00Y\x89&gt;\xdc&lt;\xc0^\xde9\xbc\x86\xf5\xdaVCF\x8e\xaf\x9bf\xa5\x84y\x00\xd0\xde\xf3\x1e\xd5\xaef\x94\x95\x10\r\x0cb\x02\xbe\x0e\xc9\xe5\'{\xd4\xf1\x9d\xd2\xbd!;\x8e\xec$9\x1d\xd1\xdd#k#\xdb\x0c&amp;\xfb\x9cA}$\x00p~\xeb|\xb5\xdb\'\x84\xd5\x93\x9f\xd4N\x07\xb6vR\xef_\x14\xbaY&lt;\xbc\xa3\xe4L\xa9lI\xe4\xdeDy-{V\xc9\x1a\xc9-\x05\x1d^9\x89\x1d\'"\xda1\xdf\x94\x0f+R;\xae\x0c\xbf\x9c)\x1a\x95\xc9\xa7x\xa9\xb1o~\xed{#\x97xE\x05\xa6\xfd\xa96\x7f\x07^(\xfc\xa9\x11]\xde\xb9\xa8A\xa9\xbc\xddj\x95\xbey`%\x80\x82\xa9L\xd9\xc14\x88O$O\x00)\xa1O\x83\xf2\x8a_n\xe7\xe0\x92\xfb\x97\x8ec\xc7\xab\'\xf4\x04^k\xfc\r\xfc\x7f\x196\r\x0c\xfe\'\x98\xda\xb3\xf1\xdaI\xbd\xc53\xdc);\nI\xf8R\x10\x85\x14\xcb\xa5v\x95\xf5A[g\x0fQ\xbc*\xf1\x0b|qa\xfb\x90\xe6&amp;\xa3\xad\xa2;dX\r\xef&lt;\x8a\x1a\x05DD\xd4\xbfq\x85#\xab\xa7D\x97\xd2\x99\x04\xc5$\x8e\xcc\x93$o"\xda4=\xc2\xb2\x9c\x9ch\xed\xc4^b\xb1\xae\xb5J\xf5m\x10\x10\xe5G\x8bI\x02~+.\xc9\xb4\xecrD4\xb9[\x03~,\xc9iS\xd9%#\x13\x12W\xc3\xaaiNO\x10\\\x02\xcb\r\x06Fl\xa2!\xcd\xab\xf0\xadh\xcfttf\xf3\x9c}K\xc6*\xd6\x90\x87i\xe1=;\xc7r\x0b\x1b\x18\xfcu(JD0\xe4.\xffV\xb1\x89La\xe0\xbb\xe4L\xb5\x82Y\xd5\xfakyW/\xcf\xaeU\xd9%\x03\x11M\xea\x1aJD&gt;\xf6\x89\xf1\xe9\xe6\xef\x18\x00\\\x15g\xb9\x02\xaf\xaf\xecNDT\xd95#\x8bu\x92\xb8\x87\x16NK\x00\x1e\x9e\xdc$\xb9K\x0c\xa5\xfe\xff\xa5y\xb9\x02I\x88\x00\x9c\xdc0C\xb1@\xeb\n\x85\x88\xa8W=\xff\xeeu|%\xc9\xb9\x88(5Q\x11s\xc4\xb8s"J@\xcaIr\x92\x91\xc5H)!,\xd8\x9b\xcf$\xea{;\rn^%0o:\xab\x9f\xbc\x9c\xf8D\x00&amp;\x99CU\x14\x1eT\xc3\x1b\x80&lt;\x9d\x91\x81\xc1\xdf\xc2\xef\x88\xb3\xbf\xb8}\x01;\xe8V\xbb\xb4F1\xb5\xdf]H\xb1\\\x8fOI\xb7\x94%\xbb\xc1\x03\x1aW\x10\xad(-\xcaKS\x0bT\xf7\xb0\x03\xf0\xe5\xae\x96\x81&gt;\n\xc8U\xc6\xc8\xd2\x8c\x16\xe0\x94&amp;\xc8\xcd\x94\xe0\xb0n\x89\xdc\x17\xb6/\xe0\xde\xb4jl\x9f;\xaco\xc3\x00\xab*\x11\xe3;\xd7\x95\xdb\xe5\x7f\x13_\xef\x1e\x8dl\xa2t1\xc1\xaf$\xdb\xb0W\xfa8d\x99\x8b\x02\x00&gt;\\W\xac\xa7B\xdet%\xb3&amp;l]\xc1\xe4\xbb\xb5iz\xff\xf5S\xfa\xc6V\x8aa\x94\x1b\xa3*\xe6O\x1f\xe0\x94\x86\xafb\xbf\xdc=\x12&gt;c@\x14\xa62\x06\x06\x06\xaa\xe8\x1c3b\x13\x01\xef\xe4\xb6n\r\t\xe8C+\'^\xde\xb5X1j\x17\x00\xde]\xe5/\xc7v\x0c\xc1\xc7\x1b\xecXnQ\x06\xbe\xb1[\x14\xb7@\xa2\x1d\x89d)\xf0\x86y[\xce\x1f\xdc\x16O\xcf\x86\xcf\x18h\xd5\x8b&amp;#Q\xbd\x12\x8e\xdc\xcd\x94\xdd.G"\xaf\x16\x05\xf2&amp;\xa6\xa62\xcb\t\x11\xa5\x8ed\x94xd\x19\xd8\xa4"\x80ZE\xa2\xe2_\xbao\xa9\xd4\x86\xd3\xbfQ\x05|\xbc\xa1(\xac\xcd\x1c\x8d\xc6w\xae\x0b\xfc8\xbaf\x8ab\x856Dx~\xaeDf\xd3\xc22j\x89\xe1\x0c\x0cb&amp;+\xc7uW\xfb\x99\xb29\xfb\xae\x05#\xc4\x93\xd1\xb2\xc1\xe8\x91\x9a*\x9a\xd3\xd8\xae\x9b\xdc[^@\xae\xe9vu\xcfRn\xe1\x11g\x97\xd7\xf6.c\x07k&amp;\xf4\x8c\x8e\xa6Y\x875[1\x96\xf9\xee\x91\xb5\x85\xd2D\xfa#\xaaW\xc2\xd1j\x9f\xd42\xc0#R\x8a7Vi\xea\xef\xca\x0e2X\xfa\x0e\x8ch\xad\xe0\xc5\x14Y\xf0\xf9\x16\x00EKW\xdbJE\xb6\xcc\x1a\xacx\xd7\xf0V\xd5\xe4\x86~"\n.d?\xa0qE|\xba\xa9x\x97b\xa6\xe2~\r\x03\x89\xa8^\t\xc7#\xab\'\xd7\xf4\xcc.\xaeP\x8c\xee\xdf\xc0\xc0\nO\x85\xb4|\xddj\x97f#\x84~\xe1\x19I\x8c\xe8\xfd\xe3\x1b\xe4e\xc2\x82\xbd5j\xd8\xb7d,\xcb\x03\xce\xa9\xeea7g@\xab\xc4Dn)\xa4\xc1b\xff=j\x9b\rm*\x16\xee\x13\xaa\xec\xaf\x12\x05\\\x93\x93\x87YpC\xff\x0e\x87|\xbbE\'L\xf1_\x9e\xa3\x91(\xa2\x19\x12\xd4\x96\x11j\xade\xc1\xcfl\r\'\xef\xb8+\xe6WM\xd9\xb9tTg\xb5KrD\xfba\xfe\xa4\xa4\x18=``\x10\x03\x91\x0b\xa6k\'\n\x97\x93\xc3\x9a\xc3\xa5\x1e\x92\x11\xe1\xfb}"ztrS\xfe\xa4\x91\x93fc\xdc&gt;\xb4Zg\x02\xd8\xb4D\xb1td?\xfeE$\x86,[\xb3\x97\xa4"\xd1\xb8\x17\r\xa0M\xc5\xc2#\xdb\xd6\x00\xa0\xe1\x07\xc5`\xda\x15jYw\xb4\xa9\x98?}\x15\xd7LD\x14\xea\xe3\xacX\xa0}\x95\xa2bJ\x00\x1b"\x92\xe5d\xe6_4\x1b\x00*\xe4\x8dp\xef\xac\xeea\'q\x1f\xcaA\x94\x80(\xc8-\x13op\x9b\x8a\x9e\xc9\x89\xae\xecZ|z\xd3,vF\xed\x0f\x11\x00K6\xa0=.J\xac\x8f=B\xfct&amp;\x1430\xf8\x83\xd1\x10\xd7uKA\xbb\x16\x8e\xd4\xb8\x97\xf5t\xac\xfb\xd6@qc@\x7f\xda)F\xdbJEf\x08\xfa\xc9\x8cDD\x85\xd2\x90b/\xa6\xa6U\xe7\x92,z\x0c\x17jH\x82H\xef\x1f[\xcf\xfa\x1d=!r\x8a\xcb\xa6Fe\xf2\xab\xa8\xe1I\x01pe\xf7\x92\x99}\x9a\xad\xb6f\xe0JH\x04\x80\xc5\xee\xfd:]j\xfa\x90\x10/\xb6fBO\x00\x07\x97O\xd0y\xbb\xbc_\x96\xa7\xe8*\xe7\x98\n\xc0\x83\x13\x1b\x1b\x94\xb2\x18r\xf2%\x8e\x18Aw\xcc\x1b\xae\x98#\x1e\xc0\xe9\xf0\xd9\x92G8\xc4\xa2R\xd9\x92hL62\x13\xf5\x08\xf1\x95\xef1\x18\x18\xc4(\x1c\xe3Y\xe4oZ3\xa1g=s\xce\x96.5}\xa6\xf7n\x1a\xa9\xda\x98\xb0\xbbHZ\xa2:Es\x920\xd5\x1d\xd7)\xe4t\xf8\xec\xa4D\xfa7aKgOZ4\xa3\xaa\xae\x1a\x9f\xa9y\xda\xc6\x9a\xd5\xb79K0\xfb\xff\xc5\xa8v\xb5\xc4\x97\xc0\'\xd6\xc1ix\xf2\xb0\xc9\xaf\xafC\nI\xb8,\xe3\xca\xee%\xf8vW\xcf\xa3\xd3\x11\xe1\xc3\x8dw\xd7\xf6\xf132\x87X\x0bl\xace\x03]8\xb4\xbd\xd5=\xeaS\x1bg\xb2o\x96u\xa6\x05S\x996u\xf5\x0f\xef\xf2\x01@\xd1\x9f\n\xc0\xc7\x9b\x07\xa3\xd7yW\xf2G\xb5y\xe6\xc0\xd5\xe3{\xf0\x979\xa2u}f`\xf0?\n\x17\xa3\x97`O\xd4\xafa\xe4B\x93\xe4\xcb\xf0J.\x19\x98\x17\xff\xaf\xfc\x96\x1c\xe3\xebM\\\xdc\xd4\xdf\xadS\xf5\x92!\xc5s\x87\x05{\x17\xb6\x1a3\xaa\x0f\x9e\xea}\xe9\xc8H\x18\x979\x00$\xbe\x8f\xf2\x02\xc3[WW\xbb\xaaff\xd1\x83\xe26)gX\xabj\xef\xaf\xef\x97X\xec\xd5z|n\x85\xd7\xf8"4B\xd1\x8e\xad\x9d\xaa\x98zwx\xeb\xea\x00z\xd7/\xc7\xcfT-\x90E1\xa8\r\xf8\xf8\xf0\xc4F\xab\x7fE,\xd1\x906\x03\x1aWd\x8f\x96\x9c_5\xae{\x80\x10h\xb6vR\xafv\xea\xd10\x06\x06\x7f6\xda\xbd\x12#\xb2\x86\x1a\t\xc9#3\x87\xea\xd7(0\x9azl\x13\xc53\xc7\xd7\x90\xa8\xfb\x9f\xc2?\x97\xcd\xef\xa8V\xe2\x84\xaa\x01\x97\x96\x9b\xd1\xa7\x99Z\x9c\x17C{U!\xa7\x7f\xa3@R\xd1\x1d\x99\xd9\xb7yrK\x8f\xac\xf2Nin\x1eX\xd92\xc0C\x1e\xf1\x1b\\\xc8~\xe5\xb8\xeej.U\xf5K\xe6\xf1H\xad\xb0\x98\x90x\x07\x10Qv\xa2\xe9\xbd\x9a\xb4(_p\xd9\xa80"zvn\x9b(\xde\xf7\xe0\xc4F\xeeT\xd6\xab\xaeT\x9a\xd4\xc0 \xe6\xd0\xc4\xcfE\xbb@:\xb3^\xf1\xac~-\x14\xfd\xe7\x18\xb7\x0e\xadV\x9b6r\xfb\x80\x1eNm\x9cY4C\\"\xea\x19\xe2\x87\x0f\xd7\x01\xe0\xf5%\x9d\xf7\xeaA#3;{\xae\x1arO\xcd\xe4\xffOZ1\xf8r\xfb\xe1\x89\x8dQJ\xedE\xcd\xcbI\x03\xe2D\xf8\x16E\xa7\xea%\x80\xe7\xfc\xbc\xdc\xaa\xee\xeb\x90\xfc\xd3\xadC\xecX5\xf5\xbb\xc0\xba\xc9}\xd4.\x01\xdf\x15\xe3\x8a\xe7\x0fn+\t\xe7\x8eCti\xc7"\xedu$\xbb*q\x18\xebZK5\x9dYJ\xa2\x12Y\x12\x00xqa\x07[\x06\xe5K\x12\t\x07*\x03\x83\x98\xc0\xf4\xdeM\xd5\xc2\xaf&lt;mc\xd5\xb3\xcc\xe1\x1e\x87\x08x#)vt\xcd\x94f\xfen\x8d\xca\xe4\xf3\xcfe#YS\x00\xb8y`\xe5\xaa\xf1\xdd\xad6\xa3}\x95\xa2\xa1\xe6\xd4\xea\x93\xba6x~~;~\xdc\x8f\xc2\xfc\xfd\x829\xd2\x98S$}\xec)=\x1a\x11\x11\x97\xdel\xec\xeb\xd2\xbeJQVw\xa9lI\xf4\x04\xafi\xf4bQC\xec:\xf3\xe9\xce;\x1bGS&amp;A\x03\x9dab\x92n\x17@d7\x81"\xc5\xd15S\x00\x94\xc8\xa2\xec\xb1dO\xc4u\t\xb9\x0f\x0f&gt;\xdcP,\x9c\x82\x08\x82\x9at\x9e\x04&amp;\xd5\xe8U\x82M_\x0fFd\xb0\xc1\xdf\x023\xe6*\xa6\xd4`\x94\xcf\x93\x9a\x88|\xec,t\x19\\\x92ROai\xdc\xb3\xae_\xc3\xd2\xf9\xe6\rjsq\xfbB\xb6\xa6\x16q\xd2-\xac\xfe\xe6\xea\x1e\xf1\xa5\xda\xb6\x84U\xb8\xbd\x9e\xb3hX\x07\xa6\x19\xf7\xe0\xf8\x86\xda^\x0eD4\xb1K\xe8\xf7\xfb\xc7\xd9D\xafB&gt;[\xab\x12\xc4\xbf\x8e\xfc\xed\xb0\x9e\x96\xf5}\xa2\x05\\$z\rb\xda\xac\xb6\xec(\xa3\x9c\n=\xaa\x89\xbf\x14\x08pN\x0b\xe0\xcb\x9d#L\xb7\xa7V\x91\x1cKFt\x12\x17\x85l\xdb\x99\x8d\xebs\x06\xb4\x12\xefm[\xa9\xc8LnO\xf5\x0e\x00\x00 \x00IDAT\x99\xcf\x98\x1cmG\xcfh|/\x06\x06\x7f\x1e\xdf\x1f\x9c\x90\xff&gt;\xae\xedY&amp;\x0f\xa3\xdf0\xa5/\xdfK\xccd\x9a\xaf\xbd\xe4W\xf5(j\x89\x81\xa0\x92\x1fsv"\xa7\x84\xaa{\t,\x89\rcV\xbf\x16\xd6\x9fDDD\xd9\x884\x9c \xf5l$F\n\x16mt\xf7\xa8\x85V\xb6\xa8\x90\xf3[\xa9[&lt;w\xa4\xca+:\xe1HHIty\xd7\xe2\x14\xba\x83\xbd\x9b\xf8\x9a\xec\x8d|\xb4\xd3\x0eT`\xc3x\x9e\x04\x04\xa0x\xe6\xf8\x00X\xdc\x80\xf8g\xc0\x17\xae\x19\x88\x1e\x9e\xdc$\xd7\x19uNH\xc3"\x9fJ\x93}\xf7q\xa2#\xe9\xb4\x81\xc1\x1f\x8cW\x868xvVO\x9eH\t\xdc\x90Z\xb7\x84V\xd7\x13\xa0"\xfe.\xe9\xebS\x12M\xef\xddTq\x00(\x9c\xd6"\x99\xe2d\xb3\xc5@\x83\xd9\xfd[V\xf7\xb0\xd3p\x10\xf2uH\xae\xe6\x1e~\xeb\xe0*\xab\xf5G\x0b\xfa;\x9e%#;\x91\xa6\x16tt\xc9\xf8l\x9d=\x04\xe6,+\x93\xba\x86^\xdb\xbb\xec\xed\xb5\xbdQ\xa8\x07x"?\xa9\x98\x18\x87\xd1\xd4\xcfU\xdc\xc8\xb5\x11&lt;\xcd\x064\xae\xd0!\xa8X\xa8\x8f3\xf3:\x95\xfc\x850\x9fQ\x00El#\xb7o\r\xa0o\x83\x80\xb9\x03[Y\xd5\xe030\x88\xc9\x94\xcf\x93zT\xbb\x9a\xbfR\x03\x9bJ*\xe6\xcb=\xben\x9a=\xd1\x0c\x99\x899w&lt;\xc2\xf7{\x92\x93\x8aq\xad\xd5\nfe\xa2]\x81\xce\xa6\xee\x9c\xc9\x11\xab\xc1t\xea\x99L\xd8\xe1U\x93&amp;uk@D\xb1\x88\x02\x9c\xd3.\x19\xd1i\xd7\x82\x91lFY-\xba\xa7\xff\xff\x01\\\xe3\xe8\xf7\xc1:\xd3\xc3\xab&amp;E\xedv\xfe\x1d\xa9\xb1rl7\xc5\xf3\x85\xd3\x9a\xb2&gt;\xf8\xd8\x9b\x16\x92\x8d\xcd\x8b\x89\xce\xc1%\xf9\xd6\xc0\x9d\xc3k~&lt;8!\xdeX,c\xbcO\xb7\x0e\xa9y\r\x01\xb8\xbck\xb1\xa2LH\xf9&lt;\xa9\xd3\x13M\x08\xab\xb7s\xfe\x08\xf9U\x03\x83\xbf\x0b\xeb\t8\xd4\x11\xf5\xd6Y\xbc(g\xd1\xb0\x0eI\x88\xceo\x9dGD\xfc\'\x1a\x97h\xcb\xacA\x00&amp;v\t%%D_$=\x96\x8a\x99}\x9b\x9bz\xae\x95\x93v\xcc\x1b\x16\x97H-aoX\xb0\xb7g:"\xc1!R\x11\r\x05\xf9\xdfGdeK\xa7\xf6h\xf4\x9bR\x1eO\xed\xd1\xe8\xf7T\xacJ\xc1\xd44\xbb_\x0b\x00|\xe7\xa9w\xfd\xb2\xfc\xea\xe1U\x93\x00e\xf9\xe87W\xf68\'R\xfd#\x19\xdb\xb1\x0e\xfb\xc3\x08\xcc\x9b\xee\xe7\xa3\x93\xec$\xdb\x8d\xef\xdb\xa0&lt;\x11\x8d\xe9P\x1bxc\x1f\x8d\xef\xc4\xc0 \x06PPE\xeaK\x11\xfc|\xc0\x93vi{\xd7y\xdb%\xcaN\xa4&amp;\xe2\xd8\xbc\x9cB\xa6\xad\xc1\xcd\xaa\x00\xc0\x97\xdb?\x1f\x9d\xacS,\x17\x11\x01/\xc7u\n\xe1\xe6f"*\x9f\'u\xa8\xb7\x137IilF\xc4"\x02\xf0\xf4\xecV\x8dF&amp;#\x9a\xa3\x94\xc3\xe4w\x93\x8a(\xd8\xc3\xc2\xe5r\xfd\x94&gt;\xcd\xcb\x15\xc8\xa5\xa2\x11Q!\x9fm\xe7\xe0\x92.\x91\xf1\xa1\n\xf5q\xde\xb9`D\xa7\xea%\xe5\x97\xd2\x11\xd5-\x9e{\xe34U\xef\xa3\x89]\xea\xb3\x03\r\x9fK=L\xecR\x7f@\xe3\n\xf2\xbf\x93$Dc:\xd4\x96\x97\xcf,\xcb\x16\'\xd2\xa2|\xc1\x84\xe6\x02\xa3-\xc3\xb39\x1fn\x1e\xe8]\xbf,[\x86\xa63\xff\x892a\xea\xaa\x05\xb2L\xed\xd98\n)N\r\x0cb\x08\x1d\x82\x8a\x11\xd1\xe2\x11\x1d\xab[\xf6&gt;r\xc4_\xe0\xd0\x16U\xc5\xf3\xc0\x17v\xfc\xf9\xf6a\x8d\x1a.l\x9bOJNx\xe5\xf3\xa4f\x9e|\xed*{\x89\x89\x9fZ\x94/\xc8~\xdb\xcbF\x85\xfd|x\xf2\xc6\xfe\x15$t\x07\x91\xca\x8f\x98?)5,\x9d\x97\xd4\xad\x10D\xe4\x10\x8bR\tn9Y\x89\xaa\x16\xc8\xd2\'\xb4\xbc\xfe\xa7\xfc:u\x8a\xe6\xe4\x0b \x00|\x07\x85-\xad$\x1e\x9c&lt;\xc30\x11M\xef\xd5DRU\xa32\xf9$+\xa1\x03\xcb\xc7\x17\xcb\x18\xb7\xb1\xba\xf3\xd5\xc0\xa6\x95\xf0\xfeZg\xa5\x11BD\xee&gt;4\xbes]\xed[\x18\x9e\xb6\xb1\xb6\xcf\x1d\xf6\xed\xde1\xb9F\xa1\x06u\x8b\xe7~qa\xc7\xb3s\xdb\xf0\xf3a\xcb\x00\x85]}\xf6\xf7\xa0!\xfewx\xe5$&amp;\x08qx\xd5\xa4\x07\xc77\x10\x91c&lt;\npN\xcb\xff\xc0\xf47\xc6\xc0\xe0O\xa2ln\x93\xff\xcc\xf8\xceu\xa3 |\x08\x00O\xcfHN:\xc6\xb7\x18\x0c,\x8e?\xdc\x90\xf4\xcb,2\x0b\x80\x9a\x80\xb0\x1ac:\xd4\x1e\xd0\xa4"\x9e\x9foW\xd9\xab^\xc9&lt;er$7?\xee+\x11\xbd\xb8\xb0\xfd\xce\xe15\xda5\x94qH\xce\xda\xc6\x92\xbe\x8a\xbb\xbb\x8a^\xf9+\xc6v\xf3\xb6KT:{2R\t\x01\x8br(\xef\x14\x1d\x1b\xd7\x12\x92[\xea\xe7t\xaf\xe3{x\xd5\xa4\x91mj4\x16\x96&gt;\xefo\xecW\xbb\xdd\xce\x94\x12=\xd2]\x1b^^8\xbfm\xbe\x86\xf7N\xf3r\x05\x14\x136\xa8\xd1\xb8L\xfeE\xc3\xda\x0flR\xd1\x86H\x1e\x89\xa7\xe6_\xf4\xf8\xf4f\xf9\xd2\xe7\xd0\xcaI\xe7\xb7\xcd\xb7*\xfd\xdd\xb3\xae\x85}\xafe\x80\x87\x98:\x06\xcf\xce\xa6\'\xaa_2\xcf\xe8\xf6\xb5\x81\x1fSz4R[c\x19\x18\xc4\x04\xba\xd7\xf1%\xa2r\x8e&amp;%\xc7\xd2\xd9tM\x9c\xbb\xd4\xf0!"\xb7\x14\xba2ts\xab\xcb\xac\xbe\xcd\x15\x0bD\xc1\xe5\x1c\xf8\xf2\xe8\xe4&amp;y/\xcf;5&amp;?\xa0F\\\xa2\xf6AE\xc5\x99\xa9\xd5\xde\xf0\xde\xd1u\x00\xd6NR\xee\xdd\x86\xb7\xaa\xe6\x9a\x9c*\xe6\xb3\xc5\xbf\x8f\xac\xb7\xde\x12\xe6q4\xb8y\x15\xf6\xd2\xea\xd0\xc5a\xd6m\xf3`\xf0\x9e\x9d\xac\xe2\x96\xe9\xf6\xa1\xd5V\xef\xb5\xa6\x15MD\x94\x91\xc8+}\xec\xea\x05\xad,\xfe\xc2\x82\xbd\xb7\xcf\x1d\xc6s+\xde\x89\x8c\xcd$P\xc5\r\x8c\xc1\xed6U\x0bd\xf1\xb1K|p\xc5\x04"\n\xcc\x9b\xae{\x9d2\xbc\x0c\x80\x8eU\x8b\xb3\x8f\xc2V\xb8\xf7\xf1\xe9\xcd\xf2\ns\xc6\xb6\x12\xbf=g@+\xbc\xbbf\xc4\x82\x19\xfc\x15\\\xd9\xbdd@\x93\x8a\xe2\x99\xb6\x95\x94\xa5\xaf*\xb9X\x08y\xbd\xb9\xb2\xa7P\x1a\xea\xdb\xa0\xbc\x1e\xf7\xba\xd1\xedM?c\x9e\xca5Z\x00pu\xb7B\xda?\xab\xb4\xab\xec\xe5\x94\x80\xae\xec^"\xcaE\xe3\xe7\x03\xb1f\xf9]\x13\xc2\xea\x01\xa8\xed\xe5\xa0h\xe6&gt;\xb5qf\x14Z\xc2\xd1\x10e\x12E\xad\x7f&lt;&lt;a++\x10G\xd6\xe0\xbc:\xa2.\x0e,\x1f\xcf\x04\xd14hS\xd1\xd3?\x97\xcd\xe5]\x8b\xe5#\x00\x97\xe0gl\x995\x88u\xca\xa9\x89\x00\xe8\xdf\x7f\xae\xe2\x96\xe9\xda\xdee\xe7\xb6\xcce/\xbb\xd6,\xc5*anX\xf6B\xc9\xccD\xfb\x97\x8d\x93DA\xbb\xdb\x10\x80\xc2iM\x9f\x00\x0bZNF\x94\x96hj\xcf\xc6\x92g\xb5\n,\xc4lD&lt;\xdd\xa3"\x92\x19\xbfa\x022\x88\x994\xf6u\x01\xc0\x02\x94\x98C\xa4\x06\xc3ZU\x9b&amp;\xd8\x91\x81/,W\xea\xb9-\xf3\xc4b\x1d\xaa\x16\x93d&gt;\xc1\xdb+.\xc9\x14\xe4\xdd\x15\t\xcc\x9b.\xb8\x90}\x02u)\xff\xa8\xb1hX\x07\xe6\x0b\xdf\'\xb4\x1c\x99\xe3\x9fO\x87\xcf\x8eT%\xb1\x89\x96\x8c\xe8\xa4fJ\xee\x13Zn\xfd\x94&gt;VwJ8\x1a\xa9\x8fE\x1c\xa3\xea\xca\x13\xcfZF6\xfdIw$\x82Q\x1d\xab\x16\x7frf\x0b[d\xe4U\x92\x87\xba\xbeo\xf9\xe7;Z\x9b="I\x89\\e\x1eN\x8fO\x85;(\xc5\xe0&amp;\x94I\x136\xf0q\x06\xe0m\x97h\xfd\x94\xbe\xa1&gt;\xce\xcc\x90\xb8z|\x8fAM+\xcbo\x7fxrSp!\xfb\xe2\x99\xe2\xb3?\x00\xbf\x9c)\xf8\xaaK\x8d\xc9\xdd\x1a\x18\x03\x80\xc1\xdf\x82d\xabPc\x1e\t|8\xb1~\xba\xe2\xa5\x90b\xb9\xf8q&amp;\xa2\x16\xe5U\x05\xc8\xcen\x9eS\xbbhN\xc9\xc9\x96\x01\x1ec;\xd6iX:\x9f\x8e\xf6JQt\xd8\xf8t\xfb\x10\xdb\xab\xf8}\x1bz\xed\x83\x8a\xe2\xcd\xe5\x0f7\xf6\xab\xcb\xe5I\x91O\xe4\xf5 \xc9\xb5\xb0\x7f\xd9x\xf1\xe5\xf9m\xf3\xf91\x80b\x99\xe2m\x9d=d\xfb\xdc\xa1j\xb5\xf9\xe7\xd6\xab)\')\xd7\xaaB\xa1W\x97v\xea\xbcW\r\r\xed\xbd\x05C\xda\x91&gt;#\x15\x00|\xbd\xcbR\x9b\xe9\x7f\xb4\xafCr|\xbd\xd3\xbab\xe1*\xae\x195\xf6\x9eZ\x06x\x10\xd1\xda\x89\xbd\xf4\xd7l`\xf0\x871\xa9k(\x80\x02\x96?\xf1\xbc\x89\xa9W\xbd\xb2*wD\x021\xc9\x9f~\x9a\xf8\xb9\xd6*\x92\x03\xaf"\xad\x03\x8a7W\xe6\x0fnKDI\x7fa\xe5\xcedA\x0b\xa7%\xfd\xb9GB\x8a\xe5jX:_\xf4\xaeZ\xacrj\xd3,\x00j1\r\x1b\xa6\xf6U&lt;\xcf\xc4\x9d\x9c\x12P&lt;A\xd4\x8f%_\xdc\xbfl\x9c\xc6\xe3,7\xf6?\x03/\x14\x8b\xb1\x1du"\xf2\xcbe\xa3\xb8}Z0\xb5I\x9f\xb9B&gt;\xbd\x83\xe0\xe4\xee\r__\xde}h\xe5\xc4/w\x8e(\x16\xa8\x94?=3I\xa5$*\xe7\x98J\x1eT\xfc\xec\xdc\xb6\x8e\xd5\x8a\x8bg\xd8\xb6Sd\xa3+\x0c\x0cb&amp;r\x17 \xd1\xf6\xd0\xac\xac\x9b~\x8bAu\x0f;q\xae\xcd\x15\x98\x81O\x91rwiV\xd6\xdd\x94G\xec\xc7}\x92\xf98\xca[;\xaeS\x08\xb1)\xe1\xb3\xb3\x1d\xaa\x16\x8bZ\x12\x95\xa5\xa3:?8aJI\xdf3\xc4\x0f\x80b\x8aA\t#\xda\x04\x07j\x0euo\xae\xec\x01P\xbfd\x1e\xe6`\xae\x13E\xbb\xd9\x8ey\xc3\xd8\xc1\x8b\x0b;\xf8\x87\xacs\xa0\xaaU$\x87\xbb\x8di\xcf\xa0|\x9e\xd4\x11\xb7\x7f\xbcAD\x0b\x87\xb6OhN\xde\xcbQ\xacY\x14\x8b&amp;\xa2\x82\xa9"\xb4\x19\x00\xf0-\x9f-\xb3\x06\xc9nD\xce(9\xd5\xd8\x13\xe1\xd5\xc5W\x97vY\xd54-\x9b;\xa5\xbc\xcd3\xfa4\xab\xeea\'I!\x9f\x8a\x08?\x1fh\xac3\x9cu\xeb\x18\x1a\x18\xfc\xd9Dj\xbe,\xfa`p\x8e\xad\x9d\xc6\xd5\xdf\xee\x1f[/\xf7\xa4\x04\xf0R)\xdf\xa1bc\x12\x11\x01`\xae\x99L\xdds`\xd3J\x01:&lt;\x8e\xde_\xdf\xcf\xdeK\xd4~\xbc\xff&lt;&gt;\xbdqZ?v\x9c\x83\xa8\x9e\x8e,\xbe\x8a\xc8\r\x0b{\x17\x8f!\xa2+\xbb\x97p%}=8\t\xfd\x13[\x9a\xf0\x9a\x93\xe8\xf8\xd6\xaa\xba+\xa4I\x7fxr\x13\x80&lt;\xf1u}\xe9\xa9\x95\x14\xebD\xa1\x8c29\x92\xad\x1a\xdf\x83K}H\xecl\x12\xd7X\xc5\'fVO\xe6.\xa2\x11\xa0\xc0\xa9V0\xab\xa7\xd2@\xdc\xd4\xdf\x15\x9fn\xc9\x15\x0c\x89\xa8dV+v;mq\x11\x03\x83?\x95\xb0`o\xe0yS?W\xb2\xdc\x12\xf4L\x17\xb1\x01WGf\xa3/\x96)\x1e\x0f\xec\x12\xb1j\xeb\xf9x\xf3 ;\xe0\xbd\xc0\x91\xd5\x93\x81\xd7l]/\xdf\xed\\6*\x8c\xc5\x972\x0f\x9929\x92G\xa3\x05\x7f\xc9\x88NDT\xce1\x15\x13\xa2\xe0\r\xab\xe9i\x8aS\x98\xd2\xa3Q\xb4L\x00\xad&amp;\xd4\x8d,\xdeY\x13\xf194\xf0\x93\x1d\xb8\xdb(\x17\xeeT\xbd\x84\xdc\xcb\x12\x00\xdb\xac\xd6\x88z#\xa2\x8a\xf9\xd3k\\\x95p|\xdd4\xab~P\xb9\xe3R\xc7\xaa\xc5%\xf2\xe0l\xc0\xf8\xf9\xe8$\x93\xe9V\xc4\xaaOS\xa9l\xa6\xe9\x86\xc4\xac\xb4`H;\xe6y\xec\x94\x806M\x1f\xc0\xd6=\x92{\xd9\xdf\xba\x86\xad\xd2E\xff\xe2\xd7\xc0\xe0\xcf"\x1a\xf7E\x01x\xda\xc6\xe2\x86\xa4X2O\xfc\xba\xc5s\xaf\x9e\xd0\xd3\x8ehR\xd7P\xb6\x01\xd8\xadv\xe9\xd3\xe1\xb3\xab{\xd8\xc5"*\xef\x94\xc6\xaam\x00\x80\\\xed9ja:-\x03&lt;\xd8{\xffz\xef\xa8\xe4\x13HA4S\x16\xaf\xb0hX\x07=\xd5\xe6\x12v6Y\xcf\xa2\x9d\x84K\x11\xfd\xf1x\x00&amp;\x84\xd5;\xb8b\x82\x8d\xd2\xd5\xd6\x15\nW\xcc\x9f^.\x8f\xca\x8dHj\x88\x9e6)\x88$\t\xb6\x14\xd1\xb3_\x02\x00\xf8,9\x19&gt;c@\xf8\x8c\x01\xbf"\x8a}\xf3\xe0*\xbc\xbd\xaax\xe9\xdb\xbdc\x00\xdcm\x08\xf8\xc6\xbe\xeew\xd7\xf6\x89\x05X(u\xef\xfaeo\x1fZ\xcd\x86;\xf9\xd6t\x9db\xd29\x90\x81A\x0c\x81\xd9\xa6\xe5\xe7k\x15\xc9\xf1\xeb\x03\x03\xf0\x8f\xe5\xcb\x08\xf8I=\x16\xf1\x03\xcbM\xbe.\xcbGw\xe1z\x90\x11\xd5\n\xfe\xfb\x91",\xd8{\xc7\xfc\xe1\xf2M\xd4LD\xf1\x88\xc4X\xaa\xb2\xb9S\x01\xe8\xd7P+\xb2\x8c\x8b\xe1\x10\xd1\xad\x83\xab\x86\x9a5\xe8\xf1\xe2\xbcN\x8f\xcf(0\xb6cHdo\xd9\xb3h\xb4U-\x87\xa1-\xab6/\xeb\x1e\xe4\x9e\xf9\xc4\x86\x19\x97v.j_\xa5\xa8\xa4\x00\xdb\xdd\x1dh\x19A\x12-\xdas\xf5\xcd)\xe1\xf4P\xce1\xd5\xf3\xf3\xdb\x01\xc8s\xc01\xa6\xf6h\xe4i\x1b\x8b\x88B}\x9c6L\xed+\xf9\x93\xae\x98/}\xdd\xe2\xb9\xd9\xca\x00\x80g:*\xa0\xd7+\xca\xc0 \x86\x02\xbc#\xa2\xc5\xc3;Z-\xe9\x9a\x8c\xd2\x12\xa9y\x83\xc8\xe1\xd9\xc9\xa3&lt;\xb4\xf0t\x1f,vA$\x0eQ\xf9&lt;i\x98McZ\xcf\xc6$\xdb\xcc4\xdd\xe8\xe7\xca\xcd[\xd3z6\xae\xe2\x96I\xd2\x98\x95c\xbb\xd5/</t>
        </is>
      </c>
      <c r="E569" t="inlineStr">
        <is>
          <t>&lt;class 'numpy.ndarray'&gt;</t>
        </is>
      </c>
    </row>
    <row r="570">
      <c r="A570" s="1" t="n">
        <v>568</v>
      </c>
      <c r="B570" t="inlineStr">
        <is>
          <t>steps_per_sec</t>
        </is>
      </c>
      <c r="C570" t="n">
        <v>8200</v>
      </c>
      <c r="D570" t="inlineStr">
        <is>
          <t>3.3592093</t>
        </is>
      </c>
      <c r="E570" t="inlineStr">
        <is>
          <t>&lt;class 'numpy.ndarray'&gt;</t>
        </is>
      </c>
    </row>
    <row r="571">
      <c r="A571" s="1" t="n">
        <v>569</v>
      </c>
      <c r="B571" t="inlineStr">
        <is>
          <t>Loss/object_center</t>
        </is>
      </c>
      <c r="C571" t="n">
        <v>8200</v>
      </c>
      <c r="D571" t="inlineStr">
        <is>
          <t>0.10676265</t>
        </is>
      </c>
      <c r="E571" t="inlineStr">
        <is>
          <t>&lt;class 'numpy.ndarray'&gt;</t>
        </is>
      </c>
    </row>
    <row r="572">
      <c r="A572" s="1" t="n">
        <v>570</v>
      </c>
      <c r="B572" t="inlineStr">
        <is>
          <t>Loss/box/scale</t>
        </is>
      </c>
      <c r="C572" t="n">
        <v>8200</v>
      </c>
      <c r="D572" t="inlineStr">
        <is>
          <t>0.050942518</t>
        </is>
      </c>
      <c r="E572" t="inlineStr">
        <is>
          <t>&lt;class 'numpy.ndarray'&gt;</t>
        </is>
      </c>
    </row>
    <row r="573">
      <c r="A573" s="1" t="n">
        <v>571</v>
      </c>
      <c r="B573" t="inlineStr">
        <is>
          <t>Loss/box/offset</t>
        </is>
      </c>
      <c r="C573" t="n">
        <v>8200</v>
      </c>
      <c r="D573" t="inlineStr">
        <is>
          <t>0.08245603</t>
        </is>
      </c>
      <c r="E573" t="inlineStr">
        <is>
          <t>&lt;class 'numpy.ndarray'&gt;</t>
        </is>
      </c>
    </row>
    <row r="574">
      <c r="A574" s="1" t="n">
        <v>572</v>
      </c>
      <c r="B574" t="inlineStr">
        <is>
          <t>Loss/total_loss</t>
        </is>
      </c>
      <c r="C574" t="n">
        <v>8200</v>
      </c>
      <c r="D574" t="inlineStr">
        <is>
          <t>0.24016118</t>
        </is>
      </c>
      <c r="E574" t="inlineStr">
        <is>
          <t>&lt;class 'numpy.ndarray'&gt;</t>
        </is>
      </c>
    </row>
    <row r="575">
      <c r="A575" s="1" t="n">
        <v>573</v>
      </c>
      <c r="B575" t="inlineStr">
        <is>
          <t>learning_rate</t>
        </is>
      </c>
      <c r="C575" t="n">
        <v>8200</v>
      </c>
      <c r="D575" t="inlineStr">
        <is>
          <t>0.001</t>
        </is>
      </c>
      <c r="E575" t="inlineStr">
        <is>
          <t>&lt;class 'numpy.ndarray'&gt;</t>
        </is>
      </c>
    </row>
    <row r="576">
      <c r="A576" s="1" t="n">
        <v>574</v>
      </c>
      <c r="B576" t="inlineStr">
        <is>
          <t>train_input_images</t>
        </is>
      </c>
      <c r="C576" t="n">
        <v>8200</v>
      </c>
      <c r="D576" t="inlineStr">
        <is>
          <t>[b'512' b'512'
 b'\x89PNG\r\n\x1a\n\x00\x00\x00\rIHDR\x00\x00\x02\x00\x00\x00\x02\x00\x08\x02\x00\x00\x00{\x1aC\xad\x00\x00 \x00IDATx\x9c\xed\xddy\xc0\r\xd5\xff\xc0\xf1#D"\x92-K!\xfb\xbe\x94\x94\xec\x85\xecKY\xca^\x92\xe4\x9b\x90%\x91J\x1b\x89\x14\x89"\xed\x9b\xb2\xa4R\xda\xa9H\x8b\xd2\xbeJ\xf4mQ\xbe\x92\x9f\xd6\xcf\xef\x8f\xeb\xb9]w\x99;\xcb\x999s\xef}\xbf\xfe\xba\xcf\xdc3\xe7|\xee}\x9e\xe7sf\xce\xcc\x9c\xa3\x14\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d9NDL\x87`%\xfc\xe1i\x890U=~|\xfc-k\x96h\xaf\x13\x00\xf4\x1b\xd1\xa1Q\xf4u)saX\xb0\x9f\xa3-J\xae\x98\x7f\xb9Rj\xfa\xd0\xce\xeebh{|\x91\x90\xf7\x94\x00\x00\x00@\xee\xf1\xf5 ]D\xc6\xf6j\x11\xb7\xf1\xcb\x8d+\xfck\x11\x00|\xc7\xe0\x86\x1d"\xf2\xdac\xb7\x99\x8e\x02\x00\x10bt\xa8\x80\x85\xc3L\x07\x80C\x943\x1d@6!\xfb\x03p\x83\xdc\x91\x05\xf8%\x02pcT\xe7\xa6\xa6C\x08\xbb\xb7\xd7\xde\xe5w\x13\x95\xfdn\x00\x00\x90\x958\x03\x00\x90\xf1\xa6\x9c{\x86\xe9\x102\xc6\xcb\x0f\xce5\x1d\x02\x008\x17\xb6#\xd6\xb0\xc5\x03@/\xee\x02Br"\xa2\xf6~b:\n\x00@\xb0\xea\x1d\xa1v\xbd\xfd\x94\xe9(\x00\x00\x00\x00\x00\x00\x00\x00a5\xb1_[\xd3!\x00\x00\x00\x00\x805\x91]I\xb7\xd7*\x18p \x00\x00\x00\x00\x00\x00\x00\x00d\x88uK\xaf\x0f\xbe\xd1\xa1m\xea\xb8\xd8\xabna\xd5\xb3\xe1\xb1\xda\x83\x01\x80\x9cS&gt;\xf5[e\x82\x8b\xc2\x99U\x0b\xa7\x9b\x0e\x01\x002\x9f\xc5\xa4\x92\xcc7\t\x00\xd9\xec\xd5\x87o1\x1d\x02\x00\x00\x08\x96\xfc\xf8\x9e/\xd5\xca~?\xaa\x05\x00\x00\x00\x90\xe1\xb8\xce\x04 3\xac]|\xb5\x88\x88|wI\xcfSM\xc7\x02\x00HG\xd71\xa6\x88\x88\xec\x97\x1f\xde\x13\x11\x11i_\xb5\xa8\x96j\x01\x00a\'qX\x92\x17\x80\x9fX\x14&gt;\xc4\x0e\xe3\xb7\x03\xc0G\xa4\x98\x10;p\xc0t\x04\x00\x80\xa0\xc4\x8e\x00\x99\x8e%c&lt;\x7f\xcf\xecV\x95\n\xd5?\xd2t\x1c\x00\x80 \xd1S\x02\x00\x00\x00\x00\x00\x00\x00\xd2\x18\xd1\xa1\x91\xe9\x10\x00\x00\xe1\x90\xdft\x00\xe1\xc4EW\x00\xc8E\xad*\x16\xa2\x03\x00\x00\x00\x00\x00\x00\x1a\xcd\x1c\xd9\xd3t\x08\x00\x80lW\xcct\x00Y\x8ck\x06@6\x8b\xae\xce\x9a\xb9\xff\xea\xf2\x83/\xeb\xd6B\xbbj\xf9LG\x00`l\xaf\x16\xbd\x9bT\xec\xd5\xb8B\xedB\xea\x8b\r\x8f\x9d\xd7\xbe\xfe\xfd\xb3\xc6E\xa60;\xb7Eu\xd3\xd1\x01\x00|S\xa7\xb0jU\xa9\xd0\x07\xeb\xef;\xe9\x185\xff\xb2!\xb7L\x18\x94\xd1\xd3X&gt;\xbb\xecz\xd3!\xe4\xae\xaf^\x7f\xdct\x08\x00\x9c\x98;\xee\xdc\x07f\x8d\xff`\xfd}"\x7f\x0fm[\'~)\xab\x0c\xec\x03&lt;\xca\xc1\x8f\x0c \x175=Zu\xa8^\\%.a\x98\xd3\x1d\xc0\xae\xf6U\xb9\x96\x0c \xdb\x89\xc8\xec\xff\xf4\x8b\xdd\xb2e\xf5\x92\xb8\x0e\xe0\xdb7\xd7\x98\n\xcf\x88\xabGt7\x1dB\xd0\x8e3\x1d\x00\x00\x03\x92\x1e\xe9\xc7u\x00;6\xaf6\x18!\x00 -7w\xd5\xc5\xe6\xfd|\xf9\xf2%n\x8c{\x0bY@D\xf8\x85\x02Y\xc6\xeb\xa2\xf0C\xda\xd4\x89\xbc ;d\xb7L\xff\xfd~\xfa\xf2\xc3\xa6C\x00\xb2B\xaa\x8b\xbd\xe3\xcej\x99\xb3\x17\x81a\xc7\xc3s&amp;\x9a\x0e\x01\x807\xa9\xb2|e\xa5D\xe4\xea\xf3s\xeer(l*m:\x00\x00\xb1\xdc\x9c\xd77:J\x15,\xa8\xbe\xd9\xad\xbe\xd7\x1e\x0e2\x16\x17\t\x00 G\xd5,`:\x02\x00@\x9c]o\xad5\x1d\x02\x00\x00\x00\x00\xe8\xf5\xe2}sL\x87\x00 s\x04p\xbb\xeaC7]\xe6w\x13\x00\x00\xe4\xae\xdf\xbf\xd9l:\x04\x00\xc8#\xbf|\xe8\xac\xbc\xbe\xd3\x91G\xe7N\xd6U\x15\x00\xe0_\x83[\xd52\x1d\x02\x00\x00\x00\x00\x00\x00\x00\x00\xf0\xc1/\x1f\xbdh:\x840\x12\xd9c\xb0\xf56\xc7\x1fa\xb0u\x00\x00\x00\x00\x00\x80D\x8cV\x00\x00r\x9a\xd9\xcb\x06\x00\x00\x00\x00\x00\x00\x00\x00\x00\x00\xf2\x040\x8d&gt;\x00 \x8c\xea\x146\x1dA\x0e\x18xZ\r\xd3!\x00\x00Lx\xe3\xf1\x85\xa6C\x00\x00 \x85\xb2\xa6\x03\x00\x00\x00\x00\x00\x00\x00\x00\x00\x00\x00\x00@\xe6*f:\x80\x8c\xd3\xa3A9\xd3!\x00\x80\x0e\xcf\xdcu\xad\xe9\x10\x00\x00\x00\x00\x00\x00\x00\x00\x00\x00\x00\x00\x00\x00\x00\x00\x000!\xbf\xe9\x00\x00\xc7\xce?\xa3a\x95\x12\x05?\xfan\xaf\xe9@\x00\xc0\xad\xa5W\x8f6\x1dB\xe6\xe9Z\xb74\x8b\x92\x02@6p\x91\xcd/\xee\xd6\xcc\x8fH\x00\xc0\xbd[\'\x0e\xb1Y\xf2\x8a\xc1\x1d\xad\x0b\xf4nR\xd1s8Y\x8b3\x00\x00\xce\x905\x00\x00\xa13\xba\xebI\xa6C\x00\x00\x98\xf0\xde\xba\xe5\xa6C0\x80s2\x00\xd0\xe0\xae\x19\xa3L\x87\xe0\xd8\xcb\x0f\xcc5\x1d\x02\x00d\xb2V\x15\x0b-\x9ev\x81\xe9(BG\xe4\xbf\xa6C\x00\x90cD\xbe7\xd1(c)\x00\x10\xa0\xc2\xb6K\xfe\xb1c\xb3\x8fq(\xd5\xad~Y_\xeb\x07\x00d\x83\xabGt7\x1d\x02\x00\x00\xb61\xcc\x05hw\x98\xe9\x002F\xf32\xf9L\x87\x00\x00\xc8p\x1c\xcc\x02\x00`\x0b]&amp;\xe0\x07\x86\x80\xb2A\t\xd3\x01\xd8!{&gt;nt\x94\x9bT~bI?\xc2\x01\x10&amp;\x1c\xe5\xb9&amp;\x92\x19K\xa3\x8c\xea|"\xbfe\x00I\xf4iZ\xc9t\x08\xfa\x89\xc8\xfb99\xcfOR"R\x8dK\xe9\x00"\x8e3\x1d\x80\xdfDd\xef\xa7\xaf\x98j\xbd\x98\xa9\x86\x01 \x9b\xb8\x1b\xbb\x10\x11\x8d\x83\x1e\xc7:o]W\xd3\x00\x90\xbb\n\x04\xd2\x8a\x88\\xf\xd3@\x9a\x02\x00\xf8I~\xda\xe6\xac|\xc6\x1e\xb3\x07\xd3A\x02\x00\x00\x00\xb9\xcd\xc5\x19\xc3\xfc\xcb\xec\xae\\\x0f\x00\x08\xd4\xd5#\xba\xdbL\xeb\xa5\xfc\x0e\x05\x00\xdc\xb9\xe9\x92\xfe\xa6C8\xc8\xc8\xc0\xfa\xa0V\xb5\xc2p\xe3\x10\x00 c\x1ca:\x00\x00\x00\\*d:\x00\x00\xc80\xac\xec\x08\x00p\x8f\xeb\x07\x00l\xca\xb9\xe9\xa0%\x8f\xe9@\x1c\xbbe\xc2 \xa5\xd4\xc5\xddN6\x1d\x08\x00 p\xcf\xdd}\xc3\x07\xcf\xddg]F\xf6}\x1eL0\x00\x00m2\xf1\xbc\x04\x00`\xd7\xdd3\xc7\xb8\xdb\xb1a1\xa5\xecu\x12t$\x00\x90\x85\xe6\x8d\x1f\x98\xb6\x8c\x88hYEQD\x06\xb5\xac\xa9\xa3&amp;\x00\xb9JD\x96_\xeb\xf2\xb07\xa9\xe9C\xcf\xf4X\x03\xc7\xc8\x00`\x80\x88&lt;\xbb\xecz\xd3Q\x00\x00\x02\x97x\xf4\xfd\xd0M\x97\x19\x89\x04\xde\xcd\x1c\xd9\xd3t\x08\x00\xe0\x0f\x91\xdfL\x87\x00\x00@\xe0\xba7(g:\x04\x00\x00\x00\x00\x00\x901D\xe4\xbe\x1b.5\x1dE\xbc\xb0\xdd\x0czf--\xb7\xef\x03@\x98\xe8J\xb5\xc5\xb5\xd6\x96\x96\x9d\xa7\xaeZ\x1c[ \x80H\x00 S\xe9M\xd9"\x7fi\xac\xcd\xda#7O\xb2.P/\xdbW\xf0z\xf1\xfe9\xa6C\x00\x008\x14\xb61.\x00\xa1\x12\xd0z\x00d"#\xde_w\x8f\xe9\x10\x00\x00\x19\xae\xd6\xe1\xa6#\x00\x80\x9cU\xdat\x00\x81Yr\xe5\x85\xa6C\x00\x10\xa0\xb7\xd6,1\x1dB6\xf0o\xa8\xed\xe4\xdc\xe9\x7f\x00\x04ib\xff\xb6\x8d\x8eJ_,\xe0\x0b\t\xd7\x8e\xece\xbf0\x179\x00d\x9cP\xdc\xc3&gt;\xeb\xa1\x17\xed\x14\xcb\x97/\x9f\xdf\x91\xc4*P \xbf\xfd\xc2\x01\xc7\x06\x00\xd9)\x14\x9d\x12\x00 \xa3u\xabW\xc6t\x08\x00\x00\x13"C\xf3EL\x87\x01\x000 #\xee^\xe1\x1a2\x00d\xa7\xfe\xcd\xab\xba\xdb\xf1\xba\x0b{\xeb\x8d\x04\x00\x00\x00\x00\x00 \x8b\xc9?;\xdd\xef\xfb\xbf\x8f5F\x02\xfbDv\x9b\x0e\x01@\xf8\xdctI\x7fG\xe5\xbd_e\x9d;\xee\\\x9b\x95\xf8\xf1HX%\xa5D~\xf4\xa1b\x00p\xa8VA\xd3\x1184m\xc8\x99\xa6C\xf0Dd\x97\x96;\x85\x86\xb6\xad\xa3\x94\xfa\xf5\xb3W\xbdW\x05\x00\x99\xa1f\x01\xaf\'\x01-\xca\x17\xf8\xf8\xc5\x07u\xc5\x03k\xfdN\xaeb:\x04\x00\xc8\xb3p\xcap\xd3!d\xb0a\xed\xea\x99\x0e\x01\x00\x0e5\xf0\xb4\x1a\xb9\xf6\x10V\xec\xe7\xbd\x7f\xd6\xb8`\x1a\xedR7#\x1e\xc8\x03\x00\xdblv\x1e"\xffX\x17\xb01\x19vz\xad\x8f+l/\x98\xdc\xea\xf0\x00 \xd4\x12\x93\xf2i\xe5\xdd\\g\x9f\xd8\xbfm\xfd#I\xf1\x00\x90B\xabJ\x85"/n\xbc\xf8l\xb3\x91$UA)\xa5\x94\x88\xbc\xfb\xd4R\x17\xbb\x7f\xf6\xca#"r\xa4\xd6\x90\xa6\x9c{\xba\xd6\xfa\xbc\xa2\x87\x03\x90=V\xdf~e\xdc\x16#9\xee\xd4r\x0e\xd6\xc0\x89\x1a\xda\xa6\x8e\xf6H\x00d\x92!d\x01\x0f\x92\xa6\xfb{\xaf\x1f\xab\xb1\x89\x06E\xd5\xca\x05\xd3\xe36\x9e\xd3\xa2\x9a\xc6&amp;\x00\x00\xa1V4\xe6\xf5\x96\xd5Kb\xdf\xfar\xe3\x8a\x80\x83\x01\x00\x00\x00\x00\x00\xb0\x16\xce\xe9\x88~\xda\xb6&gt;nK\x87\xea\xc5O,i$\x16\x00\x809m+\x17\x11\x91\xb8E\x89\xe7\x8d\x1fd&amp;\x9adDd\xef\xa7\xaf\x04\xdf\xee\xe9\'\x14\x0b\xbeQ\x000\xa9u\xa5\xc2q\xf7\xfc\xf4nR\xd1H$"\xfb\x94R"\xb2\xed\xb9{M\xb4\xce\xbd\xfc\x00r\xcc\xce\xb7\xd6\xc6\xddlo*\x15F\x16\xba\xf9}\xfb&amp;#\xad\x03\xc8Q\x1c\xfd\xc5\xe2\xdb\x00\x90m\xc8k\xae\xdd1\xed\x82\xd8\x1f\xf9&amp;\xb5\xb8\xa0cc\xd3!\x00H\xe7\xc6\xd1a\x9c\xa2\'H"B\xd2\x07\x80\xcc&amp;"\x07\xb6\xbfa:\n\x00\x00\x00\x00\x00\x00\xf8\xab\x9c\xe9\x00\x00\xc0wYv\xdd\xf2\xed\xb5wy\xaf\xc4\xdd\xc2^\x00\x901\x1e\x9e3Qe]\x07\x106|\xbd\x00\x90\x8b\xee\x9c1\xea\x85{o2\x1d\x05\x00\x00\x00\xa0\xdd\xcf\x1f&gt;\xef_\xe5u\n\xf9Ww6`\x94\t\x80~G\x9b\x0e gU\xcb\xe7rG\x11\x11\xf9Mk,\x00r\xd2\x84\xbe\xadM\x87\x90\x01\xe4\xf7\xaf#\xc7\xe0\x05LG\x92\x05&gt;X\x7f\x9f\xe9\x10\x00\x04\xab\xb0\xe9\x00\\\xfbs\xc7\x9b"\xb2y\xe5"\x957\x17P\xc4\x8a\xf9SM\x87\xa6\xc11\x81\xb7X\xb3\x00S*\x01\xe1S^S=\xa5\x92m\x9c3v\x80\xa6\xea\x03%"\x7f\xef|K~\xda\x96t}.\x11\xf9`\xfd}\x91tV\xbf\x88\x1a\xda\xa6\x8e\x91 \x01 \t]9\xdd\x91\xdf\xbf\xd1\xb9\x92\x89\xc1CE9T\xaab\xc7\x1fZr\xe5\x82\xe9A\x06\t\x00Y\xabs\x9d\xa4g\x14\xbe+\x19\x93\xd6\xbf\xdd\xb2\xc6\xba\xf0\x80S\xab\xc5u\x15g\x9dx\\\xe3\xe2\xceZ\xf4\xaf\xab\xb3S3c2\x00p\x90\x9dc\xffT\xe53t\xbc\x0b@\xceI\xbc\x05\xdf\xccR\xe8a\x12\x9b\xcdm^\xbe&gt;\xb3VI\xa7}F\xd6x\xe2\xb6+V-d\xe0\x0b\xc8\x01\xb9\x90\xddz4&lt;6:\xa0_\xd9\xf6^\xb1\x1d@\xdd#\xfc\x8b\xce\xbc\xce\xb5\x0f\x19\x97\xbb\xb4\xcfi\xa6"\x01\x00\xcd\x1c\x1d\xcb\x97T\xea\xf1\xf9S\x9f\xb8\xed\n\x9b\x17\x8d\x01\x00\xea\x96\t\x83L\x87\x90D\xf4\xce\xce\xa8\x03_\xbf\x11\x97\xd0\x0fWJ)\xf5\xec\xb2\x1b"\x05\x8a%\xdc2\xe4G\x07@\xa7\x02@\xb3\xa6\xe6\xa6\x83\xd0\x98\xd1&amp;\rh7cxW-U}\xf7\xce\xd3\x89\xd9\\D\xc6\x9f\xd5*Z\xa6z~\xa5\x94\xba\xfd\xf2\xf3\xfa4\xa9("{&gt;~)\x80\x0e V\xe6v\x06\x91\xbf\xb7\xcc\x8d\x1f@6\x90\xff}\x9c|\xbb\xecO\xda\x01$\xcdY"\xbbDD\xe4\xf7\x80;\x80X\xf7\\wI`m\xb9\xb0{\xdb\xfa\xc4o\x83\x0e\x00\xb0p\x98\xe9\x002\xc3\x82\xc9\xc3\\\xef\x9b\xafx\xad\x14\xef\xa4\xb8\x80\xfb\xeb\xa7q\x1b\x06\xb5\xac\xa9\xd4\xb1\x91\xca\\\x87\xe1\xdd\xee\x9f~R)\x836\xace\x85\xc3\x8f\xa9wz\xbe|\xf1\xdfO\xe2\x16\x00\xb9\xce\xa7\xd9\xd6\x1c\x1do\xa6:\xfc\xef\xd1 \xc9*\xc2\x91\xb7\xde\\\xb5\xd8\xf5\x19\xc0\xe8\xae\'\xd9\x8f-U\xc0*\xaf#\x02\x00\xb8\x97\x98\xca\x1f\x99;\xe9\x95\x87\xe6\x1d\x95\xac\xf0\xf8\xb3Z\x9dsj\xb5\xc4\xbdR\x1d\x8f\'v\x0c\x9dj2\'7\x00?\x9dR\x961%\xbbJ\x1d\x9a\xcd?|\xfe~ecH\xce\xd4\x05\x00\x00\x80N.R\xf9!7\x02\xed\xfd\xc4\xd7\xf02E\x93\x12\xa6#\x00\x00\xa7N,\xa9\x9cv\x00\xfb&gt;\xdf\x10\xdde\xd2\x80v\xbe\x86\x17$\xcef\x00\xe4\x9c\xe8l\xa0+o\x9b\x96\xb6\xf0\xaf\x9f\xbd\x12)\xcc\xad-\x00\x90U"\xc9\xfd\x8cj)\xe7wf\xe8\x1f\x00\xb2Ab\x1e\x9f7~`$\xbfWTj`\xcb\x1a\x1d\xaa\x17\xaf\xa8\xd4\xe2\xe9#\xf3\xd2\xfe_""\xf2\xe3[k\xee\xf49\xb0\x9f\xdd\xee\x18t\xcf4\xb6W\x0b\xeb\x02\xaf&lt;4/\x90@\x00(\xa5\x94\xda\xb2f\x89\xd9\x00\xd2\x1e#\x1f\x9d:U\x85\xe7\xe0:\xf1&amp;\xd1\x95\x0b\xd2\x8f\x11\xe9j:\x98\x86\xfc\xc6\xd9\x12\x90s\xac\xff\xe7\x1d=\xc7d6}\xc4f\xffvU\x8a\x1a\x8c\x04\x00B\xca\xe9\x9a\x88\xf6\xa5\xed\x00\x02\xee!\x86\xb4\xa9\x1ddsY`\xd3\x13\xb7\x9b\x0e\x01\x80C\xdf\xbe\x99fu\\?$fs\x9b\x1d@\x9f\xa6\x95\xfc\x8a)\x8b\xb8\xeb,\x87\xb6\xa9\x13p\x8b\x00\xb2Si\xa5\x94\xd6\xbc\x10\xa9*\x7f\xcc\x96a\xed\xea%\x0e\xdf\x8b\xc8\xf0\xf6\xf5t5\x9aS\xce\xa8\x96tj\x8c\xf4\x1a\x16S6W\xd9\x04\x10"\xda\x0f\xdc*\xe4\xbdxv\xd9\r\xeejh\x98b\x04~\xc0)\'D_Gs\xfd\xfa\xe5\xb3\x94R\xc72m\x83\x9fv\xbd\xb5\xd6t\x08\x00|\xe0k\xae\x8c\xe4\xe2:Z\x0f\x0e\xe5\xe7\x0f\xe2\x12}\xb4\xfa\xc8\x8fY\xdf\x07|\xbb\xe5\xc9\x80?\x9d\xc8\xee \x9b\x03\xa0\xd9E]Nt\xbd\xef\xf9\xa77p\xb7\xa3\x1f\x898R\xe7\xcc\x91=\xbf\xd8\xf0\xd8\xfa\xe57v\xabW\xe6\xccZ%\xcb\x1eZ\xe6\x88CO\x08\xc6to\xae7\x06\xe3\xd6-\xbd.\xc8\xe6\xb8\xea\x02d\x1b\xfb\xa9yp\xeb\xb0\xdc\x0f\xb3`\xf2\xb0\xd8\xb0;\xd7&gt;\xa6K\xdd\xd2\xd3\x87v\x8e-S\xb3\x80RJ\xd5(\xa0\x96^=:\xda\x070\x85\x99\x1dY|\xda\x04 \xb3\xed\xfd\xec\x95\xd8\x0c\xb5\xef\xf3W\x7f|\xff9\x95\x90\xb6\xba\xd5+\xab\x94\xba\xac_\x9b7W\xdd\xa1\xf7\xaa@\xd6\xe7\xc7}\x9fo0\x1d\x02\x80\xdcp\xf75\x17\xdb/\x1c\x97\xc7\x7f\xfd\xec\xd5\xb8t|\xea\xb1\x07\xef\x0f\xbak\xc6(\xa5T\xe7:\xa5\x12n\x0e\xfa\xdec\xc0Y\xdf\x01\x00\xc8\x00\x063Q\xd9\xf4ElqtT^,\xa6\x03X\xb5pz\xaab\xb3\xff\xd3\xaf\xb4R\xb3\xff\xd3O)u\xcd\x88\x1eq\xe9\xff\xff\xbe~]K\xe47\x8c&gt;KK=\x00\x10\x16\xc7\xdb(\xb3d\xfaH\xef}O\x91\xbc\x89\xd8\xec\xef\x12\x97\xcaS\xcd/tQ\x97\x13\x13\x8e\xfa\x0f\xe11\xf2\x88\x07f\x8d\xd7R\x0f\x00\x18v\xb8RJ)\x91\xfdv\xf2\xe3\x8a\xf9S\xbd\xb7x\xf9\xc03\x9c\xee"\xb2;iBo_\xf5\x90G\x06~\xfffs\x00\x1d\xc0\x88\x0e\r\xb5\xd4\x03\x00\x865:J)\xa5D\xa4\xbce\xb1\xfcF\xc7\x9d,r\xfa\xb8\xb3ZF\xca\xe4-\xf6\xb2\xc7\xa2p\xcd\x82\xa6&gt;A\x12\xf7\\w\x89\xe9\x10\x1c\x13\x91\xef\xdey\xdat\x14\x00b4+\xe5\xb5\x86\xb4\xc9\xfd\xf7o6{m\xc3\x03;\xc7\xf5[V/~\xe4\xe6I\xd6\x85+X\xb6\xe2E1\x87\xe5\x7fx\xefY_\xe2\xf0Y\xaa\xbf\x13\x83\x07\x07@\xee\xea\xd1\xa0\x9c\n\xd3T\xec\x9bV.\xf2\xa3Z;\x1d\xc0\x13\xb7M\x13\x91\x1e\r\x8e\xfda\xeb\xbaT%K8it\xf5\xc2+}\xf8(\x19c\xcbj\xc3KM\x00\x80R\x96\x1d\xc0\xfe\xaf^\x8b+v\xe7\x8cQ\xf9\x95\x1axZ\r\x8b\xde\xc2\xa6\x8b\xba\x9c\xa4\xfb\xa3\xb8\xf1\xfb7\x9bL\x87\x00 \'\xb98\xb7\x98pvk\xed1\xc4\x99r\xce\xe9\x1b\x1e\x99\x1f-0uPG\xa5T\xfd"\xeap\xa5^~`nd\xe3\xd06u\xe2\xf6\xfak\xe7\x96\xc4j\xf5\x86\xea]C\xa7\xc3I\x00\x90\xddj\x16\xfc\xb7\x1bH\x9c\xb6&gt;r\x11DD\xaa\x1dvpK\x81\x84n\xe3\xda\x91=\xbd\x87\x91_\xa9am\xebz\xaf\xc7\xa6\x10\xf6O\x00`@4\x95\xdf0\xfa,\x91\xff\xc5%\xc7\xc8[\xcdJ+\xa5\xd4\xc8NM\x96^u\x91\x97\xc1\x1f\xeb0tU\x95q\xe6\x8e;\xd7t\x08\x00\x9c\xfb\xe8\x85\x07N)wX\xfar!\xd6\xe0H\xb5v\xf1\xd5\xb19\xbd\xd1QJD&amp;\xf6o\xa7bV\nkY\xe1\xf0\xf6U\x8a\xde2a\xf0\xbf\xe5\xfe\xd9\xa97\x92\x12z\xab\x03\x00\xef\x1e\xbbeJ\xdc\x16\xc9\x9b"\xbfS\xcd\x92&amp;"\xd2L~\xfd4\x92\xd2\x1f\x98=&gt;\xd5\xa1\xfd\x88\x0e\x8db;\x89g\x97]\xbf\xff\xcb\xd7\x92\xd6\x96\xa4\xfe\x1c&gt;\xba\x07\x90=j\x17\xfa\xf7\xf5\xe3\xb7^\xe1ws"R\xd9\xef6\x94RJ\x8d?\xbbU\xdcE\xdd\xc8\xd3]\x05b"\xf1c\xe4\xc7\x0f\xd9\xd0\'\x03@\x90:\xd6(!\xf6\xdc~\xf9yA\x066\xb0e\xcd \x9b\x03\x90\xbb\xc6\xf6ja:\x04_D\x87\xad\xac\xcb\xa42g\xec\x80\x8f_|0\xf2\xba\x96\xb7\xb9\x1f\x1a\xa4X\x9d\x18\x00\xe0\x8b\xa4i\xf7\xe8\x84-\xd5\xf2\xa9kFt_8ex4\xf5oY\xbd\xf8\xcb\x8d+\xfc\x0f\x10)\xddw\xc3\xa5\xa6C\x00\xb2K\xc8\x07\xb2\x9d\xeawr\x15\xd3!\x00\x002\x9c\xf6\xae\xb1]\x95#\xf5V\x186\x93\xcfio:\x04\x00\xf0@\xfe\xfb\xae\xe9\x10\x90R\x96\x9d\xb0\x02\x86\xfd\xf6\xc5F\xd3!$\xd7\xb8\xb8\xe9\x08r\xde\t\xa6\x03\x00\xe0\xaf\xdeM*\x9a\x0e!\t\xd9\xf3\xd1\xf9g48\xc2D\xd35\x0b\xa8\xf1g\xb52\xd1r\xe8\x84\xf0p\xbb~\x96\x8f\xa2\x01Y\xaaR\xb0\xcd\xc9\xef_\xbb\xd8\xaby\x19%"\x7f\xecxSw8\xf1B\x98[\x13eD\x90\x002\xc0\x96\xd5\x8b\x83l\xae\x7f\xf3\xaa\x91\x17\xe1\xccbF\xa2r\xda\xa8OA&gt;\xb5\xe4\x1a?\xaa\x05\x00\xc7\xcc.Hi\xd3\x8a\xf9S]\xec\x15\x97\xc1\xbfz\xedqM\xe1\x00@\x08\xc4\xce\xc9\x13\xfc\xfc&lt;"\xff\rfhK\xe4\x87@\xda\x01\x90c\xaae\xf6D\xce\x87\xb0\xd3\x01\x88\x88\xec\xfb\xdc{[\x1f\xac\xbfop\xeb\xda\xd6\x8d\x8a\xc8\xbe/6xo+\xe4Fu&gt;\xd1\xba@8\x07\xe2\x00\x84\xd4\x98\xee\xcd]\xef;\xac]\xbd\xe8\xeb\x97\x1f\x9c\xab#\x9c$\xea\x1a\xb9K)\x03\x89\xc8\x90\x84u\xd6\x00\x84\xd7\xb8\xb3Z\x9a\x0e\xc1+\x8fG\x9d3/\xe8\x19}}ri\xaf\xc1\xf8\xe4\xf9{g\x9b\x0e\xc1%\x17\x83Z\x9cF\x008\x84\x88\xc8\xeem\x8ev)\xa4T\xb7ze\x94R\xc7(5\xf9\x9c\xd3\x9b&amp;N\x05w\xa8\xc2\xfaR\x8f\xf6\xd3\x91\xc8e\x8f\'n\x9b\x16\xb7Qo+\xd6\x01\x04\xbc#\x80\x1c2g\xec\x00\xff\x0e\xc0E\xe4\xf9{\xd2\x1fDk\xb9f\x00\x00\xa1\xf6\xe8\xbc\xc9\x1ek\x98\xd4\xbf\x9d\x96H\xa2d\xff\x17\xa7\x94\xd5y\x9d\xfa\xfdu\xcb]\xecu\xa4\xc3\xe9\x88k\xe4w\xd1\x88\x1e"r\xf7\xcc1\x815\xd7\xbdA9\xf9\xc9\xd9I\x18\x00\x98\x11\xfe\xd5\x1c=\x12\x11\x91?-\xde\r2\x18\x00\x01\xc8\xa2{9\xbd\xb1\xb3lK\xbe|\xf9\xfc\x0e\xe3\xbbw\x9e\xf6\xbb\t\x0b\xfb\xbfL\xf9t\x9b\xae\xcf\xfe\xe4\x1dWi\xa9\x07\x00\xb2\xcd\xc0\xd3j\x04\xd0J\xf32\x8e\xb3\xf9E]N\x8a\xbe\xf6r6\xc0\x99\x04\x80P(\xa1\xd4\xda\xc5W\xfb\x91\x92B\x9b\xe6:\xd5*\xe9ew\x91\xfd^v\x1f\x7fV\xab\xd0~3\x00L\x8a&lt; U!\xd9[gT;\xca\xa7Fo\x990\x88\x94d\x87\xc7o\xe9\xfe\x1b\xc7E*\x91\xef\xb7j\x8a\x08@8\xfcW\xc7\xc8\xb5\xfc\xb5\xc3{%n\xda\x15\xd9\xfb\xe9+F\x9a\xce&gt;\x13\xfa\xb6I\xba\xfd\x87\xf7\xd6\xa9\x10\x9f\x18\x01p\x8f\x7fl;~\xda\xb6^)%\xbf\x7f\xdd\xbd~Y\xeb\x92\xbd\x1b\'=\x11J\xafZ\x8a\xb1}\x11I\xf5\x96^\xf5\x8a\x04\xd1\n\x00\xe8\x11\xd8\xfd\x9d"\xbf[\x17(\xe3\xb9\x89\x8e5\x93?\xa0\x9c\xf8\x01\xabxn\xcb\x1a\xc7\x04@\x8e\xba\xfd\xf2\xf3L\x87\x10F\x17tll]`t\xd7fN\xeb\xd48\xb3\xdcI\xc7\xe8\xabK\x934\'J\x00B\xc5\xdd\xb2\x88%\x94\x12\x913\xaa\xd9Z\xd0\xdd\xe0\xa1\xe5\xa2+F\xb8k\xbdE\xf9\x02J\xa9\xc8\xcc\x14\x83[\xd5\xb2YI\xed\xc3]4\xe5\x92\xfc\xfcAp\x8d\x01\xc8&gt;\xc6W\xde\xee\xe5v\xe8\xdco\xb1O\xd8j\x19qb\x80\x05@\x18\x15SJDv\xbd\xb56\xf8\xa6\xc3\x90\x16\xfb4\xadd\x1d\x86\xfd\x0e\xc0\xc50\xfd\xfa\xe5\xb3&gt;x\xee^\xe7\xfb9\x13\xf0Bc\xf3\xc6\x0f\x8a\xbe.\x1cd\xc3\x00\xdc\xf1r\x9c\x1b\xd9Qdw\xaa\x02\xd3\x87uv\x19V\x08\xcc\x1b?Pd\x97\x7f\xf5\x87\xa1\x17\x0c\xd2c\xf3\xa6\x98\x0e\x01\x80&gt;\x92\xc7\xc5\x8e~\xc4\x13\xab\x90\xa6Vt\x85\x9av\xd8-\xf8\xfe \xd7z \x00i\xf8ty\xc0\xe6Z\xbe:[\xfcgg\xe0+\xc8\xcb\xc4\xfe\xed\x9e[~c\x90\x8d:\xb5`\xf2\xb0\xe8\xeb\x02&gt;\xb7E\x07\x03d\x92\xa4\xff\xb1\x13\xfb\xb5\xf5X\xed\x86G\xe6\x1b9\xbc\r\xb8\xd1\xbfv\xbe\xb5y\xe5\xa2 [L\xd4\xad^\xd9\xca\x96\x05D\xa4m\xe5\x83\xcf\x80\xf5jT\xde\xff\x88\xe2[\x0f\xb8E\x00\x9el}zY\xda2a\xfb\xc7\x8ed\x7f\xd7\xd3\x12EV\x94t\xe1\xab\xd7\x1ew\xdb\xa6\x1e\xb7_~\x9e\xf5\xef\xe2\xcd\xd5\x8b\xa3\x05\xb2~\xe1\x04\x00\xd9C\xe4{;\xc5\xae\x1d\xd9\xf3\xda\x0b{Y\x14\xd8\xf1\xe6\x1a\xeb\x1a\xfe\xde\xf5\xb6\x83\xb0\xc2\xe48\x1beb;\x00_\x83\x01\x10Fs.\x19\xe0\xbd\x92\xbc[\x80\x02J"\x9d\xeb\x94Jl\x8b\x14\x96\x89Z\x94/P\x87\xbbD\x01D\ri][\xc5$\xf4\xe1\xed\xeb\xc5\xbe\xdb\xa5n\xe9o6\xad\xb2S\xcfu\x17\xf6\xd6\x1e\x9b;"\xf2\xe3\xfb\xcf\xfd\xf0\xde\xb3~\xd4\xac\xbd\xceT\xf5\x17\xf2\xa7\xfe\xc8t{\x00\xf0\xafT\xa9-\x13G\xabm\x06|\xc7\x15#|\xaaY\x976\xc7k\x9c\xc7H)\xa6\xf5\x06B\xa8\xb4R\xb7M\x1aj6\x06\x8b\xd4&amp;"\x1dk\x94\x88\xdbx\xf6I\xc7\xebm=\xe3\xba\x99LtR)\xd3\x11\x00\xf0"+\x9fZJ;\x0b\xb4\xb7\xca\x03\xfd\xc6f\x0c\xef\x12ds\x00\xe0\x97\x82\x01u\x00\xd2!\xe1$#\x0c\xaa\x1ff:\x02oDDd\x8f\xe9(\x00\xe4\xf9\xed\xcb\x8d\xa6Cp\xa0\xaaRr\xe0+;%\x07\xb7\xaa\x95t\xfb\xc0\x965\xbddQ\x91?"\x97\xa9\xe1\x82\xec\xf9\xc8t\x08\x00bD\x0e\xa8\xdf\\u\x87\xe9@l\xb1?:\x7f\x9c?\xe7\n5\xf2{\xda\xfd\x9d\xa7\x96j\n$\xdbp\xd1\x05@\x12\x9d\xeb\x94*\x98\xf7\xda~\xfeu=?]\xc0:T/\xe1n\x12\xbd\xa4{\x05\xffy\xdbU)Z\xc9\xc3\xee\x97\xf5k\xa3+\x12\x00Y\xa8F\x01\xbby-\xf6\xee \x11\xd9\xfe\xc6J\x9fB\n\x83\x90t\x00\x00\xb2\x9c\xfc\xf9M\xaa\xb7\xca9O:\xfe%\xa9\x17\xef\x9f\x13\xbdS=\xbbSa\xaaO\xb70om\xe7+\x06w\x8c{k\xcd\xa2\x19\xd1}E\xa4\xb6\x1fOv\x01\xc8&gt;\x1d\xaa\x17\xf7r\x9a\x1f~\x19\xd7[\xb8\x08x\xd6\x98\xbe*fd\xec\xccZ\xfe\xae(\x9f\x11\xe3o\x00\x94J\xf7\xef*?l\x8d}d\xa7N!%"\x0b\xa7\x0c\x0f \xb0D\xf9\x8c\xb4\n\x87\xd2v\x00\xe3\xcfj\x15X0\x00\xacd\xca%S(\x0f\xe7+\x89\xbf\xe2\xb3\x9a\xfaxj\xc7\x9f\x13\x90\x01\xa6\x0e\xea\xa8\x94\x92_&gt;4\x1d\x88c\xe5\x95\x1a\xd3\xbdy`\xcd\xcd\xbc\xa0G`mi\x97\xd7\xc5\xef\x8b\xdb\xa8e-\x98\xc4\\\xff\xfe\xb3\xf7\xd0\x01\x00@r/?8\xd7\xba\x80\xc8\xff\xbc\xb7\xb2\xfa\xf6+\x95R\x83Z\xd6\x0c\xf8\x0c\xef\x8f\x1d\x9b\x03k\x0b\x80\x1b7_zN`m\xa5\xb8m\xf1\x9f\xc0\x02\x08\xa7\x9a~/\xc8\x9b\'\xc8\xec\xff\xc3{\xcf&gt;:o\x8a\x96\xaa&amp;\xf6o\xfb\xf2\x03izJ\x00\xc8\x15\x8eRy\xf32\x06\xae\x9ak\xbcA\xe0\xc1\xd9\x13tU\x05\xe4.\xd9\xfb\x89\xcd\x92\xc5}\n\xc0\xdb\x11h\xeb\xe32~\xed\xa8\xaf^\x7f\xc2\xc58\x8c\xc7\xfc\xfd\xbfO^v\xf1\xcd\x0fn\x9d|&amp;%\x00\x19)q\xc6\xfc \xc7\x7f\x94R"R\xc2\xb7\xca\x0b*5\xa8UM\xdf\xaa\xcf`"\xa2}!\x17\x00\x19\xef\xdc\x16\xd5\xe3\xb6\xfc\xf2\xd1\x8bN+9\xff\xf4\x06\x9a\xc2\xf1*\xbb\'\xe9|\xe9\xfe\x9b\xa3\xaf\xf7|\xfc\x92\xfd\x1d=\x9ex\xe9\xbat\\\xd1{\x15\x00\xf4\x9a\xd0\xb7u\xec\x8f\xd1\x7fu\xed\x17\x0c\xbd\xdc\xba\x9e\xb81\xe9\x01\xad$\xacM\x9fM\x93\x1dL\x1e\xd0\xdeH\xbb""\xb2\xcbH\xd3Q~,\xa7\x0c\xe4(\xf9c{\xe2\xc6\xe3"o\xd9\xe8\x00b\xdf\x12\x917\x1e_h\xabQ}=\x8a\xfc\xf8^\xe4\xc5\xc8NMb\xb7G\xefg\xcf\x82\xdb\xcf3\xeb#\xf8\x1a\xed\xaa\x85\xd33\xeb\xdb\x00B-\xd5\xbfS\xf4d\xff\xd7\xcf^\xb5\xf8\x97+\x98\xea\x8d\xc0\xf9zc\xfb\x95\x9aVRt7\xf4\xe1\xf4s\x9dV\xa1\xe0\xf3\xf7\xcc&gt;\xb5\x9c\xb7\xc5\n\x00 \x96\xde\x0c[E_U\x07\xb6\xbf\xe1\xf19\xa9%W\x8e\xd4\x15L*\xcdJ)\x11y\xfb\xc9;\x9d\xeex\xf9\xc0\x0e\xb1?\xca\xbe\xcf\xd2\xee\x92?\xd2#\xee\xfb\xec\x99\xbb\xae\x8dn\xfc\xee\x9d\xa7\xed4\xf7\x98\xb7{\xf6S\xfd\x91\xec\xdc\xf2\xe4\xd31\xc1\xa4\xde\xfd\xf7\xc4\x1a\xb6={\x8f\x97\x90\x00\xf8\xc5\xdd\x02&amp;)\xb6\xff\xe8\xa8\x9e\xce\xb5\x8fq\x1dCZ"\xbf\xea\xad\xb0U\xa5BU\x95\x1a\xda\xb6NBC\xfb\x9eZ2\xd3f%[\x9f\xb9\xfb\xaa\xf3\xba\xd9)\x19w\x15\xc4\xd1\x19\xd2\xe9\'\x14\xb3Y2U\xbb\xee\xb4\xacpx\xaa:E~s]-\x00\x9d.\xearR\xe4\xc5\xc9\xa5\xd5\xec1}\x83i\xb4}\xd5\xa2\xd6Y\xace\x85\xc3g\x9c\xd75\x98`4\x9a5\xa6\xef\xb7o\xae\xb1S2\xf2\xf1\xa7\r\xe9\xe4\xa2\x15\x9b\x1d@d\xf1\xe4\xd9\xff\xe9\xe7\xa2\t\xff\xf4mV\xd9t\x08@\xd698!X\xea\x05^\xfck\xd4\xe9^\xb3\xc6\xf4M\xdc+nK\x18f0]2\xdd\xd3P\x92u\xfcG{\xa9\xdas\xeb\xa9\xd4\n\xcf\x85 \x00N\x89H\xb7ze\x03k\xae\x82\xf3Ds^\xfb\xfa6K\xceJv:\xd2\xa4\x84\xa3\xd6`W\xaf\xc6\x15\xdc=\x92m\xe7\x0f\xa0\xc1\x91\xea0\x17U\x03pJ\xe4;\x0f\xfb\x8a\xc8\xef\xcew\xf1\xe5P=\x0c\'\x01^|\xf8\xfc\xfd\xba\xaaj\x9c0\x89\xc7\xc0\xd3j\xbc\xf1\xf8\xed*\xef\xa9\xef!m\xe2\xafF8\x95x\x06\xe6\xb1B\x00\xe1\x95\xf6?\\Db\xef\xedI58 ""\x7f\xf9\x11\x89\xcd\x0e`t\xb7f^Z\xcf\\[V/\x89\xbe&amp;_\x03\xd0\xa9W\xe3\n\xba\xaa:\xd2\xf2\xdd\x9b.\xe9\x7f\xe0\xeb7\x12\xb7\x8b\x88\xc8\x7f\xd3\xa6\xb6\xf5\xcbg\xc5myx\xceDg\xf1\xfd\xdb\x9cU[\x99~Fb\xa1k\xbd2\x07\xb6o2\x1d\x05\x80\xc0m|\xf4\xb6\xc8\x8b=\x9f\xbc\x14\x1di\xd0{\x19!\xee\x19\xe3\xb8w\x1b\x16K\xfe\x0c\xda\xa5\xbdOkP\xf4\xdf\xd1\x8f\xc8\xf0T\xa7\x9aG+\xa5V-\x9c\xae%\xb0W\x1e\x9cg\xbf\xb0\x96\x0e`\xfb\xa6U\x1ek\xd0\xee\x84|\x01\xf5mNG\x17\x01\x04\xc7\xd4\xe1\xad\x88\xfc\xf0\xde\xb3Sc\x9e\x90z\xf5\xe1[\xacwi[\xb9\x88\xae\xa6\x1d\xcd\xc9,"\xed\xaaX\x9f\xcf\xa4\xaf\xc1\xcb\xee~\xe8\xd1\xf0X\xbf\xa3z\xe5\xc1yi\x7f\xa7\x00\xb4\xa9l:\x00\x9b\x9e\xbc\xe3*\x11\xb9\xa0c\xe3\xe8\x96R\xfeg\xc9\xbbf\x8cr\xb7\xa3\xf7\xc0B\xd8\x01l\x7fc\xe5\x81\xedI\x86\xe0\xec{\xfa\xce\x94\xcf\xbe]=\xa2\xbb\x97\x9a\x01\xd8\xd2\xbb\x89\x86yy\xcby\xafB)\xa5\xd4\xdf\xbb\xdeN\xdch}\xb17\xf6\xfeN\x119\xeb\xc4\xe34\xc5\x92\xdcC\xae\xae\x13\x84\x96?\x8fOg\xed5\x0f \xdb\xc4\xfd\xaf\xd6\xd33F\xe25\x0c\x9b\xbb\xc4\xed\xb5r\xc14\xf9\xdf\xc7\xfa\x82\xca~~g\xea\xebF\xf5\xf6\xb5~\x00!\xe2:\xa1\x04p\xcc8\xbak\xd6\xde\xf7)"\xf2\xdb\xe7Ys\xdc\xfd\xc4mW\x98\x0e\x01\x80sf;\x80\xf5\xcbg\xc9O\xef\xfb\xdaD\x98\x05\xff\x01YX\x12@&lt;\x17\x99(:\xf2\xb4`\xcap\xbd\xc1D|\xf2\xd2CY\xdf\x01d\x1f\xd9\xbd-&lt;+\x8c\x02\xb9Bd\x8f\xbbt\xa9\xe5v\x17\xf9k\x87\x97\x1aJ\xa4\xa8v\xe6\xc8\x9e^\xaaM%r)b\xd1\xd4\xf3\xfd\xa8&lt;\xb1\xad\x00ZI+:q\xe9\xcc\x0bz\xf8\xd7J\xe4\x8b\xf5t\xf3,\x80\xc0\xcc\x9f8$\xf2O\xebe9\x91\xb8\x1cwJ\xb9\xc3\\d=\x8d\xd3\xe9\xd8\x14\r\xd2\xa7%\xb8D\xbe\xf7\xa7b7B\xd2\x0f\x01\xd0`\x92\xd6\xe5\xc5E~K\x9a \x1e\xcd\xeb\x15Dd\xc0)\'\xd8\xac\xed\xd1\xb9\x93]\xa7\x9b\x92JM\x1a\xd0.\xd5\xbb\xbb\xde~\xca]\xb5QuSL\x82y\xdf\r\x97z\xac90\xee\xbe\xdb\xc8tr\xcf-\xbf\xd1S\xd3\xc1\xce@\x0e \xb9\xa4Y\xe0\xa8\xe0\xe3\xd0d\xf5\xed3\x02\x99\x9f e\x13\x89oY\x14\xberX\x97\x17\xee\x9d\xed.\x00\x83G\xe2\xc6[7\xd54\x90\x9dvl^m\xb3\xe4\x15\x83S.G\x15\xaa\xff\xcc\xe1\xb6\x97\x10p!\xf6\x93\xba\x9b\x10_o\x0c\xc17\xedw\xebw\xcf\x1c\x93\xea\xad\xef\xb7\xae\xf3\xb5i \xd7\xed\xff\xf25\x9fj\x96\xef\xb7\x8a\xfc\xe2\xa9\x06\xd9k\xf9\xaeD\xe6\xa4\x93\xbfv\x88\xfc\xe5w\x9eJ\\\xa86\x98\xbcl3\x05/\xbbf\xb4\x1f\xf1|\xfc\xe2\x83\xda\xeb\x8c\x15\xaa#\t \xe7\xc8\xff}\xe9\xf4\x9f\xf0\x8e+F\xd8\\\x19PD.\xe9y\xaa\x8b\xa8\x94\x8d\xc4W#\xff!%\xfdN%\x05|\xad]\x87\x8cK\xa6L&amp;\x01\x98T\xc0\xf6?a\t\xa5Dv\xd9\xac6Z\xa1\x97\x7foG\xd9\xe1\xb9\xbbo$\x95\x84\x87\xc8~\x9e\x1d\x032O\xf4\xde|GW8\xe3\xf4iZIC$\x96\x1d@\xe6^\xbb\xf6\x8fO]`\x8d\x98s\x9f\xadO/\xb3\xd3\xba\x88\x8c\xed\xdd\xc2Q+\xf4\xdf@p\xac\xff\xdf\xc2pn\x9e4\x80TQ\x89H\xc0C4k\x16]\x15l\x83\xe95=\xda\x97j\xe5P\x16\xc5"/\xc6\xf4h\x1e\x86\xbf\x1f\x00\xee\xb5\xafZ\xd4`\xeb\x7f\xec\xd8\xbc\xde\xc9\xed\xe7[\x9f\xb9\xdb\xb7X\xb2\xd0\xc4~m\xed\x17\xde\xbc\xea\x0e;\xc5j\x16P\x8f\xce\x9d\xac\x94\xeaZ\xaf\x8c\xcb\xb0b\x1c\xe6\xbd\n\x00\x11z\x0f\xc7&gt;z\xe1\x01\xeb\n\xed\xdf.\x99\xf6D\xc4AX\xa14w\xdc\xb9\xae\xf7\xf5\xef\xe3\x07\xf9\xc5\xba;\x1b\xf8\xe8\x85\x07TV\xfc\x01\x00\x86\xc9\x1f\xdfh\xffG\xaa\xec"\x0c\x871\xe4\xec\xb4n\x9b\x9e\xb8\xfd\x18\x9f\x9b\xa8}\xb8\xcf\r\xc4\x10\x91\r\x8f\xccw\xbd\xaf\xde`\x80\x9csJ\xd9|\x197&amp;;y@{\x11y\xf8\xe6\xacZ\x96\xcb\xbe\xe0G\xb42\xeb\xcf\x03\x80\x03\x19\xd7\x01\xe48\x11\t\xf2 \xfd\xdb7\xd7\xa4\xfd\xf3\xe0O\x08\xc8Tq\xb7\xe8\x19\x8c$7\x85\xe7;o\\&lt;\xc9\xc6k.\xe8\x91\xf6\xf6\x9eH\x07pQ\x97\x93\xac\x8b%\xe5\xcf\xddI\x00\xc2\xe1\xf1[\xf5\xac\xed\x17\x97D\x9a\x940y\xe0\xf9i\xf8.B\x94\xf3\xd6\x97lY\xbd\xc4\xe2&gt;\xdaT{\xd9\xbc\xa7\'l\xdf\x15\x80\xe4\xecgU\xa7\xcf\xf4\xde:q\x88\xfb\xb0\x94jU\xa9P\xec\x8fO\xdf9s\xfa\xd03Me\x16\x11\x11\xf9\xd5\xd7&amp;\xe6_v\xc8\xd7\x15{\xac\x9d\xb4\xfc\xe6Uw8\xba\x833N\xc3b\xea\x18\xa5\x16L\x1e\xe6\xba\x06\x0b\x1e\x7fM\xdf\xbd\xf3\xb4\xaeH\x00\x1c$\x07\xber\xbdo\x85\xbc\xff\xea\x11\x1d\x1a\xda\xf9\xf7~f\xe9u\x7f|\xb3\xd9us~(m\xbb\xb7+\xad\x94R\xaaE\xf9\x02\xe7\xb6\xa8\xeewTQ.\xc6\xf9\xfdX9K\xcb\xc4\xda"2\xf0\xb4\x1aZ\xe2\x01\xa0G\xd21_\xa7l\xe6P\xf9ak\xfd@V\xf6\xeb\xd1\xf0X\xeduZ\x7f\xc0\xc8C\xb6\xb1\xe7C5t,\t\x16\xd7h\xda/\xd9\xcbS\x05\xa94+\xc5\xe8\r\x80\xd4\xe2:\x80\x99#{&amp;M\x19k\x17_\xd3\xa4DpQi\xb1\xf3\xad\xb5\x91\x176o\x83\x11(\xcfF\x00\x00\x15vIDATq:&amp;fa\xdf\xe7\x1b&lt;\xd6\xe0\x91\x86\x07vc\xac\x98\x7f\xb9\xd6\xfa\x00x\x96OG%\xd7^\xd8\xcbN\xb1\x8a:\xda2%mB\xafW\xc4\xdf+\xd2\xab\x16N\xb7_\xd8:\x92\xbe\xcd*\xdb\xaf\xea\xc8\xbc\n\xed\xef\xa2\x8b\xc8\x81\xe0\x1b\x05\xe0\x97\xd8\x03d\x8d\xfd\xc1\xe3\xb7N\xd5W\x99\'"\x7fx\xac\xe1\xc9;\xaeNQ\xb3\xb6s\x8b\xcc\xc2\x13\x06\x00\xfe\x95\xb3\xe9 \xd7&gt;\xb8\xc8Oq\x03k\x00\x901Ji\xadm\xfb\xa6UZ\xeb\xf3j\xf5\xc2+}M\xcd"\x7f\x93\xfd\x81\\\x14\xbd\xe7\xddt \x87\xb8u\xe2\x90\xb3O:&gt;n\xe3\x84\xb3[\xfb\xd1V\x9b\xe3\xbd\xae\x9a\xe5w\xf6\x8c\xd6\xaf\xab\x95\xce\xb5\x8f\x19\xd5\xf9D-U\x01H\xcf\xa7\x04Q$E[\xfd\x9bW\xd5\xd8\xca\xd8^\xceV\x95\xd2\xee\xe9;\xaf\xb5\x93d]|\xc9]\xea\x96v\x1b\xd4\xbf\x0el\xdf\xf4\xe0M\x13\xd2\x16s\x1a\xde\x91J\xc9o\x9f+\x1f:\x98\x92\x1a\xeb\x02\x10$\x11\xd9\xbcrQ\xe4\xf5U\xe7uML\r\xf2\xd3\xfb\xda[\x8cme\xf2\x80\xf6z\xebOkp\xeb\xda\x83Z\xd6\x9c6\xa4\x93\x8b}Gwmf\xf1\xeeq\xae\xe2q\xf7\xecA\xdb\xe3\x8b(W\xbd\x14\xe33\x00\x0e\xb2N\x07w\xce\x18%"\xdd\xeb\x97\xf5\xd8D\xec\x8f\xdb7\xad\n2\x01\xc9\x9e\x8f\x02k+"2\xd8d\x7f\x98\xe5\x8a\xc1\x1dS\xbd5\xb8U-\x8b\x1d\xb5\xa7r:\x06 {|\xb1\xe1\xb1\xc5\xd3G\xc6n\x89\xa4\x8cw\x9eZjg\xf7\xb4\x93\xd8\xd8$\xb2\'\xf2\xa2\x9a\x93%\x01\x9f\xbd\xfb\x86To\xd9\x99\x872\x1a\xf6\x92C\xbf\x81\xc0\xd8\x9f,\xf3\xc2NM\xecW{q\xb7\x93c\x7fL\xf5\xabI?\xc0u\xe0\xeb\xc4\xdf\xeci\x15\n\xc6\xfexF\xb5\xa3Fun:\xa4um\xfb\xe1\x010,\xf6\xdes\x11\x91\x9f?\x8c}7\xe9@\x7f\xd8\x88\xc8-\x13\x06y\xa9\xa1O\xd3J\x99~&lt;\x9b\xf4\x01\xec\xc8\x87\xaa~\xd8\xc1\xe5\x15\xdd\x11\x91\xc8\xf5\x00\x00\xd9\xa6\x80RJ)\xf9\xee\x1d\xff2`\xa8r\xab\xf7`D\xa4C\xf54\xf3+\x15\xf0\xd8\x86&amp;\x91\x0f\xfb\xe8\xdc\xc9\xa1\xfa\x15\x00\xc8!\x01.l\x15\x04\xfb\xc9T\xcb$\x1c\xde\xb5\xaeT\xd8\xe2\xddFG%\xd9(\x7fl\xaf\x7f\xe8\xd9\x1f]\x08\x00\xc7\xec\'\x8e\xccJ1\x05\x94\x12\x91\x935\xdc\xc9\xe9F\xe2T\xa8S\x07\xa5\xbc8\xdc\xb3Qy\xfb\xdf\xed\x8d\x17\x9fm]\xb8VA\x8b7\x01d \x11\xf9b\xc3c\xda\xab=1\x1b\xef\xfa\x8e\xe6G\xe3\x0f4\xc9\xf7[\r4*?\x06\xd9\x9c\x96\xc9\xcc\x01\xa4\xd4\xa9VI\x9fn\xf7\x96\xef\xdf\xb5.\xd0\xbb\x89\xd7\xf9\xe2f\x0c\xef\xea\xb1\x86X"\xf2\xc3{\xeb\xd2\x96\xd1\xd8"\x00\x84\x88\xc8~\xb7;&amp;&lt;\x17\xa6)W&amp;\xd6\xb3\xe9\x89\xdb#/\xee\xbb\xe1R;\xbb\x8b\xec\xb3WL\xa2\xf7\xa1\xa6\xb2y\xe5\x1di\xab\xf2\xe2\xe0\r\xb5\xff\xec\xf4\xb5\x95\x88\xb1\xbdN\xad\xac\xa3\x1e;OJ\xd3q\x02\xe1\xe2h\xd6x\xff\xc8\xff}i]\xe0\xea\x11\xddS\xeek#\xad\xcc\x18\xdeU\xe4\xa7\xb4\xc5\xac\x1f\xa4\xf2\xc3e\xc9V\xf7\x1d\xd9\xa9q\xedB~\x9dg\x14J\xd8r\xff\x8d\xe3\xfe\xda\xb9\xe5\xfa\x8b\xfaX\xefX\xd3\xdb\x8dM\xed\xaa\x14\xfdr\xe3\nOU\x00\xd0\xee\xdd\xa7\x97)\xa5\xae\x19\xd1\xc3t .\xd5LqM\xb2v!uY\xdf6\x81,O\xe9^\xd2\xa4\xbap\xcap\xe5\xe7@\x93\x88,\xbfvL\xdc\x96\xba^g\xa5\x03\x90\x81\xac\x13\xcd\xd0\xb6u\x94RG+uF\xb5\xa3\\\xa4\xa4\xaeuK\x8bH\x05\xf7\xd19\x16\xb9y\xb1\x8aR\xf3\xc6\x0f\xf4)\x87\x16T\xaa\x90R\xbe.},\x7flO5f\x12\xfb\xe0\x9e\xcd\xdaz48\xe4\xa6!\x11y\xfe\xde\xd9\xd6\xbb\x94r\xf8$\xb6\xa3x\x00\x04j\xd2\x80vv\x8a}\xf8\xfc\xfdIK\xdeu\xd5E\xae\xc7pg]\xdc7\xcbR\xc3\xe2i\x17\x04\xd0J\xdd#\x92\xa7\xd4\xd0N\xe8V\xb70}\x00\x90\xc9ZV\xd0\xf9\xccV4\x1d\xd8\xec~r\xc4i\xe5\x83\xbe\x91~\xfa\xd03\x9d\xf6\x01"\x7f\xf9\x14L\x9f\xa6\x95R\xb4(\x17u9\xc9\xa7F\x01\xa4\xf1\xd3\xb6\xf5^vOL1\xd1\xbb\xd4\x9b\x97\xc9\x974\xfb\xd8\x99\x01mx\xbbz^\xa2BD\xf8o\xc2q1\xb4\x05 3$\xbd\x0cp\xeb\xc4!\xd6{\x89H\xf9\x98\x1f\x0f|\xfd\x86\x9d\xb6\xc6ton;.+k\x16\xcd\xd0R\x8fYq\x13\x82\xfaM\xe4g\xcf5\xd0\x01\x00Y\xcd\xe6?ye\xa5n\x18}\x96E%$\x0b\x0bZV\x1c\xf3\xce\xce#\x02\xc1D\x02 \xa52N\n\xcf\x18\xde\xc5\xaf8\xf2\xf4hP.\xf2\xe2\xaa\xf3\xbb%-\xa01q\x88H\xe2\r\xf2^j[\xb9`\x9a\xbe\xfa\x0e\xba\xb4\xf7i\x8e\xca\xa7\xbd\xd5\x07@\xf6\x9b5\xa6\xaf\xf6:{4L\x9c\x8e\xcc/\xd7_\xd4\xe7\xab\xd7\x9f\xb0(\x10\xb6C\xc8\x1f\xde[g&lt;\xa4\xb4\xa7G\xe7\x9d^\xff\xbdu\xcb\x03\x8b\xc7\x91\xfd_\xbef:\x04 [l\x7fc\xa5\xcd\x92/\xdc{\x93\xcd\x92\x1f&gt;\x7f\xbf\xcbh\x94R&gt;\xa4l\xe3\t7*\xf2@U\xf2;]p\xa8\xa4\'\x9d\x0f\xcc\x1a\x1f\x9e\xdf&amp;\x90\xf1z6*o\xf1nv\xdc{\xe7.e\xc8\x9f\xdfxlwb\xb2\xb9\x1c\x8c;\xa5\xac\xc3\x87\xb8\x02\xf4\xfd\xd64s\xed\x01\x08\x8eU\xe7\x90NH\x8e\xd4J+%"\xcd\xcb\xb8\\\x7f%$\x9f"\xce\x99\xb5\x92L\xa5-\xb27a\x8b\x9e\x87\xc5lZv\xcd\xc5Z*\x0f\xe7w\x0e\xe4\x9c\xe3L\x07\x10a\xf0\x96\x9eZ\x87\x87"\x1f\xed\xd8\xbc:\xfa\xbaW\xa3\xf2"2\xd8\xf6\x02\xeb^\xe2\xe7f*\x00f\x9c\x90O)\xd39HD\xfe\xfc\xf6M\x17;:\xbd-\xc7\x91\xdf\xbe\xd8\x18\xd8w\x92\xaa\xa1\xf7\xc3z\x95\x18@p\xfcN\xd0"2\xff\xb2\xc1\xb1?\xfa\xd7V\xc8\xd5+\x92\xbeLZ\xfb\xbfJy\x17M\xd2\xef\xb6F~\r\x8d\x02\xc8`\xef&gt;\xb54\xd5[~w\x00e\x13\x9a\xf3\xaf-\xa5\xd4\xff&gt;y\xd9{%&gt;M\x9f\xec\xf1\xb3\x1f\\L&amp;]%\xbb?H&gt;\xedG.w\xbd@\xae\x90\xbfv\x98\x0e!^y\xa5Ddb\xbf\xb6\xfb\xbe\xd8 "\xbf~\xfe\xaa\xe9\x88\xdc\xf3\xf2\xe0\xc5\xaf\x9f\xbf\xea=\x0b_7\xaa\xb7u\x81uK\xaf\xf3\xd8D0D\xe4\xf4\x13\x8e2\x1d\x05\x90\xc3\x92\xde\xd2\x1eMR^\x97\xf4\x8d\xa9PD\n;9\xdb\x10\x91\xbfvnI\xf5V\xda-\xa1\xe51\xd4sZTK\\\xff\xd2\xd7\x8fo\xb1\xd4W\x06}\xed\x00\xdc\x10\x91\xd1]\x9by\xa9a\xe5\x82i\x13\xfa\xb6\x89\xbc~}\xc5\x82\xfa\xf6\xc6\xc1E~\xdb\xf3\xf1K6\x9b\x90\x1f\xdfs\x13Y\n3/\xe8QLcuZ%\xedA\'\xf5gFn\x00\x1e\x14M\xd8"\xf2\xb7\xd2q\x94W2\xa6\x92\x95\x0b\xa6{\xac\xcd\xa3\xd6\xc7\x15\x0e\xfe\xb8UD\xe4\x87\xadi\x8b\xbdx\xdf\x9c\xf4\xf5p[\'\x808\xbd,\x9f\x07vG\xeftl\xd1\x0b\x98f\xf3W\xe3\xe2\x9a\x07.\xce?\xbdA\xda2k\x17_#\x07\xbe\xf2\xde\x96\x88\\1\xb8c\xe2FG\x954w4/ \x80\xf0[1\x7f\xaa\xf6:\xcbi\xaf1WE\xba\xbd\xdf\xbe\xd8\x98\xf4\xdd\xe8\xf2\xc3}\x9bUv\\\xf3\xdf\xdf:\xed\x00v\xbd\xfd\x94\xd3V\x00d\x03\xef\x07\xbf\xfdN\xae\xe2\xa8\x92R\x1e\xdbS\xaa\x9cRm+\xeb\xb8\x7f\xde\xb7\x8b\x96\xd67\xb2\xf4?\xa5\xeaO\xdb\x9e\xd3r\xea\xc3\xe0\x0f\x00\xf7Fu&gt;\xd1\xcb\xee\x1f\xbd\xf0\x80\x91\x1c$"\xeb\x97\xcf\xd2^\xed\xfc\x89C\x92\xce\xc9\xe3\x07\x11Yv\xcd\xc5\xc1\xb4\xe5\x91\xdfO\x05\xd2\x8d\x01fx\x9fF\xf2\xd4r&gt;&gt;Wz\xfd\xa8&gt;\xa9\xde\xf2c\xe0\xfa\xf2\x81\x1d|\xa85\xde\x84\xbe\xadE\xe4k\xcb5\x0fr\x87\x88L\x1br\xa6\xe9(\x00(%\xf2_\x8f5\xc4N\xd1\xd9\xa7\x89\xae\xc7\x06\xe2UQj\xfa\xd0\xce""r\xc0\x8f\xfa\xed\xac_\xefZ\xef\xc6\x07\xbf\x16\xbf\x8f|c\xe7\xdb\x00\x00\xc7\x9c\x9e\xa1\xf7iZI)5?\xdd\xfa\xef\xde\x89\xc8\xb9-\xaa\xfbT\xb9\x1f\xf7P\xc5\x8a|\xa5&gt;M/\x11mBD\xde\xb1\x9a\xf0\xe3\x9f\xf5\xcbo\xf4\xa9\xf5I\x03\xda\xfbT3\x00+6\xe7\x87\xf1\x95\xde\xd5\x07g\xff\xa7_\xe2\xc6\xef\xde\t\xfa\xde\x95\xb0\rU\x87-\x1e\x00\xe6\x89\x88\x1f#\x18\xe1O7\x87\xc7\xbc\xfe\xda\xf6\xba\x98I\x15\xf4\x16I\xc0\x8e1\x1d\x00\x00?\xb8\xb9F\x9b/_\xbe_R\xbc%"\x97\xf4:\xb5k=\x97\x17P\xff\xd8q\xc84\xfa"\x12\x19\xf0\x89\x88}\xad\xd7\x03\xb3\xc6\xdb)\xf6G\xde\x8b\x8b\xbb\x9d\xbc\xef\xd7_\xbd\xb4\xf8\xa7\x97\x9d-\x89\x88\xf65yv\xeb\xae0\x95\r\x8f\xcc\x8f\x1b\xb6\xea\xd5\xb8\x82\xf7j\xb5&lt;\x13\x07@)\xcbQ{\xd9\xbd\xadS\xcd\x925\n\x1c\xfc\xf1\xf1[\xaf8\xcf\xc6c\xabi\xab\xd5nb\xbf\xb6\xdb\x9e\xbd\'$\xc1\xe8\xd5\xef\xe4*\xdf\xbf\xfb\x8c\x88\x88\xec[\xbb\xf8\x9a\x1e\r\x8fMU\xb2z\xb2\xbb\xab"\x1f\xdc\xd7k\xd4Z\xd4ur}CD6&lt;2\xdf\xb7X\x80\\\x92v~\x98;\xa6]pA\xc7F\xee\xaa\x8d\xdbX6i\xd1t\xf5\xd8?\xafI5\x14\x13\xd8\x1c8\xde\x1f[\x8b\xb3h\xea\xf9\xd1\xe0\xc7\xf5iyd\xfa=\xfeU\xf4\xe0\x07\xf7z\xa7V\xd8p\x06\x00\xe8\xe4Gr\xd4Ugb%\xb5\x0fOZP)\xa5Z\x1fW\xd8\xa2\xaa\x9b\xc7\x9e\xe3=\x9e\x80y\x9cN\xc3\xe3\xaf :OQ\x97:\xda\xbb6\x00\xc8#\xff\xecL\xbe]\xeb\x8cr\x8e\xca\xdf6i\xa8\xf7F__\xb1\xa0\xf5q\xbe\xde\xc0\x99\xd2\xd8\xde-Dd\xca\xb9\xa7\xfb\xd7\x84\xa9\xb1\xb5\x0c\x1d\xd0\x03`\x8c\xc8w\xa6Cp\xa0\xb7\x8e\xeb\xa5v\xbc\xfa\xd0-\xc14\x14\x958#)\x003\x8e\xf7}\xf2\x96\xbd\xa9\xdf\xd21F\xb4\xef\xb3\xc8qh\x90\xf7bf\xc1\x11ht -\xf8\xcf\xe2\xefSs\x00\xec\xb3s\x16/"\x03[\xd6\xd0\xde\xf4\xeb+\x16\xd8)\x96\xea"p4\xec\x80\x07"\xd6-\xbb&gt;\xae\xb9\x16\xe5\x0b\xa4*\xacQ\xd2\xcf(""\x7fx\xf9\xf8\x01w\x00\xdd\xdc\xdeU\x0c@?;\xff\xff\x91\x0c;\xb6W\x0b\xbdMw\xa9[\xda\xf5\xbe\xc5b;\x80\xbd\x9f\xa4\xbc\x93\xd5\xf2\xd3%^b\xb5s\xd1\xb5xB\x13\x1as\xe8\xe9\'8^M\xf2\xcfo\xdf\x9c&gt;\xb4\xf3\xc1`\xf6~\x12\xf2{^\xdf\x8d\x99m\xe2\xdd\xa7\x97\x19\x8c\x04\x803"2w\xdc\xb9\xd1\x1f\xd7/\x9f\x15d\xaeI}\xfb\x8f\xaa\x97l\xc2\xff1\xdd\x9b\x8b$y\xec)\x1as\xf7\xfae\xcf9\xb5Z\xdav\x13\x07\x97\xe2\xf6\xba\xb8\x9b\xa7E\x8f\xf5\ns\xf6\x07\x90\xcdR&gt;\xa7\xe4\x9b\xc8"\xbd\x97\xf4&lt;\xc5\xfe.6G\xbd\x0e-\xff\x9b\xcb\xf8l\x87\xe4k\xfd\xd9d\xe3\xa3\xb7\x9a\x0e\x01\xc8yI\x0f{\x1d%\xb2]o?5g\xec\x00\xef\x918\xcd\x9e\xe3\xfa\xb4\x8c\xf4\x016g&amp;\xf8~\xeb:\xa5\xd4\xe8\xae:\x0f\xf3\xd3\xf6(U\x9c\xd4\xd6\xae\xb2\xa3G\xc4\xc2b\xe7\x96\']\xec5\xa9\x7f\xbb\x82t\x99@\x08m}\xe6n\x9b%\xff\xde\xf9\x96\x96\x16c\x0f\xe7\xdb\x1eow\xe9\xc7\xc0\x9e\</t>
        </is>
      </c>
      <c r="E576" t="inlineStr">
        <is>
          <t>&lt;class 'numpy.ndarray'&gt;</t>
        </is>
      </c>
    </row>
    <row r="577">
      <c r="A577" s="1" t="n">
        <v>575</v>
      </c>
      <c r="B577" t="inlineStr">
        <is>
          <t>steps_per_sec</t>
        </is>
      </c>
      <c r="C577" t="n">
        <v>8300</v>
      </c>
      <c r="D577" t="inlineStr">
        <is>
          <t>3.3519669</t>
        </is>
      </c>
      <c r="E577" t="inlineStr">
        <is>
          <t>&lt;class 'numpy.ndarray'&gt;</t>
        </is>
      </c>
    </row>
    <row r="578">
      <c r="A578" s="1" t="n">
        <v>576</v>
      </c>
      <c r="B578" t="inlineStr">
        <is>
          <t>Loss/object_center</t>
        </is>
      </c>
      <c r="C578" t="n">
        <v>8300</v>
      </c>
      <c r="D578" t="inlineStr">
        <is>
          <t>0.42901734</t>
        </is>
      </c>
      <c r="E578" t="inlineStr">
        <is>
          <t>&lt;class 'numpy.ndarray'&gt;</t>
        </is>
      </c>
    </row>
    <row r="579">
      <c r="A579" s="1" t="n">
        <v>577</v>
      </c>
      <c r="B579" t="inlineStr">
        <is>
          <t>Loss/box/scale</t>
        </is>
      </c>
      <c r="C579" t="n">
        <v>8300</v>
      </c>
      <c r="D579" t="inlineStr">
        <is>
          <t>0.08915257</t>
        </is>
      </c>
      <c r="E579" t="inlineStr">
        <is>
          <t>&lt;class 'numpy.ndarray'&gt;</t>
        </is>
      </c>
    </row>
    <row r="580">
      <c r="A580" s="1" t="n">
        <v>578</v>
      </c>
      <c r="B580" t="inlineStr">
        <is>
          <t>Loss/box/offset</t>
        </is>
      </c>
      <c r="C580" t="n">
        <v>8300</v>
      </c>
      <c r="D580" t="inlineStr">
        <is>
          <t>0.20126474</t>
        </is>
      </c>
      <c r="E580" t="inlineStr">
        <is>
          <t>&lt;class 'numpy.ndarray'&gt;</t>
        </is>
      </c>
    </row>
    <row r="581">
      <c r="A581" s="1" t="n">
        <v>579</v>
      </c>
      <c r="B581" t="inlineStr">
        <is>
          <t>Loss/total_loss</t>
        </is>
      </c>
      <c r="C581" t="n">
        <v>8300</v>
      </c>
      <c r="D581" t="inlineStr">
        <is>
          <t>0.7194346</t>
        </is>
      </c>
      <c r="E581" t="inlineStr">
        <is>
          <t>&lt;class 'numpy.ndarray'&gt;</t>
        </is>
      </c>
    </row>
    <row r="582">
      <c r="A582" s="1" t="n">
        <v>580</v>
      </c>
      <c r="B582" t="inlineStr">
        <is>
          <t>learning_rate</t>
        </is>
      </c>
      <c r="C582" t="n">
        <v>8300</v>
      </c>
      <c r="D582" t="inlineStr">
        <is>
          <t>0.001</t>
        </is>
      </c>
      <c r="E582" t="inlineStr">
        <is>
          <t>&lt;class 'numpy.ndarray'&gt;</t>
        </is>
      </c>
    </row>
    <row r="583">
      <c r="A583" s="1" t="n">
        <v>581</v>
      </c>
      <c r="B583" t="inlineStr">
        <is>
          <t>train_input_images</t>
        </is>
      </c>
      <c r="C583" t="n">
        <v>8300</v>
      </c>
      <c r="D583" t="inlineStr">
        <is>
          <t>[b'512' b'512'
 b'\x89PNG\r\n\x1a\n\x00\x00\x00\rIHDR\x00\x00\x02\x00\x00\x00\x02\x00\x08\x02\x00\x00\x00{\x1aC\xad\x00\x00 \x00IDATx\x9c\xec\xfdu@\x15\xdf\xf7=\x0eo\x03;P1\xc0.T\x14\x111P\x11\x03\x05\x05\x15\xc4\xee\xc2\x16l\xc5\xc4n\xc5@\xec\xee\xee\xee\xee\xee\xee\xeen\xd7\xef\x8f}\xef\xe1\xdc\x99\xb9s/\xe8\xfb\xfb&lt;\x9f\x97\xac?t\x98{f\xe6\xcc\xcc\x99\x13{\xaf\xbd6Q,b\x11\x8bX\xc4"\x16\xb1\x88E,b\x11\x8bX\xc4"\x16\xb1\x88E,b\x11\x8bX\xc4"\x16\xb1\x88E,b\x11\x8bX\xc4"\x16\xb1\x88E,b\x11\x8bX\xc4"\x16\xb1\x88E,b\x11\x8bX\xc4"\x16\xb1\x88E,b\x11\x8bX\xc4"\x16\xb1\x88E,b\x11\x8bX\xc4"\x16\xb1\x88E,b\x11\x8bX\xc4"\x16\xb1\x88E,b\x11\x8bX\xc4"\x16\xb1\x88E,b\x11\x8bX\xc4"\x16\xb1\x88E,\xfe/#\x9d\x15eB\xebW\xb0\xe6T\xed\xab\x14\x03&gt;\xeb\x14\xc8\x9f\xc8\xe4\xcf)}\x82"{5\'\xa2\xbe\x8d+\x01\x90\x7f\x8aGt\xeb\xe0\xcaj\xce\x19*\xe5I]\xbfd\xae\xd7\x97w\x01\xe8V\xab\x8c5\xd5\x88\x01r\xc6\x89\xc9QS\xfb\xb6\x94\xffL@\xd4\xd6\xb7\xc8\xa4\x1eM\x14\xc5\x92\x10y8\xd8\x0ck\x1b\x18\xe3\xea\xc9\xf0\xc8h\xf3\'\x87\xbf\xbf\xbe\x7fZ\xbfV\xe2\xcfB)\xc8-\x15\x15KK\xf6f\xca\xe7OD\tcz\xad"\xa9\xa9\xbak\xc6~M+\xff~rz\\\xe7\xfa\x00&gt;\xdd:\xd4\xbf\xa9\xaf\xfeQ_\xef\x1d\x9d74\x04\x00\x80:\xc5\xb3\xd7/\x99K\xbf\xfc\xfca\x1d\xb90\x11\x01\x00\x1e\xb7\xf2)de\r\xf1\xe1:\x0c\xf8$\xef\xdf8m\xa0\xd8\xde0u\x80\xfa\xc0\xc3+#\x88\xe8\xd2\x8e\x85\xdbf\x0f\x03\x10\x97H\xd1\x80\x05\xfa6\xae\x14_k\x7fC\x0fG\xe0;\x80\xdb\x87W\x9bT\xc9x/_\xef\x1d\x05\x00\xbc\x16?}\xbf\x7f\xbcB\xce\xe4\xbc\x9d\x86\xc8/\x7fZs\xf7\x957A\xd4v\xc9\x0c\xf1\x1az8\xce\x1f\xd6Q\xbe\x84\xb9\x03\xff\x04\x10x}I\xde\x9f\x94\xe8\xd8\x9a)\xc0g\x00\xf8r\x1b\xdf\xee.\x19\xddM\xfc\xe4\x95#YH@\t\xdb\x98^+\xb0p&amp;s\x05No\x9a\xc5\xdb\x9dkxX\xd3\xcb\xc5\xc2\x80\x1cD\xd9\x8c\xdb\xceI\x89\x88&gt;\xdd&gt;\xacS\xde\xc1\xb81\xb6S\xbd\xeb\xfb\x96\xe9\x94lT:\x8f\xd8\x0ek\xe6\xdb\xb5\x96g2\xa2\x0cD\x17w,\x00P4\x8d\xc6!\x00\xbe\xdd?6oh\xc8\x84\xee\x8d\xcd\x9d6\x91\xb9\x1f\xac\xc0\xac\x01m\xf5\x0bX\xff\xb5d%Z&lt;\xaak\x9d\xe2\xd9\xd5?u\x0e\xf4\x00^\x89?\xcbeKb}\reL\xe8\xde\x18\xc0\xfa\xc8\xb0\xb81;\x9ehMD\xbf\xd5\x93\xfa\x88?\x87\xb6\xa9~j\xc3\x0c|\xb8q\xf7\xc8\x1a\xb9X\xbb*Ey\xe3\xd9\xb9mk&amp;\xf5U\x9f\xa7l\x96\xc4\xd6_\xf4\xf2\xaeE\xbe\xf9\xd2\x00\xa8W2\x17\x80xD\xaf.\xed\xd4)\x9f\x96\x08\xc0\xa6\xe9\x83\xad&lt;\xbf\xe84\x93\x10\x9dX7\xadr\xde\xd4\xd6\xd7\x8d\xe1`\xb9\x88\x06\xae\xeeY\x12\xd9\xaby\x88\x7f\t\xfd\xba\xf98\xa62w\xf8\xda\x88~\x8a\x9d\x0b\x86w\x92\x063x\xe5H\x16\x83\x8a\x89\x07\xc2hS\xd9m\xd6\xc0v\xbc\xfd\xf8\xf4f\xfe5\xb2w\x0b\x9d3\x94\xc9\x9c\xa8w\xc3\x8a\xd1\xbf\xe8\x97\xc7\xa76e0\xdd\xbfk\xfe("\x1a\x15\\\x1b\xc0\xdb\xab{\xb9bq\x89VO\xea{z\xe3L\x00\xddk\x97\xb5\xfe*\xb9\xe2\x92_\xfe\xb4\x83\x82\xaa\xca\xf7x`\xd9Du\xc99\x83;\x88\x8a-\x1e\xd55Z\xf7\xf2\x8fB1\xb7\xac^(cz"\xc7x\x84\x97\x17tz\x1c?\'\xbb6\x95\xdd\x88\xe8\xee\x915\xc1\xd5\x8a[y\xadxD\xef\xaf\xef\xab\x903\xf9\x8f\x87\'\xb8\xd1\xf7jPa\xb5\xaa\xaf\x19\xd6&amp;p\xf3\xcc!E\xd3\xd0\x82\xe1\x9d\xc4\xcetD\xb3\x06\xb4MO\xe4f\xfae\x15\xb6\xa5+\xbb\x17\x03O\x9e\x9f\xdfnM\x1d\x8a\xa73|*\\\x7fMX9\x00xd\xb4\xe9\xd5\xa0\x82h\x94.\xc9\xb5\x8b\xb5\xf4.\x94\x93\xc87_\x9a\xf4f\xce\xe3\xa6\xddW\x18\xe0\x18\x8fz\xd4)7\xbek\xc3.5J[S\xab\xbc6\xa4\x18\x8e\xe2\x12%\xd5*\x99\x91(\xb4~\x05G\xd5d\xb5q\x99|\x00&lt;\x1cl\xb2\x10e#\xaa\xeb\x9e\x83\x88\xdaTv\x8bn\xef P\xcc\x8eB\xebW\xc0\x87\xeb\xfa\xc5\xdaTv\xb3~\x90\\9\xa1\x97\xb9\xd7\x14Z\xcfKl\xaf\x9b\xdc\x1fo\xaf(:\xc7?\xc1\xf0\xb6\x817\xf6/\xafR ]q\xad\x19\xa6o&gt;;\xc5\x1e|\xba\xf9\x17\xaf\xae@\ni{\xeb\xac\xa1x}\x99\x88\xaa:+\x1b\x9a\x1d\xd1\xcey#\xdf^\xdd\x1b\xd1\xb3\xa9\xce\xd9\xf2%\xd4n\'\x7f\x82\xfc\x89i\xd9\xd8\x1e!\xfe%\n\xdbJ\xcb\x85h&gt;\x10.\xdf\xbeJ1y\xe7\xf69#\xc2\x9a\xfb\xc9{\x12\x1bJ~\x8cO\xd4\xc2\xcb\xd9\xcc\xe7\xf8o#\x03\xd1\xe2\xd1]E\xcf\x1e\xd1\xb3\xe9\xba\xc8\xfer\x01&lt;;{\xff\xf8\xba\xf3\xdb\xe6\xed]&lt;N\xe7&lt;\x0eD\xef\xae\xed\xb5rN*/N\x0b\xa5\xa0\x9aE\xb2\x00X8\xa2\xf3\x95\xdd\x8b\xb3\x10-\x1a\xd9E}\xc8\x98\x8eu\xfb4\xf2~pb=\xff9\xb0E\x15\x00\x9f\xef\x1c\xbe\xb8c\xc1\x95\xdd\x8b\xe5\x15\xa0Kr\x9a74d\xc1\xf0\x8e\xed\x8d\x13X\x8bHG\xf4\xf2\xe2\xce?\xff&amp;w-\x18\x1d\xd9\xbb\x05\xb7\xce\x85#:[,\x0f`b\xf7\xc6\xea\xeb\x86wi\xf0\x875\x91\xb1xT\xd7\x9b\x07VX\xf9\x8dE\xf6j&gt;*\xb8\xb6z?\x80\x8a\xb9R\xba\xa7\x8b\xd3\xa4\xac\x13\x80)\xc6\xdb\xfc\x93\x8aM\xe8\xd6H\xe7\xd7\xde\r\xbd\xe5\xf3\xbf\xba\xb4s\xe1H\xb3\x8f\xd49)]\xda\xb9P\xa7&gt;\x8d\xcb\xe4\xe3\r\xae\xf6\xef\'g\x00\x9c\xdd2\xa7h\x1ak\'\xfei\x89\xf0\xf2\x82\xb9_\x15\x9d\x91\x0eD\x7f7#\xac\x8d\x95\x87D\xe7\xb4\xefz\xd4)\'v\x8e\xe9X\xf7O\xce\x99/:\x86\xbfq\x9d\xea\xeb&lt;\x7f\x9e}+\xa6\x16r\xef\x7fv\xcb\x1c\xeb\xaf\x857\x97\xd5\xcdO\xbd\xa0\xc1\xd7;\xb3\x06\xb4]8\xa2\xb3(\xac\xb10\xff\x97\x91\xd7\x86\xf0\xe5\xb6\xad4\xeb_\x13\xd1/\xac\x99o1\xe3\xac\xc5\xde\xf8\x924;e"\xea\xd5\xa0\xe2\xd8N\xf5\x88(\x0b\xd1\xd7{G{\xd6+o\xf1\xa2\xae)5v\x96\xcd\x9axl\xa7z:\x1d_\xfd\x92\xb9\x16\x8f\xea*^\xf9\xf69\xc3\x01\xbc\xba\xb4\x8b\xabW\xbdP4\x96\xef9\xffg\x06\xd0\x0eU\x8b\xf3`\x06 \xa2g\xd3\xce5&lt;\x9a\x18\xfb\x1dM\x00\xc8\x97\x90\x14\xa6g"\x9a\xd8\xbdq\xcc\xcc\x11\xe6P\xbbX\xb6\x06\x1e\x8e\xc0s\xf5\x17\xad\xb8z\x93\xb2N\xc0K\xf1\xa7{\xfa8\xa2\xaa\xcd\xcb\x17\x10\xdb\xc0\x0f\xe0\xcb_\x7f\x8cr\x17_\xd3-\x8b\xfc\xd3\x95\xdd\x8b7N\x1b8\xa6c\xddZE\xb3\xca\xfbWO\xec\x13\\\xadx\n\xa2\xcd3\x86XY\x9f\xf8Di\x88V\x8e\xef\xf5\xeb\xf1\xa9ck\xa6\x92\xd5\xf6\xc3&gt;\x8d\xbc\xad+\xa8\x87n\xb5\xca\xf4kR\xe9\xcf\xcf##\x8e\xd4\x99.\x1a\xd9\xe5\xf0\xca\x08\xd1\xd5\xf6o\xe6\xcb\xfb\x83\xab\xb9k\x1e\x1b\xd9\xab\xf9\xc0\xa0\xaa\x9a?\x01\xc8a\xba\xa7[m\xb3\x1e\xb8`\x7fw\xb6|\xe2\xeb\x9do\xf7\x8e)\x16\xb1\x00\xda\xfa\x16yyqgr\xd3\x9d\x0c\xa7h\x1apOo\x9a\xa59\x00\xcc\x1f\xd6\xb1\x88\xa9\xe5o\xc7\xdc\x91\xf5K\xe5nS\xd9\xed\xe7\xc3\x93D\xf4\xbf\xf3 \xfe_\x85E\xf3\xf7\x81e\x13R\x98\xff\xf5\xca\xee\xc5\x00:\xd7(\x1d\xde\xa5\xc1\xa9\x8d3\xff|V\xa8\x89\xa4D}\x1b\xfb\xdc&lt;\xb0B\xd8\xcd\xb3\x9bN\x1f\xcem\x99\xa3\xf6\xbb\xaa!\x16\n\xa1\xf5\xbc\xaa\xbbf\xfc\xeb\xf5\x1c\xd4\xb2\xda\x90V\x01_\xef\x1d\r(\xe4\xe0@dO\x94_e$\xc7\x8b\xa8Y$\xdb\xa9\x7f=&gt;%/\x89\xf8&lt;\xd3L}\xcb\xd6\xc33sB\xb5M\xb9M\xa5\xc2\xe9\x88\xf0\xea"\xa9L|5\xdd2\xcb\x7f\xd6(\x9c\xa9u\xa5\xc2\xc2\x98\xb1"&lt;T\xfcT%\xbfa7\xf0\x1c@\xc7\x00=\xabw\x0cP&amp;K"\x00j\x7fo^c\x8dC\xeb{\xc9\x1e"\x9eH$&amp;*\x98\x94\x88(\x7fb\xe5\xb8^\xd8V9\xe5T#\x8d\xb1!\xe9;\xae\x18\xb2\xfb\x8a\xe1\xefb\xceqn\x152\x11m\x9e1\xe4O\xce 0\xaes\xfd\x8d\xd3\x06u\xa9Q:\x11\x91\xf0\x18\x083\xcb\x00\xa3m\x04\xbf\x1ef3N\x80\x92H\x1f\x91\xfe\xc9\xfb6\xf6\x01\xd0\xa1\xaaY\xd3.\x9f\xe4\xcd\x95=\xe6\n\xdc:\xb8\xf2\xf2\xaeEo\xaf\xee5=\xea)\x00\x0f\x87h0\x1af\x0flGD\xbcn\xe6i\x96\xe2l-\xbd\x0b\xc9\xe5\xcfm\x9d\xcb\x04\x81\x06\xa5r\x93\x99\xd9g,b\x82\x93\x1bf\x1c\\&gt;\x11\xbf\x1e\xf2|p\xf1\xa8\xae\xf7\x8e\xae\xd5iLA\x15]\x84\xb3&gt;fN\xad+\xbb\x16\xcb\x7ff \x1a\xd0\xa2\n\x00|\xbc\x89/\xb7\x07\x98\x9a\xff\xfew0\xc7\x15j\xec\x99\xd7\x8e\xa8[\xad2\x8bFi\xaf\x96\xd4\xe0gU2C&lt;\xd5\\\xe6\xf7\x1aU\'n\x0e\xeaU\xd7\xc2\x11\x9d\xbb\xd4\x8cr\x0f\xcc\x1b\x12\x8c\x17\xe7\x01\x00\x9f2\x11\xe5\xb1\xees\xe31I1H\xa6 \xb2#*lke\xd5\xa8|\xf6h\xd8\x90\x8f\xaf\x9d\n@s\x91\xce\xb3\xfe\xe6^\xce\xfag\xc0\xb3s\xd6_N\xa0`R\xc2\xa7\x9b\xfae\xc6v\xaaW\xb3H\x96\xd3\x9bf5\x94\xc6\x00\x00\x8fOm\x92\x8b%4Z\xe1K9X\x18z\xe2\x129\'\xa1)}\x82\x14\x9e*^\xa2\xe5\xb5\xf4\x8e\xe6\x0e\t\xe6\x8d\xd0\xfa\x15\x00\xb8\xa6 &lt;?\x07&lt;n\xeeU@Q25Q\xae8T\xc38\xcc\x0foWc\xfd\x94\x01\xa2\xbd\x01\xbf\xb7\xcf\x1d\xa1?\x06d#\xcaB\x04&lt;\xd3\xfc51\xd1\xe1\x15\x11\x00\x86\xb6\xa9^\xd2&gt;\x9e\xb9\x93\xc47\x0e\x12C\xdbTO`\xae\x90yT\xce\x9b:\xb4\xbe\x17\x19\xa9\x13\xf2\xe4O.vu\xf7\x12"\x1a\xd5\xa1\xb6\xe8\xe8\x01l\x9e1\x18\xf8\x0e|\x8d\xfeeca\x06&lt;Y\xfb\xf9\xf0$\x80\x9d\xf3F\x8e\xecP\xcb\xc7\xd1\xf6\xd7\xe3S\xeaW\x92\x81(+\xd1\xa2\x91]\xf8\xa7\x0cD\x13\xa5\xa9z\xcf\xba\xe5\xad_1\x9c\\?\x03\xcf\xcf+v&gt;&lt;\xb1\x81\xcf\\\xbbX\xb6?\xbb\'\xab\x90\x9d\xa8n\x89\x9c\x9a?\x01\xaf\xf3&amp;\xa0|\t\t@@tLR\xeb&amp;\xf7W?\x84\xe2\xe9\xe8\xf1\xe9\xcd\x16\x8f\xbd\xb2{\xf1\xa0\xa0j\xf2\x9e\xba\xee9\x00l\x9f;B\xde\xd9\xa8t\x1e~J\x16\xf9\x94\x02\'\xd7O\x8f6\x8d\xc6\x12&amp;\xf5lza\xfb|\xe0qc-\xcb\xd8\x8f\x07\'\xfe\xe2\xf2\xd1+G\xb2\x92\x19\xcc\xf6G:\x90\xb9\x92\x02\xb3\x07\xb5\xff\xfd\xe4\xb4L\xf5qNJ3\xb5V\xcf\xf9\x12RC\x0fG\xed&amp;bDKo\x97\x0f7\x0e4-\xeb4k@\xdb\x8b;\x16x\xe7\xb6\xc5\xd33\xfc\x82\xe6\x0c\xeeP\xd0\xea\xd9\x11\x80\xfb\xc7\xd7\x01\xa8\xeb\x9ec`\x8b*\xc0\xb7\x99am\xf0\xee\x9a\xadi15Y\xeb\xe6\x81\x15\xbc\xe1@\xf4\xf2\xc2\x0e\xfd\x01\x00o\xaf\xa8w\x96H\x1fwMD?&gt;\xb0g=/\xfd\xaf\xcf)!e3\xed\xb5\x01\xc4\x90\x03g\\\x8e\x08\xc8\x17\xe6)\x82&lt;k)fG\xc0\xcf\x0f7\x0e\x1c\\&gt;\x91TN\x88X\xc4\x105\x8bd\xf9\xf1\xf0\x04~&gt;\x94\x9b\x8eq5\xfd\xb3iY\'\xf5!x}I\xc1\x87hS\xd9\xcd\x9a\xe5\'\xa3B\xce\xe4\\\xf8\xc7\xc3\x93\x8a\x9f\xfa5\xa9\x8c\x9f\x0f\xdaT.\xfc\xe2\xc2\x8e#\xab"cp;jxfNHD\x9e\x99\x12\x9e\xdf6O\xde\xdf\xdc\xcb9\x8b\x99C\x18\xeb"5zs\x8b\xf8\x8b\xbe)s\x8f\xd49)\xad\x1c\xdfk\xf6\xa0\xf6\xd6\x9d\xe4+\x00~\x08\x7f\x11y\xe2\x1b\xaaWH\xc7\xaa\xa8\x82=\xd1\xc2\x11\x9d\x99\x97\xdc\xd83\xaf5\x87$!\xba{t\xad9\x92\x95&gt;F\x87\xd4%\xa2\xbbG\xd6\\\xde\xb5(\x83\xd1l\x98\x8a\x08\xf8\x01@M\x91\xb2\x1e29\xb8P\ne\x87\xc8\xe8\x18P\xd2\x9e\xb4\x87\x16\x19\x03[T\x01\xbe\xe3\xcb\xedyCC\xf0\xf2\xc2\xf0\xb65\xd8\xd59\xd1\xc8\x93\xce\xac\x7f\xfc\x1fC\xaes\x95\x02f\x19\xf6q\x88\x8a\xd9\xd1\x80\x16U\xdaW)&amp;\x1d\xf1\x12\xbf\x1f\xd5+\x91S&lt;\xcbJyR\x01\xd0d\x1f\xa8Q4\r\xcd\x1d\xdcA\x9c\xeb\xc9\x99-\xe2\xa7\xf9\xc3B"{5\x07^o\x9a&gt;\x88\x88F\xb4\xafyd\xd5d\x00\x07\x96M\xa8j\xbe\x92\xff(x\x04\xd6\x8e\xa0\xb0\x023\x07\xb4\xc5\xbbk\x00n\x1d\\)\xefwO\x17G\x9f[&amp;\xe3\xc5\xf9\xed\xfa\xdd\xa5\x98H\'2z\xf9\x00\x0ci\xe5\xafY\xd8\xfa\xe1DF\x06\xad\x9d\x15r\xa5 "\x97\xe4$\xbb\x97\x15&lt;QM\xc7U\xcc:\x1d}Dk&amp;\xbee\xd6P+\x8d&lt;\x02\xc5\xechPK\xc32\xc2\xc7\xd1\x96b\xfa$\xff\x1f\xc0\xa2\t\x17\x9fo\xcf\x08k3\xb2C-\xeb\xcfY$u\x14{RX\xde\x12\x12\xed\x987\xd23SB\xd9\x865:\xa4\x8eh-\xcf\xcfo\xcfk\xb5-\xe3\xe2\xf6\x05e\xb3&amp;\x1e\xd2*``\x8b(w\xeb\x99M\xb3\xe5n\xf4\xd4\x86\x19\xf2\xb8\xa8\x19\x10\xc3xxrc\x98\xd1\xb5\xeb\x95=\xd9\x84n\x8d\x80\xa7b:\xc5+\x18H1PV\x02\x9fn\xee\x90\x16\x8e\x15r\x9a\x1d\xa5\xd3F\r\x00?\xceo\x9dg\x8e\xcd\xd5\xa5fi\xe1\n.\x9e\x96f\rl\'\xdf\xef\x9c\xc1\x1dn\x1dZ\xa5&gt;\xca\xcai\x07\xb3i\xaf\xec^\xac\xd8\xbfhd\x97\x8dS\x07\xf2"\x00\x00\x9e\x9e\x9d;$xj\xdf\x963\xc2\xda0\xa3=\x16\x064*\x9d\xc7#\xa3\xcd\xd6YCc|\x06\xcd\xc9P\xd9\xac\x89\xa7\xf6m)\xd8\x02\x7f\x12\xb1\n\xe0\xd1\xc9\x8d\x8ae|\xb5\x82\x9a=6\x11\x91\xbf\x8b\xbd\xfe\xd2;5Qj\xa2\xdd\x0b\xc6\xec_:\x81\xe7\x92\x99\x89\xe40K\x19\x8bGw\x93\xf90\x9bg\x0c\x96gU\x89\x8c+M]\xca\xbe\x06\x80\x0f\xd6S\x06\x8d\x87\xa0kMO\xc5\xce\xe6^\xce\xf8tK\xe7\xa8\xe2fCD\x95\x983\xb8\xc3\xfe\xa5\xe3;\x05\x96j\xe1\xe5,&gt;\xfb\x0eU\xa3W\xc9\xff\x1f\x82\xd7d6D\xa9\xa5\x99\xe9\xd9\xcd\xb3\xad&lt;&lt;\x8f\xd4\x8e\xad~f\x14\xde\xa5A\xc7\x80\x92\xc0\x17k\nw\xad\xe5\xd9\xdc\xcb9\x13\xd1\x89u\xd3\xd6M\x8e\xa2Y\xdb\x10\xd5*\x9aU\xb3=t\x97\xd8\x9c\n\xdc9\xbc\x1a\xbf\x1f\xf1m\xca\xb1\xe5x}\t\x00\x87#\x88!\xdc\xe0\x07~u\x91\x88\x98\xb0\xc7X9\xbe\x97|N\xd7\x94\xd1\x1b\xf5\xb9px\x97\x06\xb9\xe3R\x13\xad\x15\xbf\x1a&gt;\x8e\xb6\xf2\x00P\xc3-\xb3\xc5\x85Nt\xb1dt7\x00\x1b\xa7\r\xba\xbck\x91=\x11\xf0&amp;\xeazO\xcf\x94\xce\x94@\xe1"\x8e\x85\x01\xc0/\xb3\xdd\xaa\x11M\xcb\xe5\xb7\xe6Tr\xac\x16\x1113\xb7c@\xc9\x18\xd4\x8aY\x9e\x9b\xa6\x0f\x1a\xd7\xb9~\x0c\x0eW\xa3Hj\x8e\xfb\x7f\xcdM\xa2C\xd5\xe2\xa53%\xc8\x9f\x98\x9c\x12\xd1\xfca\x1d\x15\xe1\xbb\xcd\xcb\x17\x90\xbf\x87\xfa%sYC4\xd2\x04\xf0\x93?\xf2\xfa%sM\xed\xdb\xd2b\x00\x94\xeap\x8d/\xb3N\xf1\xec\xbc\xb6%\xa2$D\x8bGumS\xb9\xb0\\@\'\xec\x85\xbb9|\xba\x05\xfcbC9{\x0e\xd4\xf3\xa9?G\x8f\xbaf;\xb2\xacD\x15r\xa6P\x87JY\x84\xa6\x83\xa5x:\xda0u`""\x07\xa2$DM\xca\xe4\xb3\xd2\xde\xa5\xc6\xd0\xd6\x01V\x96\xb4\xd2\\\xff\xe9\xf6!~\x83GVE\xf2F\xe9L1p\x85\x1a\x00&lt;\xe3&amp;\xf1\xed\xde\xb12Y,0(\xe3I\xed\x07xBDe\xb3&amp;\xe6=U\xf2\xa7\xcbL4\xaes\x83\rS\x07\x00\xc0\x87\xeba\xcd|\xc9R\x1c\xa2\xb1\x0e\xc0\x87\x1b\x00,\xaaz(\x8f2\xc2\xca r\xbb\xa8\x03_\x1dZ1I\xa7\x17*fg8\xff\xa7\xdb\x87\x88\x08x\xf7\xed\xde1q\xb9\xef\x0f\x8e[_\xcf\x7f\x0e\x9fn\x1d\x02\xe0\x18\x9f\xbcs\xdb\xc6\xf8$I\x88\xb6H\xeb\t\xdf|v\xe5\xb3\'\x0bt\xcd\xc8\x1e\xe3%c\xba\xb1\x1f\xdf"\xc4\x84,\xa8\xa2\x0b\xbe\xdd\xc3\xcb\x0b\xd7\xf7-\xcbg\xe6{\xe9\xa0\x15u\xac\xd3\x80y\r\x18\xd6\xccW\xa6\xfd\x8d\n\xae}}\xdf\xb2;GV+\n\x07\xb88\x10Qk\x1fW"\xaa\xe6\x9c\x1e\x1f-pE\xcc\x81\x9b`\xebJ\x85\x99\x07\x15\xe0b\xcfS\x95\x9f\x8fN\xa9\x0b\xb7\xf2q\xdd&lt;cpx\x97\x86\xf2N\xc7x\xa4\xf0\xac\xb0\x82\xcd\xedC\xab\x88(\t\xd1\xa9\x8d3W\x8c\xef\x95\xcb\x0cE)\xb0p&amp;\xf5\xdc\x87k5\xbcm \x11\xdd&gt;\xb4\n\x80\xbe\xc4\x90\xc2\x12\x15\xd1\xb3)\xf0\xaaj\x01\x0b\xab\xeaam\x03\x01\xb0eI\xa0^\xc9\\L\xce{ui\x17~?\xb2!*\x9a\x86\x14\x03Xt\x91?1]\xde\xb5H\xde\x03\xa0G\xddr\x15sG\x83\xfa\xf7\xea\xd2\xce\xde\r\xbd\xf1\xfe\x9a\xbcsr\xaf\xe6U\xf2\xa7Mf)|D\xac&gt;\xd5\xc5\xda\xf9\x15e\x83Lj\xe3\x0c\xe9\xfc\xb6y\xc0\xfb@K\\d\xeb\tW:\xe0\x17\xdd\xbfie"ztr\xa3\xb1K|\xe7\x95=Y\x97\x1a\xa5\xf7.\x1a\xcb\x0b&amp;|\xbb\xcb?\xec_:\xfe\xe7\xc3\x93\xb9u=\xe8i\x8d\xcc\x8eV&gt;\xae\xd6\xd7D\xf8\x8d\x01\xe8\xfb\xd2\x18\xde\xb9S\x06\x16\xce\x04&lt;\xbfsx5\x1f\x15\x87H\xae\x97\\\xc9\x9e\xf5\xca\x038\xbfm\x1ew \x0fOn\xb8up\xa5\x18\xfcb\xac\xbc\xf2O\xa0\xa1\x87#\x00\xfcx`\xce\x1eb\x0e\xf7\x8e\xade\x8b\x7f\xe9L\t\x0e\xad\x98\x04\xa0@\x12""\x1bnv/.t\xafS\x96\x88\xbcr${\x7f}\x9f\xf80\xcagO\x06\xbc9\xbdq\xa6\xe2l=\xeb\x95\x1f\xd0\xbc\xca\xc4\xee\x8d\x81\xe7\xf5J\xe6\x02~\xcbS\x06\x97\xe4\xb4oq\xb8\\^\x1dx\x9c\x91\xc8;w\xca\xeeu\xca\x15\x88\xce\xeb\xce@t\xef\xe8ZM]\x14\x07"\x00\x03\x9a\xfb=;\xb7\xcdJ\'\x95\x1a\xf8q\x1f@D\xcf\xa6\xdc\x15U)\x90\x0e\xc0\xb9-s\xf6/\x19\xaf.\x1c\xde\xa5!\x00\xe0\x83\xbc3\x05\x11\x80\x15\xd2\xb2]^\x16\x0ci\x1d\x00\xe0\xd0\x8aI\xed\xfc4\x82\x9f\x9b\x97/\x90\x91\xa8|v\x8d\xd9*/\xde\x07\xb4\xa8\x82\xcf\xb7\x1a\xaaH\xee\n\xc8\xd6\xf0\xb8\xc6\nT1/F\xc6\xe0\xe1_\xaem\xef\x86\xde\xf8~\xdf\xbf`\x06\x8e\x92sJD#;\xd4\xe2\xd0\x9e\xa9}\x82\xb8\xcc\xaa\x89}\xcem\x9d+\x0e,\x97-z\x92\x04\x17w,\xb0#Z2\xba\xdb\xda\x88~GWOiS\xb9p\xcf\xba\xe5\xc5B\xa3^\x89\x9c\x00xzxb\xfdt\xf9@\x00\xaf/\xef\x92\x97\x0e\xf1\x88\xf8\xc9X\xb4\x1e\x0co[\xc3+\x87\xc9\xba\xab\x9d_\xd1\x8b;\x16hF\nL\xef\xdf\x1a\xef\xae\xee[\x12\xbew\xf1\xb8\x89f\x14\xae\x92\x12\xfd\x15n\x1b\x80K;\x17\n\x07\x03?\xd2\xc8\xde-\xe2\x12\xf99\xa5\x9d74D\xde\x0f`l\xa7z\x9a\xa1a\x82\xca\x89\x9f\x0f\x00\x14Ok\xf8\xf3\xed\xd5\xbdVZz?\xdc&lt;\xa0h\x0c\x161k`\xbb\xd7\x97w\rh\xee\x07@\xc4a\xdc;\xb6\x8e\x19\xc6:S\xbd\xa8\x8e\xe3\xe9\x19+\xaf\xf5\xef\xa2V\xd1\xac\xfc\xac\xa2\xcbq\x10b\x84O\xcel\x01\xb0tl\x0f\xf1\xd3\xdeE\xe3\x9e\x9e\xdd*\xa26}\x9d\xec\x80\xe7\xbc\x9d+\xae\xe1\xf5\x9c\xd94\x9bW\x9d\x0c\x00\x8bFu\x99=\xa8\xfd\xf69#\x84D\x0f\xf0cJ\xef\x16%3\xc4+\x90\x98\xf0\xec\\\xebJQ\xf3\xc4\xe3k\xa7*\xea\xc3\x12\x92\x13\xba5\x8a\x16\x11\x93I/j\x7f\xf8\xa6\xe9\x83\x1a\x95\xce\xf3\xf6\xda\xdeI=\x9a\x00\xb0\x18\x08\xaa\xb3\xaa\x07\x80g\xe7\xea\xba\xe7\xe0h\x1a}?\x17\xf0\x16@[_\x13\x9fs6\xd3HT\x8f\x8c6\xb9c\xac\x06G4\xa0\xb9\xdf\xd7\xbbG\xa7\xf6\tr \xaa],\x9b&lt;&lt;\xe4\xb2\xee\xb4\xc0\x13\x00-*\x14\xd4/\x16\xe0\xe2\xa0\xf8\xe6y{\xe3\xb4A\xa2LN\xa2V&gt;\xae\x00*\xe51|\xd1l\x90,\x91!.\x17\xb6R\xd9-\xad\xd13/^%\xb7g\xcf\xcc\t\x81o\x82.b\xd0\xa4\xe4~\xb0Ws"\xcaL\xe4\x9e\x8e\xc8\xd2{\x89.\x00\xbc\xbf\xbe_\xf3\xa7LDxz\xe6\xca\xee\xc5\xc3\xdb\xd50\xc7\xfa\x0f\t(q\xd5\x92Q\xee\xf9\xf9\xed|#\xbc\xbc67\xed\x91\xfd\xb9E\xd3\xd0\x90\xd6\x01)\x88\xb2\x13\x1d^\x19\xf1\xf5\xde\xb1\xc2\xa9hR\x8f&amp;\xbd\x1bV\x9c?,\xe4\xed\xd5\xbd\xb2P\xa0\xe9\xed&lt;\xe7k\x89\x98\xf0\xaa\x05\xd2O\xea\xd9tMD\xbf\x80B\x0e5\xdc,0\x8f&lt;\x1cl\x0e\xaf\x8c0&lt;w\xd3\xc0\x8b$D\xa5\x1c\xe2\x1fY5Y\x93\xe5\xc5\x96Y\xb5\xcb\xdd\xa2\xf9\xabv\xb1l\xc5\xd2\xd2\x83\xe3\xeb\xff2\x9b\xed?\x89\x05\xc3;%\x93\xb6\xf5\x95\x7f\xd4\xa8U4+\xf0{\xf3\x8c!\xc2\x8e\xbe"&lt;t\xc7\xdc\x91\xb6f\xca\xb7\xa8\xe0\xfc\xeb\xf1\xa9\x0f7\x0e\xc8\x91\xfd\xc0\xb3\x1a\x853\xf7jPA\xfd\xb2\xeb\xba\xe7\x88K\xa4`Fh\xce#&gt;\xdd&gt;\x14]\xc2W\xedb\xd9J\xa4Wv{\xb5\x8be\xabW2\xca\xa9\xcc\xdd\xb1N$a\xee\xb8\x86\xfa8j\xad\x9d\x03\x0bg\x02&gt;^\xdb\xbb\xf4\xd9\xb9mb\xdaR\xc4|\xb7\xc6^\xbe\xc1Z|\xa7\x95\x13z\xe3\xd5\xc5\x9f\x8fN\xeaL\xa3\xaa\xe4O\xc7\xa1\x8fj\xb0\xc6\x0eC\xd3\xe2\x87\x8f7\xbaZ\x111\xef\x97?m/\xeb\x14\xc2\xf9Z/.\xec\x10{\xd4z\x7f+\xc6\x87\x02\x985\xb0\x9dB\x7ffh\x9b\xea\xbcQ1W\n"\xfa\xf1\xf0\x04\x80yC\x83K9\xc4W\xdf\xfe\x9d\xc3\xab\xd9\xd0\xa1\x86\xdc$\x06\xb60\xa8H\n]e"jR&amp;_4\xa4M\xad\x03\xfbi\xfe\xca\xa9\xb8\xfe\x9bg\x0c\xc9\x19\x87d\xb2\x90\xf0\x07\x14\xb6%\x1f\xc7T\x00\xc6uV\xea\xa9\x8c\xecPK\xe1\xe1\x03\xf0\xe4\xcc\x16\xaf\x1c\xc9\x80W\x97v.LJ4{P\xbb\x8d\xd3\x06\x05Ut\x11!fj\xf0\xca\t//\xaa\x7f\xbawt-?\xf9\xd4Dxw\xf5\xd5\xa5\x9d5\x8b\x18l&lt;\x99\x89\xc6wm8\xbekC\x00\x17\xb6\xcf\x7ftr\xe3\x96\x99C\xbb\xd62!5\xf0S:\xb8|b\xa0k&amp;"\x02\xde\x8f\x0e\xa9#b\xf5\xf7-\x0e\xd7\xa4D)nj\xdd\xe4\xfe\xee\xe9b$\xe9\xfe\x8f#_\x02\xe2\xb7\x15\xd7\xd8\xcd\xc5%\xda2s\xe8\x86\xa9\x03\xd4J\x06:\x00\xf0\xea\xd2.\xe1Aj\xe5\xe3za\xdb|\xcd\x92\xeb\xa7\x0c\xe0\x8d\xa2v\xf4\xec\xdc6u\x01+\x17\xfc\x16\xa7\x85\xcd\xcb\x17`\xc9\xcc\xc0\xc2\x99\x00L\xd1\x15\xbfU`H\xab\x00\xeb\x0b\x13Q\x87\xaa\xc5\xb8\x1d\xd74?\x15Z=\xa9\xcf\xba\xc8\xfe\xd3\xfb\xb7~xbC\x95\x02\xe9\x04\xa9&lt;\x8bQb\xd3J\xa4#j\xe0\xe1\xa8CC\xfcv\xff\x98\x81u\xf7\xf2\xa2,z\x01\tGWG2y|\x99q\xddvj\xc3\x0cQ\xa6\xbe\x99\xf1\xe3\x7f\x84\xc5\xa3\xba\xca\x1c\x15\x81]\x0bF\x07\x14r\xf0\xce\x9d\xb2oc\x1f"JIT&amp;\xb3\xf6\xbc\xafD\x86\xb83\xc2\xdaX\x1fQ\xd19\xd0Cl?8\xbe\xfe\xc4\xbai\nG\x85\x95\xe8P\xb5x\x16\xa2\x10\x7f\r\xa5\x9dx\xa6\xdc\xffh\xe1\xc9\x19\x930@\x00\xf1\x88&gt;\xde:\xd8\xd0\xc3qz\xff\xd6b\xff\xeb\xcb\xbb\x01\xb0"E\x97\x9a\x9e\x00\\SR\xf3\xf2\x05\x12\x12U\xc9\x9fvEx(\x1bO4;\\\xebaQA\xc15%\xdd=\xba\x86\x8c\x8dgyx(o?&lt;\xb1az\xbfV\x1fo\x1e&lt;\xb0l\xc2\x92\xd1\xdd\x12\x109Y\x9a\x8d\xfb9\xd9}\xbdwT\xf4\xf89\x88\x10SAlF\xc3\xd2y\xa2\xf5q\xfdsxzv+\xbf\xb6\x91\x1dj\x9d\xde8S\xc7\x02P9ojs3,"\xb2\x95\xb6\x0b\xa5\xa0\x1d\xf3F\x9a\xebp\xaf\xeeY\x12\xd3\xcaF\x0f\xc0;\x00%\xd2\xc7\xcd\xfc\xbf\x11\x80\x93\x9bUjK\x97P\xc4\xfe\xf4i\xe4-\x82x\x87\xb7\xabqtudf"\xee\xe6d\x9c\xdc0#ZUZ0\xbcS\xf1t\x94\x92(\xbcK\x03\x85\xedE\x18m\x19\x9b\xa6\x0fZ0\xbc\x13\x0f"#\xdb\xd7bc\xc2\xfa)aD4\xa0y\x95?\xd2\xb8\xb1\x02\n\x0b]\x88\x19e\xa1\xad\xb3\x87\x01\x00&gt;\xefY8V\xe7l~\xf9\xd3\xe2\xf3-1\xa9_8\xa2\xb3\x95\x01.\xc1\xd5\xdc\r\x8f\xe3\xdb\xdd\x98\xb5\x10\x00\x8bFva}\xca\xe8\x1e\xcb\x0f93\xd1\x91U\x939TUQ\xab\x1dsG\xf2\x9e\xf5\x91aD\xf4\xf9\xcea\xd9w\x9a\xceR\xc4\x06;\xe8G\xb4\xaf\xa9\xe3D\xd1\xa1i1Jd\x88\xdb\xb3n\xf9\x8e\xd5\x95D&gt;\x00A\xba\x06\xc0\xfb\xc7\xd7\xcb\xd5[9\xa1w\x12\xa2Jy\x94\xd3\xb6\xa2v\xda\xf2\xb7\xb2M\xc9z\xf7\x1b_\xb1W\x83\n\xf2\x9f\x9a\x8f\xa8k\xad29\xff,\x8f\xc8\x7f\x04\x95\xf2\xa4\xb6&gt;\x1c\x0c\xf8\xae\xd0\x8bNK\x14\xe0b\xcf\xaa\x8aVB\'t\xf0\xcf\x01\xc9Y\xca\xef\xde\x9c1\xe4\x0fQ6Kb\xb5:\x18C\x04\xb34+\x1f\xa5\xcd\x92\x80\xe8\xee\x915\xd7\xf7-;\xb0t\xc2\xdb\xab{k\x14\xce$\x8c_x{e\xf9\xb8\x9e\xbb\x17\x8cY\x17\x19\xc62p\x95\xf2\xa4\x1a\xd6\xa6z\xa0kF}\xb2\xbf\x1a#\xda\xd5\x04p\xef\xe8Z\x8e\x9d&gt;\xbdq\x96\xc8\xe5\x02\x15\x84\x05$\x8f\r\xb9$7\x14\x18\x1dR\'\rQ\xe5\xbc\xa9\xaf\xef[\xd6\xd0\xc3\x11\xef\xaf1\x17e\xe9\x98\xee"\x8b\xd3\xdfER3c\xa7\x9f\x93\xdd\xd6YC\xf5\xfb8\xc6\xedC\xab\x98\xf2\xc1N)k\x0e!\xa2i}[*\x1eH\xb4\x18\xa9I\x89\x80\xf7\xe2B}\x1a\xf9h\x1a\xf3[z\xbb\x10QV\xa2G\'7j\x9eG\xae\x80\x10\x11\xf2u\xb2cn\x1e[\xdey-\xae\xbe)E\xdbv6\xed\xe7S\x12=:\xb9\x91=+M\xcb:\x1d_;u\xe6\x80\xb6\x1d\xaa\x16\x1b\xdb\xd1d\xb1uq\xbba\xa5^6k\xe2&gt;\x8d\xbc\xbds\xdb\x0eo\x1b\xc8\x86\xa6B\xc6V1#\xac\x8d\xba\x17\xb6\xa8\xfe\x9b\xc4\x8a\xd0\xc8\x1cD\xea\xd1\x85\x88^]\xda\xa5\x7f T"\xd2\xf3\x86\x06sm\x7f?9-\xca\xe0\xd7#\xf9\xb9\x89\xf8\x98M\xd3\x07Y\xd9Nba\x82\x0eU\x8b\xfb\x17\xcc\xb0|\\O\xbc\xbd\xb2zR\xdfo\xf7\x8fq2/\xeb\xcfp\xeb\xe0J\xeb3\xf6\xe9\xa3\x9as\xfaC+&amp;\xc9{\xf8\xa5\xd6+\x91\x93\x88V\x84\x87*\xd4\x835a.s\x0b\x11\xe1\xc7\x83\xdd\x0b\xc7h\xffd\xbe\xf5\xec_:^\x9f\xe6\x1d\xcf\x94\x97f\x94\x82yb\xec\x07&gt;~\xbes\xf8\xc8\xaa\xc9^9\x92\xe9\x07\xcb4\xf4p\x9c\x1c\xdaL\xdeS\xa5@\xbaJyR]\xd86\x7f\xd1\xc8.\x11\xa6?\xdd9\xb2F\xd1\xdf\x85\xf8\x97H\xa550\x00X;\xb9\x1fO\x0b\xd6L\xea\xbb.2L\xf7n\xfe\xe7\x90\r)Wv-&gt;\xb7u.o{fN8\xa5OP\x0e"N\x17*\x1cW\x07\x97O\xdc9\x7f\x948\xe4\xf2\xaeE\xbc\xe8\x1cf\xf4(0\xf0\xfd\x9e|\xcb?\x1e\x9c\xf8\xa5E\xcc5\x87\x1cDK\xc7t\x17\x7fr\x8f\xa9^?\xf3\xc9u\xecuBD\x0b@\xef\x86J\xa2\xc1\xea\x89}\xf0\xeb\xa1NX_\xa1\x14\x04&lt;5\xf7+\xd3\xe1\xf8\xe4\xfb\x97\x8c\x9f\xd8\xa3\x89[*\xa5\xf4\xc8\x8d\xfd\xcb\x89\xc8\xa8\x18\x08&lt;;\x8b\xdf\x8f\xb2\x10\x8dh_sB\xb7F\xe1]\x1a\x1cY5\xf9\xd2\x8e\x05x\x7fm\xf7\x02\xe5\xb70\xaes\xfd\xa0\x8a.f+g\t{\x16)\x17v\xe9\x89Fv\xa8\xb5i\xfa`\xfd\xe5\x05\x19\x02Y \xcb&amp;\xc6!\xaa\xeb\x9ecF\xff\xd6\n\xe1\x07M\xb2\xad\xb0|\xc4\xac\xe6\xff\x1c\x98\xb8\xcd\xdb9\xa2z\x8d\xef\x00\xa2;\x00DK\nF\x13I\x88\xbe\xdc=BD\x83[\xf9\x0b\xaa\xdc\xe8\xe0:o\xae\xee\x89\xeeKeF\xe3\xea\x89\xda\xcc\x87\xcb;\x17\xde&lt;\xb0BA?e(.dCT&gt;\x9alE\x81ZE\xb3\x1e[3\x85\xb5\xb5\x01l\x9a&gt;\xd8J\x1d\xcd\xec\xa6\x1a\xc5\xb9\xe3\x12\xd3\x9f\xf2\xc4\xa7\xa7g\xb6\x889TPE\x97\xab{\x96TuN/\xf7w\x9b\xa6\x0f\xf6v\xb4\xf5\xc8h\xa3\xee\xfd\x15a\xa26D\x95\xf3\xa51\x17d\xf0\xbf\x83f\xb4\xd4\x98\x8eu\x01\xe4\xb5\xa1tD\x9c~\'5\xd1\x89u\xd3\xd4\xef=\x85J\xe9D\xb1bkT:\x0f\xf3R\xde\\\xd93\xb6S=\xe0\xcb\x9eEc\xcd\xe5&amp;\xb48\xdb\xe5\x93\x03\x1f\xd4R\xf8\xc0\x8bb\xa6\x8b\x0b\x85\xdc\xb7\x03\xd1\xa0\xa0j\xceV7\x1f\xf9\xb9\xac\x8b\x0c\xd3i\xf0\xec\x9c\xe0\x87\xb3`x\xa7\xea\xae\x19\xcd\xc5\x16\xd4*\x9a\x15x_\xafD\xce5\x11}E\xb2\x9atDY\x892\x18\x89\x82\xd5T\xc9\xc5\x04b\xc0\xb4\x99\x19\xd6f\xd7\xfc\xd1\x8a\x9d\x9c\xf1\xb4S\xf5R\x16\x0f\xe7\x9b\x92\xd3\xbd\xa9\xa1\xc9\xb3\x103/\xe0\x8b\xf5\xf2\x88\xffAt\x0e\xf4\xa8W"\xa7E+\xd8\xe0\x96\xd5\xba\xd6\xf2\xecV\xbb\x8c\xfc\x8d\x15IM\xc0\xd7\x0cD"1a\xda\xe8\x98\xea\xfe\x1c\x00\x14_\xda\xd0\xd6\xd5\xb9\x86\x0fNl0\xd7Yi\xce\xf5\xc5\x1c\xad\x9eJ\xe93\x911$\x18@\xebJ\x85\xfb4\xf2\xa9\xe6l`\x1f\xa44\xae\xb8s\x1a\x99\xfe\x00\x98\xac\xa2\tk\xf4\xb9\xfeP\x803=\xd1\xbe%\xe1\x91\xbd\x9aO\xed\x13\x04\xe0\x82qi\xdf\xafIe\xee2D\x17\x7fu\xcf\x12\xf1*\xd5\x03\x80l\xcax}y\xf7\xa0\xa0\xaaxr\xe6O\xe6J\x9a\x0e\xde\x18\x03o.\x87\xd6\xf7zqa\x87\x87\x83\r\xd7\x8a\xdbp!\xd3\xb7\x0b`\xef\xa2q\xd6\x1b\x00?\xdc8\xc0\x83\x81B\xcc\xb9R\x9eT\x1c\xc1\xa4o)\x05\xbe;\xc6#\x1f\xc7T\nz\xee\x9d#k\xb6\xcf\x1d!&amp;\xa1\xd9\xb4\x8f\xfd\xa2#\xfe\xa3\x8f\n9S\xc8\x9e9\xcd\x88\xa7*\xf9\xd3\xf6\xa8[\xce\x9c\xc5R@\x87\xbf@\xba\xbaa\x9e\x99\x12N\xe8\xd6\xa8s\xa0\x87\xf5cXU\xe7\xf4_\xef\x1e\xd5\x9c\xe8X9\x96\xcc\x19\xd4\xfe\xeb\xbdc\x9a\xd1\x8bg6\xcd\xceBT(\x85IN`\xbc\xbb\x16\xb5\x1d;\xf1\'"\x1fG[\x7f\x17{\x9d&lt;\\Lh\xe4\xe7u\xda\x8a|/7\x0f\xac(\x91\xde\xc2D1=Q\x1c\x83\x8c\xb32\x13\xd6\x1f"\xc0\xc5^ta\x95\xf3)\xbf\xa7\xb3[\xe6$\xd4\x12{qOG\xf9\x12\xd0\x9b+{:\xd7\xf0\xe8\xd3\xc8\xe0\x83\xb5%*\x9b5\t\xc7\x07\x10\x19\x92V6\xf4plP*\xb7:\xfd\xb7!d\xe1\xcbmn\xb8\xcd\xca\x17X\x11\x1e\xaaoM.\x98\x8c\xfc\x9c\xac\x12\x9e\xe1\xf1\xc4\\\xc0\x8b&amp;;\xa3d\x86x\xefo\xecW&lt;^\x1eZD\x0e\x90\x8cDr\xfcN@\xa1(\xb6\xbe\x1c\xb0\xdd1\xa0\xc4\xee\x05cJ9\xc4o\xe7W\xc4\x9a\xdaj\xa2\xb1g\xdeN\x81\x96\'t\xd6c\xf6\xc0v\xa5\xec\xe3s\xd4X1\xf3\x0f\x1a\xcf\xcf/\x18\xde\x11\xdf\xeef2ZB\xf4Q\xabh\xd6\x8a\xb9Rv\xafSvyxO\xe0\xf7\xadC\xabd\x9e+\x80\t\xdd\x1a\xb3\x1c\xc8\xa9\r3\xad\xd1K`\x04\x14r\xc8\x13\x9fJ\xa4\x8f\xab\xb0U\xca\xd8:{\x98\xce\x19\x00X\x1f\x85\xaeH\xda\xc5\xca\x80B;H3TP\xa0B\xce\xe4\x13\xbb7nP*\xb7\xccn\x90\r\xa4\x8a\xfe\xfd\xe8\x9a)\x8d&lt;\xf3r&gt;/\xc7xJ\x87\x84\x0e\xdcR\x11\x9b\r\xd4\xea#L^\xe0p\x99\x82\xba\xc3\t\xdfQC\x0fGyg\xbf&amp;\x95`*\x11JD\xef\xaf\xef\x070#\xac\xcd\xa0\xa0\xaa\x95\xf2\xa6&amp;"\xfe\xd2\xbb\xd6\xf2\xfc\xebI\x8f\xffk\x10*Q\x02\xe6J&amp;"\x82i\x80\x8f&amp;8\x82\xfc\xfd\x8d\xfd\xbc8\xb5a\t\xa7owu&gt;\x0fk\xd0\xb4\\~N\x81Mf\xfcN\x00\x1c\x88\x8a\xda\x91\xe2B&lt;\xe7IE\xb4jB\xef\xa8\xc2\xcf\xcf\xc9\xf7\xab\x8e\x12\xd0\xc1\xd4\xbe-\x7f&gt;:\xa9\xd6\xae\x90\'\x86|\xe6\xcf\xb7\x0f\xeb\x9f*O|\xc2\xb7\xbb\xea\xe4e\xcd\xca\x17X&lt;\xba\xeb\x96\x99C\x00\xec\x98;B\xacsu\x94\x14+\xe7M\xcd\x1f\xf2\x84n\x8d\x00\xcc\x0ck\xc3u`+\xb6\xe2\xfd\x8e\xecP\x8b\x07\x9e\x1c\xba=\xac\x1ac;\xd5\x93)w\xbb\x17\x8c\xd1\x0ce\xd0A%\xebb\xbe\xac\x01\x00\x0e\x0c\xe4\xfe7\x7fb\xfaz\xef\xa8\x95\xc76-\xeb\x04\x00o4\xb6\xc7?\xd2\x00\x00 \x00IDAT\xa4\xf0\x89\xa8Z\xc1\x0c:1\x1cj4\xf6\xcck.#\xa35\xe0\xfek\x95\x96\x95\xf2\xd0\x8aI\xfa!\xdc\r&lt;\x1c\x85\xc6\x03\x00|\xbf\xf7\xfe\xc6\xfe~M\xa2V\x0c\x8a\x81,O|\xda\xbft&lt;\x80\xc8^\xcd\xf9]\xe0\xe7\x83\xaa\xce\xe9\xf1\xee\xea\xe4\xd0fxqA$\xbb\xbe\xb0m\x1eT\x04SbY\xf8\x9f\x0fx{|\xd7\x86d\x06\x05\x92\x10\x80_\x8fN\xc9\x8bn?\';\x8b\xfd\x8c\x0c|\xbc\xa1?\xa41\x8a\xa46\xf8\xcfOm\x98\xd9\xafIe!_Q\xabH\x16\x85|H,L\x90\x8ah\xdb\x9c\xe1\xfc&gt;\xaa:\xa7\xbfsd\xf5\xabK;u\xcas\xc9o\xf7\x8f\xe9\x94a\xd9\x19&lt;;W"C\\\x92D\x9e\x01\x98\xcb\x95\xfa\xf6\xea\xde.5J\xfbi\xa9\x0exd\xb4\xc9\x15\x97\xd2\x13\xf98\xda\xd6+\x99K=#\xe6\x18\xd7\x04D\x00\x8e\xaf\x9b&amp;\xfftc\xff\xf2#\xab&amp;k\xf2\xb4s\xc5e\xb5\x16\xedL\x81\xb2\x04#\x19\xc9|\x8c\xe3\xeb\xa6\xf5kR\xe9\xc8\xaa\xc9b\xcf\xb9\xads\xd5vF\xce\xa5S\xbd\x90\x9e\x14LR"\xf5:\x86\x88\x8e\xad\x99\x82\xb7W\x9f\x9c\xd92(\xa8\x1a\x80\x1an\x99\xc5\xec\xd6\x9c\xa8\x80\x02\x03\x83\x0c\x91P\x07\x96M\x18\xd1\xbe\xe6\xc2\x11\x9dw/\x1c\xa3\xfe\xe4r\xc7\xd5P\xf1\xeb\xd5\xa0B\xcf\xba\xda\xd6\xf0\x14F\xabK\xb4:G\x193\x07\xb4\x05~\x9d7\xfax\xf5qv\xcb\x9c:\xc5\xb3\x7f\xbauH\xa7Lv\xa2\x0f7\x0e\x0ci\xe5\xdf\xa1jq\xdf|i\x00|\xbcuP\x87\x15\x00\xe0\xd9\xd9\xadb\x1b\xc0\xfe\xa5\xe3\xe5\x021\x97p\xb3\x04\x85\xdfE\\\x8e\x87\x7f;\xa2\xf0.\r\xea\x97\xcc%\x84\xbb\x13\x12\xbd\xba\xb4s\xdd\xe4\xfe\x1b\x8cQ5\xe6\x90\x85(\xb2Wsy\x8c\x17\xc176D\x1fn\x1cP\x1f"\xa6\xd5\x1c\xcb\x06\x00x\x91\x84\xa8k\xad2\x00\xe6\x0e\t\x9e\xd0\xbd\xf1\xb7{\xc7\xf0\xe9\x96f8\xba\xf0\x8d\x03_du\xc8\x1c\xa6D&amp;M9 \xeeB4\xbdn\x021\xcbT\x81O73\x13\xed^0f\xe9\xd8\xeen\xa9\xa8\xa4}\xbc\xb2Y\x12\xeb/2\xfe9\xa8\x15\xa0R\x13\x1d]=\xc5\xca\xc3\xab9\xa7/\x97-I\xb1\xb4DD\xf6Z\xaa\x8d\xa9\x88\x8e\xae\x8e\x04\xc0*4\xde\xb9S\x02\xf8j\x14\xed\xd3T\xa3l\xec\x99\xd7\xd8\x02/\x94\xce\xa8\xfc\x00\x01\x00\x1f\x01&lt;=\xbb\xf5\xc7\xc3\x93"\xd5\x91\x1a\x8a&lt;\x8b\xc0\xfb\x0b\xa6\xc9^\xfe\x10l\xc3U+\xd1\xf3DR\xfeL\xe2\x12]\xde\xb5\xe8\xf6a\r1t\x05"z6\x1d\xd1\xbe\xa6N\x81}K\xa2\xbe\x131\xcd\xb1\x06\xec&gt;}wm\x1f?\xda\x91\xedk\xd9\x9a\x160\x17\xbf\xc4\xb3H+\xaf\x12\x03\xf0\xb4\xc0\x1a\x00/X\x14^\xbf\x18g\x9a\x04\xe0\x93\'\x15o&lt;2\xcd\xe3hzN\x93\xb9\'\x00\x9d\x16E\x7f#\xb8\x04\xf8d\xa7\xa5\xf9\xb3s\xfe(\x00\xbf\x1e\x9f\x96\x87CY\x07\x85\x15\xa5D\xd8y\xae8\xa4\xa9V+&amp;\xf8\xec\xf5\x11\xa8\x947ur\xa2\x1f\x0fO\xc2T\x10I&amp;.\x1bk\x08\x85DX\xae8\xc4\xa3\x08T\x16\x18\x06\xaf\x01\xe3\x13\xe1\xd5E\xce\xcd\x92\x98\xe8\xda\xde\xa5K\xc6t\xfb\xa9J\xe8$\xc3J\xfd\x16\x11\x9fjC\x04|U\xa7&lt;\x93-~\xc7\xd6L\x19\xd0\xdc\xef\xcd\x95=e\xb3&amp;\xee\x18P\xf2\xcb\x9d#\xceI\x0c/\xdaz\x8f\xc5\xbf\x82\xfa\xa5r\t;8\xc36\xa6\xa7JNt\xff\xf8\xfa\x9an\x99\xc5\xcb\xc9L\xd4\xa3n\xb9\xc0\xc2\x99\x04E\xafS`)\xfcz\xe8\x93\'\xd5\xe2Q]\x01\xb0\x06zH@\t!\xd1\xee\x95#9\x07\xf80VM\xec\xbde\xd6P9&amp;\xc8%9O\x1b\xb1s\xfe\xa8\xf5S\xc2t"\x0c\xc6u\xae/&lt;\xb4\x9c\x9f\xe8\xf0\xca\xc9\xe6\n\xeb\xc3z\x99\xa1\xb4D&gt;yR\xcd\x1f\x16"\xef\xe4\xe5\xc8\x8b\x0b;\xaa\x9a\xe7T0X\xe00_L\xa6;\x1a\xd0\xb1\x83\xe7\x8ak\x12\xa2\x99\x98h\xf3\x8c\xc1\xe2O\xd9\x08$,\x00:\xf0\xce\x9d\x92\xa2\x9f\x94\xca\xd7\xc9N=\xbf\xd6\xf1\x8c&amp;!\xc2\xf7{\x93\xb4\xb2\x0f\xc9G\xbd\xbc\xb8\x93u\xe1\xc7v\xaa\x07\xe0\xec\xe69}\x1b\xfb\xfc\xb9O"\xb2W\xf3i\xfdZ\xfd\xe1I\x88\xa8D\xfa\xb8)\x89\xd4\xca\xd5\xdc\xe0\xd5\xacP\x7fc&gt;\x8c\x8c\xa6b\xd4r\xe7\xce\x049F\x9b\xcan\x82t\xb7jbo\xa1\x85\xde\xa5Fi\xce\x96\xc5\xd0I\xf8\xae\t\xe0\xb5\x8e\xde8\xa3j\x81tc:\xd6\xed\x1c\xe8\xb1g\xd1X\xbc\xbbz\xef\xd8\xba\x81-\xaa\xf0\xe2\xa3u\xa5\xc2\xf1M\xf59\x18\x87WFXsuoG[\xceBck\xb8\xf1\xaf\xb2K\xa6[\xad2\xbc\xce\xb13&gt;\x96ck\xa6\xb0\x8e\xd6\xb7\xfb\xc7\x01p|(\x00\xeb\x1d9\xffA\xd4*\xa2\xb9\x02S\xc2\x9cYF\x06\x13\x8155\xadf\x0eh\xdbD\x95\x00V\x1ex\xd5\x1c|\xcf\xcc\t\xf1\xe6\xb2\x98\xec\\\xda\xb1\x10\x00\xeb\xa3\x9dX7\xfd\xc0\xb2\x89\x00\x14\\=\x8b)\xd4y\xed9\xb0E\x15\xfe\x93\x99\xd7\x16\xa4x\x89&amp;\xf7j\x0e \xb2w\x0bAJ\x9b\xd4\xa3\t\xf7k\x89\x88\xacwbkr\xc3?\xde:hq\xfe\xc1\x04\xa4#\xab&amp;\xf7kR\xe9\xcf\x93\x19\xe1\xed\x95Y\x03\xdajf\xcdlR&amp;\xdf\xb6\xd9\xc3\x97\x87\xf7\xd4&gt;\x10\xc0\xebK\x9a?qJ\x10u\xf9\x8d\xd3\x06F\xb7z\x11=\x9b\xc9Q\xe8U\n\xa4c\x11\xe0W\x97v=&lt;\xb1!Z\xa7\x82ir\xf9\xd4D\xc0\xc7\xe2i\xa9D\x86\xb8\x1b\xa7\r\xbc{d\r\xebr\x13Q\x80\x8bv\xc83;\xb4\x14\xd3[\xf9F\x05\xbd\xe4OP\xca&gt;\xbe\x7f\xc1\x0c6D\xf7\x8e\xaeU,&amp;VN\xe8\xcd\xab\xdbf\xe5\xa3\x14\xf0\x01\xa8\x99\xf8\xe2\'\x86`\xa9\x99\x03\x001\x83i\xee\xe5\xfc\xe8\xd4&amp;\x1dK\xfd\x9f _B\x1a\xd7\xb9~1;\x1a\xda\xa6z\x9fF\xdebu\xe5\x9b/\r\xf0\x1c\xaf\x94-\xea\xd8\x9a)"\xf2Y\x1f\xf2B\x8d\xb7\xf3\'""Jn\\\x93\xc9\x86\x8cn\xb5\xcb\x083\x14[\xb4\x8e\xaf\x9d\n&lt;\xc3\x87\xeb\xd1\x10\n\xff\xefA1\xd3W\xc3\xa2\xd0\xa3\x8c,D//\xee0g]\x1db\x9aa\xa3b\xae\x94\xe7\xcc\xdby\xf3\xd8\x98p\xae\xdd\xd3\xc51\xbe3\xe0\xd3\xad\xd7\x97w\x1d\\&gt;\tx\xe1\xebd\xd6;\xb9&lt;\xbc\xa7\xc2\xec\x9e\x9e\x08\xc0\xf5}\xcb\xc41\xd6\x08\x99\xb1\xc05C\xcc\x15\x1c\x88\xd8\x08&gt;\xa1[#\x8b\x19\x0e\xdcRQ"\xa24D\x1e\x0e&amp;\xc3\xa3\xb9\xb0 \xd7\x94\xb4"&lt;\x14xF\x92f\xea\xe0V\xfeW\xf7,q\x96\xe6\xefN1\n`\xe7\'9]5o-\x99!\x1e/2\x00\x98\x93d\x18\xd2:\x80\x853\x15\x00\xa0\xf6\xcc\xb4\x8c~dPF\xc9p\xcc7*\x1ex\x97\x9a\xa5\x05Qm\xe7\xfcQ\xcd\xbd\nh\xc6\x91\xc8\x84B\xb5zh\xef\x86\xde\xddj\x95yui\x97"\xb6`\xe9\x98\xee\x00\xf0\xf9\x96\x18\xfc\xb6\xcd\x19\xde\xc0\xc3\x91\x88J\xa4\x8f\xab\x18\xda\xb8g\xb52\x1e\xc2\xc71\xd5\x86\xa9\x03\xd5\x0e|"\x8a\x08m\xf6\xe5\xee\x11\xc1J\xccLth\xf9$u9\xbc\xba\xc8\xbe\x19\xc5\xd8 \xaf\xe4&amp;\x876c\x015"\xf2\xcd\x97\xc6\\vF\x81dD\x8fOo\x8a\x86RnL\xc1\xd5\x1e\xd7\xb9~\xa5&lt;\xa9\xaf\xeeY\xf2\xec\xdc\xb6\xeeu\xca\x1eZ1)\x91yy\x06\xf5\x1e\x1d\xf4o\xea[\xd2&gt;\x1e\x99\x92S+\xe6J\xa1y\x12\xf5\xe5\x86\xb5\t\xdc&gt;g\x84\xba\xe4?\x84\xbf\x98\xf2\xbb`2\xc3\xd0ZDZ{\xeb\xccC\xe2\x12\xe98\xe2\xd2\x19\xa5\x1f\x05\xfc\x9c\xd2\xb6\xa9\xec6\xa2}\xcd/w\x8e\xe0\xcb\xed\x99\x03\xda\x86\xd6\xf32\x97\xbb\x86-\xecj\xed(n\x04\x16\x87=\x19\xd5\x9c\xd3\x03`RD\xfe?\x10\r\xc1\xa7[B\n\xdb\x1a|\xb8\xb1\x9f\x88v\xcc\x1d\xc9u&gt;\xb7eNu\xd7\x8c2\xbf\xfb\x0ft\xa0\x95H\'\x8dF\x8bFu\x99k~b\x8bW\x97x\xe2\xdc\xb4\x9c\x93\x9a\xeb\xc5U\xf2\x8eN\xf6\x15\x81&lt;&amp;\xb4{jV&gt;?\xbe\xdf\xd3\xecf\xf1\xee\xea\xd5\xddK\x86\x19\x85\nd\xa8\'\x8f\x0bGt\x12\xdbw\x8e\xac9\xbdqfq\x95\xd1\x81\x9f\xb0\xbf\xb4\x0e8\xb1n\x9a\x1c\x85$"\xc9\xf9\x82Sz\xb7\x98\xd8\xbd\xf1\x81e\x13\x14\r\xb8K\xcd\xd2\x8a\x06\xc2g&gt;\xa3\x95\x992!\x11\x8ci&gt;\xb3\x12\xcd\x1e\xd8n\xd3\xf4\xc1\xeabDtt\xf5\x14\xcd\xbe\xf2\xff\x01\x9c\x12\xd1\xbd\xa3kc\x1c\xb2)z\xf9s[\xe6\x1c^\x19qr\xc3\x0c\x0e\x1a%"\xe0\x97|Sc:\xd6\x8d\xf1%bp\xd4\x81e\x13\xf0\xf6\xea\xba\xc8\xb0\xd7\x97w\xc7\xec\xba\xffA$"\xc2\x97\xdb\xc0\xe7\xf2\xd9\x93\xea&amp;\x02\xd2@\x9e\xf8Q/\xdb_J\xd8\x9b7\x01\x8d\n\xae]S\xcb\xd0\x14\x8f(fQ\xa5l\x0bjV.\x7fU\xe7\xf4\xe6\xec\'-\xbd\x0b\xb1\xfa\x8a\x8c\x84\xc6|\xa1e\xb3F\xf9\x8b\xe2\x11\roWC\x1d\x18y|\xedT\x11\x86&gt;\x7fX\xc7\xbc64(\xa8\x1a\xab\x11\x94\xcbj\x99O\x9e\x8a\xa8L\x96Dy\xe2G\xb9O\xe6\x0c\xee\x00\xe0\xe5\xc5\x9d\xaaK\xe9\xa1\x9as\x06\x00;\xe6\x8e\x14S&lt;\x1d4\xf6\xcc\x1b\xb3\x11\n\x80\x08\xe5\xef\xd3\xc8{\xdf\xe2p\x8b\xc9=\xccuI\xd9\x88\xe4\xa4\xe7\x16\xb1&lt;\xbc\xa7:mC\x8f:\xe5\xf8\xfc\x9a\xc6}\xbc\xb9\x8cwW\x17\x0c\xef$l8Q?\xbd\xbe\xa4\xd8\xe5+q\xa8\x064\xf7S$+%\xce\x08\xfd9Jji\xd3\xf4A\x81\xae\x19\xef\x1e]#n0\x93j\x1e\xf3\xc0 p\xa6m\xfdS\x0b\xaf\x9ac\xb5\x02\xb8\xbck\x91\xc8=\xe9\xe3\x98j\xe6\x80\xb6\x93C\x9b\xf9\x9b\xa6\xbc\xceH\xf4\xe5\xce\x91\xa1m\xaa\x7f\xbdw\xb4E\x85\x82\xffC\t-""J$\xe55;\xb3i\x96\xf8\xae\x0b$\xd1\xf3\xe8h\xae\'\x06\xb5\xac\x06@X\xdb\x01\x00\xbf\x142b\xf2u\xa3\x05\x00M\xcb:\xad\x9a\xd0;\xc6m\x1e@\xec\x00\x10\x05\x07+\xa2\xe34M.\xf1\x89\x12\x8b\xd1\xfe\xf3-Eg\xcf3hE\xd2\xa8\xc1\xad\xfc\xc7wk\x04&lt;\xb1^\x81N\xe0\xe7\xc3\x93x~\xee\xed\xd5\xbd\x9a\xe6\x08\x06\x0f`\x8aP{2.\xf6\xe5\x9c*\xcc&gt;\x92\xd7Am}\x8b\x0007\x8d\x9d\xd4\xa3\x89\x8f\xa3ma[\xbd\x9c\xb1\xb6Dk&amp;\xf5=\xb0l\xc2\xf1\xb5S\xf1\xea\x92 )?&gt;\xb5\t\x12g#&gt;Q\xaf\x06\x15d=z\x019C\xce\xed\xc3\xab\xa1\xabbmG4\xa1{\xe3/w\x8e\xe4\x89O\xe7\xb6\xce\xd5\xcf\xe9HD\xf7\x8e\xae\xbd\xbcs\xa1\xbc\x87\'\xc5,\xfd\xa6\xdf\x00VN\xe8\xbdu\xd6\xb0\x01\xcd\xab\xc0\x98\x8a\xf2O\xe0\x95#\x19\xbe\xdcQ\xa8\x15e"\xda2\xd3\xa0\xfe\xa6\xc8\xcb(`g\xaa\x13IDM\xca:m\x9f3\x1c\x80\xb9\x90\x85\xe2iIG\xc3\x80a\x08\x91{y\x91\xbb\x86\xef\x0fN\x10\xd1\xf9m\xf388\xdc\x81h\xff\xd2\xf1\xee\xe9\xe2(.\xc1/t\xa51\x82D6\xf4m\x9b=\xbc\xa1\x87\xa3L\xd3\x92\xc1l\x05!^T:c\x02\xd1Mj\x96?\xbdqff)[\xaaf\xfde4\xf4plZ\xd6\xa9W\x83\x8a\xd1\xca)\xb6{\x81\t\x1bx\xdb\xec\xe1"\t\x0c\x80\t\xdd\x1a\x15P\xe9\xc3\xb7\xa9\xec6\xb1{\xe3\x8a\x1a\x04l\xb2\'\xda\xb5`\xb4\xb8\xa9\x18\x87:+\xb0xTW|\xb8\xf1\'\xe6\xfb\xd6\x95\\{\xd4-\xef\xa5\x95#\xef\xdf\xc5\xd9-s\xc2\x9a\xf9\xe6$JC\xa46\x13\x13\xd1\xac\x01m\xe5\xf8\x11\x19;\xe6\x8d\x04PT\xeb\xf3[\x13\xd1O1k\xde\xbfd\xfc\xe1\x95\x11\xc0\xeb\xc7\xa7\xa3\x14\xcf\xab[\x91\xc0\x8b\xf5\x7f\x80\xb7\xc0\x8b\xc8\xde-d=w\x01\xef\xdc)\xd3\x10e$\xbawt\xad\x82\xae\xde\xb9\x86\xc7\xb7\xfb\xc7\x9a\x94\xcd\xb7k\x81A~$o\x02:\xb7e\x8e\xf5\x13\x01|\xba\xa9\x9eE\xca(lK{\x16\x8d]?e\x00\xde]\xe3\x15\xc3%3*IY\xcc[Beb\x82P\x07\x02\x80\xe7\xe7\xd4\xe7Y:\xa6{\xc5\\)y1\xa4\x1fjdG\x94\x9d\xa8V\xd1\xac\xcf\xcfo\x97\xf7\xf3 \xc4W\xf8zW/NJ\xd4V3mStQ2C\xdc=\x0b\xc7\x02\x10s\xf9JyS\xb3\x9f\xa3A\xa9\xdc\x16\xa</t>
        </is>
      </c>
      <c r="E583" t="inlineStr">
        <is>
          <t>&lt;class 'numpy.ndarray'&gt;</t>
        </is>
      </c>
    </row>
    <row r="584">
      <c r="A584" s="1" t="n">
        <v>582</v>
      </c>
      <c r="B584" t="inlineStr">
        <is>
          <t>steps_per_sec</t>
        </is>
      </c>
      <c r="C584" t="n">
        <v>8400</v>
      </c>
      <c r="D584" t="inlineStr">
        <is>
          <t>3.3591216</t>
        </is>
      </c>
      <c r="E584" t="inlineStr">
        <is>
          <t>&lt;class 'numpy.ndarray'&gt;</t>
        </is>
      </c>
    </row>
    <row r="585">
      <c r="A585" s="1" t="n">
        <v>583</v>
      </c>
      <c r="B585" t="inlineStr">
        <is>
          <t>Loss/object_center</t>
        </is>
      </c>
      <c r="C585" t="n">
        <v>8400</v>
      </c>
      <c r="D585" t="inlineStr">
        <is>
          <t>0.27868015</t>
        </is>
      </c>
      <c r="E585" t="inlineStr">
        <is>
          <t>&lt;class 'numpy.ndarray'&gt;</t>
        </is>
      </c>
    </row>
    <row r="586">
      <c r="A586" s="1" t="n">
        <v>584</v>
      </c>
      <c r="B586" t="inlineStr">
        <is>
          <t>Loss/box/scale</t>
        </is>
      </c>
      <c r="C586" t="n">
        <v>8400</v>
      </c>
      <c r="D586" t="inlineStr">
        <is>
          <t>0.06668835</t>
        </is>
      </c>
      <c r="E586" t="inlineStr">
        <is>
          <t>&lt;class 'numpy.ndarray'&gt;</t>
        </is>
      </c>
    </row>
    <row r="587">
      <c r="A587" s="1" t="n">
        <v>585</v>
      </c>
      <c r="B587" t="inlineStr">
        <is>
          <t>Loss/box/offset</t>
        </is>
      </c>
      <c r="C587" t="n">
        <v>8400</v>
      </c>
      <c r="D587" t="inlineStr">
        <is>
          <t>0.122046895</t>
        </is>
      </c>
      <c r="E587" t="inlineStr">
        <is>
          <t>&lt;class 'numpy.ndarray'&gt;</t>
        </is>
      </c>
    </row>
    <row r="588">
      <c r="A588" s="1" t="n">
        <v>586</v>
      </c>
      <c r="B588" t="inlineStr">
        <is>
          <t>Loss/total_loss</t>
        </is>
      </c>
      <c r="C588" t="n">
        <v>8400</v>
      </c>
      <c r="D588" t="inlineStr">
        <is>
          <t>0.4674154</t>
        </is>
      </c>
      <c r="E588" t="inlineStr">
        <is>
          <t>&lt;class 'numpy.ndarray'&gt;</t>
        </is>
      </c>
    </row>
    <row r="589">
      <c r="A589" s="1" t="n">
        <v>587</v>
      </c>
      <c r="B589" t="inlineStr">
        <is>
          <t>learning_rate</t>
        </is>
      </c>
      <c r="C589" t="n">
        <v>8400</v>
      </c>
      <c r="D589" t="inlineStr">
        <is>
          <t>0.001</t>
        </is>
      </c>
      <c r="E589" t="inlineStr">
        <is>
          <t>&lt;class 'numpy.ndarray'&gt;</t>
        </is>
      </c>
    </row>
    <row r="590">
      <c r="A590" s="1" t="n">
        <v>588</v>
      </c>
      <c r="B590" t="inlineStr">
        <is>
          <t>train_input_images</t>
        </is>
      </c>
      <c r="C590" t="n">
        <v>8400</v>
      </c>
      <c r="D590" t="inlineStr">
        <is>
          <t>[b'512' b'512'
 b'\x89PNG\r\n\x1a\n\x00\x00\x00\rIHDR\x00\x00\x02\x00\x00\x00\x02\x00\x08\x02\x00\x00\x00{\x1aC\xad\x00\x00 \x00IDATx\x9c\xed\x9dc\xa0\x1cI\x17\x86O\xb2\xc9&amp;\xd9\xddl\x92\xddll\xdb\xb6m\xdb\xe6\x17\xdb\xb6m\xdb\xd9\xd8\xb6mml\xfb\xfd~\xd4\xbd\x9d\xbem\xce\xcc\xbd\xa9\xe7\xd7LwuUMOw\xf1\x9c\xf7\x10q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de\x00\x00\xf0\xd9H\xcar\xe9bX.\xa5i\xb1\xf4\x96\xaf\x15\x03\x00\x80#Y\x19\xe7\x17\xbd\x04\x1d*\xe7a\x15\xc3\xa3S\x1e\xa8\x8f\x9c&gt;\xf5K\xba\x97y\xea\xb0\xee\xe5\xadE\xf20\n\x07=\xff\xefs~N\xe0\x8f\xc1\xe3b\xbe?8\xe9f\xd5\x1c\xa5w\xbd\xe2\x92#Y#\x07s0\xff2\xa9\xa3:\x98\xdb\xc6\xe9\x03\xfe;\xb6^\xed\xec\x86i\xfdg\xf7o\x19\xdd@&gt;xqa\xc9\x88\x8e\x8eT)\x18\x11\x80\xfb\'6\xac\x99\xd8kj\xcf\xc6\x8e\xe4i\x16\xc5\xb62\xb0\xc3\xdbz\x9b\xf0\x1bh\x87?Tn k\xfd\x87\xb7\xae\x92\xe4W\xcfW\xca\xab,\x1a\xd6^;A\x85\x0c\xb1\xdc(7K\xa4\x1f\x9fs\xc7\n\x1d\xc7^n\xc0\xe7\xc9\xdd\x1b~\xbe{\x04\xc0\x1f\xf6\xb2\x12X3\xa1g\xb7\x9a\x85\x1d\xca,\x90\x11Z\xf49Yh\xd5d\x16\x98\xd5\xaf\x85v\x82\x12\xc9\xff\xb9\xbag\xa9\x93E\x1a OlC\x9d\xed\xa0\xa6\xe5\xdbU\xcc\x85\x17\x17\xdc\xae\x8f\x066;\x80^u\x8b\x97J\x15\x85\x88\x96\x8e\xec\x14\x87\xa8~\x81T\xe2\xb3k&amp;\xf4L\xfb\'\roU\xc5N\x11N\xd1\xaatV\x8f\x95U#G"vc\xabeK\xe0\xb1B}\x02\xaf,\xbfHz\xd9\x1b\xfbW\xd8\xccp\xc3\xf4\xfeF&amp;q\x1c\x83t\xad^\xd0\xdbU\xf0(\x07WL0\x92\xcc\xda3\xe6`\x07zv\xcb\\\xfb\x99\x1c^5\x99}(\x10?,\xfb-\xff+\x9b\x9d\x1d\x01P\xd5j\x0b\x18\xd2~\xcd|\x86\xf1\x9d\xea\x04\xc5\xe9\xb7\x12\x00\x80\x0f\x9e)\xc8x\xe2\xb5\x13{u\xabYH\xf8:\xbeS\x1d\xe7+D\x94J4YX6\xaa3\xef&lt;\x18\xb1\x89\x1e\x9e\xdc\xe8v)\x91\xf5\x12\xd4\xc8\x99\xd8\xed:\x98\xe2\xfa\xbe\xe5\x91\x88\x00\xec\x98?\xdc\xd4\x85\x152\xc4\xc2\x87\x9b\x19\xfev\xa9^\xb6\x00\xb0nr\x9f\xc9\xdd\x1b\xb2\xafG\xd7L\xd5N\xbfy\xe6 \xe0m*3\xb3\xec\xe1\xad\xab\x8cj[C7Y\xad\xdcI%GJ\xa4\x88\xa4\x98R\x9b\xc4A\xa9#\xf2\x00lDS;OR"\xb2\xbe\x1dl\x80e\xa3\xbb\x18O|q\xc7B\x00U\xb2\xc6s\xb0\x02\x19\xfe\xa6lQ\x7fiT8\xad\xfcT\x8f\xdaE\x01\xec[:\xce\xc1\xe2~6\xba\xd6P\x9d4\xd4\x96\xbd\xdb\xda\\\xd9\xb5\xf8\xc8\xea)\x1e\x9b\xd2\xb1\xf5\x9f\xf9\x83\xff\xa7\x9d\x0c@\xd94\xd1\x80wB\xeb\xf7\xea\xf2ny\x9a\x11\xff\xab*&gt;\xd2\xbaL6\xf6+&lt;\xdc.\xe1\xf1i\x00\xb5r\'\xbdsx\x8d\x83\xd9\xc6$\xc2\xcb\x8b\x0efH\x01\xe7U5Uz}\xe0)\x1f\x9f\xd9E\xb15\xc5\xa7[\x00\x16\x0f\xef\xf0\xf1\xf6!OWH\x13\x00\xba\x83D\xe3t\xac\x92W{&amp;\x1e\x95o\xaf\xf9\x83W\x97.\xed\\T\xda\xcc&gt;\x7f\xc9\x14\x91\x1f\x9d\xde\\9s\\\xc5n\xbe_\xa3\xd2\xc0s\xb3\xd5x~a;\x80t\xe1\x95\xcf:\xba1\xe1\x07\x80\x87\xa76U\xcf\x9eP\xf1l\xd2P\xd2\xc4\x00\xf2\xc5\xf9]|0\x8alM\x15\x8fN\xb9\xfa\\\x85\xd3K\x10\x96\x08\xaf.\xb9Qt\xbe\xb8\xbf?\xbf\xb0Cw\xd4X4\xc9_\xda\t\xc6v\xa8MD\x00\xd6L\xe8\xa9\x96Fw(pq\xfb\x02\xbd\x8a\xfc\xdc$P7\x02\xc2\xeb\xcb\x87WM\n\xbc\xcd\x1f\x80\xcc\xffh%\x98?\xb8\x8d\xf0\x99\x19w\xba^\'\x1fc\xe3\xf4\xfeG\xd7L1\x988y\x18*\x92\xf8\xafL\x9a\xb7T\x8e\xf6]uv\'\xd9Y\x8e\xad\x9bF\xfeM\x8cq\xcb\xabp*?9\xf5\x1f$\xee\xb7\x00\xb0\x06\xce\x8b\xe4\x8e\xe5\xee\xddW[\xe1\x19\xd2\xa2\xa2Ss\xb8\xeb\xfb\x96\x1b\xcf\'\x18\x11\xbe\xdc\xd5Hpf\xf3\x1c\xfbU\n\x1cd\x8cH\xb3\xfb\xb74\x92\x12\x1fn\x9e\xfcw\x86\xa9\xcc+d\x88\x85W\x97\xfb\xd4/a\xa9j^Cg@\x12D)\xa27\x10\xb3I\x04Wsw\x93_\xfc\xfb\'\x00\xbf\xd9\xcemX\xab\xca\x01f\x00\xc0\xc3S\x9b\xb4\xd7?Y\xfa?-\x15\xd7\xa4h:\xe1s\xdapDD\x16\x8c\xf6$\x93\x1b\xcb\x84\'"\xa2\xf4\xfe\x8f\x82\xd9E&lt;\xed\x05_!\x1f\xdd\r\x08\xedBC\x13\x01\x18\xd6\xb2\xb2\xc1Zq\x88\x88\x14\xe7\xc5\x99"\x12\x80\x9b\x07Vz\xbe&gt;\x8a\xb0}$\xbc\xba4\xb6C-\xdd\xc4\xd6\xde7\x0f\x13\x88\x8c\x92G\xb7\xab\xe9\xc9\xe2\xca\xa5\x8d1\xb4EE\xfb\xed5\x11\x15M\xf2W\xa6\x88DDWv/\xb1\x9f\x1b\x80~\rK\x8b\xbe&gt;\x02\x80\x8f\xb74.\x19\xd4\xac&lt;\x11\xedY&lt;\xfa\xd2\xceE\x92S\xffN\xedg\xaa\xf4ri\xa3\xdbq\xed\xb4C\xe6\x7f\x08x$98\xbdwSS\xe3\x8e\xdc1C\xabu\x03\xacY?\xb6Vg\x9b\xbaI\xd1\xf4,\xe5\x9a\x89=\x89hh\xcbJ\x1fn\x1d\x94\xa4\xd96w\xa8\x99J\xfdL\xa8\xf5\x9cGV+/ 4+\x9e\xe1\xce\x915\xf2\xab\x1e\x9e\xda\x84\x87~\x8es\xd3z5\xf1L\'Q%K&lt;"\x02&gt;V\xcd\x1a\xdfH\xfa\xa7g\xb7\xd6\xcd\x97\xc2x\xfe\xeb\xa7\xf4\xb5X3\xabt\xafU\xd8\xd7\x16\xac\xd4l3j\xe4H\xf4\xfc\xc2v7J\x8cA\xd4\xa8p\x9a\xeds\x87\xc9\x1b6\xf6\xaa\x7f\xba}\xd8N\xfe;\xe7\x8f\xb0s\xb96~c\xe0/w\xfe$\x8a\xab\x99\xb2]\x85\\\xf2\x85\x0ba\x10=\xb5gc\x00\xb1E\xc7\xfd&gt;|\xd5Z\xeb\x08t\\\xdc\xbe\x00_\xee\x10\xd1\xea\t=\xc4\xc7\xabf\x8do|2\x01\xa0p"\x9d\x19i\xe2\x10\x96\xeb\xc8\tH\x8f\xdaE\xbf\xde;&amp;?\xde\xbeRn\xf6\xe1\xdc\xd6yl\x0f\x10\x1fn4/\x99\xc9\xa3\x95\x0b\xe4\x0ckU\x19x\x7f\xfb\xf0\x9aZ\xb9\x92\x18I\x9f\xcc\xa1\xb9\xbc"\x05\xe2{G&gt;\x02x\xc6\xac\x15\x95N\xb1\xb1^\xaf[\x07Wi7\xaf\xde\x82\xd5p\xc9\x88\x8e\xd9\xa2\xe8\x8a\x8f(\xf0\xe4\xcc\x96\x1a9\x125/\x91\x89\x88v.\x18\x113`\xce\x0e\xd5\xf1\x07%\x92\xff\xb3s\xc1\x08V\xe7lQ\x7f\x010\xbes]\xc7K\xd1\x06\xc0\x99\xcds2\xca\xacfsDw\xcc\x90\x8a\xfd\xc0\x8c\x7f\xd3\xb7\xfb\'|m\x80\xe50\x9d\xab\x15p$\x9f&lt;\xb1\x94w\xc7*d\x88\xa5\xdb3\xc7$\x02\x905r\xf0\xc2\x89}}\xa1\xd8K\x029Z\x84#*\x9f&gt;f\n\xc3\x8b\x1d\x1e\x16\xf9\xf9|\xf7\xa8n\x1a\x00\xc07;\xa5\x00`3\x8f\x06\x05S\x87#\xaa\xe9\xdf\x1d\n\x03\xe4\x8f\xb7|\xcb\x86M\xa0v\xee\xa4\x00\xe6\r\xfa\xdf\xf5}\xcbu\x13/\x1b\xddY\xe3,\x80f\xc53\x9a*\xdd\xf2\x1el\x9b\xf29\xba\xd5,\xcc.\xd7u\x0e\xb0\x0f\x9e\x9eu\xbb\x08i\x89\xc0\xa3\xd3\x9b\xd4\xee\xcf\xad\x83\xab&lt;\\\x1f_g\xf1\xf0\x0e\x85\x12*\x98\x9c\xdd9\xb2\xd6\xc8C\x06 {T\xfdI\x97#K\xba\x16\xf8\x8dh\xdf\xd2\xb1D\x04\xbc\xda\xbfL\xcb\x1b\xc0\x15Y\x0cM2F$"*\x98 P\xecY\xa8b\xd3R\x00\xc0\xb0V\xd2]\xbbK;\x17\x99\xddf\xb4\x89A\xc3\xd8D\x01\xc7\xfa\x00\xea\x17H%\x9f\x9bU\xcc\x18[vL\x8b!-*\x9aZO\xaf\x9b7\xb9\xcd\xfb\xf3\xdf\xb1\xf5\x00\xac\xcc\\LR={B\x0f\x94b\x9c\xf77\x0f\x04\xee\x99\x81x\x1b\xca,\xf2\x96\xa6x\xb2\x88j\x89\xdbV\xc8\xc9f\xb8\x96\x8bs\x83=\x8bG\x9b\xfd\xff&amp;wo\xf8\x17\xd1\xb9\xad\xf3\xb4\x93\xb9mQ\'\xa1n\xbe\xe4\x00\xd2\xfc\x19\xe8\xb5\x19*f\x8c\r\xc0\xb2\xb16\x80\xa2I\x14\\i\xfd\x9a\xb7g\xe7\xec\xd5\xce\xa7\xb1\xdc\x12A\x84\xe5\xd2\x1b\xf8\x8b\x05\x95O\x1fs\xc1\x90\xb6\x96\xf3\xd1\xe6\xf4\xa6\xd99c\xf8\x90\xc5C\xcbRY&gt;\xdf=\xe2\xedZ\x04\x06j\xe5J\x02\xbc2\xfb\x84\x89}C\x92\xb8\xe3"9\xaamuW\xf2\xf58CZT$\xa2\x1a9\x13y\xbb"~,\x1b\xd5\xf9\xb6y\xe7R\xfb\xe3t\xc5\xc1/\xf0\x0c\xf8jD)\xd62\x8d\x8b(\xb8\x8e{\x92\xb4\xba\xbe^J\x00\xcf\xda\x94\xcb\xb1\x7f\xd9x\x07_\xafr\xe9b\\S_\xc8\xda&gt;w\x18\xf3~\x08\x02\xdb\xab\x00V\x8d\xef!\xfa\xfa\xde\x8b\x95q\x18g\xb7\xbfK\xa5\x8c\xec\xc998\xc7\xbb\x00\x8f\xd9\xdf}r\xc3L\x93\x17"G4\xae\xd2\xe29\xe4\xaf$\x1e\x9e\xc2\xcb\x8b\xec\xb8\xb5\x17V\xfb\xaa\xa0\xd4\x0e\xe0\xd1ia\xd15\xaa\xffO\x8b\xe6\xdd:9\xc2\xea\t=\xbe\xdc\xd3\xda\xb5\x03\x00\xdc7\x95\'\x80yz:*\x1aX\x11|\xb2M\x9d\xbc\xc9M\xa5\x07\xb0r\\w\x97*\x13\x888\xb9a&amp;{\x19\x9e\x9e\xdb\xe6\xed\xbax\x9a\x9d\xf3G\x14J\x18nJ\x8fF\xda\xc9\xe2\x11\x01\xb00\xaf\xfd\xef\xb8jH\x0c\x0b\xb4(\x95Y\xfc5&gt;\x11\x8b\x10\x05\xe0\xc6\x81\x15+\xc6vu\xb0,\x1f!*Q\xbe\xb8\xbf\xeb\xa73\x0f\xbe\xde\r"}\x9b\xc6\xcf\x00\xde\xec\x987\xdc\xacYq\x8d\x9c\x89m\xae3&amp;\rE\x97v,\xb4v\xadeT\xf74d\xec\x98?\xbcS\x95|\x81tt\x93\xdei\xe7\xdf6\xe5s\x04\xc6\xfb\xe0\x14\x05\x13\xfc\t&lt;1\xb7u\xebKd\x8a(u\xe8)\x9b6:\x9e\x9c\xb1\x90\x95}\tw1vv\x80\xe7\x0fi\xa3\x9fH\x05\x83r\'be\xe2@F\xdf\x06F\xc3\n\xae\x1c\xd7\x8d5s=j\x175UD\xf6h!\x82j\xa3\x10\xc5\xff\x06&gt;:\xbd\xc9\x97\'\x80x\xe2i+:\xef\xb2\x7f\xd9\xb8\xacQ\x82{\xbe\\\xa6\xff\xb3s\x81\x8b\x8ecf\xb1\xf9\xea\xcd\xee\xd7B.\xd3T)S\x1c\xed\xabt\xdd\xac\x14\xa9_ \x95\xefHb\xf7o\\\x86\x88b\x13\x01\xf8t\xe7\xf0\x8ey\xc3\x01\xbc\xba\xbc\xcb\xcb\xd5r\x1c\xb9?\x85\x1aj6\x03\x93\xba50Ub\xed&lt;\xc9|\xbf?\x98\xd0\xa5\x9e\x91d\xde\xf1\xa9\xf7\x12\x00V\xab\xcb1\xfa\x14\x96\'d\x1ab\x0f\x8aVFA\x1ev\'\xf3\xc4\x0e\xd3\xa2dfr9\x1e\xd6\x94\x1e\x8d\xd8\x06\xa4F\xefqj\xe3,Y\r\xdfhgk\xa7\xb5i_1w`7\xb0v\x8c\x99}\x9b\xe1\xc5\x05\xc9\xab\xd5\xb7A\xa9j*\xea\xb8j\xcc\xea\xd7\xc2\xeb\x1d\x00\x9b\xd9\t\x86e\xf29\xbb!\xa5\x08\x9fg\xb1\xa3\xd6\xb7\x07WL\xec\\-\xbf\xc1\xc4KGvr\xb0h\xe34*\x94f\xed\xa4^%SZT\n\xef\xdb\xb0Tt\xa2\x02\xf1\xff\xac\x96-\x81\x93Q\xad}\x92Ow\xcc)d\x84\xf7\xff\xa0\x183\xc3&gt;F\x02\t\xac\x1aoe\xa7M\xec\x9ds`\xb9\xa1\xe0n\x8c4?s\xe3_,\xa9t%&lt;B\xc0\xb1U\xe5\xccq\xf1\xfe\xba5\xfb\xdc\x95\xe3\xbaY\xae\x18\xf0\xaag\x1ds\xcbP\x02M\x8b\xa5\x07\xf0\xf5\xde\xb1r\xe9b\x94M\xa3\xbcl\xf3\x07Q\xa3\xc2i-\x07\xca\x98\xe2\x1f&gt;\xc9%B\x12i\xebyy\xd8\x17\xc1&gt;%-\x85v\x92\x93-\xea/\xefo\x1c\xd0\xdeb\xdd\xbdh\x94\xe2\xf1!-*n\x9b;\x14\xc0\xb2\xd1]\xd8C\x1eE%\x87\\1\xa4&gt;[O\xcfm3k5\xe0\x0b\x98\x1a\x87\xb1\xed\xd3\xf2\xe9c\xea\xa6\x14\xb8q`\xc5\xb5\xbd\xcb$\xff\x85\x9d]\'kS\xb0\x02\xf1\xff\x14\xf7X\x92_\x9d\xd2\x86s\xa9O\xf9\xa6\x99C\xb7\xd5\xae\x9aMy\x10\x1c\\$/U%K&lt;\x97v\xd5\x8d0\xf2\x7f\xd5\xac]\xa8\xf1\xdc/\x1f\xd3\x85\x88b\x11\xf5kT\xda\x88k\xbe"\xae\xae&gt;\xe3\xe5\xc5&amp;E\xd3\x01\xa8\x90\xc1\x9c\xd31\x00y\xcbe\x84\xa4\xa1\xf4g\xd9&gt;\xc2\xcc&gt;\xcd\x00\x00o\xd5\x12DV\x91 N\x18\x9c\xfe$j]6\xdb\xab\xcb\xbb\x0b\'\x8e\x80w\xd74F\x18\xefo\x1c\x90\x1c\xf1e\xf3U\xb5\x06\xf7\xda\xdee\x00\x8c\x1b;\x88\x01`&amp;\xe6\xe3\x0ftc\xbf\x08\xcc\xee\xdf\xd2U\xb3:\xf1l\xc3\x11\xc3\xf7\x0e\x95\xf38\x90\x8b\xc7x~a\x87#\xf9\xe4\x8d\xed-u\x06g\x08F4\xb2M\xb5\xfb\'\xfe\x9d\xde\xab\t\x89\xb4\xd2\xf0\xfa2^]J\x16\x9a|mk\xf7\xe8\x9a)xu)\x8f\x0b\xb7}v\xff\x96\xc0w\xf9q\xe0]\x177\xdd\x8cc\xfb7\xca\x87V*\x07\x1d\xda\xb5`$\xfbpm\xef2\xed\xacJ\xa7\x8e\xaa;\xaa\xd5\xb0I\x0bE\x84\xe7\xe7\x1f\x9f\xd9rd\xf5d\xf9\xd9\xba\xfec|m\xd1\xb1\xee\xb5\x8ahW\xc0\x14\xaeF\xa2\x06`\xb0\xed\x93jW|\xbc9\xa3O3\x0b%f2\xd3\xe1\xa4p3\xec:\x80\xdfE\x9f\x85\xe3\xffN\xed\x87\xafw\xcb\xa6\x8d\xfe\'Q\xe9\xd4Qc\x10\x89\x1d\xbe8V\xd81\x7fx\xed&lt;\xc9\x0e\xae0\xb1\xf4\xe66\xa9\xfe\xf0{\xa6o\x1d\\\x05\x7f\xc3\xf5\x10D\x19\xfc\x07(\'7\xcc&lt;\xben\x9av&amp;\x00\x1a\x15N\xeb\xe1\xfd\x8c\xce\xd5\xf2\x7f\xbe{D&gt;\xf8\xb7\xef&amp;\xbfy\xe6 \xf6[\xea\xe7Oi;\xb3\x00\xcc\xee\xdfr\xed\xa4\xde\xdai&lt;\xe3\xe8\x9f\xea\x0f\xad\xfd\xe1\xd8D\xf5\xf3\xa7\x1c\xd3^+n\x01\xf0T\xb7\x14\x13\xab$2$\r\xeb\xd2\x91\x9d\x00\x14\x88\x1f\x96\xb5Vo\xaf\xef\xb3\x91\xb7*\xbf\x12\xc5\xf0\xc8z\xb7\x9a\xcfr,"\xb33Z\x9b\x88\xc3\xd6\x03\x08F\xb4s\xfe\x88\xbf\x89\x1e\x9c\xdc\xc8\x9e\x90\x04\xc1\xa9l\xda\xe8\xec\xb3\xd7V9\x02;\xcc\x05\x7f\xed\xc4^\xe1\x88\x80\x87\xc2q\xc7\x05);U\xc9g\xf6\x92?\xcd\xc7"\x97\x00\xa0E\xa9\xcc\xc0WG\xe2\x84\xf8\x02ntf\xc2\x88\xbbH\xe2\x00\xd3\x7f\xe3\xb1\x15\x15\xe9S\xdf\xa8\xf9\xb2\x98\xfe\x8d\xcb(v\x00\x8d\n\xa7!\xa2\x13&amp;\x03\xde\xb9\xc1\xd9-s\xf1\xed\x9e8\n\x05\xde]k[!\xa78\x8dWl(\xba\xd7*\xecR\xcec;\xd4bJ\x8b\xde\x82=\x12B\xe7T\xbf@\xaa\x94\xbf\x078\x15\x04\xb4+&lt;G\xf20$Dz!\x95(n\x8fOo\xf6X}\xdc\x03\xc0\xe2\x11\x1d\xf6.\x1e\x03`d\x1b\x8b\x1b\x12\xde\x02\xf8:\xd9\xe4f5\x9e\x9f\xcf\xfc\x8f\x95\xf5n\x00\xf8\xfe\xdf\xbb\xeb\xfb\xd9\xd7\xf4\x11hB\xe7\xba\x00L\x85\xa6jR4\xdd\xb1\xb5\xd3X\xe9k\'\xf5\xde\xbbd\x8cf\x89\x9f\x81\xaf\x92\x83}\xea\x97T[\xffaG\x9a\x14Mo\xbc&gt;\x06Q\x1c\xeah\xccBb\x10\x8d\xef\\7O\xec0\xbef\x83d\xd9\xb2V\x83|q|}lmMg\xe9\xa7\xe6\xe2\x8e\x85\xe2\xed\xe36\xe5s\xb4,\x95\xc5k\xb5\xf1\x08\xbf\x12m\x9d=\xc4\xbd\xfc%\x9e8\x9d\xaa\xe4\xc3\xdb\xab\xf6\xb3\xd5\xd6\xb5\x96s`\xf9\xf8\x90N(r\xffE\xf4\xdf\xf1\xf5[g\x0f9\xb0||\xc3Bi\x8c\\rc\xff\x8a/w\x8f\xb2\x05\xebC+\'\xe2\xcb\x1d\xb5\xb6#k\x94\xe0C[T\x04\xa0\x18\xc6\xabT\xaa(x\x7f]|\x84=\xab\x00J\xa7R\xb3\xfa\xb1\xc5\x92\x11\x1d\xf7-\x19+\x19\x1f\x00\x9fw-\x1c)|eK/\x13\x03\xba\x9e\x00\xef\xdc\xa8\x8f5\x00\x1c^\xa5\xbcCc\xecrig,dk-C\xe3v\xa8\x03\x9a\x94\xad\x9b/\xb9\x86]\x80A\x00\xf8`,\x10\x8e&gt;\xf8x\xd33\xc3\xf3\xf4\x1e\tf\x93\xf2w:\xbcj\xb2Sc1\x0f[9\x0b\xfe\x16\xf5\x0b\xa4\xca\x1e-\x04\x11%\rEk&amp;\xf62x9\x806\xe5rh\x0fE\x83\xf9\xa5|\xaf\x91F\xbe\xf4g\xd9\xacE\x17V\xe1ms\xa41f\x01\x9c\xde4[\xf8\xdc\xb2T\x967W\xf7ZV\xc3v\x8f\x8b;\x16\x12Q\xd5\xac\xf1\x9b\x14M\xdf\xa5\xba\xc5\xe0Q\x00\x864\xaf(9\xb8|L\x17\xcb\x8fq\x99\xd4\xd1\x8a\'3(\xd3 \xaf\xcc;"R\x0c^\xc2q\x80\x02\xf1\xfft|\xb9\xf0\xd1\xe9Mj\xa7\xf0\xe6\n^]v\xb68k\xe4\x8d\xfd\xdb\xe9\x8d\xb3\x88\xc8Hd\x1bk\xb0v\r\xc0\xd15S\xad\x19\xf0I\x18\xdb\xa1V\xa9\x94\x91__\xd9\xe3Df\xe6\xb0\x10h\x17\x00\xf0\xe6\xbc^H\x06!\xb1\xf1(i\xdf\x1f\x9c0[\x19]L\x8d\x07\xb6\xcc\x1el\xa1\x08\x0f\xb8{\xbc\xbb\xb1\x9f4M\xa7\x8c\xd0%`\xd8\xc1\xc9\xdd\x1b\x02\xb0 `\x9e\xd4\xcd\x80\xa6\x16\xe8\xdf\xb8\x0c\xbe\xff\xe7\xedZ\xfc\xf4\x8c\xefT\xc7\xdbU\xf0\xa3r\xe6\xb8m+\xe44.\xaf$`Po\xcb\xff5\xb4&gt;\x9f\xcd\x1f\xef\x0f"\xfa\x85hd\x9bj\x82\xd5\x87W6\x15\x01\x9c\xde8\x1b\x0fO\rjZ\x9e\x88:U\xd5\xd9\xc6\x7fv~\xbb\x85z~\xb9w\x8ci\x18x\x92,\x91\x82\x1d_?\xbdk\x8d\x82\x99\xff\xa1*Y\x14w\xc1\x9c\xc4f4M#l\x9a1\x10\x80\xae]\x1c\x11\x1d\\1Q\xe3l\xdap\xd4\xb4X\x06\x00\xd6\x94M\x0b\'\n\xbfph;\x0b\x17\xca\x01 \xd78RD&lt;\xd1\xe8\x18\xd0\xd8\xa4T\xaa(n\x9a\xaa\x06E\xe4f\xf5\xacI\xb2\x86\xc5I\xa0k\\\xd86\x7f\xf3\xccA\xe2#l]Y\xd7.p\xf3\xacAzI\xec\x02\xe0\xcd\xd5=\x00\xa2\xfa\x7f\x8d,:\xf5\xbf\xb2\xd9\xd5/T\xf5\x02\xdb\xb3h\xb4\xe5\xfa\x1c]3\x85\xfd\xf1l#\xf8\xd8Z\xfd\xb8\xb2\x16T6\xa3\x10\xe1\xd3m\x0b\xcf\x98\xe2\xe4\xc1\xec\x8aY\xa9TQ,/\x9bx\x00\xe3\xf3\x9e\x89]\xea\xbd\xb9\xba\xd7H\xca\xa9zj\xd8v(\x95*\x8a8\x8eS\xe1D\xe1\xdd\xae\xcf\xfa\xc9}:U5*\x7f\xf2S\x13\x85\xc8\x88J\xe8\xd0\x16\x15?\xdd9\x0c&lt;s\xc4\xf0kH\x8b\x8a\x00\xaaf\xf5\xa8r\x8f\xa2I{\xa9\x94\x91\x89("\xd1\xb4\x9e\x8d\xe5g\xf1\xfc\xfc\x8d\xfd+\x14\xbb\xab\x85C\xdbI\xf4\xad\xdc3\xff\xa8\x99+\x89`k-\x96\x83?\xbenz\xd7\x1a\xaa\xae^\x1d\xcd\x9b\xd8\xea\xc2\xe2\xc6|\xb8u\x90}\rk\xcc\xc8\xc4\x9a\xc3-\xf0`\xee\xc0V)\r\xdb\x9b\x14I\x1c\x81U\xc6\xa0\xdcH\x9br9\xd4NE$\x02\xe0]\xad`\xa6\xec/\x96F*\x10\xdf\xe2\xd6O\t\x99bG\xeeX\xa1\x8f\xaf\x9f\xee\xf98\xd8\x0c\x8d\x87V\xc0H\xe3P#gb\xb5Y5\x00\xe0\xb58\x1e\xb1K{E\x81\x98\xdc\xb1B\x03\xf7W\x8d\xebn\xca\x93Gp\xef\xb4C\xdf\x06%\x01\xcc\xee\xdf\xd2~V\x8a\xa42\xffo\xab\xb5b\xc6G\x82\x9e16`3\x95\xbcq\xbc\xe0\xc8\x9d9\x12{\xaf^\x8agK\xefn\xec\xc7\xc7\x9b\xc2\xd7\x94\xbf\x93\xf8\xab\xc7\xc8\x1b\xfb\xb7\x8c\x7fS\x8d\x1c\x89\xd6O\xe9k\xf0\x92\x05C\xda6+\x9eQ\xf1\xd4\xe4n\rV\x8d\xef.~$LY\xbe\x1aAlM\xa4\x81K\x1e\x1e\x83\x9b\x95\xaf\x97?%\x05T\xc5I\xee\xbf\xb42\xba]\r\xb3\x19\x8a\xbf\x86&amp;b\x96\xcag\xb7\xccUL\xbf~J\x1fGv\xc2\xb4\xab\xc4\xb6\xe8\xd9\xd7\xe7\x17\xb6O\xef\xdd\xd4\xe52\xbd\xc7\xd7\xff\x8eY\xb8*\x06\x11^\xfb\xc46\xacq\x11\xb4b\xc9"\xda4\x80\tG\xf4\xe0\xe4F\xc9\xc1r\xe9b\xa8Y\xbc9BP\n\xb3eD\x87\xdc)+\xecHDxs\xc5`b\x00\xccB\xc9&gt;\xa5SG\x8d\xa82et\x90f\xc53\xea\xceo\x9c7\xe1\x8f\xfb;\x80\xdb\x87Vk\xe4\xbcw\xc9\x18\x00\xc6cQ\xa8\xcd\x02\x01T\xcb.\x95\xa1\xf6\xdb\x0e\xf3\xdf&lt;sC\xa9\x9f)\x8b@\xa4-\xd8\xacx\x06\xf2\xbd\x95g\xc7\xd0v\xd0\x8dB\xd4\xb7A)\xf1\x11\xf6o\xed\\0B\xe3!\x00`a\x1cm\x8a7W\xf7n\x9f+5\xb3\xd3\xa6}\xa5&lt;\xd6^\t\xe1\xb7\x9c\xdf6_\x9e\xc3\x80\xc6e\xc7v\xa8e&lt;7&lt;&lt;%&lt;\xf4xzN7=\x8b\xff\x1e\xf4\x90\x1b\xccT7\xac1n\xe4\x7f|zn\xdb\x9e\xc5\xa3\xcd\xd5\xc9\tf\xf5k\x11\x9d\xe8\xc8\x9a)j\t\x129\xd1\xd1\xd84\xd1\xb1F\x8e\xe8!\x01\xbc\xba\xb2[\xb1\xdc\x04\xc1\x84\xba\xbdP\xcb\xa1l\xda\xe8\x92#E\x93\xfe\xad\xf8C\xd4D7\xf1\xe9V\xab\xd2Y\x88\xa8_\xa3\xd26\x7f~L\xa21\xedk\xcac\xbb\xb30\x99A\x16\xe3.Z\xa76\xce\xca\x11=d\x1c\xa2\xb8\xfeG\x9e_\xd8\xc1n\xfa\xf6y\xc3\x80\xe7\xa5T\xfchB\x11\xa9\x99\xe1\xc3\xa4/\xa8\x1a\xc0w\x00f\x158\xeb\xe4Mf\xa9,\xbf\xe7l\xfd\x94\xbe\xf2gn\xf9\x18s\x91Tk\xfa\xc7\xcb\xd4+\xf4\xa3\x07\x8cI\x9c\xa2eis~\x7f\xe1\xfc\xefj\xf3\x12\x99\x14\x1d\xdc\xfe zw}\x7f\xfex&gt;\xea\x88\xc3\x9a\xc2-\xeeo\xe3\xab\xb1lt\x17o\x15m\x99lQ~\x19\xdf\xb9\xae\xe4 {\x17\xb6\xce\x91\xfaT\xae\x1c\xab#\x1d\xbfq\xfa\x00G\xfa\xbf\xa5\xa3:\x0fh\\\xd6\xecU?\x85\xb70\xde]\x93\x1e\xc1}f\xb9Q-[\x82=\x8bG\x8b\x9b\xff_\x88\x80\xcf\xaf\xae\xecf_[\x94\xca\x1c\x8c\xacP(axK\xd7\x19B\xfe\xc4\x18y\x86\x844\x952\xc5\x01P3g\xe2s*\x0b\x94\xd3{7U\xcbp\xb2(\x86\xda\xe2\xe1\x1dt\x0b\xad\x91\xc3\xb4\xc54y\xc9:\x16\x80A;}1\xbd\xeb\x95 \xf5\x9f\xc9\x84\x8b\x17\rko\xb3bv.\xd7\xe0\xc2\xf6\x05\xff\x1d\xff\xd7G*\x13\xc40\xe8\xaeU={B#\xab\x0c\x05\xe2\xab\x8e!\x84\xd8\'\xdf\x1f\x9c\x18\xd7\xb1\xb6\xa1\xca\xfdT\\0\xe3\xa3\xc8z\xf2\x97\x97v\xb9V\x1dWX6\xaa\xb3v\x82?E\x1e\xe1\xfd\x1a\x96\x02\x80\xd7\x97\xd5\x16\x04K\xa5\x8a\xa28\xba\x07\xe0\xac\xff\xad\xc4\x16"}\x84\x00Bi!\x89\xb2F\t\x1e\x86h\x89\xa3\xd1\xc1\xd4\x00P1\xa3\xf3A\xd1\xd5vY\r\xe2\xd4\n\x89Z\x08-\xb7C\x00q\x1cAx\x06\xc2\xc9\xfa`6\x04\t\xfahK\x99\xab\xd1\xb3N1S\xe9\xbf\xfew\x9c\xbdr\xc6m\xef\xacq~\xdb|w\x0b \x02\xf0\xc8_\xbanF\xef\xa6\x00\x84q\xc4\xd6\xd9\x83\x9f_\xd8.Vj\xac\x993\xb1\xdb\xf5Q\x84M\x9c\xd7L\xecI2#\xa2\xe0Dll\xb3y\xe6 \xb6\x16\xf7\x07Q\x95,\xf1&lt;p\xeb\x0c\xe2\x01\x1b^\x00\r\n\xa6v/\x7f\xc7m{\xd4X:\xaa\xf3\x9c\x01-\xc7\xb4\xaf\xe9\x83\xfa\x94\xba]\xacZ0\x00\x00_\xff;\xee|\x85\xfc\x97\x86n\x1d\\\xe5F\xe6\x81\x12\xe0\xa1\xa2\xf5E\x96H\xd6\x16i\xb4\xd84s\xa0A\x1b5\xcb\x08\xd6\xcd6\xc3u\xd7\xcf\x9f\xd2[\xb6\xcc\x8e\x10\x9c(uX:\xb8b\x82\x9aDZL\xd1(\x18O\xce\xa4\x0b\xefVM$\xa1x\x97\x8d\xee\x0c\xa0\x91\xba\xe2[\x9e\xd8\x9ep\xa5l\\$\x9d\xfc\xa0\x10\xd8\xce\x03\x00\xef\x9cR1h^2\x93C9y\x14m;\x11\xed\xce\xe3\xe6\x81\x95n\x94k9\xe5OJr\x93\xca#\xa3\xdaV\xaf\x96\xcd\xcfx+\xa2\x92\x17\x0f\x00\x83\x12(s\x07\xb6f\x11\xbb\xd4\xb0\xf9\xe7y\xde\x88\xc2&amp;\x00\x9e\x9d\xdf.;\xf8Q-\xaaF\xffF\xa5\x01\xac\x9f\xd2\x87\x94B=\xdb$\x82H\xf4[b\'FD\xefo\x1eX5\xbe\x87\xdcB \x1a\x11\x80\x9d\xf3\x87;[\x19E\xe4\x7fn\xfbJ\xb9=P\xae\xc0\x8d\xfd+t\x17\x18\xb5y\x7f\xe3\xc0\xdaI\xbd\xcd\x86q\xb7\x8fKS\x8d\xads\x86L\xf3\x7f\xa3\x01\xb8j&lt;m\x10\xf1C\x02\xbclU:+\xfb|\xff\xf8\xbf\x8a\x03\x08\x8e2\x00\x0e\xad\xd4\xd2\x03\x89C\x94\'v\x18\xd6\xe6\xbe\xb8\xb8#[TC\xa1\x95\xb5MT\xb3E\xb1\x1b\x9f\x19x.\x96\x98\xf7\x91(\xb8j\xa6?\x8f\xcfl\x06\xb0\xc3p\xeb\x89\xd7\x97\x01\xd8\x9c\'\x89Q\xebC4\xc2\xbcH\xbcH\x05\x87[I\xb2\x90D1\x88\xe4\xa6 v\x00\x9e\xd9\xcf\xc4\xec\xdd\xbb}x\x8dq\xa1Sm\x04C\xcf3\x9b\xe7\x08\x07\xdf\xdd\xd8\x1f\xb8F-\x1a\x18\xf9!\xc2v\xf0\x04\x99\xf9\x90\x13\x15\xf8"\xfe:\xb2M\xf5\xa3\xfe\xda$\xac\x99r\xbc\xc4\xa0\xc9\xa9\x8d\xb3\xd8\x93*\x99-\x84\x0b\xa8(P={\xc2s[\xe6\x8dnW\xc3\xa9\xa17\x80\xd5\x0e\x85\xee\x14\xa4r\x84\xe9\x8b5\x0e,\x1fo\xf3\xd7\xbd\xb9\xbaW\xe3\xf2.\xd5\x0b\x1a\r\xb0\xed&gt;\x00\xc4\xc2,F~\xf5\x91\xd5\x93\x85vMrjz\xaf&amp;\x92\x17\xd2\x0e\xc2\xc8\xa1x2\x8bS\x9f\xf6\x95r\xb3z\x9a\xda\xe3\x01^9\xd5@\x17O\xae`j\xd0\xaeB.#\xbb\xedR\xf5\x86\x80\xe4\x8e\xe9\xae\xa2h\xa3\xc2i\'\x04\x8cs`\x13\xbc\xb9\xe2\x86\xdcP\x90\xe9J=D\xaf\xba\xaa\xdb\xc2\x00z\xd7+.;\xf8]\xdb\x8a\x1b\x0fNj\x9e\xd7\xbc\x96\xcd!-\xb91\xcb\xf9w\xaaQ\r\x009w\x8f\xace\x1f\x1a\x14H\x05\xe0\xc0\xb2\xf1\x162\tI\xc4\x82\x93\xfc;\xb5_`y.\xaduu\xb7\x0e\xad\x06\x90P6y\xfb\xdd\'_H51\x8fXD\x00\x14\xbd`\x00\xe4r\xb9\x85UdH\xf3\n\xecC=QhIE\x00T\xce\x1cW;\x8d\x1d\x92\xfc\xea7\x12r*\xc3\xf9\x83\xdb$\xb2;\xdbW\x00//:\x9fiPe\xc3\xb4\xfe\x00\xaa*\r\x90\x01x^\xae\x80\xb5&gt;C[V\xb2\x9c\x83\xb0f\x15\x91H&lt;\xcb6U\x07Qe^\x00\x98\xaa\xa4\ng*\xab\x07\'7\x88\xdf\x9c\xc4&gt;h\xf9\xe1\x8f\xcd\xe8\xcar\xb4U\x85}\x8aE\xc3\xdb\xbf\xba\xbc[\xb1UZ:\xaa\xb3{=Y\xe5\xccq?\xde&gt;\xa4xJc\xe9Ib\x12\xd3\xafa)a\xb1\xdbH\x89\xc6\xab\'\xe6\xd0\xca\x89\xde2\x90\xe3\x98C\xee\x9f\xad\xc8?D\x8bGH=\x98XCl\xd3a\xc7,\xe2e\x04\xb1\xea\xb2nP\x1a\xc1\x12&amp;.\x11\x80)=\x1a\x15M\xf2W\x994\xd1\xec\x87sq\xea\x9d\xc7\xfb\xeb\x8d\r\x87\xbe\xd3\xc0wV\x8a\xccb\xb6\xc5\xc9\xe0\xd0O\xd5\xfe\x07\xbb\xd6\x08\xa0\xee\x995J\xf0\x83+&amp;8S\xb0a2\xfeM\x00\x8e\xaa\x8bL\x08$\xd34?\x02\xe0\xc8\x06\x89\x11\xb6\xcf\x1d\xe6\x99\x82$$\x0cND\x94+\xa6-;\xac\xa2I\xfe\xaa\x9e=\xe1\xdbk\xfb\x9c\xa9\x93\xcf\xd2\xafai\xf1\xd7\xb9\x03[\xab\xa5\x1c\xde\xba\x8a\xe4\x08\xf0\x12\xc0\xe1U\x935\xf2\x07\x1e\xe1\xddu\x8d\x04f\x01&gt;\xe8\xae?,\x18\xdaVv\x95\xd1%\x8b\xb3[\xe6z\xd2^\xd0m\xd8\x0fO\xf5\x87\xdd\x90x\x12\xbbw\xbc\xbc\xa8k\x0b_&gt;}L"*\x9c(\xc2\x1d\xff\x852S\x00O\xd5\xfe2\xa1\x15\x93[F\xd9\xe7\xeb\x7f\xc7\rn\xff&gt;\xbf\xb0\x83\x88\x9a\x16\xcb`0g\x9b\x06\xb0\x05\xe2\x87\x15\x9c\xed\x15\xf9wj\xdf\x0e\x95\xf3hg\x12\xca#\xabm\xae\xdaXO\xee\xdeP\xec\x8b#\'"\xd1\x88\xffU-\x96\xd4\xba\rD\xbd|)\x0e\xad\x9c$&gt;\xc2\x02\xa5\x05\x11:W+ &lt;\x047\xf6\xaf\x10\x9f2\xfep\x00\xcf\xf1\xe6\n\x00\xe0\xa9b\x82\xe1\xad\xab\x00\x00&gt;\x18\xc9\x8d\x89\x14/\x1d\xd5\xc9H\xe2\xe2\xc9\xff1\xfb\x10\x8fi_\xd3`J|\xbc\xf9\xfc\x82\xf3\xcd\x8a\x1b\x88wY\xf6-\r\x10\xf0\x9d\x99\xe7\xe3\xc3\r\xff\xf9\xd23y\xff\xad\xc6\xb7\xfb\'\x98\xae\xaf\xf8&amp;w\xaf\x19`\x82e&lt;\xa2z\xed\xdcI\xad)\xa0\x01\x90\xd8\x83\x03\x00\xbe\xbf\xba\xbc[\xe8\xce\xb57y%B\xbe\x8e\xaf\xa8\x99\x15A\xb2\x06\x80w7\x0e0\xb7\x9d\x81M\xb4\x84k\xc2\xfb\x7f\x88\xa2\xf9"\xf7\xaeW"h\xaf\xcf\x00\xb0\xb3\xb1GDE\x12\x07\xdeY\xb4;\xe4\x8a\x19\xaa`\x82?\xdbU\xcc%\x1c\x01py\xd7b\x00\x1fo)\xafK\x9e\xdc0\x13\xc0w\xa5\xcd\xde\x84\x01\x85\xdcj\xe5Jb0D\xa2\x11\x14\x8dy\x00\xdc=\x1a`\x1cZ\xd2?\xd8\xc5\xaf\xce\xad$x\x8c_\x88\xde^\xdb\x87G\xa7\x85#r\xd5\xf2\x16%3\x03\x18\xf1\xbf\xaa\x16\x84\x1a"\xeb%\xf0\xae\x16\xc2\xa4\xae\xf5\xdd\x1b\xc6\n#z6\x83\xf1:Q\x88\x80\xb7\x00B\x12\x01\xb0\xefI\xc7\xa4\x96\x1c\xa9\x9b\x17\xd1\x10 aS^#\xf2\xe3\x1c\x1d\x80\x87\xcc2}\xdb\xdc\xa1\xfb\x96\x8e\x93lQ\x02\xdf\xfb7*=\xab_\x0b\x92\xb9}\xfdJ\xf4\xec\xfc\xb6\x17\x17w\xde;\xa6\x1c\x0b4_\xdc\x00jN\xf8|\xdb\xd9\x9a\xcb\x91\x04A\x04\x80/wX\xcb_;wR\x07\xcd\x105\xc8\x129\x80\x03\xb6\xe5X`~\xc2\xeb\xa2\xbfC\x08\x84T9s\\#\x9e\x16\xb7\x0f\xad\xb6Z8\xfd\xa2\xb9T\xe8y\xd28\xaa\xb5\x14\x9d(]xJ\xff\x17\xb5.\x93\xcd\xc9|m\xf0\xef\xd4~\xc0\x03"\xd2\x8ej\xbbaZ\xbf\'g\xb7\xea\xe6vn\xeb\xbc\xbaz\xc6B&gt;\xc2\xa8\xb65\x88\xe8\xee\xd1u\x92\xe3\xff\x1d\xffW\xc3\xf6\x04@\xfc`\xb4m\xceP\xddq\x8c\x1a\xc6cg\x06q\xae\xed]\xa6qvp\xb3\xf2\xc2g\x00\xc0;\xe1\xeb\xa7;G\x84\xddZ\xdf\x0c\xa7\xc0\xea&amp;,\x8cd\x8aHv\xcc\x8a\xd2\x86\x97Nk\x14\xd1\x88\xc4k\x96\xa6\xc5\xd2\x03Pt\x973\xfb\xdc[\xf8\xe16]%\x93\x98\n&amp;\xe7\x1c\xc9\xc3\x10\x00\xed\xa0h\r\n\xa6\xfap\xf3 \x00y\xbb\xa3A\xef\xfa&gt;!.&amp;\x896*\x01o\xae&amp;\x0bm+(w\x80\xdc\xf0Pc\xa0\xd1\xb8H\xba\xaaY\xe3\xa7\xb0\x1a\x80Nl\x02\xf7\xfe\xe6\x01\xdd\xf4\xf2\xd8Prc\xa7\x95c\xbb\x19\x9c\xfa\x00\x98\xd1\xa7\x99\x91\x94A\x99[\x07W%\xfa\x85~%\x12{\xcc\xaaqf\xd3l\xbc\xbd&amp;^fm\\$\xdd\x82!m\xd5V\x81\xbcN\xed&lt;N\x1a2\xf6mPJ\xfb\xbdZ:\xaa\xf3\xafDx}Yl\x9a\xf0\xfe\xe6\x81~\x8dJ\xab^c\x18\x03\xd6\xdf\x8f\xd9\x14a\\\xc7\xda\x82j\xb4\xc8\x92Uy\x17G3C\xb4*\x9du\xc1\x10\xe9f\xbb\x8f\xd3\xb0P\x1aa\\\xa2f\xbc\xb0ph;r\xdfa\xca+hl\xaa\x13\xd1\xba\xc9\xbd\xc5b\x8e\x1d*\xe5\xd1\xce-*Q\xd6\xc8\xaa\xa3\x9elQ~\x01&gt;\xc3\x80;z\x9a?\xa9E\xa9\xcc\x8fOo\xb6\xbc0\xd5\xa2df\x83\xfbL\x92x/\r\n\xa6\xb2\xbc\xfc\x0b@M\x88\xe5\xa7\x03\xef\xaf\xb3\x97J&lt;"\x80\x08\xd5\x0b\xdd_\x8bL\x16\xca\xc5Rr\xc6\xf0\x1b\xcan\x99=8&lt;\x11\x11%\x0eI=j\x17\x95\xac?\n-\xacS\xa1\x07\x05N\xfc;C\xdbt\x92\xfdv\x007\xf6\xaf(\x93:*\x80\xd3\x1bg\x13Q\x86\xbf\x08\x00\x0bm\xb1xx\x07\xf6\x16\x18\x1f\x97\x03\xc0\xd3s\x1e3(t\n\xff\xe7\xf13\x80e\xa3U\xb5z\xa6\xf7n\n\xbc\xf4`\xbd\xc8lt##\x00\x0f\xfb\x9b\x1c^\xd4\xc8\x91hJ\xf7\x86\xccK\x06\xfeB\xe8\x1a\xa8M\xee\xd9D$SD:\xa7\x19+\x02@\xd5l\tz\xd5+.\xbcG\x9ed\xdd\xe4&gt;x{\xcd\xf2d\x14\xef\xaeY\x8b\xdb\x11\x04\xc1\xe7\xdb\x00\xce\x06\xf4\xa8\x12Z\x7fkNCL\xeb\x98\x88\xa6\xf7j"W\x1c\xb3\xc9\xbaI\xbd\xc5J\x06\x96\x91\x0c\xbd\xf1\xfa\xf2\xfd\x13\x1b\\\x15"\xf6+\x08P\x1c\xb8\xc8m\x9f\x7ft\xc2\x1fnn\x9d=D\x1c\xe7G\x08MS6\x8d\x9f/\x083\xaa\x11v&amp;\xf2\xaaH\x8d\x92\x9f\xa1E?Ku\'\xd2T\x10R.\xee\xfd\r#\xbb\x0e\xd9\xa3\x858\xb2z\n\x1e\x9e*\x9cH\x1et\x92\xc8\xffn\xac\x9d\xd8k\xd1\xb0\xf6\xda\xc3\x82\xbcq\xac.^X\xc2\x05_W"\xa2\x0e\x95\xf3\xba\x93\xb1c\xdc:\xb4:\xd1/\x04\x93\xaa\x1bN\x11\x8c\xa8u\x99l\xe2\xe0\x86KFt\x0c\xef\xf9z\x04v\xb6\xcf\x1b\xb6M\x16\xa4\x17\x8fNi\x0f\xff\r\x02@\xf9m\xb6\x8a8&gt;\x97M\xe4\x15\xc3\xdb\xab\xeeM8&gt;\xdf=\x92-\xca/\x8awc\xde\xa0\xd6\x97w.\x92\x1c\x0c+\xea\x006\xcd\x18\x18\x8c(&lt;Q\xe5\xccq\xa7i\xfa\x9e\xad\xf3\x00\x00 \x00IDAT:-\xdf?\xfe\xef\xc9\x7fg\n_Yp\xcaA\xcd\xcaK\xfa\x96ms\x86&gt;;\xaf\xb0\x11\x97+\xc6\x8f\x84g6Y\xf1\xb2\x96\x00 \x8d\xffXtJ\x8fF\xbaK\xd8=j\x171\x92m\xcd\x9c\x89K\xa6\xb4\xbcMH[g\x0f\xf6\x8c\xb4\xf5\xcf\x00\x80K\xb2\xa7\x97\x88\x92\x84\xb4\xb2]dg`\xae8zs9\xc6\xb9\xcf3\xb6\x837C\xa6\x01hS&gt;\x87\xfd|z\xd4.\x1a(\xac\xdf\x8a$V\xed\xefXS.D\xcb\x8aLt\xe7\xf0\x1a\xf6\x86,\x1c\xda\x0e\xdf\xeei\\%&gt;bj\xbc\xb9s\xfe\x08RZ\xac\x9b\xd9\xb7\xb9b\x04\xf0/\xf7\x8e\tZ\xade\xd2D3S\x942\xeb\xa7\xf4\x11\xf6\xba\x9b\x16\xcb\xb0hX\xfbv\x15ri^\xe1\t\x066-\xb7u\xce\x90@\xf1D\xf9&amp;\xc5\x93\xf9- \x8dh]U\xed6J\xcc\x13\x98kq\xed\xdcI\xb5\xa7\x83\x97w-\xeeS\xbf$\xffk\x9caJ\xf7\x86\x1aJp\x8c\xe1\xad\xaa\xb8w\xbb\x014rB \x01//\xa9U2\x98\x97\x02\xea*"\x8c\xd9\xb3F\x96\x06\xed\xf1[\xc0\xbes\x84\x88\x1a\x162\xba\xd0\xf4\xe2\xe2N;\xff\x8e\xdc\xbeB\x9b\xfa\x05R\t\x9f\x15\xcbu;l\x9c\xc7`6\x0e\xde\xae\x85\x94\xe6%\x02G\x00\x19\x0b\xe3t6\xac\x88N\xb4fb\xaf0D=\xeb\x14\xd5H\x0c`\xb0\xbfF\x1e\xc7:\x00\x14g\xfab.\xef\\\xec\xe0\x9b0\xa4y\xc5\xab{\x96\n_\xed\xeb\x8e\t\x1bzm\xca\xe5\xd0\x18&lt;\x1a\x94E\xf2\x00\xac\xa1\x97k-\xf8\xf5\x0c_\xee\x88\x1bY\x83\x19:W;\x1d\xc47\xd1x\x00\x03\r\x80\x07B\xfd\xb3\xc8:Eg\xe9P9\xaf\xd9{\xeba\xc4\x93\xaaR\xa9\xa2\xfcN$y=\x1d\xf9\xaf\xeb\xe7Oi?\x13\xb3\xb4*\x9deZ\xaf&amp;m\xca)O\xf7\xef\x1c^c*\xb7o\xf7]\x89:\x89/w\x80\x87+\xc6tu#s\x9f\xa3C\xe5&lt;\xba\xeb\xf8\xf6\xc5\xd4$\xc4#\xc2\xc3S\xc2Wqg`\x81\x08J\xaf\x84e\xa5xg\x19\xd7\xb1\xb6\xe2fc\xd9\xb4\xd1\x8b\xfa+\x99H\xfc\x1d?\xdc&lt;h\xd9}\xcc\xf3,\x1b\xd5yL\xfbZ\x9bg\x0e\xb4\x9c\xc3\x7f\xc7\xd7\xe3\xedU\xbc\xbcd$1\x00\x9b:N\xb3\xfa57\xbbA\xedu$S4\xb1m.\xf0\xdd\xa0\x16\x8b\x06\x8fNo\x060\x7fp\x1b\x9b\xf9\xe8R&amp;M\xb4%#;&gt;&gt;\xb3E\xf1\xec\xfd\x13\x1b\xccf\xc86\xa3\xaad\x89\xa7\xb6\xd9#\x9f\xf7\xdf&lt;\xb0\xf2\xd9\xf9m\xadJg\x05\xb0xDG\x92\xb9\x1c?;\xbf\x1d@\xeb\xb2\xd9\xdc\x1d\x89\xf8\x0eSz4\x02\xa0!\'\xa0\xbb@d\x16\xd6\xe5,\x1c\xd6\xce\xa9\x0c\'u\xadOD\xd3{5\xe9U\xb7\x183\xfb\xd5\xd6T\xd1\xe6\xfa\xfe\xe5\x0b\x86\xb6uJ\x0f2\xa9\xff\x8e\xe9\xa4n\r\xaad\x89\x87\xef\xff\x91/\xadG\xd9aB\x97z\x00\xf2\xc5\xb5\xbb\xe2\xf3\xfe\x86\x9f\x1fP\x85\x0c\xb1\xde^\xdb\x17\x9e(\xd3?\xca*@\x152\xc4J\xe0\x84AeX\xc3\xe3h\x00M\x8a\xa6\xf3\xd9.\xc3\xc8\x06*\x9e_\xd0I\x00l\x9e9\xc8\xd4\xdck@\xe32\xc6\x13\x1b!\xe5\xefT:\xb5\x95\x91\xcf\x94\x1e\x8d\xde\\\xddKD\xa5SG]2\xb2\xa3n\xfa\x06\x05RiK\x80\x00\xaf\x01\x0ckU\xd9Be\x82\x1a\t\x83\xd3\xe4n\r\xb4\xbd\x85\xb5\xa9\x9a5\xbe\xfcM{qq\x87\xb3K\x16M\x8a\xa6\xc7\xd3\xb3\x00z\xd6)f3\xe7\x08D\xcc)\xdf%\xf0\xf5\xee\xd15S\x04\xbf\x015\xbd\xcd\xc0\xe2\x81R%\xabZ\x8cK\x13\x08\x7fY\x9f\xfa%Okz\xba:\x88S.\x0e\x96]a\x03/S{6v|\xc9Q#C\x89\xa8\x8c\x04\xc5\xd5\x89\x17\x17w\xda\x19\'8b\xdc\xe8\xa3\x18\xf9a\xc9\xc3\x900\xe7\xb4\xa9m\xc0n\xa5|v\xa9X\x8dU\xe3{\x88\xc7\x00}\x1a\x94\xfcp\xf3\xa0\xf0Um\xaf\xb2a\xa1\xd4\xc2\xb6*\x89$y[\x96\xcal\xa1\xc2r\xcd5\xc7\x99\xdd\xbf\xa5\xee\xbf\x10X\x9e\xbf$!\xf5\xd3x\x85\x1d\xf3\x86k\xdfC\xc9Y\x0b\x82z\x8a\xf9\x04F,\xac\x97v\xafe\xc8\x12\xd78\x1a\xb7QC\x15N5\xb7\x97\x17c\xdbk\xc7\x81\xef\xd6.\xf4E\xc4:\xf1\xddk\x15\xfep\xeb\xa0jR""\x02\xc0\xa2\xaf\xc4 :\xb2z\xb2\x9d\xbe\xf4\xfb\x83\x13\xc6\xff\x03!\xa2\x0b\xe3\xdc\xd6yxq\x81\xfc\xdd\x11\x07\x89\x84\x89\xc4,\x1b\xd5\xd93=\xf6\xb6\xb9C=P\xca\xba\xc9\xbd\x89\xc8\xf2\xfac\x10h\x8f,\x10\x9d\xe8\xc3\xad\x83l\xda\xc4\x86\xe4&gt;5\x88\xdb\xb9`\x84\x85\xab^_\xd9c9\x18\x9f \x1d\xa8\xcb\xe2\xe1\x1d\x00H\x9e\xb7\xc3\xab\'o\x9a1\xc0xq\xc0G\xc7\xef\xf6_D1\xfd\x9dT,\x90&gt;\x82o=\x03\x81\x86\xday\x92\xed_\xe6\'=\xbfo\xe9X\x00\xc7\xd6M\xf3n\x952\xeb\xa9\xcd1??m%E\xe3l\x9b3Drd\xcb\xac\xc1D4\xa6}M\x18P\xeb\xfd\x9bh\xc9HCa\x0f4\x00p`\xb9\xe9\xf8\xc3\x83\x9bW\x98\xe8h\xc0\xee@\xc4\xc6\xe9&amp;\x1a,\x071\xb8)\x1d\xd3|\x10\x95\xc3\xab&amp;\xe5\x8f\xa7+\xd6\x10\x80\xbdK\xc6jx8\x87#\x12\xc4D\x99\xa9n\xa7\xaa\xf9\xfe&amp;\x1a`c\xc3\x8c1\xba}\xcd\xf5Sl\t\xf4\xbb\x81\x1d\xf1\xc7\x9f\x97\xb4\xe1\xe8\xe3\xadCB3\x17\x85\xa8c\x95|v2&lt;\xb9a\xa6~"""\xfarO9\n|)c\xfe\x9cF6$C\x10\xd5\xcd\x9b\\;\x8d\xdc\xb5I\xb0O\xd0U\xa4\x1a\xd8\xb4\x1c\x1e\x9f\xd6Id@2\x08@\xe7\xaa\xf9u\xf3\x11\xb3ph;\xfb\xe3\x1d\xc7\x05\xd2lE)s\x01m\xd3r\xb3\xe4\x8f\xfb\x07\x80\xea\xd9\x13.\xd5\xeb\xf2\x01\xb4,\xa5\x1a^FM\xb0\xcc\xb8e\x0e[ ec\xde\x10DU\xb3\xc6w5|\xb1\x00\xf0\x84\x0c\xbf\xa1\x1c_\xa7m\xf9\x9c\x00\xe6\x0el\xbdk\xe1Hv\xa4S\x95|\x06c\r\x02\xef\x15\x8f[^A\xfa\x9dh\xcb\xacA\xe3:\xd5\x99\xd9\xb7\xb9\xd5&lt;\xa4\xcc\x19\xd0\xea\xc5\xc5\x9df\xaf*\x928\x82\xc1\xe0\x13\x7f\x13U\xca\x14G|\xa4my\x85\xe0v\xbb\x17\x8d\xd6\xce\x07\xaf\x0c\x99E\x8a\x99\xd2\xbd!\x80b\xbea\xff\xca\x90D\x98p\x8f\xeb\x01\xc3\xdei\xf0\xc0\xbc\xad\xa1\x1a\x17\xb6/\x00\x1et\xafU88Q$\xbd\x81E\x91$\xd26\xde~\x8c\x83\xa4\xc6D\x14\xc4\x1bi\x8e\xd3\xb0P\x1a\xdd4_\xee\x1du\xaf\x02\x0e\xf2\xf8\xccfoW\xc1\xdb\x9c\xda8\x0b\xc0\xa86\xd5\x85\xf7\x16\xc0\x91\xd5Z1\x81\x19}\x1a\x94\x04\xa0f\xe1k\x016\x969\xb7e\xae\xa9\xf7$K\xe4`\xefo\x1c`\xf2\x99u\xf2&amp;\x93\'\xe8Z\xa3\xa0FLm\x00j\xd1\x94,\xdb\xe6\xe7\x88fn\x9f\xd4\xec\xac_\xa0N\xded\xec\xa6\xa9Ep\x13xpr\xa3\xb5"\x04\x12\x19\xd6\x9apD\r[\x17\xf6\x97\x1d_7\x9d}\xd5\xe8\x05\xcb\xa4\x89\xe6\xc6\xa4d\xf3\xacAf\xe3\xdd3F\xb5\xadn\xad\xc4`2\xe9c\x8e6\xc0\xb3F\xea\xddU\xbd\xfc)aU\xd72\xf0\xa1\xb6P\xb2w\xf1\x18I#\xd8\xa4\xa8\xa1\xc0 b;\x1cG\x10\xe7V%k|\x83\xeb\xa7\x8d\n\xa5\xd9\xbdp\xd4\xe9M\xb3\x89\xa8\x8e\xdeR\x8fZ\xa1B\xb9I\xd5\xbb\n#\x942\x1cV\xd7\x11\xba\xd6(\x08\xe0\xf9\x05}\x13[;N\x12\xd6\xb0lc\xc3\xd0U\xeed;\x9e\xc22\x84\xab\xae^f\x97\xf2o\x1eX\x99\xc6b\x9fND\xa4+j\xbbqz\x7f\xeb\xb9;\xc7\xc2a\x0e\xac@\xda\xa7K\xb5\x02\x1ag\xd9\xdbm\xc1\xe3,\xa8\xa1\xf6Wm\x9a1\x10\x80\x05\xa5\\\xc5\x0e\xc0\x8e\x04.\xcbmR\xb7\x06D4\x7fp\x1b\x8d\x80\x8e\xf2\xc5\x99\xf4\x11\xfcrxpr\xe3\xb8\x8e\x01t\xee4\xdeD\xe0\xf3\xf1u\xd3X\xb9\xac\xdb3+\x92\xe3u|\xc7\xec\x01\x00\xf0\xcd\xdb\xb5\x084\xb0\x08\x85\x8dU\x14\xb1\xf0X\'\x9e\xb6\xc1\x8d\r\x00\xce.\x07\xc1?\x16E\x18c\xcf\x9e\x076\x84\xcel\x9a\x13I3\x81gB\xc3\x06b\x14WHf\xf4i\xc6\xbcm\xd5p|\x06 \xdex\xe8]\xaf\xc4\x915S\xe4i"\x13\x01\xf7[\x94T\xd0\xc6\x8a\xe7_\xa5\xff\xfcC\x16O\xeb\xd5D\xa8\xea\x81\xe5?\xbc|\x15u\xe8|\xa4\x19\x95\xa3]\xb1\x14\xbf\xb1_\xfd\xddq\xe7m_&amp;E\x18\xbf\xadH\x0b\xf4\xa8]\xb4o\x83\x92\xce\xd6\x87\x88\x9e\x9d\xdfn0\xe5\xc6\xe9\x03t\x1f6\xab!\xad\xa4h\xc8\xd0\x92\xff\x0c\xd2\xd4\xdc)\x0e\xd1oD\xc5\x93E\x8cCT4\xe9\xdf\x95\xad\x9al\x9ab\xd9\xe8\xce\xda\xe3S6\xf3\xe6!\xe3M\x93?\xde\x1f\xc1H\xf5]\x8a\xe3\xffA\xd1\x8d:Y(\x02\xden\x98f:\x84HL\xa2q\x06t\x11\xd2\x9b\x8f\x18\x90/\xce\xef\xc0\xbbE\xc3\xdb\xb3eh\xc1e\t\x9fn\x03\x10,5\xb5_?g\x8dF&lt;\x80\xe3=q\xa0\xc0\xd7~o\xb3\xe2\x19\xbc]\x05*\x9c(\xbc\x10\x11\x08\xb8\xdf\xadf!\xdd \xa9\x16nc\xffFe\xf0\xe4lf\xedQ7\'\xb00\xabos\xed\xe6#i(\x02P2\x85\x82\xd5W\xd3b\x19\x00\xc8\xe3\xc6\x88\x91+\x1f&lt;:\xbd\xd9r\xd0N"\xfaK\xc9jS\x1bf-c\xf0Y\xf7\xb5\x96E\x8d\xce\xd5\xfclF\x99\xba_\xaa?\x88\x94\x16\xc7\x14\xe9\xe3\x1b\xe1\xce\xed\xc3\x1eJ\xa7\xc6\xcb\xd6h_17\x111\xc5\'9\xc1T\xc6O\x1a\x18\xb1*6\x85\x85\xb1\xd4O\x8bd\x019\xe8\xd3\xb1J\xbe\x07\'7\xde:\xb8\xca\xec\x85\x17w,$\xa2w\xd7\xf7\x03xtZ\xd5\x9a\xca\xb2lX\x1a\x15c\xa0\x12)"\x99\xf5\x15,\x940\xdc\x8b\x8b;\xfb7*c$\xb1\x86z\xad\xb3(nN\xb4*\x9d\xd5\xc8\xb5\xac?\xf3!\xf3O\x8f\xd3\xadf\xa1\xc86\x9e.\x07a\x96\x99\x00$n\xed\x8at\xafUD;z]\xea\xb0\x04\xa0\x8c\x01\x954\xb16\xb2\x86\x97I=\xc3*\xd0O\xcen\x01\x00|5\x98&gt;H\xb2rl7oW!\x90\x80\xcf\xb7?\xde\xf6\xb3&gt;L\xad\xbe\xd3\xda\xabnqk\xf9\xdf=\xb2V7\r\x9b\x82Xs\xbb\xb7\xcf\x84\xceuk\xe7I\xd6\xa9j\xbew7\xf6k$3h\xa0\x12\x91\xa8}\xa5\xdc\x05\x13\xd87\x16\x0f\xac\x1c_?\xdd\xec%\xc0s\x0b\xba1n\xb0\x7f\x99i/nEZ\x97\xc9Z,\xa9\xe9\xc5\xec\xb3[\xe6\xaa\x9d\x02\xde\x98\xcaj\xf7\xa2Q6\x97\xb3\xe4A/\xdc\xc0\x81\xb8t\x1c;\xdc&gt;\xb4\x1a@\xb5l\t\xecd\xa2!\x10}u\xcfR]\xa3L|\xbe\x83W\x97\x9cR\xf1f\xd1\xe9T\xcb\xf2\xd7\x8a\x12\xba=\xe0\x8d\xae;(G qH\xba\xb4s\x11\x00\x07c\xf4H4\x8a]5\xc3\xd5\r\\l\x96\x94\x96TE\xe5K\x94\xcbFu\xc6\xa3S\xf6\xeb\xe3\x14\xeey&amp;\x8a;\x96&lt;\xb1\xc2\x18\xec\x03|V\xbe0ps\xf7\xe8:\xb6\x10agA?P,\xb8o\x9b;\x94\xf9I\xb0`Xb\x11s_\x897f\x00\xe0\xad\xe4n;\xde\xa2\x11\x11\xf3\x8c\x1a\xdb\xa1\x96R\x05\xccmV\x7f\xbe{\xd4\xd4F\xe3?D\xfb\x97\x8d\xc3\x87\x9bf.\xf2(IB\xfeh\xc2,\xdbG\xca\xcd:;T\xce\x0b\xe0\xd0\xca\x89\x96+\xe6\x01t\xa5P\x8c\xf0\xf3\xe9p\xfb0\xc1\x88\xf0\xfc&lt;\x80\x03\xcb\xc7;\x15J\xc57\x11Z\xae\x9b\x07V\xda\xcc\xcar\x9b\x0b\xa0D\n\xe5\xf6\xd0`\xab\xaa\x96,.Q\xa9\x94\x91\xed9\xc0\xf9\xf1\xe9\xce\x11\xbf\xb2\xde^mS&gt;G\x8b\x92\x01\xd4\xb9\xd9J]\xf3\x12\x19\x9d(J\x99\xd6e\xb2\x99\xbd\x04\x0fO\xbaQ\x13EN\xfe;C\xbc":\xb8y\x85a-+\x17J\x18\xde\xe0\xe5\xf3\x06\xfd\x0fx\xac\xf8?v\xaa\x9a/m8\xd2\x88\x8d\xea]&amp;um\xe0\xb1\xa1^\xba\xf0\xb4vRo\xcf\x94\xc5\xa1\x99}\x9b\xab\t\xba\x05^\n\'\n\xdf\xa5zA\xe1\xeb\xc1\x15\x13\xd8[\xa7\xa1Q*\xc8\xa9\x12Q\x9f\xfa\xcaf\xe69c\xfcj\xf95`\xae\xcej\\\xde\xb5X7\x87\xb6\xe5s^\xd8\xbe\xc0Z\xe9\xc6a\xb2K\x1a\x1eaY"\xe9\xaf\xd8\xb1\xad]\r%5\x83\x18\xd1\x86d\xff\xac\xab\x8b\x04\xc9BQ\x86\xbf\xa8e\xa9,\x8am\xb7\xf1G\x02\x00\xf0\x91\x88\x1c\x99\xb8\xc5 \x02&gt;\x9a\rnS\xd5\xd2\x92\xaf\x11\xd7\x07NP`\xee\xc0\xd6\xde\xae\x82-\n$\xf8\xb3K\xf5\x02\xb9c\x86\xc6\xd3\xb3\xe20a\xc6G\xd97\x0e\xacT{??\xde:4\xb5gc\x87j*-\xf7\xdf\xa9:\xda\xbc\x0b\x86\xb4\xb5\xe3\xa7\xed\x140 6\xae\xa7\x05n\x9a\xf8Dx{</t>
        </is>
      </c>
      <c r="E590" t="inlineStr">
        <is>
          <t>&lt;class 'numpy.ndarray'&gt;</t>
        </is>
      </c>
    </row>
    <row r="591">
      <c r="A591" s="1" t="n">
        <v>589</v>
      </c>
      <c r="B591" t="inlineStr">
        <is>
          <t>steps_per_sec</t>
        </is>
      </c>
      <c r="C591" t="n">
        <v>8500</v>
      </c>
      <c r="D591" t="inlineStr">
        <is>
          <t>3.3560827</t>
        </is>
      </c>
      <c r="E591" t="inlineStr">
        <is>
          <t>&lt;class 'numpy.ndarray'&gt;</t>
        </is>
      </c>
    </row>
    <row r="592">
      <c r="A592" s="1" t="n">
        <v>590</v>
      </c>
      <c r="B592" t="inlineStr">
        <is>
          <t>Loss/object_center</t>
        </is>
      </c>
      <c r="C592" t="n">
        <v>8500</v>
      </c>
      <c r="D592" t="inlineStr">
        <is>
          <t>0.23689729</t>
        </is>
      </c>
      <c r="E592" t="inlineStr">
        <is>
          <t>&lt;class 'numpy.ndarray'&gt;</t>
        </is>
      </c>
    </row>
    <row r="593">
      <c r="A593" s="1" t="n">
        <v>591</v>
      </c>
      <c r="B593" t="inlineStr">
        <is>
          <t>Loss/box/scale</t>
        </is>
      </c>
      <c r="C593" t="n">
        <v>8500</v>
      </c>
      <c r="D593" t="inlineStr">
        <is>
          <t>0.07559426</t>
        </is>
      </c>
      <c r="E593" t="inlineStr">
        <is>
          <t>&lt;class 'numpy.ndarray'&gt;</t>
        </is>
      </c>
    </row>
    <row r="594">
      <c r="A594" s="1" t="n">
        <v>592</v>
      </c>
      <c r="B594" t="inlineStr">
        <is>
          <t>Loss/box/offset</t>
        </is>
      </c>
      <c r="C594" t="n">
        <v>8500</v>
      </c>
      <c r="D594" t="inlineStr">
        <is>
          <t>0.19883308</t>
        </is>
      </c>
      <c r="E594" t="inlineStr">
        <is>
          <t>&lt;class 'numpy.ndarray'&gt;</t>
        </is>
      </c>
    </row>
    <row r="595">
      <c r="A595" s="1" t="n">
        <v>593</v>
      </c>
      <c r="B595" t="inlineStr">
        <is>
          <t>Loss/total_loss</t>
        </is>
      </c>
      <c r="C595" t="n">
        <v>8500</v>
      </c>
      <c r="D595" t="inlineStr">
        <is>
          <t>0.51132464</t>
        </is>
      </c>
      <c r="E595" t="inlineStr">
        <is>
          <t>&lt;class 'numpy.ndarray'&gt;</t>
        </is>
      </c>
    </row>
    <row r="596">
      <c r="A596" s="1" t="n">
        <v>594</v>
      </c>
      <c r="B596" t="inlineStr">
        <is>
          <t>learning_rate</t>
        </is>
      </c>
      <c r="C596" t="n">
        <v>8500</v>
      </c>
      <c r="D596" t="inlineStr">
        <is>
          <t>0.001</t>
        </is>
      </c>
      <c r="E596" t="inlineStr">
        <is>
          <t>&lt;class 'numpy.ndarray'&gt;</t>
        </is>
      </c>
    </row>
    <row r="597">
      <c r="A597" s="1" t="n">
        <v>595</v>
      </c>
      <c r="B597" t="inlineStr">
        <is>
          <t>train_input_images</t>
        </is>
      </c>
      <c r="C597" t="n">
        <v>8500</v>
      </c>
      <c r="D597" t="inlineStr">
        <is>
          <t>[b'512' b'512'
 b'\x89PNG\r\n\x1a\n\x00\x00\x00\rIHDR\x00\x00\x02\x00\x00\x00\x02\x00\x08\x02\x00\x00\x00{\x1aC\xad\x00\x00 \x00IDATx\x9c\xec]e\\\x14\xdf\xdf\xfd\xda\xad\x98\xd8\xa2\x18\x88 \x18\xd8\x85\x82\t\x8a\xdd\x89\xd8\xdd\x9d\xd8\xdd\xdd\xdd\xdd\xdd\xdd\xdd\xdd\xdd\xedy^\xdc\xdd\xcb\xdd\xa9\x9dY\x16\xf5\xf7\x7f\xf6\xbc\xe0\xb3\xcc\xdc\xb9s\xa7n|\xe3\x1c"\x07\x1cp\xc0\x01\x07\x1cp\xc0\x01\x07\x1cp\xc0\x01\x07\x1cp\xc0\x01\x07\xfe\xc7\x11\xe9o7\xe0_A\xad\x02\x19\x89h\xf1\xe1\x9b\x11z\x96\xd2Y\x12~\xff\xf6}\xf7\xddO\x11z\x16\x0e\xbb_T\xad\x02\x19\x17\x1f\xbe\xc9\xfe\xda\xabN=(\x9e&gt;N\xd4\xa8Q\xb7\xdfx\xa7],\x11Q\xe6d\x91\x8e&gt;G\xc4\xb5$\x03Q\xbe\x02\x19\xd9o\xf1&amp;$\'*n\xde.\xdf+A\xb1t\xb1R\xa6J%\xd9\xc8\xca\xdb\xeb\xde&amp; r"\xba\x17\xfe\x8a\x1cp@?\xf0\xf1f\x9f\x06e\x88\x08\xdf\xee^\xdc\xb1 s\x14\xd3v_\x97\xd8D\x14\\\xc2\xd3\x96:\x01\x00\xb1\xec\xd7H"\xc2\xb3\xb3{\x16\x8e\x12\xb7L\xee\x11\xdc*0\xaf]O\xa2\x80_\x8fO\xd5\xcc\xefJD\xf8pcf\xbf\xe66\xd7S,]l=\xc5\x80\xaf\x80}z\xc3\x90\x92\xdeUr\xa7e\xb5\x01X&gt;\xba\xab\xa1\xc3\xab\xe4N\xab\xbfp\xdb\xa0\x02y\x92Zla\xef\x80\xd5\x03u\x163\x842n\x89\x89\xc8\xd7%\x0e\x80\xce\xd5\x8aA\xc4\xfbk\xeb\'\xf7=\xb4b\xe2\xdc\xd0\xd6\xcbFu\x81\x04\xaf/\xf9$&amp;"\xca\x1e\x97\x065\r\xf2\x88Mq\x88\x88\xa8\xac{\x12iI\x13\xde\x01o\x01$7\xd8B\x00\xc0/\xf6\xddYnD4\xbb\xdc\x02\xe3\xb8wt\xad\xc6\xde\x84\x7f\xaa\x19\x0e\xfci\xcc\x1f\xdc\xb6\xb4["b\xef\xdf\xeb\xcb\x01\x1e\xc9\xc4\xbd.Dm\x82\xf2\xe3\xe9\xd9?\xd9\xa4\x03K\xc7I\xb6(\xf6\x11\xee1\xfeHk\x04\xd8\xeb\xe3\\&lt;\xa2\xa3\xda\xae4Dw\x8e\xac\xd1_U&gt;g\xd5\x15\xa1\xd8\xb7\xda\xbd\x93\xb5\x17\xa2\xaal?\xb2j2k\x7f\xbed\x91\xdaU,h[\xe5\xa6N\xfa\xda&gt;\x95\xee\x1b!%\xbd_\\\xd8\xc1\xff\x1d\x18R\x9e\x1dX:K\xa2\x9f\x8fN\xa67\xd7S\xd5\'\x9d\xe2\xe1\xcf\xcfo\xc7\x8b\x0b6\xdc\xdb*\xb9\xd3\x96uO"\xd9X6kb\xdb.3\xfc\xb8\xb2{1\x80\xd1\xedk\x89\x1b\xdbU\n\xbb\xed\xcd\xcb\xe6\xfe\xe3\x8dr\xc0\xde8\xb1n\x9a\xafKl\xfc|`\xe8\xa8\xeay\xd3\xff\x81\xee\xe3\xc1\x89\r\xecG\xedB\x99\xf9*\x84Cl\xc0\x80\xc6\x81A\xde)%\x05R\xdb\xb51\x03C*\xd8\xb5&gt;\x03\xf0IL\x00\xf8\xe59\x11\xb9\xd8Z\x15\x80\xae5K\x18=\xaaW\xbdR\xb6\x9e\x90\x80\xe7\x00\xc6w\xae\xa7\xb3\xfc\xdc\xd0\xd6.*\x83\x13\x00\xe0\xd9\xed\xc3\xabg\xf4m6\xa1K}\xdb\xda\x93\xc8&lt;\x06\xe0\xcbmy\xf7}l\xcd\x94\xfc\xc9#\xa7 r!jW\xa9\xe0\x933[z\xd4\xf6\'\xa2&lt;I\xa9A1\xf7\xe6es\x856\t\x8aM\x94)\n\xb5\t\xca/?\xfc\xeb\xdd\xa3\xeb&amp;\xf5\xe1\x8dgk\x85\xd6\x15\xf2YmU\x95\xdci\x97\x8f\xe9:g@\xcb\x9cN\xb6]Vx\xb1nr_\xf1\xdf\xbbG\xd6\xb0+:\xb4b\x82\xb8\xbdS\xb5\xa2\x11\xdd\x12\xa7\x88&gt;\x81\x03\xe1\xc7\xdb\xab{\xff\xc0\x00\x10\x93\xa8\xac{\x92\x1f\x0fO\xe2\xdb\xddy\x83\xda\xe0\xc5\xf9.\xd5}\xf5\x1f\xde2 O\xdb\xa0\x02\xe1lC\\\xf3\x8f\xbf8\x17\x1b\xd6\xb2*\x80\n^)\xfc\\\xe3\xbbX+\x1c\x83\xc8;&gt;-\x1c\xda^qo\xdd\xc2Y&amp;ti`\xb4\x01N\xe6\x1f\xc0+\xa3\xc7\xde=\xb2\xe6\xfb\x83\x13\xfa\xcb\xe3\xfb\xbd.5|?\xde:\xa8\xb8w\xc1\x90v)\x8c\xb6@\x06\xc5\xbe\xdb\x8co\xb3\xfa\xb7\xf0\xcf\x98\xc0+\x1e\x8dhS\x1d\xf8\xb9k\xfe\x88XD\xceDQ\x88\xd2\x13\x8d\xef\\ol\xc7:\xe7\xb6\xceU&lt;\xf8\xc8\xaaIKFt"\xa2\x98DD\x14\x97(9\xd1\xa6\xe9\x03\xf5^;\x00\xa0Tf\'\xedbq\xf4\xd5\x96;Q\xd8\xef\x8c\x91M?\xae\xeeY")\xe6\x1d\x9f\x88hP\xd3\x8a|\x8b\x13\xd1\xd9\xcd\xb3\x15\xeb,\x95\xc5d\xf8q5/2\x9d\xf55F?\xfe@\xc7\xe2\x80-`Vo\x0e\xe0\xbbb\xb1r\xeeI\xed\xfb\x08s$\xa03\x9bf\xc7S\xd9\xcb\xba\x83\x98D\xa1M\xa43\xf4\xad\xb3\x06\x87\xa7%\xe7\xb7\xcd\x13-_\xcf\xcfm\x03\x9e\xda\\\xdb\x9fD\x90W\xf8;I"\xa2\xd2\xe6\xaf=oRj\xec\xef\x95#\x81\xf5\x8fsz\x9f\xa6v9\xb5~\x04Z\xda\'u\x82w\xd9\xdb\xe7\x0cY?\xb9\xaf\xe54\xfe\xce\xdaI}\x1e\x9f\xdat`\xd98\xe0;\xf0\xd5\x89(\x19QY\xf7$\xbd\xeb\x97ypb\x83\xbc\xdf\x0f\xf2J\xd1\xb3n\xa9 \xaf\x14e\xdc\x12\x11\x91\x0bQ\x02""Z5\xae\xc7\xe3\xd3\x9b\xf5\xbf\x84\xac\xb6\x85C\xdb\xc7\xb4\xe1\x92\x88\x88\xc8;&gt;m\x9c\xd6\x1f\xf81\xa5G\xb0b\x81\xd5\x13z\xb2\x1f\x8d\x8a{\xac\x1c\xdb}x\xebj\xf5\x8b\xb9\xf7\x0b\x0e\xd0\xd9H\xee\xf2n]\xde\xfa\xb2F\'\xea\x16q\x13\xffu\x0c\x00\xff($C}\\\xe5R\xf6\x87w|\x9a?\xb8-\xa0\x15r\x13\x8f(\xbel\xe3\x8ey\xc3\x00\xb4\x0c\xf0\x918\x8au\xe2\xd1\xc9\x8d6\x1c\x15A\xf0\xb46\xeb\xabW\xc4\xadz\xde\xf4\x1a\x05\\\x88\xb6\xce\x1atu\xf7\xe2\xac\xd1\xf5\x9e4\x03Q\xf6\xb8DD\t\x89f\xf4mVF}\r\xe4\x9f1&gt;+\xe9\x9f1\xbe\xd4\x8c\x1d\xc1(\x91Amn`\x05\xac\xb7\xdd9o\xf8\x8c&gt;M\xd5\x17\x04\xbfCJz\xf5\xa8\xed\xff\xe1\xe6\x817W\xf6(\x96X=\xbe\xa7\xabe\xcdMK\xe5h\x15\x987w":\xbaz\xca\xac\xfe-X\x8f6\xb8Y%\x9dM\n\xf1\xf7\x9a\xd1\xb7\x99m\x17ED\x01\x1e\xc9\x80o=\xea\xf8+\xba\xc3\x80\x0fE\xd3\xc6\x1c\xd4\xb4\xe2\xa2a\x1d\xea\x16\xce\xc2\x1e\x96\xfc\xdb\xf9\x93\x18\xd5\xae\xe6\x95\xdd\x8b\xf9\xbfW\x85\xdf\x0e\xfce\xe4S\x9f]\xf1I&amp;\x80\xa3\xab\'+\x96\xc9\x12\x8d\xcel\x9a}a\xdb&lt;\xf6\xef\xf9\xads5\xcc(\x95s\xa5\x89M\xf4\xed\xde\xb1"i\xa4\xafnHIo\x00\xaf.\xed\x94l_8\xb4\xbd\x13Q\xb9lII\x06\x17\xa2\x01\x8d\xcb\x038\xbdi\x96\xd19E\x95\xdci\xb3D\xa3\x8f7\x95\xad\x10\x86\x90\x9a\xe8\xe5\xc5\x1d\xecw\xb1t\xb1\x8a\xa7\xb7e\xdc\xacW\xc4\xadd\xa6\x04\x8a\xbbR\x12\xb9\x08\xf3Y\xedz\xf6,\x1ae\xea\xd5\x1e\x9f\xd6y\xea.5\x8a\xeb)\x96\x86(\x91\xb52\xbb\x17\x8elP\xcc]\xbbL\xe5\x9c&amp;\xc7M\xef\xfa\xa5\x7f&lt;&lt;!\xb9\xa2\x1cJ\xf7\xc0\xe6\tc\xd7\x9a\xc5\xcd\xb7\xed\xa9\xfa\x00`\x1d\xad\x02\xf3L\xe8R\xbfc\xd5"b\xe5\xe7\xb7\xce\xad_4+\xfb\xdd?8\xd0+\x1e\x8d\xedX\xc7j\x93X\x85E\xd2\xc40\x14m\xa5\x08\xc5\x0f\xd74bM\xe8\xa9x\'\xe3\x10y\xc5#\xcf\xd8\xa6 \x82q\x9d\xea\x86\xb3\r\x0e\xfc\x97 \xbe\xd3\xe2\xc6Z\x96a\xd1\xe1D:\xa2\xcc*A\x1e\xb7\x0f\xaf2\x9d\xfe\xc7\xfd\x96\x01&gt;&lt;\xcc\xa3Tf\xa7&amp;%\xbd\xdf_\xdf\x8fow\xf5\x9f\x08\xc0\xb7\xfb\xc7t\xf6\x8cr8\x11\xa9-\xa2\x8dB\xf4^\x03\x18\xd5\xb6\xa6\r\x95\x00\xe8^\xdb_\xbe\xfd\xee\x915;\xe7\x0f\xdf\xbbx4\x80\x01\xe6x\x15\xadz\xbe\xdf\x03\xf0\xc7Vo\x1c\x01\x1e\xc9\x00\xf4\x0f\x0e\xd0.\xc6C\'[\x97\xcf+yp~\xae\xf1\x0b\xa7\x8a^6\xabt\x81a\xf3\x00\xc0\xd6\x94\xc9-\xdf|\xe3x\xde\xbeR\xa1\xf2\xd9\xb5b&gt;\x01\x1cY9\xc9\xb6Fj\x80/\xe4\xca{*\xdb\xe1\xb3\xcb\x1es\xe7j\xc54"\xc4\x88\xa8\x82W\nvU\xda\xc5\x1c\xf8\x9f\x02^_\x92\xbc\xd4\x11{:\xbc\x9f\xa5\x14;?\xa6C\xedu\x93\xfat\xab\xe5\xf7\xe1\xc6\xfe\xf6\x95\x0b\xf1\xedW\xf7,\xb1\xa1U\xbd\xeb\x97\x19\xd7\xa9.\xbf"m\xbbD\x05\xaf\x14\x81*_\x91}\xb1hX\x07\xab\xc6\x1cED\xb6^\xc4\xce\xb0{\x17`\xf5\tf\x8fKi\x84\x7fE;8\xeba\x99\x11F&lt;$O\x12\x1b\x07\x00g\xcb w\x03\x1d\xfe\x8b\xf3,&gt;\x92\xa1Z\x1e\x17\xab\xe7\xea^\xdb\xafr\xae4V\x8b\xe9\x84,\x1aN\x01\x00\xa2\x13\x8d\xd3\x1dy\xe5\xc0\xffkH\xde\xf0\x88\xee\n\xa3\x12\xf5k\xa40\x13\xac\x9c35\x00\xe0\xbd\xb81\xd0\xd3\xd9\xdc\xae\x9f6\x9c+\t\xd1\xc9\xf5\xd3\x01\xa8%\xad8\x13\xcd\xe8\xdb\x0cx\x02\xbcQ, \xf1PY\xc5\xbc\xd0\xd6\xda\x05\xbcd&amp;\xeb^\xf5Jq\xd7\x9c]\xc0\xed\xcev\x81\x87\x90\xacf\xd3\xe0ED\x14\x8f\xa8y\x99\\\xdae\x00\xa8\xbdy\xccb\xd1\xa7A\xd9\xaf\xf7\x8e\x8a\xdb\x0b\xa7\x8a\x8eW\x17\xe5\xe5\x0b\xa7\xb6\xee\xe8\x18\xd2\xa22\x11\xf1\x85\xe6\xa9\r3\x80\xd7\x1a=\xff\xdb\xab{\xdbW.\xc4\x96\xaf-\xca\xe5\x9e\xd4\xad\xa1\xd5S(\x02xB\x827\xd5\xf8\xe1`\xaefmx\xc6\xa1=\x8blq})\xa2yY\xd3\xb3\xfb\xf3kG\x07"\x1c:\xa7\xffz&amp;;:\x9112)\xc6\xa9\xb0\x06\xc8#\xfa\xad\xa2RN\xad\xa0\x7f\x00\xbd\xeb\x97V\xdb\xb5lt\x17\xedc\xd5\xf2\x928\xb8\xb5\x97\x88\xf2\'7M\xd6\xf5_\x83\x9e9\x9d"2\x10}\xba}Hq\xd7\xa1\xe5\x16\xe1\xdb\x00\x064._4\x8d\xe1\xe8\x92\xfa\xc5\xdcO\xac\x9b\xc6\xd6RD4\xba}\xedL\xea\xcdU\xb4,3T\xca\x91\xba\xb3\x91\x10^E,\x19\xd9I\xf2~\xba\xc7\xa0\xfdK\xc7\xb2\x04u\x1b\xe0\x15\x8f&amp;vk\x98\xd1r\xa93\xbeK}\xc5\x01\xa0Z\x1e\x17\xbbd\x19\xb6\n\xcck[.\xbd!L\xef\xd3\x14@\xe1T\xba=\xfe\xeahR\xd2\x1b\x00\xbbIMJ\xe5\xd0\x7f`\x1e\x99o\xeeO\xac\xb2\x1d0\x8azE\xdc\x00\x9c\\?]\xb2]\xf2\xb4\x00hg\xa9\xa8\r\x1ee\xdc\x12K^\xc3y\x83\xda\xa8\xd5\xb0xxGCI\x9e\xe5\xdc\x93$#\x02\x90\xc7H\xf4\t\x80\xcd3B\x99A\\\xa3\xd8\x86)\xfd\x00XM(\x03\x00\xfc\x06P\xbf\x98\xfb\xa7[\xa6\x1e\xd9\xcd\xae\xf9\xfbFy\x05$\xa8]0Sx\xc6\xef\xe2\xe9\xe3\x9a\xee\x18\xb0l\x94\xeax\xb9~J\xbf\xf0\xfa.5\xd1\xa6B~\x00b.H\xbb\x8a\x05\x81\x8fN\xb6V\x18\x95\x08\xc0\xb9\xads7L\xe9\'\xd9\x95\x84hl\xc7:\xac\xeb?o\x8eb\xb0\x0b&lt;bSC\xdflv\xacP\x11)\x89\x00\xb8\xd8\xa3\xaa4D\xb9\xed\x94\x03\x13\xda$\xc8&gt;\x159\xf0\x07`4\xbe\xbaii\xe9\xec KTR\x9c\x81\xec^0\xe2\xfa\xbee\xc9\x88\xee\x1c^-ng\xdf\x9b\xa1\xae\xbcC\xe5\xc2A\xde)\x01\x18\xe2\xe4a\'\xfa\xf5\xf8T\xcb\x80&lt;\xda%Om\x98auE2\xbes\xbdy\x83\xda\xd8\xd1\xea\x12N\xc4#\xda\xb5`\x84}\xdb\xc3\'\xc2\x8a\x01\xe0u\ne.\x92&amp;FyO\xe7\x82)\xa3\x12\x918\x0ch\x07\xa7\xca\x9d\xba\x8a\xa8U cLS3&gt;g\x17\xecP!\xfe^\xf8\xa6J\x95\x16\xc9\xdc\xec\x94D|2\x8aO7Y\x05\xa5\xdd\x12\xa5!\xe2T\x07\xad\xcb\xe7\xf3\x8a\x17\xe68\x1d\xd4\xac\xa2\xb4:\xfb!\xc4\xdf+\xe2*\xb7/JfJ\x10\xe0\x91\xec\xc1\x89\r\n\x91vDD4\xa8Y\xc5\xd2\x82I\xea\x0f\x07\x01;\xf0O`\xcb\xccP\xf1\xdf\x1euJ\xca-\xdd"\xf0\xf6\n\x00\xe0\xb1\xdc\xe8\xd4\xb9z1\x9d\'MGDD\x83\x9aU\x14\xd7\x13\x9c\tNN\x1da3"\xaeg\x9f\xd9\xafy\xb1t\xf6\xe5\xc73\xa1_#\xe5\xd4\x1e7[M\x02\xb1\x89\x00|\xbf\x7f\\1D\x1d@\x8br&gt;|\xcd\x93\x9chj\xcf\x10\x00l\x12\xadVg.\xddtb\xf5\x8af\x8do&gt;\x11\xdfxb\xdd4m\xa3%+/y\xa3\xa2\t\xbb$\x01\xc7\x85S\xc7\xe0\xbb\xc2\x13\x04\x9c\'\ti\rzDD\x94\xcd\xe6\\/\x83(\xeeb\xb3\xe3\xc6\x84\xd0&amp;\x15\xf0\xe3\xfe\xfd\xe3\xeb\x14\xf7n\x9b\x1d\x96n\x19\xe2\xefe\xc3\xc7\xa2\x1dC\xe5\xc0?\x07\x89%\xb4\x7fp\x00\x80R\x99\x9d$\xbcQ\x1a\xd8\xb7x\xcc\xca\xb1\xdd\x81\xf7V?`\r\xc4!\x92\x8f2\xd3{7\xb9}hUx\xaa\xfd\x93\xd8\xb5`Dx\x0e\xbf\xb4s\xa1\xd1C4\x0c8\x1c~\xae\xf1\x16\x0cm\x87\xcf\xb7\xe4\xbb\xd4\xa6\x81\xad\x02\xf3\x02\x90\x04\xce\xfagTM0bO\xc7\xc9\xccC\xa0\x1f\x00F\xb4\xaeND]k\x96`O\xd9\x86!\xadY\x99\x9c\xa49\xae\xdf&gt;\xb4\xaax\xfa\xf0\xf6\x9b\xf6B\xb5&lt;.\x00V\x8e\xeb\xce\xfe\xad\'8\x9cDd\x8eb\xfa0\xc7t\xa8-\xae\xc5\xe5Y5\xf6\xc5\x87\x9b\x07\xc4;iKZ\xb6%\xec8us\xc0\x9e\xb0\xda\xa5z\xc7\'\x1f\xe3\xb6\xc2\xeay\xd3_\xdc\xb1\xc0\xc66\xc9\xf0\xfez\x18\xcb\xa3\xfe\xa3R\x85#\xbeE\'\xd4\xbe\xdb\x88\x03\x00\t3v\xc7*ENm\x98\xa9\xe7@\xebQ&amp;2\xf4\xac[\xaa}\xe5B\xa5\xdd\x12\xe9\xa1\xbeyvn\xabv\x81\x9a\xf9]\xf1\xf6\xca\x8f\x87\'\x88\xa8\x9c{\xd2\xc2\xa9\xa3\xaf\x9e\xd0\x8b\xcc&amp;\x1d\xf6\x96\xf5\xaa\xa7\xec\xd8\xb7\x8aC\xcb\'\xc4#\x1a\xd6\xb2\x8aZ\x81\x7fm\xf60\xa3o\xb34\xe6P\xe0\xa5\xa3:\xf3@\x03E\xf0\x15\xe5\x89u\xd3\xb4\xab\xb5\x83\x83\xd8\x81\xff\x01XuW.\x1e\xd1Q\xbe\x94&amp;\xd3\xd7\xf8\\\xb2Q\xf1\xad\xc2\xaf\x87:\x1b\x93Ng9\x158\x111\x17\x82\xa1oxj\xcf\xc6xvv\xfb\x9c\xa1\xacO\xf9|\xe7\xb0\x9e\xa3\xfa\x07\x07h[\xbaD\x0c\x0c)o\xc70*=8\xb1N\xea\xd5\x97\x9b5Nn\x98\xf1\xec\xac\x95\xbe\x98\x83yB\xb2D\xa32n\x89\xf0\xf6\x8aZ1\x1e2(G\xcd\x02\x19\x89h\xe1\xd0\xf6\xd7\xf7-\xd38\x11\x8b\xf5,\x959!\x00\xafx\xd4\xc07\x1b\x11\x01\xb0\x97\x87\x19\x80d\xa2\xfa\x17\xa9^\xf5\xc0-:u\xa9\xee\xab\xb6\xfc\xb2\x01\xec\xebX3\xb1\xb7\xb8\xf1\xda\xde\xa5)\x89\x96\x8e\xecLDE\xd3\xc6\\?\xa5\xaf\xf2\xc1\x0e\xfc/\xa1o\xc3r\xec\xd3rQ/\x13\xd9&lt;\xf3\x12\x17\x935\xf2eP\x8b\xadTC\xf8\xb99\xf5\xc3\xe8$\xee\xee\x915?\x1f\x9d:\xbbe\x0e\x11\xcd\x1b\xd4\xa6N\xa1\xcc]\xaa\xfbZ]\xd0\x18\x9a)\xdbk^i8HVh\x80\x18\xd2\x9a7\x19}\xbb\x7f\x8c\xb1W\x0eU\x9f\x0es\xd4+\xe2\xf6\xf4\xecV\xbe\xc0jl\xab\'\xd3\\\xc1\x0f\x00\x8aa\xac/.\xec\x90lIK\x04\x99.\x8a\xbd\xc2\xac\xb6\xcc\x0c\x05\xf0\xe8Tx\xa9\x9f\x92\x131\xc3\xd1\xdf\xa5\xd6\x91`T;\x85\xccsE\xab\xd0\xdaI}\xf8\xd2\xf9\xe1\x89\r6\xbf\xae[f\x86j\xac\xa7\x1d^\xe2\x7f\x0b,i(\r\xd1\x87\x1b\x07\xfev[lA\xc9LN\xa76\xcc\x90Dj6/\x9b\xdb\x86\xd7\x17\xc0\x82!\xed\x88\x88\x91#\xda\xecH\xc0\xaf\x87\x8a&gt;\xc0\'g\xb6\xd8P\x9b\x1d\xd1\xa9\xaa\x05\x99;\x8b\xaa\x04\xe0\x19G\xef\xe0\x04\x01\x97w-\xb2\xb9%-\xca\xe5\x9e\xd6\xbb\t\x00|\xb8!\xdf;\xb6c\x9d\xeb\xfb\x96I\xe6\xfb\x11g\x96a\x97\xc3b=\x11&gt;\xee\x93R\x99\x13\xde?\xbe\x1e\xf8T\xb7\x88[\xc45x\xce\xc0V:K\xfe~|\xfa\xe0\xf2\xf1:S\xba\x01\xe0\xcbm\xfeo#\xf5d\x05\x9bS:\x00|\x7fp\xdc\xb6c\x1d\x88\x10\xb08\x8d\xcf\xb7\x0f\x038\xb7e\x8eb\x99,VS\xa1\xcc\xd0\xe3\x02\xca\x14\x85\xc2\xd3w\xe8A\x93R9\x10\xbe \xe8\xf0\x0c\x00r\xf8$&amp;\xaf\xb84\xb5g\x08\xafYm\x16ocF\x93\x0et\xae\xee+\xbf\x1cg\xa2\x1a\xf92X\rY\xe1\xe8X\xa5\x08~=\x04\xf0\xf2\xc2\x0em\x81\x04\x9e\x13\xa6h\x12dl\xf2\x00\xb2)\xc5@\x01\xefl\xe6NX0\xa4\xdd\xea\xf1\xc6\xd2\xaa9\x15\x8a\x89;\xe4\xc3\xf5\xf0&lt;w\xf3&lt;\xfa+\x00g\xa2\xbc\xe1\xf7\x8a\x86\x1b\x03\x1a[\'\x89\xa2?\xe2\xf9\x00\x00\xbc\x8c\xe8\xb38`\x00\x85RE\x03P\xa7P\xe6\xf0\xf7w\xddk\xfbm\x9c\xda_OI\xbc\xbbj\xdb)\xd4Z\x98=.\xb1h\xfd\x83\xcb\xc7\x13Q\x97\x1a\n\x9d\x9dNHd\x0f\xec\x0e&lt;;K\x7fOOUN\x10\xa6\x06\xc5Q!9\x91{\x0c\xd3\x18V\xb7p\x96\xf0\xb4\x84\xd1\xf8\x88:$\x1c\x00\xbaT\xf75\x94\x0e\x12v\xec\xbbk\xfc\xd1\x1b\xca;\x8dN47\xb45\x9b\xa2\xca_\x9e\xcd3B\x077W\xe0sV\xec\xde\x1b\xf8fc\xb7\xa8}\xa5B\xc0+\xab\xac\x0f\x1e\xb1(\x06\x11\x80\xf6\x95\x0b\xd9E\xc9\xa1`\xca\xa8\xfc\x12\x12\xc8v)\xb6\x99Q1\xda%sX\x03]j\x14\xff\xe3\x9a\xad\x0e\xe8@\xe1T\xd1\xd9+{f\xd3,\xb6\xa5K\r\xe5U^\xbb\x8a\x05\xfd\\\x95]\x9f\x89\x88\xc6v\xd4K!k\xc3\xab\xc6\xe8\x9d\x15{\xf6DDE\xd3\x86EVW\xcee\x9c\xf4 \x02\xc0\xdb\xa0\xd3{\xd9\xb5\xa6.\xeee5\xd8w\xf5\xa0\xcd\x90\xa1\xd89\x1f\\&gt;^\xff\xb8\xeb\x9f1&gt;\x80\xd2J\xb46\xc9\x88\xe2\x10\xf5\xac[\x92\x884\x92\xcf\xe3\x12A\x898DlC\xf7\xda~\x1d-\r_\xda\x00\xd0\xa4T\x8e\xda\x053\x89\x1bg\xf5o\x0e\x00//\xcc\x1f\xdc\x96s\xd9.\x1f\xd3\x95\x88\xf0\xe1\xfa\xb5\xbdK\x95\xeay\xff\xfd\xfeq\x00\xc0\x0b\x16u\xaa\x01\x8f\xd8\xd4\xb1J\x91\xae5K0EkC\x01iY\xa3[\xa4\x955-\x95\xa3e@\x1e\xfe\x99T\xcf\x9b^2\xd5(\x96N\xf95)\x98"\xea\xa4n\r\xd5R\xf4{\xd6\xb5]\x13\xd4\x81\xff\x06\x1e\x9d\xda\xc4\xde\x9b\xfe\x8d\x03\xfd3%\xe8\xd3\xa0\x0c\xdb\xcer;E\xd8\xc56\xe2\x1d\x9fB\x9bT0T\x0f\x9b3J\x0ea&amp;\x84a\xad\xaa\x8a\x1b\x9d\xc2\xd98;\xa1Z\x1e\x17\xfd\xb9N\x0cv\xcc\n[2\xa2\x93m\xab\x99\xa8D]k\x14\xd7\xc3\x86\xedb\xf9/{:\x92\xb1a\xd1\xb0\x0exvV\xd1[.\x7f\xfa9\x12\xd0\xe1\x95\x13\xc9\xbc0\xd5&gt;{Z\xa2\xd0&amp;A\x1a\xd9\x06D\xb4lT\x17\xf6\x02\x87\x87~\x87]\xd7\xb5\xbdKW\x8e\xed\x1e\xda$h\xc3\xd4~D\x84\xf7\xd7\xc9dl|\xeaL\x04\xa0\x82Y\x88\xed\xe2\x8e\x05\xac\xf1\x1d\xab\x16\xd1\xf3\xb1@ \xe8\xf6\xcb\x18\x7fnh\xebB)\x15&lt;\xdczxd\xb9\x97\x9eG\xd3eT\xf1\x00\xcc\xea\xdf\xe2\xcb\xdd#\xe2\x16\x16\r(\xcf\xcc\x98\xd5\xbf\xc5\x1f\x0e`s\xe0\x8f\xa2k\xcd\xe2L\xa9\x03/\x15\x88\x15\xe5\xe8\xd3\xa0,,#\x828\xcadM\x9c\xc9\x08sq\xf8\xc9\xa1\xd8\xeb\xae\'B\xaee@\x1e\xber\xc1\x9b\xcb6\x9cK\xfb\x0b\x04~\xc7%*\x90\xdc\x94\xc7\x92\x88\xe8\xd0\x8a\x89FOqh\xc5\x84\x82)\xa2\xda\x1c\xe7#"\xe2\xdc\tDT4m\xac\xfaE\xb3\x06\xfbe\'\xcd\xe16\x06\xd1\xd9-s\x1e\x9f\xda$\xe9V\x14G\xa6\xf4DLu\xd2-:\xf9g\x8c\xaf\xcd\xc0\x91\xd3\xc9\xf4\xe8%\xaa\xe5\x12\x00\x00\x1e\xb3\x1f\xee1\xa9w\xfd2\x1a\x85\xd5\x90\')\x05dK\xcaN\x97;\x11M\xe8\xda`\xdb\xec!S{\x85\x10\xd1\xec\x01-\x01l\x98\xda\x1f\x00\x1f\xbc\xc5N\x1f\xearI\x1c\xf2\'\xc5\x82\x11"\x14\xb9\x12\xd2\xce\xf9\xc3\xd9\xefQ\xedj\xb6\r*\xc0\xe2\xb2\xe4\xf2J\xfd\x1b\x07Ftc\x96\x8c\xe8\xd4&amp;(\xbf#\x05\xeco\xa2\x8c[\xa2\x00%i-E\x008\xb1n\x9a\xa4?\x1c\xdb\xb1\x0e\xf0!\xfc\xeb\x03\xdd.g\x13\xcem\x99\xd3\xbcl\xae|\xc9,\xa6:\xc0o\xf1\xdf\x83\xcb\'\x00\x98k\x0e\x9f\xb0\xa1\x85\xc0\xef-3\x07\xf1\x7f%\x06\xacS\x1bf\x8cn_[\xdc\xe2\x1e\x93\x80\x0f\xf2z4\x12\x1d\xba(\xf9i\x19Z\x95\xcf\xab\xb8=\x9c(\x94*\x9a\x9e\x00P\r\xe0\xf99\x00%3%8\xb2j\xb2|\xf9"\x9f%h\x18\xc4\xf1\xe6\n\x19y4\xdb\xe7\x0c\x05\x10R\xd2[\xaby\xf8\xca*\xc4\xd7\xbb\xcbFu\x01p~\xeb\\\x006\xdcO\xe0#\x04,\x19\xd1\xa9J\xee\xb4\xad+\xe4\x03p\xc9&lt;\xe5W:\n\xc07\xa3\xe7\xfa\xf3h\x15\x98\x17_n\xd7\xc8\x97A\xbek\xed\xa4\xde\xf2\x8d\xf6\xc5\xe1\x95\x93\x00\xe8\xcc\xbfq\xe0\xef#%\xd1\xac\xfe-D\n\x8fAM+\xc6!\xda6{\x08\x80\xf0d\xd5F\xb5\x8cr\xabU \xe3\xee\x85#\x8dV\xb2zB/\xc9\x079\x7fp\x9b\xa1-*\xb3\xdf\xb1\x88\x00$\'eJj9\x92\x101)\xf0\x8eU\x8a\xa8\x95\x91\xaf\xd8\x01t\xab\xe5\xa7V^T\xbc\xd1\x00\x0bgb\x08)i2\xf56\xf0\xcdfC\xa4y\xf3\xb2\xb9\x8d\x1fd\x05\xde\xf1\t\x00\xde\\f\xb1dz\xa2\x89&amp;vm`\xaf\xb3\x8f\xe9P\xdb*O\'&gt;\xdc\x00^% \xc2\xebK\xdb\xe7\x0c\x11{p_\x978\xe5\xdc\x8d9\x9aa\x89\xd7\x97w\xb3\x8d\xe5\xdcUgN\xef\xae\xefc?\xf6,\x1c\xc5\xe8\xb25\x9e\x9d\xf6\xe0\xb7}\xeeP\xd1\x7fk\'\x82N\xebhT\xdc\x83\x88\x00\xac\x99\xd8+\xe2\xceR"\x83Ck\xe0\x9fG\xb1\xb4\xa6I\x1e\x9b\r\xed\x987\xcc\xee\xa7\xc8\x1e\x97\xf0]\x95\xdfQ\'\xe2*}K\xf8~o\xed\xa4&gt;\xe2\x96xD\xd5\xf3\xa6w\x8b\xa6K\xfd\xea\xcc\xa6Y\x8b\x86u`\xbf\x17\x0emou\xb6\xa2\xb3\x8b\'\xa2\x16\xe5|\n\xa4P]\xfd\xd6\x97qH\x1c_;Ug\xcd\x1c\xe1\xf7\xd9\x90\x8a\xdd\xacQ\t\x8f:\x85\xb3$&amp;\xb2*\xf7\xc8!\xf7\x07\x18\xd5\x1ek\x11\xe0S"C\\\xabk\xcd\xda\x053\xf12\xa9\x89\xf29G\x12\xbb\xef\x97\x17w\xd8\xa6y\xb6\x7f\xe9X\x00&lt;\xba\x86]N\xa9\xccN\xb7\x0f\xad\xd2H\x8d\\8\xb4\xfd\xcd\x03+\x88\x91\xd0\xa5\x8eQ0ET\x89\x9c}\xa5\x9c\xa9\xb5/\x07\xf8\xce\x0b4(\xe6\x0e@\xbf\x8f\x87\x19\xebl@\x14\xb3\x1f\x1e\xc0\x80\x88\xb7\x059\xf0\x0fA\xcd}\xc4\xa1\xf1\x05\x866\r\xca\x1a\x83\x1e\x9d\x0cov%\xc3\xe4\xee\x8d\xc2_IL"\xcf\xd8D\xb2\xde\x10\xf8|L\xbdK\xe5\xe9\x9d":T)\xdc\xd8\xdf\xcb^\x92\x89\x00\xcel\x9a\x15\xb1\xc1\xa7\xf6\xc0\xe3\xd3\x9b\xf5\x14\x03\xc0\xf4\xd6\xe7\x0cl\x95\x84(\xd8\xcf\xba\xf7U\xd1\xe7i\x15\x1a\xd24\xe6\x96|\x96\xbc\xa2\xed+\x17\xeaU\xaf\x94i\x040"1m\x15g7\xcff\xb5^\xdf\xb7L\xf2\x82\x1dZ1\xa1E\xb9\xdcd\x8e\nc\xc5\xbe\xde=\xbar\\\xf7\xa6F\xf4U\xd6O\xe9\xc7k\x8e\x15\x8eA]\x1e\xd6\xe1\x80\x03\nP\x13\x9b\x16\xa1\xb1\xf8%3-O\xf81\xb1[C\xb2\xc7\x9a\x97}\x87l\xfa\xc6z\x8f\xf8\xba\x99\x7f"\x0eO\xcfn\xb1\xedcv\x8bn\xcf\xa8\xa1\xf0\x03?\x1e\x98\xa7\xd7\xcf%\xd6\x12^\xc6(\xd7S\x1c\xa2\xd1\xed,Xf;\xe9\x0e\xebdz\xa2\x92\x97\xd8=&amp;\x11\x11\x00\'\x83-\xb1\x8a\xd5\x13z\x01\x9f;V)\x02@\\\xc5\x02\xe0\xe6G"\xc2\xcb\x0b\n\x86vK4/\x9b[1Z_7\xf5\x94a\xa4\xd3\xa1LW)G*E5\x08\x07\xfe7\xb1v\xa2\xed\xce\x9fq\x9d\xea\xe2\xfd\xb5/w\x8e\xd8e\x08`\x9d\xc8\xd4\x9e\x8d\xd5\xb2\x13\x18\xd4\x15\t\xff?\xa2T\xe6\x84\xbb\xe6\x87\x8bn\xda(\xe4+B&gt;\x00p\x957\xa3C]\x1cY\x90\x8c\xa1\x01[1{\xeb\x0f\x03x\xca\x7f;\xdb)\x8a\xda6d\x89\xa6\x1a\xb2\x05`\xe5\xd8\xee\x86j\xf3\xb0\xf7\xec\xc3\x11\x04\xf4\x17\x00\x00O\xcf\xe4NDDtt\xf5\x14\x8d\xf4N\xb9Rc\xc5\x1c\xa9\xd4\xe2\xd5R\x9b_\xf4g\xe7\xb6\xf1\x8db\xae\x96!\x8cl[\xf3\xc7\x83\x13\xa4\xd9}\xe0\xc3\xf5u\x93\xfa\x9c\xda0\x03@\xfa\x7f\x8c\xd1\xd7Hd\xac*\x00\xfcz|Z\x7fy\xe6K\x7f{u\x8f\x86/\xda\x8ex{m/\x00\x16\xf8$\x8e\xfa\xcd\xca\xe4doBY\xf7$dD\x04\x86\x88\n\xa5\x8a\xb6\xd9Rk\xe8\xbf\x0e\'\xa2\x1a\x11\x9cj\xae\x86\x82)\xa2@I\xd0\x8d\xc5\xb3\x15\xd0\xa4\x98\x96\xa3n\x91,6\xb3\x01\xaa\xa5\x80\x96\xcc\xe4\x98\xc2\xfd%\xec_2\x96\x88\x00d5\x98\xa9=\xa9[\xc3*\xb9\xd2*\xca\x1be\x8fk\xb7^\x98\xf5 \t\xd5\xbbuV\xe0\xf0\xca\x89\xec\xc7\x95\xdd\x8b\xcfl\x9a\xfdO\x8d\x01\xff\xf3`w~\xc9\x88N\x00\x1a\x16\xf7`\x1b\x13[F\xce\xe8\xafM\x1cB*dOQ\xde\xd3\xd9\xd9l\xf4\xcf\x1a]\xc1+\xa3\x07\xe1\x94\xdf1\x84\x08}\xf7&gt;\xdf9l\x03W3\x00\xc5\x90\xdf\x9euKe\x8bI\xa7\xcd\x14\x00z\xb0ph{\x006\x04#\x10Q*"\x00\xc3[W\xb3\xe1X\x07"\x10xz\x06\xc0\x82!\xedX\xd6\xdf\xd1\xd5\x93G\xb4\xa9\xce\xf72\xe1\xf54\x8a\xd15\x00\x80R\x99\x9d\xc4\x8d\xddj\x96\xb0\xb9%\xf2\x97\xbbO\x83\xb2D\x94\x81HM:f\xf1\x88\x8e\xe3:\x85\xb1PT\xcf\x9b\x1e\xf8-n\xd1\x8f\xff(+\xaa\rp&amp;\x1a\xd6\xaa*{\xa0\xe1W\xa6T4\xfa\xaby\x02\xacB\xec\xe2\x01\xdc9\xbc\xban\x117\xbe\xeb\xcb\x9d#\xf8\xf9@\xf1U\x1c\xac\xae\xe5\x1b\xda4H\x7f\x03\xfee\x00\x9f5\xf6\x0emQ\x85\xddm\t\x07\xdc\xec\x01-\x15\xcbw\xabU\x82\x88\xf0\xe1\xba\x91\x06\x84=\xcd\x99}\x9b\x19\xca\x13f&gt;\x92-\xff[\x0b\xbb\xff\x1dD%\x93\xaa\x97\xfc\x8b\xcd\x1c\xc5D\xc6 nt!S\xe1p\x9e\xd7+.\x91\xac\x7f\x8f!\xd4\x1c\x8d\xe8\xcc\xa6Y\xfb\x97\x8e\x95\x1f\xcb\xd6\xae\x92\x0e,\xa2\xb3\n\x87\xb5\xac\xaa\xb8\xdd\x89\xc8?\xe3\x7fi%\x0b\xbcy~~\x9bd\xe3\xe9\x8d\x06\xe6\x83\xe6z\x14\xfa\xfa\x03K\xc7I6\xda\xf0\xaaH\xb8c3FR\xe6j\xcd\x163\x02\xcd\xeb\x01\x1e\xc9\x864\xafd\x88\xd7\x03\x00\xf0\x95\xf3\x9e\xda\xd0\xb0\'g6+\xb2\xa5Z\x0f\xcf\xfbq\xdf\xddrQn\xb5\x01xsY\xfcb\xf2\xd8Q}\xc6\x81\x7f\x1c{\x17\x8f\x96l\xf1\x8eg\xec\x95U+\xa9\x9d\xa7\xd3\xb9\xba/\xa3\x14\x86\x99\xba\xb9C\xe5\xc2b\x81DD\xdc\\\x9a;\x11\xe5\xfd\x97^J\xee\x99\xb4\xaa\xa7\xf6\x8f\xa3J\xee\xb4\x95rJ\xf4\x14\xe8\xfc\xd6\xb9F\xebQ\xec\x94\x0b\xa6\x88\xca%\x9aY\xd8\xe5\xa7[&amp;\x05\x98LQ\xa8\x8c\x12\x13\x9c\xfes\x89[\\\xcc\x1by2Z\x93\x92\xde\xf6\x1a\x0c\xa6\xf4\x086]\xc2\xe7[\xc5\xd2\xc5\xaag^\x8bh 2\xd1\xda\x89\xbd\xd9AL\\ElL\x90WX\x0eb\x12\xa2\xeay\xd3k\x90\xef\xdb\x00\xc5\xb5\x91\xf6\xdd\x88j\xa9\xe1\xdc\xc4H|\xaa\x03\xffk\xa8\x96\xc7\xe5\xe7\xa3S\xfc\x8d\xe9^\xdb\x9f\xbd\xfdL9$\x87l\x82\xab\x98!\xb2`H\xbb\n^\x16\xc9\xb6\x92W0n\xd8\xf6\xc7\x8a\xcd\xd8\xbbx\xb4\r"\xc3&gt;I"\x96\x06G\x1b\xf2\xbc-9Jg\xb1\x91\r::\x99\xb8\xd28\xd4\xe8\x1b9\xf4\xa8\xc0W\xc9m\x07\xb1\xc5$D\x9fo\x1f\x16\xed\xc2\x91\x89\x86\xb7\xaa\x06\xbc\x05\x00&lt;\x17\xcf\x92\x96h\\\xa7\xbam*\xe4g\xff\xca\xd9\xff\x8b\xa7\x8fc\xa8\xfb\xe6\xc3\x0f\x1fR\xa6\xf6l\x0c@\xcfRFN\x91-O\x9b\n\xf6\xf3\x9c\xd9\xaf\xf9\xb0VUKev\x02P\xa7Pf=\xad*\x9f=y\xd8\xf2G\x89\x02\xbdM\x85\xfc\xf8\xf9\xa0Qq\x0f\x00r\',\xe3\xe33$\x8d\x10U\x85z6c$2D\xd2%\xf9\xc4\xb5\xf96tB\x83\xd8\x95\xe1?&gt;\x95\xfa\x8f\xa3e@\x1e\x8d\xbd\xfc5f:\xdd6`B\x97\xfa\xe2\'\xdd\xb9Z1\xed\t\xfd\x83\x13\x1b:W+&amp;6\xc0\xb6\xf3\xea\xc4\xd8\x8eu\xa6\xf7ij\xf4(\xcf8R\xde|\xab\xa6\'W\xa2\x18D&gt;f/g\xcb@\xe9m\x87\xba\\L\xc6H\x84O7G\xb6\xad\xc1\x1f\x87\xb8z\xb3-H\xbcj\xeet//\xee\xb4\xe9P"\xa2\x98DQ\xcc\xe4n&gt;\x89)\xc8;e\xa3\xe2\x1e\xbc\xfd\xa77\xce\xb4:\xf7lT\xc23\xb7\xd2J`\xd5\xf8\x1ez\x1aP=\xaf\xc5\x13h\x15\x98\x97s\xefX=5\x9b^H&amp;4\x19\xd4\xcd\xe5D\xd4\xc5\xa0\x18\x16\x80\x13\xeb\xa6\xa9M\xf0\x99\x04ML"\x00//J\x850m\x8067\xaam\xc8\x9d\x88\x00\x9c\\/\x95\x986\n\xab\xab\x1c\xe0E8O\xe1\x80a\x00\x18\xd3\xa1\xb6\x1e\x83\x0f+#\x0f\x06\x95\xa0r\xae4\x9cJZr\xb8\xda!\x12]rEJ\x19mz\xfa\xf0\xa3J\xee\xb4\x00l\x16\xa2\xd2\x0f\x96\x97\xc4\xe6\x84\x8a\x05\x80\xdf\xaf/\xefR\xbb]0[\xd2\r\xd9\xe8\xfe\x008\xcb[4\xa2\xeb\xfb\x96\xa5"\xda8m\x00\x00f\xd6S\xf3\x8at\xa8RXe\x8f\x02\x14\x19;4(Z\xd9-\x12\x15\x86\x0f\xad\x98p\xef\xe8\xdaH\x96\x05\x14o\xa3\x18\r\xa7\x87\x87Y\'*dO.Y\xc31x\xc7\'5\xd9\x00\xcf\xbf\xb8\x9e%"\xa2\xd6\xe5\xf3\x01\xc8\x12\x95t\x92\xf5H\xe6@\xa6%\xe0\xd33V\x0f|z\xf6/k\xa6\xfe\x7f\xc4\xa4\xee\x8d\xf8g0\x7fp\xdb7W\xf6\xa8\x95\xac\x9e7\xbdd\xb6%\xc7\xf0VU\x07\x86TP\xcc(\xd1OF\x06 O\x12c+V\t6M\x1fh\x83\xf0\xd0\xb9-s\xff\xa4P\x97\x8b\xcav\xe0\r\xf0\xf2\xc1\xf1\xf56\xd7\xdc\xa1J\x11\x00\x8c\xaa\xcf\xaa"!7\xca\xff\x01\xc8)\x08\xf4s\x91\xe2\xcbm\x00|~k\x83\xd9*\x99R\x8f\xbfk\xc1\x08\x17\xa5\xc2\xa2\xbd\xc2^\x03m\xbfF\xe5\xcel\x9a\xcdx\xa4\x01\xbc\xbb\xb6\xefo\xf7\xed\xba\xd0\xa3NICw\xa0\xa8\xa5\x1aSY\xf7$\x15sXUE#"\xe2t\x87\x0e\xfcQ\xac\x1c\xdb\xbd\xbc\xa7s&lt;\xa2`\xbf\xec\x002E\xa6\xd5\x13\x8c\xa9\xaar\x00(\x94\xd2\xba\x94\x07\xa7\xc1R\xb4\x98;\x11\x91\x99\xf9\x04\xf8\xf5\xed\xde1\xb6]\x12\x10\xa1s\n\x9c5:\xf5kT.\xbfsd\tA\xb4Qt\xaeV\xcc6O\xdd\xdcP\xbd\x12\xded\xb2`\x80\xc93\xe8\x87\xe4&gt;\x88\xd1\xba\x81:\xf8&lt;\xfe"V\x8d\xd3e\xe7\xc1\xf3s\x93\xba5\x84\x99\x80\xf3\xe4\x86\x196t\xca\x00\xfa\x07\x07v\xaf\xedo\xb5\xe4\xf4\xdeM\xf8o\x9d\xd1d\xfaS\x1c\x01\xcc\x1e\xd0\x12x\xfa\xf5\xeeQ\xdd\x07\xfde\x14Im`B\xa5\xc7\xed\xa4\x08_\x17\xfb-\xb5\x1c0\x84\xad\xb3LL\xf7\xd1\xccI\xbc\xeb&amp;\xabf\x9a\x00X2\xa2\x93b\x94\xfd\x9e\x85\xa3\x88\xe8\xc4\xbai\xe1i\xcc\xd7{\xa6\x0fcj\xaf\x10\xe03\x97U\x11\xfb\xb27W\xf6\xe8\xe9\x02\x98m\xfa\xf8\xdai=\xea\xf8\x8f\xedXG\xdc\xb5r\\\x0f=1(vb3\x8aX\xac\x99\xd8\xbbW\xbd\xff}\xd1&gt;\xa6*S(eT=c\x7f\x8br&gt;Ddt(%"WKo$\x9f\x7f(bL\x87\xda\x1a{\x15\x91\x9a(.\xd1\xcd\x83+\x199hx\xa0hk\xfd3P\xa33\xba\xb1\x7f\xf9\xfc\xc1m\xffhS\x1c\x08?\xa2\x10\x8dl[\x83\xff\x0b&lt;a\xbe\x01"\x82%\x9d\x03\x11-\x18\xd2\x0e\x00\xf0J\xa2\xc1\xc2\xa1fHiR*G\xa6(\x04|v5\x8b8\x96\xf7L./VG\xa0\xa3\x90G\x1c\xd9`\xfe\xbe\xb1\x7f\xf9\x89u\xd3\x99M\t\x80\xdc\xef\xaa\x88\xca\xb9\xd2\xb0\x13\xb5\t\xcao\xb5pZ\xa2\x99}\x9b\xbd\xba\xb4\xb3E9\x9f\xf4D\x7f8`5\nQ\x8f:%\xff\xec9\r\xc3WE\x8d\xf6_\x03\x80\x16\x01&gt;\xfc\xdf\xce2\xaf/\x00\x1e8\xabMN%A\x9dB\x99%qq\xffil\x9a&gt;@\xbe\xf1\xc5\xf9\xed\x9d\xaa\x15%\xa2\xbc\xc9h\xc3\xd4~^\x11G_\xe7@\xc4!\x85``\x01 \xf7\xd4\x8d\xefR_#\x00Q\xbbwf|\x90\x1b\xa6\xf6\x0f\x7f;u\xe2\xcc\xe6\xd9\xfc7\xd4cl\xe4X2\xb2\x13_\x8e\xa8\xc1\xc5\\mT\xc6\x99\x1eR&gt;\xaba\xb9{)r:\xd1\xd4\x9e\x8d\x15w\xd5+\xe26\xadw\x93\xfe\xc1\x01\x15\xb2\x87\x8d\x9d\xd9\xe3JU\x91\x8d\x02\xf8d\xd5\xc1\xa3\x13\xcf\xcfI\xd3\xca\x18\xcadMl(A\xee\xc6\xfe\xe5vi\x8fQ\xb4\t\xca_$M\x8c&amp;\xa5T\xd3\x08\x00\\\xdc&gt;\xdf\x86\x9a3\x10ipm\x890*%\xfdW\xe0\x93X!\x82\x96\xa3p\xea\xe8kd\xbaL\x0e\xfc\x0f\xe2\xed\xb5\xbd\xc0Ky6\x99\x06\xc6t\xa8\xbdnr\x1f\xeb\xe5\xf4\x01@\xd9\xacI\x80\x8f\xe2F5\xd3\x8d\xdd\xdfHn=\xb3\r\x8aV\xcf\'\xa77\xbb\x84\xa7R\x83h\x19\x90\'\xb9q%N\xa30\xban\xd3\xe6Qkm\x00\x00 \x00IDAT\x8e\x1b1T\xdb\xc8\xb656L\xed_U\xc5o,yU*\xe5HEDy\x93\xa9*\x19\xb0\xc51\x0b\x8d7\xaa\x96\xceC\x8d\xb5\xb5\\\x82\xbcS:\x19\xaa7\xe21\xb9G\xf0\xdfn\x82\x03\xff\x1e\xb8X\xb6\xfe\xafQ{\xa6\xa9\x93b\x90\x05\xb7\x14J\x19\xad_\xa3r\x00V\x8e\xeb\xae\xb3\x01\x00\xbc5C\xa5\x9b\x95\xc9\xc5\x7fG\'c$Y6\x00\x00&gt;\xdep\xb6\x1c\x99\x14\xaf%\x92Y\x9c\xcfZ\x85_k\x15\xc88g`\xab\xee\x11L\x02\x1a\x83h\xc3\xd4~\x0b\x86\xb4\xd3c\xd4\x08)\xe9\x05`\xed\xa4&gt;]k\x14\x0f\xff\xa9\x01\x8clS\xc3z93\xca{:\x07\xfby\xca\xb3\x99Z\x94\xf3\xa9\xea\x93\x8ee\xa8\xf0\x8cC\x96\x9f\xac\x18\xfa\x19\xe8\xe1LD\x13\xbb6\xa8[\xc4\xed\xe4\xfa\xe9V3\x9b\xd4\xe0\x97!\x9evtVd\xa2\xf1\x9d\xeb9+\xbd\tb\xdc\xd4\x9f\\\'\xac\x9e\x10\x81z\x90\x0e\xfc\xb7\x91;1\xed^`X\xb9W\x11\x85R\x19\xc8\x07\x04pd\xd5\xa4\xda\x053\x11\x11c\x95\xd0s\x08\x93aR\xe4\xa6.\x92:\xc6\x82!\xed\xfed\x1e&lt;\x80\xf7\xd7\xf7\xe3\xedU\xab\x03\xc0\xcc~\xcd%[6\xcfP`\xd4b\xc7\xda1t\x9dA\xee\xd5HE\x945:5+\x93\xcb\xaa\x9d7\r\x91[t\x02\xd06\xa8\x80\x9d\x9b%\xc0\xa6\xb8\xa0\xa7\x00\xba\xd5,\x01\x80\xc7\x08\x00\xb0\xda\xb37*a}$\xd6\xc0\xf8\xce\xf5\xb8?Dc\xf8\xc4\xd7;\x00$\xd9\x0fx}IR\x8cE^D4z\xd5\xb5\x7f\x94Af\x874\xd9\x7f\x17\x7fQ\x8b\x8a1A\xea\xd1\x96\xf2s\xb5\xe8\x9c\x8a\xbb\x84\x11\x0c\x94\xcf\x9e\x9c\x88\xbc-;/m+x\x9f\x06e#\xc2\xa6\xe9\x19\x87\xf0\xe1\xfa\xdaI\n\xf2;"\x17X\xc6H\xd2dz\t\x03+\xc3\nuY\x8f\xf0\x08\xb4\xc9\x8d\xd7ER\xc7\x90\x8c\n\xda\x11\x96\xb5\nd,\x99\xc9)\xd0\xc3jf\x82\x8d\x90\xf2\x19i"\x11Q\xbd\xa2Y\xbf?8\x0e\x80\r\x03|W\xc9L\t\xcaeK\x1aA\xc1\xb3\xf1\x88\x00T\xc9\x95\x86Q\xed\xbe\xba\xb4K\x9b\xdaSO:\xb4\x8d"\x1b\x06\x11\x1e\x0f\xfe?\xa5[\xe7\x80\x14\xb6Q\x01\xaf\x99\xd8\xcbf\x81\x17\x06\xcf8\xb4g\x91\xc5\xe4enhk?\xd7xV\x97\x00\xd3z7Q\xe3\x85\xb6\x8a\x92J\x9d\xa6N\xcc\rm\x1dqN-{\xb1\x97\xee[&lt;\xe6\xd8\x9a)g6\xcd\x92\x04\xb9J\xd2s\x8cBr\xe1\x95s\xa5\xe9\x1f\x1cHD\x91\x88\xcaf50\xb0d\xf97&amp;}\x1e\xb1i\xf5\xf8\x9e+\xc7v\x07\x10\xe4\x9dR2xL\xe8R?\x82\xce\xcb\x04\x8b\x1a\x14s\xdf1wXt"\x00=\xea\xf8\xfb$VX\xdeE\x1c\x1e\x9d\xda\xf4\xc7\xce%A,"\xe0WD3\xf5:\x10!Hk\xf6\xbcu\xadY\x9c\x88\x8a\xa4\x8e\xc1h\x13\x96\x8f\xe9\xaa\x10\xcbi\t5\x02[\'\xd9\x96M\xd3\x07\xc8\x03\xef\xfe\x11D#\x02^)\xae\xb8\x93\x10u\xaf\xedW8u\xb8\x03\x80\x94P\xd1[W"%\x03{F\xf2.\x19\x80\xe8\xde`P$\xe1\x91\xc3\xcfU\xea6Y7\xb9/&gt;\xdd\xd2\xdf*"\xaa\xe8\x9d\x8a-\xdaB\xfc\xbd\xc4\x10\xa6\xbf\x05\xe0=\x94\x88\xe9k\xe6w-\xa3\xcf\x9cHD\x0fOl\x90o\x9c\xd9\xaf\x19\x00E\xa3\xf9\xee\x85#\x99\xd7\xa7V\x81\x8cD\xd4\xbb~i\x00\xb7\x0e\xae\xfc3\xd12\xf3\x07[\xa1\x0e\xd4\t\xb5\xc5\xf7\xb7\xfbZ9\x13\x0c\x01\x1e\xc9\xe4&amp;\xd6\x99}\x9b\x11\xd1\x8a1\xdd\x12\x11\x9d\xdb27\x9c\xcds\xc0\x00\xf4\xc8\xfa\xb0\xc4\xdd\xe82\xce\xf7\x17\x17v\xd8\xf7\xc5Ut&amp;\xb3-N\xb6\xd6Y3\xbf\xeb\xb4^!:\x0b\xdb\x9c\x8b\xe8\x938\x02\xc9\xe8\x01\x0cR\xd79\x11\x11\x9f\xa8y\xd9\\Y\x94\xd6P\x00\xf0\xf3\x81\x9d[f\x04\xe5\xb3\'\xb7\xc1\x03&lt;MH\xca\xb5\x0bR\x10\xe5KFD\xf4\xf9\xcea9EA\xff\xe0@C\xcf\x91\x15\x96\'a\x00P\xf4\xd0\xb2\xfa\xf9\xae(\xfc\x9bzs\xe5\x7f b\x1e\xc0\x88\xd6&amp;\x15)9\xf5\x8b\x9a\x11\xc9?c\xfc\x0b\xdb\xe7\xe7ND\xf8\xf9 \xbf\x12\xdd\x93\x03\x11\x08\xf6\xae\xf7mXNg\xf9\xd3\x9bfY\x0c\x02\xcf\xce\x89{\xcbeKJ\x06\xa5\x97\xc4\x8f\xb0}\xa5B\xe2\xae|\xce\x91\xaa\xe6N[O\x07\xc1\xb2\x1e\xfc\xb7tZD\xd8kh\xf9\x17\x14\xd2\xff:\xb4o&amp;\x00\xe0\xd5t\xdd\xa3\x0e\x00\xbc\xb9\x1c\xfe\xf6t\xacR$&lt;\x950p?\xcd\xec\x01-7N3\x9cg\xd3\xd07\x9b\xe2\xd4A\x03\x12O\xc9\xafG\xa7\xae\xeeY\x02 \xb8\x84\xa7!\x97\x8c\x03\x7f\r\x00\x9a\x96\xce\xb1z\xbc*\xf9O~g\x05V\xb6xD\xae\x91\xa4\xb3r.\x03)75\xa8\xa1P*\xeb\xc4A\xe1\xc7\xfdc\xeb\xd8g\xf6\x1f\x15\x05\xacS(33\xc10\x9fv\x14\xa2\xbc\xc9\x88\xc5&gt;\x85\x1f\xe9H\x99\xe5\xd1\xaa\xd2\x80\x1c\x83\x9bU\xb4\x97uW\x9c\x0ek\xbc!bO\xad\x93\xab2\x89f\xc0\x98&lt;\xae\xbfQq\x8f\x1ds\x87\xe9\xab\xdb\n\x0e.\x9f`\x97z$`\xb3.Q\x93\x83\xbd\xed\x7f\xc5\xf5*N\x0e\xff\xc6\xf9\x1d0\x08\xf6\xa8\x0e\xad\x08\xef\xab\xb9aj\xbf\xb7W\xf7\x12\xd1\xfa\xc9}\xd7N\xb2[\x92W\xf8\xd1\xbb~i&amp;\xdf1\xa8\xa9.+\xca?\x8eT\x96\x1d\xe2\x90\xe6\x95{\xd7/m\xb4\x121\xd1\x14J\x14\xdf\x1e\xb1m\x89\xaa\x1c\xd1\xa6:\xefY\xcb\x87\x83\x84N\xc2\xff!o\x89\x84\x88&amp;\x9e\xf95\xbesxu\'AC"\xfc\x88l\x0e\x15\xb5\xb9\x06I\xa0\x94\x1d\x97\xa1\xd9\xd4\x9d\xfa\xbc\xff\xb5\xd7,\xc1\x10\x1c\x03\xc0\xff#\xf4\xa8Sr\xcd\xc4^D\xe4a\xb6\xf05\xf6\xcb.\xa7\x03\xc4\xc7\x1bzjSK\x8ft\x8bF\xf9\x92E\xcaj\x9c\xe2\xd9+\x1e\xed^h\x91\xa0`\x97\xb56\x03\xf0;\xb4I\x055k/\x80L:\xe6\xc36\x100\x00`n\xb4\x98\xb6Z\x87\xc4\xb1P\xad\x86^\xf5,\xc6\x95h\xea\xfc\x04\x9fn\x1d\x92,\x13\x8f\xac\x9a\x04\xa0\xbc\xad\x9e\xde]\x0bF\x88\xff\xf6\x0b\x0e\x90\x14\xa8U \xe3\xcaq=\xc4x"\xfcxP5\xb7\x9e\xc0`\x03(\x9c*\xfa\xc8\xb65\xee\x1eY\xe3d\xfc\xd8\xaa\xb9\xd3m\x9a&gt;P\xe7\xa2\xc46\xfc\xe1\x1e\x96\xaf\x8d\xdcm`Zw\xe0\x7f\x0f\xf9\x9d#g\x89J7\x0f\xach\xaa\x926\xa58\xfb\xd0\x13v\xc2f6\xdd,\x13YY\xc8\xb6\xa4\xe4\xa0\xa6A\x9e\xb1\xe9\xf6\xe1\xd5\x8a2.GVM\x9a\xd2\xb31\xd9$\x10\x9f\x90\xe8\xc2\xf6\xf9\x97v,\x00P8UXl\xcf\xbaI}$\xcd`\x1cs\xddj\x95\xe0[\xcen\x9e\xad\xbf_\xb6\xad\x07?\xb8|&lt;\xeb\x8dKd0\xdc\xc9\xf8g\x8c/:o\x80\x0f\x92\x06\x00\x90\xcc.\xe3\x11M\xef\xd3T\xb1\x9d\xe9\x88\x00\\\xdd\xb3d\xce\xc00\xd6\xebpN\x00;U-\x9a\x82\xa8]\xc5\x82+\xc7)\xe74T\xc9\x9d6\xfc\x84Kj`\x01T\xa2)\x83Mh\x86\xb6\xa8\xa2\xc1k\x7flMX0E\x14"\xe0\x13\xffwf\xbf\xe6o\xae\xec\xe1k\xa3I\xdd\x1a\xce\rm\xcd\xf7V1\xa8A\x14\x87hF\xdff:\xef0\xbe\xdd\xb5\xd78\x11\x99(kt\x9a\xd4\xadQC\x1d\xe9\xe8\x0e\xfc/\x00x\xaa\x16\xbeIDSz4\x9e\xd9\xb7\xd99u\xf5\xf0\x15c\xbaE\xf4$E\xfcJ\xf9\xda\xe1\xc3\xcd\x03-\x056G"\xb2a"Z\xa7Pf\x00\xbf\x1e\x9d\x92loR\xca\xfb\xf7\x93\xd3\x92\x8dm*\xe4\x17?H\xfdK`f\xbb\xd0\x10\xe1QC\x96h\x84O7\x8d\x1e\xa5\x13\xf2)\x1e^_\x02\x9ek\xbc\x0c\x1cL2\x01@x\x92\xce6L\xed\x0f\xa0y\xd9\xdc\x0b\x87\xb6W\x1c\xdf"\x13\x01\x90+\xf7j \x0eQ"F\x04"\x8b\xb6q\xb7\x1c\xed\xde_\xdf\xcf~t\xacZ\x84?J\x9f\xc4\x14\x93\xc8+\x1eE%zj)`\xc7B9\xc5\x05\xdf\xd8\x8eu\x80_\xbc@\xad\x02\x19\xc5\x9cm\xf6\xd09\xd5]\xc9L\x86\x8dB\xcc\x0cxp\xd9x\xedb9\x9d\x14F\xe2+\xbb\x17\x1b:\x97W\\\xd5E\xaaW\x84.p\x1c\xf8\xaf\xe3\xea\xee\xc5\x86t$l\x03\xffD\xad\xa6\xef\xe7M\xaa\xbcj~tj#\x11\x05dK\xaa\'\xebrV\xff\x16\x8a\x95\x88\x89&lt;\xc0;\xfdS\xe0\xf1\xbas\x8e\xb8\x8f\xdd|\x967v\x19_\x01\xb4\t\xca\x1f\xda$H\xbd\xc0k\x9d\'\xfar\xe7H\x9e$T0ET\xed\xf2zd\xa5\xad&gt;\xcdl\xb1(\xc8K?\xaf\xab\t\x8a\r\xc3\xd7\xbb:\x0fg\xad\x92T\xb2m\xf6\xe0-3C\xbf\xdc=\xa2vT\xd6\xe8$\xc9\x7f\x06&gt;K\xe6(zpm\xefR\xfe\xbbD\x86\xb8\\UI\r&gt;I\xa8s\xf5bF\xcf"\xc1\xcd\x03+\xa0\x92u\x9f^]\xe9\xd3f\x00`\x1e;\x07\xfe(\x98e\xfc\xf4\xc6Y${\xbfm\xee\xc2=b[\xd7#\xb4\x01.\x96\xf4\x8d\x03C\xca\xeb7\x83\xb8i\xda\r\xfa5\xb2\x88\x85Ut9\xa4#j\x19\x90\xe7\xe0r+\x93/\xbbc\xf6\x80\x96\xf2\xce\xcbj\xbf\x9c\x82\xa8T\x96\x84\xee1-\xfa\x0e9Xf_x\xc0\xe6\xbe\x91\x89F\xb5\xab\xa9]\xb2^\xd1\xac6\x8c[\r|\x8d\xe9\xba\xf44B\\\x13\x9e\x80Eg"\xab\x1dV\xd1\xb41E\x86\xabZ\x053\x1a\xbd\x03Q\x88r%\xa4\xcd3\x06\xda\xd2D\x83\xc0\xbb\xab&lt;\xc3\x9f\xa5\xbe\x03\x90\xcbr\x90\xe6\xc2\xba\xb3\x0eW|\xd3\xd2\n\x1a\xc8\xd7\xf7-\xd3\xd5J\x07"\x02LUj\xfb\x9c\xa1\xec\xdf\xc8\xa6\xb5\xbf\xf4e-\xe7n\xfb\xf2&gt;\x81\xb9\xdb\xb2m\xf6\x1a\xda4\xe8\xc6\xfe\xe5\xec\xa5\xcch\\4X\xe7\xc4|\xcf\xc2Q\xab\'\xf4\x02\xde\xda\xd0\xc2\x08\x82\x84\xd4\x88C#n{H\xf3\xca\xeczE\xa9\x9f\xf0\x83\x9dQ\x94\x1f\xc8\x14\x99\x065\xabh^\x89\xfdVk*GD\x1b\x06\xc5S\x00?\x874\xaf\x1c\xd1\xa7cPK\xd6\x8bA\x94\x94H\xf4\x1e\x84\x87m\xb0\x82W\x8a\xba\x85\xb3\xc4\'zq~\xbb\rw\xd2j\\\x10\x80\xa3\xab\'\xb3\xdf_\xee\x1c\xb1\xc1\x9d\xe3\xa4]\xff\x8b\x0b\xf7\x8f\xad[j\xabl\xa4\x03\x11\x08\xfe\xa4\x9f\x9c\xd9\xd2\xba|\xbe\xc7\xa76I$\xb3\x97\x8f\xe9j\xfe\xce\x7f\xd8v\n\xce\x1c\xb9z|\xcf\xd0\xa6AF\xe5\x916\xcf\x08\x85%\xac\x1e\xc2\xec\xc5\xcc\x05\xc7\x0f\xb1\xea\x8bf%\xd5\x88\xa3#\xae\x0bK*\xcc(\x99`\xb2^R\x023\xf8\xaa\x8b\x91\\\x02\xbf\xd9\xba\x07\x80\x9b\xc14\x9f\xc82r\xd6l\xb1hP\xd3 "Z8\xb4\xbdH\xae_(U\xb4\xe7\xe7\xb7\x9f\xda8\xf3\xd4\xc6\x99V\x17\x01\x7f\x0c\xf1\xcd\x89]|\x8b\x84{\xea\x1f\x84\xa1WK\x7f\xc2\r\x87\xda\x8b\xcf\xdd\xfe\x1b\xa6\xf6\xb3ZI\x89\x0cq\xf1\xf9\x96\xa2\xd9\xd0\xc5\xda\xb1\x00\x9e\x9d\xdbj\xcc\xf1\xed\xc0\x1f\x06\xf0\xf8\xd4\xc6\x99\x92\x8dYc\xe8\xcd\xf2\x18\xd7\xa9\xae\xde\xae\xf9\xc3uC\r+\x98"*&gt;\xdf6\rA\x0fO\xa8\x9dEb1\xe0\xc5\xbc\xe3\x13\x80XD\xf2\xc8\xf7\xe1\xad\xab\x19jID\xa3P\xcah,\xb13\nQ$\xa2K;\x17j\xdfR\x8di\xfe\x80\x90\xf2\xb9\x12\x92\x96\xfe\x88:\x98\xbe+\x80Z\x052\xb2\xdb\xfe\xf9\xf6\xe1NU\x8bJd\x9f\xad\x12hT\xcb\xe3R\xdaM\xb9\xf3\xc1\xab\x8bjG9\x19l\xad\x1c\xc5\xd2\xc5b\xe2\xd5)\x88\xf6-\x19\x0b&lt;\x15\xf7\x1a\x1c\x10\xad\xa0\x8a\x8a\xe0\x8c"8\x0f\x1d\x11\xb5\x154G\xcb\xa8\xdc\xa5\x08\x85$\x03_\x0fZ\x97\xcfg\xf4\x90\x86\xbe\xd9*\xe6H\xd5?8\xb0S\xd5\xa2F\x8fu\xe0\x9f@B\xa2\xd1\xedkY-\x86\x0f\xd7m0X[El\xa2\xd7\x97w\x95\xce\x92\xe8\xda\xde\xa5\x00Nn\x98\x01\xbc1Z\t\x80\xf4f\xfb\xfe\xfdc\xeb\xec\xd8\xbc\x08E\xe7\xea\xbe\x00JfrR\xdc[:K\xa2\xf1\x9d\xeb\xb1\xdf\xb9\x12J\x03K\xd4\xd8^\xbd\xe3[\xd1\xa5\x121\xb8Y%&gt;\xf6\xcf\xe8\xdb\xcc\x8e\x8c\x92j\xf3\t6Z\xab\x11s\xe6MFg\x0cj\xf5\xb0\x13\x89c\x95Gl\x93=\xd3\xc9PE*0\xc4cS$M\x8c\xa5#;\x03\xd86{0k\xd8\xa6\xe9a&amp;\xfe\xad\xb3\x06\xdb\xa3E\xc6`\xafO\x00\xc0\x</t>
        </is>
      </c>
      <c r="E597" t="inlineStr">
        <is>
          <t>&lt;class 'numpy.ndarray'&gt;</t>
        </is>
      </c>
    </row>
    <row r="598">
      <c r="A598" s="1" t="n">
        <v>596</v>
      </c>
      <c r="B598" t="inlineStr">
        <is>
          <t>steps_per_sec</t>
        </is>
      </c>
      <c r="C598" t="n">
        <v>8600</v>
      </c>
      <c r="D598" t="inlineStr">
        <is>
          <t>3.3350134</t>
        </is>
      </c>
      <c r="E598" t="inlineStr">
        <is>
          <t>&lt;class 'numpy.ndarray'&gt;</t>
        </is>
      </c>
    </row>
    <row r="599">
      <c r="A599" s="1" t="n">
        <v>597</v>
      </c>
      <c r="B599" t="inlineStr">
        <is>
          <t>Loss/object_center</t>
        </is>
      </c>
      <c r="C599" t="n">
        <v>8600</v>
      </c>
      <c r="D599" t="inlineStr">
        <is>
          <t>0.33279628</t>
        </is>
      </c>
      <c r="E599" t="inlineStr">
        <is>
          <t>&lt;class 'numpy.ndarray'&gt;</t>
        </is>
      </c>
    </row>
    <row r="600">
      <c r="A600" s="1" t="n">
        <v>598</v>
      </c>
      <c r="B600" t="inlineStr">
        <is>
          <t>Loss/box/scale</t>
        </is>
      </c>
      <c r="C600" t="n">
        <v>8600</v>
      </c>
      <c r="D600" t="inlineStr">
        <is>
          <t>0.05651703</t>
        </is>
      </c>
      <c r="E600" t="inlineStr">
        <is>
          <t>&lt;class 'numpy.ndarray'&gt;</t>
        </is>
      </c>
    </row>
    <row r="601">
      <c r="A601" s="1" t="n">
        <v>599</v>
      </c>
      <c r="B601" t="inlineStr">
        <is>
          <t>Loss/box/offset</t>
        </is>
      </c>
      <c r="C601" t="n">
        <v>8600</v>
      </c>
      <c r="D601" t="inlineStr">
        <is>
          <t>0.115503415</t>
        </is>
      </c>
      <c r="E601" t="inlineStr">
        <is>
          <t>&lt;class 'numpy.ndarray'&gt;</t>
        </is>
      </c>
    </row>
    <row r="602">
      <c r="A602" s="1" t="n">
        <v>600</v>
      </c>
      <c r="B602" t="inlineStr">
        <is>
          <t>Loss/total_loss</t>
        </is>
      </c>
      <c r="C602" t="n">
        <v>8600</v>
      </c>
      <c r="D602" t="inlineStr">
        <is>
          <t>0.5048167</t>
        </is>
      </c>
      <c r="E602" t="inlineStr">
        <is>
          <t>&lt;class 'numpy.ndarray'&gt;</t>
        </is>
      </c>
    </row>
    <row r="603">
      <c r="A603" s="1" t="n">
        <v>601</v>
      </c>
      <c r="B603" t="inlineStr">
        <is>
          <t>learning_rate</t>
        </is>
      </c>
      <c r="C603" t="n">
        <v>8600</v>
      </c>
      <c r="D603" t="inlineStr">
        <is>
          <t>0.001</t>
        </is>
      </c>
      <c r="E603" t="inlineStr">
        <is>
          <t>&lt;class 'numpy.ndarray'&gt;</t>
        </is>
      </c>
    </row>
    <row r="604">
      <c r="A604" s="1" t="n">
        <v>602</v>
      </c>
      <c r="B604" t="inlineStr">
        <is>
          <t>train_input_images</t>
        </is>
      </c>
      <c r="C604" t="n">
        <v>8600</v>
      </c>
      <c r="D604" t="inlineStr">
        <is>
          <t>[b'512' b'512'
 b'\x89PNG\r\n\x1a\n\x00\x00\x00\rIHDR\x00\x00\x02\x00\x00\x00\x02\x00\x08\x02\x00\x00\x00{\x1aC\xad\x00\x00 \x00IDATx\x9c\xed\xdde\x98\x14G\xd7\x06\xe0"\x9e|y\x13\xa2\x10\x08\x01\x82;$\xb8Cp\x97\xe0\xee\xee\x12\xdc]\x82\x07w\xb7\xe0\x10\xdc\xdd]\x17v\xb7\x81\x10\xdc\xd9\xddNR\xdf\x8f!\xc3\xecHOKUWw\xcfs_\xfc\x18f\xba\xab\xce\x8e\xb4V\x9dC\x08\x00\x00\x00\x00\x00\x00\x00\x00\x00\x00\x00\x00\x00\x00\x00\x00\x00\x00\x00\x00\x00\x00\x00\x00\x00\x00\x00\x00\x00\x00\x00\x00\x00\x00\x00\x00\x00\x00\x00\x00\x00\x00\x00\x00\x00\x00\x00\x00\x00\x00\x00\x00\x00\x00\x00\x00\x00\x00\x00\x00\x00\x00\x00\x00\x00\x00\x00\x00\x00\x00\x00\x00\x00\x00\x00\x00\x00\x00\x00\x00\x00\x00\x00\x00\x00\x00\x00\xd8F\xf28\xa2#0 \xe3\xc7F[(\x9d\xf6+\x16\x81\xd8I\xe3\xa2\x99\\\x0f\x8e\xac\x9e*6\x12\x00\xe7{Wt\x00`\x11T\x96D\x87\x10\x0b\x95\xa5\xa4\xa2c\x00\x00\x08\tT\x96\x1e\x9c\xdf.:\x8a7\xf2$x\xc7j\xfb$P\xabY\x89\x1f*\xfd\xf0\xad\xe8(\x00\x00,\n\xbb7\x00\x00\x08\x19\xf2\xcd\xa3\xa2C\x00\xf3\xac\x18\xd7C\xdf\x8a88\x02_\xe3\xbb\xd4\x15\x1dB,\xf1E\x07`3\xe9?$4:\\t\x14\xa1\xa5z\xce\xef\x87\xb6\xacl~\xbf\xd8\x82k\xb2}\xfeH\xd1!\x00\xf0G\x9f\\\x12\x1d\x02X\x1dv\x1e\xea\xe5\xfb\xf6=\xe6m\x96L\xf3\x05\xf36\xf5\xc17\x01\xc0\x96\xf0\xd3\xb5\x08K\x8d\xc58\xb1~F\xd0e\xc2\x0f\xae\xf2\xfco\x8c\x84\x8b\xc6\xb6B\x1f_\x14\x1d\x02\x00\xbcf\x95\x83y\xd5\xa8,\xf5\xa8]\x94m\x83\x0c[\x03\x00\x00o\xfb\x97O`\xd2N\x02&amp;\xad\x008\xdb\xc6\xe9\x83D\x87\x00`\x0f*O\x02n\x1e[\xaf\xb0\xe4;\xec\xe2\x01\xb3\xd1{gD\x87@\x08!5s\'g\xd5\x94\xbe\x13[*G\xb2\n\x00\xac \xcb\xa7\xa2#\xe0)&amp;\xf2\x88\x99\xdd\xfds\xeb\xb8\x99\xdd\x01\x98\xcd\xd9\xdb\x0b\x10\xa2b\x96\x84\xa2C\x00\x00\x000\x80\xbe\xba.:\x04\x08=\xbd\xea\x16\x17\x1d\x02\x00\x84\x985\x93\xfa\x88\x0e\x01\x00\x0c\xd92{\x989\x1d\xe5\xf9\xe6\x9d\x19\xfdZ\x98\xd3\x17\x98a\xdd\x94\xfe\xa2C\x00\x000C\xe6O\xde&lt;nP8=\xd7\xbe\xd2\xbe\xcf\xb5y\x00\x13a\x1e\r\x04\x92\xfdK\xefgv,\x18\xc5\xa9\xaf\xb3[\xe6\xe9^\x97\xe1w8\xb5\x8a\xd4\x1b\xf8\xc98D\xcb\xd2\xd9\xcc\xec\xaeI\xb1Ls\x06\xb56\xb3G\x00#\n|\xf7A\xd0e\xcag\xfaF\xe1\xd5C\xbf\xff6\xa1k=\xe3\x91\x1c^=\xa5z\xce\xef\x03\xbd\xaar\x8b\xbc}\x1e\x9b\x94|\xffc\xd2\n\x84\xa0\xe2)\xe3\x12B|\x8e\xab\xf8\xf2=\xa6iQ\xeaGsC\x00\xf0\xafu\xd9\x1c\xae\x07A7\xe2\xed+\xe6\xe1\x1d\x0c\x92\x19\x83\x03\x85\xf2\x19k\xbb\x8a\xb9E\x87\xe04L\xb2\xf6\xbf\xb8\xbe\xdf\xf5\xe0\xdc\xd6\xf9\x84\x90\x8f\xf9\x7fK\x83\xb6\xbfa\xfa@\xae\x01XK\xc3\x9f2\x88\x0e\x01\x98\xb1PBH\xfb8\xb0b\xa2\xe8\x10l\xa9[\x8d\x9f\x14^M\xa2\xb8n\x87Jy]\x0fJ\xa7\xfb\xca\xeb%\xb1;\x00\xa5\xcbX\xba0o\x10@\x95P&gt;\xde\x07\x9bR\xff\xa5\xd5}\xfd\xbdJ\xb6\xc4zW\x05p4\xec3l\xa7Z\x8e\xa4\xa2C\x00\x00\x80\x90\xd7\xa5ZA\xd1!\xf8\xd1\xa3v1\xd1!\x00\x008\xd4\xf3k\xfb\x08!c;\xd5f\xd8f\x1cvM5-\x9e\x85]c~\xa4B\xfeh\x95\x90\xa3\xd8\xca0\xf4\r\x80\x10Bc"\xd4.\x89\x9f\x0c\x80\xa7\xa6\xc53\x8b\x0e\xc1\x90r\x19\xe3\x8b\x0e!\xb8W7\x0e\x8a\x0eA\'+\x1f+\xd3gW4\xaf\x12\x83#Z\xb0\x06\xd7\xcc2\x00+\xbb{f\x8b\xe8\x10\x02R\x7f\xe0\xef)m\xf0)\xd2\x00\x00&lt;\xa9I\\\x03&lt;\x8c\xeb\xcc`6\x9c\x19\xa8,a\x90\x1f\x00\x00C\\7\xaao\x19o\x82\xcaR\xa9\xb4\x01S\xce\xb8&amp;^_\xda\xb1\xc8xG\xe0\xd7\xad\xe3\x1bD\x87\x00\x10*\xd2\x7f$:\x02\xabY4\xa2S\x02\xd11\x842\xd3\xeax\x80&amp;\x85\x92\xfc\x9f\xe8\x10\x80=\xad\xc7\xe3KFu1\xd8\xe3\xadc\xeb\r\xb6\x00\xaaL\xea\xde\x10\x97\xb0 t`\x07e\x8e\x93\x1bg\x89\x0e\x01T\xc8\xf7-\xees\x85\x8a\x93\x1bf\x8a\x0e\x01B\xc5\x80\xc6e\xf95\xde\xb5za~\x8d\xdbL\xc5,\tE\x87\x00f\xa3\x8f/\x8a\x0e\x81\x97\xa9\xbd\x9b\x8a\x0e\xc1\xb1\xee\x9d\xf53Zt\xd1\x88N&lt;\xfa\xa2\xf7\xcf\xf2h\x16l\xa9\xc0w\x1f\x06]\xc6\xe4*.`M\xc2/H\x16T\xf1]\r\x11\xdb\xe6\x8e\x88\x8e8\xaco]\\Z\x00\xe0(\x9dC7S\x1f\x0b\xed=o\x82w\x8f\xaf\x9b.4\x04\x0b\x19\xdc\xac\xa2\xe8\x10\xc0J\xe6\ri\':\x04\x00\xb0\x84\x0c\xa1&lt;6\x94&gt;8/:\x04\xf1\xc2\xf6\xad\x10\x1d\x82\x8582\x83\xbc\xbb\xb2 \x80p\xa8\x02\x06\x00&amp;1\xffn\xc4\x99\xcds\x7f\xfa^\xec50\xeb:\xb7e\xfe\x98\x8e\xb5DG\x11\xdb\x969\x98\x8e\x04\x8c\xd1\xbb\xa7\x99\xb4\x83\xd9\x9b^\xbe\x13\x1d\x00!\xa4{\xad"\xca\x0b0\xbf\xb5#\xfc\xa6:\x08\xf3",\xf8\xf9{\xb7\x9aJ\x15\xa8\xad\xc9\xd9\x99\x02\x1d\xfd\xc7\x81\xd9&gt;\x17\x1d\x00\x08\xa3o\xe7\xdf\xb1r&gt;\xe6\x91\x80\x0e5r%\x13\x1d\x02(\xc1HG\xb0\xb4,\x9f:g\xff_5{\x12\xd1!\x00\x08s`\xc5$}+\xfe}\xeb8\xdbH\xb4\xf2=\x0c\xa5Q\xe1\x0e\x9c\xbc\x8akm\x00`Y\xef\xab^\x92w\x89\xd9\xa1-+sm\xdfl\xa5\xd2|\x91\x14;\x000\xcb\x9cAmD\x87\x00v\x82\x91E|U\xcb\x91tr\xcf\xc6\xa2\xa3\x00\x00\xa7Y0\xac\x83\xe8\x10,\xaaA\xa1t\xa2C\x00\x7f\x96\x8d\xf9Et\x08`3\x17\xb6/\x14\x1d\x02X]\x93b\x99E\x87\x00\x00!#\xe8\x98}P\x86\xab\xe2\x00\xf0\x1a\xf3\xd41\x19?&amp;\x13\x7fi\xc0\xb8\xd1\xd0vy\xd7\x12\xd1!\xd8\x87\xc97V\x16\x0e\xef\xc8\xa3Y\x06\xf5\x91\xc5)\x90\xc8Z\xb3\xa6\xee\x9c\xdcdZ_u\x0b\xa41\xad/k\xfaDt\x00\x0eV=\xe7\xf7\xa2C\x80\xd8ht8\x97fq\x9a\xe6\x08\xf4\xe5\xf5 \x0b\xdc?gN$^\xb8\xde\xac\xcb\x8c\x9d\x00X\x07\x95%\x85\t\x0e\xfd\x1a\x966/\x14p\x90\xe6%\x7f4\xde\x88\x93\xf6\xf4\x89E\x07\xc0\xd5\x17\xa2\x03\x00UF\xb6\xa9\xbanJ\x7f\xf7\x7fi\xd4\r*K\n?3k\xfe\x027L\x1b(:\x04\x08\xe2\xfe\xb9m\xa2C\xb0\xa2\xb5\x93\xfb\x89\x0e\xc1\xb1\xde\x11\x1d\x80=\xfc}\xeb\x98\xfb\xf1\xd7\x02\xe30\xc6\xb4=\xd3\xc5\x1d\x8b\xcc\xe9\x08\x1c\xaf\xa9e\x06\x05~@\xc8\xf4&gt;\xcd\x84t]!s\x02!\xfd\xc2k\x03\x9b\x96/\x92\xcc\xf6\x97!\x91r\xcc\x19\xfe&lt;\xb1Qt\x08\xa1\xa8n\xfe\xd4\xa2C\x00q\x064.+:\x04\xee\xf6/\x9f(:\x04\xff\xfa4(\xd5\xbb^I\xd1Q\xf0\xb2xdgM\xcb\xa7\xe1\x96\x9b\x92&gt;\x10s\x03\xd9"\xe8_\xa7^?x|Qh `O\xd6\xbc\xfa\xaf\xde\x99\xcdsE\x87\x10K\xd1\xe4\x9f\xd0\xe8p\x1a\x1dNe\x89\xca\x91\xf4\xc5\xb5\xbfNo\x16\x1d\x94x\xca\xb7\xa0\x8c\xe8R\xad\xa0\xff\x1e\x05\x8d,\xe2g\xe9\xe8\xae\xae\x07\x9e\x93\x93M\xfb\xfd\x1eY=\xd5\x9c\x8e\xc0$\x7f\xdf:v|\xfd\x0c\xfa*\xc8\x10=Pi\xd3\x8cA\xf4\xe9\x15\x1a\x1dN_\x86\xd1W\xd7\xa9\x1cIc"hL\x04}qmD\x9b\xaa\xd9\xbf\x14\x1d\x9f\r\xd5\xce\x9bRt\x08Vt\xfa\x8f9\\\xdbGy\xdb\x90\xb0{\xf1Xb\xff3\x00\xbf\x12\x112\xb0iys\xfa\xca\xfc\t\x19\xdc\xbc"\xfd\xf3$\x8d\x0e\xa71\x11;\xe6\x8fJHH\xf1T\x9fm\x9b;\xc2\xb5\xc0\xf0\xd6U\xe8\xfds\xf4\xd9\xd5ZyR\x98\x13\x12XDhN\x05\xc8\xf1\x95\xe8\x08\xb4\xbb{f\x8b\xe8\x10\x04q\xe4\x0e\xc0\x1cq\x08)\x9f\xe9\x1b\xf9\xe6Q\x1a\x13I\xe5H*Gv\xa9V(\xd0\xc2\xf4\xc9e\xfa\xe4R\xe9t\xfa\x7f\x1c\xd6\x9aX\x0c\x10@:\x1b~S\xa9,u\xfc9\xbf\xe8(\xb8\x19\xd7\xb9\x8e\xdf\xe7Q7\xce\x88NU\n\xb8\xb6\xfb\xae\xcb\xfd=j\x17\x0b\xba\xca\xc3\x0b;L\x08L \x1cO\x181\xb5W\x13\xd1!00\xa8i\x05\x81\xbdo\x99=L\xc7Z\x9bg\r\xa11\x11\x84\x90\xbe\rJ\xb1\x8eH\x10w\xe9\x9c\xac\x8e)\xbdh%\x99&gt;&amp;\xff\xdc&gt;\xee\xba\xb7\xe9\xda\x01T\xfe1Q\xd0\xb5J\xa6\xf9\xe2\xc4\xfa\x19Z\xfb\n\xb5k\xb2\xae\x9fb\x08\x8a/:\x00\xd3HG\xd7\xf1hv\xfd\xd4\x01\n\x87 \xf9\x13\xbd\x7fx\xd5\xe4@\xaf:\xed\xd8\x85\xca\xd2\xed\x13\x1bDG\xa1\xd6\xf4\xbe\xcdE\x87\xa0\xcd\xbf\x7f\x9e\xf8\xef\xd8_\xa2\xb2Dc"\xd2\xaa;\xf3=\xc3\xf9\x0e\x9e\x03dSq\xc3\x9c\xca\x92\x93\xa6\x1a=\xbc\xe8\xf0SC\x86\xa4\xa3\xeb\xe8\x8bk\x81^U\xd8\x8e\xf7oT6M\xe0\xe2\x934\xea\x86\xc1\xc0,\xa7N\xbeT\xa2C\xe0e\xe1\x08.\xf9G\xd5\xf3\xb8\xf8#QY\xa2\xcf\x03~#\xbd \x93\xa1J7\x8f\xadW^\xc0\n\'\n\xff\xb3\xcf\x91c&lt;B\xd2}\xc8\xb2A!\x93\xfb\xa8,)g\x1f\xa1\xb2\xe4\xba\x8c\x933^\x1c\xb3\x82\x02n\x02\xed\xea\xb7\xcf\x1bir$^\xe8\xab\xeb4&amp;\xc2\xbd\x03\xd8&lt;k\xa8\xc2\xc2\x9bg\r1-0\'Q&gt;\xa7r\xdeH\x7f\xae\xd6M\xe9W!\x93\xed\xaf&amp;RY\xfa\x96Q\nB\x00\xfd\xa6\xf4lL_\xdd\xf0\xbc\x07P%\xebw~\x97\xac\x9e\xf3{z\xeflt\xe4a\xf73\xe53\xda\xfewhw\xee\t\xb4*\xad\xfd\xad\xaf\xffv8Lp[\xfakW\xb6\r:\x89\x03/\xd4\x80\x1d\xdd&gt;\xbe\xc1\xf3\x0c\x80F\x87\xdf\n|\xc9\x82&gt;\xbe\xe89a5$G\x87;S\xc7\xca\xf9\x98\xef\x00\xa8,\xdd&gt;\xb1\x91\x10rn\xcb&lt;B\x08\xdb\x99\xe4\x13\xba\xd6g\xd8Z \x15\xd5\xdd\x9e\x89\xc7\xa1\xeb\xf9C\xdbsh\x15 6\xd7\x8d_\x8f3\x00\x89\xcaR\xa0\x12f\xe3\xbb\xd4\xf5\xfc\xef\xac\x01\xad\xf8\x06\xf6\xc8hZ\x98\xc2I9\xd6\x94S\xb8\x11gG&lt;\xee\x01d2\xb9\xa4\x9f5\x8c\xedT[t\x08F\x85B\xfa5\xfdJ\xa5\xf9\xc2.w\xcc\x94}N\x08\x8d\x89\x88u\x13X\x96\xa8,e\xf9\xd4\xff\xf2\n\xa5x\xc0\xee\x90\xb0\x96\x89\xfa\x05\xd3\x9a\xd9\x9d36D\xf6\xe3\x98\xf7\x9d&gt;\xbaHcb\xef\x00b"\x90X)4\xf1\xb8\x94\xe1+\xd7\x7f\xc3Z\xcc\xe9\xce\x1c\xee\r\x82\xbe-\x83+\xbd\x8a\xeeS\xea\xc5\xa3\xb4%\xb5\xad\x96#\xa9\xbe\x8e\xe0\xb5w\x9cr\x05&lt;\xeb\xe7\x84\xbe\xba\xee\xb5\x03\x08?\xb4:\xfdG\xa2#\x03\xcb\x90\x8e\xace\xd8Z\xd7\xc0\x89F\x1c\xa0^\x814\xfaV\xfc\xf7\xcf\x13l#q2g\x17,5\xd9\xaa\t\xbd\xde\xdc\x06\x88\x0e\xa7w\xcf\x84\xe4\x95[C\xf8%\xb6\x0ctD\xd9\xaeBnN=\xfa\x0f#:\xdc\xcc\xee\xeck\xd5\xc4^l\x1b\xbc\xb0m\x01\xdb\x06\t!/\xc2\xf63o\x13l\x8c&gt;\xbe\xf4\xdf\x85\xa0Hg\xdd\xda\x04\x08\x88\xd5u\x90\x99\xfd[z\xfe\xf7\xd9\xd5\xbd\x8c\x1a\x060\xcb\xa4\xee\r\xdb\x94\xcbI_\x84\xd1;\'k\xe5I\xd1\xb8h&amp;\xd1\x11\xf1\xd5\xafQ\x19B\xc8\xcb\xeb\x07D\x07"\xc0\xdb\xa2\x03\x00\xf5\x8a\xa6\x080$#d\xa99\x1b=\xben:\xff@T\x19\xd2\xbc\xa2\xe8\x104\x90\x8e\xac\xa5r\xe4\xebZ`/\xc3\\O~FH\x87\xcay\x8f\xad\x9d\xd6\xa6\\\x8eNU\xf2;\xa9\x1e@\xc7\xca\xf9D\x87 ^\xfbJyD\x87\x00\xe4\xd4\xc6YDt\xb2t~\x15O\xc16\xd2~@\xe8\xf3\xab\xae+B\xdb\xe6\x8d(\x94\xe4\xff\xa2#\x8f\xd0\xe7\xd7ht\xf8\xb9\xad\xf3g\x0fl-:@0jD\x9b\xaa\x9e\xff=\xb7u\xbe\xa8H\x02q\xcc(;\x00\xfb9\xbfm\xc1\xa5\x9d\x8b]\x8f\'\xf7lLc"\xe9\x93K\xbf\xd4\xf8IlT\x9a\xd0{gE\x87`]\x83\x9bU\x10\x1d\x82f\x95~\xf8Vt\x08:\x05\xca\xae\xbenJ\x7fS\xe3 \xa4x\xca\xcfL\xeeQ\x98\xe4\x81&amp;\xb3\x9a\xeb\x1d\xd1\x010\x81\x8c?\xe0\x16~p\xd5\xf2\xb1\xddDGa!\r\n\xa7S\xb3X\x9br9\xbd\x9eq\xe5\\\xc9\x9b\xf0]\xad=\xa6e1N\xe3\x87\xb8\x0c\x1a\x01\x80\xd0r\xe3\xe0**K\x9fk\xb9JC\x9f]\xa1\xb24\xa1k=\xae\x81Y\xd0\xa9M\xb3\x83.\x83\x8b]Ah}\x83\xbeB\x85H\x00nR\xeb\xfam\x8dhS\x15[:~tL\xdc\x19\xdd\xbe\x06\xfb8\x84\x9b=\xb05\x8f\xc4\xb6\x0e`\xd9\xf7\xc4]\xf2\x93\x87\xdc\xf1\xdf\xb6\xec\x1f\x1e\xe2\xe2\x8a\x0e\xc0\xca\xba8z\xb2\xb46\x9a\xaeUE\x1cZMe\xc9\xc1\x15\xc4\xcca\xe6\r7\x8bTzv\x1d\xd7\x16I\xee\x8c\x04\x1f\xdc\x99\xb0[539\x1d\x8e\x12\xea\x15H\x13(\x05\xa4\xcd\xe0\xb3\x14nL\xc7Z\xa2C`\x06I\xb3\xfc*\x92\xec\x7f\xa2C\xb0+\x85z\x1b\x02\riQ\x89\xca\x92\xa5\xd3\xfd&gt;\xbf\xb6O\xcdb\xd8\x01\x08wu\xcf2\xd1!\xa8\xa2\xe6\x90\xe7M\x96\xc7\xbfN\x17u\xd6\xf9A\xd3\xe2YD\x87\x00\x02\xe4\x8c\x17\xc7\xb7\x14\xa5;\x17d\xfeD\xb1\xc6\x18\rk\xf9\xb3\x89\xa1\xb1\xf0k\x87\x9a~\x9f\xcfl\xdb\x1fo\x08&amp;\xe7Q(\xa9\xb1g\xc9X\xd7\x83\xe3\xebg0\xef\xf7\xd0\xef\xbf1o\x13\x00BWM\xc3\x89\x13\xe4\x9bG\x99D\x02\xce6\xb4ee\xd1!\x80\x1f5s\'\'\xae\t\x95\xf7\xce\xe2\xfa\x84\xd9\xc2\xf6\xad0\xb3;\xe3\x1f\xb0e\xbf"\x7f\xdf&lt;\xe6\xf9_*K\xf4\xcf\x93\xa2\x82\tdZ\xef\xa6\xa2C\x10\xa6{\xad"\xa6\xf55\x7fh;VM\xa5\x15\x9b\xfe\x86\x10BH\x8f\xdaE\xf95\xee\xfaEw\xabY\x84\xeb\x807\xb0\x84t\x1f\x8a\x8e\x00\x14\xd1G\x17x4\x9b\xc2\x1a3\xcfM\xd0\xb6|.\xdd\xebZ\xf6\xe0\x06\x9cl\xff\xf2\t\xea\x17\xd6&lt;/;\xb6\xaa\xd9\x93\x18k\x00tz\x9b\x90\xba\xf9SkZ\x85\xe1@\x16l\xda\x00\x9c\xa0E)\xef\xfb\xe3\x9a\xec]:\x8eU$V\xe3\xbcm\x1c\xc3\xbfhP\xd3\xf2\xac\x9ar0\xd7\x1b\x1eG\xcb*q\xf9D\xc2\x83\xeb\xaf\x9b\xd8\xad\x81\x86U^\xbe.\xbe\xed\x1e\xda\x00\x82\xd1\xc7\x17E\x87`Q1\xd2\x11\xd1!0FcpM\x16X\xaa\x93/\x15}x^t\x14odT\xcc\x11a\xf59.\xf1D\x07`/\xe52\xc6\xd7\xb7b\x8d\xdc\xc9\xd9F\x02\xe0x\xac\xee\xe8Z\xa1:\x9b\x05\x0bB\x08\xd3\xaaLv\xd1!\xe8\xf4\xec\xda\xde\xcb\xbb\x96\xe8^\xdd!\x13\xc1Y_\xaa\xa2\xcf\xaf1l\xcdv\xac65T\xd3\xfd&lt;P\xe0\x90+\xbaV?\x8b1\x97\xabX\xe6\xcfY\xbf\x13\x1d\x88Cl\x9f?\xd2!\xbf\x13\x00\xa7\xbaqp\x95\xe8\x10^\xcbd\x8d\xfc(\x06\x072\x81\xdb7\x84\xfc1s\x88\xe8(\xb4\x89&lt;\xbcFt\x08N\x90\xca\x19\xb5\x9cB\x01\x8e\xd1,\xc2\xe4\x0f\x82&gt;\xbeX&amp;\xfd\xd7f\xf6\x08\xc0\x10}\x19\xa6~\xe1&amp;\xc52\xf1\x88\xa1|F\xfb\x97\xfb;\xbfm\x81\xe8\x10BT\xebr9D\x87\xc0\xdd\x90\x16\x95D\x87`]\x0e\x1e\xf4\x0cv\xa5p\xfd\xbbV\x9e\x14\x9a\xc6 \x83\x97BI&gt;\x12\x1d\x02\x84\xba\x94\xef\x10\xfa\xf4\xb2\xe8(\x08!\x84\xfeuJt\x08\xa1\xaat\xba\xaf\x02\xbd\x945p\x85\x11\xdf$\xa8`S\xce\xbe\xee\xe7\xec\xbf\xce\xb8\xde\xf5J\x8a\x0e\xc1!\xd2Y \x11\x13\x84"\x83\xf7\xd8\xa8,=8\xbf\x9dM(\x00`S\x152\xd9\xff&amp;F`\xa3\xdb\xfb\xafm\xc0V\xc1\xc4\x1c3\xd8q:\x98u\xde1\xb2\xbe2\x9c\x17p\x03\xcc\xd1\x9c\xf7=\xd7 \xe8\x1fO\xff:5\xa2MUs\x82\te\x9f\x89\x0e\xc0\xcb\xac\x01\xadD\x87\xc0\xd2\xf1u3H\x88\xff\xd4\xd9\xc9\xfd\x8d\xd9Sk\xadVhj\xce\xa06\x9e\xff\xed\xdf\xb8\xac\xa8H\x00\xd4r\xd5d7\xa7j\xdb\x8fV\xdb\xa1\x81\x9dYs\xcf\xfd\xf0\xc2\x0e\xd1!X\xd8\xb2_\x7f\x11\x1d\x02!\x82\x12\xcf\xf5\xa9_\xca\xfcNU*\x91\xca\xa4m\xb3\x99?\xda\xbbg6\x9b\xd6\x17\xb8PYz\x15~\xd0\x9c\xbe\xfcNF\x19\xde\xba\x8a\xe7\x7f\xcfl\x9e\xcb\xa3kT0\x05U\xa2#\x0e\xbb\x1f+o\xfbB\xe4\xce*\x95%\x9c\x06\x88\xa22g\xe1\xc2\xe1\x1d\xf9\xc6\xa1E\xf0\xcb\xd1\xb2tr\xc3L\xafg\x02\xd5\'\x07=&amp;t\xad\':\x04\xbbJ\xee1\xfda\xf5\xc4\xde\xe2\x02ao\xd1\x88N\xba\xd7\x9d\x1b\xfbj)@ :N\x19\x15\x86\xaa\xbbYyZ\xd2\xa4n\r\xacyu\x0b\xc0it&amp;\xf2\x06\x0b+\xebqi\x88\xde;\xa3\xb0\xe4\xd69\xc3=\xffkr\x19s\x87s%\xc8\xb4\x1a\x1a\x13\xc1\xa9\xe5}\xcb\xc6sjYa\x86\x9d&gt;\xf4\xceI\xbb\x1cb\xbc\':\x00Ql\x9d\x12\xcd\xf7\xdb\x95\xfa]B\xa3n\x98\x7f\xdc\xad\xe9{\x9e\xf9\x13\x92\xed\x0b~\xb1\x84\x98\xf4z\xc7\xb8s\xcd\xaah\x97\r\x9f\xa7\xd2i\xbfd\xde\xa6\x9e\xa1\xef\xa6K\x16\xf80\x82\xdf\x8e&lt;\x94)ds\xd1\xfd\x86g\xfc\xbf\xffZ\x90%\xf3\x0f\n\xf9\xfd\xde5\xd5\xa5\xa1\xb24\xb2m5N\x91XT\x9d|\xa9D\x87\x00o\xa4}\x9fK\xb3T\x96\xf8\x8d\xec\xbau|C\xa0\x97\x98\xd7K\xb1Z\x01\x16\xbb\xf3\xca\x149\xa4y%;\x1e{)\xa0\xb2$KG\xb5\xae\xe5\x94\xe2O\xa2\xed^&lt;Ft\x08`\x86\x9f\xbeW,\xae\xca\xce\x99?\xe6\x98\xd3\x91}\x19\xbc\xc8\xf9\xf2\xfa\x01V\x91X\xc1\xfds\xdbD\x87\x00\x86u\xad^Ht\x08\xf6\x96\'\x01\xc7\x8b\xd5G\xd7LC\xca,\xde\xa8,9\xec\xd8\x9c\xb7\x89\xbf4\xf0\xfco\xfb\x8ay\x8c\xb7\x89\x8f\x00,-l\xbf\xce\x01\x12\xd3\xfb67\xd2oJ+\x94\xeeVd\xf7\r(\x95\xa5n5\x7f\x12\x1d\x05KID\x07\x00 ^\xeb\xb2\xd6-\x1aC\x9f]Y2\xaa\x8b\x9a%\x83\x8f\xe8\x86P5\xa49J\x06\x81\xe3\xa4\xfb\x80\xac\x9e\xe4=e\x8c\xcaR\x02!\xd1\xf0qp\xe5$zWi\x80\xb6/[\x1fe\x0bG\xef\x9c\x12\xd8\xfb\x82a\x1d\xd4,f\xb5\xe4n\xfa\xf4\xa9\x8f\x92\t\x10\x98\xee\x11\x9du\xf2\xa7f\x19\x87h\xbc7\xe8\x9a\xb2\xd5\xae\x1c\xd7#.\xb7H@\xbdE#:U\xc8\xec\xa4C\x1d\'\xeaZ\xbdpT\xc4!!]\xdb\xfd0\xd0\xf3z\xf1\x82a\xed\xb5\xae\xcb&gt; \xb0\xa7i}\x9a\x89\x0eA\x95\x94\x01\x86\x088\xe0\xc6\t\xf3%! w\x1az\xfa\xe0\x9c\xf1\xd6\x14&amp;\x9a\xd1\x17\xd7\xf0\x81\x85\xb2\x05\xc3\xda\'\x89=\xf6t\xef\x12S\xcb\xafg\xf8\xbf\xe0\xcb\x08\xe1\xf7wA\x9f]a\xd8\x9ai\x8c\xcf"\xb4\xc5&lt;J\xfd\xbe%\xe4\x7f\xa2c\x10%\x19\xff\xe9\xea\xba\xbf\xfd\xd89YG\x97\xaa\x05\x89\xe3&gt;\x91\x1e\xb5\x8a\x9a\xf3\x179\xec}\x03\xe7\xf0\xfdj\xce06\x90\x91\x10\xd2\xa5ZA\xdf^L&gt;\xb44\xce\x9cI\x8cv\xa94W#W2B\xc8\xd8NuD\x07\xa2J\xde\x84\xef\xaa\\r\xf3\xac\xa1\x9aZ&gt;\xb2f\xaa\xf2\x02\xdb\xe7\x8d\xf4zfR\xf7\x86\x9a\xba\xd0\xe1,\x9f2\x00\xea\xe5\x8e\xaf\x7f\xfcrj\xb5\x9f\x95P\xe6\xd7T1\xed\xa8\xe14\xffI\xa1\x0c\xaf\x81\x16O\x89\x04\xfb \x8c\xfbRA\xa0\xefs\xf5\x9c\xdf\x07mdr\x8fF\x06\xc3hP8\xbd\xe7\x7f\xdd\xc14*\x92Q!6+\xf0\x8d\xcd\xca\xd1\x86\x04s\xea\x1f\xe0c6\x07\xbf,\xad\xcc\xcd\x1f\xda^:\xbaNt\x14\x9a=\xbd\xb2Gy\x81P\xfb\xaa\xd7\xc8\x95\x8c\xc9\xddJ\x80Xn\x9f\xd8(:\x040dh\xcb\xca\xa2C\xd0\xe6\xec\x96yA\x97I\xf1\x96\xaa\xa6\x86\xb6`\xff\xb7\xf7\xaeW\x82ak\x0co\xed\xea\xcb-\x98\x94]\x00N\xa3)\xf9\xaa\x8d\xecX0\xca\xb4\xbe\xec{ f\xa4*\xc0\xef\xe3{2\x8b#\xb0\xee\xb5\x8ax=\xa37\x1b\xba\xb5\xac\x9b\xd2\xdf\xf5\xa0[\x8d\x9f\xa6\x1b\x1b{J\xff:\x15t\x99\x04\x84\xbc\x08\xdbo\xa4\x17p\xa6\xc6E2\x8a\x0e\x81\x17\xfbn\x97\xc1\xadH\xb2\x90\x1d7g\ti9g\r4\xf2#\x1d\xd0\xa4\x1c\xc3H\xc4\xbbq\xe0wQ][s[Y\'_*#\x81i\x98T\xe2Q\xdfN\xa1v\x07\xe8\xa0\xf5\x13\xd4\xf1\x89#\x17\xbc\xc5\xad\x1c\xd7\x83&gt;\xb9\xc4\xbcYkn\xb5\x1c\xe8\xcf\x93\x9b8\xb5\x8cks\xfc\xb8\x0e\xddT\xce\x7fz|i\x97\x8e.\x18\xfe\x02\xaf\xeeY\xa6\xbbM[o\x08\xbc\x86\xd9\x08T49\xf6\xa4\xe0\xcf\xaa\x89\xbd\x99\x97\xcf\xb5\x0b[o\\\xbcX\xf9oq\xc7\x16(H\x1a\x15n^4,\xd0\x07\xe7u\xaf\xbbi\xc6`M\xcb\x17L\xec\x8c;#\x00\xf6\'|\xb2L \x16\xdc\x01,\x1a\xd1\xc9\xf5\xc03\xb6\x8c\x9c\xd36\xfc}\xeb\x18\xdf\x0eLg\xc1O\xd6\xb2\x1a\xfed\x95S.\xe7\x98\xd9\xaf\x85\xbe\x15\xe9\xd3\xcbl#\xf1n\xdf\xe3\x87\xf1=!O.\xef\xe6Xg\xeb?\x8d\x8ad\xcc\x15O\xdd\x08&gt;\xb0\x98s[\xe7\xf3h\xb6_\xa32&lt;\x9a\r\xa4.\xd3\x04\xb7O\xaf\x06\x99\x8e`Y%R\xf9\x99\xcb\x89\x9de,\x07VL\xd4\xb4|\xb1\x14\x96\xb8P\x98D\xddb\xfa&gt;l*K*g9-VW}\xc5\xfa\xcc\xf9Ul\x9f\xef\x9d\xbd\xc0LT\x96\x82VB\xde\xb9`\xb49\xc14+\x91\xe5\xcc\x1f\xcc\xce\x14K\xa6\xb6\xca%\xda\xc1\xcd+z}\x97L\xaa=\xadZ\x0e\xd4B\n\x1d\x95\x7fL\xa4o\xc5i\xbd\x9b\xb2\x8dD8\x85M|\xdb\n\xb9\n&amp;\xfeP\xc7&gt;\xa0\x91\x811\xc4\r\n\xa5\xd3\xb4|\xd5\xecI\x86\xb7\xae\xa2~y\xbf\x7fN&amp;s\xb7F\x7f\x9d\xde\xac\xf0*\x95\xa52\xe9bm\x8d\xca\xa4\xff\x9asD\x84\x10\xf2&gt;!-Je\r\xba\x98\xbe\x994\xd9\xbe\xd0\xb1\x12\xd8Pt\xc4\xe1\xa0\xcb\xd4\xcc\x9d\\S\x9bwN\xf1\x1an\x04&lt;p=o\xa8\x9d/\xa5\xfb\xf1J\xed\x93\xce\x04\x9e\xe9\xef_&gt;A\xdf\x8a\xe52\xc4g\x1b\x89&amp;\xe1\x07Wy=S(\x89\x80$\xdas\x07\xb75\xbfS1~D\xb61\x9e\xa6\xf6j":\x04\xab\xe0\xb15\xd4\x9aw\xef\xc1\x85\xed\xfa:\xd2\xbd=\x05\xe1\x12k_\xe5\xce\xa9?\xd8\xc7aM\xf3\x86\xb4\xf5\x9a\x9f\x9d\xd3\x8cS\xc0\xe0\xeep\x1b\xf8o&amp;\xf5\xa9z\x1d/PZ1#E\x02U\xee\x00\x94o\x1a\x85\xed[a \x04^\x0c\xee/k\xe5M\xc1$\x0c\xdf|A\x91G\xd6\x1al\x93\xbe\xb8f\xb0\x05\xdeT\x16:v\x88^u\x8b\x8b\x0e\xc1\x0f\xb1\x85\xe5\xe2\x89\xea\x98\x03\xe5w\xb2L\xba\xafOo\x9a\xcd;\x86\xcf\x02o\xd1rX\xe3\x80\xc3R.\xefZ\x92]w\x81i\xce\x14\xbeK&amp;\x0co\xd3\xea\xca\xee\xa5\xa2C\x00&gt;\xb8\xdeK\xa3\xb2D\xa3n\xf0\xec\x81\x8d\xdayS\x06]F\xd3~\xd4\xf8\x05\xd7\xa8\xf0\xd75\xa5s\xc5{\xeb\x14\xff]\x8bV4:\\t\x08\xaf-\xfd\xf5\x17\xdf4s\xc0V\xa94:\xef\x087\xfc)\x03\xdbH\xc0Nj\xe5I\xe1\x8c\xb1\xbaZ\xff\x10\xf3\xff\xea]\x8b~5\xb3\xbb\xdc\xf1\xed==\xc2F\x99\x13\xff\x989\xc4\xf3\xbf\x0b\x86u\xb0\xc5\x1d\xc7\x0c\x1f\xe9\\\xd1\xef\xdci\x91\xb7\xd4\xd92&gt;\xf6\xbe_\xc3\xd2\x0c\xe2\xd0"\x93\x814\x8ej\x86\x18\xd9\xc2\xb0V?\x8b\x0e\xe1\x8d\xbe\rJ{U\r\xa4\xb2\x14yd\x8d\xd7b\xf4\xd5u\x13\x83\xb2(\xd7\xce8\xcb\xa7\xa4G\xedb\xc4\x86\xb3\x87\xe6\x0fm\x9f\x80\x90\xb9\x83\xdb\xbe\xbcq\x80\xc6D\xd0\x97aT\x96\x86\xb7\xfa\xd9uM\x92&gt;\xba\xf0"l?\x95#\xa9,\xf5o\\Vt\xb0o\x04\x1d\xb7}|\xdd\x0c\x95M%\x8fC\x08!\xdb\xe6\x8e0\x18\x12_j\xeaB0\xd1\xa0p:\xde\x99]\xf5)\x94D\xefN\xdf\x9fb)\xe2\x06]&amp;dG*?\xbc\xb0\xc3\xf3\xbfb\xef\xf4he\xe6\xf4\x9d/\xff\xdb\xe2\'\xd3\xb5\xfa\xa0\xa6\x15\x98\x86\xa3\xc7\xaeE\xbf&gt;\xbb\xba\x87F\x85\xd3\x98\x08\x1a\x13Ie\x89\xc6D\xd0;\xa7\xceo[P\xf0\xbb7\x89\x83\xc6v\xaa\xfd\xef\x9f\'\xe9\x9d\x93y\x13`\xc4\x04@\x889\xb8r\x92\xa6\xe5\x9f^\xd9\xcd)\x12s\xf8\xdd\xe1\xdd:\xb6\xdew1\xad\xbb\xc6\xeb\x07V\x06\xed\xc84\xddj\xfcD\x1f_\xa4\xd1\xe1\xaec|*K4&amp;\xf2\xd2\xce\xc5-Kg\xf3]\xb8A\xa1t4\xea\x06}x&gt;d\x13&gt;B\xe8\xa2O/\x0foUeD\x9b\xaa\xa2\x03\xb1\x87\xbfN\xeb\x19\xa3-jkHe\xc9\xeb&gt;d\x83\xc2\xe9U\x06\xc3)f\x13\x06}\x11B\x9e\x87\xed\xa3\xd1\x11\xaf7\xfd\xaec\xff\'\x97\x9a\x14\xcd\xa4\xb0\xca\xdd\xd3\x9bi\xd4\r\xd7\x15K\x14\xe1\x01\xb0+\x85-\xd7/5\n\xebkS\xf7\xb5C\xe1W\xdb|\xefr\xab\xdc\xb2\xa7\xb6\xcc\x15\x11\xad\xbb\xa2Ri\xbe\xa4O/\xc7\xda\xfaGG\x94\xcd\x10dpu\x86\x8f\x08}~\x95\xbe\xba&gt;\xb0I\xb9&gt;\xf5K\x19\x887\x08\x0b\x0eNs\x94\xf2\x99\xbe1\xa7#\xfa\xf2\xba\x8d\xae \xeb\xd0\xb6|.\xde]d\xfb\x820\x1f\x9aQ+O\x8a\x7fn\x1dg\xdb\xe6\xd15S\xf5\xad8\xa0\xb1\xa9E\xfb\xd2\xb3\xbc\x9d\xc4E\xcb\xd2\xc1\x93\xf0h\xe2\xfb\x1b\x9c\xda\xbb)\x8d\xba\xf1f\x07 K\xcb\xc7vW\xd3\xd4\xf4&gt;\xcdhL\xe4\xef\x13z6(\xac-M\x93\xf9\xae\xeeYv\x9eO\xdeV\xd0\x86\xeb\x84\x80,\x16H&lt;\xca/w\xfc\xdf\xb7\x8e\xa5|\x9bS\xdbF=\xbf\xb6\xcf\xf3\xbf\x7f\xdf\xd4\xff&amp;\xb8\xa7&amp;\x98\xacf\xee\xe4N\xba\x90\xd1\xa7~I\x95K^\xdf\xbf\xf2\xcd\xa5\x7fY\xa2\xd1\xe1\xf5\x0b\xa6U\xb3\xe2[\x84,\x19\xd5\x85\xc6D\xfe\x9c\xf5\xbbo\r\x84j\x11\xce&gt;&lt;\xd5c\xf3\xac\xa1&amp;\xf7\x98\xdd\xf4\xcc\xab;\xe6\xebIa\x08^\xd4\xffxNm\x9c\xa5\xf0jL\xe4\x11z\xff,\x8b\x88\xc4\xb0\xea\x8c`%\xf4\xf9U\xcf\xad?\xfd\xebT\xa94j\xff\x8e\xac\x9f\x13\xfa\xecJ\xff\xc6e;W-\xc05H\x83\xba\xd7*\xaaiy#ik\xcd\xd3\xa5jA\xd1!XE\\A;p\xe6\x9d.\x1c\xae6\xb1I\xd9\xf4\x1cS`\x8cl[\x8d_\xe3\xe6\x10\xf2}\xd0\x91\xcbL\xac\x86?e\xa0/\xaey^\xff\xa1r\xe4\xe0f\x15\x02-\xbf\xe6\xb7&gt;\x9e\xff-\x98\xf8\xc3\xdd\x8b\xc7\xd4\xc8\x95,\x85U\xcfM]\xeak\xcc%&gt;\xb4eeN\x91\x84\x849\x83\xda\x04ziXK.\x13\x9d\xbe\'\x84\xca\x92\xf9\x95\x1bV\x8c\xebaz\x9f\xaf\xbd\xbaqPT\xd7\xbeRY)\xb3\xcc\xaf\x1dj\n\xe9\xd7\x8e\xd7\x10j\xe6IA\x9f^\x89\xb5\x03\x88\x8e\xa01\x11\x81\xb6\xe7\xf4\xe9\x15\xaf\xa3\xe9\xcb\xbb\x96\xac\x1c\xdf#F:\xe2\xbddLD\xa0N\xcb\xa4c\x96Rj\xde\x90v7}F\xe5\x82u\xf5\xacS\x8cS\xcb\x83\x9aV`\x9b\x8c\\\xcd\xef\xd9\x8e\xbf\xf9@\xe8\x93K*\x974R\xe5-\xae\xee5-\x8f\xcaR\xd5\xecIDG\xa1\xcd\xb4\xdeM}\xcf\x00hL\xe4\xd8N\xb5\xfd.\xff\xef\x9f\'\xd6O\xe9\xef\xf9\xcc\xf21\xdd\x88\x81JJ\xc0]\x8b\x92?\xf2h6\xa3\xde\xfb\xb9\x13\xbb5\xd82\xdb\xec\xbb\x0b:T\xcb\x91Tt\x08\xa6r\xed\xccv/\x1e\xa3fI}o\x8e\xbb\xa4{P\x0f\xce\xab-\x06\x90%\xae\x86]\x17W\xae7p\xf5\xc4\xde\xa2\x03\xd1 1!\xf4\xb9\xd7\x0e@\xa2\xd1\xe1\xdb\xe7\xf9/\xc69\xb2M5z\xef\xacg\xf6\xd3JY\x12Z3e\x00\xd8\x98e\xf3\xeb:X\xe7*j\xef\xe3QY\xda0m\x80\x8e.z\xd5-\xe1\xca\xb8\xa2\xd2\x93\xcb\xaa&amp;\x12\xe7\x8a\x17\xa7]\x85\xdc:\xe2a+\x81)g\x84\xf4\x1e\xe3\x9b\xe4\xf4\xc9e\xef\x1d\xc0\x8bk+\x03\\\xdbL\xea\x93\x7f\xbfq\xd1\x8c\\G\xdf\xbd\xaf}\x95\xea9\xbf7\xd2c\xe6O\x08!\x84&gt;\xb6\xc4Q\x85s\xd0\xc7\x175,\xfc"\xcc\xfd)\xa6\xfb0\xe0b\xff\xdcf&lt;\x80\xdd\xd3\'\xfc\x9a\xb69\xfa\xec\x8a\xc2m\x1e\x86\x92\xf8&lt;\xb3o\xd9\x04w\x0c&amp;\x04\xa0\x95\xbd\xd2%\xb9\x9c\xdd&lt;7\xd60\xd0\xa8p\x1a\x1d!|F\x9e\x11\x95\xb2\xf8\x1f\x95\xaap[\xc2\x939\xdfmU\xd6O\xed\xdf\xafa\x19\xd1Q\x08\xe0\x99\x84\xe4Ux\xc0\xbb\x9d\xee{\x8f\xb6\xfb\xd5YS\xa0\xb7\xd1w\xae\xa0\xa87\xfc\x13B\xe6\rQ\xaa\x01["\x95\xe0,\xc6w\xcf\xbc)\xec\xeeU\xbf\xcf%\xa1\x89\xc1\xa8\xb1hD\'\x8f\x14@\x11\xf4\xc1y\xd1\x11\x01xX=\x89\xe5EU\xfa\xf42\xc3\xd6\x80\x87\x1f\xe2\x8a\x8e@\xa3\xab{\x96\xf9\xd6\x13m[!\x17\x95\xa5\xa9\xbd\x9b\xba\x9f\xa1\xd1\xe11\xd2\xd1\x97\xd7\x0f\x98\x1b]\x10\xa5\xd3~E\xe5\xc87\xfb\x80\xa8\x1b&lt;\xca\xbe\xd1\'z~w\xf7\xcfne\x1e\x89\x8b\xa5\xf2\xae;\x8d\xdf\x03\x9f\xa0\xe8\xe3\x8bv\x9fO\xc85)\x8au09\xfcw\x8d\x1e\xf1\xabE)f\xf9\x0ff\xf5o\xc9\xaa)\xad\x9a\x97\xf8\x81\xca\x92\xe7\xbc6\xfa\xf42\x8d\x8e\xa0wOs\xea1\xf5{:W|\x15~\x90F\x87\xbbO\x02Nl\x98\xc94.\xbeRY&amp;\x0b\x13\x17A\x7fl7\x8f\xaec\xdb\xa3\x91\xc2,\xacZ\x00+;\xbenz\xf8\xc1U\xea\x97/\x92\\\xd8\xfd\x14\xfa\xe0\x9c\xa8\xae\xdbV\xc8Ec"\xce\xc5NAsq\xc7\xa2\x1b\x07~\xe7\xd1\x9dtd\xad\xfaAV^n\x1e[\xe7\xb9\x03\xa0rd\xe9\xb4\xb6\x19\x86\xf1\xfb\xf8\x9e\xa2C\xe0f\xd1\x88N\xb8\xbam\x90io\xe0\xa8v\xd5\xcd\xe9\xc8\n*fIh\xfdj\x8d=j\x15\xd5\xf1\xe9\xb7\xab\xa8v@\x91\xdf\n\x82\xa3\xda\xbe\xfe\x1a\xa4\xff\x88\xd0{g\xb4\xf6.\xc4{\x84\xdc=\xb3\xe5MJ\xb8\xe8\xf03\x7f\xcc1\xadw\xaf\xea\x8c\xcac\x8a\xf2\'\xfa\x80\x10\xd2\xb5\xba\xce&lt;\xb56Cei\xfb\xbc\x91\xf4\xae=\xbeF\x9c(\x0c\t\xbdsjS\xd0_\xb8i;\x00\xdd\x13#\x80-\xcfa\xe9\n\x9f\xberV"V\xcc\x9c!5\xbdos\xdd\xeb~LH\xe4\xe154:\x9c\xc6D\x986\x96IG\xb61\x1d\xa3B]\x12\x10\xd2\xbfQ\xf0\x015]\xab\x15\xd2\xdb\x03\x07\xb7Ol \xe6Nm\x9f\xd6\xa7\x99i}\xa9d\xf0\xbb\xe8\xb7\x88\xa6\x91\x99h+\xc6\xa9J\x96k\x02\xf3\xc7\xbb\x04\x1a\x1e\x0en3\xfa\xb5\x10\x1d\x82~\x8d\x8ad|\x15~p\xd6\x80V\xd7\xf6.\xa7\xcf\xae&gt;\xbd\xba\xe7\xe2\x8eE\x87~\xff\x8d\xd3\xfe\xc05\xe2\xde\xcc\xcab:\xfe\x90Y\x03Z\xf1\x88D\x15\x85pu\x7f$)\xac\x7f\xea\x1e\x1b\x8f\xa2H\xe3\xbb\xd4e\xde\xe6o\xdd\x1b\xba\xceULK\x8cc\xfe\xe5\xc1\x03+&amp;\xe6\xff\xd6\xfb ,\x9d\x95&amp;\x82\x0eiQ)\xd0K\xb7\x8eo \x84\xcc\x0e\xf6{\xee\xdb $\xee\xe4\x07E_\x86]\xdc\xbep\xfb\xfc\x91s\x06\xb5\xc9\xc86\xcb\nO\xac\x0e\x97{\xd5-\xe1z`\xd13{}?\xfe\x94\xef\xa8]\xb1xJ\xc1\xe3\xa9\xdd\x0cn\xe6\xec\xb6\xbf\x0b-3\x83\x8d\xd2\xe9\xdb\xa0T\xefz\xaf\x7f\x8a\xfcvx\xcag6E\xc5\xdd\xc4\x16(\xb3\xf5\xfeh\x95\x9b$\xdc75$\x81\xe8\x00\x983\xf9\x0bQ;oJ\xcf\xffv\xaa\x92\xdf`\x834:\\\xed\x92v\xfb\xea\x07M\xe3\x93\xe3+3\xfe\xa8k{\x97\xf3\xeeB\x9f\xbbg\xb6\x08\xe9\xb7n\xfe\xd4B\xfa\xf5u\x0b\xc9&gt;\xfd\xa2/\xc3D\x87\x00f\xb8\xbck\x89\xeb\xc1\xa5\x9d\x8b\xa9,)W[\xb4\xdf\x0e\xc0_\xc0^5al\xf7G1\xb4a\xda@\xd1!\x04T.X\xdd`0\xaaM\xb9\x9c\x81^\xa2\xb2d\xdf\xd1AfV\x8f\xd8\xb7l&lt;\x93v\x92\xc7\x11\xbc%R36\xe3\x8f\x99C\xcc\t\x06\xc0:\xae\xef_):\x04&gt;6\xce\x18\xe4\x98\xc3\x1f\xfa\xe8\x02\x8dV\x95\x8c\xc9\x01\xee\x9c\xdc\xe4\xfb\xe4\xe6Y\xf6\xde:\xb3J\x10\xb6\xe6\xb7\xbe\x8cZ\x02\xbeTV\x87ws\xcc\xc6\xca\xea\xac\xf0F\xeb\x88\x81\xca\x12\x8d\x89\xe4\x11\x8c\xa5,\x19\xd5Et\x08&amp;9\xb0b\xa2\xe8\x10\x80/~C4\xabd\xfd\x8e[\xdb\x9a\xbd\xb8\xae\'{\x8d0V\xd8\x01\xf4\xaeWR\xc7Z1\xd2\x91\xfe\x8d\xcb2\x0f\xc6\xc5\no\x0b\x00?\r\n\xa77\xb9\xc7+\xbb\x97\x86\xe6\xcf\xca\x12\x7f\xf5\xc4_\xea\x07z\xc9\xeey\xd3\x18r\x8dQ\xe67}\xd1x\xcb\xf0\x86\x99\xbd\x00\x00 \x00IDAT\xcb\xc7\x06L|\xa6O\xf3\x92?\xb0m0\x14D\x1cZ\x1d\x15qh\xefR6\xf7\x84l$h&gt;\xddRiX\xe6\xff\xf7\xad\xc0n\x89\x8d\xa9.\xd6\x19\r\xe5\xcd\xbe\xef)?\xae\xf7Dk\xa1vk\xbe\x93\x11\x87V+\xbc*6\xe6z\x05\xd2\xb0j\x8a\xbe\xba\xc1\xaa)\x05\x0f/\xec\xa0\xb2$\xdf&lt;\xf6\xf7\xadc\\;\xaaW\x90\xc1;sx\xd5\x14\xe3\x8dh\xa2{\xaa\xd3\x95\xddKY\xc6!\x82\xe7\xe1\xdd\xe1U\x93=_Z?\xb5\xbf57\x0e\x84\x10BeI\xe0\xbdo\xaf\x91\xe9\x16\xf9\x1eh\xfd\xb4\xac\xfb\xe9Z\x18\x95\xa5\x95\xe3\x99%\x84X;Y\xe9\x86\xf0\x9e%cY\r\xe2r\xf9J\xef\xa5Kg\x9b\xe6Q\xb4@ }\xd3\x8d\x7f\x9f\xc01\x1b\xa8u7\x11\xd6\x8d\x8c\xbfK;\x17{\xfeW\xcd[\x11(\xc5 \xc3&lt;\x13\x1b\xa7\x0fr?\x9e\xdc\xa3\x11!$l\xdf\n\x83m\x9a\x9fX;\xe8\x06\xd7\xab$l\xbf\x86\xa5\x8d$K\t\xfa\xd9\xb1-\xf6+*O\xf9\xa3K;\xb9\xb6O\xa3\xf8\x9eH5+\xc1\xfd\x92\xe3\xfc\xa1\xed\x95\xe7\xb8@,Zjk;\x1f\x93\xdd\xe1\x96\xd9\xc3\xbc\x9e\xa9\x95\'\x85\xf1fM\x96\x94\x10\xfa\xe8\x82\xee\xd5\x17\x8f\xea\xcc0\x18e\x9fj\xfc\xe0\xa8,y\xa5YZ:\xba\xab\xa6\x1e\x0b|\xe7\xbf\xc0t\xd3\xe2Y4\xb5\x13j\xac\x7f\xb8)\x1dY\xab~\xe1\xdd\x8b\xc7\xf0\x8b\x84\x8b\x92\xa9\xbf\x08\xf4\x19l\x9f7\xf2\xea\x9ee\x84\x90&amp;E3\xb9\x9f\xa4\x0f\xcd(\xec\xd9\xb3v1\x13\x0e\rx\xcb\x9b\xe0uI!\xdfw\x98&gt;\xb5b\xe5qp+\x95\xe6\x0b\xfa\xfc\x9a\xf1v&lt;\x7f;Z\xe9N\xfd\xc7;\t\xa6k\x9e\xee\xe0f\x15\x98\xb4v|\xddtBH\x81\xef\xac\x94\xf9/t\xb8\xefT\x98\x99^&lt;(*K\xb9\xbf1sV\xaf\x7f&lt;R{Z\x10}~Ut\x08`6\xd7\xb5D\xeb\xf0\xba\xfa\xca\x9c\xf1\xadI\x1d\xcb\x8e\xdb1\xa2C\xe5\xbcU\xb2%\x16\x1d\x857\x8b\xa4\xd0\xca\x15\xcfO\xc6O\xf5\'\xad}\x1b\x94\xaa\x93?\x95\xdf\x97,r\x9d\xed\x8f\x99\x83\x83/d\x13\xceK5\xe8\xa9Lz\xa3\x05\xd5[\x94\xca\xaa\x90\xd1\x9a\xab"\xc9\x0c\xdd"\xf1*~\xa9\xcf\xf7\xdc\xf6y\xa1R\x05\xde\xfaW\xeb\x18\xbaib\xa6@\x86\x95\xca\x81\xad\xc1\xcd*\x1al\xc1"\x872:\xf4\xacS\\t\x08\xaf\x15Oe\x95\x04\xf2\xea\x99X\x8aF\xaf\x01M\xca-\x1d\xdd\x95\xc9f\xdd\xb4Jo\xc0\x83u\x8a_ZJ"B\xee\x9f\xdb*:\n\x1b\xf0\xbdx_-G\xd2C\xbf\xff\xa6\xbc\x16}y]e\xfbZ\xbf~\x96\xba\x9a\x1d\x12\x1a\x14N\xf7\xef\x9f\'\x94\x97yu\xe3\xa09\xc1x\xa9\x95\'\xc5\xdf\xb7\x8e+,\x80\xf4\xd7AQY\xbayl]\xf0\xc5\x1e\x9cS\xd9`:\xffCf@\x8f\x11\xad\xab\xb2m\x90\xca\x91\xdfhY~XK\xab_\x03\xf1[\xbd\xd5d\xae\xdd\xd8\xe4\x9e\x8d\x17\x8e\xe8(:\x16\x11\xe6\x0en\x1bW\xf5\xc2v\xc9\xecf\xa9\x9a\x85\xc2\xb9\x0bl)\xb8q\xe0w\x13"a\xcerw\xc9|(\x1c&amp;\x17H\xa4\xe7kj\x85\xd3\xbe~*\x8a\xad\xab\xc1\xfbo\xe9\xf4s\x90\xd2L\xf5\n\xa6\x1d\xde\xba\n\xd7\x18\x1c\xc5\xc8\xe09\x93\xa5~7\xd6\x7f\xad\xf0\xb3\x01V\x94\xd3fp\x15(\xb7D\xa0\x13\xd6\x1a\xb9\x93\xf3\x0cG\x0c&amp;\xbf\xa6^u\x8bSYJ\xe3]p:vGz/\x03$T\xbdd\xa1$\x1f\xe9\xeb"\x14\x99vSaL\xc7Zl\x1bT\x7f\x19\xc4\xd3\xce\x85\xa3]\x0f~\xa9\xf1\x93\x9f6e\xa9w}\x8ei\x06x\x8c\xb7U_l\x92\x89\x93\x1bf\xea\xf8\xc2\xa8\xb92`\x97\xf9(\xce\xab\xa1U+oJ*K5r%\x0b\xb4\x80\xef\xa5\'\xf9\xe61BH\x8e\xaf\xfc,|.\xf6g\x1d`\xfe\xfeki\xdeS\x1b\xa4s&lt;\xbb\xba\xd7RG\xaf\xf4\xde\xd9\xe0\x0b\x19\xb3g\xc9X\xae\xedSY\xca\xf7-\x83\xaf\x92E\x12\xaaXY~uW9\x92\xc6\xfe/\x95%\xbf\xb9o\xbf7\x1cO\xb8\xe1S\x87ck\xa7\x19\x8e"$Xj\xab\x15\xd4\xa4n\rE\x87\x10\x98\xeb\xb8\xdb"o\xe8\xe2\x91\x9d\xf3$P5\x17\x92\xbe\x0c\xdb\xbf|\x02\xefx\\v-\xfcU\xe5\x92;\x16\x8c\xb2\xc8;\xe9x\xee+\xb0\x03|\nBd\x154\x1coh\xcb\xcab:\x86\x00\xa8l\x8f\xdb\x8a\x82y\xe6\x1dS\xf0X1\x05\x15\xabAXv\x1f\x9e8\xb0Iy\xb1\x01\xd8\xa2Td\xc9\xd4o6\xd2:*9\xbd\x1f\xf8\xb2[\xeb\xb2\xd9\xf5\x06\x05\xda\xf4\xacS\xcc\xfd\x98&gt;\xba\xe8\xf9\xd2\x92Q]\xd2\xaa\xbe\t\xdd\xad\xa6\x9fK\xa0L\x18\x9f\xee&gt;\xb9gc&amp;\x918\xc1\x8b\xb0\xfd\x9e[\xf9\x8c\xba\xd3~+jW!\xf7\xf3\xb0}\\\x9a6Lw\x9e\x16P6\x05?3\xbd\xea\xe4K\xa5/\xef1?\xae\x8b\xf2\xea\xf5kX\xfa\xee\x99-A\x17k]6\x87\xde\x88\xf4{zu\x8f\xe7\x7f\x15jj9\x9f\x15\xc6\xd5j5\xa8i\x05\xd1!\x08\xc3*Y\xb1\xc2\x1d9\xf5V\x8c\xed&gt;\xdc\xd8\xec\xf9P\x99|\xef\xe3E\x98\x9d\n\xccZ\xe1\x04\xbdI16\xe3\t\x076-\xef\x95\xad\xa8zN\xe3\xb7\x8a\xacA\xd3\xe7\xf4\x1e!\xcdJp\xccp;\xbdos~\x8d\xf3\x93\xcd\xa3\xf2\x9do\x9e\x9fY\x03Z\t\xfc1\xfc\xf8\x19\xb3\xe1\x8c\x9a\xe6\x07iu\xfb\xf8\x06\x9e\xcdk\x96S]\xf6\x9dV\x1a/49\xf5@$:\xf20\xf36\xcd\xfc\xd5\xf8I\xfb\xc5\xc7\xa3\x8b;\xad\xb0k\xd4\x80\xcaR\xcb\xd2\xd9&lt;\x9f)\x18 \xfb9\x83\xbe\xee\x9dQ\xbb\xa4\xbd\xdeDBJ\xa5\xfdRH\xbf\xae\xf9Y\xc6\xb3\x89Y\x87\x91\xe4bO\xaf\xec\t\xbe\x90\x165\x9d8\x00_\x87\xed\xf3F\xaaOr\xde\xcd\xdfpg\xe6\xf2&amp;|\xd7\xeb\x99!\xcd+\x05\x1d\xe7\xd2\xa4Xf\x8e1\x81i\xb2\xfb\x1b\x0e\x0cL\xd0\x98\x08\xad\xablrP\xe6Q7}I\xcbmw\xecb\xd0\xb5\xbd\xcb\x87\xb60{X\x14\xbf7\xf9\xd1E\xbeU\xd8\xc0(\xe3Gy&lt;nE\x8e\xefR\xd7\xf7\n\xba\xd5\xee\xdaqR0\xf1\x87;\x17\x8c\x16\x1b\xc3\x85\xed\x0bu\xac\x95\x92\xc3\xed\xfe-\xb3\x87\xb2o\x14\x00\xccg\xc2\xd1\\\xc4\xe15\x9e%|\x85\x0c\x81p\xf1\x1a\xe1gR\xa7\x0f\xf5\xd7\xa14\xaeZ\x8e\xa4\xc1\x17\n\x19\xeeo;}v%h\x91gM\xea\x17J\xc7\xb05OB.}\x06\xda,T\xcd\x9e\x84\xca\xd2\xab\xf0\x83\x84\x90e\xbf\xfebnP\xd6\xe3\x80\xb4\xad\xbcw\x00s\x06\xb6\xe6\xd4E\xbe\x84zf)\x9b?\xa1\xa6g\x9db\xa1v\xcdD\x01\xde\nM\xee\x9f\xdb&amp;6\x00\xdf\xc1BV\xff\x04\x19\x0c\xf4\x0bm\n\xb7\xc2f\xf6kaf$\xb6\xe6\xf9;\xe1\xf4\x9b\xa1\x8f/\x8d\xeb\\\x87G\xcbV0\xa9[\x03\xd1!\x88\xc7u\xdcZP\xe2\xab\xda\xeap}\xffJBH\xf2\xb7\xc8\x8b\xebv\x1atl\xb2&gt;\xba\xb2\xb3QYjT$\xa3\xeeN;V\xce\xa7{]\xdbQ?}T\xb7_j\x14\xb6\xfa\xe1\x18!\x84\x90\xb8\xba\xd6\xe2z$\xa7i\xd3\x96?\xd1\xfbN\x193\xaf\x81W&gt;\xc4\xdb\'6\xfc\xfb\xe7IA\xb1ha|&lt;/\xd7\xe4\xe9/\x05\x15\x96\x11\xcejU\xbc\xb9r\x8f\xd5\xdb6o\xc4o\xdd-\x9c?\xcb\xaa\xb6\xcd\x1bQ;oJ\xd1Q\xbcv\xeflH\x17V\xcb\x1d\xffm{\xcd\xe0\xd3\xc6"\xf5\xcd-\xc8wR\xfb?\x8a\xb5\xc9lM}M\xf6\x18\xe9\x88r2^\x17*K\xf4\xd9\x15\x12b{&gt;V\\\xb7\x19\x99\xab\x93/\x15\xf36\xaf\x1f\xf8\xbdh\n5\xdf\x08U\xc4\xd6\x83\xf4[\xbc\xd8o\xc6Y\xe7\xd82{X\xc7\x9fC\xe8\xd2\x84\x11\xb6\xb8\xe0`A\xf7T\xe4\x87Q\xa0\xafH\x835-\x1f\xd3M\xcdbk\'\xf7\xe3\xd1\xbb\xfa/\xb0td\xad\xf2\x02\x87WM\xd1\xd7\xb2\x95\xb9\x0eY\xfc\xea]\xaf\x84ur-\x83\x18o\xd9\xf0\x8b\xde\xb6|N!\xfd\xba\xeeE\x11B\xae\xec^j\xb0\xa9\x94o\x13\xe2\xf4Qw\x9c\x122zQ\xff\xed\xcd\x9b\xc0{\x16\xaeux\xe55p\x0b\xdb\xbf\x82k\xbf\xd8\x01\x84\x1cz\xf7\xb4\xd73\xf1\r\xb7Y\'_\xaa\xads\x86+/3{`k\xc3\xfd\xbcq\xfb\xc4F\x86\xad\xa9\xe4\xbe\x87\x99?\x91b5?u\x98o\x8fL\xd9\xde\xfaQ&gt;\xa3\xf1o\x90\x06:rs\xfds\xfb\x84\xc1N7\xcdP\x95\x94&gt;\x90uS\xfa\x07]F\x96\x8e\x1a\xe9\x02\xfc\x98\xd9\xbf\xe5\xac\xfe-EGa-\xccg\xc0_\xd8\xbe\x90\xca\xd2\x83\xf3\xdb\xd96\xab\xec\xcc\xe6\xb9fvg\xdc\x90\x16\x95D\x87\x00~\xe0sq2*K\xeb\xa6\xf43\xad\xbb\xb0}\xbc\xce\xd7\xea\x17J\xcb\xa9e&amp;*d2{p\xb3k6\xac\x91K(\xe9&gt;0\xf5\xda\xd7\xf2\xb1\xdd\x8d\xac\x1e\xd2\xa9\xdeA\xaf@W\x96B\x05\x83\x13u-B\xf6\x82\x1a\x95%#\xe90\xd5\xf8"\xf8"\xdad07\xe7\x91\xc1/\x86M\xab\xfd\x8c\xefRw\xd1\x88N\xaf\xc2\x0f1l\x93\xbe\x0c\xd3\xbc\x8a,\xd1W7\x18\xc6\xe0k\xce\xa06\\\xdbw\x9b\x11x\xe6\xe6_\xa7\xfe\xf0z\xa6J6\xae\x03\xe0M\xe7;\x11\xacp\xd2\x10\xc9]\x06,5-\xaeT@B`j#\xb7\xd1\xedk\x88\x0eA&lt;\xb6\x87S\x8d~\xca\xd0\xa3vQ\x86\rz\xda0m\xa0\xd73\xc2\xcb\x7fN\xed\xddTl\x00\xccx\xde\xdd\xf2\xca\xa4\xe15\xb7\xcd.8\x1d\xd0\x15M\xfeI\xa0\x97\xa8,\xad\xf9\xad/\x9fn\t\xb1\xc6FS\xbdL\x1fs\xbc\xfe\x933\xde\xeb\x89(\xea7\x01\xf4\xe1yN\xc1\x84\x88\xab{\x973&lt;\xcf\xd8\xb5\xe8W\x83-\xe8\xcb\xf3j\x1a\xcf/\xff\xd2\xd1]\x05F\xa2Y\xa5\x1fbMbX;\x99\xe3F\r\x1c\xccyI,\xf6,\x19K\x08\x19\xd2\xbc\xa2\xe8@\xf8\xd2:Ak\xed\xe4\xbe\xe6_\x98M\xa5\xee\x10Oa?\x91&lt;\xc0tV*K\xb6\xcc\xe7c\xc4\'\x84\xd0\xc7j\xb3\xfe\xd2\x18\xb3sC\x02XG&lt;\xd1\x01X\x8d\xeb\xce\xdc\xa1\xdf\x7f3\xd2\xc8\x82a\xed\x19\x85\xa3\n}\x19\x16(\xc7m\x91d\xff\x9b7\xa4\x9d\x99\xc1XQ\xd7\xea\x85D\x87\xe0\x07\xbf\xb2\x94v\xb1m\xee\x08\xd1!X\x9aW\xf5\x82\x1c\x96\xaf\x10W2\xf5\xe7\xa2C0j\xf9\x98nT\x96\xb4\xe6\xa1+\x94\xe4#.\xd1(b\x96}\xc2\xd9V\x8e\xeb!:\x04?F\xb4\xa9\xbae\xf60\xd1Q\x18E_\\\xd3q\xbe\xfc\x99\r\xa7\x13SYZ&lt;\xb2\xb3\xf0\x18\xf4\xaf\xebo\x8a\xff\xf5\xfd+\xd5\x97\xb0V\xd5\x8b\xe1Z\x0b\xd7\xf6.Wx\xb5\\\x06?g,C[V\xbeyl\xbd\xeb\x8aV\x03\x16UY\x14\xd2!(\xe8\\\xa5\xc0\xe6Y\xaf\x0b\xa5\xf1\xfezW\xcc\x9c\x90k\xfb!\xc4v["\xab\xd1\xf7\x062\x7f\xdb\xb9\x0e|\xa4\xb2\xb4s\xc1\xe8\x03+&amp;\xfa\xbe\xa4&gt;O\xd6\xe3K\xbb\x0c\x86\x11\x15\xa19\xcd-}q-\xd0K\xc3Z\xfdLe\x89&gt;\xbbj,(\xc6\x14\xbe\x18\x83\x9aU(\x93\xfek\xe23\xad\xef\xfe9\x93Ruj\xba\\\xa6\xf2\xb2&gt;\xe8\xa4\xe3l\xd8\xef\xd8pS\xa7\xa5[O\x8bR?\x1al\xc1x\xa2\x1b[3s~\x00\xdb\xe9\xd3\xff\xfey"F:\xc2\xb0A\xb1\xc6v\xaa\xad{\xdd&amp;\xc52\xb3\x0b\xe4\x8d\xd4z\n\xd6\x01\x1f\x9bg\x0f\xa5\xb2$\xe0B\x1dp\x907\xa1\xa9\x89\xbah\x14\xc7iA\xf5\n\xa6\xe1\xd7\xb8&gt;\x9a\x92\x17eR\x9c\xd2W\xce\xdc\xcc?:\xb8\xee\xfa\xea\x98/\xe6T7\x0e\xfc.:\x04&gt;\xa8,u\xa8\x9cWt\x146C_]\x17\x1d\x82\xc3\x95N+\xfe\xde\xaeiWQ\x82\xf2\xbcpre\xf7R#\xfb\x8f\x8f\x08\xb9}b\x83\xf22\x7f\x9e\xdcDeI\xd3\x9d\xeb\xba\x05\xd2\xd8t:\x11!dhK6\xa9\xbd6L\x1b\xc0\xa4\x1d\xa3\xa8,]\xda\xb9\xd8\xeb\xc9l_\n\x89\xc5\x99\xa6\xf4j\xc2\xb6\xc1\x9eu\x8a\xb1m\xd0\n\xe8\xf3kT\x96\xe4\x9b6K\xd0\xe8\xbe\xe0nrn&gt;7\xe5"&lt;\n\xf7\x03\x9a\x95\xf8\xe1\xe6\xd1uj\xba\x98\xde\xa7\x99e\x07\xc2\xab\xbc\x13\x86y\x7f\x01\xfd\xfb\xe7\t\xe3\xb9[M\xc0&lt;\xc5\xc6\xc1\x95\x86\xc6)\xab\xa7\xbeN\x16!$\xdf\xb7o.\x1d\x9c\xdf\xb6\x80\xc6D\xf8.\xa3\x90\x9c\x84\t\xdf*flm</t>
        </is>
      </c>
      <c r="E604" t="inlineStr">
        <is>
          <t>&lt;class 'numpy.ndarray'&gt;</t>
        </is>
      </c>
    </row>
    <row r="605">
      <c r="A605" s="1" t="n">
        <v>603</v>
      </c>
      <c r="B605" t="inlineStr">
        <is>
          <t>steps_per_sec</t>
        </is>
      </c>
      <c r="C605" t="n">
        <v>8700</v>
      </c>
      <c r="D605" t="inlineStr">
        <is>
          <t>3.3497474</t>
        </is>
      </c>
      <c r="E605" t="inlineStr">
        <is>
          <t>&lt;class 'numpy.ndarray'&gt;</t>
        </is>
      </c>
    </row>
    <row r="606">
      <c r="A606" s="1" t="n">
        <v>604</v>
      </c>
      <c r="B606" t="inlineStr">
        <is>
          <t>Loss/object_center</t>
        </is>
      </c>
      <c r="C606" t="n">
        <v>8700</v>
      </c>
      <c r="D606" t="inlineStr">
        <is>
          <t>0.08762779</t>
        </is>
      </c>
      <c r="E606" t="inlineStr">
        <is>
          <t>&lt;class 'numpy.ndarray'&gt;</t>
        </is>
      </c>
    </row>
    <row r="607">
      <c r="A607" s="1" t="n">
        <v>605</v>
      </c>
      <c r="B607" t="inlineStr">
        <is>
          <t>Loss/box/scale</t>
        </is>
      </c>
      <c r="C607" t="n">
        <v>8700</v>
      </c>
      <c r="D607" t="inlineStr">
        <is>
          <t>0.0501526</t>
        </is>
      </c>
      <c r="E607" t="inlineStr">
        <is>
          <t>&lt;class 'numpy.ndarray'&gt;</t>
        </is>
      </c>
    </row>
    <row r="608">
      <c r="A608" s="1" t="n">
        <v>606</v>
      </c>
      <c r="B608" t="inlineStr">
        <is>
          <t>Loss/box/offset</t>
        </is>
      </c>
      <c r="C608" t="n">
        <v>8700</v>
      </c>
      <c r="D608" t="inlineStr">
        <is>
          <t>0.114743575</t>
        </is>
      </c>
      <c r="E608" t="inlineStr">
        <is>
          <t>&lt;class 'numpy.ndarray'&gt;</t>
        </is>
      </c>
    </row>
    <row r="609">
      <c r="A609" s="1" t="n">
        <v>607</v>
      </c>
      <c r="B609" t="inlineStr">
        <is>
          <t>Loss/total_loss</t>
        </is>
      </c>
      <c r="C609" t="n">
        <v>8700</v>
      </c>
      <c r="D609" t="inlineStr">
        <is>
          <t>0.25252396</t>
        </is>
      </c>
      <c r="E609" t="inlineStr">
        <is>
          <t>&lt;class 'numpy.ndarray'&gt;</t>
        </is>
      </c>
    </row>
    <row r="610">
      <c r="A610" s="1" t="n">
        <v>608</v>
      </c>
      <c r="B610" t="inlineStr">
        <is>
          <t>learning_rate</t>
        </is>
      </c>
      <c r="C610" t="n">
        <v>8700</v>
      </c>
      <c r="D610" t="inlineStr">
        <is>
          <t>0.001</t>
        </is>
      </c>
      <c r="E610" t="inlineStr">
        <is>
          <t>&lt;class 'numpy.ndarray'&gt;</t>
        </is>
      </c>
    </row>
    <row r="611">
      <c r="A611" s="1" t="n">
        <v>609</v>
      </c>
      <c r="B611" t="inlineStr">
        <is>
          <t>train_input_images</t>
        </is>
      </c>
      <c r="C611" t="n">
        <v>8700</v>
      </c>
      <c r="D611" t="inlineStr">
        <is>
          <t>[b'512' b'512'
 b'\x89PNG\r\n\x1a\n\x00\x00\x00\rIHDR\x00\x00\x02\x00\x00\x00\x02\x00\x08\x02\x00\x00\x00{\x1aC\xad\x00\x00 \x00IDATx\x9c\xed\x9de`\x15W\x13\x86\x07w\x08\xee\x104\x86%H\x80@\x02\x04\t$\x81\xe0\x1e4hpwwwww/Nqw\n\x15(\x0e-\xd0\xf2\xb5\xa5F\x91\xf9~\x9cd\xd9\xac\xdb\xb5d\x9e\x1f\xede\xef\xd9\xb3\'{w\x8f\xcc\x99y\x07\x80 \x08\x82 \x08\x82 \x08\x82 \x08\x82 \xe2/\x88\x1f\xe2\xfc\xf3\xdf\xc7\x0ej\x08\x11\x1f\xc8\xe2\xe8\x06\x08@\xfc\x07c\xf8X)w2q\x81I\xdd\x1a\x02\xc0\xbaI\xbd\x16\x0ci\xbf`p;\xbb7\xd0\xde\xfc|\xf3\x90\xa3\x9b@\x10\x04a{\x90\x87O*\xa5\x92\xe5\xb3%\xca\x05\x90\x04\xe0\xc4\xba\xe9\xf6j\x9d\xfd\xe8R\xbb4\xf7yxd\xc8\xd0V5\x1d\xd8\x18\x82 \xe2\x90\xc4\xd1\r\x10\x90\xdc\xd1\r0O\xdf\x86\x951.\xecxQ\xde\xbd\xc6\x9fo\xce\x1f\xd4\x96}\xfe\xee\xebM\x00\xe0\x99\x1c\x02r&amp;\xb5w[50\xaeS=\xab\xaaJ\t\xf0\xe6\xce\xd1z%sZU!A\x10VR\xa3pz\xc76`Jtc\xe7\xec\x07u\xc1\xef\xfd\xef\x1e[/\x1e\xd5f\xf5m\xc9&gt;\x94\xcf\x96\x88;X\xa3pz\xff\xac\xf6j\xa2\x83\xc8\x02\x10A\x03@B#\xa5\xa3\x1b@8\x1by\x01\xba\x85\x96\x15\x1f\x8f\x0e/\xc7M\x99]\x14\x9e\xe9\x1f\x11\xf1\xdd\x833\xa5\xd2\x01\x00\xa4\x02(\x93)N\xc9\xb4\x00y\x00\x10\xb1lf\x00\x80\xa3k\xa6\xcc\xee\xd7z\xf3\x8c\x01\x0eh\xb4\x8d\xb9\xb4k\x91\xa3\x9b@\x10z`\xef\xa42\xf1\xd2\xa0\x89\xff\xbbg\x87\xabd\x06\xa8\x9c;\x1e\xd8{$@\x11\xc3#Cn\x1f^\x03\x00\x8f\xce\xef\xe4\x97L\x0e\x10\x94/%+\x13\xe2\x91qH\xcb\x1a\xc7\xd6N\xbd~`\x85\x83\x1a\x1e\x1f\xc8\xa0\xa7p\xd7:ef\xf6nqp\xc5\x04\xffl\xd0=Lb:\x02\x00\x0f\xcf\xed\xb0\xa4a\x04\xa4vt\x03t\xb1dD\'G7\xc1V(\xf7\xbb\xed\xaa\x15\xb3S;\xe2\xa2a\xc0u\r\xc4\x03\x00"V\xc8\x91\x98}\xdb\xb3^\x05~\xe11\x1d\xc3\xb92\xfd\x1a\x05\xf2\xf7\x0c\xc4\x84xf\x92\xfbJL\x1a\x80\xc4\xc6\xfe\x00\xdb`\xe1\xc2\xee\xe6\xc1Ur_q\xb65eB&lt;2\x8a\x7f\xa3]\xf3\x87[\xd5B\xc2\x1e\xe8\x9a@.\x1e\xd6QW\xe5\x88/u\x95\'L2\xaa]\x1dG7A\x9d4\x1a\xcaH\x0e\x00\xb1\xbc\x17\xf4\x83\x9dC\xfc\xb8\xef\xbeZ6Ny\x00\xd0E\xbf\xc6A\x96\xd4c\x15\xd1u\xfd\x1d\xdd\x84/\xc8\xfd&lt;M\xfd\x0b\xe8\xadj`\xd3\xaa\xe2\x83\xbak!\x9c\x8d\xa2.\xbf\x13\xe9z&lt;\xb9\xb8\xfb\xd9\x95\xbd\xc6\xce\xc5\xdf\xbe\xb3\xb61b\xe4f\x97\x82\x89\xb9B\xf7\x9fQt\xee\xb6\xd9Cx\xdf\xbfb\xff+\x9cHT\x8e\xb0\x14\xfe\x8f\x92\x08\xc0\xcf\xed\xcb\x11G7\x8d l\x863\x0fj\xeb\xa7\xf4A\xc4\xfdK\xc6:s#%I\x13\xdb\xa1\xb0\x7f\xca\xf5\xfe\xe7\xb6\xcd\xc7\xf7\x8f\x05\xe7\xf2\x0b\xcc\x1f\xd4\x16\x11\x11_\xbb\xdb\xf9\x0fP#\x9e\xb9&amp;\xe5\x04aw\x1fU\xb3\x94\xe1\x01\xa0xjp\xb3\xb8\x81\x84\x13#\x11\xd0\x19\xaf\xa9^\xc8~\x8e\xa1\xad\x03=W\x8f\x8b\xb6\xdb\xe5\x0c\x80\x88\xad*{\xc8}\x85\xf8\x11\xe4\x07\x80\x9aE2t\xadSf\x95\xe8\x0f\xbc~`\x05"\x9e\xdf\xbe\x00\x00\xb6\xcc\x1c\xa4\xd1\x8amO\x9cs^\\B\x8b=N\x06\xf6\x8b|\xfe\xe9\xfa\x97\xda\xd2\xc6\x19\xc5\t\x82 \x84(t\x10\xb3\xfb\xb5b\xdfJ\xf6\xfes\xfa\xb7.\x96\x1aNm\x9c\xf5\xe3\xd9\xed\xddB\xcb\n6sG\xb5\x0fe\x1f|R\xc2/\xdf\x1c\xd3\xdb\xaao\x8fo\x90&lt;\xbe~J\x1fK\xacIyDGJ\xa4\xb5\xa0Z\x07\xc2\xffi\xd8\x91*\xf9R\xd1\x00\x10\x1fh\\6?\xf7\xd9\xda\xb0\xa6T\xb1{\x80\r\xfd\xc4o\x04A\x00\x00\x14N$=\x00\xcc\xee\xd7*\'\xc0\xb8N\xf5B}\xb2v\x0e\xf1-$\xd3/{\xa7\x84\xff}{\xc2\xaa\xc6\xe4\x03\x88\x0c\xf2\x02\x80"V\x07|\xb7\x0f.\xae\xb1d\xd9\xcc\x80\x88\xfb\x16\x8f\xb1\xb8\x05\xe6\x98\xd9\xa7\x85\xf87b!\xd9\x84\xd3\xa1k?\x16\x11Uu\xb5\xb6\xcd\x1eb\xa0\x19g\xb6\xccIh\x13\x84\xde\r\x02\x1c\xdd\x04\x17\xe3\xf0\xca\x89r\x03\xc0\xdeE\xa3\xfc\xb3\xc2\x99-s\xaa\xe4\x8f\xd1\x06\xaa["\x87\xe0\xf4\xa8\x9a\xa5\x16\r\xed Y\xb3\xf3\xd8\x1e\x11\xdf\n\x8e\xf4mTY\xa1\xfc\xf69C\xf1\xcdm\'\xdc\xd8N\x06\xc0f\x88\xfd\x1a\x05:\xb8)\x84\x02z\xbb\xdd\x14&amp;\xaeU.\x9emx9\x13\x91\x81\x9e\x8en\x82e\xf0%\x1c\xf8\xfc\xfd\xf0\xfc\xa7\x17\xd7$F\x80\xcf/&amp;uk\x98Iq\x1f\xbe}\xb5b\x1b\xa6\xf6\xb5Q\x83\xc5\xd4\xf1\xce\xd2\xa6\x8a\xb7\xe4WA\xf9R\x1eZ1Q\xf2\xab\xacR\xef#\xe2g\xd5k9\xdb\xe4\xe9\xcc\x969-\x03\x8a8\xba\x15\x84\x06\x9c\xed\xd1!\x8cqn\xeb&lt;G7\xc1z\xfe~x^pd\xe9\x88N\x92\x8b\x803[\xe6*\xcb\x1cY;\xc7_8\xa4\xbd\xc2\xb7\xaa\xf6\xee\xcayd\xc3l\x92\x1b\x12v\xbe\xb6o\x99r\x81\x82zk4\x8d\x13.J\x08\xc2\x05\xc8-s\xdc\xc1Jr\xce\x84\xe4\x180\xb5G\x93&gt;\r+\x9dX7}p\x8b\xea\xa9\x01B\xbd\xb3&lt;\xb9\xb4\xe7\xca\x9e%+\xc6t\xf3\xd6\xb0n\x9d\xda\xa3\x89\xb7\x15\xbaZ\xc5R\xc3\x7f\xcf.\x9b\x112\x19\xdc&lt;\xd8\x82v\xc4\xc5\xcf\xcd\xf2*-\xa3\x88S\x05U\xbb4&gt;\xd6)\xc3\xd1\xca\xc0\xd9\xe0\xbf&amp;i\x13\xea\x0f\xf4\xfc\xea~\xe6\xe4#9\x06|\xe1\x8f\x1f\xf8\xffZ?\xb9\x8f\xed\x9a\x84\x88|i\x93\xd3\x9bg\xdb\xfa\xa7\x91\x9b"\xb8(\x01\xb9\\.:\xc5Y\x19\xd2\xa2\xbaUU\tw\xd0\x08gb\xd7\xfc\x11\xab\xc6uwt+\x1c\xc0\xc4.\xf5\xb9\xcf\xf8\xd7\x8f*\xc3@,\xaa\xd5\xbak\x13(\xd4\x08\xa7K*\xc8\xcag;\x9cg\x13[\x0b\xb6\x18 i\x14\x010d\xe9\xcb+upX\xebZf\x9bB\xd8\x92N\xb5|\x1d\xdd\x04gA\xb1\xe7\xff\xc5\xcfM\xfa\t\x17\xd3\xa5vie\x7fN\xe5\xd4c\x920\xb7\xe9\x7f\x1e]\xd0}\xa6\xcd\xb8\'\x13\xd6`k\xa6D7n\x13\xe4\xe5\x90K\' ^\xdf&gt;\xa2\xab|\xdf\x86\x95=d\x06N\x03\xf3\xa1\xc9\xdd\x1b\xe9\xcd\x1cKnA\x06xvyo\x7f\'\x13#\xb3\x05\xce\xb6\x8b8\xb6c\xb8-\xaa\xad\x983\xc9\xf1\xb5\xd3lQ\xb3$\xf6\xbc\x16\x1fD,\xadCn\x950\xc4\xc6\xa9\xfd\xe4B\xb8\x93J\x99\x0e\xbfZ6^,\xa1\xc5\xe8\x1eV\x0e\x11\xf1\xe7\x9b65h:[\xd2D\'\xe7\xdd\x833\x00PZ\xee7#\x00\x00\xe0\xc7\xb3\xdb\xe5\xbeB\xc4\x19\xbd\x9a\xdb\xb31\xaaT\xce\x93|V\xdfV\xb6\xbeJ\xc9t\xb6\xbe\x82\xf5\x88C"\x08\x15&lt;\xe5m\x81[g\r\xd6\x1bb[&gt;[\xa2^\x11\x15\x12B\x88\x96\x87k\xd9P\tE"\x03=\x83\x0bJ\xcb)\x9c\xdb6\x0f\xf1w;\xb7G\x99^\x11\x15?\xfft\xc3\xd6W\t\xccc&amp;\x80\xc71\xb4\x95\t\xa4 d\t\xf3\x91\xb5\xa9&lt;8\xb3-\xde\xf7\xe3\x04\xe1rT\xc8\x91xi\xfc\xcd\x8fD\xd8\x0fD\xec\xdfD\xc94|}\xff\xf2266\xc3\xe5\xb2m\xf5\xf1\x96\xf4\x00\xbe\x19\xd4\x9d\xb5\xd3\x03\xe41\x17\x8cM\x98\x04_\xddtt\x13\x08B\x06\xb9\x18\xfax\x89\xfd\x83\x1bm\xc1\x84.\xf5\xfd\xdc4\xb9\xf1e\x03\x00\x00\xc4\x0f\x15s&amp;\xe9Z\xa7\x8cm\x9bE\x10D&lt;\xc6i\xf7\x84:\x87\xf8jL\xf96\xb6cx6\xdb\xb6\x85 \x08\x9b\x93\x80&amp;\xad\x84\x85l\x9f=\x04\x11\xe3YT\xa4\x8d@\xc4ZE\xdd\x04G\x1c\xd4\x16;A&gt;\x87\x04\x11\x9fa\xc9\x02\xf9\x89\x87\x089r:\xba\x01\x84+\xf2\xed\x89\x8d\x8en\x02\xe1\x82\xe4\xe7}\xeeR\xbb\xb4\xed&amp;\x9bw\x8f\xad\x7f~e\x9f\x8d*\xb7\x9cPo\xbdqr\xb6\xc5Q\xb1\xf3\xb4\x89M(c"\x1f%\xe1\x04\xbc\xd2\xafgk\x18\xfd\xf1\xf9\x845\x8cl[\xc7\xd8\x89\xd5\n\xc4\xf3\x17\xdc\xc5S:\xda\x83\xda\x9ed\xa2\x8b\xd7\xb4\xab\xea\xe3\xe8&amp;\xc4\x07\x86\xb56\xae*L\x10NK\xdf\x86Ji\xce\x08\x82\x00\xb0h\xa2\xe4&lt;\xca\x114\xef#lJ\n\x80RN\xeb\xe0\x18\x9f\xb0\\:\xa1d:@D\xcayb\x0b\xe4\x92\xf3\riY\xc3\xce-\xb1?\xb6\xdb\xfd\x9e\xd1\xdb\xb94\x85\x08 m1\xbbqd\xd5$&amp;u\xcb\xb1z|\x0fG5\x86\xd0\x88[\xdc\x7f\xb6\xae\xec\x81\xf8\x87\xf9j\xf1\xcf\xfb\xe6+!\xe2\x07[g\r\xb2\xf5%\xfe}|\xf1\xe8\x9a)\xb6\xbe\n!\x8b\xc0~\xe7\xa5\xc7\xabCK\xfa\xb7R:\x17\x02\xc5h#X\x1b)\x00J\xf06(\x97\x8e\xeclg\xa9\xfan\xa1e\xedy9]\x90\x8a\x89\xb5\x08\x04\x16\xf5\xbe\xa3{\x17\x8d\x92&lt;\xde&amp;\xc8+\x03\xc0\xf69C\x0c6\x8b\xd0\x88\x85\x9a\xc3\x97\xf7,A|oYu"~\xbd{|\xf3\xf4\x01\xb6\xab?\x1e\xb0qj?\xf1\xc1\x97\xd7\x0e\x8c\xedX\xd7\xfe\x8d\xb1\'\xc1\x05\xd3\x85\xca+$\x12\xd6r~\xfb\x82\xe1\x91\xd2\xb9\xa4\xc2\x8ae\xd3\xe5\x0eN\x96\xfcx\xc2\x8a1\xdd\x00`t\xfb0\xdb\x99\xe7n\x1cXQ\xd4\x11\xc6\xbf&gt;\r*\xd9\xb4\xfeqQ\x12\xbdsr\x00\x8fd\x96\xc5\xf1\x96 \x8fE\xc2:\x10\x7f\xbfsx\xad\xccW\xbf\xc6\xfb\xe0s\xc28e\x9d+F\xca)\x90\xb3\x84iy\x97\x92k\xbb\x04%B ,\xa4\xb6Wf\xfc\xf9\xa6\xe4W\xf8\xfb\xf7\xf6m\x0b\x11Oi\x1f\\\xec\xf4\xe6\xd9\x82\x83!\t\xc9\xbfPc\xa2s\x01\xde)@.M\na\x06\x8dcm\xbc\x81\xd4\xb7\x08\xe3\x94\xcb\x029\x00jy\x98\xdaa\xe8]?\xc0\xaa\xf68\'\xcd+\x14\x92\xfb\xaaQ\x99|M\xca\xb9\xe3\xa7\xe7\x06zs\x7fW3\x86\xe7st\x03\xb4\xf0\xeb\xddc\x8en\x82\xd3A\xd6\x1eB\x9arY\xe1\xfb\x93\x9b\xf1\xe3\xb3\x85C\xda[X\xed\x9b;G[\x07zZR\x95K\xb8\x14\x95J\x0f\xa5\xd2C\xcd"n\x8en\x88+Q9\xb7\xc1\xc9\xba\x9b\xa5\xcdpizFT\xd0R\xec\xfc\xf6\x05\xb6n\ta\x96=\x0bF:\xba\t\x96\xc1\xac"\x19lV\xbf\x06\xe7U\xc2\x95\x10D\xb1\x10.\x87\xad\x93\x1b\xc6\x7f\xd2\x02T\xc8\xee\xc8\x9e\xad\x81\xaf\xde4\xf5_h\x1f\\L|\x90\xb64\t\xe7$\x15\x00\xe2?\x8en\x05A\xf0X8\xb4\x83c\x1bp\xfb\xf0\x1aD\xac\x9c\xc7\xe0\xc2\xdcGd\xac\xf9\xf7\xc9E\xb3mrb\x9c\xdc\xae*X~9\xb9\xe0\xa7\xfdo&amp;"FZd\xa5t-\xaa\x15Hsq\xe7BG\xb7\x82pVzFT\xe8\x1c\xe2g\xe0\xc4\xe1\x91!\x82#\xf6_\xd5\x0flV\x15\xe4\xfd5\xad\xc5\xc9\x93\xbat\x0e\xf1ut\x13t`\xff\xf1\xe9\xdb\xe3\x1b"J%\xe8pc\xfc\xf0L\xef)\xa3\xdb\x87\xda\xa2%\x84\x93"i\x90B\xc4[\x87V\xdb\xb9%\x1a\xe9R\xbb\xb4}.d\xbb\xed\rW!\xaf\xa3\x1b@\xd8\x81N\xb5\\i\x1aAh\xc2\xe4&gt;CB\xdb\x80\xe5[\xc48\xbfM\xe7\x91tv\x14\xdd\xc3\xcb9\xba\t\x84)N\xac\x9f.&gt;8\xb0iU\xfb\xb7\x84P\x81\t+X\x155\xf4\xf6\xde\t\x8bj\xd2\x84I\xd1y\xa72\xb5;Uc\x08\xc2\xcbD\xd8\x1b=\xccv\xc2\x12C#"\x8el[\xdb\x8a\x9a\xecMJ\xab+t`\xf8T\xef\x06\xf1&lt;\xe4-!\xd3\xac|AG7\xc1\xe6\x88\x83\xf6\t\xd7`l\xc7\xba\xf6L\xed\xeb\xcc\x0cn\x11lI=GWOi\x11\x9b\x9b\xc5C[Fv\x97\x88J#\xb4\xd3\xd4\xbf\x80\xa3\x9b`W,I8A\x18\xa4\xbe\xaf)\xdd\x8e?\xee\x9f\xcelUS\xec\xcb\xc9\r3u\x95\x97Ki\x90\x11 \x8d\xd1\x97vj\x8f&amp;Z\x8a)\x84.\x1c^5)\x9b\x81\x0b\xcb#\xb7|\x9f\xdc\xbd\x913+\xf5\xc7c\x02ri\x9b\x08\xc4S\xb2;\xba\x01\x84\n\xaeh\xb6[2&lt;Jo\xb3\xfb5\x0e\x94&lt;\xberl\xf7%\xc3\xa3\xc0\x90\xe0\x97\xe4\xb6\xad\xdeH\x85$.\xa2\x87C\x18f\xeb\xac\xc1\x8en\x02A\xd8\x85\x16\x15\x0b+\xc8\x9c9!\x9f_^\xc7\xcf/T\x8b]\xdb\xb7Lc\x85zG&amp;\x8fdph\xc5\xc43[\xe6h,\xdf\xb0t\x1coIq\xac\x1cA8\x1cD\x0c+f\xed\xe2\x96p\x11\xcagK\xe4\xe8&amp;\xe8`jt\x93K\xbb\x169v\'\xb6\xb6g\xa6\x87\xe7vTuO\xadZ2-\x00"\xe6\x04\x98\xd5\xb7%;\x82\xff&lt;\xb4q\xeb\x08B7\x88\xe8J\xbd\x80K\xa0\xde=\x10\xfa)\x9c\x08\xcem\x9dwt\xf5\x94O/\xaf\xd9\xf3\xba\xa5\x14\x13\xe2e\x03(\x99\x0e\xcaI\xa5\xd0yu\x8b\xf6\xed\x01\x00:T/\xe1\xe8&amp;\x10J\xeb\xdd,6\xf0\xd6K\xd0\x0ciY\xdd\xd1M \xec\xc7\xbe\xc5\xa3\x9d\\l\x87 \x14\xc8\t\x80\x88\x1dk\xd08m/r\x18:+\xfe;*\x13\t\x80R\xf6Qk\xd2\xcco\xdf\x9dtt\x13\x1c\xc3w_o\xe2\x07\xf6\x8fl[\xc7aM!T)\x96\xca)\xbc\x80&gt;\xbd\xbc\xee\xe8&amp;8\x12\xed\xe9\xee\xfd\xdc\x84\x9b\xc0\x84s\xc2^+\xe3b\xe8\xb1\xd8M\x8a\x8apmZW\xf60v\xe2\xc4\xae\r,\x94\xd84\xd69\xbd\xb8\xb6\xdf\xba&amp;\xd8\x96$\x00\xb6soP\xdd7C\xfc\xfb\xabe\xe3mt\xf5xI`^\x99\x00\x10\x1e5\n\xdbd\xf9\x90\xb0\xe2\xc1\x14\xe9\x16\x16\x13\x83\xe2\x0c\xd3\xcd\xf8@\xa5\xdc\xc9\x9c\xd0\xc7\x8aY\xfd\xf0\x7f\xdf\x8e\xe9\x10\xe6\xe8\xb6\xc4[\xf6/\x19\xeb\xe8&amp;\xb8\x12c;\xd6U.\xe0Z\x19\x86\xc4#\x95\x13:\xdb\xf8\xca\x8f\xa7A\xf9hc\x98\xb01\xa9\x01\x10\xd1\xfe\xf3/\x85=\xdb0\x9fl;\xe6\x0e\xb5_S\x88X\x9c\xd9bfI_\x980\x8d\xecN8\xec\xd9\x96\xa4\x00\xf3\x07\xb5ut+\xd4y~\xd5)\x8c9\xea\xcb~\xabQ\xb5\xe3?\xbe\xb8[\xf2\xf8\xd1\xd5\x93\xadn\x0b\xf1\x05\x16\xe6\xad\x97J\xb9t,\x0c\xe4TF\\\x82\xdd\xf1(mx&lt;g\xe7\xbc\xe1\xdeN\xff\xa8-6\xf4\xbe\xd9\x93\xe1\x91\xb5l\x91VL\xafqs\xfd\xe4&gt;6h\x05\x11\x03\x97;\xba\\\x16\xdd\xd9\xe1\xdd\x00\xaej\x0e\xfc&amp;\xb4\xe3k4\xe7\x91+I\x0b\x10\xceL\x9b /-\xbb\x82\xaad\x07\x98\x12\xdd\x98\x7f\x84\xc2\xf4\xe2\x13\xbd\xeb\x07\xac\x1e\xdf\x83}\xbe\xb4k\x91c\x1b\x93\x90\xd9\xb7x\x8c\xa3\x9b@\xc4\x0bF\xb5\xb38\xf5\xe8\xdc\x01m\xb4\x14\xb3\xf5^}BPc\xe76r\xc5Fs\xdb\x99\xf8\x11q\xff\x921\x00P\xbd\x90b\xd0\xb6&lt;\x1d]$V\xd9&gt;\x89\xec\xab\x150\x12\xd7\xb8}\xce\x10\xcb[\xe2\x1a8\xa1\x0f\x99\x13\xfa\x1d\xd9\x8eZ\x1e\xce\x9e\xa21(/9T\xc0\x8d\x03+\xe4\xbe\xda\xbd`\x04\xf7\x19\x11\xdf\xdd?\xa3W\x97yz\xaffF\xdbe+\\\xce\x18\x92\xa0:\r\xcb\x90|\xb3]\xe5u\xe7\xa7\x99\xd4\xd8\x89\xd6-\x91Co\xc8L\x85\xec\xf6K$\x9c\xe0\\\x0e\x9c\x8f\xbf\x1e\x9e\x93&gt;\xfe\xa3\xf4q\x01\x88\x88\x88\x9dC(\x1d\xb9\xbdA|\xe5\xe8&amp;\xc4\x0b\x86\xb4\xacnU\xd6*\xed\x94Jo$A\xa8\xea\x8e\x9b\xbf\x03\x130\xc6%\xa7E\xf5\xb4\xabV\x0c\xf1ophj\xc9\xf8\x8d\xe4F\xee\x99-s\x101\xd4G\xfd\xae\x07\xe4L\x8a\x88O/\xed\xb1A\xd3\x1cF-\x8f\x8c\xeb&amp;\xf5vt+\x08\xbb\xe0\xe6\xa0\xeb:y\x1a)\xa3n\x05\x00\x00\xb7\x0e\xae\xf2\xb6bU\xf5\xf7\xa3\xf3\x16\xd4\x12\x97\xd1\xed-\xde\xb1p*\xc4I\xe8\x0c\xa4\xcdJ\x17;\xaf\x17\xaf\xcf\xe4\xf6\xf9=4\xf8v\xbaP\xa8\xaar\x8e\n\xd2\xf8"\xd4\t/\x9e\xdd\xb0\x91\xaeK\x88\x9f\x8b\xa6\x93d\xb4\x8cM\xdek\x12[t\x19\xf8\xe7\xfd*\xf9\x13V\xaa\x97j\xee\xba7\t\x1b\xf8\xe6\x96\xdc\xa1uzgiY\xd2\xaa\x17\xf9Bd\x90\x97\xad\xdaA8\x15\xd7\xf7\xcb\xeet\xc5\x1b*\xe4\xf8b\xd3_:\xa2\x93\x03[\xa2\x17)\xd1\xfe/8\xfbV2a\x0e\xfb\xedD\x11\t\x99\xc2\t\xecA\xb3[^\xc9,\x00\xbb\xe6\x8fP/g_,wZ\xb5\x8a\xcay\x0c\xe4Nv^\x16\x0f\xeb\xe8\xe8&amp;\xd8\x1b\x17\xb2q\x11\xae\x84GR\xf0\x8c\xed\x1c\\\xceY\xcd\xcfM\xbd\x8c3{a\x85\x17\xcf\xee\xe8&amp;\x98\xc2Q\x82\x04\x888\xacuM\x87\\\x1a\x00~8\xb9\xc5\xf2:\x11\x7fR\x1e\xa4\xadr| \x08\th\xebI\x17\x9e\xae\xa5E\x19\xefxu\xeb\xb0\xaf\x9b\xa3\x1ba5\xb5\x8a\xbai,\xd9\xd4\xbf@\xabJEm\xd9\x16\x00\x80*\xf9\x12\xd6n\x16\xe1\\\x18\x8e\xe4\xb4\x03\xf9\xf4\x14\xeeX\xa3\xa4\xdc\x9b$\x99=\xd8\x19p\xd6v\xc5\xe0r\x11\x1e\xcc5@\xb9C\xd5\xe5\xd6\xe1\x84\xc1n\x04\x80\xd1\xfc\x8e\xae\x05M\x0c\x08B\x17Z\x8c\xab-*\x16\xd6^a\xd7:e\x0c7\x86\xb0!\x93\xba5\x14\x1c)\xa1\xcbG\xcc\xbe8\xef\x1c;.u\xbc2\xefYh\xd6\xdc\xec*\x7f\xac\xed\xd82s\xa0\xa3\x9b MR\x13\x8b!\x9bZ*\x04I\xc7\x9c,\x81\xb1)N\xac\x9f\xee\xe8&amp;$\x00\xd2\x02\x94\xb3e\x98i\xcfz\x15lX\xbb3\x81\xafoi/,\x99\xc0H\x8bM)~\xbf\x15\x88\x18\x90Sw\xe8\x96\x1d8\xb4b\xa2\x19/\x97\x8c\x00\xbd"*Z\xd8\x1e9\x8a\xc4G\xa7\xbe\x1cR\xce{\xe4td\r\xb5\x8a\xba\x9d\xda4+\x83\xcd\xac\xbd\x06$\x1f\xe21.g\x1a\xd6\x8bI\xa9\xc1S\x9bf)\xa8\xb09\x96\x9aE\xcc\x84\x87C\x894\xd0\xa4\x9c\xbbEm!\xa4\x11\xdca\xca\x13I8\x17\x1e\xc9 \xaaFIG\xb7B\t\x939m*\xe56\xe5~T*}\x8c\x00\x863\xae\x02L\xd3\xc1Ed\x9c\x89\xf8I\xab\xca6w\xcc"\x0cc\xb2\xeb\xb4\x8a\x8a9\x92\x04\xe61.y0\xadgS\x93\r\xf0\xa1I\x9b\x06r9\xba\x01NK\xe3\xb2\xf9;\xd6(!\x0eJ8\xb6f\x8a\x03ZC\x10\x8c\x84\xe0|%\x06\xffwo\xe7\xdca\x8en\x85\xbd\x997PSJ\x1f\xc2\x16\xdc9\xbc\xc6\xd1M lIr\x80\xa6\xfeN\x98\xd5F\x05\'\xb4i\x18I\xa4\xa4\x93\x88\x929\xf1\xd5\xadR\xf1\xc97E\x03.\xb7?\x19\\@\xd6\x11\xd0X\xbe-\x82 \xbe\xe0\x84\xbd\xbf\xdd\xb8\x7fz\xab\xa3\x9b`\x9cz%\x8d\x08\x1c\xac\x18\xd3\xcd\xf2\x96\xb8(\xad+{8\xba\tJ\x84xdrt\x13\x126U\xdd)\xe7\xb9\x9d\x18\xdb\xb1.s\xc8\xa2\xdc2\x84}\xe8\x1c\xe2k\xc9bhJtc\xf3\x95\x101\xdc&gt;\xa4\xc9F\xa6\xdaM\xe8\xcd\x82tx\xd5$\xf1\xc1\xbd\x8bF\xeb\xaa\xc4$a\x1ar&lt;\x99\xa1\x8ew\x96\x93\x1bf\xda\xf4\x12\x86A|\xe7\x93\n@^G\xda\xa5s0\x10\xceF\xc9t\xce.\xd7A\x98\xe2\xd0\xca\x89\xba\xca#\xe2\x9b;G\xbf\xfbzS\x1b\xbb\xa7\x9b(\x9f-\x91y\xef\x14\xe7\'\x1d\xc0\xcc&gt;-\x1c\xdd\n"A\xd0&amp;\xc8Ko\xb6mg`\xd9\xa8.\x8enBBe\xc9\xf0(\x96i\xcf\x0e2\x81\t\x01\xc9\xc5u\xef\xfa\x01\xe6kv\xdd\xbcW\x96\xa3%\xd7\xa3s\x92\xc0\xf6\xddu\x10\\\xd0\x89\xa5o\xe21\x85\x00~\xba\xfe\xd5O7\x0e\xea=\x11\x11\xf9Z*u\xbc2\x0fhR\xc5\xd9\xbc*\xed\xec\xbd\x9e\x03\xa0k\x9d2\xa9\x01\xd2\x01$\xe3u\xd9\xba\xe4\xba\x88x\t"v\t\xf1st+\xbe\xd0\xa8L&gt;D\xb4$K\xb6-`\xa3\x81o\x06M\xa9;\x08}&lt;\xbf\xb2\xafQ\x99/\xca\xc4\x88\xf8\xe4\xe2n3\x15\x86zg)\x91\x16:\x87\xf89I\xd8\x14G\xdb*\xde\x96\xd7\x89\xf8\x97\xb2\x0b\xde\x7f\xcf.#\xfe;o`\x9b\rS\xfb\xc69\xf1\x97;r\x15Z\xd7\xbax\x82\x16\x8d{S\x12\x10v\xc7\xd9\x9cP\xd9\xba\xff\xabe\xe3\xc5\x12\xe5\x88\x98\x0e\xa0M\x90\xd7\xa2\xa1\x1d\x1c\xd02\xc2\x0e\x94\xe1\xf9Y\xb5\xad\xe2\xedlO\xa7\x00\xc3^\xcf\x0f\xcelS.`&amp;_\xd2\xdeE\xa3$\x8f#\xe2\xa0\xe6\xd5\xb4\xd7c7i\x94\x9fn\x1ct\x95\xfcP\xdc\xd6w\x85\xec\xf1QGM3V\rr&gt;)\x01\x11\x1f\x9e\xdb\xc1?\x88\x88y\x01\xdcE\x85\x11\xb1{X\xb9\xa5#;sG\xc4j\x88\xce5\xd1#t\x91\x0c\xa0]\xb5b\xaa\xc5L\xe6%\x0e\xf1\xb4\xcc\x997\x8bm\x92q\xe747/C\xc4\xe2i\x00\x00\xfe}r\xf1\xf4\xa6\xd9V\xb5\xcav\xc4c\xf7\xea\xe0\x82i\x0b\xbb\x82\xa4\x1f\xe2\xff\x1cu\xe9\xdb\x87V\x1b&gt;W\xdc\xdd\xc7\xdb\'\xc9E\t\xc8\xa55\xaa\xc9\xdfR\x97\xcb\x7f\x9f\\,\x9aD\xfa\xab\xcd\xd3\x07\x18\xde\xb7\x14\xbf\xcb]j\x976Z\x99\x12f\xe2)\x075\x8b\x99\xe6\xe3\x7fO.\xeeZdI{\x08c\xf4o\x1cd\xb2\x06D\xb4C` ~zn}\x9d\xce\xbd|\'\xe23\xcc\x92h\xb7\xcb)\xe8\xaa\xb7\xad\xea\xa3\xb7\xb6\xa2I\x01\xdf\xdc\xde&gt;{\x88\xa96\xd9\xfd&amp;\xc4cV\x8e\xed\xfe\xe9\xe5u\xbdg%\x02\xe8hZ\xcc5\x11@v\x93Uh\xc0\x16\x9e.\xae\xb0\xf2!\xecBZ\x00\xbe9\xf9\xbb\xaf7=:\xbfS\xb2d\xad\xa2nc:\x84Yr\xd1\x01M\xaaXR\x8fy\xc4\xf6\xe2b\x8a\x11\xcd\xf9\x00\x1e\x9e\xdb\x81\x88\n\xaa8\x02\xebg\x93r\xee\xd7\xf6/\xd7\xd5\xaa\xe8p\x7f\xc9\xc4~\xae\xe8\xafmkL\x8a\xfb\'\x04\x8aQbUB\x8e\x93\x1bg\xf2\xad.YM,\x0f\xc5\xb9~@\xa66g\xf6OW]\xd43g8\x9b\xce\xdf\xb7\xcf\x1e"\x99/\xec\xda\xbee\x927\x19\x00V\x8f\xefa\xe6\x8a3z77s\xbas"chtUZU*Z\xdc\xa8\xfd1\xaaf)\x03g\x89\x93\xce\xda\x87L\x00\xd1\xe1\xfe\xdam\xd4bhy\xed,\xcc\xe9\xdf\xba\xb6\x97P\x9b`\xdf\xe21&amp;\xd3\x95X\x8b\x9b\xce\xf2\x88\xa87o\xb0.\xa5\xa4\xf5\x93\xfb\xe0\xcf7\xc6u\xaa\x97\x9bw\xb0d\xac-\xe0\xdd\xfd3\xba.\x1d\xef1\x164\xb7aJ_\xf5B\x00\x00\xe0\xe3\x043\xe8\xb1\x1d\xeb\x1a8\xab|6\xe3W\x9c\xdd\xaf\x95\xc6\x92\xb6\x90\xcc\xe3;\x9d\x1b\x80\x06\x00g\xa1d:\xa8\x94\xcbN\x0e`\xab\xc6v7p\x16\x8bHhSE\x87\xac\x05\xe2/\x06.\xa4\x1d7\x80\xde\xf5\x03\x10\xb1}\xb5b\\\x9c\x84\xb2\x9e\xa5\xf6\'\xdev\xa2\xc0\x8e\xea\'\xcb\x18\xf2/\x19\xdc\xa2\xba\xd5\r\xb1\x15\x93\xbb7B\xc4b\xa9\xa0\xac\xbdd\x9e\xa6to\xac&lt;\xec\xf1\xd7\xa1;\xe7\r7\x7f\xc59\xfd[\x9b\xaf\x84\xe3\xea\xde\xa5\x16\xd6F\xb8\x0c\x82\xa7v\xa1\x86\xb0\x94\x9e\x11\x15\xfey|A\x10V\xae\x9cW\x19\xdf\xdc\xd6\xd5\xaa\x92\xb6\x0fY_:\xa2\x93\xcd\xafa/\xb2\xda\xc0z#\xee97M\x1f`\xf5ElE\xff\xc6A\x1f\x9e_Y0\xa4\xbd\x1d\xae\x95\x12\x00\xf1-".\x1e\x1e\xa5P\x8c\xa6\xd8\xce\x88\xf2\x06\xa6\x02M\xfd\x0b\x18^,"\xe2\x81\xa5\xe3\xcc\xcf+\xcbf\x86\x7f\x9f\\R.\xa3\xc5{a\xd5\xb8h\x00@\xfc\xd0&amp;\xc8\xeb\xdc\xd6y\xaa\xe5\xbf?\xb9\xd9\xc35e\xfe;\x04\x17\xb7\xaa\xaa$\x10\x9f\x03\xe8\xe56N$q\xc2|\xbfn\x00\x88\x1f~\xbd{\xdc\x16\xfb\xdd\x82\x17\x9f\xedoM\xe9\xeeb\xba\xcd\xb5&lt;\xe4\xb4q\x13\x12\x92\x8f9_lg\xee\x80H\xcb/\x8a\x88\xcf\xaf\xecS-V&amp;\x93\x8eY\x83\xbb\xa9\x16\x01\x00 b\xc5\x9c\x9a\xe6\x91\xdbf\x0f\xd9\xb7x\xb4\xe9\x0bZ\x80\xae~J\x15\xbd\xe9\x0c\xe7\rl\x13/\xa7u\xe9\x01\x94\'\xb3\x10W{\xd59\xc5\xd7\x10qJt\xe3:\xde6\x17f\xae^X\xf6\x06\x0c\x8f\xace\xeb\xab\x13\xd6\xd3+\xa2\xa2M\xeb\xcf\t\xd0\xb0t^k\xa5\t\xcagO\xd4=\xac\\tx9Kk\x95f\xcf\xc2Q\x96{s7\xf4\xcb\xeb\x16\xf7\x88\x96X:Dtl"\xf5\x96\x01E\x1cyy\xd3\xe8j\xbfK\x84\x01s "\xe2\x7f\xda\xcbW\xce\x9d\xdcv\x8d\xd1HM\r\xeaL\x84c\x10\x18=t\xcd+r\x02\x08\x14\x01\x11\xf1\xf4\xe6\xd9\xc6Z\x92\xd6f!\xbb\x1c\x91A\x9e\xaaez\xd6\xab\xc0\tp\x86\x17\xcf\xde\xc0O\xc9\xe7&gt;\x97bU\x86\xdf\xbc#\xab&amp;\x0bT\x8b/%\xd4ha]&amp;\x08\x03\x8b\xff\n9\x12{&amp;\x8f\xb3\x1f\xde\xd4\xbf\xc0\x96\x19\x03k\x14\x16ZY&lt;\x1d\xdf\x91\x02\x00\\\xdb\xb7\xec\xd0\x8a\x89\x00P\xdf7\xb7ja\x00\xd8\xb3P\xa8:\x95\x0c`\xff\x92\xb1\xd6\xb7,.\xdbf\x0f\xb6\xf5%\x08\x8b\x99\xda\xa3\t\xe2__o\x98a\xd8Y\xa7e@\x91\x01M\xab\x188\x11c\xf9\xfd\xfbSZ\xcaw\xacQ\xd2v\xb9\'\xbf=\xbe!\xbcxv\x00\xd82s\xa0rI\xfb\x98J\xaa\xb9\xa7A|\xcb\xa9G\x10\xd6\xd2\xaaRQ\xd5\x1f\xday\xe8\x1c\xe2\xd7\xa4\x9c\xbb\xc6\xc2%\xc5Jl\x00\x07\x96\x8e]3\xa1\xa7\xf2\x89\x88\xbf\xc9\xe9\x15\x12NM\xcbJE\xed\x10\x95.\x00\xf1/\x8c\x8b^\x0b%;\xeb\xfb\x93\x9b\xab\xb9k\xddE\x96\x0cY\xd2h;\xcfkQVw\xc4\x8f\x00*&gt;yk\'\xf6R\xadG\xd9.\x946\xc6\x19\xf4\xa5\xae\xb6\xe9B\xfbm\xb7)\x0b\x06\xdb\xc3\xbfE\x8c\xb2\xdfjF\x00D\x1c\xd5\xae\x8e\x9dZ\xa3\x87H\xf9d|\xbf\xde=^\xaf\x84\xb4\xc7\xb0\xea\xda\xe1\xc4\xfa\xe9\x0f\xcen7\xd1.\x83h_e\rlZ\xd5\x86\xedp]N\xac\x9f\xaekZ\x9a\xd8\xd0fWA\x00\x00\xf0J\x01\xd7\xf6-Cy\xb8\xf2\xeb&amp;\xf5V\xde\x87\xf5scc\xc0\'\xfdm\x89\x03\xb3\xd8t\xa9\xad\x94=\xa3\xb4un\x02}\x1bV\xb6\xcfV\xe1\xaaq\xd1\xae\xb51k`u\x96\x03\x00\x11g\xf4\xb2_(\xf2?\x8f/\xec\xd2\xe0\xba\xde\xafQ\xe0\x9b;G\xed\xd0\x1ek\xc9\x0f\x10QJ\xd9H\xe9tx\x8a\x8c\x0f\xfe&amp;B\xd8\x12(\xf8\xdb\xb7\xfc\x7f\xaa\xea\xed\x04\x17\x8cY(\x8el\xab4\xc7\xe9Q\xd7\x7f\xeb\xacAq.\x14\xcb\xbc\x81m\xc5\xe5\x0f,\x1d\x87\x88\xac#\xe8\x1c\xe27\xadG\x136\xef\x90\x8b+iT&amp;\x9f\xc9\xdc\xc2\x03\x9bVmR\xce=1\xc0\x92\xe1Q\xd6:\xdc\x9b\x0ca\xd3d\xacU\xe4\xec\xd6\xb9.\'\x1bg Q\xdf\xa3\xf3;9\x0ff;\xe4\x1fw\xb9[j\x15\xe6\x97\xbf#\xdb\xd6\x11D\xdd\x05\xe6qfa\x97\x04\xcc\xdc\x01\x91r\xb2n\x0c\x8d\xaf)\xfey\x9f\xff\xcf\x0e\xd5K\xb0\xf7\xa7\x8eH\xe0\x81\xcf\x85\x1d\x0b\xb4Uo\r\xf8\xeaf\x91$\xf0\xc7\x0f\xa7\xf9\x9e\x1d\xdeF\x9f\xccY}[\x16N\x1c\xd3M\x0clV\xf5\xf2\xee\xc5\xda\x93\xa2\xdc9\xb2V\xee+\x03\xb1\xed\xb1C\xedo\xfaO\x85M\xd3\xfb_\xdd\xbb\xcc\xfe\xde\xd1\x88\x7f%\xd5\xe9M\xdf\xba\xb2\x07\x9b\x92\x0fhRez\xaff\n\x02\xaev\xa3K\xed\xd2\xff&gt;\xbe\xe8\xe8V\x08Y&lt;&lt;\xcaI:\xdc\xa2\xae\x19:\x93\xb0\xd8\xbfd\xac\xf9\xe8\xfc\x86\xa5\xf3\xb2\x0f\xc9\x01v/\x18\xa9}\xf6\xd4\xac|A-\xc5l\xb1X\xf5\xb54`F\xf9\x95\x13\x04\x1b\x1f[;U\xaed\x89\xb4\x80\x88\xbd\xea\xeb\xf0\xcaE\xc4\xbb\xc7\xd6k/\xcf\xa7P"xu\xeb\xb0\xb1s\xcd\xa3\xd7\x7f\x89\xdb\xb6\xfc\xf6\xc4F\xcb\x1bc\x00n\x99\xeb\x04:@\xf6\xc3\xa4\x02\x8f\x85(\xbb\xe1\x89q\xb9\xc85{\xd09\xc4\xaf\x8ew\x96P\x8b\x82G&gt;\xfft]l\xe5\xe7\xd3\xb8\xacP\xe1M\xcbP\xa11\x81\xdf\xa3\xf3;\xb5{y\xaf\x1c\xdb]\\i^\x8d\'\xdb\x86\xeea\xe5\x82\x0b\xa4ED]Rn[g\x0e2\xe3#\x8b\x88\x926,k#\xce\xac\xa2\x90\x89P\xa3\x8dS\xfb)|\xab7\xd2;#\xc0\xadC\xab\xd9\xa3\xae\xb7\'"\x1c\xe28+\xee|\xe29v\x16A\x8f(\x99\x93\xbf\xcd\xcb\xf73S0\x93\xcbe\xfe2\xc0\xbc\x81m\xde?U\x11\x8aP\xa6x\x1ahU\xd9\xc3\xaa\xf6\xe8\xe5\xf4\xe6\xd9\x19\xd4FD)\xe7=\xb8\x7fz\xab\xe5\x06k\xc3\x92!\xf1\x00\x8d7\xb3\\V\x97\x97\xbb\xa9\x90\xc3\tLi\x00\xb3\xfa\xb6D\xc4\xb3[\xe7*\x94\xa1l\x91f\xb1\xb5E\x0e\xff{\xc2\x1f\x00\xfey|a\xff\x92\xb1bu\xf2\xa4\x00\x88\x18\x1d\xee_:#$\x8f\xf5\x1a\xb2\xac\r\xff&gt;\xd2.\xcc[\xab\xa8\x0e\xeb\xf7\x8d\x03+\x0c\xb4gxd\x88\xaa:\xe3\xea\xf1=J\xa4\x81:\xdeY\xf6.\x1a\xadZ\xa1d\xa0\xbf\x96T\xccn\xaa%\xec\xc5\xee\x05#\xfb6\xac\xac\xa5\xa43\x18\xfa\xe3\x19\xe5\xb2\xc2\xe0\x16\xc1\xdc?\xcd\xfb \x10\xae\x87\x8d\x84\x1f$\xdd=g\xf6i!X\xed\x8dj\x17\xca\xbe\x9a\xdd\xafU~\x80\xf2\xd9\x13\xd9K\xbfV\x89\x1c\x00\xad\x03=\xc5\xc3UP&gt;\xe1x\x92CXD\t\xfc\xe3{D\xbcyp\x95\xe4\xb7\xdf\x9e\xd8(\xf6\x8eU\xd8\x1ae\x1d\xa2xg\xde\xf97\xdb\xc8HBh\xe4\xee\xb1\xf5\x16n\xad\xbb\x94\x96\x87\xbd\xb0\x91\x95Cr\x00\x10XH\x0b\'\xfaRl@\xd3\xaa\xbe\x19 \xa2T.ql\xbd\x18\xf3\xd9Y\x95Y0\xb8\xdd\xf8N\xf5\x04+\xfa\xe8p\xffqQu\xbb\x87\x99\x92\x1bB\xfc\xf7\xce\x91\xb5\x82\xc0\xcb&gt;\r*!"~x*y\xc7\x86\xb5\xae\xa9\xf7*U\xddS\xdf=\xb6\xde\x81\xfd\xac\xc0\xaa[C^/\xccn\xb8\xba}\xc6\x858\xbev\xda\xe1U\x93\x04\x07\r\xef+\xe2\xe7\x17\xaae4\xe6\x02\xebZ\xa7\x8c\xd1V\xb8&gt;\xb6s\xef\xf3\x902\xea\xcb\r\x00rer\x03\xcc\xea\xdbr`3g\t\xdb\xd3\xa2\xc5\xa6\x8c\\6\xbe&gt;\r*\xe1\x1f\xdf\xf3\x8fH\xdd\xa7w\xe3:\xd5K\x1c\xfb\xed\xb7\'6~\x7fr\xb3\xf6K\xef^0\x02\x11g\xf5mi\xb8\xf1&amp;A\xc4\x11mB\x1cuu1\xc5\xd3\xc0\xadC\xab\x1d\xdd\n\xdbb,\xcd\x99-\x08\xf1\xc8\xf4\xc7\x0f\xa7\x81\xe7\x10h\x06D\x1c\xda\xb2\x86\xf88?\xf0K\xc1\xeb\xba\x80\xcc\xf1\x04\xab\x9ae1\xb9\x01:\xd7\xf2\x15\x1f\xd72\x00\x84xdd\x07\xaf\xecY\x02\x00\xf7\x8e\xad\xd7h\x85\x14;\x02\xa5\x07\xf0H\x06\x81y\x9d\xc2\xe5\x99\x8f\x9f\x9b\xc4\xfcwz\xcff\xdcg\xb9\x1b\x15\x14W/\x95\xbbu\x1a\xbd`\x9d\xd9\x19\xd1\xdb\xa1\n\xa6\t\x84\xf0\xe2\xd9\xfd\xb3~Ik\x93\x1d`\xfd\xe4&gt;\xec\xf3\x8a1\xdd\xe4\xbc\xf2\xcfnQ\xdaz\xd5N\xdd\x12\xba\x8c\xa3J b\xc5\x1c\xea\xce!\xd5\n\xe8\x13)i\xea/74$l\x86\xb6\x92\x18l\r \xd5\xa7\xbd\xeaXC\xc2\xa2]%\xd6\xb0n\xd2\xc1?:\xdc\xff\xd3\xcbk\x86\xb3`\xdb\x0e\xc9\x8dh\xd6\xceXe\x0b\t\xfa5\x0e\x14\x9c\xb2{\xfe\x08\xdb7\xd6\x1e\x94\xcf\xee\x92\xc6X7G7@\x17\xd3z6\x15\xa8+;\xf3\x9c\xc0\x18\xa1\xdeY\x03r%\x95\xeb78\xb1^B\x13\x87VL\xb4p\xfe\xdc=\xac\x9c\xa0Gk^\xb1\xf0\xc4\xae\r\xac\xbb\x82&gt;R\xc8/\x06\x1d\x02\x8b\x9fyvy\xaf\xdc\x00\x80R6k\xc4\xb7vn\'A(\xd3=\xac\xac}.T.\x0b\x0ciQ}Xka\xe4G\')\x0b\x04CR\xe5\x94\x90\xc6\x80$\x8b\x02\xa53\x01\xe2G~w\xb6s\xde0D\\i(\x0f\xbby\n\xea\xd9\x05\xc9\rP\xdb\xd3\xac;\x12"\x0en\x1e,\xb9A\xb2iZ\x7f\x00($o\xff\xc1\x7f\x1e\x8a\x07\x80\xcc\x00\xf8\xeb]\xc3\x91\x12&gt;)\xa1z!\x0b6cW\x8d\xebnm&gt;nB@)\x87n\x99\x8b\xed\xe9}\x1b)\xf9\xe9J\xceT\x18\xef\xd52\xb6\xeaj\x0f\xfezW\xe1Z\xba\x98\xd0\xa5\xbe%\xf5\xc4+\xbe\xfbz\x93\x85\xb5e\x02\x98\xd8\xa5\x01\xbe\x7f,\xee\xdc\x9a\x94s\xe7\x9ep\xfc\xf4|F\xef\xe6\xca#O\xbb\xaa&gt;\x166L\x81\x9aE2\x98\x94\x99\xe3\xe8\xdb\xb02"\xd6\xf7\xcd-\xb9\xab\x81\xbf\xdee6X\xb9\xfe\xbfE\xc5\xc2\xfc=\xae\x93\x1bgV\xcc\x99$\xf6\xcb\xbf\xe4.\x9a\x11@\xc1W~j\x8f&amp;,\xe9\xe3\xe3\x0b\xbb,\xd9\x9d\xe3PX\xb2\xd8\x13/\xa7\xdb\x00r0\x0e_\xf2\xe2\xbb\x1f\x1c\xdd\x04\xc2q\xf8\xb9A`\xde\x14\xed\x83\x8b\x0fn\x11,\xee\xe3\xa6D7F\xfc\xc5\xe1\xbd\x86\x01f\xf7k\xd5\xb8l\xfe\xaf\xd7\xcfP(\x93\x0c\x00\x11\xe5\xa6ri\x00\xd8JVn\x00\xe0r\x03\xb8K\x95\xd1\xd5\xda\x0c\x00\x05\x00\xf6\xc4\x8a2=\xb9\xb8{\xcf\xc2\x91\xcbGwED\xc4\xdfuU%I\x85~\xc5f\x00\x00 \x00IDAT\x16\x80V\x95\x8a\x9a\xaf\x87\xd0\x05\x97\xe5\xa2n\xf1\xec\x03\x9bU\xdb6k0\xc8\xafq\xdbV\xf5\xe6&gt;\xab:Yo\x9f3\xd4\x82\xf6\x01\x00\x80\x96E\xf4\xf1u\xd3\xac\xba\x1c!\x8bC\x82(\x11\x7f\x06\x80\xe7W\xf7#~\x92\xeb\xe9P\x7fN\x18\x034\xafXX5\x04\xb7H\x12\x15\xc7\x00\xe6\xd8\xd0\xb1FI\xd6Ak\x9cn*\xbb\x93\xca\xdd\x93\xeds\x86(\x14\xd0e!\xe0\xef3\x8b\xbf\x15\'\x02$\xe2+\xdc\xa2\xf3\xdd\xfd3;\xe6\x0c\x1d\xd9\xb6\xb6M/\xb7bt\xd7u\x93z\x8d\xefTO\xf2[n\x05*\xa9\x03\xe4&lt;\x1as\x84)\xaa\x17J\x97\x04`\xfb\xec!\n\x03\x80\x1d\x9a\xe1\x06\xd0-\xd4\xc8V\x15?r\xa4}\xb5b\xf9\x01\xcel\x9e\xa3zV\xcb\x80"\x88\xff\xb2\x886\x05e\xd042\xfd\xfb\xa6\xe9\xfdo\x1f^\xe3\x16\x9b\xf9\x84\xf1\xe3\xd9\xed\x92wlz\xaff2\xd5\x03\x00$\xe2\xd5 \'\x8dg\x9f\x9f\x80a\x9d\xd4\x93\xa6t=%\xe5m\x8bv\x98v\x18c\xdd\xa4\xde\x1aK\xfa\xa44"\xa3\x86\x88\x93\xba5\xd4X8\t\x80\xaa \x95\xb6\x8b\xca\xda-%\x11dU\xab\x9c\xc79\xf2,\x13\x06\xf0L\x0e\x82\xfe\xeb\xc8\xaa\xc93\xfb\xb4\xf8\xf8\xfc*\xbf\xd8\xea\xf1=\x1c\xf2N\xf6iP\t\x00|3\x08\xd3\xe30\x8c\x85\x1c\xb3?S50G\xec(\xc5\xa7\x8eW\x96D\x00u\xbc\xb305\x88\xd42\xa6v\x8c\xcd\xa53\xa1\xb3\xc4\xbe\xd6_?\x9e\xe3\xce\xfaz\xc3\x8c\xf2\xbc\x8d\x05Nv\xc9\x12\x9d\xb7\x0e\xc1\xc5u\t\xc6\x99\x99\xe2U+\xa0\xd5[A\xbb\x1c\xac\x8brf\xcb\\\xbd\x1b\xf2\x8b\x87u\x94&lt;\x1eV,\x1b\xc4M}\x13\x1d\xee?\xa9k\x83\xcc\x00\xff\xfb\xf6k\x00\xb0]nm\x01\x02\xc3i\xc3\xd2y\xb9\x05\xb1$\x7f\xfdxN\x97\x86\x98\xf6\\\x1d\xf1\x93\xf2\xd9\x13]\xd9\xbb\x94\x7f\xc4\xd6?\xec\xf3\xab\xfb\xf1\xcd\x1d|s\x9b=^\xe3\xa2\xa4W\x85\x00\xc0r\xac\xdb\x1a\xb61{d\xd5$\xd5\xb5\x88 O\xc0\xfcAm\xb5\xd4\xef\x93\x12\xcem\x9b\xa7P\xa0\xaa{\xeaI]\x1b\x82\x82\x17\xd0\x9b;\xe2\xc8\xd5\xe3k\xa7!\xe2\x99-\xd2K\x10IC\xbc\xa0\xd6\x83\xcb\xc7\xf3\xbf]2\xa2\x13\xc8\xa8^\xebr\x08CD\xf3\x8a\xbe\rm \\q|\xedT|s\xc7\xf2j\xed\x83\x9b\xce\xf2\x0f\xcf\xed0s9|\xff\xb8VQ\xb7\xb9\x03"\xb9\x17!M\xec\xfb\xd8\xa7a\xa5\xdc\x00A\xf9$\xe2\xf7\xf8\x9d\xf5\xa0\xe6\xc1\xe2\x02\x06\xf0\x8b\xbb\xb6kU\xa9\xa8p\xd2\xf3G\x9c\xbd\xe5\x9aE\x8c(\x1d\xfb\xb9\x198\xc9\x95q\xec"\xca\xedKg\xf4\xbf1\x1d\xc2\xb5\x0c9\xb6\xf3\xe1E\xc4\x8f/\xae^\xd9\xb3tt\xfbP\xfc\xfc\xe2\xefG\xe7\x11\x11\xff\xf8\xa1\x8e\x97p\x11\xe2%\xbak\x96\x04\x9aU/\x94\x8e3\x0c\x89;\xffg\x97\xf7\xae\x1c\xdb]\xec\x94\xc5\xbe\x95\xf4+\xe5\xc3B0}RJW\xce\x15\xab\x90=\x11"V/\x94\xee\xe4\x86\x99\xe2\xc1/ \xa7\x0eM9\xc9\xb1S/\xda+9\xbcr\xa2\xe4\xf1\x8c\x00\xd5\x0b}yh\xcae\x81_\xef\x1e_6\xaa\x8b\xf9\xb6\x81#$\xf6\n\xeb\x89\x96\x13\x0c\xd8\xe3;E\xe8\x12\xadJ\xc1\xcb\xb2;\xbaC\x98d\x19&amp;\x97k&gt;\x80\xd6?+\xec\x98;L\xa1@\xe7\x10a\xa6n\x81Eh\xc3\x94\xber\xe7\x96\xcdl$\x8f^B\xc7\x19\x048\xedF\xfbj\xc5\x10\x11\x7f\xffN\xf2[\xae\xa3\xe4\xe2\xe6m\xcd\xddc\xeb\xe3\xf4\xd0\x1f\x9f\xe1\xab\x9b\xe2\x04,rk\x14e\x04\xbd\xff\x96\x19\x03\x05_\xad\x9d\xd8\x0b\xffy(\xb6;\xcb\x19\n\x9c\x99&amp;\xe5\xdc\x11q\xe1\x90\xf6&amp;\xeb\xb1\x91\x17&gt;\xb7(,\xa7\xc1\xd6yz\xd3l]\xf3\x9f7w\x8e\x9aL\xda\xc3\x8dp\x96\x0c\xe7fp\x92\xb4\x04\t\x08\'\xccej!\r\xfc\xf2D\x06z\xb2\xcf\n\x8e\xa7\xcc\x00\xe1\x99\xecK\xa7\x19\\\xd0\x9a5H\x16\xde\xf4\x8a\x8f;\x00\x00$\x96\x9a\xa7\xaf\x1a\x17\xcdla\xe3;G4\xf0\xcbc\xac\xf7\x07\x10\xc6\xe2u\x08.\xce}u`\xe98D|\xff\xe4\xd2\xd7\xeb\xa7+W\x9eO\xa7\xea\xb5\xdd\x10\xebD\x1a\xbeQ\xce\xc6\xedC\xabu\xad\x00\xb6\xce\x1a$&gt;\xc8R^Y\xa5\xf2\x7ff\xcb\x1cD\xcc\xa6^\x90p\x1d\xac\xcdz\xe8x\xcd_5\xf0\xcf\x07S\xba7R(\xc0\xba]\xae\xc7\xd4\x9b\x84D\xa3\xca\x99@\xbd\xe4\xbf\xa7\x97\x11\xff\x12\x0f\x03\x1cm\xabxKW\xc4\x83o\x9bJ\x1f\xeb\xe5\xc2\xc9\xed!\xe2O\xd7\xbf\x1a\xdf9\x82+\x93\x03 -@\xf5B\xe9\x10\xf1\xf3O\xd7\xf9UM\xeb\xd9TK7\xaa0\xe54\x90\x96\xb2|6k\x04\x82F\xb5\x0bU\xf8\xd6\xc7Et\xe8\xcad\x02\xe5-\x91\xfd\x8b\xc7\xf0\xffi\xa1{\x95\xab\xc3\r\x9c\xce\xdf\x1d9\x98\xfc\x00\x88\x7f\xab\x99\x94\xe3\t\x88\x1f\x10QK\xb2\x01\xe0\r\x00\xff=\xbd,Y\xc0\xdan\xe4\xe2\xce\x85\xb5bu\xbb\x10\xf1\xd1\xf9\x9d\xbf|sT\xcb\x89\x02\xc5PIZ\x06\x14\xe1\xfe\x9c\xd1\xedC{\xd6\xab\xc0\xff\xf6\xd4\xc6Y\x88\xb8#n\xecO\x1d/MF\xc1e\xa3\xba\x144\x9d\xc4-\xeeH\xf7\xf9\xf3O7\xc6E\xd5\x8b(eR\x18P\x1fb\xdd=\xdbaO\x8fF\x81\xa9\x89\xbf\x8cs\xb7[#\xac@r\xd2\xa6\x1a\xf8-\x0ewO }\x9d\x04\x17w&amp;\\\xf1kDD\xfc\x99\xebc\xb8\xe7Fn\x9f\xd3-n\xaf\xa4P\xf3\xc0\xa6f\xb3\x17\xf4\xacW\x1e\x00z\xd7\x0f@|i\xb2*9\xd6O\xee\xc3\xfd-\xcc\xbfb\xd1\xd0\x0e\x85\x00\xae\xed_\xce\xad\r\x8c\xd5l\xc9~\xb8`\xad\xc3O\x8b&amp;\xe9w\xc8F&lt;\x07\xaa\n\x9ad\xf1\xf0\xa8\xa0|)\x1d\xa2Q\x86\x88,\xfb\xe6\xc7\xe7W\x11\xb1O\xc3J\x8ehE\x1c:\xd5*e\xecDU\xb9\xa4\x8a9\x92h\x8f\xa8\x88\xff\xd8\xa8\x7fq\x86\xf0\x0c\xd56\x08\xba\x18q\x06\xb4\x94\x00]\xeb\x94\x19\xd2\xb2\xba\xa4\xf9\xc5F\xcdf\xa8\x8aRqf\x11#\x9en\x00\x00\x90\x12\xa0{X\xd95\x13z\x06\xe6M\xd1\xa8L&gt;D\x8c\x0e\xf7?\xb4bB\xcc\x9f\xf7\xf6\xae\xd1\x8a\x81%\xfd\xe0\xa3%\x1d1\x9f\xa0|)\xb9\xfb|\xe3\xc0Jv\xf0\xc8\xea\xc9\xdcA\xb9\x8e\xf2\xf3O\xd7UwR\x11\x7f\x1a\xdaJ6\x99Z\x8f\xba\xfe\xba\x9a\xea$L\x8dnb\x87\xabX\xe2\x80\x17\xff\xd4\xa7]\x18\x036Y\x97 %\xc0\xa2a\x1dky(E\x85\xc6$\\\x8cez\xcff\x02\xbb\x89o\x06h\\6\x7f\x88g&amp;\xc9\x01\xc0\xc06\xc9\x9a\t=%\x8fG\x94\xcc\xa9\xd7\xfb\xd839 \xfe\x02\x00\x05\xc0T\xba\x9bU\xe3\xa2\xd9\x07f\xdci[\xc5\x9b\xfdu\x02\x8b\x04\x7f\xcbc|\xa7\x08\xe5:\x11\x91S\xa4\xd1\xcb\xa9\x8d\xb3\x8e\xad\x99\n\x00\xd5\x0b\xa5\x17\x07\x85E\x87\xfb\xb3\xe6\xed]d\\\xa9\xc2\x0e\xe3\xb7a2\x19:\x0b\x11_\\\xdd\xcf?\x12\x1dn*A)\xbff\xfc%&amp;`\xa2\x91\xa5B\x81\xceO\xa32\xa2L\xdf\x84\x0b\xa1*\xf2\xd3\xa9\x96\xaf\xa0O\x9f\xdd\xaf\x95d\xd7 9\x00\xb0le\x02\x144\x06@&gt;\x8a*\xb8`Zo\xfd}x\xcd"n\xba\xcfQd\x9e\x86p\xb6%\xc3\xa3\xee\x9f\xde\xaaZL\xc1\xe7Z!,Hc\xd7\x1c\x987\x05\xbfc\xd2\x08\x97;\xd3n\x03@\xca\xd8\xcb\xd94\xa0\x92\xfd9\x82\xc8DkU]\x0b\x02\xf8\xb9AT\xcdR\xec\x9f\x82\xed"eJX\xa9%\x0f\xf8\xcb\x9dz29\xc5f\xf5mIJA\xae\x8d\xc6\x0c\xce\x16"\xd9\xb3\x0bfa\xff=\xbb\xc2J~\x7fr3\xbf\x98\xdekU\xcc\x91\xc4\xb0\xb9\xc6&gt; \xfeOC\x19\xdc9o\xb8\xe1KH\xdag\xf87V\xf0U`\x9e\x14\xa5\xa5f\xc5\x88\xf8\xf6\xde\tc\x16\xff\xc5\xc3:\xdaa\x00\xe0:\xbePo\x07H\x99\x0ciY\xdd\xc2\xda*\xe6H\x82\x88\x96dsl\xea_\x80\x85\x92\x14M\n\x06\x96\x89\x9b\xa6\xf5WX\xdc\xf0C\xd1\x96\x8e\xe8\xe4\x91\x0c\xe4\xe6U\xce\xe9\xbe\xec,l\x9d)\xe1;l\x0b&lt;\xe2v\xf8\x93\xbb7zvy\xaf}.\xcd\x90\x1c\x00\xdaT\x91\x95\xfe_\x11\xa3\x96\xaco\x00\xa8\x98#1"Jvd\xf6\xa4tF\xa8\x9c\'\xf9\xbd\xe3\x1b\xbe9\xba\xce\xc1M\xe1!\xb8\xf9\x00P\xdb\xf3\xcb\x9d\x12\xa7yb\x88\xa5L\xc5\xb1\xd9\n\xd4\x90\x17\t0\xaf]\xe1$,\x1e\x1e\xa5\xe0\xedck\xf2\xc9hx\x84zgQ\xd5Mq\x03\xa8\x14w.h\xb9\xed\xe9\xe6W+\xed\xb3\nta\xec!\xbe\x13\x97\xe1\x91!\x85\x00N\xac\x9bn\xb7+Jt\xff\x7f\xde\xd7r\n_Z@\x95.\xb5K\x0b\x9e\xb6\xfe\x8d\x83\xda\x04yu\xa8^\\\xee\x14\xb0\x81\x85\xa7c\xf5\x12Y\x01B}\xb2\xee\x92\xca!\xccz\x07\xed\xe9R;\xd5\xf2\x9d\x12\xdd\xb8\x9a\xbbA\x8f\x1f\xe6\x9f.\xde_\xd1^\x03w\x8a\x9cM@\x8e\x07g\xb6]\xd8\xb1P\xd7)\xae\x02?VV\xf2\xfd\xe5\xb6v\xf2\xdb\xb8%\x19\xf5gx&gt;\xbev\x1a\xc4\x0e\xff\x02\xc9,.\xf4R\xa3\xf5\xc9\xcc\xaeXB\xa7\\\x16\xe8Q\xd7\x7f\xd9\xc8\xce\x1f_\\sT\x824-\x9d\xeb\xcc&gt;-\xcc_H\xdc\xff\xcb\xa9C\x7f\t\x88\xff\xf8\xacc\xf58)\xec\x1b\xa8\xa9\x955+_p\xe7\xbc\xe1g\xb7\xcc\x85XQ\x1a~\xe0\x95\x1c\xddB\xcbT+`\xd7L\xf6I\x01"J\xeap\xb47\x10\x11\xdd\xa3ny\xfe?\x0f\xaf\x14\xea\xee\x89]&lt;\xe5\xa6\xe4\xbd"*rg\xed\x8b\x1b\xfd$\x07s\x11\xecR\xbb\xb4\x19+\x96\x93\xa0W\xa6\xa5G\xdd\xf2\xa5\xd2C\x8d\xc2\xe9\xcb\xd8e%\xfa\xe6\xce\xd1\xa1\xadj\x18&gt;\xbd\xb5\xc8%\x0f\x00\xf2\x03t\x0b-#&gt;&gt;\xa4\x85\xb4\xbd\x8b\xdc=\x8d\xc0\x7f\x1b\xf9&amp;\x1aI\xcd?{5\xe9=\x00T\xcc\x99\x04\xe4\x1di8\x82\x0b\xa6\xbb\xf9\xd5\xca\xbc\xda\x12\x01\x8a\x07\x80\xb1Qu\x15\xcaKN5\x0f\xaf\x9c8\xb9{\xa3\xc2\x8a\xb1\xc1[g\r\xd6\x1b\x93\xb9qj\xbfK\xbb\x16\xa51\x9d\xb4\xa7\x9cr\xea\x19\xfb26\xaanf\x80\x9c\x00ld\xfb\xfb\xe1y\xf1O\xc0/\x8f\xf8\xdb\xc5\x9d\x12\xb3\xf5\\\x9ac2\x9c\x87\xa4\xa2\xf4\xda\x86eN}R\x19T\xe6\t/f\xf1\xc2\xbe\xa5L\xd27\x81\x06\xb8\xc9\x89\x0c\xfb\x95\xcfo_ \x99K\xd2F\xab\x99\xc0\xbc)\x12b\xee\xf8\x10\xcfL\'\xd6O\x1f\xda\xaa\x86@\x02S0\xedu\x14i\x01\xc6v\xac\x0b\x00g\xb7\xceU(\xa3\x91\xc2\x89$l\xd0r\x94L\'|\xeb\x8a&amp;\x05\x00x}\xfb\x08wD.\xfcU\xb0\xbf}\xff\xf4V\x8d\x86\x8b\x10EOVW\x07?\xbfP\x1e\x00&lt;\x92I\x982\xcae\x89\xc9\x03.yJ\xaf\x88\x8a6n\xb5e(\'U\x97\xe3\x8f\x1fN\x01\xc0\xd6Y\x83\xf5\xfa\xd7\xec\x98;\xccE\xfdd\xb8\x9f\xd8\xb0\xe2\x901\xe1#\x12\xd2p\x18\xaa~\xf1\xafo\x1f~rq\xb7\xf9\x0b\x85\x17\xcf.\xe8\x80\x9a\x94s\x17\x17\xdb5_\xd6h\xc0\x99(\x14\x9c|X\xac\xb9\x1b@\xd1$\xb0tD\'\x03Iw\r\xef\x83U\xc9\xaf\xe2\xcd\xbc\x7f\xc9\xd8\xe3k\xa7\xcd\xe8\xa5\xd5%#\'@\xb3\xf2&amp;\x85\x1eb\x10\xf7\xfe\x88J1hn\xd2\'\xfe\xc1\x15\xe0\xd2\xe3t\xaa\xe5\xabp]\xf3\xd3\xe0\x03K\xc7\x9a\xae#FZC\xaf\xeb\x1b"\xe6\x07(\x91\x16f\xf5m)\xfeVa:\xfc\xe7\x83\xb3\x82%\x08\x00d\x01\xb8\xbc{1\x88t\xa8\xf8p\xc3FP\xbeT\xcaj\xb8GWOQ\xf8\x96\x11\x1d\xae;\xd4n\xce\x80H\xbd\xa7\x08\xb0\xab-\x950I\xdd\x129\xae\xed[f\xe0D\xc3[?\x88\x9f\x05\xbd\xd0\xfb\xa7\x97\x10\xf1\xbfg\x97\xeb\x95\xc8\x89\x88\x95rK\xeb\x85\xf4\xa8\xeb\xaf7\x9a\x9a\x93\xf7\x11S2-\x8cn/\xad\xbanx?\xe6\xd0\n\xa1J&gt;?\x9f%\x00\x8c\xebTO\x97=!\x9fu\xca\xc0\xd2\x03\x80\x86\xca\x15\xca\xe7\x03x{\xef\x84\xdc\x89\x19\x01\xdahP\xd0\x13\xd3\xafq\xe0\x92\xe1Q\x06N\xb4\x9c\xe3\xeb\xa6\xad\x1c\xdb}p\xf3\xe0w\x0f\xceT\xc8\xae\xc3@\x18\x19\xe4)\x16\x89\x1a\xd6\xba\xe6\xea\xf1=\xf6.\x1a%g\x8f\x1a\xd3!\xdchK\xa5\xe1\xff^\xbc\xdf\xf0\x93\xdc\xd0u</t>
        </is>
      </c>
      <c r="E611" t="inlineStr">
        <is>
          <t>&lt;class 'numpy.ndarray'&gt;</t>
        </is>
      </c>
    </row>
    <row r="612">
      <c r="A612" s="1" t="n">
        <v>610</v>
      </c>
      <c r="B612" t="inlineStr">
        <is>
          <t>steps_per_sec</t>
        </is>
      </c>
      <c r="C612" t="n">
        <v>8800</v>
      </c>
      <c r="D612" t="inlineStr">
        <is>
          <t>3.3584273</t>
        </is>
      </c>
      <c r="E612" t="inlineStr">
        <is>
          <t>&lt;class 'numpy.ndarray'&gt;</t>
        </is>
      </c>
    </row>
    <row r="613">
      <c r="A613" s="1" t="n">
        <v>611</v>
      </c>
      <c r="B613" t="inlineStr">
        <is>
          <t>Loss/object_center</t>
        </is>
      </c>
      <c r="C613" t="n">
        <v>8800</v>
      </c>
      <c r="D613" t="inlineStr">
        <is>
          <t>0.020010173</t>
        </is>
      </c>
      <c r="E613" t="inlineStr">
        <is>
          <t>&lt;class 'numpy.ndarray'&gt;</t>
        </is>
      </c>
    </row>
    <row r="614">
      <c r="A614" s="1" t="n">
        <v>612</v>
      </c>
      <c r="B614" t="inlineStr">
        <is>
          <t>Loss/box/scale</t>
        </is>
      </c>
      <c r="C614" t="n">
        <v>8800</v>
      </c>
      <c r="D614" t="inlineStr">
        <is>
          <t>0.17165644</t>
        </is>
      </c>
      <c r="E614" t="inlineStr">
        <is>
          <t>&lt;class 'numpy.ndarray'&gt;</t>
        </is>
      </c>
    </row>
    <row r="615">
      <c r="A615" s="1" t="n">
        <v>613</v>
      </c>
      <c r="B615" t="inlineStr">
        <is>
          <t>Loss/box/offset</t>
        </is>
      </c>
      <c r="C615" t="n">
        <v>8800</v>
      </c>
      <c r="D615" t="inlineStr">
        <is>
          <t>0.17122683</t>
        </is>
      </c>
      <c r="E615" t="inlineStr">
        <is>
          <t>&lt;class 'numpy.ndarray'&gt;</t>
        </is>
      </c>
    </row>
    <row r="616">
      <c r="A616" s="1" t="n">
        <v>614</v>
      </c>
      <c r="B616" t="inlineStr">
        <is>
          <t>Loss/total_loss</t>
        </is>
      </c>
      <c r="C616" t="n">
        <v>8800</v>
      </c>
      <c r="D616" t="inlineStr">
        <is>
          <t>0.36289346</t>
        </is>
      </c>
      <c r="E616" t="inlineStr">
        <is>
          <t>&lt;class 'numpy.ndarray'&gt;</t>
        </is>
      </c>
    </row>
    <row r="617">
      <c r="A617" s="1" t="n">
        <v>615</v>
      </c>
      <c r="B617" t="inlineStr">
        <is>
          <t>learning_rate</t>
        </is>
      </c>
      <c r="C617" t="n">
        <v>8800</v>
      </c>
      <c r="D617" t="inlineStr">
        <is>
          <t>0.001</t>
        </is>
      </c>
      <c r="E617" t="inlineStr">
        <is>
          <t>&lt;class 'numpy.ndarray'&gt;</t>
        </is>
      </c>
    </row>
    <row r="618">
      <c r="A618" s="1" t="n">
        <v>616</v>
      </c>
      <c r="B618" t="inlineStr">
        <is>
          <t>train_input_images</t>
        </is>
      </c>
      <c r="C618" t="n">
        <v>8800</v>
      </c>
      <c r="D618" t="inlineStr">
        <is>
          <t>[b'512' b'512'
 b'\x89PNG\r\n\x1a\n\x00\x00\x00\rIHDR\x00\x00\x02\x00\x00\x00\x02\x00\x08\x02\x00\x00\x00{\x1aC\xad\x00\x00 \x00IDATx\x9c\xec}e|\x14I\xf7\xf5\xc5\x9d\r\xae\x81\xe0\xee\xeeNp\x08\xee\x1a\xdc\x9d\xe0\xee\xee\xee\xee\xee\xee\xee\xbe\xc0\xb2\xb8\xc3b\xbb\xe8y?\xdcL\xa5\xa6Z\xa6G\x02&lt;\xff\x97\xf3!\xbfIwuwuwu\xc9\x95s\x88~\xe37~\xe37~\xe37~\xe37~\xe37~\xe37~\xe37~\xe37~\xe37~\xe37~\xe37~\xe37~\xe37~\xe37~\xe37~\xe37~\xe37~\xe37~\xe37~\xe37~\xe37~\xe37~\xe37~\xe37~\xe37~\xe37~\xe37~\xe37~\xe37~\xe3\x7f\x08\x97v.\xfc\xd9Up\x0bq\x88\xde\xfdyH\xde\x92,\xc4\xcf\xaa\xcbO\x80\x97\xf4\xbbB\xc6\xb8\xbaez\xd7\xf7\x9d\xd8\xb5&gt;\x00\xeb\xa7\x8dF\xb4e\xe6@\xf1\xef\xea\xf1\x01\xaeU/\x81\xfd\xbf)B\xbav\x1a}D\x90~\xc7\xf2\xe4\x89\xa9b\xa6x\x1e9\x0f\x80i=\x9bT\xcf\xe9\xc3\xff6(\x94\xc6\xb5\xf3\xbc\xbfu\xd8\x85\xa3\xa2\x10\x15\xf4\x0e\'o\x89f\xe1AE\xb4|\xfepD\x00\x94v\x951\xb2\xd9!\x89m?B\x119\xd5 \x01\xec\x9c?\xdczy\x8b\x98\xdd\xbf%\x80\x18\xb6\x7f\x03\xea\x14w\xff\x9c\xfd\x9b\x94#\xa2\xde\xf5K\xf5\xacS\xc2\xa4XL"r\xf2!\x04/\x9a\xfbf\xf9\xd9Up\x1d\xf8pK\xd9\x926\xbc\x87\xce\xac\xf7\x86&amp;v\xad\xef\x99\xb3\x07?\x00|\xfc\xeb\xe8\x886\xd5F\xb5\xab!6\xf6\xaaWR.0\xbdwS\xed\x81\x89\xb5\x9b\x9c\xc4\xcd\x03+\xdc&gt;\x87\x19\xc6t\xa8\x15\xac\xe7\xd7"2\xd1_G\xd7Z/\x0f \x92\xdb\x17m[!\xf7\xcb+{\xe2;\x7f`\xbd\x82\xa9\xe3\xb8}u\x13\xe0\xbf\xbf\x00,\x18\xd2N\xde\x98&lt;$5/e\xa9\')\x94\xc8\x89O4\x86\xe3"\xae`\xd5\xb8\x1e\xe2\x03?\xbby\xf6\xf3K\xbb\xdc?gX\xa2\xff\xee\x1e\x7fuu\x8f\xee^\x00\xd3{\xf9\x8b\x7f\x0f,\x1d\xe7\xfe\x15=\x83\xe0\x18`\x7f\x18\xf0\xfc\xe2/4\x96\x12\x95\xcf\xe0\xb1O\xafy\xa9\xac&amp;{\x0b$\x0ck\xb2w\xa0\x7fy\x00\x9d\xaa\x14p\xed\xd2\x7f\x1d[\xa7\xdd\x98;\xb6k\'\xf3\x00\xe4\xf5D\xe7j\x05\x0b\'\x0eZ\x03\x14\xf2\xf6\xd0\x80o\x8a"&gt;\x11\xf1\xfd\x91\xf5\xf2\x1b\xa6\xf6u\xff\xa2\xdeD\x952\xbb\xd0\xff\xff\x0f\xe0\xe4\xfa\xe9\xfd\x1b\x97U6\xe6rc5\xa7]~\x98w\x0b\x00:W-(~\xbf\xbdy\xd0\xf5k\xebU#EH\x9a\xd3\xbf%\xf0\x92\xff\xcd\x1d\'\x04\xaf\x99\xf8\x85v\xf0\xcb\xf7\x0b\xf5Z!\x88\xb4/\xe3\x7f\x08\xcaj4U\x18Z?\xa5O\xb0^1\xabW\xb0\x9e\x9e\x12\xbawx\xc7\xca\xf9\x01\xbc\xbc\xb2\x9b\xffu\xa1\xa9\xfdB\xad\x93\x88\x88\xdaU\xcc#~G":\xb6f\n\x11\x01\xc8\x18\xd9\xce\x1c\xf4K\xe1\xec\x969\xda\x8d\xa5SG\x0f\x8ek\x89Qb\xcd\x84\x9e\xc1q~+\xa8\x99;\xa9\xa9\x11\xc8\x01\xcc\x9fL8\x93}\x12\xb2E\xb3z9\xc5D\x16\x1c\xe8\xd3\xb0\xf4\xc1\xe5\xe3\x93\x10\x11Qx\xa2\x0b\xdb\xe6\x01(\x9f&gt;69\x9a\xbd\xfdP\x14\xf1\x89\x08X\x9d\xdax\x05gM\\\xc3\xf0\xd6U\xd3\x84\xb5\xeb\xb0*e\x8e\xef\xbe\x11\xe3\x7f\x17\xb1\x88\x80\x17\x00\xf2\xc4\tI\x9e3\x88\xb9\x83\xd4\xee\xb5\xf6\xd1\xedk\x8el[]\xde\x92!"\x11\x91\xa7fm\xe6H\x19\x8a\xca\xa6\x8b\x95\xdd\xc9~{l\xc7\xda\x00~\xcc\xea\x04\x00wf\x89\x88\x92I\xdb\xfb4(\x1d|\x17\xcd\x1c5\xf8\xceMD\x943\xa6\xd5\x92rM,.\x98\xac,\xd2\xcd]\x1a\x16\x01\xa0Z\x8e\xa0\xde\xa8i\x89L\x1e8\xe9o\xc8\x00\xf0\xf7\xf1\xf5\xefn\x1dr\\\xd4yt\xabQ\xc4\xe5c}SE#\xa2\xd0\xb6\x1f?\x12b8\x1c\xd7\xa9\xce\xa6i\xfd\xb5\x05\x8a\xf8Xw\xf8YE\x8d\\I\xdc\xb7z[\xc1\xbd\x93\x1bN\xac\x9bvf\xf3le{\xdf\x86e\xbc\x89\x88\xe8\xc9\xf9\xed\xf9\xe2\x87\xfe!u1\x84\xd6GJ\x9e[We\x8a\x12\xf4\xdb\xc8j\xb2qZ\xbf\xe2\xc9\xa2\x18\xect\x1d\xb5\xf3&amp;\xe7\x1f-Jgs\xd68\xb5vR/\x0f\xce\xbaK\xb9\xfaY\xa5\x8fH\xa1,\x14s\xf3e\xc9\x0fG4\x86$D\x19~\xccG\xf2\xff\x0f\ny\x87\xdf\xbbx4\xff\x1e\xda\xb2rR""\x020\xab_\x0b\xf7O\x8e\xe7\x97\xac\x96t\xfb\xdb\x06&gt;i7\xf6\xaaW2\x9d\xf36\x8e0\xb6\x1fC[\xf8\xb9U\'\'\xf1\xe0\xd4&amp;"\x92\r\xf4\xc1\x07\xe0\xb9oJ/\xed\xf6\xd6\xe5rz\xff\x80\xcb[\x86&lt;\xd2\x02\xf0\xf2\xc49\x87\xb7\xae\xca?*d\x8ck\xd4\xf0\xf0\xe4\x9cG\xe6\xb0\n\xdc9\xa7\\\xd5\x19}\x9a\xc9\xbbj\xe7M\xfe\xf1\xce\xd1\xd9\xfd[Z&lt;U|\xa2\xde\xf5}\x83i\x81\xc5\x8b\x0fO-\x9d;U-\x00`\xc5\xd8\xee)C\x93_\x96\x04S\x03\x1a{\xe6\xbc\xbf! ?S\xfcs\x83\x88\xf0\xf6\xa6I\xf9TaLv\xdaa\xdb\xec\xc1Y\xec\x97\xba&amp;\xf1-n\xbe\xda\xbb\x92\xdf\xb5s\xb5@\xf7\xd4\xb2\xd1]C\x11u\xf0\xcbg\xfe\xe1\xb5\xaf\x94G\xbb\xb1a\xe1\xb4\x00\xf2\xc6\xd5\x99\xee\xa4\t\x1e\xfbg\xb5\x1c\x89\x01\xe8v\xff\xa9\xa5g&gt;\xabo\xf3^uK\xea\x952C\xe5,\t\xb7\xcc\x1a$\xfe\x05\xb0m\xf6\x10m\xb1\xd1\xedk\xb2\xd5u\xfe\xe0\xb6\xca.\x17\x82\x84\xc3\x11\xcd\x1d\xd8\xbad\x8a?\x9c?\x94\x88\xe8\xd9\xc5\x9dJ\xd8X\xed|)\\;\x95\x0c\x87]S\xbd\x02\xa9\x86\xb6\xa8\xec\xfe\x85~\x18x\x8el4q(\x9b6\xd0\x1eT&gt;}\xec\x8fw\x8e\xca\xbb\xd2G\xa0\xba\xf9S\xca[\xaa\xe7\xf4\xb9y`\x85\xf9\n\xb7{\xad\xa2F\xbbj\xe4J\xc2\x03\x95\xa7&gt;\x91\xc8D\xa3\xdb\xd7\x0cK\xd4\xadF\x91i=\x9b\xe4\x89\xeb\xd1\x80\xe8\x1f\x8f\x81\xfe\xe5\x89\xe8\xcf\x83+\x7fvE\x82\xe0Z\xact\xbex\x8e\xad\x04\xda\xe9U\xfe\x04\x96F\x8fO\xf7N\\\xd9\xbd86Q\x93\xe2\x19y\x8bu\xf7\x94\xb30_T\xce\xd0\x0b\xf4\x14\xa1J\x1e_\x90\xbe\xba\xba\xd7a\x19\x97c\xed\x8f\xaf\x9dj\xb4\xab\x99of\xf1;\x19Q\xb5\x1c\x89S\x86&amp;\x00\r\x0b\xa7u\xedZ\xba\x00&gt;X,\xc9c!\x00e\xd4\x11\x16\x9b_6\xb8gb\xd7\xfa?\xben\x00\xf0\xfa\xaa\xee.9\xc7\xc5\xbc\xdd\xc8=\xeb\x82!\xed\xa2\x10\r\xf4\xaf\x10t\x89/\xf7\xc5\xef\x8b;\x16X\xac\x98\x07\xbf\x8f\xb1\x1dk\xb7\xab\x98\xdbs\xe7\x0bN\x88\x8e/u\x18\x9a\xda\xb3\xc9\xcf\xad\x8c\xcb\x10+e\x86\xd1&lt;\x8e=\x8a+\xc6t\x13[Z\x97\xcb\xa1\x9bX\x05\xc0(\xe5\x8a\x1c\xb5\x15/""\xf2s\xe4\xa4\x12\xc3\x84\xa7\x8c\xf4F&amp;\x82:\xf6\xf3&amp;\x19\x87VLxxz\xb3\x0b\x15\x88@tv\xf3ly\xb2\xaf\xfbL&lt;\x1b\t\xd3\xcc7\x8b\xbe\xc1\xfd\xeb}\xdd\xf2\n\xac\x07\xed:\xb5\n\xc0\xe7\xbf\xb9Vi\x83g\xb1\x15Y/\xf0Q\x81k\xc9MC\x9aWr\xe1(\xa7P.]le\xb2\xdf\xccQ*\x926\x910\xbd}\x03\xd5\x8d\xea\xd99/0\xc0}\xd5\xb8\x1eN\xd5\xd05D&amp;\x8a\xadY^\xe3\xc5%\x8e\x07\xab\x901n\x8e`Jj\xf8\xc1\xf8r\xff\x94\x9bq\x1d\x9e\x05\xf0X\xfc\x9e\xdc\xbda\xd0\xf6\x97\x97=~-s;\x8f\x95\xc7\xb2\x7f\xe9X\xfe\xd1\xb5za\xed^\xb1\xc2\x08\xa8]\xfc\xf0\xcaI\xceVO\x17xrN\xd9\x12\x85h\xdd\xe4\xa0HY%\xe0\x02\xc0\xa33[\\\xb0\xa4w\xaaR\xa0XR;\xc7c\x86H\x04&lt;\xd91o\x98\xf3\'S!\xa7\xb3\t\xa4\x08\xa9\xefn\xf5/\x91I\xbb\xb1\\\xba\xc0\xf9\xb7\x0b\xb6\xa0,N\x1a\x81\x067\xaf\x04`\xcb\xccA&amp;edO\xb5\xf5A1\xb2\xfd\xa0\x1e\x92\xa8E\xe9l\xceU\xeeg\x03\xf8\xa8l\xf9t\xef\x84\x88\x95\x11F\x92\x12\xc9\x03\xcd\xaf\x91\x7f\xe0=\xca\x8b\x06+\x10\xcd\x1dx\xcaM\xb1_\xa3\xb2S{6\x11\xb3O\x00\x05\xbd\xc3\x87\xb7\x99\xb9\x9a\x14\xcb\xe0\xd1\xfa\xba\n7\xc3$\xf0\xea\x8a\xfc\xa9\xe7u\xc3\xb0e8\xa3v\t\x99&lt;\x1f\xf8\xe0\x04&amp;t\xa9\xa7lqa5-\xe2\xc6\nz\x87\'\xb73!u\xfbG"*\x97&gt;\xb6\\F|l\x0c\x13G\xee\xe1\x95\x13\xb5\'\x0cE4\xbes]\x00-\xec\x93\xd7j\xe6N:\xa5G\xa3T\x9a\xb66\xb2m\xf5$\xc6u6Zf\xa5\xd4\x8b\xde\x00\xd0@\xcf\xce\x03 \x81v\xab\xa7a\xd4\xdc\x9c\xfa\xba\x9c\xca\x8c\xd5\xe2\xc8\xaaIN%\xa8g\x8eJQ\x82?$\xd1K\xfa-\xbf\xb7XD\x8d\x8a\xa4K\x1e"h\xa3\xd1\xcd\x8boG;\xf8&amp;\x0fIbi\xe5\xc1\xd4\xcb\x9euK8\x15\xcda\x14\x82\x15Q\n\xc4\x10\xf0/\x91\xa9f\xee\xa4&amp;G\xfdP\x00X6\xaa\x8b\xc3bF\xe3\xd5/\x15\xcb$\xf2\x18\x82\xdb3\xd1\xbdV1g\x0f)\xe2\x13)\xa53\x9dA\xef\xfa\xbe\xce^\x82?\x8f\xf4\x11\xe9\xfe\xc9\x8d\xca\xae\xbf\x8e\xae\x05\xd0\xb1J~\xb1et\xbb\x9aDt\xfb\xf0jn\xe8b\x97Q\xbb\xd7\xb534\xf7\xcd\xd2\xba\\\x0ey\xcb\x9c\x01-\x89(\x16\x91\xb6[\xaf\xa3\xe7\xf6\xac[ \x15^\\\x8ab\xdc\x81Z\x01O\xff\x0f\xaf\x9c\xa8\xbb\xb7F.\x93!\xe6\xc7\x01@Q\x0f\xc5\xc7\x8a~\xf0\xcd\xf5\xfd\xf2\xfb\xda4}\xc0\xe4\xee\r#\x10\xdd;\xb1\xc1\xe2\x84C\xd7`b=8B\xc1\xa2a\x1d\xb4\x1bo\x1dZ\xe5\xa3W\xf8\xfa\xbeeam\xf3\x12\x11Tj\x04\x9e\x86\x00\x9fG\xb7\xaf)o\x07\x9eq\xda\xb0\xd1\xfcF\x99\x90n\x98\xda\x8f\x88\x92\xea]B6%\xa5\t\xeb\x84I\x90\x88\xc6w\xae\xdb\xa8h:e\xa3\xf9b.\xc2/\x92e\x99\xc2 \x146\xb1\xf3\x93h\xa3w\xf0\x03\xc0\xe99\xa76\xce\xfc)W\xb7\x8e\xe0{D;\xe7\r\xefYW\x9fyj\xef\xa2\xd1Fq\x87U\xb2&amp;T\xd2\x94\x00\xac\x9f\xac\xa6O\x03\xcft\xabm~;V\x0c,F\x13\x8bO\x7f\x9f\xb0pt \xba\xd5,\xaa\xeb\xe65\x89\'\xf1 \xaad\xb3j$\xd3\xa6\x047.\x96^\x97Y\xc8\xe29\x95\xac4\xd7\xd6\xf2?\xcc\x88\xabk&lt;\xeb]\xdfw\xf9\x98\xae\xb5\xf2\xc8\x89k45\xa0\xb1n\xbb\xd2\xe5)\xa8[ %\x11\x01\x9f\xc3\x92\x9a\r&gt;5\xa0q\xe1\xc4A\xfd\xfa\xa0\xa6\x15\x00\xb4*\x9b\x83~\x01,\x1b\xdd\x05@\x06\xcf\xe7\xe1\xfcX\x14H\x10\xd4~f\xf6i\xf6s\xc74\xa7\xf8R\x9a\x96\xcc\xbcqZ?g\xbd\x902A\xa6\x16\x0e\x03|\xe4\xe7\xe3\xe3\xe4\xa5\xcd\xb1xxG\xa3\x87\xdf\xb2L\xf6=\x0bGi\xb7\x7f\xbaw\x82\x88\xe4\'\x00\xe0\xe9\x85\x1dJ\xb12ic\xde&lt;\xb0\xc2`\x00x\x07\xa0w\xfdRz\xbb\x1c\xb7\x84\xbe\r\xcb\x04\xd4\x0e\xf4O\n&gt;Wv~\x88\xe9|2\xdd#m\xe0uI\xbb\x8a\xb9\xff&lt;\xb8RL\xd9\x00\xfc\xc8\xd8G\xeb\xa9\xaaJDy\x9e\xb8!\xf1\xcfu\xfcs][\xb2\xa0w8\xad-\xb5@\xc2p~Y&lt;o\xcd\xea\xe1\xfcr\x96\xdc\xa3\xeb\xf1,\x8c\x9c\xeb}\x1b\x96\x1e\xde\xaa\x8a\xbc\x85\x99Q\x82\xbb&gt;\xf2%\x14O\x18\x115-\x99\x19\x00\xf0\xe1\xf3\xbd\x93\x1b\xa7\xf5\xfb\xd1\xa9\xa1\x9e\xc2\xb5=K,\x96\x0cn[\xfc\xb0\x96U\x1c\x172\x86\xab\x8b]}Xo^\x1e\x0f\xb1\xa8_0\xf5\x8b\xcb*\x91\xa1\xe2\xa9N\x17\x9e\xcel\x9a\xc5\xbfu\xabZ\xbf`j\xad\xb9\xa4\\\xbaXm\xca\xe7\x92\xcdG2\xe4E@\xd1$\x91\x9d\xfa\xc0\x00\xbc\xbe\xb6\xcf\xbc\xcc\xf8\xceu\xcd\x0b\xc4&amp;\x02&gt;\xe2UP\xec`\xea0\xee\x1a\xd3\x1d\xc2\xdb\x13\xe37StT\xce\x9a\x90\x8d\x0f\x952\xc5\x83\x8dYs\xe3\xb4\xfe\xf2\x93\xe4&gt;\x0ex\xe1\xf65\xedP%\x9bw\xa3\xa2\xe9\x1b\x16Qm\x17\xff7\xc0\x01\xb8.\x1f\xae\x1b\xae\x9d\xdc\xc9\xb0\x01m\xf7\x02\xa0N\xbe\x14\x9d\xaa\x14H\xe4Z\xb5~\x05T\xcc\x14\xcfS\xec+\xee\xcf#\xe6\rjCD\xf8p[~\xd91\x88\x80g.\x9fs\xcd\xc4^\xdb\xe7\x0e5/3\xbes\xdd:\xf9U\xa3\xb60\xa7\xf5o\\N\xaeO\xcb2\xd9\x95\x92\xab\x1dqu\xc9-ml\xc7\xda\xe6\x85\x19\x85\x12\x19\x1a&lt;x:)rg\x14StD\xa2XD\xcb\xc7t]:\xb2\xb3\x95\x0b1\xf8\x06\x15+\x90\x18\x8f;U-\xe80\x1e\xa0y\xa9\xac\x1fn\x1f\xb1~E\x93\x9a\xec^0R\xfc\x1b\xdc\xec4D\xd4\xa7A)\x11\xc4\xe5)\xf0r\nO\xce\xd7+\x90\x8a\x88\xd2\x84\x0b\xccP)\xe2\x13qD\x9bj\xda\xf22/^p\xc3\xf2"\xc7i\x94J\x15=\x04Q\xd7\x1a\x85e[\x82;\xd5\xe0\x96\xf0\xee\xd6!\x007\xf6/\x9f\xdc\xa3\x91\xd8\xe5\xd0\xd3 `e*S0\xa1\x83\xc0\xde&amp;\xc53jm\xa4;\xe6\x0eU\xda\xa7\xf5\x15\xe4\x8f\x80\x15r\x8c`\x85\x12\x85b\x05Z+\xc1\x84.\xf5&lt;\xcbD\xaf\xcb+7\xba}\xcd\xd5\xe3\x03\x84\xd6\x87\x02N\xad*\x9d::\x00\xed0\xb7y\xc6\x00O\xd5\xadx\xb2(\xcc,h\x12\\\xeco!\xd2#\xab\x175.\x9a\xde\xca\x159\xae\xc6\xe1\x17ru\xcf\x12\n\x0c\xa8P\xa3\xfd\xc4yLN\x12\x83h\xdf\x921Vb\x9f\x86\xfcX\xa2\x0b\x86\x18\xea\\\xfe\x80\xd9f%\xaf\x90\xf9\x81\x88\xaep\xdb\xec\xc1a\r&lt;\x96\xc9C\x06Q\xbc\x95I\x13Cf\x8d]8\xd4\x8e\x9d_\x19\x86=\x1bk\xa7\x85\xb3\xd9\x0e\x85\xbc\xc3\x17\xf4\x0e\xf7\xf8\xdc6m\xd8e\x994\x8e_\xben&lt;\x18\x11\x15H\x10v\xde\xa06\x00v\xcc\r\x8a&lt;\xde&gt;w(\xde\\[8\xb4\xbd\xc3\xd36+\x99\x19/\xaf\xd4+\x98\xdaaI#D\xb1\xbdM\x00=\xf5\xd2\xdd\xe3r\x81\xf7\xb7~\tW\xf0\xff?\xc0\x1b\x1d\x93\xab\x16\xda\x80Eg\xc1_Z\xf5\x9c&gt;F/xV\xdf\xe6\xee^\x83\x88\xa4Lf\x93\xdc4\x17pm\xefR\x00\x9d\xab\x16\xd4~\x85\x07\x96\x8e\xb3\x929\x9c&amp;,E \xfa\xf6\xe8\xac\x91C\xd3)\x07\x8c\x89\xb5T\xf6\x18\xf3\xf4\xca\xe1G\xf5\x93)\xe2\x88\x88\xe8\xf6\xe1\xd5\xc7\xd7Nc\xde$\x06\xf7\x17\xf7Nn\xd4\x0e\x99\xb5\xf3&amp;\xef\xd3 \xc8\xd72\xc0\xbf\xbc\xb7\xc6\xe7\xc9p\x813\x8a4\xc6\n\x17\xa2\xb9k\xe6N\xaa\x84\xe1\xcaS9\x93l\xb5;G\xd7V\xca\x1c\x1f\x80\x95\xe6\x0b|\x15\xc1~\xc9\x88\xaaf\xd71\xa5L\xed\xd9\x04x\xc4\x0fS6\x05\x8a\xa0\xa3\xfc\xf1\x03o7S\x14\xc2\x97{zW\xf1@\xb0F\xcf\xba%\x99\xee\x7f\x9aA\n-\xbe\xde\xf7/\x91\xe9\xd55\xc79\xf3\xc1\x85E\xc3\xda{\x90\x99`\xf9\xe8\xae\x1e;\xd7\x8f\x82h\x1f\xce\x06\xe8\x01\xf8p\'\xd0|\x11\xd3\xb4\xc7\x91\xb5\xb7dx\x90\xa4w@\x93\xf2\xf5\n\xa6\xe6:\xa4\x8f@\xe4\x89|\x19\xf6*/\x19\xd1Iw\xafID\xa3\xb2\xdc\xd1\xc6\x14\x9a\x87\xb8\xe8~{\x9f\xef\x9d\xb4\xf2A\xe6\x8d\x1b\n/.\' \xca\xa4\xe9o\x82U\x18\xcb"\xac|k7\x0f\xac8\xbaz\xb2\xf6f\x07\xfaW\x10\xd4\xadk&amp;\xf6"\xa2S\x1bfx\xba\x82v\x88N\x04&lt;\xf5\x880\xa6\x95\xe49E\xd5\xd5\x08\xfe6J\x15q\xe6Ves\xc8\xc3U\xe7\xaa\x05\xc5\xd4\xbbEiUI\xe9\xdb\xa33\x00\x80\xf7b\x0b\x80C+&amp;(\xc5\x00\xe0\xd5\x15+\xf5q\x08\x00\xae\r\xc9?\x07%\x92G\xf5\xe042E(\xc2\xb3\x8b\x9e;\x9f\n\xf3\x90\x88\xb9\x03[\x93\xcd&amp;\xa8\x85\xcb\x1c\xb9\xd5r$n\\,\xc3\xd4\x80\xc6.\xe4\x91\x8a(\xe6\xc4D\x95\xb3Z\x95{\xb1\xe8(\xf1q\xbe&gt;&amp;\xe0&lt;/7}\xa9.,\xa4\x94@o\x06\xf0A\xd1\x1dT\xb0xx\x07\xfe\xe1\xd0\x80\xa8$\xe8\x07\x03Q\xa6!n\x1dZe\x1e\xd4ti\xc7\x02\x93\xbeR\xf8\xe7\xdd_\x9e\xba\x00\x17\xb4\x8f\xf0\xf9o\xed\xf21\x8a\xcdL\xe4\x1a5F\xaeX\xd4E\x939/\x92\x19C\x13\x01\x8fn\x1f^m1!nh\x0b?\x00Z\x17]\xdd\xfc)\xff?\xb5\xcc\xf8eI0\xbes\xdd&amp;\xf6\xc3\xac;\x000X\x8ax\x91-\xe9\xbai#\xce"wl\xc7\x92o\xba\xdb\x05=H\xf0\xe1\xf1\xd9\xadd\xdf\xd1\xff\x80\x94T\x86G\xa2\x9b\x9e]\xdc\xe9\xb0\x8c\xb2\x10\xd86{\x88L\x83a\xf2j:\xf8\xe5s\xb9b\x02\xbf&gt;\xa7J\xfdBi,Z\xba\n$\x08\x1b\x89\xe8\xcd\xf5}_\x1f\x9c6yn\x00.\xed\\\xd8\xb0H\xd0\xb4\xd2(\xff\xc3d~\xa1;\xa5hQ:[\x85\x8cquY\x0e{\xd4v.T\xf4\xd0\x8a\t9c\x06\xda\xd9z\xd6-Y,\x89g\xc6Y9\xb0\xa7\xb2\'"bu\x97\x9b\xe1\x88\x86\xb6\xac\x0c\xa0Y\xc9\xcc\xae\x9d6.\xd1L\x0f\x19x\x7f\x0e\xfa5\xd2I\xb8\xd0\xe5\x13v\x88\xd5\x13z\x1a\xb5\xe6\xa5#;k\xc7^gQ9kB\x00u\xf3\xa7\xdc4]\xdf\xad\xeal\xe4\x96\xb3\x90\x07\xcb\xf6\x95\xf2\x06\xef\xc5~\x08\xaajL4e\xd2\xc4\xa8\x98\xd1ic@\xbb\x8a\xb9M8o\xad\xe4\x9f{\n\xc1\xa1a\xec\x11\xdb\x88\x8c&gt;\rJ\x8dhS\xcdf\xbd\xf8\xde\xa6|N\xddbe\xd2\xc6|tf\x8b\xdcs\x9d\xd9&lt;\xbbc\xe5\xfcJ\x1e\\\xb1\xa4\x91]k\xf8V\xb8\xf8y\xfcH\x13\x96\x1a\x19\x84\x90rO\xbdQO\x83\x88\x88\xa6\xf7nzf\xd3\xacI\xdd\x1a\xfcH\xba\x169/\xf7\xe0\xf2\xf1\xfc\xfa\x14\x819\x06\x1b\xea\xdc_\xfe\xfe/\x01\xefo\rk\xe5V@\xbd\xd9\xc9\x9d_L%18J\x10\x82\x13Q\x85\x8cq\xab\xe9\xb9\x80d$\xb2|\xf5XDG,p\xae\x19\x19\x8e\xe6\rj\xfd\xe2\xd2.\x7f\xcf\xad\x9c~$r\xc7v\xd0W\xc8\x03\x82\xa7r\x17\xcd\x8d\xf2\xcf/\x05.&gt;R\x84"\x009~\x8dP9\xd9\x86o\xd2ye\x88D\xcbFu\xf9\xfb\xc4\x06\xb1\x05xvr\xfdt\x0f\xd6\xa4\xa8\xa39\xb5\xbc4r*\xe4|P\xd3\x8a.\xd4G sTJ`\xd3"5\xbanb"|\xbd\xcf\xe11\xf3\x07\xb7\xc1\x93\xf3\xee\\\xd1\nR\x87\xb5Kx\x06\xbe[9\xcaMEn"\x1a\xd6\xb2\x8a\xdc\xffL\xea\xd6 \x0c\xd1\xe8\xf65\xaf\xed]z\xeb\xd0\xaa\xc0\xca\x04\x03U\xa5\xe7\xd1\xa0p\x1aO\x9dJn\xb9\xfb\x16\x8f1*\xf6\xf7\xf1\xf5\xae\x9d?y\x08\x8aFt}\xdf\xb2/\xf7O\xb9v\x06\x05\xc3Z\x06\xa6\x95\xd6\xce\x9b\xfc\xf3\xfdS\xd6\xb9\xe0\xdd\x87k\x86H\xb6\xb9\xb9\xefy\xfa5z\xdd\xa0\xb5\xc2\x97\x07\x8e_\xa8\xa2\x0e\xa6eh\x11\xa8dY\x8d\xc0(\x8a\xc3\xc7\xf8\x10%\xa6\xc5$\xaaD7\xca\x931g@\xabn5]\xd4"-\xe2\x13Q\xee\xbf\x9a\x96\xcc\xb4`H[rd\x1bL\x1fQ\x87\x90\xb9K\xf5B\xe2\xb7\x95\x98\xd7+\xbb\x17[\x89\xa2\x89L\x94\x90\xa8\x87-\x15\\\x17MKfn\xeb\t\xea\xfc`\x12&gt;r\x88\xe2\xc9\xa2rn\x07\x11\xed_:\x96Ea9\x84\xba\x9dM\xbb)w\x9c`\xb6QX\x07s\xd4y\x10\x9d\xab\x15\x04 \xc2`\xb8Y\xc8Vc\x00Z2"\x97=\x10\xa2u\xa6\xf6\\\x82\xaf\xb9 \x9c\xdc\xca\xfb6,#~w\xabi\xa84d\x11\xfc.\x067\xab\xa4l\xe7\xfc\x06\xed{*\x9d\xfa\'\x98\xc3\x9d\xd5\xc7\xfa|\xff\xa4\xf5\xc2\xdc\xf7\xc9\x1e\x14O\xd1\xba=:\xb3\xa5\\\xbaX\x8f\xcen]&lt;\xbc\xa3\x95\xf2.\xc8\x80\xb1 \x9d@\x8e\x18\x86\xa9\x18Q\x89J\xa6\xf0\xd2\xdd\x15\x9bhh\xcb\xca\xc2~U+O2\x93v\rG\xa4\xd3\xc9\xac\xf53\xaf\xaf;\xc8\xcdv\x08\xfe\xcc=\x12\xf9\xc2\xa7\xe2\xb7&gt;\xa3w\xd3\xf2\xe9\x83\xc3\x98G\xe4\x89\xd9\x92\x16\xe1\x88\xc6u\xaa\x03\x80\xdf\xda\xeb\xeb\xfb\xf0\xe1V\xbex\xa1\x99\x14\xb2{\xadb\x00\xf6,\x1c\x95\xe6\'2\xea+\xa3\xb4\xf8\xd7z\xca\x9cC\xcc\xe8\xd3L\xa4\xd5\x85&amp;\x1a\xd7\xa9\x8e\xbc\xd7\xb3\xcf}l\xc7\xda\x8f\xcfm-\x9e,\n7u\xa3\xae[\x9b\xd2E\xae\xa6\xf3\xd4-\x90Jw\xfb\xfft\x08AI\xdb$Z\xf4\x18L\xd8\xa0\x159H\x1f\x816M\x1f\x90,\x04\xe5\xb6\xfca\x86!*\x91&lt;\xaa\xc5\xa7\xdd\xbfq\xb9\xe3k\xa7z\\\xd8\xbdw}\xdf%#:Y7\x8c\x00pv\x0c\x10\x93\x98\\ntY\xa1\x88\xfe \xda4\xbd\xbf\xd8\xe2\xa2"\xe5\x8f\xc5\x7f\x7f\x1f\x17\xa1w\xee[Q\x9a\x96\xcc\\,id\xe2\xc1\xe0\xdf;\xb9bS\x85\x8cq\xcd\xd7n]k\x14v\xfb\xb2\xee"6\xd1\xdc\x01\xaddk\xc7\xfd\x93\x1b\xe5\xa7\xb1xx\x07\x1e\xde~&amp;\x1d\x10\x00AF\xb8nro!\x95\xe5\xe6DK\x9b\x91\xf4\xfd\xf1Y\xfe\xa1pvGv\xd4Wv\xaaR`j\x80U%\xb20\x1av\xeb\x87\xa77\x8b\xdf\xdc\x8c\x88\x08x\xb7{\xc1\x08\xe5\xd8\xc6E\xd3372\xf0\xceb\xd7\x10\xc2\xd8\xc3\xfc\xeb\x0f\x00V\x18`\x1c\xe6\x0f\xc70\x18\xc2\xf3\xc4\tY6\x9d~\xf0\xaa\x15\xa9H\x01\x00\xfe\xc53j\x19\xb5\xdc\xc7\xc3\xd3\x9bu\xdf\x91\xd1\xc0\xe4T\xb8QV/\x1a\xd3\xa1\x96y\x19\x8b\xa2\xea\x87W\xa8\xa2\x0bFA\xe5\x1e7r\xf4kT\xc6q!\r\xe2\x13\x01\xc8\x18\x89\x88(]\x04\x1dW\xb9Q\xc30G!\xef\xf0\x13\xbb5\xe0\xdf\xdf\x1e\x9d\x15\xdb\x077\xaf$\xb2\xba\x18\xfe%2i\xd7\xcd\xe6x|n\x9b\xee\xf6\x96e\x1c$\xd3\x98D\xcck\xa3\x99\x95\xf7\xb8tdg\x1e\x00\x86\x07\x9b\xf3\xd5\x01^^\xd9\x03@\xf8"n\xec_.\xde\xcc\x8f\x9ch4(\x9cv\xe5\xd8\xee\xe2_/\xd3\xc2w\x8f\x07\n\xa6\xbb\xd6\xc3F%JFti\xc7\x02"\xaa\x901\xae\xf6%\x8d\xe9P\xcb\xb53;Kj\x14\x9bhd\x9b\xa0\x08\x84f\xbeY~\x85i\x8bE\xc8\xeeM]x\xcay\x90&gt;\x82\xcaxL\xf6j\xcc\x07\x96\x8d3:\xd6\xa1iuL{\x07}\xb4V\xd5\xc7"b\xdb\x0b\xd2q\x0f\x05`\xf9\x18K\x99\x92\xf2`\x93=\xbaN\xdc\x81\xf6\xc6\xa2\x12)IO\xda\x11\xcb\x85eT\x9b\xf2\xb9\x9c?\x88\x92\xd8&amp;\xfe\xba\x96\xf7K6\x19\xde\x8dS\xfbq\x0f\xf8\xe8\xcc\x16\xa5\x8c\x15\x99nF\xc7*\xf9\xa7\xdb\x8b]w\xac\x92\x7f\xfe\xe0\xb6\xce\xd5\xd8%\xc4\xb00B\x98\xa3U\xd9\x1cy\xe3\x86\x9a\xae\'\xd6\xfd\x83 \xeck\x0c\xedSwSYEqa\x9d6\xe0\xebw\xad\xcf\xdd5\x7fD\xb5\x1c\x89\xdd\xa1\xc4\xd2N\xd3\x8a%\x8d\xacU\x1c\xe4f\xaa\x9dy\x1d_;UQ\x1b6B\xa7\xaa\x05\xf8G\xe3b\x19\xc8\xde%\xf8\xc32\x03\xdc\x04/T\xfdKd\x9c\xdd\xaf\x05o\xc9\x18\x99\x12\x13\xad\x99\xa8\xc3jg\xfd\x85\x9a\x0f\x15)By\xd2\x1a\xe9,\x00T\xc8\xe0tZ$\x07\xb0\xdd&gt;\xbc\x9a\xffm[17\x9e\x9c\x8bLty\xd7"g\xcf\x93!\x12\xe1\xf9%g+\xe0A\xb86\x90g\xf5\xa2\xd6\xe5\xd4\x18\xd66\xe5s\xf9\x10\xf5\xa8],*\xd1\xda\x89\xbdxc\xda\xf0\x04@\x89\x8f\x8ae&lt;6\xb3\xf1\xb6W=_\xe0\xb3\xd8\x08`hK;\xf6o|\x7f\xa8\x95\x0e\xfe\xe9\x10zP\xbfHl\x05\xcd\xee\xd7B\xa6\x1c\x99\xd4\xad\xc1\xbe%\xfa19\xba\xc9\x992,\xfa1\x8cV\xa9\xdc_\xb8\x90\xac?w@+\x00\x0eSj\x1b\xbb\'\xbf\t@a\x1b\x15\xdb\xf5\xcb\xbf\xbd\xa1\x14+c\x8b^\x05\xfe\xad\x96#\xf1\xe5]\x8bD\xf2\xce\xd4\x80\xc6\x9e]\xbc7/\xa5\xa6\xbf\x9b@WC\xd1M4-iUb\x10\xff\xdeq\xcd \xe0\x11\x00\xaf]Km1G\xf7ZE\xe5\x01\x1e\x00&gt;\xdd\xad\x9e\xd3G\xb1\x8b*\xca\x15\xbc\xe6\xce\x17?\xb4\x88\x8b{vqG\xdex\xa1d\xfe\x1f\x8f@\x97*\xd5\x83nH\x002\xbb\x11\xe3\xdc\xd6\xb9\xbb\x17\x8e\x8cD\xe4\x9b2Z\x99\xb417N\xeb\xf7\xed\xd1\x19&amp;\x18\x8fD$,\xcf\x8c\xa8D\xc0\xcb\xd4a\xa8p\xe2\x08\xfb\x96\x8c\xd1\xdasR\x84\xa2\xd1\xedk\x02o\x13\x13U\xc9\xe6]5{"\xe5K\xf4\x92\xfe\xfe\n\xc8\x13\'\xe4\xfe\xa5c\xff\xb9q\xe0gW\xc4\x14\xa5l\x89\x12\xd9\x9c\x15I\xd1\xc0h\xd6\x94\x90\x08x\xad\xdd\xce\x03;/us:\xd9!\xbc\xb8\xbc\xdba\x19\x99h\xb0f\xee\xa4\xee\x04\xb2\x9f\x93D\x9d\xf0\xe9\xaen\x19A7\xf8\xe5\xc1im&lt;\\\x97\xea\x85x\xe2\xa3\xcbJh\x85\x01\xf1\xe7\xa2T*3\xaf\xd5\x97\x07\xa7u\xb7\xeb\x86\x97\x89\xc5\x84\x11\x008\x8c]\xd1U\x82\xb5\x18\xf1\xe2\x14,F\x96\x85\xb1_\xe1qXj\xdf\x86\xa5E\xd4\xe9\xea\xf1\x01FO0&amp;\xd1\xb3\x8b;\x14\xca\xa0\xc1\xcd*\xbd\xb9\xbe\xdfSII\r\x0b\xa7\rV\x89\x0e\x00\xba\x127$1w\xee_:\xf6\xd2\xce\x85&amp;\'I\x1e\x92\xf2\xc5\x0f\x1d\x98\x12\x87\xef\xed+\xe5\xd5e\xf8\x10\xb3|\xdd\x04L\x00Z\xfb\xe1\xcf\xc2\xec~-j\xe4J\xe2\x97%\x81\xb0\x80\xfdBP\x9eR\x8b\xd2\xd9\xdc\x14+\xe8\xdb\xd0\x01\xcdYT"\x00\xee\x0f\x89\x16M\r\x07\x96\x8ec\xf6\xf6Ve\xb3[\x8cP6\x82\xb3\xf9\x9f\xab\xc7\x07\x00\xe8X\xd9NM\xc5\xd6\xb2u\xaaa\xd17\xf8\xb3\xa0\xcb\x13`\x05i\xc3\x07\x06q\xe2\xd5\x15\xa1C\x9b&amp;\x9c\xa5\xbcS#$\xb25$\x17(\xc4\x83\x0f[g\r2i`\x00\xaa\xe5H\xfc\xd7\xb1u\xdaq\x94\x89c\x19\xb2R\xe6\x87\xdbG&lt;\x12S0\xa5G\xa3\xe9\xbd\x9b\xce\xee\xdf\xd2\xe1+t\xc7~\x02\xc0\xa96\xdc\xa8H\xba\xf5\x93\xfb\xe8\xbe\xbf\xe9\xbd\x9bF$\x02\xb0d\x84\xa5h\xdd_\x1f\xe2\xab\xef\xd7\xa8\xcc\x85\xed\xf3\x7fvul`\xcalY\xe3\xc5\x05\xed\xea\x8c?C\x1e&gt;e(ja\xcd\xe2\xc1\xcf=eh\x02\xe0\xb0\x17\x1b\xe0_\xde\xca9\x1b\x16\xb1d?\xc1\xf7\x87\xba\xdb\x95a\xb2B\x868\x9b\xa6\xf5\xdf1o\x98n\xe1_\x07\xe6\xd3\xc7y\x03[\xebn/\x9c8\xc2\xf4^\xfe\xda\xed\xc9\x7f\x9e\xad\xf6\xc7\xa8\xb16)\x9e\x11\x1fn\xc9\xa4\xaa\xdc\xbd\x8aU\xb2\xacE\xce\x1d\xc4\x9c\x01-=\x9e\x913\xa8Y\xc5\x11m\xaa5\xf3\xcdlR\xc6\xaa\xb4\xb11xi+o\x010\xaa]\x8d\x9a\xb9\x93*\xae5a\x14\xcd\x18\x99^^\xd9\xb3~J\xdf\xc3+\'\x91q\\\xb8\x9b\xa6\xba\x84DY\xbd~\x9c\x8c\xa5\x18\x02\x13\xd9\x07\n\xb2\xa9\r\xc0\x8d\xfd\xcb9\t\xe0\x07U\xc8\x1c\xb7\x0e\xad\xb2&gt;\xc5\xa8\x92\xcd\xdb\xba\x8f^\xc0#\xfc\x85\xe3\x1c\xa9\x03\x9a@\xdc\xa0y\xff\xf5\x03h\x16a\xcf\x8e\'\xe3\xcd\xf5\xfdZ\x95\xb1_\r\x952\xc5\x93}*rrVh\xe35Y\xda\xf0\xce\x11\xf2\x14\xf1\x89T\xda\xc0\x1a\xe6\xd0Fv\xef\xc4\x06\'\xb4\xa1=\nq]o\xa2^\xf5J\xe6\x89\x13\xf2\xe6\x81\x15\xc0\x17\x87\x07\xb6*\x9b\x03\xcf/\x9a,\r\x01\x146V|s\x88\xb1\x1d\xeb8,#\x8c\xc0\xb2\xca\x8aSk\xab\x8a\x19\xe3\xc9)\x90\xa77\xce\x04P(Q\xf8k{\x97\x9a\x04\x14\xad\x9b\xd4;\xaeM\xd5\x07O/0\x8d\x843\x97\xa5\xa6\xa6\xacm\xb1\x88z\xd4.\x96&gt;\x18\x06|n\xfc&amp;q\x02FjQ)BRd\'\x9f\xed\xff5\x88\x19\x8e\x1c\xe5\xf6\x0b\xb2/\xcd\xe8\xdd\xb4@BO\xe6\xea\x01X1\xa6\x9b\xee\xae!-\xfc:T\xceg\xd4h~\x11\x88\x98]\xa7\x96|\x00\x1c\xea\xd54*\x92\xee\xd1\xd9-Dtj\xc3\xcc\xfa\x85\x82\xc4\x98\x82/\x8d?sT;\x9e\x03]\x9c\xd94\xcb\xbaET6F\x99\xf0\'\xebN\xf09\x07\xc5\xe8\x10/\x0f\xb1\xe7j\xd1\xde//I\x13\xa3bI#\x17\xb7%^\x94K\x17\xdb!O\x94@\xf9\xf4\xb1\x95\xd1\xabg\x9d\x12"\x95\xc4$\xda\x8d\x15O\x93\x85\xa0\x92)\xfe\x10C\xa0\x97S\xf7\x10lp\xc8Y\xabP\x8f0\xc2\x13\xd57P\x13\x8b@\xf4@JN"\xe3&lt;\xf0\x1f\x01VM\xe3\xdf\x07\x97\xab\xaa\x08$\xf1\xa39\x1c\x93+evz\xd6\x05 \xa4\xed\xcc&amp;\x893\x83\x9aV\x14W\xdf1wX\x18\xa2o\x8f\xce8{-\x97a\xc4w\xa8\x8b:\xf9R\xe8\xf2_\x1a\x91\xc9h\xe1\x97\xf9\x97\x8e\x0b\x95\x17\x8b\x11=\x9d\xef\xa6\xeb\xb2\x93\xe9\xff\x82\x03?@@X\x86\xcby\xff\x17\xb6\xcds\x98\\\xa6\x0b\x87m\x0fx^*U\xb4\x81M+X\x94\x9e6\xc2\xc4\xae\xf5\x01\xc8\xd4f\x00\x1aI"\xa3Q\x89|\x88\x80\xa7Fg\xf8x\xe7\xa8\xa24\x87\x8f\xb7=\xa8X%j\xb5j\\\x0fmZ\xbb9&lt;e\x94\xcb\x16-\xf0\xab1W\x86\xf8\x11\x88f\x1f\xae\xc0\xbf\x15n\x03\xde;\xb2M\xf5\x87\x9ad\x8d\x1f\x00+\x1f\x7f\x9941tC\xd1\x05"\x11\x01\xaf\x95\x13]\xdd\xb3d`SU\x83T\x17"\xc4\xc4\xa8\xb3\xeb\\\xb5\xa0\xf8}c\xffr\xdd2\x00\xdco@?\xc3\xc9\xa2\xc2\x8a\x0b\x9dM\xc9\x16\xfd(\xca\xc9]\xaa\x14\x11Q\x16\x83\xdcE\xa7V\x0f\xf8\xe7\x06\xbb\xb2\xc2\x12M\rh\xecre\x04\xb4\xbe&amp;\x8b\xfc\xe7\x83\x9bUT\x9eF\x02\xa2\xaf\x0f\xcf\x18I\xe0z\x04\xeb&amp;\xf762\x90v\xabQ\xc4\xe1\x95\x01|\xbcsT\xfc;oP\x9b\xc9=\x1a\xad\x9d\xd4\xab\xa2\xc1\xca\x8f\xc7\xfb1\x1dj\x95N\x1d\xfd\xc2\xb6y&amp;MK+\xa0\xcdg\xb4\x92\xcd\xae\xc5\x80&amp;\xe5\xfe\xbd{,\xe5\x0f\xb0\xf6\x1a\xc0\xcd\x81\xd6\xc3(\x91\xc2\xe0\xd3\tf(/\xdbY\xc5\t\xa7\xa0h\xbfp\xaaN&lt;"\xdd\xbc\x07+b\x8a\x97w-\x1a\xde*0\x05\xcc|&amp;\x01`\xbc\x81\xeb\xa2P\xa2_\xd0\xe2e\x88Ves\x14O\x16\x05\x80\xc3\x10/\x19\x9d\xab\x16L\x1d\x86F\xe9\xb1\xaek\xe1\xe6z\xa2w\xfdRn\xce\x16\xe5\t\x87G\x167\xee\xb8"&amp;t\xa9\xa7\x98\x9ed\xf2\xf3\x82\t\x9d6\x8c\x01_\xde\\\xdfw\xef\xe4F\xf3b&amp;\x8f\x90\xfbL#[:\x80\x98\xf6\xff*\x05\xe6\x0fn\xab\xcbb=\xa4y%\x00\xc7\xd7N5\xba\xae\xb6\x87jZ\xd2\xf5\x95\xb2\xe0\xa1r3\xd6\xd1}\xa4\x0e\x13\x94"\xfas\x00\xa0U\xd9\x1c?\xb3\x066pJ\x8eC\x96sO\xc1\x84\x8c\xcc\xd9N$\x89\xfd\xaaVY\xa7\xc7\xb0\xb7\x0b\xff\x86.\xb4q\x87.t\x9d\x00\x82\x8b+\xd2\xd3\x90\xb57J\xa5\n\xb4|)\xa9\xe6\x00\xee\xdbw\xd6B\xf80M8W,W9c\xd2\xd5=K&lt;\x9b"\xcb]s\xfbJy\xd3\x84\xa3u\x93{\x9b\x17\x060\xa6C\xd0\xe4\xf7\xe3\x9d\xa3\x00\xca\xa5\x8b\x95L\x13\x89.\xd0\xaal\xe0\x82\xc9\xcb\x99ZM\xee\xd1H\xe4:\x98\xf7\xf2\x1e7/z\x13U\xcf\xe9c1\x10\x16\xdf\x1e\x00\xb8{l\x9d\xa7k\xe1\x12\x94~\xef\xaf_\xa4Zn#&lt;\x11\xde\xddt\xedX+\xd3\xc0}\x8b\xc7\xc8t\x1a\xe7\xb6\xceU\xce\xd0\xbb\xbe\x13\xc9\x9c\xdbf\x0f\xb1^\xf8\xff0\x064q`A*\x9cX\r\x89\x01p`\xa9!5\x90\xc7\xe1A\x8b\\\xd5\xec\x89\x88\xa8P\xa2\xf0\xdbf\x0f\x16\x1b\xf1\xf2r\\\xa2\xdd\x0bG\xcaFZs3"3\x8f\x9ep[y\xc6\xa9\xd5\xcf\xa9\r3\xea\x17Jsx\xe5D\x87%\x95\xf1\x8cG"s\xb6\xd4\x19\xbd\x9b\xba\xb6\x14\x03^\xfb\xa6\xf4z}m\xef\xe5]\x8b\x8c\xa2\x16+gMxp\xf9x\xdd]?&amp;\x1b\xf3\xe7\xbb\xfb\xf6/\x19\xcb\xcf\x17\x80\xbc\x18\xf9E\x12\xe8&lt;\xe5c\xd4\x1a\xdd\xaad\xf3\xae\x9b?\xa5\xb6\xa4k.\xbag\x17v\x18\xed\x12\xb7\xd0\xbdVQ\xe0\xd3\xdeE\xa3\xcdO\xe5Y\xb7\xaaE\x8chS\xcdhW2\xa2S\x1bf\xf0\xef9n$mY\x87\xc5\xa9m\xda\x1f+\xf1!\xa8d\x83\x03F\xd1\x9d+\xc7vg\xb3\x9b\xbcQ\x90\x99\x03\xef\'t\xad\xaf\xb5\xaf\x7f\xbcs\x94\xe3t\x03\xea\xd8i\xadL\x91\xbc\x1a=j\x17\x17M\xdd\xbfD\xc6\x05C\xda\xc9%\x9d\xcdF\xb4\xe2\x19\xd2\xc5\xa2a\x1d\xf6,\x1a%\x0f{\nxt\xa8\x9a=Q\x81\x04\xce}\x9a5s\'\x05 t\xe5\xac\xa0H\xe2@\xe3\x16^_;\xb3i\x96S\x97\xfb\xdfFB\xfb~g\xe9\xc8\xce\x1e&lt;\xb9\xdc\x96\xfa7)\xe7\x91s\xfa\xa6\xf4@d\x00\x80\x99}\x9a\xb9\x7f\x1e\x87W\x11?~J\xe7\xee&amp;\xe4\x896;N\\FfG\x0c\x04\x9e\r\xde7\xa7\x01H\x1b.Xf9\xca+\x8eN\x94\x84\xa8\x89\x1e\x15U\xfbJy\xeb\x15HU!C\xdc&lt;qC\xe6\x8dg\xe8a\x9d\xd8\xb5&gt;\xde\xff\xa9\x95k]?\xa5\x02\t\'z\x00\x00 \x00IDATO\xafz\xbeD\xd4\xb7a\xe9\xf1]\xea\xf5mX\x06\x00\xb301\rF\x994A\xe6\x8dU\xe3z(\x87\x0b\x0e`"j\xe6\x9b\x05\x80;\x9c\x94\xf9\x13\x84\x91\x1b\x86\x15\xf9-\xfe\x80\x8d\x02[\x8b%\x8d\xa2\x90Q\x17\xf1qn\xc5\x15\x81\x08@\x9e8N\x18\xbcR\x85qL\xe2\xed\x02&amp;t\xa9W#W\x12m\x87\xf5\x13Y\x0eU\xd4+\x98Z^q\x1b1\\\xba\xa0\xed\xa0\xbc\x00\x8f\xebh\xbb\t\x8f\xa7\xa1.\x1a\xd6ar\x8fF\xcaF/"\xa2@~\xc4}\x8b\x1d\xac\x00\x04\x823\xdc\xc3*\xcen\x99\xf3\xbf8h1~\x8a\x8f\x1d\x80B"\xedC\xf4\xef_\xc7\xf8\xb7\x15ec\xed\xe4[w\xeaP3wR9u\xbfj\xf6D\x1fn\x1fQ\x8e2i\xddGVM\x16\xbf\xff\xbb{\x1c\xf8\x06\x89\xb2P&gt;\x89\xe3\x1a\x13\x01\x18$\xc5\xd4\xb9\x9fQ\xbcj|\x80\x96\x8b\xdb){=\x80\xbbNj\xca&amp;\xf0\xb4:\xa3\xc8\xecS\xb6\x87"jY&amp;;\x80y\x83\xdax\xf0r\xae`\xfe\xe06\\E\x87\xf9\x0eD\x04\xbc\x92\x87\xf60D\xc0[\xfe]"\xf9\x1f\x97w-\xeaTE\xf5h\xfftN\xd67\xd7\xf7y\xaa\x1b0\xd2~1\xc2\xc6i\xfd=te3t\xa8\xec\xf8\xc5\xb9\x0c\xd8\x0b\xdbRpR\x15\x01o-\x86H\xba\x03\xcfHJ\x9aB\xbb\xb0\x90\x1b\x8e\x88s/\x9c8\xa2\x90Je\xc8\xb1jl\x83~rn\x1b\x00\xe0\xb1\xee\x85\xe4u\x03^\\V:\x9aGg\xb7\x88\x19[\xafz\xbe&amp;c\xf9\xac\xbe\xcdW\x8d\xeb\x01\xe0\xea\x9e%\xca.\x93\xc44\n\x9ce\x7f""\xbc\xba"\x8f(\xe4vOz\xe7\xc8\x1a\xc5\x9dS5{\xa2\nz\xac\x7f\xba\xe8]\xbf\xd4\xaf0q\x99\xde\xbb)\x00\xedDD$\xbb\x99\xac\xfc~\x10\xb6\xcc\x1c\xa8\x1d\xa3\x04E0\x009]B\x1b\xc9\xce\x07\xe6\x88I\x00\xf0\xf4\x82\xa7jU"yT\x0f\xbe?1qH\x1fQ\x7f\x11sf\xf3l\xfe!l\xdcU\xb3\xbb\x1b!\xa6&lt;U]#\x80G\xe0\x15L\xe75\xc0\xcc\xbe\xcd\x7f\xec\x05\x1d\xa3\x99o\x96NU\x0bt\xad\xe1X&lt;=X\xed\xf8\x16\x01\xe0\xc4\xba\xe9\xec\xda\x85\xbd\xd2$\x00\xb9?\x98\xd6\xcb\x9f\xcb\xe4\xb3u\x13\xb15\r\t6*\xfc\x89]\xeb+v|"\x9a\xd8\xb5\xc1\xfc\xc1m\x13\x11E&amp;\xaa\x9d7\xb9\xc97\xc5\x17\xd2\xe5\\[3\xb1\xe7\xd0\x96\x95\xf9\xbd+\xae\xd1LQ\x82+\x8d\xce}{i\x06\xf7|\xf4\x93\xbb7\x0c\xbe\xb9B\x86\x88D\xe4\x1c3J0B\x97\x96\xa0Z\x8e\xc4D\x04`\xf5\xf8\x00"\x8aO\xb4{\xc1HVd\x96\'8\xf2K\xaa\x96#\xb19\xc5\xeb\x8f\x87\xe2\xfd\xcf\x1d\x9bn\x1fY\xad-\x967n(\xad\x1a\x97;\xe4\x0f9c\x06\xce\x8c\x14\xe8\xb6ig\xa9ys\xc6\xa2\x9c1iHs?+\x85\xb5k27Q&amp;m\xcc.\xd5\x1cp\'x\x04\xcaP-?\xba\xcaYt\xa2\'z\xd4r\x9cG\xf2\xec\xa2\xa1\xaf\xdeY\xb8\x9cE$\xf80\x98\xf6@\xdeu\xeb\xd0*\x8e\x0b\x14[\xe4i\xc8\xfe%ce*r\x8f\x80g\xe9bBj\xa2\xbd\xcc\xa2\xd0\n\xca\xa4\x8dyn\xcb\\\xedvsT\xb4\xd1bw\xa9^\xd8\xa8\x8cE\x9d%"\xca\xf2\x07\x19%\x9a5u$h\xea\x10\x0f\xed9\x1b\x1c"e(\xab\x9c\xe1\xbf:\xf0\xf5&gt;\xbb\xd1\x8dXk\n$\x0c\x1b\x89\xc8\xb3$9\x9e\x85C\xe6\x19\x05&amp;q\x87\xda\x88C\x19\x8ai(\x9e-y\x18/\xaf\x8c\xb4\x96\x00\xe5\x0e&lt;\x9b\'/\x8c\xd4\xee\xaf\x81d\xc8\x84q\x16Q!c\xdc\xd2\xa9\xa3\x1by\xfb\x15\xa59\x17\xe0l\x04\x9e\x9d\xbd\x05hZ"\x13O\x92&lt;\x881\xedk\x01\xf0\xb1\xfd;\xa4\xb9\x9fV\xf0\xb2p\xe2\x08N\t\xfe\x98\xa3f\xee\xa4\xf1\x88^_\xdb\xb7s\xde\xf0;G\xd6X\x1c\xd5~\xddo\xdeyd\x8bF%S\xfc\xa1\xd0\x1f\x08\xc8\x83qT\x0b\xdf\xda\xa4n\r\x8d(\x80tQ9\x8b\x0b~\xd5\xff\x11\xc4"\xfa\xfe\xf8\xdc\x89ujH\xb2\x18\xff\xff\xcfc\xe3\xb4~\xf2\xf7l\x02\xd7\xdc\x95l\xce(\x9a$\x92n&lt;\xab.\xde\\\xd7\x99\xc7Y\x01\x00\xe0\xb9k\xc7\xca\xb0\xe2jb4)\x9e\x11\x80p\x9f\xfe\\(\x84q,AS9kB7\x95UL(r\xeb\x17L\x1d\x96\xe8\xec\xe6\xd9\xc7\xd7N+\x93&amp;F\xf0\xe5\nu\xa9^\x88\x87\xe7\xa7\xe7\xb7\x07\xd3%\x04\x1c~\xf9\x19"\xe9\x1bi\x8dx&gt;\x8cP\'_\n\x00J\xfe\xbf\x11\\\xb65\x8d\xedX{\xc1\x90\xb6D\xc4|y\x91\x89\x9a\x96\xcc&lt;\xb8YE+\xc7\x8e\xebTg\xf9\x98\xae\x00\xfa5*c\xc5z\xf9\xbf\x01\x1f\xa2\xee5\x8b\x12Q\xdex\xa1\xd2G\xa0bI\xdd\xfb&gt;\xfew0\xace`\x94\x9e\xd2\x98\xdc7e\xa6\x8fH\xba4\xfaD\xb4~r\x1f\x92|\x00KGuqx\xb6\x1ds\x87:[\x81\x88\x9e\x0b`e\x7f\xa66\x95\t\x1foO\xea\xd6`\xf9hK\x82\xe9\xbf2z\xd4*\xb6f\x82\x19-\x95@\xa9T\xd1\x98\x87\xd1\xe8\xc1\xee\x9c?\xbcD\xf2\xa8\xf3\x06\xb5\x01\x9e\x90\xf3yI\xc7\xd6L-\x94(\x02\x11U\xcb\x91\x18\x00G\xa0\xb16\xbd\x11~\x800\x03\x80\xbfM#sZ\x95\xcb\x91\x88\xa8Z\x8e\xc4\x91\x89:\xda\xac\x97\x00t\x8d~&amp;8\xbcr\x92\xf5F[,i\xe4-3\x07Z_\xa2\xf2i+e\x8e\xaf\xcb\x03\x1a\xdb\x9e*C\xf7\xb4#\xdaTkS&gt;\x17$X\xbex\xf0cv\xff\x96\xc0\x7f.\x1c\x9812\xd5\xcd\x9fR\xf7f\xb6\xcc\x1a\xe4Ze\xfa6,\xed_&lt;#\xffv?j[\x97\xa7\xd3\x1c\x00\x06X\xc8]\x00\xc0\xa4\xd6\x00\xea\x16H5\xad\x97?\x11]\xdc\xbe\xc0\xfd\xb7\x9b\xc28L@ay\x14&amp;\x9b\x9d\xf3\x86\xf3Z5\x1a\xd1\xa9\r3\x84:\xb9\xcbHH4W#\xf3\xe2\x02g\xf5\xb6\xd9\x83\xb5j\xb1\x0c\xf38\xb4\xc8D9~=\xa1\xcc\x9c1\xc9\xdf\xb2\x95Y\x99\xeb\xfb\x10m\x9e1\xc0\xa4m\x0ci\xeewn\xeb\\\x91\xa7\x12\x9d\xa8U\xd9\xecW\xf7,\xe9k\x8b\x8e\xd7f\x06\x98\xa0\xb1D\xc9\xa9\x0b\x00F\xfe\xf1\xbcqC\xa5\x0cME\x93D"\xa2\x0c\x91~D\\\xdf\xab\xab{\xf9\xc3Y1V\xdf\xfel\x8e\x9d\xf3\x86\xbd\xbc\xb2g\x99\xfd|\xa8w}\xdf\x9ay\x0c\xf97o\xec_.\x94\x877M\xb7{/N\xd9+r\xc6t0\xca2\xa6\xf4htt\xd5d\xe0\xe5/7\x00l\x9b=\x04\x80\xcb\x8bA&lt;\xd3\t\x04\xaa\x92\xcd\xdb\xb5\xd8\xc18\xb6\xdcq\x8f\xb3`\xa6\nM\x00Z\x94Vm\xa9\xc0{\xcd\x96\'\x16\xcfY&amp;M\xcc\x81M+\xf0\xeb\x14_\xa9\xfbo\xd7DFC\x81\xd0R\x06 3Yf\xf1\n\xfcaN|\x9f&lt;\x04\xbd\xb9\xbe\xdfz\xc5\x9e_\xda\xa5\xbb]\x88\x8a\x10\x19\xf6\x8fZ\x0b&gt;\xde\xdd4av\xec\\\xad\xa0\xd1\xae\x1f\x0c\xd7B\x8a\x93\x87\xa4\xe1\xad\xaaj\xd5\x9e{\xd6-\xc1?\xfa7\xd6\x99d\x84&amp;\xe28qn\x03\xc9C\x06\xc5\xd7\xe3\xd5\x15\xddvui\xe7B\xe0\xbbv{B\xa2\x0e~\xf9L\xe6\xf8&amp;\xb1&lt;\xe5\xd2\xc5*\xe2\x13Q7\\0\x98\xb0o\xf1\x98\x91m\xab?\xbb\xb8SnKn\xc2\xe2\n"$\xd1?7\x0e\x88`\xf7\xbcqC\xe2\xc3-\x93\xf2&gt;\xf6\xff\x86 \xca\x1e\x9d\x80O\xe6!\xe3\x0b\x86\xb4\x03\xf0\xea\xea^\xa1\x8d\xfa\x93\xf1\xfa\xda^\xf1\xbb|\xfa\xd8_\xee\x9fR\n4-\x99\xb9g\x9d\x12F\xaf\x9f\xe7\x9e\xda,\x12\x97!\xec\x80\x002Eq\xc5\x85\xe8\x10\xda\x989-\xea\xe4OID\xd3\x0c,0\nb\x11m\x9e\x11\xf8\x91\x08G\x90k\xdf\xcc\x1f\x92\xcb\xd1\xe4p\x17\xc6E]\xe1\xa4\xa9=\x9b\x90F\x8c\xde\xe1DO7\xccIS\x06\xda0\xa4\xc2\x89#\xd4\xc9\x97\xc2\xc7\xbe\x18\x80=\x8bF\x11\x91n\xf2\x0e\xf0\xcd\xe1\xb5(\xf8\x99U"I\x1a/\xeeL\x84\xbb\xdb\x07,%!\x92\x05#e\xa4\rO{\x16\x8d\xe2605\xa0\xf1@\x1b\xc36\x80v\x15\xf3\x88bu\xf3\xa7,\x97&gt;vd\xdb\xae(\xb6\xda\xce\x1f\xdc\xd6\x85\xeay\x13\xe1\xddM9\xaaJ\xc42\x88\x11+\xb8\x91?~\x18\x00\xba\x1a^\xbe)\xa3]\xdc&gt;\xdfJJ]A\xefp\x9ci\xe1\xb2u\x11\xc0\xcb+\xbb\x8d\xf6f\x8b\xa6\xcf\xa1\xd2\xb5Fa\x00&amp;q\n!~)\xe2B%\x98a|g5\x01\xafk\xf5\xc2\xfd\x1a\x95\x99\xdd\xaf\x85\xee\xe4B\x00\xc0@\x89\x02~\xc9\x88NZ\xbb\x81\x80X&amp;\x85t\x14cc\x05x}\xcd\xcd3\x94M\xa7\xa3\x16\n \x0c\xd1\x88\xd6\x86&lt;92\xd6N\xea\x8d\xf7\xb7\x88\xc8\x8b\x08\x00\x0f\xf2?}q\xa7\x9b\xdf\xafK(vj\xe3L\x8f\\q\xd9\xa8.|\xd7,\x07\xa8\x9b\r\x07\x80M\n\x8cK;\x16\xbe\xbfu\x98\x88\n\'\x8a\xa0}b\xb9c\x87\xe8\xd7\xa8\xac\xf6$\xba\x16\xd8\x1f\x06%\xedV\x17I\x88\xd6O\xe9\xa3\xdd\xbe{\xc1H\xf9_\x1fkW\xbc\xb1\x7f\xb9\x89)\\(\x89\xca\x0f\x10\xc0_G\xd7\x9a+!\xea6Q\xbc\xbb\t\xbcuM\x9e\xda\xca\xa4]\xeest5P\xa7\xf6l\xd2\xa9\xaa\xfe\xb2\xefG\xce\x99M\xbe\xdfbI#\xf3\x07\xae\xd5}\x13\x93\x03^W\xfd(\x1db\x0fA\xf7\x9eS\x86\xa22ib\x98\xdb\x10B\xfc$"\xb3`E\x81\x84a\xd7Mr@r+\xe0\xf1\xdb\x07\xd0\xbeR\x9e\t]\xeb\x1b\x15\xf0`\x10\x99I\x88\xdb\x9d#k\x96Y\xf00\x0b\xb0A\x1f\x80\x11\xa3\x16^]m_)\xaf\xf8w\xc3\xd4\xbe\xfc\xc37e\xb4&amp;6\x97\x8f@@\x9d\xe2\xf6\x9d\xda;o\xa2AM+\x98\x8c\xfabn\xe5Y1\xa9\x93\x12\xcb\xa6\xcbsa\xcf\xb8\xd3\x9f\x9c\x9b\xd2\xa3Q\xfdBi\xf0\xe5\x9e\xf9\xb5\x92\xda\x07\xb0\nX\t\xf2\rK\x04 \xa1D?\xa7E\xe941\x94|fgqd\xd5$m\x18\x9bxoF\xb4\xed\x8f\xcenu\xe7\xa2\xd6\x91\'nH\xa1u(sU\xc5\xb2O\xf0\x16\x00\xa0\xd5+4!\x9f\xff\xc9\x98\xdc\xbd\xa1\xfco\xf6\xe8\xfa\r\xd4\x9c\x13F\xc9\xb7r\xa7\x89\xeb)?\x04\xd9\x91\xdd_+\xb8\x00Y\xe4\xda\x1c\xec\xea\xe8Y\xb7\xc4\xac~-\xac\x977\x87\x9b\xa1\xe6\x834\xc2R\x0e1\xacU\x15\xf7S\x00\x1a\x16Igr\xdd\xb9\x03[\xf3\xe4\xe8\xdd\xadC\xf2:\t\x80\xd6\xd9\xcb\xd3X\x1f\xfb\x8d\xd5s\xfa\xfc\xf8oj\xa0\xbf%\t9+\xb0\x12Y`\x82\xea9}\xfa4(\xbdph{\xf3b\x8a|X\xa9T\xd1\xf8\x16N\xae\x9f\xc1\xcf&lt;4\x91\x9c\\\xd6\xbcTV\xaeX\x9f\x06\x81\x04\xe6\xbcX4\x9f\xd4\x1fZ1\xc1d\xad/c\xf7\xc2\x91\xda\xb8p\x06\xd7\xa7\xab&amp;5,\xa6\x94\xd0\x93XS\xde\x08\xe6\xf1\x87\x11-\xc7\x95f\x8aB\xa77\xcd\xeaX9?\x11\xc5\xb1\r\x87Dtm\xef\xd2\xfa\x85\xd2h\xcb\x97\xcf\x10\xe7\xca\xee\xc5\x16\xa5\x06\x7fQX\t\x1a\xd1*W\x8cjWC\xfc\x1b\x81hH\x0b?+\x8c\x802\xac\x18Uu\x9d\xcc\xbf\x1a\xbaT+d\x91N\xd5\xa1\x80\x86\x0b(\x9d&amp;F,"|\xbd\xdf\xd98_\xb7r\xd6\x84\xddk\x15\x15\xbf\x9f]\xdcID\xcd}\xb3\xf0\x16\x0e\x1ft\x88\x14\xa1(\xad\xab,K\xf5\n\xa4\n\xa8]&lt;&amp;\x11\xf0\x9fCC\x19\x17\xd8\xbft\xac\xb2\xd1\xe2\xb5t\xed\xc8\x0c\xcf\x92\x8f\xfe\x14(C\xb5_\xe6\xf8\xe7\xb6\xccaF\x13]\xbf\xeeI\x1b\xb3\xb7\x80\x18\xd5\xa2\x12U\xcc\x18\x18\xf3\x02\xfcc\xbd\x0e\xc0;\xd9\xd9`\xf4!7*\x9a~\xc5\x98n2\xb5L\xb9t\xb1\x1e\x9f\xdb\xea\x97%\x01\xd9\xde\x85\x10\x0c\xe0\xae\x96\xa7\xd8\x83l\x91\xf5CZ\x04e\xbf\x0b\xda\xa8\x92)\xbc\xb4\xb4\xaf.{\x83\xa2\xda\x94\xa9\xc4\x15\x01\x88H\xbc\x95c\xbb\xe3\xf9E"\xda0\xa5\xafr \x07a\xf7\xaa\xe7\xcb\xc4M)C\x05\x85\xc99d\xcb\xd0\xd2\xde\xfdL\x88O\xeb\xfa\xde\xa5FQJ\xff\xde\rJ\xcf)\x9b6&amp;\x80\x95c\xbb+e\x065\xad\xe8ED\xf6\xf3\\\x97s\x08[\x97\xcb\x11\x8f\xe8\xed\xcd\x83Sz4J \x91\xd0\xfd\\t\xafYt\xd5\xf8\x00\x97\x0f\xb7\x98\xa8b\x0e\xdd\xaepj\xcf&amp;\xbf\x889N\xdb~\xfa7.+\x14rNm\x98\xa1\xadg\x03\xfb\xb9\x95\xb3\xa1r\xc5\x93\xd9}p\xca\x81\xcee\x87\x13\x11Q\xe7j\x05\xcb\xa7\xf7\xb0\xc7\xced-[%[`\xb0O\xbfFeM\xeeZ76\xe1\x0f\xe7\x1f\x97\x80o\xcah\x00\x80\x8fN\x91bV\xcc\x18W1\xb3\xa5\x8b@c;\xd6V\x88\xdb\xd6N\xec%\xff\xbb~r\x9fQ\xedj(\xf5\xd4z\xc2\xfd$\x9fG\xae\xd8\xc43q\x05Fw*\xd3Z8\x95;-\x0fQ-\xc</t>
        </is>
      </c>
      <c r="E618" t="inlineStr">
        <is>
          <t>&lt;class 'numpy.ndarray'&gt;</t>
        </is>
      </c>
    </row>
    <row r="619">
      <c r="A619" s="1" t="n">
        <v>617</v>
      </c>
      <c r="B619" t="inlineStr">
        <is>
          <t>steps_per_sec</t>
        </is>
      </c>
      <c r="C619" t="n">
        <v>8900</v>
      </c>
      <c r="D619" t="inlineStr">
        <is>
          <t>3.3560007</t>
        </is>
      </c>
      <c r="E619" t="inlineStr">
        <is>
          <t>&lt;class 'numpy.ndarray'&gt;</t>
        </is>
      </c>
    </row>
    <row r="620">
      <c r="A620" s="1" t="n">
        <v>618</v>
      </c>
      <c r="B620" t="inlineStr">
        <is>
          <t>Loss/object_center</t>
        </is>
      </c>
      <c r="C620" t="n">
        <v>8900</v>
      </c>
      <c r="D620" t="inlineStr">
        <is>
          <t>0.06883076</t>
        </is>
      </c>
      <c r="E620" t="inlineStr">
        <is>
          <t>&lt;class 'numpy.ndarray'&gt;</t>
        </is>
      </c>
    </row>
    <row r="621">
      <c r="A621" s="1" t="n">
        <v>619</v>
      </c>
      <c r="B621" t="inlineStr">
        <is>
          <t>Loss/box/scale</t>
        </is>
      </c>
      <c r="C621" t="n">
        <v>8900</v>
      </c>
      <c r="D621" t="inlineStr">
        <is>
          <t>0.053307027</t>
        </is>
      </c>
      <c r="E621" t="inlineStr">
        <is>
          <t>&lt;class 'numpy.ndarray'&gt;</t>
        </is>
      </c>
    </row>
    <row r="622">
      <c r="A622" s="1" t="n">
        <v>620</v>
      </c>
      <c r="B622" t="inlineStr">
        <is>
          <t>Loss/box/offset</t>
        </is>
      </c>
      <c r="C622" t="n">
        <v>8900</v>
      </c>
      <c r="D622" t="inlineStr">
        <is>
          <t>0.115152806</t>
        </is>
      </c>
      <c r="E622" t="inlineStr">
        <is>
          <t>&lt;class 'numpy.ndarray'&gt;</t>
        </is>
      </c>
    </row>
    <row r="623">
      <c r="A623" s="1" t="n">
        <v>621</v>
      </c>
      <c r="B623" t="inlineStr">
        <is>
          <t>Loss/total_loss</t>
        </is>
      </c>
      <c r="C623" t="n">
        <v>8900</v>
      </c>
      <c r="D623" t="inlineStr">
        <is>
          <t>0.23729059</t>
        </is>
      </c>
      <c r="E623" t="inlineStr">
        <is>
          <t>&lt;class 'numpy.ndarray'&gt;</t>
        </is>
      </c>
    </row>
    <row r="624">
      <c r="A624" s="1" t="n">
        <v>622</v>
      </c>
      <c r="B624" t="inlineStr">
        <is>
          <t>learning_rate</t>
        </is>
      </c>
      <c r="C624" t="n">
        <v>8900</v>
      </c>
      <c r="D624" t="inlineStr">
        <is>
          <t>0.001</t>
        </is>
      </c>
      <c r="E624" t="inlineStr">
        <is>
          <t>&lt;class 'numpy.ndarray'&gt;</t>
        </is>
      </c>
    </row>
    <row r="625">
      <c r="A625" s="1" t="n">
        <v>623</v>
      </c>
      <c r="B625" t="inlineStr">
        <is>
          <t>train_input_images</t>
        </is>
      </c>
      <c r="C625" t="n">
        <v>8900</v>
      </c>
      <c r="D625" t="inlineStr">
        <is>
          <t>[b'512' b'512'
 b'\x89PNG\r\n\x1a\n\x00\x00\x00\rIHDR\x00\x00\x02\x00\x00\x00\x02\x00\x08\x02\x00\x00\x00{\x1aC\xad\x00\x00 \x00IDATx\x9c\xed\xddu\x80\x15U\x1b\x06\xf0\x97\x10i\x16P\xba\xbb\xbb\xbb\xbb\xbb\xbb%\xa4\x1b\xe9\x14\x90\x14\xa4[ZBP\xa4\x0c:,\xd2\xa0\x0c\xf4\x13\x10D\x05Ey\xbe?\x86\xbd^\xf6\xd6\xdc\xe9{\xf7\xf9\xfd\xe3:w\xe6\x9cw\x97\xdd\x893\xe7\xbc\xaf\x08\x11\x11\x11\x11\x11\x11\x11\x11\x11\x11\x11\x11\x11\x11\x11\x11\x11\x11\x11\x11\x11\x11\x11\x11\x11\x11\x11\x11\x11\x11\x11\x11\x11\x11\x11\x11\x11\x11\x11\x11\x11\x11\x11\x11\x11\x11\x11\x11\x11\x11Q4\x953\xb6\xdd\x11\x90\xad\xe2\x89\x14O\x1eu\xe3\xf5\x13;\x96\xbd\xd6+\xb1\xba\x16p\xffJ\x12\xaf\xdb\x01}\xa1\x11\x11\x91\x99\x00\x94J\xa1\xab\x85jY\x13\xf5\xaa]\xd4k\xcb\xba\xda%""\x93|\xfc\xf6\xbc\xc3\xeb_7\xef4\xfd\xd1\xa67Lj\x99\x88\xbc\x8biw\x00\xe1\xaam\xd9\xec\xca\x17\x89\xec\x8d\xc38f\xdf\xa1\xdf:\xb5\xcb\xd4\xf6\x89(\xaa\x8f\xde~\xc3\xee\x10\xc2\xcd\xca\x89\xaf\x00\xf8\xf7\x87s\xca\xff\xbeho4\xc6\x99\xd6\xa7\xa9\xdd!\x10\x91\x11R\x9b\xd0f&lt;\x13\xda\x0cE1\xec\x0e\xc0\x16\xe5\xd3\xc6\x01\xb0hDg\xbb\x03!\xa2@\x0c\x7f\x9c\xbfuzw\xd8\x8cu\x10\x11\x91\xc1\xc6u\xaamw\x08\xfe\xac\x9d: \xca\x96\xa6E\xd2W\xcd\x92(\xd8\'\x9b\xbfo\x9d6*$""2]\x0c\x91R)\xa2\x0e\xde\xc0\xdd\xbf\xdf\x9f\xdb\xb3,`;\x19E\xbaT\xcdoN\x8c\x14\xb6\xe2\xdb\x1d\x00E#I\xdd\xbeN`\\\xb3O\xbe?c\\c\x8e\x00\x0f_}\xb8\xd9\xff!\xe1\xb4PN\xe5\xc2.\x97\x92/\x9b\x12Ft\x1063\x05(4\xe8[\xca\xe3\x1d\x800{\r0\xb2mu\xcfk\xc0\x85\x0f\xd6\xd9\x1d\x97EVO\xee\x17\xd4\xfeu\xf3\xbc\xdc\xbb\x8e\x97\x15^\xa4\x01\x00\xce\xaa\xa0\xb0b\xe0\xd3\x86e&lt;/\x00\xff\xfex\xce\xee\xa0(\x800\x98\x88\x15\xec\xd5\x97\xc2\xd3\x07\xab\xa7\x03\xff\xa8\xdf\xbfv\xaed\xe6\x05\xa3S\x88&gt;\x1fD\xb9\x00\xa8;\xe4\x8e\xa9!q\xf9\x1e\x85\x81h\xf4k\xac\x9c8*\xa4{qh\xcbJA\x1d\xf8\xd3O?e\x8d\x11\xc4\xb8\xf2\x95+\xf7\xf2;\xf5N\xfb\xa1\xc8\x0bv\xc7\xe0R(\xb1\x14\x89P\xb5g\x8c\x181b\xc4\x88\x915F\x8c\xf1]\xea\x8dl[]]\xf3\xc9]+\x81\xdd\x01\x88+""\xf5\xf2\xe9\x1a\x84+\x9b.\x8e\x9e\xc3\x89\xc8RV&amp;\xbar\x9dd[\x95\xcabY\xa7j\x00\xf8d\xcb|\xbb\xa3\xb0\x02\x80&gt;u\x8b\x03\x98\xd4\xbda\x94\xed;\x17\x8e\xa9\x90\xfe\xc5\x81M\xca)[&lt;\x12k\x9a%&lt;\xee\xb6rz\xbb\x83p\xd6o9\x91\xa7I\xdd\x1bX\xdfi1\'\x8d\x06e\x14\xf9\xe5\xcb\x0f&lt;\xb7\xd7\xcf\x97\xe2\xd8\xd6\x05\xd6\xc7c*\x00\x9e\xd3\x81\xbaV+\xa0~\x10\x89\x88(\xfc\xe1\xc1U\xd7iq\xeb\xdc\x11v\x87c\xa2o\x8fmW\xbeS\xaf\xd9\xf0\x89\x88\xa2\x1d&lt;\xfc\xca\xf0\xfb\xe2\xbcN\x9d@\xf7\xf0\xeb\x8f\x01\xe0\xf1u\xbb\x03!"r\x93F\xa4G\x8dB\xbb\x16\x8f\xb3\xbe\xeb\xcd\xb3\x87Y\xdf\xa9]\xbe&lt;\xb0\xd6\x81\xa3@\x1d*\xe6\xb2;\x04\x83\x01\xf0:\xe4HD&gt;\xbd\xd6\xb9\x8e\xdd!X\xc4\xc6\xa9\xe2\x00\x9c\xb6f\x16\xf8\xcd\xee\x10\x0c\xc6\xd7-D\xd1\xdd\xf7g\xf7X\xd0\xcb\xd8\x8e\xb5\xee_9\xa2~\x7f\xafW\xd9?\xaf\x1d7."\x83\x85\xe2\xba\xaa\xfa\xf9R\xe0\xb7\xabvGAD\x8et\xfb\xd3\xfd\x00\x82Mw#\xcfg\xd1\xe8^\xbd\xe0\xeb\x03Z\xe5\x8b/A\xad\xbd\xf0\xfa\x1e8\x8f\x8at0f\xbf=\x9e3\xb0-\x805S\xfa\x9b\xdc\x0f\x05\xcdI\x13\xfa\x88B_\xd5,\t\xed\x0e!*G\x9dy\xd7M{\xd5\xf5u\n\x91\xcds\x86\xa73\xae\xf1\xdb\x9f\xee\x9f\xd4\xa3a\xe0\xfdHDD\xb2\xc7\xb2t!\x119\x11p\xa7U\xe9\xacQ6\x0ejZ\xde\x90\xc6\x1dx6${\xf5\xaa]D\xf9\xe2\xf4\xae\xa5\x15\xd23[\xa5\xcd\x066)\xb7a\xc6 \xbb\xa3 \xfb\\=\xfa\xf6\xa3\xeb\'Lj|x\xeb*&amp;\xb5\x1cf\xd6O\x1f\xa8\xb3\x85\x8e\x15s\x1b\x12\x89!\xde~}h\xc0\x9c\x12\xb6\x9f\xfb\xcb\xa6\x0e\xa3\x14\xdb\xfa|\xf1\xfe\x1a\xbbC\xa0p\xd4\xbbN\xb1zy\x1d13\xe5\xbd\x15S\xec\x0e\xc1\x8b\x12/=\xfb\xe2\xc6\xc9w\xf4$\xf1)\x99B\x00\xdc\xfet\x9f\x11A\x19\xe0\xc7\xf3\xfbR\xd9\x1d\x03\x11\x85\xaa\x8e\x15s\xe3\xd7KvGa\xae\xa9\xbd\x1a\xbbF`\x83M\xdd\xb3v\xea\x80+G6\xb9\xfe7o&lt;\x01\xd0\xadz\xc1\xcb\x877:*QGPxCND""\x00\xbaV\x0b\xf3\n\x88\xe3\xbb\xd4\xd5\xfc\n\xce\xd7lt\xfcu\xa3O\xdd\xe2\xfa\xe2\n\x13\xbc\x9c\x10\x85*\x00E\x93\x06\xde-\xa4\xc5\x14)\xa0\xf5\x1d\xb9r\x01\xd06\xeeo\xc8\xe0{&amp;k3\xd1\x12\x119\x11\x80\x89\xddL\xc9\xc9\xfa\x92\xef\x8f\x00\xe0\x81\xcd\xcb\x91\xf0\xef\xf7\xf6\x06\xe0|-Kf\xb6;\x04"\xa7Jmw\x00\xfa5,\x98\xda\x96\x1b\xe1h\x95\xe6(t\xa5\x15\x11\x91\x82\x89\x04@\x9fz\x1c\x9a#\n\x1dj\x16\xe1\x0emQ\xe9\xf4;KM\x0f\xc5\x91R\x88\x00x}@+=\x8d\x04U\x11\xd3\xc5\xcf\xb3\x11\x119E\\\xbb\x03\xd0c\xc7\x821E\xc2\xfd=\x84N\x9bf\r\x01p\xf9\xf0F\xcd-(g\xff\x8d3\x07\xab\xdc\xbfa\xc1\xd4\x9d*\xe7\x1d\xa5\xb6\x82&amp;\x11\xd9\'\x81H.\xe7\x94\xeb\r\x92S\x93\xff{\xd7\xa4p\xbaE#\xbbX\xdf/\x80\xaf?\xda\xa2\xe7\xf0w\x16\x19\x96*\x9c%q\x88\xc8:\x16\x8fEt\xa8\x90+j\xd6\x8eH\xc0O\x9c\x96\xa3\xde\xfe\xe5N\\\x18H\x86\x08\x8f:\xd5z\x19u\x03\x1b\xba\x0b\x8b\xcc\xd3\xa2D\xa6k\xc7\xb6\x8b\xc8\x1dk\xfb\xfd\xf6\xebo\xbe\xf5\xf1Q\x8c\x18\xa9b\xc4\xf0\x99_9\x91I\x01\x85\xac\xb8\xf1Bzx\x92\x88(x\xc1.96\xdb_7O\xd9\x1d\x82\xf1r\xc4\x92\x11m\xaa\xf5\xad_\xd2\xde02\x89\x18\x98i\x95\x88(\x08\x01\x93@\xdd\xf9\xf2\x03\xe0\x17\xfd\x1d\x01O\xf57b\xa0\xf4"\xef.\x9b\xc4D\xb8Dz\xa5\x13IiD\xb2L\nc\r\x0b\x86\xc1\x92\x12\x11\x914v\x07@\xe4D9\xccO\xec\xb2\xec\xb5^\tEN\xed|\xd3\xf4\x9e(\xbc\xbc5\xb6GA\x83\xde\xb1\xc47\xa6\x19"g\x00\xfeU\xf2\xc2\xaf\x9d:\xa0{\x8dB\xda\x1a\xa9\x95\xcb\x8a\xd7\xd0\x00\xbaU/\x00\xfc\xcf\x82\xbe\xbc\x8aeW\xc7\xa4\x0f\xcf\xdaD\x01\x00\xf8\xe5\xcb\x03\x1a\x0e\x8c%\x02\xe0\x8a\x8e\xa5F\x8e\x15\x8a%\xd1\xbd:\xbb\xfb\xad([8!UT\xcc\xbcr\x15\x8e\xae\x97/\x05_\x18\x109\x9aQ\x8f\xf9.\x13\xba\xd63\xb8E;\x00\x00~v\xdf\x12\xc3w\xb6jm2\x18\xd5\x90\x88\x88d\x8b\x11\xad\xafO\xa5R\x86\xcd\x8d\x07\x91\x85&gt;X=\xdd\xcf\x89#f\xe4m\xef\x8e\xf9\xa3-\x0c\xca\x9fv\xe5r\x04{\xa6+\x12\x11\\\x17=j\x16\x06\x10\xa5\xf8W\x02\x11\x00\x99T\x1c\xae2&lt;\xcf\xdd\xde\x1c\xddM\xf3I|\xf3\xeca\xd6_\x00\xee|\xf9\x01\x00.T&amp;\xd2\xc5\xf0\xdbp\xf5VO\xee\xa7\xe7\xc4Q4\xa94/\x9eQ\xfd\xfe\xcaM\xf4\x9e%\xe35\xf7X3GD\xb0\x87\xfcu\xeb\x14\x80\x16%2\xa9\xd9\xf9\xcdQ]u\xde\xe9\x03\xf8x\xf3\xbc\x80\xa7E\xa5\x0bW\x19\x83\xfe\rK_\xf8`\x1d\x00mK\xb9\x8c}:Q\xa9z\xb6\xc4\xf3\x86\xb4\xb7\xb8S"2\x12\xf0\xaf\x8ecq\xe1\xc0\xda`\xf6\x7f\x04\xe0\x15\x1d9\x84\x01,\x18\xd61\xa8C&amp;uo\x00\xe0\xea\xd1\xb7\xd5w\xa1\xf3\x02pb\xfb"\x11)\x948\xe0\xbe\x86\xd98sp\xb7j\x05\xac\xeb/D\x00\xc8\x1bZ\xd9\xaf\x88\xbc\x1a\xd6\xaa\xb2I-\xeb)o\x7f\xeb\xf4n\xdc\xbb\x18\xd4!\x8d\x0b\xa7U\xb9\xe7\xfa\x19\x03/\x1e\\/"[\xe6\x0cwm\xd4vv\x06\x00\xa8\xcdpQ#{D\xb0\xedG\xe9k@\xe32\x1a\x0e\\1\xa1\x8f\x9eN\x95/\xb2hn"\xec\xfc\xf3\xc3Y\xe5\xb7\x85y\xb6\x894J\x11\xf9\xc5\xe8\xf65Jk}\xd5\x96+\x8e\x96\xa3&amp;t\xab\x0f\xa0u\xe9\xac\xae\xb3\xdb\xc7o\xcf{\x96h\xff\xd1\xb5`[kZ4\xbd\x96 \x82tn\xcf2\x00\xd5\xb2\x061\xa8\xf7\xe7\xf5\xe3\x9f\xee[\t\xe0\xcb\xf7\xd7h\xee\xf7\xe9\x8f\xe75\x1f\x1b\x96\xca\xa6\x89\r\xfc\x03&lt;\xb4;\x10"\xab\x045\x1c\xaf\x1e\xf0\xc4\xca\n\x02\xeb\xa6\xbf\n\xa0I\x91t"\xd2\xb1R\xee\x1d\x0bF+\x17\x80\xe2\xc9\xa5I\xe1t\xca\xf9\x7f`\x93r\x16F\xa4\xd6\xc6\x99\x83\x95\xf0\xca\xa5\t"]8\xfe\xbe\t&lt;\x98\xfdjk\xf3\x02ScL\x87Z\xee\xff\xeb\xa7\xea#s\xf0\x11E#\xdb\xe7\x8f\x0e6\x15\xad\x86Q\x9a\x8a\x19\xe2\xc6}6Vs\x1b@\xa7Jy\x94\xed\r\x0b\xa4\xea\xea6\xba\xadg\x80\xbeM\xd9ljv\xd3\xdc&gt;\xee]\x02\xd0 \x7f\xaa\xc0\xbbF\xaa\x94!\x9e\x13\xa6ov\xac\x94\xe7\xcf\xeb\xc7\xdd\xb7\xf8\x1aJ\xda0c\xd0\xe5C\x1b\x026h\xca\x9d\x08Qt\xa0\'w\x8a\x19\x95j\x80G\xc1\x1e\xf2\xe3\xb9w\xd5\xd4\x9et\xa9\x9b\xe7%\x00\xbe\xaa\x02&lt;\x1f\x8c\r\xd3]TrBl9b\x89h\xaa!\xd3\xb3fa\x11\xc9iDz\x92R)c\xd8\xfes \nUc:\xd4\xb4;\x04\x87\xbauj\x17\x80\xb5S\x07hn\xe1\xf6\xf9}\xe6\x8d\x0b;\xe1\x02\xa0S\xd9\xd4\xaa\xae\x00,\xa7A\x14@L\xb7Y\xde~X\xf9\xb0\xac\xfc\xd9\x86\xee\xa4\x08\x00\xfa\xcf&lt;\xc0?\x06\x84\xe2\x83\x853?\x89\xc8\xd9\xd4\xdc\x0f*\xb3\xda5M\x93\x89v\xde\x1c\xd5\xd5\xee\x10\x02\xdb\xfa\xc6H\xbbC "g\xc8\x19\xb2\xe5\xe3k\xa8[sk\xe32f\n\x15\x00\xb8\x1e\x8b\xac0\xb5W\x13\xbbCx\x8e\x9aQ\xa0\xd0\xf2\xa5\xdb\xd2\xdf\x88\xe8\x9a#\x13\x80\xfa\x15mV\x02\xf0\xf8\xc6I&lt;\xfc\xca\xee@\x9e\xb3q\xe6\xe0\x7f\x7f8gw\x14\x14\nt&amp;"\xd7\x7f&gt;*\x95"\xf0&gt;\xd1\x19\x80AM\xcb\xbb\xbe6\xfc\x02p\xfd\xf8\x0e\xb5\x91\xfcu\xc3\xd8\xaeUJ)\x02`V\xff\x96*\xf7o\x14Y\xdb+\xd8\xd9\xb4\x1a R\x99T\xe1S\x8b!z\xded\x109\xddJ\x1d\xd9\x0b|\xb9w\xe9\xb0\xca?\xf8\x1e5\n\x85A\xd5\xc4\x95\x13_Y4\xb2\x8b\xceF\xa2&lt;\x8chX)\xedd\xd3_ifw\x08D\xea\xf4\xd0Z#\x8c\xa2\x9b\x96%3\x8b\xc8\xef\xdf|\xa2\xff\x0eW\xcf\xa3X\xb8\xa6\xd2\x0fb=^(\xb0\xe0\xf1\x91\xb4s\xcdP\xfc\xf7\xa9\xf6\xe4\x9a\xd6\xdb&gt;\x7ft\x98\xfd\x9d\x84\x04\xe5d\xdd\xaa}[\x11\x89\x17\xdf\x80\xf2\x8b\xf3\x87v\x14\x91c[\x17j\t\xe6\xbf\xa8\xd4\xe6\xcb\xf3\xaap\x12\xc9\x1eS\xea\xe7O\xa9\xa7\x11\xaf\xf0\xf0\xeb`\x0f\x19\xd4\xb4\xfcm\x0e\x1c\x91\x06\xef\xad\x9c\xaa\xe1\xa8o&gt;\xdejx$a\xec\xb7\xaf&gt;\x02\x10m\x13\x06\xb8\x92\x1d\x19%\xb6\xf2\x10\xf0\xf3g\x06\xb6\x19\x14\x00J^\xd8\xfd\xcb\xa7\x18\xdb\xf2\xdcAm\'\xf7hdl\x9bDd\xa7\x1b\'v\xaa\x1c\xb2\xf8\xf6\x93mf\x07c=e\xc4\xc6\x88\xb4\x0b\xcf\xb12\xa3\\\xac\xc8\xe7\x18\xe0\x0f\xe5\xdb9\xb7g\xb9\x19\x1di\x1e\xdd*\x98H^\xa9W\xc2\xf0x(\xcc\x19&gt;$:\xa4EE\xa3\x9b\x0c\x7fiE\xb2\x9b?\xeaY\xd2\xa6\x19_c:\xd4\xc4\xdd\x0b\x867\x9b-\x86\rO\xa2\xdd\xaa\x158\xbem\xe1\x8f\xe7\xdemP\xc0A\xa3\x89\x85\x93\xc8\xfb+\xa7\x16Knw\x1cd\x9eq\x9dj\xdb\x1d\x82*\x00&amp;vo`w\x14a\xc5\xa8y\x81A\xb5\xe3\xe44\x0fm\xcadk_&gt;g\xc9\x97\xb5\xfcd\n$4#"+\xbc\xb7B\xcbh-\x85\x89`K\x03\x92\xa3\xf4\xaa]\xa4C\x85\\]\xab\x158\xbbg\x99ka\x81J\xbeNs\xd1v\xc2x\xa3\x82\xa9\xf3\xc6\x95Y\xfd[\x02hU\xca\xe9e\xc1&gt;}w\x85QM\x85\xeeJ{"\xa7{\xd1\xb4\xccq\xc0?x\xde\xf9\xbd+6\xcf\x1e\xd6\xae\\\x0e=\xcd\xbe1\xb8\x9dQ\x11\x1a\xa2~\xfe\x94\xd3\xfa4\xb5\xac;\xa5"\xcd\xc7\x9b\xe7Y\xd6\xa36\xd1\xf6:M\xa4V&amp;\xbb\x03\x10\x11\x00\x9fl\x99\x0f\xfcfl\xb3E\x93\n|k\\\xc8\xfe\x14\x0b\x8fn\x9c\xe8X)\xcf\xb9\xbdz\xdfj\x0ehTfp\xf3\nV\xd4\xa2\x14\x11\x91\x9d\x0b\xc7\x00\xd81\x7ft\xb0\x07N\xef\xc3\x95VD$""\x83\x9a\x95\x07p\xe7\xc2\xc1Ckg\x19\xdbr\xad\\\xc9\xce\xecZ\x8a\x7f\xbe\xf3s\x01\x00\xd0\xb6l\xf6\xc2IdH\xf3\x8a\xb8w\xf1\xbb\xd3\xbb?X=\xa3W\xed\xa2\xb9\xad\xca\x98\x9aN\x04\xc0\xea\xc9\xfd"D"t\xb7V.\xed\x0b\x96\xdd\xf0*?\xbd\x91m\xab\x07{\xe0\xa3\xeb\'\xcc\x88\xc7\x02\xb5sEM\x10~\xe3\xe4;\x1fn\x9akK0D\xa1\xadi\xe4\xe4\xf4\xac1\xe4\xd5&amp;e\x8dm|\xc6+\xcd\xfd\x9f\xf7\x15_\xbe\xbf&amp;\xadHb\x91\x8e\x95\xf2&lt;\xf7\xc1\xdf7\x8d\x8d\xc7\x97k\xc7w(\x8f&gt;\x86\xb46wP[\x00\xcb\xc7\xf76\xa45\xff\xae\x1d\xdb&gt;\xba}\r\x0b:\xb2\x92\xff\xe23\x00^\xf2\xd8\xd2\xa6lv3#\xa2h\x00\xc0;\x8b\xc6\xa6\xd6\x9d\x9c\x8eD$\x8dH2\x11\xe0\'\xff\xa7\xfe\x13\xdb\x16m\x993\xdc\xfd\xc0\x12/\xc9\xe1u\xb3\\;4+\x96Ae\x8f:sT\x03\x18\xd2\xdc\x98\xc9\xbb}\xea\x16?\xb8v&amp;\x80\xa6E-\x1b\n\nB,\x91\x86\x05\x9d\x9bQ\xe9\x85@\xafy\x81\xc7V\xc5B\xd1L\x84\xdd\x01\x84\xba\x94"#\xdaTUs\xd7\x0f\xe0\xf5\x01\xad|\xb5\xd3\xbbN\xd1\n\xe9^lT(\xcd\xc8\xb6\xd5B\xb1\x9cY\xe7*y\x95\xef\xb1\xbb}y\xa2\xb2\x88\xdc\xbdx\xc8s;\xf0c\xb9\xb4!&lt;\x93&amp;\xa8\xd2\xd3Dd\xa9\x1f\xcf\xef\xf3\x7f\xde_0\xbcSJ\x11\x953\xd1kdO\xd2\xb5Z\x81\x16%2\x99\x1a\xb3\x8bQ\xf3\xe3\x95\xb1,\x83\x1a\x93\xfe\rK\x19\xd5\x94\x88\xdc\xb9pPy\xe3\x12\xa2.\x1d\xdc`\xe0\xcf\x96\xac\xc6\x14wa,\x8d\xf8\x9b\xed\x03@\xc3:\xcd\xc6\x85\xd3\xbe\xda\xa4l!\x15\x8b\xb2\xf0\xe4V\xf0\xcd?\xe7\xdde\x93t\xb6\xa0(\x93:\x16\x80\xfa\xf9\x1cZh\xe2\xdd\xb7&amp;\xda\x1d\x82veR\xc5l]:\xab\x9f\x1d\n\'\x91\xd1\xedkZ\x16\x0f\x05\xc7\xb1c\xa3\xe6Q_H$\xa4\xb5)\x93\xcd\xff\xd9\xbfC\x85\\\x1a\x9a-\x96L&amp;\xf7l4\xaa]\xe0\x89.\x00.\x1f\xde\xa8\xa1\x0b\x97jY\x8dY\xfc[4\x99r!\xbcmHk"\xf2\xc5{\xab\x8dj*\xec\x01\xd8\x1e\xfc\xbcX\xb2\x08\x80\xb9\x83\xda\xc6\x16)d\\i\xd9~\rJe\x8b!\xd9lJs\xbe\xe9\xf5!"\x12\xbd\xaei\xde(\xe9\xde|\xd9\xa6\xa3rz\xb7j\x05\xde\x1c\xd5u\xdb\x1b#\xfd\x17e\xbc\x7f\xe5\xa8\xfa6]\x81E\xd9nH\xbe\xb67Gw\x03P7\xef\xcbF4f\x18\x07%\xee1\x13\x80\xa1-+\xd9\x1d\x05\xf9\x00`\xf3\xecaU2\'p\xcf\x0c\x9c@\xe4\xc8\x86\xd9\xb6\xc5\xa4\xc3\x93\xef\xcf\x02\xc8\x1d~\x85\x80\x83w\xf7\xe2!?\x17\x80\xfa\xf9te\x8d\xff|\xffj\xfcy\xcd\xa8\xc1\xdf\x05\xc3;y=\xfb\x933\xf1_*|4-\x9a\xbez6\'g\xd9\n\x8er\x1e\xe1\xccQ\t4\xfa\x8f;\xbara\xee_&gt;\x05\x0f\xbf\x02\x80\xff}nT\xb4\xeb\xa7\x0f4\xa4)R)\xb1\xd6S9"\x8b/\x11\x91\x13\x95K\x1b\'\xc0\x05\x00P;\xa5\xdf\x9bo?\xd9\x16\xd9\xcc\xdf\xc6\x17\xa0R\'\\+)Z&amp;\x97\xd6\xd9\xa7N\xcb\xf8DD\xcf\xe9]\xa7h\xc0\x0b@=\x1dc\xe2i"k\x8a\x018\xb1}\x91e\x13C]\xbe;\xbd\xdb\xe2\x1e\x9d\xacK\xd5\xfcq\xed\x8e!(/\x8a4.\x94\xc6\xee(\xc8\x91\xfc\xcd)#u\x16\x0c\xeb\x18\xf0\x02\xa0\xed\xf1\xdfeT\xbb\x1a\xaevv-\x1egT\xe4z\xfc\xf4\xd9{\xce\xcfB\xb3m\xde(\xaf\xdb\xf5\xcc\xc2\xa8\x90\xfeE\x00\xb5s\x1b_~%\xd8&lt;\xe1*\xa5}6D\xf9\xa3\x19\x8d\x93\xfd\x12\x8b\xc4\xd3qx\xd94\xff\xcd\xfe\xd0\xb3R\xa1U\xa9,\xca\x19*\x14Kn\xe4O Yc\x88\xb6\xe4\xf2j\xce\xfe\x00\xbaU/\xa09&lt;%c\x9db\xd1\x88\xce\x9a\xdb1P\xbf\x06\xa5:W\xc9ko\x0c\x952\xf8\xfc\xc5\xf7u\xdd-\x93:\x96\xca\xc6\xa3\xac\x17s\r\xe1$\x10yt\xfdD\xdbr\xd9\xb7\xce\x1d\xa1\xe7\xc1\x8e\xc8qr\xe8\x98\t\xe8\xfa\x93;\xb3k\xa9\xce\x1b^\x8b\x01\xb8p`\xdd\x97\x07\xd6\xe2\xf7\xaf\xbbU\x0bp\x9a.\x9a\xd4\xcb\xe1j\xa8\x9c-5\xa1k\xfd=K&amp;D\xd9\xd8\xbe|\xce\xc8f\xee/{\xad\x97\xca\xef+\xec\xf9\xf95\x9b\xd9\xaf\xc5\x17\xef\xad\x06\xeek\x9b\x00\xbai\xd6\x10\x00\x8d\xdcFN\xa2\xf4\xa5dQ=\xbem\xa1\xa6\xe6\x89\x9c\xa1f\x0e\x8f\xf3\x99\x0e\x83\x9a\x95\xbfw\xe9\xb0\x81\rj\xf6j\xe3 \xb2{\xce\x19\xd8F\xf9bZ\xef&amp;\xb7?\xdd\x1fl_*/\x00M"\x93\x8f\xfa\xb1e\xeepe\xe7%\xa3\xbb\xb9\x9f\xb9f\xf4u\xcf-z\xaf\xce\xf3\xe3\x0f\xc9=nWI\xa7\x0b\x07\xd6\x19{\x13c\xd7\xdb{"\x9f\xfa5(e\xeco\xb9\xd7\x0c\\\xb6\xb0\xec\x11d\xef\x92\t*/\x00s\x07\xb5\xf5\xdfT\xdbr9\\;_=\xfa\xb6k{\xd5\xcc\t\xa34\xf5\xf5G[\xc2i\xf0AOQ\xc7\x11\xad\xab\x1a\x16\x87\x9b\x8d3\x07\xaf\xd0\x9d\xd4\xda\xb2\xa2\x0eD\x1a\x1d\\3\xc3\xee\x10B\x1b~\xf9B\xe5\x05`\xd9\xb8\x9e\xfes\x11\xef[6\xd9\xb5\xf3/_\x1epm\xaf\x9f/\x85gk\xe6\x7fg\xa4]\xd5,\t\xf5\xbc\x96#\xb2Y\xd5,\x06\xbc\xca\x8d\x10)\x93*\xf0;7#\x07\xa1,\x87\xc7\xd7U^\x00\x0e\xaf\x7f\xfd\xe0\x9a\x19\xbdj\x15\xf1\xd9\x94\x9b=K\xc6\xbb\xb6{M4d\xc5\xf7\x16\xee2zl1\xbc \xa8\x1e\xe7\xf6,\x8b\xb2E\xcf+:"\x87jR$]f\xbbc\x08\xca\x99]o\xb9\xbeVy\xf6\xdf\xb9`L:\xbf\x03\xc1{\x97&gt;7\x94\xd4\xb0\xc0\xb3W\x00\xd9c\xc9\xf1m\x8b&lt;\xda\xfb\xdb\xe4o\xd1H\x7f|{\xcc\xee\x10\xbcxp\xf5C\xcb\xae\xa3\x1a^D\xe7O\xe0e\x18\xd3\xf3\x92 "\xadJe\xf1S^\x82\x88\x8c\x94\xf2\xf9\x17\x0c\xc0?j.\x00{\x97N\xf0\xbfz(\xde\xf3\xd7\x92\x1e\x91\xd5TJ\xbe,\xf8_\xd4Q\xa6"\x11\xe6}\x7f\xc6\xf3\x7f\x9e\xb5\xeb\x81\xa6F\xf6$\x96\xddv\x14\x08\xfeq:\x05\xb3\x00Q\xf8\xe9T9\x8f\xdd!\x18,V\x80\x87\x80;\x15\xd2\xbf\xa8&gt;]R|\x91X"m\xcadsm)\x9e\\\xf0\xeb\xa5(\x8d\x06\xbb\xb0s\xc9\x98\xee\x01\xf7\xc9k\xda\xf2V?\xd3\x9f*f\x88\xa7|Gm\xa3Aa\xdbri^hW.\x875}m\x993\xfc\xc3\x8dN_\xa6G\xa1\xa7RF\x03\x92\xbf\x85Yr+?\xa7\x7f\xfd\xe5\xd1G\xb5\xab\xee\xd9\xac\xfa\xd5L\xae\x08u\x86a\x9e/\xde_cw\x08\xd69\xb0j\x9ae}\x01\xbf\x00\xc8\xc9\xd7\x06d \xfc}3\xb8\xfd\xff\xf7\xb9g\xad\x82\xa0\xfe\x0c\xfce\xc1w\x86\x14"w/\x1e\xf4z\x01\xd0\x93\xc9+\x9d\xc8\x81U\xd3\xbc\xb5\xfa\xb4x\x90\xc5\x82\x9d|\x01 \x934)\x92\x0e\xc0\x8e\x05\xac\x0fC\xba\xb9\x9e\xd0\x874\xaf\x18\xd4\xfd{\xff\x86\xa5\xcd\x88\xc7J\x07VO\x7f\xf2\xfd\x99\x80\xbb\xe5\x8d\'\xdb\xe7\x8f\xf6&lt;[O\xec\xd6@[\xbf9b{\x7f\xb68\xbb{Y\xb5\xac\x89\x0c\xbc.:\xff\x12k\xa5o&gt;\xde\xbafJ?S\xbb0\xe4\x07\xce\xdc&gt;DV8\xb5s\x89\xfa;\xe8w\x16\x8d\x8dr\xbe^6\xae\xa7\xb6~+e\x8c\xe7\xf5\x02\xd0\xa3f\xe1\x98"3\xfa6\xd7\xd6lt\x03 \x87\xdb\x80Y\x95\xcc\t&lt;\xff5\x17\x8f\xec\xb2rB\x9f\xc8\xfd\x7f\x0e\x89\x07\xa62\xa9cq\xa9\x01\x91\xe9j\xe7J\xf6\xdd\x99=\xea\xf7\xaf\x953\xe9\xadS\xbb\\\xe7\xeb\xd7\x07\xb4\xd2\x96\n~\xd5\xa4\xbe\x9eg\xff\x7f\x7f&lt;\xa7\xa9\xb1p\xe3\xf9\x0ed\xdf\xf2\xc9*\x8f-\xee-\x8f\xe7\x99\xdd\xcf\xa6\xf6f\x8b)\x05\x12h\x8e\xcbR\xc0O\x07VOg\xa9\x06"g\xe9S\xaf\xb8r\xbe\xbe{\xf1\x90\xb6\xea\xb8\x953\xc5\x9f7\xa4=\xf0\xc4\xfd\xec\xff\xd3gA\xe7)\xb2K\xf3\xe2\x19\xc7u\xaa\xedg\x07\xb3\xef^\x8fo[\xd8\xb7~I\x93;\xf1\xc9\x9ag\x88\xa7\xb7?\xfd\xee\xcc\x9e\xa6EY\x93\x9b\x1c\xe0\xf5\x01\xadNl_dw\x14\xa6\xf3\\&gt;\xea\xd5\xc6\x99\x83\xf1\xdb\xd5q\x9d\xeaD\x99\x03\x1eS\xa4Y\xb1\x0c\xd5\xb3%\xeeZ5\xbf\xafcc\x884+\x96a\xd1\x88\xce7N\xec\xfc\xf4\xdd\x15u\xf3\xbc\xf4\xeb\xe5#Sz5\xd6\x15\xb7\xb5~\xfat?\x80q\x9d\xea\xf8\xda\xa1v.\x9b\xe7\x82\xb1B\n\x91\x91\x00\x0ckU\xd9\xee(L\xe7\xbf\xa6s\x93"\xe9\xfc/\xfb\xdc\xb9`\x0c\xfe\xf8\xe6\xc9\xf7g~\xfa\xec\xbd\x11m\xaa\xa5\x14\x89)2\xa2M\xd5*\x99\x13\xcc\x19\xd8\xe6\xb3}+\xe7\ri?\xab\x7f\xcb\xf3{\x97o{c\xe4\xf4W\x9a\x19\x19\xba\x11\xd2\x89t\xf1q\xe9r\x9f\xed\xdf\xa2D&amp;\x00\x17&gt;XgMT$"\xef\xad\x98jw\x08d\xbe\xado\x8c8\xbfwE\x84\xddax\xca\xae\xa7\x9a\x8c\x11T&amp;\xdc7\x95g\xb5\x00\x97R)b\\9\xb2)\xca\x98\xfe\xd0\x16\x95N\xbf\xb3$\xca\xc6\xdb\x9f\xee\xf3?~\xa2\x06\xfe\xf8\xa6Pb\x11\x91\xf1]\xea\xe9l*\n\xf7\x99\xe5\xee\xc3\xe9CZT2\xb6#\xeb\xe9(\x14\xa6\xc5\xe1\xf5\xaf\x07\xac?A\xf4\x1c\xe0_&lt;\xbeaw\x14A\xc3\x9d/?z\xfb\r\xbb\xa3\xb0S\xd5,Q\xb3:\xfb\xa1\'C\xb2\x02\x8f\xaf\xd7\xc9\xf3\x92\xd2\x9a\x01\xd1;\t\xf0\x97I-\xff\xf2\xe5\x07&amp;\xb5Ld\x8c\x9e\xb5\n\x7f\xbe\x7f\xd5\x0f\xe7\xf6\xda\x1dH\x18R\xd6W\x99t\xc6\xac\x99#B\xe5\xd9\x7fa\xf0E\x1f\xe3\x89\xf8\xca4\xad\x14n\xc4\x83\xab\xe7\xf7.\xd7\xf7\x1d\x90O\xfa/\xd8Dj)\x99\x02\x9d0\xe2\x11\x96.\x1d\xda`F\xb3k\xa7\rPy\x01\xa8\x977\x85\xe1\xbd\x17K\xf6l\xfac\xdf\xfa%\x0co\x9cl\x01\xfc\x1e~\x8fw\xa4\n\xff\xe1\xcd\x13T9I\xf5|\x9f\xf0\xef?\xfb\xef\x93\xef\xc6t\xa8\xb9jR_3z\xa7\xf0\x03\xfc\r \x8fiY\xfc\xc8)\xca\xa5}\xe1\x9dEc\x95\xaf\xdbW\xc8\xd5\xabv\xd1\x91m\xab\xd9\x1b\x92I\x80G\xf3\x86\xb4\xb7;\x06\xb3.\xaeID\xae\x1d\xdb\xee~\xee\xff`\xf5\x8c\xac1\xa4\x98\xe3\xd3\xe3\x95\x082\xfb\x10Y\xa0y\xf1\x8c#\xda\x98R\x11\x93\x9c\x0b\xc0\xe3\x9b\'\xed\x8e\xc2,\xbf|y \xfa&lt;\xdc\xec\\0\xa6yq\x95\xeb\nl\xb6m\xdeH\xe5\x0b\x0e&lt;\x12\xd9\t@\xa7\xcay\xed\x8e\xc2,\x17?X\x07\xfcbw\x14\x06\x18\xdd\xbe\x86\xdd!\xfc\xa7G\xcdB\xfb\x03eJ\xf8\xfa\xa3-^\xb7/\x1c\xde\xa9\xa0\xdb\xecH\x8eP\xb9c\xd5w\xb2N\xa1\xc4\xf2\xd6\xd8\x1e\xb6t\xfd\xe3\xf9}\xd6t\x84?\xbe\t\x83\'\x00\x00aS\x8e\xe3\x8353\xec\x0e\x81\x88D\xe2\x8ahN-\xa9G\x81\x84\xf2\xc75\x8b\xca\xba\x02(\xe6-W\x97\x13\x14\xf2\xbf\x08\xd8M\xc7\x8a\xb9\xcd\x0c\xc4,\x8d\xbc\x15\x1a\x0b\xb6\x02\x04\x11\x85\x9b\xfbW\x8f\x1a\xd2\x8e\x9f\xaa\xe8\x8aP\xbf\xfd\xcf`w\x00d\xb1\xa4"\xe5\xd3Y4\x14\xa4-\xad,\x91^\xc5\x92iI\xdf\x88?\xaf\xb9\xbe~|\xe3$\x80Y\xfdZ\x068$\xa4.\x00ur\'W\x1f\xb0{\xa5_\n\'\x15\xd2\xf3\xd58\x855\xcf\x04\xe9\xc9T\x9c\xac\xf1|\xb1\xef\xdf\xbe\xfa(k\xa0\x8e\x065+\x1f|t\x14\xaa\xde\xb2cHS1\xbdOS\xbb\xba&amp;\ny\xcd\x8bg\x04\x907r\x11J\x8d\xecI\xc6v\xac\x15e\x1f\x00\x8d\x0b\x87F\xc1\xc1\xd5\x93\xfa*S]\xec\xceh\xa7\xcak\x9d}\xa6Y&amp;5\xd2\x85\xc8\xb3\xe6\xda\xa9\x03\xec\x0e\x81\xc8\x07\xf7\x99\x85k&amp;\xf7\xf3\xfc\x8b2/\x1bp\x8d\xecI\xd4\xec6\xa9\xbb\xc6z\xbc\x0e\xa7\xfamt\x98(\x9d\xd2\xc4\xebr&amp;\xf3\x9a\xd6\xed\xe3\xb7\xe7\xd9\x1d\x02\x91_\xca\xba\x84\xf7VL\x99\xd5?\xc0\xf8\xbe\x91\x9d&gt;\xbe\xee\xf5\xbd[\xa1\xc4\xb2}\xfe(\x11iQ"\x93\xb8\xdd\xe5\xb9\n\xfe\x85\xbd\xb0\xac\x13\x9b\xdf\xcc\x1a\x8d\x0f\xae~hR\xcb\t\x03\xef\x12\x00p\x8f\x15\x1f\xc9\xbb\xaaY\x12~\xfb\xc96\xbb\xa3\xb0\x07\x1e\\\xc1?\xdfyn\x1f\xd1\xba\xea\x8e\x05c\xac\x8fG\xe19\x05\xa8U)\xbdi"\x7f\xfb\xea#\x00a3\xfdc`\x93rN\x1b\xd6\xd8\xb9p\xac\x9a\x89\xc7%S\xc8??\x9c\r\xaae\xfd\xa3LL\xf3C\x142\xd6N\x1d0\xaamu\xf7-+\'\xbebW0\xce\xa4d@\xeaR5\x9f\xdd\x81\x04-.\xe7\xf8\x12\x91\x1fo\x0cn\xe7\xaa\x08\x86\x9f?\xb75\x16\x87\x02\x9e\x02\xc0\xe3\xeb\xcd\x8a\xd9y:u|\xf2\xbdg\x8a;uQ$\x11EU/\x9f\xf1y\xfcm\xa4\xbcG1\xd6\xa6YC\x94\x87\x80\xa7\xb7\xcf+[F\xb5sP\xd2$w\x11"%C\xed\xdf3v\xe0]\xc8\xf1\xa6\xf7\xb1\xa1\x148\xf0\xe0\xd0\xbaY\xd6\xf7\x1b\x1ej\xe5J&amp;\xcf\xc67\x1eL\xee\xd1\xc8\xeep\x0cp\xf9\xf0F\x93&amp;J\xae\x9a\xd4W\xb9\x06(\xff\x1b0K\x1d\xa9T6\r\xcf\xff\x14$\xd7\xafL\xed\\\xa1\xf2X\xec\\\xc0/\xc0o\xdf\x9f\xd9\xa3\xe9\xd8_\r\x8f\xc7\xd3\xcb\xeavs\x95+P\xdf2\x805S\xfa\xa9\xdf\x19@\xee8"nSZ\xd3\xa9\xef,:\xb9{\xf1\x90\x9a\xdd\xc6u\xaaS$\xc2\xe4P(&lt;d\x16\x19\xde\xba\x8a\x88\x0cmY\t\x0f\xbfR6&gt;\xf9\xfe\xcc\xd9h3W2\xcc\x00\x98\xd1\xb7y\xc0\xdd\xae\x1c\xd9\xa4\x9c\xd3\xd5\xcc-\x01\x00\xdcS\x19@\xcc\xc8sz\x85t\xaa\x92"\xe0\xe9\x0f\xae\x0bL\xc5\x0c\x9c\xeab\x00\x00\xb8{\xc1\xee((\xa4\xdc&lt;\xf9\x0e\x00\xe0\x91e=\x86q\xce\x14\'\x9f\xc6\x9a\x17\xcf\x08\xfc\xa9\x9cs\xfb5,%\xcf\xaf~\xeaY\xab\xb0\xe7!\x00\x80\xc7\xae\xff\xcd\xe57\xddYFe\xff_\xbeT\x19\x0f\xee]\xc4\xff\xfe{I^(\xb1\x1c\xdb\xba@\xe5\xb1\x96Q\x9f\xfc\xd5\x1a~2\x01\x8f\xebT\x1b\xc0\'[\xe6[\x19\x0f\x19l\xcf\x92\t\x00\x96\x8c\xeefe\xa7\xdd\xaa\x17\xe8T9\x8f\xf2\xb5\xb1c@\xe5\xd3\xc5Q9\xe0\xe0|\xca\xbdj\x99T\xb1\xaafI\x18r#\xadi\x9e/G,"s\x07\xb5u\xdf\x01@R\x8f\xa3"w\xbf\xab\xfc\xef\xe2\x91]L\rr\xcf\x92\t\xa6\xb6o\x88\x9e\xb5\x8a\xd8\x1d\x82w^\xd7\xe1S\x88\xb9s\xe1 \x80\xca\x99\xe2\xdb\x15\x00\xf0\xb3\xb1\x89m\r\xb9\xdf\x07\xfe\x05\xb0u\xee\x08#\x1a\xd3\x1c\x03\x94\xda\x8d\r\x0b\xa6\xb61\x0cm\x80{\x00\x9e|\x7f\x06\x80\x92\x91T\xcd\xb2\xb2\xcf\xf7\xaf\xfex\xf3&lt;\x00\xd5\xb3%\x16\x91\xf6\xe5s\x9a\x1ad\xa2\xc0\xbb\x10\x85\xb58v\'\xa8J\xaf\xfa\x8d\x93f\x1a./\x1a^H\x1a\x02\xb8mq\x8f&amp;\x01\x1e\x03\xc8\xf3\xa2\x008\xbc\xfe\xf5\xb6e\xd5\xe5Q\x12\x11\x91\x89\xdd\xccJ\xa6\xe45\xb9\x8f\x9e\x7fe+G2\x89\x8c\xa7\x9c\xe6&lt;\x1f\xc6\xadT,\x99)\x17\xa1\x8d3\x07+_hx\xba\xa9\x9c1~\xc0$\xd2\x86\x9b\xdc\xa3Q\xd8&lt;S+O\x00"\x02\xfc\x04`\xcb\x9c\xe1\xa9\xec\x0e\xc9\x97\xb3\xbb\xdf\n\x83\xa9,\xae\xc2\x0f\xdf\x18\x97\xa9\xa5Z\xd6D6\x8e\r\x90\xe9&amp;t\xadg\xd7\xad\xae\xbb\xfc\t\x04\xc0\xdb\xaf\x0f\xf5\xccc\xb5u\xee\x08\'\xbf\xe74\x1c\xf0\x8f\xd7\xedo\x8e\xea\xea\xe7\xa8O\xdf]Q7\xcfK\xa6\xc4s\xc7\xe7+\xd6yC;\x048\xf6\xe7\xcfEdD\xeb\xaa\xa15\x80\x85G\xd7C1\xb7\xdd\x0b"1E*e\x88g\xe0\xdf\xf2\x9cW\xdb\xec[\xc6\x05\x13\xe1+\x7f|\xdb\xc6:\xdc\xc5\x14Q\xa6\x8bl\x993\\\xd9R7\xef\xcb\xca\xc0\xb7\xed\xb1\x8d\xe9P3J\x00\xb6\xdc\x11\xd5\xcf\x9f2\xaf\x8f+a\xd2\xc8\x9f\x92\xe6[l\xe0\xa1\xaf\x1f2\x9e\xfe\xe0u{\xf6X\xa6&lt;\xb4\x01x\xf7\xad\x89\x867\xeb|\xddk\x14\xd4s\xf8\xbd\xcb\x87\x01\x8cl[\xcd\xa8x(\xbaX3\xa5?\x80\xbdK\'\xda\x9b\x00vd\x9bj\x00\x0e\xad\x9b\xa5\x8c\xd7\x1fX=\xbdC\x85\\"\x92\xeb\x059\xb4v\xa6\x8d\x81\x95N\x19st\xfb\xe7\xd2\x06\xd8\xb2t\xcd\x7fzO\xfc\xfb}F\x8b\x02y&amp;\xadH\xa3\x82^\x8a\xb9{\xf2\x9a\xa9\xe2\xc6\x89\x9d^w\x06\xd0\xb4hz]\x91\x85 \x00\xf8\xd7\xfb\x856\x88\x16\xc2e\xf0\x90\xac\x06`L\x87\x9a\xb6t]\xc0m\xd0\x07@\xb7\xea\x05l\t\xc3?[^\xcc\x9e\xda\xf9\xa6\xfb\xff\xce\x1f\xd61\xe0!\xab&amp;\xf5\xcddt\x18\xdf\x9f\xdd\xab\xed\xc0\x08\xbf\x9f\x16\xf0\x91\xb4&gt;\xcc\xceb+&amp;\xf4Q\xb3[\xa3Bi.\x1e\\ov0D\xde\x01\x18\xdf\xa5\xae\xddQ\xc8\x80Fe\xb29\xa34\xa2{\x14\xb1C\xea\xac\xa4\xb2f\x99z\xb7N\xed\xf2\xf5\x91\x99\xe5R\xb4\xebS\xafxP\xfb\xaf\x99\xd2\x0f\xf8\xdds\xbb{Yi\xcd\xfe\xf9\xe1\\\xd9\xd4!\xb6\x80\xc3\x1d\x80a\xad*{n,\x93:\x96\x9aE\xe0\x1426\xcd\x1a\xd2 \x7f\xca(\xa3\xdb}\xea\x16\xb32\x86x"j\x1e\xfe3\x9b\x1cFB\x91_/\x1f1\xb9\x13\xb3\xf8\xc9#Y1}po\xd3\xc7t\xa8\xe5\xeb\xcaW9S\xe0\x93\x7fV\x11\xfcz\xc9\xe2k\xa7\xf2:\xe4\xfe\x95\xa3Q\xb6\x1fZ7+\x87\xef\xf3\xf0\xb4\xdeM&lt;7\x1a2\xf5\xa0\x80q\x17I[^\xa4\xf7oX:\xca\x96\xf2\xe9\xe2\x00X2\xa6\xbb\xfb\xbf\xac\xd3V/S\xd0R\x8a\x0clRn\xf7\xe2\xd7\xdc7:s\xfa\xcd\x81\xd5\xd3\xcd\xee"\x1a\x0eC\x8b\xc8\xc9\x1d\x8b\xdd\xff\xaa\xf5\x0f+\xfb\xbaT\xbb\x1eR\x12\x05\x7fY\nhp\xb3\n\x93{4L#\xe2\xbe\xba0\x7f\x02Y8\xa2\xb3\xafC\xfc\xd7PT\nC\xbe\xda\xa4\xacQ\x11j\xd3\xb8pZk:jQ\\\xd5\xeb\xa4\x10z,&amp;Ur\xc6V\xf5\x8f:\xb3o\x8b*\x99\x13\x88\xc8o_}d~P\xcfq\xc2\x84\xa506\xa5gcc/\x00\xbe\x00\x7f\x00w_\x16\xf9l\xdfJ\xfekz\xe5\xff\xc7bj\xc1\x80\xf2i\xe3\xd4Q1\xa5x\xcd\x94\xfe&amp;\x06A\x06\x8a\xa5\xe9\xa8\x08\x1f\xdb\x95\xf9\x9a\xb6\xa4W\xfb\xe8\xed7\x00\\&gt;\xbc\xd1\x8e\xce-\x92D\xa4\x909\t\n\xda\x05\x93V\xa1t\xaa\x98\xe6%\x08\xd98s0\x00\xe0\xe1\xfa\x19\x03\x17\xa8x\xb9m\x01\xa7U?\x06P%\xb3\xfe\xea\xee\xcf\xe9P17/\xb7d\x80t"W\x0eo\xf2\xfa\xcb\xd4\xa4\x88\x89\xf9\xd5s\xbd\x10\xe6\xc5\xea\x0c|\x05\xaeaT\xb6V\xce\xff\xd6\x83\x9f\xd9\xb5\x14\xc0\xd3\x1f\xcf\x1b\x17\x91\x16J%\xaf2\xa9b\xd9\xfe\xcfn\xf1\xa9\xf3\xcdQ]\x077\xab`e\x8f\x14\xce\xb2k{\n\xf0\xcd\xeb\xf8\xc0\xe0\xe6\x15\xfc\x9c\xc2\x0c|y\xeb\xcc\xf9\'!-\xca-p&lt;\x11\x00\xb6/\x88M\x11\xf9\x9bf\xf6L\x9a\n\xe9\x03&lt;\xd3\x02\x18\xda\xb2\x92\xc9Q\xfc\xe7\x8fo\x8f\xd9U\xc2&gt;\xe4\xf2\xce\x92=\xf2y\x0c\x0fp!\xa2Qz\x19\x91\x01\xd8s\n\x87/\xcaI\xf6\xdf\x1f\xcf\xb9oL R%s\x02\x00\xee\t\xfa\xc9\xa5ud\xee\x1d3\x84\xca\xbb.\x00\x9bg\x0f\xb3;\n\xa202\xa2u\xd5E\xbe\xa7\xac\x98\x01\xc0\x98\x0e\xb5\xbcV\xf6Xmk\xce\xf7\xbf\xbf;\x83?\xbf\x05~\xb3+\x00?\xcc\xbeO\xc6oW\x9d\xb1*\xe6\x19_\xef\x85\x99+\xce\xe9\xe6\x0cl\xb3`X\'\xeb\xfbe\xb2\xf5\xf00\xa8Yy\x03[\x0b\xea\xcdf\xb6\x18\x02\xe0\xd1\xf5\x13\x06\x06`\xac\x93;\x16\x9bt%\xc8"\xf2\xe5\x81\xb5\xe6\xb4M$""\xa5S\x9a\x98\x01\x88\xe5\xde\xa3\xf0\x9f\xcf\'\\Ey\x91\xa0\xdc0\x16L$\x03\x9b\x96\x8bPqxV\x91\x91m\x9c;\xb4\xe8^j"\xd8\xf9i\x86\xaf\x810\x89k2X\xbe\xf8\xe2\'\xfd\x93\xaf\xf4\x1ed\xb3\x82\x89d\xfb\xbcQ\x9e\xdb\xdf_\xdd&amp;\x93\xb4\x00\x00 \x00IDAT9\x15\x80\xed+\\,\x13Cd\xf5\xe4~vGA""/\x89l\x9e=,\xad\x08\x80\xf7WN\xb3;\x1c#\x85\xdcK\xd4\x80\xf7%\x00\xcc\\x@fJ-\x02\xa0k\xd5\xfc\x9e\x1fm\x9d;\x02@h\xcd6\x8b\xd0q\xec\xb1\xad\x0bB\xe2\xc5Zt\xe0z:\xac\x941\x9e\xd7\xbb\x13R\xafA\x81T\xfa\x8a\x9ay?\xb6\x94\x99\xc3\x03d\x9dyC\xda{\xdd\x9eNd\xd3\xac!\x16\x07\xa3\xd3\x9f:\x86\x83?\xd9&lt;\x1f\x91\xc5fmQ-k\xf8\xe4L\xc1\xfd+\x1bf\x0c\xb2;\n\x12\x11\x19\xd8\xa4\x9c\x9e\x0b\x00\x87n\xc2\\8\xdd\xf6\xee]:A\xcf\xe1~~\x14\x16\xfc\x94Blh\xc0\xaf\xe2\xc9\x05@\xc0s\x07\x80k\xc7\xb6+_o\x9d;\xa2U\xa9Pz\x0frn\xcf2\xbbCPKY\xc5\xd0\xb7A\xc9&gt;u\x83K\x86\xaa\r\x80\x94\x16tC\xa1\xe2\xdbO\xb6}\xb2\xd9\xcb$\xc2\x10\xd2\xafa)\xbbC\xb0G\xb7\xea\x05o\x9e|G\xc3\x81qD\x12\x88\xc4\x139\xb3k\xa9\xaf}\x00\xb8\xa6\xb2\x00\xf0\xccU\xad\xf3\xba[-\xabus\xcd\xc6u\xaa\xed\xfc{\xa9\x12\xa6\x14\x06\x8d\nx`E7\x14*\xe0&amp;\x8dHQ\xdd5\xe6\x95\x02a\x006\xce\x1c\xbcjR_\xcb&amp;\x14\x01\xf7\xad\xea\xca)\x1a\x16H}f\xd7[_}\xb8\xd9\xeb\xa7\x11"\x00&gt;\xde&lt;\xcf\xd7\xe1\xcb\xc7\xf7\x06\xe0k2x\xbb\xf29\xef]:\xac|\r \x8e\xc7\x0e:O\xa9\x1d*\xe6\xd6s8\x11\x19\xc0u\xf6\xbf{\xf1\xd0\x85\x03k\x01$\x14\x89\xb2\xb2T\xbdl1\x05x\xe2~Q\xc9g{R\x82hlr\x8f\x86\xae\xaf\xf1\xeb%m\x8d(\xff\x8eeSG\xcdI2\xa8\xa9\x91\x8b\x0cB\xd1\xc3\xaf?6$\xb5\xa2\xb6\xd9G\xef\xad\x98zn\xefr\x95;\xdb\x92\x02\x92B\x00\x80\xbc\xf1\x9e}\xa1H\'\x02@\xcf\x03\xe9\xc5\x83\xeb\x99\xff\xd9\xbf\xb2ib\xdb5\xb1\xd5\xf3^\xdei\xea\xe5M\xe1\xd8\xd4\x81\xbdj\x175\xaf\xf1\xa0\x1e\x97[\x97\xce\xaar\xff%\xa3\xbb\rkU\xc5}\x0b\xf0S0]Q\xf8rM4R\xaap\x18u\xa7\xa0LT\r\xad\x0b\xc0\xfc\xa1\x1d\x0cl\xadq\xe1\xb4\xb8s!\xa8jP\xa6\x9e\x9a]Ob\x96\x0c5\xeb\x92/\xbe\x91\xd9U\x15gw\xbf\x05\xfcbt\xab\xa1*z\xd6M"G\xb8th\xc3\xf2\xf1\xbd\xed\x8e\xc2\x8b\xce\x95\xf3\x1a\xd8\x1a\x00G\xad\x83\xcdk\xe6\xda\xd5\xd8"qDt\xbf?r\x84p\x9a\xf1E\xe48\x00\xfa5\x08\xffy;\x00\xa2\xcfj\x9c;\x17\x0e\x1aR\x8a\xddF\xc0\x1d\xbbC0\x80I\x85\x80(\xcc\xe1\xeeE\xcb\x86k4\'\xa1\xfd\xfb\xd6\xe9\xc9=\x1b\x19\x1a\x8b\x89\xfe\xbcv\x1cxdAG9c\x87\xf6+\xbe\x99}[\xd8\xd8\xfb\xb4\xdeM\x00l\x981(\xb4\x86+\xbdJ!R3G\x84\xfev\xc2\xe0GA\xc1\t\x95\xf1zUE\xaf\xa3\x99\x0c"\xab&amp;\xf5\xd5v\xacr\xee36\x9e\x80\xe2\x8a\xc4s\xabbf\xef\x02\xb3\xc6\x85\xd2\xba&amp;,t\xaeb\xe4\x18 Q\xc8H(\xd2&gt;\x98\xc2\xb3\x14\x1e\x864\xafX!\xdd\xb3\xe7\x07\x00\xed\xca\xe7\xb0\xa0\xd3\xd2\xa9bf\x16q\xc2\xfc\xe0\x98"xr\xcbu\x01\xa8\x92\xd9{\xc1:\x00\xb7N\xedr\xdf\xb2a\xc6 _iZ\xbc\xfa\xf6\x93m\xba\x025N\xa1\xc4\x02 \x93\xddaPp\x80?\xed\x0e\x81\xa2\xa90(\x0e\xd1\xb8\x90\xf7\\\xc8\x8f\xae\x9fp_\xb3\xf2\xe7\xf5\xe3\xaf\xd4\xf3\x92\x8fA\xf9\xb4I\x91t1t\x0c\x8f8\xe1\xc78\xbeK\xbd%\xa3\xbby~\x0b9\xf8\xe2\xdb\xe1Bb|\x86\xa2-g\x96z~I\xa4[\xb5\x02\xeb\xa6\r\x00P/\xef\xcb^\xf7\xe9]\xa7\x98&lt;\xbf\x1e\xdes\x1f\x00\x1f\xbd\xfdF6}\xef\xf4u\xd6\xf6\x8e\x88\x9c\xa8\xadS\xf9\xb4q\xce\xee~\xcb}\xcb\xad\xd3\xbb|\xedLN\xd1\xa6\xac\x89UL\x89t\xaa\x9b\xc7\xfb\xe9U\x11*s\xce\xf7-\x9f\xac\xf9\xd8\xabG\xdfV\xbfsR\x91\x8e\x95\xf2h\xee\xcbX\x19|l\xcf\xc9\xc7\x82\xf0\xe0g^X\'\xc7\xfc\x16z\xd5\xb7~I?\x9f\xd6\xc9\xed\xfc%M\xce\xa2\xdc\xe1\x0elR\xce\xb5e|\xd7z\xf8\xf5\xd2\xe3\x9b\'\xaf\x1f\xdf\xa1\xa7\xe5\xfc\x9a\x1e\x01v-\x1a\x97VO\xaf\xde\xd8\x92&amp;]\x19\x1ar\x9f\x08{\xf7\xe2!?\xfb\x1f\xdb\xba\xa0g\xad\xc2\xea\xdb/\x9d\xd2Q5\x86)\\8ad)\xadH\x95\xcc\t\xb4\x9dA\xc8E\xe5?e\x8d\xecI\x00\xecX0ZD\xe6\ri\xef6\xf2\xf1{\xb0\x8d7(\x90J[\xa8aiH\xf3\x8aJ"\xc5\xfa\xf9Sv\xad\x96\xdf\xff?GP\t\x99\x93\x8aL\xec\xd6@WpD^\xad\x9c\xd8\xc7\xf55~\xbbjK\x0c\x00\x1e~\xf3\xb1\x13.E\xbe|\xb8i\xae\x86\xa3\xaadN\x08`D\x9b\xaa\x86\xc7\xe3\x95\xcaa\x96\x0fV\xcf\x00\xa0dN\x9d\xd1\xb7\xb9r\xee\x1f\xd2\xa2\x92\x9fCBz\x91\x81\xf5R\x89\xa4\xb3;\x06"Gp\xdd^\xfa\x19\x86:\xaf:\xa3\xa1]\xc6t\xa8\xa5\xe1\xa8\x13\xdb\x17\x15\xb2\xa4\x8cXP\xbd\xa4\x13\xb9w\xe9\xf0\xc153][~\xbd|\xd8\xf8\x98\xd4\xb1\xb1k"\x12\x11\x010\xa0Q\x19\x93\x1a_7\xedU\x00\xdf\x9d\xdemR\xfb\x953%\xe0\xe0\xa8\xd9\x00\xa4\x16\xc9\xeb\x80i\xfbDd\xb0\x9d\x0b\xc7\x0eo]\xc5\x8cy\x1aU2%\x88\'r\xf3\xe4;v\xe5=\xb6X\xff\x86\xa5\xed\x0e\xc1\x14\x8d|L\xa2W\xafG\x8dBF\x04\x12\x18\x80\x15\x13\x9c\x98g\x90\xc8\xa1b\x8aD\x98\xd3r\xbe\xf8""\xb5r%SF\x81^\xa9W\xa2b\xfag\x19)Ce^`P\x00|\xb6o\xa5\xddQ\x98BOr~\xe0/\xc3\xe2\x08\x17|\x9a\xa2\xd0\x96T\xdd\xc2\x96\xa4\x91\xaf\x01\xce\xee~\xeb\xfb3{J\xa54 ?&amp;p\x1f\x7f\xdd\xf0\xf5\xe9\xb2\xd7z\xe9\xef\xc2\x99Z\x94\xc8\xd4\xbc\xb8\xbfdH+\'\xbe\x02\xa0\x7f\xc3\xd2\x05\x12\x18\x93\xf4\x7f\xee\xa0\xb6\x00z\xd6*\xe2\xda\xf2\xe3\xf9}F4\x1c-\x84J~-\xa2\x10\xd3\xb9J&gt;_\x1f\x15Hhe "\x16N\xa5}\x7f\xe54\xff}\rn^\x01\xc0\xfe\xe5Sx\xea\xf1\x04\xfcky\x8fx\xf8\xf5\xc7\x16wJD\x9620\x99e\xa9\x141\x86\xb4\xa8\xe8g\x87\xcc"\xfeK\x8cu\xadV`\xfd\x8c\x81Oo\x9f\xff|\xffj\xe3\xe2\n\x13\xaf\x0fh\xa5\xbf\x11\xa7\x96\xaa$"\x11\x00\xd6?\x04\x18\x05\xc0\x969\xc3\xfd\xef0\xbeK]\xcb\xe2\t{\xc1N\xd3-\x12\xe1\x88\xb5\x93.A-(#\n\x7f}\xea\x16\xb3;\x04\x03x\x1d\xc1\x1f\xd0\xa8\x8c\xe7\xd9g\xd1\x88\xce\x16\xc4\x93UDD\xbe&lt;\xb0\xd6\x82\xbe\xac\xa4\xf2l\xee+\x99\xa8NqD\xf0\xf0\xab\x14Z\x0fo\\8\xad\xe6\xf9u\xa5R\xc4\xc0\xef\xdfh\xed\x99B\n\x1e\\\xb1;\x04\x8b\xe0\xee\x85"\x11v\x07A\x8e\xe1:mW\xc9\x9c\xc0\xeb\xb9^g\x06$=\x94\xf74\xbe\x12\xb1\x99m\xd7\xe2q\x8ez\x94!#\x01\xe8\xe4V\xdf&lt;W\x9c0\xbcw\xf3jt\xbb\x1a\xf8\xf9s\xbb\xa3 \'\xf2\x9a\xf7\xf0\xaf[\xa7\xde}k\xa2\xf5\xc1\xd8\xaeq\xe1\xb4\xbc\x00\x84\xad\xc4"\xbdj\x17\x95hP@qB\xd7zQ\xb6\xe0\xe1W\xb6DB\x0eQ6Ml\xf5i\x8c\xabd\x0e\xd9\xf7ED\xd1\x99\x92\\\x08?}\x16e{Hd.\xdb\xbfb\n\xef\xbfL\x92\xeb\x05\xbb#\xb0\xc9\xb2q=\x01\xe0\x97/\xec\x0e\x84\x88\xfcJ\xe2\x8cD\xdc!d\xc3L\xab+\xd7[\xec\xed\xd7\x87\xea9\xbcH\x84\xdc&lt;\xb5\xabIa\xef\xe5\x15\xd2\x8a\xfc\xfc\xf9\xfbz\xda\'\xf2\xa9L*U\t\xd9\xf8z6\xb4\x000\xe4\x85J\xdex\x82\xfb\x97\xf5\xb7c\x14\xebW\x84\x11\x85\x92|\xf1e\xcf\x92\tvGA\xf6\xab\x9d+\x99\xf2\x85s\xea\x17\xda\xe8\xc4\xf6\xc5\xed\xca\xe5\xb0;\n"\x93u\xae\x92\xd7\x7f}(\x87\xe8Z\xad\x80\xaf\x8f\x00|\xb4\xe9\r\x0bc1\xd2\x0b"y\xe2\xfa\xfct\xcb\x9c\xe1\xf7.\x1d\xfe\xf1\xfc&gt;Kj\rX\xed\xca\x91M\xfe\x97:[\xef\xc3\x8d\xcf\xca\x01\x85\xd9\xa8]\x84\xdd\x01\x10\xe92\xa5Wc\xaf\xdb\x81\xdba\x9c\x0c\xe7\xc0\xaa\xe9\x00\xf0\x87\xfd\xabx\xce\xbf\xbb\xc2\xf06_t^\xfd[\xdc\xbdhw\x08f\xe9Z5\xbf\xfb\xff\xce~\xb5\xb5]\x91\x10\x19\t\xc0\x1b\x83\xdb\xd9\x1dEp\x0e\xad\x9b\xa5f\xb78"\xb8{Ae\x9b\xa9D\x8a%\x8b\xba\xf1\xfe\x95\xa3\xc1\xc4\xe5\x93{Y\xb1(j\xe6HjH\x17\x9a\x15L$eS{\x99\x0e\x9a8\xc8\x1b\xf9V\xa5\xb2\xcc\x1f\xda\xc1\xb8\xb8\xec\xe4\xb9\x9a9J%\xa8\xac\x06\xe4\xea%r\x80\xed\xf3FU\xcf\xe6s\x8c\xe4\xdf\x1f\xcfY\x19\x8c\xca\xb5\xfef&lt;\xb2\x14\xb5\xf9&lt;l\x9bt"\xeek!\xdd\xbd1\xa4\xbd\xe7\xc6\x19}\x9b\xdb^\xa3\xc2\xe3Jm\xa4\xb1\x1dk\x01xo\xe5\xd4\x80{\xf22\x10&amp;l\xf9\xdbw\xc8[\xb2\xac"I||T&lt;y\xb8\r\xe6\x12)\x00l\x9d;\xc2\xebG\xb7\xcf\xef\x0b8.\xaa&lt;"\xb4*\x95%\x8e\t\xb1\x91\r^\xb6;\x00\x1b\xd5\xcd\xeb\xfd\xbb/\x9f.\x0e/\x00\x14\x96\xf0\xccC\xcf\x8f~\xbd|X\xf9\xec\x7f_\x1c\xf0\xdfH\xdf\xfa%\xcd\x89\x8e\xecP?\x7f4M\x19\xfb\xe4\xfb39\xa3\xeb\xa2P{U\xcf\x96\x98\x97X[L\xed\xd5\xd8\xd7O\xfe\xfe\x95\xa3\xca\xf9\xdf\xfbR1\xa2\xf0\xf3\xe4\xbb3jv\x03P3G\x84\xc9\xb1\x98\xa5|Z\xc7=\xaf7.dO\xa21\x96j\xf1\x0f@\xfd|\xd1\xf4v\x90\xc8\'\x87\x9cA\x076)\x17\xd4\xfes\x06\xb6\xbdv|\xc7\x1f\xdf\x1e3)\x1e\xcdr\x1b\xfa\x03}\xf2\xfd\x99\xc3\xeb^\x17\x91\xb5S\x07$\x10ycp\xbb\xfa\xf9\x9e{\xad\x0e\xdc\xd3\x9c\x16?Zi\xec\x91(\xc2\xd7{2"\xb3\xe4r\xc8\xe96\xc4U\xcb\x9a\xa8s\xe5\xbc\xce\\\xee\xb0\x7f\xf9d\xf3\x1a?\xbem\xa1\xf2-\xbb\xee\xf7\x1f\xdf8\x89\x9f?3\xaf\xc706\xab\x7fK_\x1f9d6\x07\x85\x0f\xe5\x9d\xac\xef%\xae\xf6[\xf6Z/\xb1\xf5%\xd8\xbee\x93b\xa9\xdb\xf3\x95z%Dd\xf3\xeca\xb7?\xdd\xef\x7f\xcfO6\xcf\xf7\xba}P\xd3\xf2\x004\x97\xa32VP3 5_\xf3\xf4\\,\xd5\x1f{\xe9\xe0\xfa\xf5\xd3\x07\x06\xdc\xed\xcc\xae\xa5\x9a\x83\xb1\x00/\x00\xe48\xd9\x03\x9d\x1d\xb3jmyl\xc7Z\x99\xfe\x9bD\xe1\xb8{\xea(\xd2\x88\x00\xff\x88\xc8\xbee\x936\xbb\xd5\x10N\xe5mg\x00\xd9&lt;fv\'\x8a\xfcf\xcd\x0bR\xbdF\x05S\x03\xd88s\xf0\x8b&amp;\x0fJ\x98\xfd\xfd\xc2\x8d\x9a\x9dW\x8c\xefmj&lt;zL\xee\xd1\xc8!\xbf\x1e\x14&gt;\xca\xa7\x8b\xa3\xf9%T|\x91\xc5#\xbb\x88\xdf\xb9\xad\xf8\xf7\xfbc[\x16hh\\\xb9\xb2\x1c^\xff:\x00{\xa7\xc1\xf5\xaa]\xf4\xfa\x89\x9d\xaf\x0fh\xb5`XG\xf5G\xb5)\x93\r\xc0\xc9\x1d\x8b\xbd~\xaa\x9c\x92\xee\\8\xe8\xda\xd2\xb6\\v\x00\xce\x19\x02N\xe4\xf6\xf5\xed\xf3\xfb\xac\xe9\xb4\xb8\xd7\xca\xcb\xfa\x94xY\xb2\xc5\x10\x00\xfe\x8b\xd2$V}\x01\x0ex\xd3c\x92\xcd\xb3\x87\xf1\x02@&gt;\xbd$r`\xd5\xf4`\x8f\xba\xa6\xaf\x04\xab\x9a\xdfH5O\xdf\x0e\xe4\x9a\xb1\xea:/l\x98\x11D\x06\xfc\xd2)c\xe2\xc9w\xbe~&gt;\x0f\xae~\x18\xe5t\x03\xfc\xcf\xa6\x13K`\x7f^;new\x01\xcb\x87)\x0bG\x8el\x98ml\xbf\xcey\x02\xf3\xaai\xd1\xf4?\x9c\xddkw\x14\xe4`\xd6\xa7\x8e\xaa\x98!\x9e\xc5=ZI9#\xff\xef\xf3\xf7\xcd8/\x00p\x9fe\xa4d\xb8TS\x0ewh\xcbJ\x86\x04\xe09\x05%$&lt;\xbeqR9S\x1fZ\xab*S\x93z{\x97N\x0c\xf6\x1fZY\xc4^=[\x80\'7\xe0\xc9\x91\xf5\x06_\xae\x88\xc8\n5\xb2\'\x01\x10\xdf\xd06\x01\xfc\xef\xf9\x82P\x07VM\x03\xf0\xf8\x</t>
        </is>
      </c>
      <c r="E625" t="inlineStr">
        <is>
          <t>&lt;class 'numpy.ndarray'&gt;</t>
        </is>
      </c>
    </row>
    <row r="626">
      <c r="A626" s="1" t="n">
        <v>624</v>
      </c>
      <c r="B626" t="inlineStr">
        <is>
          <t>steps_per_sec</t>
        </is>
      </c>
      <c r="C626" t="n">
        <v>9000</v>
      </c>
      <c r="D626" t="inlineStr">
        <is>
          <t>3.363759</t>
        </is>
      </c>
      <c r="E626" t="inlineStr">
        <is>
          <t>&lt;class 'numpy.ndarray'&gt;</t>
        </is>
      </c>
    </row>
    <row r="627">
      <c r="A627" s="1" t="n">
        <v>625</v>
      </c>
      <c r="B627" t="inlineStr">
        <is>
          <t>Loss/object_center</t>
        </is>
      </c>
      <c r="C627" t="n">
        <v>9000</v>
      </c>
      <c r="D627" t="inlineStr">
        <is>
          <t>0.2517029</t>
        </is>
      </c>
      <c r="E627" t="inlineStr">
        <is>
          <t>&lt;class 'numpy.ndarray'&gt;</t>
        </is>
      </c>
    </row>
    <row r="628">
      <c r="A628" s="1" t="n">
        <v>626</v>
      </c>
      <c r="B628" t="inlineStr">
        <is>
          <t>Loss/box/scale</t>
        </is>
      </c>
      <c r="C628" t="n">
        <v>9000</v>
      </c>
      <c r="D628" t="inlineStr">
        <is>
          <t>0.059311073</t>
        </is>
      </c>
      <c r="E628" t="inlineStr">
        <is>
          <t>&lt;class 'numpy.ndarray'&gt;</t>
        </is>
      </c>
    </row>
    <row r="629">
      <c r="A629" s="1" t="n">
        <v>627</v>
      </c>
      <c r="B629" t="inlineStr">
        <is>
          <t>Loss/box/offset</t>
        </is>
      </c>
      <c r="C629" t="n">
        <v>9000</v>
      </c>
      <c r="D629" t="inlineStr">
        <is>
          <t>0.0914232</t>
        </is>
      </c>
      <c r="E629" t="inlineStr">
        <is>
          <t>&lt;class 'numpy.ndarray'&gt;</t>
        </is>
      </c>
    </row>
    <row r="630">
      <c r="A630" s="1" t="n">
        <v>628</v>
      </c>
      <c r="B630" t="inlineStr">
        <is>
          <t>Loss/total_loss</t>
        </is>
      </c>
      <c r="C630" t="n">
        <v>9000</v>
      </c>
      <c r="D630" t="inlineStr">
        <is>
          <t>0.40243715</t>
        </is>
      </c>
      <c r="E630" t="inlineStr">
        <is>
          <t>&lt;class 'numpy.ndarray'&gt;</t>
        </is>
      </c>
    </row>
    <row r="631">
      <c r="A631" s="1" t="n">
        <v>629</v>
      </c>
      <c r="B631" t="inlineStr">
        <is>
          <t>learning_rate</t>
        </is>
      </c>
      <c r="C631" t="n">
        <v>9000</v>
      </c>
      <c r="D631" t="inlineStr">
        <is>
          <t>0.001</t>
        </is>
      </c>
      <c r="E631" t="inlineStr">
        <is>
          <t>&lt;class 'numpy.ndarray'&gt;</t>
        </is>
      </c>
    </row>
    <row r="632">
      <c r="A632" s="1" t="n">
        <v>630</v>
      </c>
      <c r="B632" t="inlineStr">
        <is>
          <t>train_input_images</t>
        </is>
      </c>
      <c r="C632" t="n">
        <v>9000</v>
      </c>
      <c r="D632" t="inlineStr">
        <is>
          <t>[b'512' b'512'
 b'\x89PNG\r\n\x1a\n\x00\x00\x00\rIHDR\x00\x00\x02\x00\x00\x00\x02\x00\x08\x02\x00\x00\x00{\x1aC\xad\x00\x00 \x00IDATx\x9c\xec\x9de@\x14]\x14\x86\x8f\x8a\x01\x18\xd8\x82\x82\xa0\xd2 (\x08\x08JKH\x88\x88"\xa2\xa0\x88\x81\x88\x08\x8a\x8a\x8a\xdd\x85"vwwwcwwww|\xea\xf9~\\v\x18vgggfg\x17T\x9e?\xe2\xec\x9d{\xef\xd4\xcds\xde\x03P@\x01\x05\x14P@\x01\x05\x14P@\x01\x05\x14\xc0\x89\xc2\x00(\xa1\x95s-\xf6\xc4\xe5\x98\x0e&amp;4q\xa2rPE\r\xf3\x90@\xabJ\xd3\xfa\xb6\xafN;\xf2\xf1\xe6!r\xa5O\xcel\x15\xbd8D\xac\xc69\xe5\x86\xa9\x03ye\xae\t\x80\xf8\x8bzR\xe3\x12[J%\x98?,\xe1\xe0\xf2\x89\xd4\x7f}Mt\xdayX\xfa\x18\x97q\xd5/\x1eQ\xbf&amp;"vkR\x9fW\x89i\xd1\xfe\xef\xae\xed\xe3u\x8aX\xec[&lt;\xbe*@Z\xb4_G\x1f[\x9bR9\xc7\x11\xdf\xe0\xcb\x0b\x95\xf8ghZ4\xfb\x0f=\x80N~u\xe9?\xb9\xea\x17g?\x97\xba\xe7\xab\'\xa5Zj\x02\x00\x94\x010\xd5\xc8\x95\xa68\xc0\xf5\xfd\xcbK\xb0\xe63\xb4C0\xd2\xe0y\x05\x0c\x94\xa4j\xf8\xe3&gt;\xe2\x7f\xb2\x15&gt;\xb3e\x8e\xb0\x9c\x0f\xaf\xccxw}?\x00\xb8W\xd7BD\xfcxC\xc9\xaar\xe1\xd0\x8aI\xab\xd2\xfb\xa8\xa1\xa0\xbf\x8a\x92\xb4\xe7\x1dZ\x97c\xfb\x93\x0b\xea\xf4H\x17c\x96d\x1d|l\x111\xb6\x91\x8d\xd0\x9a2\xd3\xa6\xa1\xa9\x05\xfbw\xa3\x04\xb2_\xda\xfca\t\x0fOl\xdc&gt;w\x84\xe8e\xd5\xd5\x815\x93\xfarL\xbc`x7\xbe\xf9\x1f[;\rs\x93\x1c\xd6\xf0\xc3\x8d\x03\xe4WKMH\x08v\n\xb2\xae,{bK\xa7\x1a\xf8\xe9&amp;9\xc5\xdf\x8cq\x0c\x90\x1f\xd1\x00\xe8\x1d\xe1Y&gt;\xf7A\xfc~\xef\xdc\xb6y\x8c\xe9\xf5TV\x93\xcd3\x86 &gt;\x97z\x91L\x8aH\'{xb#{&gt;k3\xfaQ\xcf\xee\xf2\xee\xc5\xe2V\x92\xce\x85\xed\xf3I)\xbdZz\x088\xbdK\x80=\xfd\xc39\xbafj\xafp!\xf9\xd0\xa9\xae8\t\x00@y\x802\x00\n:\xe4\x02\xa4(&amp;\xf9C\xe6\x9d\xe4\xc4\x90\xd8 \xc4O\x85\x14%#\xef\xc4\xabK\xbb\x05\x15"M\x19Z\x9e\x04\xaf\x1a\xa5\x14\x9c\xc3\x1f\xfa{|xE\x86\xe8\xf9S\x14\x92\x0c\xcf\x97\x8cNVE\xfe\xed\xbdkg\xdf\xa6\xafw~&lt;8A\xfe\xacAKpd\xd5\xe4W\x97v/\x1a\xd5]\xf6\xdc!\xb1\xf4\x81\xe7K\x95\xf5\xb6\xea\x80\xf1\roT\xab\xf4\xca\t\xbd\x11\xf1\xea\xde\xa5jk;\x10?\x1e_7\x9d\xd7)\xc1\xb5\xabHf\x12\\\x07\n\x829\xben:&gt;;\'\xec\\R\xc9\xb9C\xe2E\xac\xcf\x99\xcd\xb3\xab\x03L\xef\x17{7k-K\xb2\xc4\x10ga\x8dX\x01*\x87\xbc\x16\x93{\xb7\x05\x80\x00\xcb\x8aC;4aO\xbfxT\x92\xc2&lt;[9\xd7:\xbfm\x1e\xe3\xa4X\x949\xb2I\x11\xa8\t\x00\x00\xf6\xe5\xc4\xc9P\x1e\x83c\x83\xa8\xab\xb0\x10\xb5\x11jY\xbf&amp;\x99\xaf&lt;:\xb9\x89\xfd\x12~=9-/\x01\xbe\xbaD\xea6(&amp;\x90\xbd8\x1f\xe32\\j\xa5\xbaI\x1bw\xb4$\x7f\x98\x15\x83\xba:0\xa5O\xbb\xef\xf7\x8f\x7f\xba}\x18\xdf^A|\xb2C\x05\x93&lt;:\xe4~\xce\x19\x1c\xa7\xd2R\xe8\xb8\x19h\xbe\xbc\xb0\x93~dr\xafhjiKD\x96\x8d\xedi\xa2\xa18\x19/\x10qLB\x0br\xd3Fwm.\xf5\xab\x8b\xae\x86\xa9\x06\xf8\x9b\x95g&lt;\xb7\x80&lt;\xc0\xd7Dg\xf3\x8c\xc1\xf4#\xe4\xe1\x8dIh\x01\x005\x01&gt;\xdd:,V\x93:\xb4C0\xbe\xb9\x8c\x88\x88\xef6N\x1b4(&amp;`\xe3\xb4A\xb4B\x9f*_\xc4\xd5\xbdK\x11\x91\xb4m\x9eF\xda\xcag(Eb\x883\xfe~Ln\xd1\x9e\x85cE\xccy\xde\xd0\xae\xe3\xbbGpIY\x15\xe0\x81\xfcU\x88\xf5S\xd2\x9e\x9f\xdf\xe1f\xa0\xc9\xf8\xeb\xe5]\x8b\x9e\x9e\xd9\x8a\xf8\x1c\xf1\xe9\xc4\x1e\xad\x15\x96\xd5\xce\xd3\x92K\x95\xf2\x84V\xce\xb5.\xef^\xecU\xa3\xa4\xe2\xa4\xf2\t\xb2R\xbc\xd1\xd0\xc1\xc7V\x99"\x040gP\xae\xfe\xe6\xca\x9e%*\x9aq\x8a\x0e"\xae\x99\xd4Wv\x9c\x07\x00\xde\xb5J\xcf\x1f\x960k@\xa7*yR\xb3\x02\xe4\xa1\x95\xfb\xbf\x88\x1f\x11\xf1\xe3\xcdC\xe4\xbf\x87VL\xe2\xd5\x01pXb\xfa\x9d\xb3P\xf1\xed\xae\xe4\xe0WQ\xda\x9aO\xb7\x0e\xdf\xcdZ\xbbxT\xd2\xb0\x8eM\xfa\xb4\xf2&gt;\xb9a\x06"\xbe\xc8=\x9eR\x86\xe0\xdaU\xcen\x9dKU\x9ft\x93\xa2 dW\x87\x89\xaa\xb4\x057\xc6\x04m=,\xf1\xdd\xd5\xf3\xdb\xe6MM\x8d\x11\xa9\xcc\xbf\x10\xfaB%\xc7\xd9\x92\x8a(\x03p|\xfdt\x86=\x1f\t\x97w/FDj\xf4\xd0\xaf\x8do=\xc9\x08\xfb\xde\xd1u*\xaf_n6L\x1d\xf0\xf1\xd6\xa1\xb6\x1e\x0c\xdf2".\x1a\xd9]\xcd\xf5\xf9;\xa9W^\x85[aF\xd9-\xc8\x13\x00\xb0\xd6\x86\x8a\x00\xed\xbdks?\x9d\xcb\xba\xc8\xef\xa7g\x10q\xdeP1\x17\x1f\t\xa3\xe3\x9b\x8f\xea\xd2l\xc7\xdc\x91\x87VLJ\tw\x97m\n\xed\xcaB\x83\xaa\\\xa7\xd3\x1b\xa7\r\xdc&lt;c\x08\xfd\xc8\x8c\xfe\x1dZ:\xd5\xa0-\xb5\xab\xc9\x9e\xca\xbd\xbaf\x1bW3\x8e\x89\xa9\xba1\xae\xcem\x9e1\x18\x7f&gt;,\xcb\xbf\x0e\xfd\xa3|\xf9\x9f\xf4\xa72\xbcsS\xf2\x07\xfe|(\xd6S&gt;\xb04]\x80\x99M\x80E\xc5\x9b\x07W\xb2$\xc0O\xb7\x10\x11\xbf\xdcnb\xa3\xdb\xde\xdb\x9a\x1a\xbd5\xd0+zr\xc3\x0c\xe1\xd5\x15\x04y\xf1d\x17y\xeef\xadE\xc46\rM\xd5\\\x9f?\x98\x88\xfa5\x01\xe0\xfd\xf5\x03\xe4\x9e\xd2\x17\xeb\x12\x9a8\xa9tLra\xc7\x82\xb6\xee\x16\xd4\x7f\xb9\xaf\x13j\x03p\x9c\xdf)\xb9:S\xab\x10\x8c\x8a\x0f\x93\xb5\xd0\x90\xc2\xbd\xba\x96N\xee#R3\x0f)\xeaU\xc8\xf5\xdfR2\xd3\xa3\\\x99\xa8\xb1\x03 e\x95\xe6\x902\xc4V\x8f\xaa\xdb\xa8\xf80\xc6\xac\xd8\xdb\x85\x92\x00\xe3\xbbG\xd4\x91y\xc3\x0e\xaf\xcc\xb0d^XbfHl\x10\xe2G\x1e\'\xe4\'\xd2\x93\xb3\xd7\xc7\xc6$\xb4\xe0u\xd5,&lt;=\xbbU\x15/\x0ce\xf1\xdc;\xc2\xd3\xd7D\xe7\xd5\xa5\xdd\xbdZz\x02@\xf3z\xd5)kK\x1b\xf1\r/r\xe8\xdd\xd2s\xdd\xe4\xfe\xe4oR\x93&amp;6\xbaRi\x06\xb6\x0b\xc0ow\xd5\xdf!\xfd\xa9\x1c[;\x15\xf1\xe9\xaa\x89}rZ\x9a\xef\xf7\xc8O\x1e\x86Z\x8e\x15sR\xba\xe8j\xc8n\xd4\x89\xb5\x9e@8\xb1&gt;\xc7\n\xa2&amp;\x07{j5@\xdd\x95\xbe\xad}x\xed(\xcd\x1c\xd0\xe9\xc6\x81\x15\x88H}\xe1t\xf6,\x1a\xcb\xc5\x8e\x8d*\x9d\xfe \xb80#\xad\xa3Y1\x00\x80I=\xa3x\x9dH\x958\xa2s(\xfb"\x9b\xab~\xf1\x9cw\xe6\xdd5\x85}$#\xa76\xcd\xc2\x0f\xd7\xa5\xeb\xf0\xf3\xa1\xbb\x81&amp;\x008V\x04D\xfct\xeb0\xbb?\x8a&amp;\x80lC\xc0\x91a\x9dB\x1e\x9d\xda${\xbc\x08\x80y1\xd9\xc3\xd9\x8cKl\x89L\x9e\x13\x02\xe8\xd9\xdc\xcdJ\xa4v_\xd5\x14\x05\xc07\x97\xbf\xdf?\xde\xd2\xa9\x06\xd0\x86V\xf8\xe6\xca\xe1\x95\xd9\x16q\\\x86\x0e\x82iX\xad\x98\xbd\xc4\xeaxez\x9f+{\x960&amp;k\xe1`\x88\x88J\xee\xd9\xfc+\x18\x01l\x9b=\x1cs\x93\xb5:3\xcc\xde\xe0\xfa\xfe\xe5R\x89;\xfa\xda"b]\x9d\\\x07E\xbc\xcd\xf2\xbf8\x15\xc2\xde\xac\xd7\xd6\x06D\xc4\x8f7\xcdr/\xe7T\x90\x93^\x8a!\xb1\xc1B\xeb\x05\x00\x80\x88\x9b\xa6\x0fV\x9c.7:\x00o\xae\xec\xad\x02\xe0T\xa9PrXC^wU\x83\xd6\x07\\\xda\xb5\x88\xb5n\xaf\xa4^\x1b\xbe\xf5\x04\x80#\xab&amp;\xe3\xfbk\xf4#\xddB\xea#\xbe \x7f{\x18j\x91\x9c7N\xe3\xe7\xe3\xc6\x91]\xf3G\x93\xfceM_2\xfb\xb4cq\x82\xa1.\xd9\xb8\xb0\xb2u\xe8\xd5\xd2\x83\xa3I{&gt;\xc1@\xf2G\xfd*J_\xbc \xb4\x01N\xac\x9f\x8e\x88\xf2:\x00\x00\xc0wW\x0f.\x9fTS\xe1&gt;\xe1\xbf\x06\xcb\xfc\xcc\xa9R\xa1Y\x03;\xdf9\xb2\x06\x11\xf1\xe3\x8d\xdb\x87W\xcf\xe8\xdf\x01r\x0f\xc3\x8d\x00\x10\xbfQ\xff\r\xb2\xaa\x8c\xef\xae\x92/!\x9a\xb6\x92\x93\x9fQ\xd2\x1a\x8d|\xab\x1d\x1a\xd9L\xec\xd1\xda\xd7D\x87\x1c\xdc4m\x90T\x7f\xa0\rpi\xd7"D\xa4\xda2)"\xea\xd7\\:\xa6\x87\xaa\x17\xbb\x1b[T@\xc4\xbd\x8b\xc6I\x1d\xbfuh\x95\xbc7\x81\xda\xda\xfd\xf9\xf8\x14\xbe\xbfVK\xfe7\x1e\xedn.i\x06?\xcav\x00\xcb\xc7\xa5,\x1f\x97b[\x1a\xda\xba[\x14\x07`\x19\xc2\xf7m\xdd\x88\xfa\xbb\xacL\xcf\x9a\x10\xec\xd4H\x8c\xadQ\xc6\xeb\xf8\xf9\xe8\x94\xb0\xae\x8b\xea\x00\x94\xb1\xdb\xa9Y\x08\xfcL\xcb6\xb3\xd3\x8fv\xb7xwm\x7f\xb4\xbb\xc5\xb1\xb5\xd3\x86vd6\x86\xde\xbbx\xdc\xf8\xee\x11*]`\xc9\xffT\x07\xe8\x1f\xe5G\xdd\xfc\x91q\xcd\xe4\xa5\xac_\xb9\xd0\xef\xa7g\x9b\xd6\xa9\xca\x9e\xdb\xbf\x85\xb56 b3;}\xf6dAV\x952R\xa2\xfa\xb5\xf1\xa9\nP\n\xe0\xf0\xca\x8c\xc9\xbd\xdbR[y\xe7\xb6\xcd\x0b\xb0\xc8\xf9H\xa9\x87q^\x8e;%_J\x02Xj2\xac\xef\x87\x08\x9d\xe3\xd3)\r\xc0wD,\x05\xbe\xbeL\x86\x1e\xae\xd5\x8a\x0f\xeb\xd8\xa4a\xd5b\xe7$n\x07\xf4dMm\xf5\x10\xf1\xcd\x95\xbd\xf2\xf2y|z\xf3\x91U\x93U\xddk\x12\xb3\rs\x99\x854yM^\t\x80\xce\xfev\x88O\x11q\xe7\xfcQ\xf8\xf2B\xb8\xa3\x91\xbc\xcc\x89\'\xc4\x8f\x87\xd9Nd\x03\xdb5\xa6~*-y1\xbe\xdc\xcdB\xc4\xf8@\x87\x9d\xf3Fm\x9a&gt;H\xd8,A\x14\x10Qv\xaaW\x13\xe0\xfc\xf6\xf9!\xb6\xbc\r\x1d\xa8\xd7\x9e\x0c\x92\x04\xd0\xbd\xa9\xcb\xd4\xd4\x18Dl\xe5\\\xcb\xbd\xba&amp;"\x9e\xdd2\x07\x11\x0f.\x9f$\x9b\xb8&amp;\xc0\xb9m\xf3\xf0\xfd\xb5&lt;\xbc\x81\xf9\x81\xe2\xb9w\xc5\\\xf4\xd8\x86s\xc9a\r\xd9s\xe3\xbb:\xfa\xc7S\x0e\x00\x11\x03-y,\'/\x1a\xd9\x1d\xf1Y\xd6\xaaLJ\xe8\xa6\xb1yy\xeas\xe9\xe8[G\xc9\x15\x00)L5\xc0\xc3P;\xb8v\x95\xf1\x89\xd2\x86\xea\x88?\x8d\x8b\x00\xd0v\x99f\xa4u\xdc9o$Kn\xb2\x1a\x05}[\xfb\xd8+\xa1\\\xa0\x05\xf0\xe5N\xd6\xcf\xc7\xa7\xb2Vgz\x1aj7\xa8Z\xf4\xe3\xadC"^\xbe\xb8\x94\x01\x98;\xa4Kpm~\xc6\xd0\xd4\xaa\xc8\xcf\xc7\xa7\x10\xf1\xf7\x933\xf4\xfe\x83\x98X ~\x05\x00\x8b\xe2\x80\x88\xf8\xe2\x02"\xe2\xebKR\xf9 "\x99\xdf\xd8\x96\x06\xa7\xca\x85\xa6\xf4i7\xbd_l^\xdd\xa5\xb1\t\xe1\x88\xf8\xeb\xc9i\xd9\x9f\x0cd\x0fq \xb6\x91\x8d\xf2\xcf\xfd\xda\xbee\xf8\xfb1Y4\x9f\xd8\xa3uG\xdf:\xab\'\xa6\xce\x19\xdc\x851qK\xa7\x1a\x0f\x8eo\xa0\xb7zR+\xb1\x7f\x1f\xd5\x00\xd6d\xf4\x1d\x96{J$n\x83C\xcb\xf6I\x14g\xe3\xb7\x7f\x88\x1a\x00\xc5\xe5/\xcdo\x9f3\x02\x117\xcf\x18,\xa2\xd1\x95\xae\x9c\r=|s9\xc4V\xaf\x12@Sn\xe3\xb5R\x00\xcf\xcfm\x97\xb20Q\xb2\x9eq\x8d\xed\x111!\xd8\x89\xfc\xb78\xc0\x9e\x85c\x88`C^i\x9c\x89\xce\xe9M\xb30\x17\xaf\xe9\xa6)\x88O\x10\x11\xbf\xde!\xe6\x00\xd5\x01\xec\xcb\xc1\xaa\xf4&gt;,K\x13\xa5\x00b\x1b\xd5\xf64*I\x86\x0b,f\xe6*\xa2\x8c\xa4\xd58\xb5q\xe6\xf5\xfd\xcb\x97\x8d\xedI\xfdT\x12\x80\xd1\x90\x9c\x0b\xd4\r\xe2\xdb\xc5Rt\x0fu\xa1\xfe\x9e\x90\xd4J\xa1\x9f\xd8\x85\x1d\x0b\x10\xf1\xde1\xae\x16\xf7\xf5+\xabd\x8d\xbevI\xe8\x16\xa2@\x04\xb0\x86\xd0\x9eU\x8a\xf2\x00R\xb7\x85\xba\xedd8(w~Z\x80,\x88\xd8Q\xb2d\xb9&amp;\xa3\xdf\xbe%\xe3\xf1\xf9\xf92\x12\xa9&amp;\xee\x93\xd9%\xa3\x93\xc90Z\xf9\x1d0Y\x06\xb6k\x8c\x88R\xbe\xa3\xa9\x91\x8d\x10q\xd9\xb8\x9e\x1d}l\xcfo\x9b\xcfeI8\xc4V\xef\xdd\xb5\xfd\xd3\xfa\xb6\xa7\x8et\xf2\xabC\xac\x17\x94\xa1\xa3o\x1d\xfa\x7f\x8b\x00\xd4\xd5\x81\xe5\xe3R&amp;\xf5l\xa3d\xce\xea\xc1\xa2\xb8\xb4\xea\xa4\x14\xd4\x07\xf6\xf1\xe6\xc1}K\xc6{\xd7\xcc1\xeb0\xd1\xc8\xf6\xdd\xfbz\xf7\xa8}9\xb6\xfd$:^5J\xe2\xabKK\xc6$\x9bj\xc0\xcf\xc7\xa7\x10_)u\x01\xf2\xd1\x01\xb8{t\x9d\xec\xb6\xdf\xe4^\xd1[f\x0e\xdd2k(\x008V\x04\xba_B\xed\x92\xd0\xb0\xaa\xc0\x15A\xeaF\x85\xb2.4s\x84\xcb\xe2\xfe\xb3s\xdbH\x89&gt;\xc6:\n\x13W\x04\x98\xd6/\x96~$-\xdaOh\xed\x00\x00\xea\x94\x01r\x9dEe\\\xdf\xcb\xcb\xb1\x89\x10\xcb\xa6\x83\xda\xa1\xcf1&lt;\xfbr\x9b\x1c\xf9C\xec\xa7\xf2\x01\x1b\xa6\x0c\xa0\xcf\x9b\xc8,\x1f\x11[8\x18\xee]4\x8e\xfa)-\xda\xbf_\x1b\xb9;\x93\xfd\xda\xf8\x00\xc0\xa4\x9em\xaa\x00 \xfe\x1e\xd6)D\xf4z\x96\x05h\xe5\\K\xca\xc0.\xc4Vo\xe5\x84\xde\xa4\xf4\x15\x13z#b\x8bz\x86\xf4\x04\xa5\x01\x16\x8d\xec\xbe{\xe1\x18\xca\xe9tp\xfb\xa0\'grYC#\xa2\xea\xb6}R#\xbd\r\x99\x8eG8\xd7"\x0e\xc9*+\x99+a\xf6\x06\x888\xb1g\x9b\x9e\xcd\xdd\xe4\xa5\xc9\xec\xdd\x966\xf6\xff\xb9a\xea@\xfa\x08+\x97\xdd\'\x1f\x03\x18\xaa\xcbY8"11\xc4Y\xe8\x15(\xc0\xb80\xd0E&gt;\x10qmF\xbf\xaeA\x8e\x88\xe8a\xc8\xe8e\xa1\x14\xe3\xbbG\x90\xfb`(z\xd6r\xb8}x5"\xde&gt;\xbc\x9acz\xba\xb8V\xa3Z\xa5\xb3Vg\x8a^%\xd2\xfeV\x00\x98\xd2\xa7\x9d\xec\xaf\xce\xba\nL\x83k\x00\xbc\xbe\xbc\x87\xa30\t\x00\xf4k\xed\xc3}\xf1\xe7\xe4\x86\x19\xf4\xd9\xde\xbf\x0e\xbe\xbdB\xbfw\xe3\x12[\xe2\x9b+\x88\xb8zb*\xf5I\x8f\xed\x16.\xef\xfej\x01\xa4\xe4VpE\xda\xa2\xea\xc0v\x8d\xe9\xb6\x1cJR\x9ai\xec\xe0\xa2\xa7Az\x85\xea\x00\x9b\x99,#\xed\xcb\x11\x87 l\xe3j\xd6\xa7\x95\xf7\xe9M\xb3:\xfb\xd7\xf5\xae\x99=\xb2\xb2(\xa1X:B\x19\x9a\xda\xea1\x8e\x03c&lt;\xad\x10\xdf=:\xb5Y\xdc\xe2\xdc\r4\xa9\x95(\x00xui\xb7B\xe1n\xf2d\x9d*)\x98\xb7an\xe8}|\t\xda[\x84\x88\x8cJ\xd1\xec\x880Tfe\xf9\xb8\x14\xea\xefyC\xbb:U*\x84\xf8\t\x11\x15\xee\x07\n\xc3EO#)\xb4\x01\x8b\xbb\x80\xb8\xd4\xafRXa\x93JgX\xc7&amp;\xd6\x92\x91\xfa\xb69\xc3\xbb\x04\xd83&amp;\xabUH\xa0i\\Y\x00\xe2\xc5\xb9nr\x7f\xd9F\xa3w\x84\'\xddZD\x1e\x1fo\x1d\x92\xf2\x81g\x07?\xdfNi\xe1\xae0\x19\x11:DE\xae\x88\xff\x10.\xbaE\xd6g\xa6Q\xffM\nm\x90\xb5z\n"\xde&lt;\xb8R\xea\x9b\xc7\xaf\x0c\xce\xab\x0e\x15\xc0\xbbf\xa9\x12\xb48\x18\x14%\x01\xbe\xdd?\xa6\x86A\xae\x83\xa2\xd7\x89\x0c\xf7\x10\xffC\x99\xe8(\x85\x01\xe8\x01[\x0c\x95Vp\x9321&amp;w.\xae\xb1\x9d{u\xe9Y\xa9\xab~qq\x05i;\xfb\xd7\xdd\xb3h,"v\xf6\xb7#GN\xac\x9f~l\xedT\x8e\xa7\xb3w\x84R\xefB\x87\xdc\xd1\x1a\xba\x06;R?]\xd8\xbe@H\xedU\xb66]\x12\x00_]\xa4\xfeK\xb6\xae\x89\xbe\xc2\xf1u\xd3\xfbG)\xb5\x00\xa2\x10\x95:@\t\xa3\x02\x80c%\x00\x80@\xabJ\xf8\xf4\xac!S\x1a\x9bR\xd9\xb7\xc8N\x80d\x87\x84G\xa76\xa3\x8c\x110\xfez$&lt;G\xf9 \xe2\xc2\x11\x8aC_\xcc\x1a\xd8\x99\xbc\xa5R\xfb3\x862\x9b\n\xff"\x88O\xaf\xecY\xd2\xd4\xb6*"v\rr$\x829\x14\xd3\xfb\xc5\xc6xZ\xc9\x9e\x95\x14\xda\x00\xf1\xc5\xd15S\xc9R\x8c\xb56\xd0\xedI\xed\xcb\x81\x9bA\x89\xd8F6\xcb\xc7\xa5\x10+\x11\xf5\x83\xf8R2\xceeh\xe5\xb6\xce\x1a\xa6\xba\xa2\x8d\x0b\xc3\x98\x84\x16\x0fOl\x1c\xd9\xa5\x99\x8fq\x19\xfa\x9dQE\xc8\x14\xe2\xae\xf5\xfa\xb28\xa1\x14\xe8H\r\x08dG\xb7\x88\x1f\xc8O\x82\xe7\xd7\xad\x1b\x98(YIF\x8a\x00\x83\xfc/\xa9\x7f5\x00\x17]\xe9an)\xce\xde|\\p\xd6-"x;Aut\x0fu\xa9\x01\xb0i\xda\xa0\xfb\xc7\xd6\x93#R\xab\xa0\x95\x00\xc6%\xb6&lt;\xbc2CX\xd5#\xea\xd7,\x0c k\xdf\xf5\xfd\xfe\xf1\x84`GAY*@\x19U\xc4\xc1\xed\x03\x11qBR+\x11\xeb\xf3\xe7Q\t\x00\xf1-}M\xd4\xa2\x04}\xdc\'w\x8f\x8eJ\xd1\xb7\xb5\x0f\x00\xd9\xd0{O_wHm\xe5\xfd\xea\xd2n\x92\x86qMP\xd5\xcc\x19\xdc%?l\xc6\x12\x19\xfd\xa5cz\x90\xff\xb6\xf5\xb0\x14]b=\xb2\x81\t"\xfe\xf7\xe8\xa4\xd8\x19C\t\x80\xbbYk?\xdc88k@\'\x96d\xbc6\xdf&lt;\x8d\xb4\x07\xb7W\x106@\rH\xcd;^_\xde\xa3\x86ik\xdeR%Gr\x11\xeb\x95\x87~m|\xde]\xdb/+\xdaQSi\x83\x8e\xd1\xf1\xb9\x14\xf9U\x1d\xddA\xd8|\xabw\x84\x17\xe2\x97!\xb1A"\xd7\xe6/\x80j\xdcY\xd2\x84\xd6\xadFy\x05W\x03@\xc4\xd5\x93\xfaz\x1aio\x9d5\xec\xc1\x89\r&amp;\x1a\xd9nG\x84\xf9C\xbb\xca\xcb\xc7J3\xbb8\xbe\x11e\xf3\t\xe9\xc9\x91\xec\xd24\xfb\x16\x8f\'\x17\xc8S\xbf\x87\x07\xf5\xab\x14F\xc4\xdfO\xce\x088W\x94a//\xdf\\\x14/\xee\x9b2\xcc\x1e\xd8\x99\xfe\xdfY\x03:\r\xed\xa0\x94P\x07\x00\xa4\'G*\x99\x83\xaai\xd3\xd0\x94\xbc\x8dD&gt;\x01\x11e;o\xf3\xe2\xc0\xeeT\x95\xaf\xe8\xd9\xc2\x8d\x9a\xd0\xf0\xa2Im\xddck\xa7\xaam\xcf\xe6O\x82\xbc\x19\xd7\xf6-\x13pn\x15\x80\x99\x03:\xb5u\xb7\xc86\x12GD\xc4\x10\x1b\x06k\xfd\xf5\x12K$\x85\x9dM\xbe\xa5\x12\xc0\xe9\xcd\xb3\xc7%\xb6d\xd9r\xdd9o\xa4\xaa/\xb0G\x98+"~\xbd{\x94\xfc\x97\xf2n\xe3\xa2L\xa0\xe4\x87\xee\xa2\xa7\xc1\xf7\xea\x88\xf9\x8aS\xe5\xfc\xa5\xcc\x82\x88\xca\xab\xd9\xf4k\xe3\xab|\x87\xean\xa0\xa9\xba-\x84\x06zE\xb3\xbf\xb7\xff\x1e "]\xca\x85\x0e\xfb6\x95qa\xb0\x12\xdf\x90J\x08}#\x1b!"\xe2[\x7fs\xde\xd1\xbev\xcc\x1byj\xd3,U\xd4\xea\x8fG\xf9\x06k\xf9\xb8\x14\xc4\xd7T\xe3\xce\x18\xc5\xf0\xe8\x9a)T\x82?Q\xb0\xbb\x99\x9d&gt;\xe5\xde"\xeb\xe7B5o\x88\xaf\xf0\xc7}G\xc9f\xd3\xe3\xd3[\xc4\xd5L\x05\x80\xd0:U\xf1\xf9\xf9\xb8\xc6\xb9\xec:\x10\xdf\xaa\xa1[\xf57+\xc7\xf7mA\xfc\x86\x88,\xc1\xc5\xf2\x04\xc4\xffT\xe7\xfc\xc9W\xbdUI&lt;\x8d\xb4\x93B\x1b\xb0\xa7ib\xa3\x8b\x88Rk5\x1c\xd1\x00\x18\xde\xb9\xa9BK35P4\xdbX\xf9\x99\xb00\xc8y#_\xf7\x8f@\xe2h3\xb6\x0e\xed&lt;\xadlK\x13a\x89W\x88\xb8zb*K&gt;\xc1\xd6U~&lt;8Q\x8fw\x07\x9f\xc7P]\x82\xa9F\xce\x129\xfez\xac\xa2\xd9\x80}9\x90\xf2s\xfer\'k\xc5\x84\xde\xa2\x17$\x8bS\xa5B;\xe7\x8d*\xc4M\x08\xf6\xde\xd1u\xd4[qq\xe7B%\x8b^\xc5\xfa\xe6\xf0"5\xd2\xfb\xf0\xca\x0c\xb1\xc2]h\x01Xk\xab\\\xce\xb6\x06\xc0\x933[I+f\xad\r\xeb$v}\xdd\x9b\xba\xccH\xeb\xa8\xe2\xc2\xf3\x11\xbb\xe6\x8f\x1e\xd19T\xf9|\x8c\x00\\\xab\xe5\xbd\xe6\xfc\xdfC{okY!\x07\x17=\r\xca\x06\xc3\xb9J\x11D\x0c\x90\xe8\x11\xc9&gt;\xc5\x8c^\xd1\xaa\x1e\xc6:\xaa\xc0\x10\xccEW\x03\xf1=\xf9\xbb\xbdwmj\xa4\xf4\xec\xec6D\x94\x15\xd6V\x12\xa7J\x852R\xa2\x0e\xad\xc8\x11\x0e\xa3\x1a\xd9fj\x19\xa69W)\xd2\xb3\x85[\x9fV^\nSR\x15\xfb\xf9\xf8\x14\x17\xdd\x05v{M\x16q:\xbe8T\xc8\xa9\xdb\xc8.ru%\xe9\x94\x04`\xe9\xc3\x94\x1f\xf4\x9b)\xb2\x16\xe8\x1a\xe4\x88\xef\xae\x12\xff\x0b\xc47\x88\xcf\x94.S}\xc8\x1ab\tc@[\xff\xa7g\xb7\x89\xe2S\xa2\x0f\xb0q\xda\xa0\x18/k12+\x80\x1bD\x12\xa0\x1a\xc0\xcb\x0b;\x11\x91\x18\xa1\xe6\xfcZ\x14\x9a\xd7S\xa1P+qv\xdb\xbfd\x02\n\x92\xda\x97Gc\xf3\n[f\x0e\x05\x00k-\xb8\xb1\x7f\x051\x04jl^\xa1\x99\x9d\xfe!&amp;}GQ\xa0\xef\xe6Qm\x99\x88\xd1\x83Yp\xaf\xae9\xa8}\xe0\xdd\xac\xb5\nSR\x15\x0b\xb3\xe7$\x0f\xa3:\x95\xf9Z2{\x10\x17\xb6\xcf\xa7\xaawt\xcd\x14\xeaxm9S\x9b\x84`\'\x96\xd1\x89\x06\x00\xe5x(\x0c\xf6\tD\xbd\n\xa0\x0f\xb0`x\xb6\x15&lt;"~\xbdwT\x99\xe2(\xa4|qmU\xb3#\xd1\xbc^\xf5\xf4\xe4H\xbe\xf6`\xfd\xa3|\x11\x912+"\x06\xfeGVM\x16\xabVz\x00\xa76\xcd"\x1esJF\x0f\xfc\xa7\xa1+[\xc9"\xe5\x8f\x87\x88\xf8\xe1:"~\xbau\xd8J\x0bNo\x9a-J\x1d8\xce\x82=\x8d\xb4c\xbc\xac\x91I(_0\xd4w\x9f\xb5:\x13%R\x9a\x84%\xa3\x93\xc5*\x85\x85K;\x17\x92\xe2\x187\xc7D_\x86\xd2\x94(\x83~\xb9\x9b\xc5\xd1$#\xcf\xadL\x18\x87\xd7H\x83:\x18\xedf\x9e\xd1+\x9a1\x13\xf6\xe9\x15\xd5:\x0b\xd4\x87c\xa5\x0c@\xafp\x0fD$v,w\x8f\xae\x8dT\x8dG\x85J\xe1\x1b9\xee\xed\xd5\xbd\xe4SmP\xb5h\xb4\x9b\xf9\x9e\x85c\x85\x99\x00)\xa4@VH)\xd8\xdb\x97v\x1e\x96\xe3\xba\xb5,IK\x8c\x98\xa3\xe8\x94\'\xac\x9f2\x00\xf1\x89\x94\xea\x9c0t\x01\x88o\x04\x00\xecY4\xf6\xd4\xc6\x99\x1br\xdb;\x85;\x1aY\xf3\x1c]0NK\x11?\xcbK?\xado,""\xbe\x96\xfd\xa9k\x90\x83d\x15FL\xe7\xcc0;}"\xf1\x7fO\x89\x0f\xd2\xb1"\\Rzc\x80#,f,\xe4\xf6\x94\xa1\xa5\xfc\xf1\xf0\x04\xdf\xfc\xa7\xf5\x8bE1,\x8b\x18\x19\xda\xb1\x89mi\xf8\xef\xd1IU/\x90\nc\xc5\xf8^MdTQmK\xc3\xe6\x19C&lt;\x8d\x94\x8a\x19H\x1eMzrk\x7f\xb3r-\x1c\x0c\xfb\xb5\xf1\x95\xb2}\x10\x8b\xc1\xed\x03\x05\x0b\xbb\xfe\x91\xcc\x19\x14w~\xfb|Q\xb2\x9a\xdc\xbb-YH\xad\x02\xc0\xa5\xa5CDu\xbac\xc8\x13\x01\x1d\xd0\xb6\xb1X\x11\x96\x16\x8eH\xd4\xa1\xfd\xb7\x9a\x8c\xa6\x02\x8b\x04\x9b&amp;\x00"66/\xdf\xce\xc3\xb2k\x90\x03\xe4\x9c\xfbD*%\xca\xf7\xbf\xd5\x05@D\xc6+\xcd\xa9\xc4\xbbk\xb2\xbf*C\xb3\xba\xd5\xf6/\x99\x90\xdc\xac!\x00\x14\x03x{u\x1f"\x8e\x88\xe3\xba;gS\x8aaj"J\xa0]F\xac\xb5\xb3\x177\xece\xe6H\xd5\x00\x0e\xaf\xc8\xa0\x1f9\xb6v*\xdf-k\xc7\x8a\xd0#\xccU\xa9*\xcagPL\x80W\x8d\x92\x0bG$\x0e\x8a\tPQ\x11|\xa1\xf6&lt;lK3O1\x8d\x00\x1e\x9d\xdctxE\x862~a\xc4\xb6\xd0\xbc\x18h\x02\x1cZ\x91\xb1g\xd1XUX\x87\xd4*\x04\x88\x88_\xef\xa8 \xef\xfc\x8a\x88\xcb\x02\xc1\xd6\x95\xfb\xb6\xf6!\x1f\x00\xcb(U\x00\xa3\xe2\xc3\xf8\x9eru\xefR\xfa\xa59\xeb\x16Q\xb5\x0e\x8c&lt;\xe6\x0c\xee"\xbb\xbc K\x11\x80G\'7U\x05X&lt;*\x89\xc8/\xef\x987\x12\x11o\x1fY#\x95\xb2\xa3\x8fm\xafp\x0f\x01Z:\xa4\x0e,1T\x85qn\xeb\\\x94lqkK\xcc|?\xdf&gt;\xc2\xb9V/d\xb7\xc7E\xd1\x91g\xe4\xf8\xbaiw\xb3\xd6\x16\x01\xe0\xf2\x9d\x0f\xef\xd4T\xe1\x83{ui\x97x\xb5\xe3\x84\xbc\xd5y\xfc\xfd\x98\n\x7f8\xbcsSU\x8b\xee\x01@\x15\x80\x17\x17v\x92]\x95J\xac\x8d\xc9\xe8\xf8\xe6\xca\x8c\xac\x07\xc5\x04"\xa2\x87\xa1\x16~\xbc)\xfaJ&amp;\x1d\x1d\x15\xe5\x9bo9\xbfm\x1e"\n\x0e\x88A!\x91`\xcb~0\xb5\xb9\xadup\x9c\x16^\xda\xb5\xa8\xa5S\r^f;Rm\xee\xadC\xab\x18\x93\xd1\x95#U\x81\x9fi9k-\x98\xde/\xf6\xf9\xf9\x1d\n\x03h\x10\xec\xcb\xc1\xe0\xf6\x81\xaa\xd0JkX\xad\xd8\xfe%\x13\x1a\xf3\xf7\x9da!\xa2~M\xeaVS\xbb\xf6\xf8\xe2\xfc\xaa\xf4&gt;\\4\x9fk\x15\x06Y\xe1&lt;\x95B\xbd\x15\x1c\xf78I\xfa\x9b\x07Wz\xd5`x[\xc7$\xb4@\xc4(7s.Y\x8d\x8a\x0f\xf37+\x87o.#\xa2\xb2!)\x98\xc8H\x89*\r\xb0g\xe1X.\x03\x0e\x85p\x1cu\xadJ\xefC\xfd}e\xcf\x12^&amp;\x15\xdc\roj\x97\x84[\x87V\xe1\xef\xc7\xd4\xa5\xc5z\xd7\xe6^P\x01ld\xdf\xd1\xe7\xe7\x94\xc9d\xfe\xb0\x04^\xef\x9c!@|\x90\x83B\x8b7BFJ\x94\x87\xa1\xf6\xd1\xd5S\xb8\xebFx\x18jS\xf5\tw4\x92W1Dlf\xa7/\xcf\xdeC\x960;\x1ec\xd3\xc5\xa3\x92H\x1d\xea\x95g0&gt;\x91G%\x80g\xe7\xb6\xb1\x0c\x97n\x1dZ%\xf8\xdb\x16=\x9cxh\x9d\xaa\x88\x9f\x9e\x9d\xdb~e\xcf\x92fv\xfaU\x00j\x97\x04D\xdc4}\xb0\xb8=\x8dX\xc8{K\xb3Vg\x8e\x8a\x0f\xdb&gt;g\xb8\xd4\xf1\x92\x00\xa1u\xab5\x96\xafi\xfc\xf2\xc2N\x8eEW\x04(\x0b\x80\xf8\x1e\x11S\xc2\xdd9W\x99\x1f_\xeedQ\xad$\xdf!\xb7\x8bn\x91\xbe\xad}\x82kWq\xaaTh\x9e|\x1d\x17:Tp$+-\xb0ReWNb&amp;S&lt;&lt;\x99\xbf&lt;\n\xff`D\x19/\x18\x17\xce\xce\x87\xa3\xf9&amp;\xe2\xfb}\x8b\xc7q\xb7\tq\xac\xc8{\xb5\xaaV\xa1\xecXq\xf8\xee\xaa\xbc\x13y\xc9\xdf"\xe2\xdeEcY\x0c\xbd\xdb44\xa5OS\x86\xc4\x06#"\x91M\xe5\xc5\xd21=XfP\'7\xcc`t\xb1V\x88\xc2\xa7S\x93\x7f\x9e&amp;E\xe0\xc1\xf1\rQn\xe6ds\xd5\xbe\x1c\xbc\xbe\xbc\x1b\x11\xdf\\\xd9\xfb\xfc\xfc\x0e\x86\xa8\x9ey\x8d\xbc\xb7\x08\x11\x19\xc7\xf8\xbc\x18\xddU\xb1\x87mi\x80\xedsF(Y\x10;\xc4\xfe\x18\x11\xe3\x03\x1dj\x97\x84q\x89\x11\\\x96\x83\xb4\x00J\x03\xec\x9a?\xfa\xf8\xbaiw\xb2\xd6&gt;9\xb3\xf5\xdc\xd6y\n\xcf\xa2\xfb\x1e\xab4@q\x0b\x07Cz\x07\xb0{\xc1\x18\x15\x16\xf6\xef\x90\x1d\xd4[\xe9\x0e\x00\x00\x0e\xaf\xc8@\xc4\xb7W\xd9\xe2\xe2R3\xc4[\x87V\xdd\xcdZ[\x92f9Cg\xce\xe0.\x94-\x1d\xc5\x99\xcd\xb3\xa9P_\xbc@\xfcB\x9f\xa8J\x11hU\x89\x8b\x06V)\x00D\xbc{t\x9d\xbc\x1bU\x94\xb6u\x19l]Y\x99\xb8\xf3\x9fn\x1f\xfet\xfb0\xe2\xaf\xef\xf7\x8f\xb7u\xb7\xe8\x16R_\xf9\xa1U\x11E;\xab\xc9\xcd\x1a"\xa2\xc2p\x0b\xb2|\xbe}\xe4\xda\xbee\xd4\xea3\xe2\x0f\xea\x8d\xba \x92}\x81J\xa9]\x12z\x84\xb9\xcaS\x90\xfdp\xf3\xe0hn\x8b!\x1b\xa7\r\xba\xb6o\x99\x9aW\xb4d\xd1\xcb=\xa4\x8bv3\xe7+\x8ek\xa9\t\xf8\xf5\x0e\xc9\xe1\xd8\xdai\xaa\xa9&amp;o\x1a\x9b\x97\xa7\xae+\xff\xab\xef\xe5_\xaaJ&lt;M\xdc\xf4K\x10}.\xb1:\x00\x00\xb0\xd2\x82q\x89-\xbb\x069^\xde\xbd\x981\x01\xc7X\x80\x97v-\x12Q/\xfe\xbfG\xa7\xe4-\xa9S\xd7\xfe\xf1\xe6!\xf6L\xec\xcb\xc1\x87\x9b\x07\xff{(\xd7\x02O\x03`]f\x7f*\xdb\x1b\x07V\x08\x18P\x13\xe2\x03\x1dNo\x9a\x85\x9fnR\xd5\xeb(_\xdfM\x80S,c\xdc\x0fa\xaf\x81]\xb9\xec\x13\xd7N\xee\x074\xd9a\x11_*UC\xea\xc98\xe52/\x96\xfd+\x17\xb3u\xc4\x0f\x0b\x86w+\xc6S$Ut\x9a\xd4\xd6\x95\xdc\xfb_\x823\x99\xdc+:;\x8fg\xe7\xc4\xab\x9aRPK@w\xb2\xa4\xcd"\n\x10\x02q\xe1\xa1\xf1V\xc4\xcc=\x0c\xb5\xf2\x8f\xb8\x86\x94\x8b?\xddD\x95oS\xc5\xa2M\x14\xd7\xd8~MF_\x00hR\xbb\n"\xe2\xbbk\x88xr\xc3L\xd9\xe8i\xec\xd8\x97\xcf\t\xa3\x8a\xef\xaf\x91\xba-\x1e\x95$/\xbd\xb0\xe5 Y\xa8\xfb\xb0vr\x7f\x01\'\x92%\xa0I=\xdb\xe4~\xa9^\xb2\x9c8wH||\xa0\x83\x12U\x16\x07D|xb\xe3\xe1\x95\x0cn\xa5\xf1\x81\xf5\x10q&amp;kP\x04\x8a)}\xda}\xb9\x9b\xf5\xfc\xfc\x0ev\x91+5\xe0U\xa3$\x83\x0c/O\xc8\xf3\xdb6[zS$\x0fI\x0cq.p\xd3\x15\rjU\x9d\xcb\xb7\xca\x17Qd\x1c\x8a\x01\xec\x98;R\x8c\x9cr\x08\xb1\xd5\xa3{\x90\xd3\xaf\x9f\x8bYHi\x80&amp;\xb5\xa5W\xb6K\x01L\xed\xdb~J\x9fv\xeb\xa7\xa4\x81d?\xdc\xabFI7\x03\xb9\x96\xcf:r\x8e\xf7j\xe9\x89\x88\x0fNl\x08\xb4\xaa\x04\x00\xff=\xca\xf6%\x1e\xd3U\xe5\xd2\x0e97\xe2\xc3u^\'\xc6xYS\xbb\xe8K\xc7\xf4@\xc4w\xd7\xf6K\xf2\xfa\xc8r\xa2]Y8\xbc2\x83%\x81:alY\x82\xac*-\x1b\xc7#\xe4\x99Eq\x88\xf1b\x88\xa3\xf7\'\xe2Z\xad8\xfe\xb8\xdf\xa0jQ\x00\x88\x93\x84\x1d-\xe0\xaf\xa2&lt;\xed\xb3\xdf&gt;W\xe4\x8d)Q\xa4DD\xb7\x854\x00X2&amp;\x19\xc8b\xc5\x8b\x0b9\xad\xde\xb7{\x888\xb4c\x13\xf6\xd3[:\xd5\x18\xd8.@\x0b\xc0\xa9r!\xaa\xc9\xc0\xe7\xe7\xb33\xf9\xefA\xf3z\xd5{\xb7\xf4\x9c\xd8Cz\xd5\xb5^y\xe8\xd5\xd2\x83\xf8"\xb0\x18\xc7\x90y\xc3\xe5]\x8bmJ\x02\xd0\x9e\x8eB\x99_\xee4\xafW]\xd6\x04\xa5:\xff\xc9\x10#!6z\xa1u\xaa6\xacZ,;\xa3\x1f\xf7\x01@^\x0c\x80%\xa3\x93\x95)\xab\x00U\x93\x16\xed\xaf-Y{\xe9\x12PO\xaclK\x01\x8c\x8a\x0f\xcbo\xa2\x0bw\x8e\xac!\xef\xecd9\xfa\x1f\x7f\x1b]\x02\xea\xed^8\x86\\\xf3\xef\xa7g\x15\xa6\x0f\xb6\xae\xfc7}\xae\xc7\xd7M#\xd7\x1e\xd7\xd8\x9e\x08l\xad\x9d\xdc\xbf\x93\xc4\xa6-\xc8\xba\xb2Tz\xc4\x1f\x88\xaf\x86vh\xe2a\xa8\x05\x00Wv/\x997\xb4\xab!M\x19\x1f\x11\xf1\xd9\xb9Y\x03:1\x8ayU\x97(\xd0!&gt;\x1f\xdb-\\^\xad\x8e\xad\x9d\x86\x88d)\t\x00\xbck\x96\xfa~\xff8\xd2\xf4\tT\x04e\xb1\x8a\x88\xbf\x9e\x9c\xe6rJ\x9fV^\x99\xbd\xe5\x86\xfc\xcc\xec\xdd\x16\x11{\xb6poX\xad\xb8\x8d\xe8\xc6\xa7\x05\xa8\x85\tI\xad\xca\x03\x94\x03\x98\xde\xbf\x83\xf2\xb9\xd1mR\xc5\xb5\xe2\xaf\x04\xc0b\xa7+\x8bs\x95"\x9b\xa6\r\x92\xda\xae\x7f~~;5\x18\x14\xb1n\xf9\x94\xeb\xfb\x97\xd3G|\x1c5lE\x0c\x9f\x9d\xcfA\xcc\xe5\x181s@\'r\xa3(/\x80\xdb\x87W\xfb\x18\x97\xa9\xab\x03\x89!\xce\xab\xd2\xfbHn\xe4\x7f,\xdej6\xa5`t|s\x17=\r\x16\xef\x87.\x01\xf5\x101\xd8\x9a\x87\x017\xfe\xf7\x90{by4\xb3\xd3\xa7^\x06\x1fc\xc5\xddM\xf7\xa6.\xef\xaf\xefG\xfc./A\xa3Z\xa5;\xfb\xd5\xb5-\r#\xe2B\x95\xd7n\x16\xe6\x18,\xdd\x87\x17\xc0\x07bv)\x96\xbfBQ\x80\x1b\x07V\x90\xbfu\xb8-\x0f\xc83]\xb5+\x0b\x88\xb8xT\xd2\xbd\xa3\xebv\xce\x1f\x15b\xab\xf7\xe6\xca^D\x9c\xde/\x96ce\xb2U+\xde^\xa1\x8e\xf8\x18\x97\xc9i\r_^\xe4\x98\xcf\x9f\x07\xb5jA\x0f\xcb%`\\?\xb0]\xc0\x9f8\x1b\xd8&lt;c\xc8\x933[\xb9\xa4D\xc4@I\xb8\x02\xda}zM\xad\xde\x90\x80\xc0S\xfa\xb4[\x93\xd1\x0f\x7f=BD\xb1\xa4&amp;"\xea\xf3\xb0\x1e"K73\x95\x0e\x03\xd2\xd9\xdf\x8e8(\xad\x9a(\xd7^\x16\xf1\xcb\xc3\x93\x9b\xc8\xdf=[\xb8u\x0b\xa9\xefn\xc0&lt;\x8f\xd7\x91\xdc\xb4\xd1\xf1a\xc7\xd7OW\x9d\xae\x03;\xfaJ\xe7\xf0\xfc\xfcv\xca\xbcU,R\xc2\xddW\x8c\xef%n\x9e\xaa`\xed\xe4~\x88(\xa2U\xeb\xb3s\xdb\xc9\x1fJ\xc6\x01\xfcx\xf3\x102\xf1\xfe\xfa\x01\x96\xb3H\x9a\x9d\xf3G\x15\x01\xb0)\x05\x9eF%\xdb\xd3f!\x17w,\xc8\xc9\xe8\xb7\xb4\xfa\xd6_\x05e\x88I\xc2r!"e\xd92wH\xfc\xd1\xd5S\xfe\xe2\xf9:Y\xe1\xe0uJ\x90ue\xea\xc58\xb0,\x9d\x97\xe3\x18\x85W\x8dRN\x95\xa0W\xb8\xc7\xf4\xfe\x1dD\xd7x@Dj$Nwh\xb0-\r\x83b8\xa9\xae\x8f\x8c\x0b%\x17\xf8\xf3\xf1)+M\xb9\xee&lt;$\r1\x0cgQ2(F\x8b\x80\xf6\xf6\xea\xde?zE\x15\x11\x954G\x96\x9dN-\x18\xde\xed\xe7\xe3S\x94\xa1W~f\x167\xf3\'\x8e\x10\xb9@\x8e$6u\x96\xd7\x10I\xb5\xb9\x8f\xa6\xff\x00\x00 \x00IDAT\xfb\xaf.\xed"\x7fP\xf3\xeaS\x1bg\xca\x9e5!\xa9\x95{u\xcd\tI\xadHb)\xa7?\xba\xc8\xc4\x9f8\xb4\x15\x08\xddBq\xc1\xf0n\xd4\xf5s\x89\x96e[\x1a\xdayf\x1b&lt;\xf8\x99\x96e\xd1\xbf\xfdr7+\x0f#\xae\x8d\x88\x0b-\x04`R${\x0fC\xc0\xd3\xfdp\xe3 \xe2gD\x9c\x92\x1a#\xcc\xb4\xbfC#\x9b\xc1\xed\x03\xf1\xfb=\xc4W\xecV"\xe5\xf9+\x92\x7f\x7fp\x9c\xc4V3\x02\xf0\xae\x91\xf3\xd5h\x00xq\xd0\xe0\xa5\xbf\xf7\xc9\xcd\x1a^\xdc\xb9\x90%\xc0\xcb\xac\x01\x9d\x14\xda\x089\xd0\xac\xcb^^\xd8)\xc0\xb3L,d\xc3\xd2\xf1\xe5\xcc\xe69J\xe6 ;b\xd0\x03 \xdbH\xff\x08F\x00\xe1\x8eF\xa1u\xab\xf1R\x03=\xb4b\x92&lt;\x7fi\xf2jI\x85\xaf\xa1\xc3n\xbaJN\x97rTB\xfc\x8d\x9fo%\x04;\xa9N\xa2#_\x10\x1f\xe8\xc0\xf2\xea\x1dX\x9aN\xee\x0e\xc7\xc5S\xd2\xa8\xbb\xea\x17\xff\xf1\xf0\xe4\xfa\xcc\xb4\x95\xe9\xbd\xa3\xdd-\x18S\xea\xd2\x9c\xa4\x04\x13d%&lt;\x8a\xa3&amp;\xc0\xd2\xb1=\xf0\x97\x10)|\x9b\x92\xf0\xe4\xcc\x96\xd9\x83\xe2Z:\xd5\xe0&gt;l#\xaa\xc8R\xd6;\xc9a\xae#\xbb4cq;\x9e3\xb8\x8b2\x82\x04\xe5\x00\xa8\x1d\xd7A\xed\x03\x0f.\x9f\xa8\xf0\x94\xdb\x87W\xbf\xbd\xba\x0f\xbf\xddmf\xa7\x9f\xed\xc1\xf0\xe2\x82\xe0\n\x10\xeaW.\xeca\xa8\xd5\xd4\xb6\xaa&lt;\xd9j\xf5\x80\xf82&gt;P4\xdb\x15\x00\xe8\x12P\x8f\xef\xc8\x9d\xaf\x17\x88&lt;\xcc\x8a1L&amp;\xfe\x88\xb1*\xe5S\xb6o\xc9x\xeeg\xb1\xcbH)\x1f\xad,\xc0\xa2BG\xdf:\xfd\xda\xf8D\xb9\x9a\x01@\xb0ue\x1f\x13\x1de3\xfd#(\xaf\x02OE\x1d\x80\xc9\xbd\xdb\x8eM\x08\xaf\xc3?\xeb\xe1\x9dB\x14\x86\x07\x8a\xf5\xaeM\xe4\xf2WOJED\xb2:I\x95E\x17]X8"Q=\xd1\x10\x15"l:\x89\xf2c$pV\x93\x93d\xf5\xe3\xfe\xb1\xb5S\x15&amp;\xa3FR[f\x0e%\x15^3\xa9/\xcf\xa2\xe4"`\xb5Ky\x0f&amp;BI\x00\xfcvO\x94\xac\xa89\x0c_\xef\x16#\x91\xda\xe8\xba:\x80\xf8i\\\xb7\x96@sc\xd4\x06@D\xaan\x88\xc8W\xf2A=P\x12\x0ec\x13\xe4\x1a\xbf)O\x83\xaaEo\x1f^\xcd\xeb\x14\xea\x0bU~\x0b\xad\x00\xe14\xb3\x93\xbbWg.Y72\xd1\x00\x00h\xdd\xc0\xa4vI\xc0\x17\xe7\x9f\x9f\xdf\x81\x92\xad\x8b\x01m\xfd\x11\xd1\xac\x18\x80D\xcdf\xdb\xeca\n\x0bE\xfc\xafwKO\xe5+\xcf\xc2\x81e\xe9\xec\x1d\x80\xec&lt;\x80\xa8\x96\xb2,\x96\xd5\xd5\x01=\x00|v\xaeo\xebF\n+\xc07\xf8"\xb5\'\xd4^\x91\x89^[9\xf3\xbc\xbf\x0f\x7f\xb3r^5JF\xb9\x9a\xf9\x9b\x97\x0f\xb1\xd5CD^\xa2\xf6U\x00\xa8P\x07J\xea?\xf7\x8e\x90~]\xd7O\x19\x80\x88}Zy\x93\xff"b\xc3\xaa\xec\xe1\x849\x11\\\xbb\xca\x0eQ]\x82$\x81b\xc4\x0c\x10"\x0b\xfe\xb8?\xa0\xad?\xbfS$|\xb9\x9b\xa5\xa2Z\x15 2\r\xaa\x16\xc5\x17\x17&amp;\xa5DQ\xaap\xc3;7%\x8d\xacw\xcdR\x92\x07\xfa\xf1\xe8\x9a)\xd4\xfeD\x1e\xe2]\xb3\x94\xe8k \x96\x9a"\x87\xf6u\xadV\xdcTC"_\x81\x88\x88S\xfa\xb4c\x0fk~b\xfdt\xb1J\xcf\xe7\xd8\x94\x82\xc6\xe69\x9b\x18\x02\xe2\x94Q\x9bF\xab\'\x89\xac\x0fA"q\xbe\xbe\xbcG\xdclu\x00l\x94\x13E\x95\x9a\'e\xf6n\x87\x1fo\xb0\x88Y)\x0f~\xb8\x91\x1a\xe9-\xe4D\t\x1d|lD\xaf\xd5\x1f\xc0\xf2q)\n\xb7|c\xbc\xaco\x1dZ\xc52NW3\xb2\xe3SW\xfd\xe2\xe48\xe2\x7f\xd4\x13}$1X\xfckHi\xe1n\x04\xe0c\\fh\xc7&amp;-\x1c\x0c\xc5\xca6=9\x12\xf1%m\'\x18\xd7f\xf4\x13+\xf3?\x9d\x8a\x8a\x16\xa3\x15\xe2 q\xb1\x11i/ \x17GVM~vn[\x98}.;\xdb\xbc2\xbae\xc4\xc3P\xab\x93_\xdd@\xd6\xdd\xbbfv\xfa\xf2\xb4#\xdd\xf4K\x0cn\x1f\xa4\t\xd0\xde\xcb\x1a\xe4x\x0f ~\x11&lt;\x1e\xa2\xa2\x98\xe1\x97\xdb\xffV(`\x02\xb9v\xf6\xf0\xca=\x9a\xbb\x8a;\xe4\xc47W\xf8\xe6&amp;OK W\xb6\xf8\x84\xde\x8a}\xba}Xh\x05\xf35\xfefJ\xc8L3\x81\xf8\x8d~\xdfx\xd9\xea\xfdS8T\x80\xdb\x87W\xcb\x8b,-\x8fnM\xea\x93\xb58^v?\xf6\xe5 %\xdc\x83\xfao\x88-\xf3\xce\xc8\x8c\xfe\x1d\x10\xf1\xcd\x95=\x8dj\x89"\xbc\x92\x8d\xbc\xc5C\xa92\xb8X+T\x06p\xaa\\H^\'\xba{\xc1\xe8\xf8@\x07\xf2\xe2\xadL\xef\xcd\x92\x8fCE\xd0\x02HO\x8elP\xb5h\'\xbf\xba3$\x9e\xc9\x88?\xc9\xe9\x13{\xb4\xa6*\xf9\x94\x9b\xaf\x0f\x00\xd0\x87\x8c\\L\x1f\xff\x1e\n\x01\xd4\x04@D\xba2\x9a,\xc4p\x0b\xf1\x85\x98\x1d\x00""\xb2\xef\xe3\xdf&gt;\xbcz\xe1\x88D\xb2\xa2I\x04\x8b:\xfb\xd5e\xcf\xb6K@\xbdG\xa76S\x8f\xb33M\xbe\xca\xc3P\xeb\xec\x969\x1b\xa6\x0e\x8ct1V\xbe\xfe\x7f\x01\x86\xb4\xbf\xfd\xcd\xcb\x13#\xd7S\x1bg\xe5U}\xfe\x08\x8a\x02\xe0\xc7\x1bs\x06w\xe1u\x96\xb5v\xb6g\xdf\xd8n\xe1,R\xb2R\xb0\xf8N\xef_2\x81\xfa\x1b\x7f&gt;$o\xfb\x1d\x99\xc0\xd1\xaa@J\x91\x90\x8b\x95\xad\x9fi\xd9V\xce\xb5\xfc\xcd\x18\xae\xdc\xd7Dg\xef\xa2qg\xb7\xce\xa5\xbe\xd9\xd0\xba\xd5X\xb2\xd2\x04\xe8\xe4W\xb7\x02\xc0\x8e\xb9#\xdf_?\xd0\xaf\xb5O\xd7`G\xccM\x19\x803\x9bg\xd3\x1b+\xc6*\xea\x13\xc5\xc6\x0f\xd7\xe9\xe7NHj\xa5\xf0r\xfe\x1e\xca\x01LH\x8aDD\xba\xd7\x8f\xa3\x8c"\x84\xa1\n\x8a\xe6\xf2\xca&amp;\x868o\x9a6\x08\xbf\xdcFD\x17=\x8d\xdd\x0b\xc7p\xf4\x8f\xa5\x1e\'5\xe3&amp;{w\x88x\xf3\xe0JD\xdc6{\x98\x88\xb2V\x7f(\xf8\xe9\xa6\xe0\xf1\xce_?S\xd6\x04\xf8t\xeb0\xe3\x80\xdd\xa6\x14x\x18\n\x14$\x0e\xb1\xd1E|\xcd\xe2.\xc3\x91\xdd\x0b\xc7\x90\x81\xb7\xab~\xf1\xc3+3\xc8\xbb\xad\x1e\xfb\x9fhw\x0b\xd9\x85\xe0\xc2\x00aL\xeb\xc3\xfef\xe5\xdd\x0cJ\xf4j\xe9\xd9\xb3\xb9\x1bc\xfc\x89(W\xb3\xe9\xfd; &gt;\'\x97\xf0\xed\xde1\xf6\xb8L&gt;\xc6e\xe2\x83\x1c\x00\xa0W\xb8\xc7\xc1\xe5\x13{Gx\r\xeb\x18\x82\xd2\xbc%\xffx\x1a\xc9}L\x8bG%\xa5\xb4p/-\xe3P\x86_\xef(\xbe\x05\x7f\ruur\xc5\xf1\x00\x00\xe7*Ed\x87\xf9\x1e\xd5\xb5\x9e\x9e\xdd\xa607C\xda\xdfD#\x81\x85k{\x97\xfd|,7B\x0b\xa1MCS\xea\xb9(,\x9d\x0e\xfe\xf7\x00\x19\xbc&lt;\xb2\xf3\xa9\x04\xb0vr\xbf\xfc\x10L\x8em\xa8#\x1e\xf2L*O\xac\x9f\xce1\x1a3;\x1ce\x12\xfe,M\x9eH\x17cD\xb4\x14[\xac\xb2\xb1E\x05D\xbc\xb4k\x91\x88y6\xb1\xd1}qa\xe7\x99-\\\xbd\xd5\xea\x95\x87v\x1e\x96\xca\x948&amp;\xa1\xc5\x0cnF\x93\'\xd6\xcfx}y\xf7\x933[\xdb{\xb3E~\xdf8m\x10\xd5\x00\xb3gX\x01 \xccN\xbf\x18\x00\xe2/D\x9c\xd2\xa7\xdd\xd0\x0eMd:\x80l&gt;\xdf&gt;\x02\x00\xe1\x8eF\xb2\xeeG\x92$\x1fd\xcf\xe2r]\x7f\x0f\x94\x83\x06\xf9o1\x00W\xfd\xe23\xfaw\x90Z\xd8\x9b\xd2\xa7\xdd\xfca\x9c\xc2Csdt|s\x85o\xa1w\xcdR\xf8\xec\x9c\xecS\xa9UX\xb1g\x8d\xec\x97+e!\xa0l\xe0W\xe5p\xa8\x08\x1a\x00//\xee\x14\xe03\xc1\x8b\xca\x00\xf8\xe6r\x80\x8cJ"\xd1qb\xb1}\x1e\xda\xb1\t\xf9\xc6\x94\xf7\x08\xcb\'\x14\x01\xf0\xaeYjlB8"\x8e\xef.w\xa6OV\xf75\x01\xfa\xb5\xf1\xe5\xa5.\xc9\x11\xd2l\x89\x9b\xe7\xcc\x01\x9d\xc8\xb8X!\xdb\xe7\x0c\'\x1f\x14\xc7\xa8\xdd\xb2\x14\x06\xb8\x93\xb5\x06\xf1\xc7\x9a\x8c\xbe\x1d\x1a\xb1\x99\xcdh\xd0\xc6\xd7\xd1n\xe6\xec\xd9f\xa7{s\x85=\x19\x00XkAj+oDD|^\x1e\xc0\xc3P[^\x07pd\xd5\xe4br\xe2?\xcb;\xe5\x9f\xeb\x00@r/^\x9c\xdf\x81\x88\xa9\xad\xbc\xc9\x91\xb4\xe8\\\xe6\xb4\xa5\x00\xf2J\xb5Dv\x95\x82zN\x16%\xe0\xfe\xb1\xf5c\x12Zp\xb1\x88W\x12\'\x15\xec\x0e\xe1\xd7;\xc3;5\x15?_\x1a\xc5\x00\xf0\x8b\xf4\xac\xd6\xb1R\xf6=d\xd4{H\tw\xffs?\x89\xa2\x00\xf8\xf3\xa1N\xee\x83d\xf2\x91\x9e\x1cI\xa9\xbd\x9f\xde4[\xfduS\x11\xa5\x00F\xc4\x85\xfa\x99*\xb6\x0b\xd0\xa55|\xcaX\x11\xec[&lt;~fZGKE\xa2\x0ed\xb9\x95\xb0zRj]V\t-\x92\x8cE#\x9d\xa2\x93_\x1d\xc4\x8f\x88\xbf\xa9\xf9\x99\xbc\xa6|\xee\x90\xf8\xe1\x9d\x9a\x92\xbf\xe9\x03\xad\xbd\x8b\xc6\x15t\x009\x90\xcb\xfez\xef("\xa6\'\xb7\x06\xfe\xdeC\xc2J4\x15Z\x0c9}\xe7\xfcQ\xd43c\x8fAO\xa7\x88\x9c\x11\x01G(\xe3\x8f\xf1\x89\x11mi3\x98\xf4\xe4\xc8\xcc\xdem\x85\xe5I\xa1\xea\xdbN\x87\xac\x92\xbd\xbb\xb6_\xf6\xa7\xdd\x0bF\xe7\xfa x\xae\x8a2\xae\x9a\xd4\xe6&lt;\xe1RRwS\x0b\x00\x9f\x9f#u@I|7\x1d\x00\x00\x88v\xb7@|G\xae\xe9\xe8\x9a)b\x05\xd1T\x1d\xff=:\xb9pD\xa2\xec\xf1N\xbeu\x10\x91\x84\x9cD\xfcA\xae\xe8\xf8:\xc5q\xdb\xe7\x0c\xeeB\x12\x1f\\6\x91,\x0cj\xabL\xdd\xbd\x06\x00\xbe\xbb\x9a\xf3\x16}\xbc\xa1\xf0\x14\x9bR\xc0\xe5\x99\xe8\x02Hm\xc2S\xc1\xeb\t\xff=:\t\x00\xdd\x9b\xba\x90_\xef\x1f[\xff\xfc\xfc\xf6\\\xe9so\xfc\xfe\xeb\x1d\xc0\xcey\xa3~?=\x9b\xd8\xd4\xf9\xdc\xd6y\xea\xb1\x90\x19\xd1\xb9\xa9\x92\x9b-\xf4P\xc6o\xaf\xed\xcbH\x89\xe2x\xe2\xc3\x13\x1b\x95|\xcc\xda\xd4\x88\xe3e\xf6\xdaH\r\xc9\x11eFU$\x87\x91q\xa1J\xe4\xc1\x83\xf3\xdb\xe6!\xe2\xaf\xc7\x0cQ_\x06\xb6k\x8c\x88\xeb2\xd3\xc2\xec\r\xfaG\xf9\xf12\x81\xb7(\x9e\xed\x90A\xc7\xc7Dg\xef\xe2q,\x1b\x1e\tM\x9c\xa8\xbf\'\xf6h\xa3L\xd3\xbcxt\x12J\xccX\x7f&lt;&lt;\xe9kR\xd6H\xb2\x0bbR\x04\xa85_\xb2\xd4\x99\x9f\xb7\xb2\x8d\x0b\xc3\xd7\xbbG\x17\x0c\xef655\xc6RS\xda\xf0\x97\\EN\xd0vD\xfc|Ka\x9e\xf8\xfc\x1c\x95\xfc\xc7\xc3\x13\xe4\xa00eC\x85\xcc\x1e\xd8\x19\xbf\xdd\xfd|\xfb\xc8\xfca\tKF\'s\x99?W\x91\xaf\xfe\xcfN.\x1d\x7fV/zBRh\x83\xc7\xa7\xb7\x98\x15e\x9e:\x08\xaa\xc2\x9fL;\x0fK\xc9\xb5\xff\xf65Q u&lt;\xacS\x08\x97{$\xec&gt;\x12\x83\x1f\x8e;od?m\xd1\xc8\xee]\x02\xea56/\x0f\x00\x88\x1f\xb8,X#~h\xddP)u_\xa9weZ\xdf\xf6\xe4\xbf,V\x07\xf2p\xd1\xd5\x88\xf1\xb4\xb2,\x91\x9d\xe7\xc5\x1d\x0b\x94\xa9\x18/R#\xbdE\x7f\xdd\xef\x1f[O\xbcu(Bl\xf5\x9c\xab\x14a\xb1{iZ\xa7*"^\xdc\xb9\x90\xba\xab\xca\x08\xe5\x9f\xde&lt;\x1b\x11\'\xf6h\xed\xa2\xa7\x81\x88\xf8\xeb\xb1\xd4hQ\xb6\x1e\x1a\xb4\xd1b\xfeaZ\xdf\xf6\xc7\xd7M\xeb\xd0\xc8fjj\x8c\xbfyy\xcc=c\x8ekl\x97\xd2\xc2\xdd\xc7Xg|\xf7\x88\x15\xe3{\x8dKl\xa9\xd0\xc3@\x0f\xe0\xe4\xc6\x99O\xcfn\xfd|\xfb\x08".\x1e\x95\xa4\xca\xea\xc3\xa9\x8d3\x0f\xad\x98\xb42]n`\t:TO6\xb5o{\x01eE60\xa1B\xfby\xd5\xe0\xa1d_\xd0\x01d\x93\xb5:\x93\xe3\xc5[i\xc2\xdc!\xf1\n\x93\xc5xY\x9b\xf3\x1c\xc7i)\xb78\xd3?\xca\x97\xfb\xe9F\xca\xcd|\x89&amp;\xdd\xe2\xd1I\x00\x90\x14\xda\x80zu\xcc\xf8\xab\xb0d\xad\xce4.L\xac\x03\x11\x7f=\x12W{\x9d\x91\x8c\x94(\xa2\xbb\xe7iTr\x8aDKC\xa5\xc4\x07\xe6\xb8,\xf7j\xe9!\xf5\xeb\xfdc\xeb\x11\x91\xbe,\xabLY\xc4[e\xf7\x821}[7Z\x97\x99v\xeb\xd0\xaam\xb3\x87\xb3\x07#\x8bklOi\xf5H\xb1hd\xf7\x9b\x07W*,T\x04\xf1\x1d\x80\xa9}\xdb\xdb\x96\x06jo6\xfb^|\xbcA\xbe\xa3\xd5\x13S\xe9\x01J\xdf\\\xd9\xcbw\xc1\xb0:\x00\xe2\xb7\xfdK\'(N*\x06\x1c7\x99\xb5s\xb7\xc2\x17w.\x14V\xdc\x82\xe1\t$\x07\xf69\x9d9\xedQe\x7ft\xffZ\xeb\x9f\xd9\xbb\xed\x97;\xd2\xb2Ge\x95k|Ea\xf3\x8c!\xc8A\x83L\x1em=,\x10?\x8b\xa8\x8e\xc0\x91\xb8\xc6\xf6\xca\xbc=\xe9\xc9\x91\x06\x00\x13{\xb4!9\x8c\xec\xd2L\xf4\x1aJaY\x02\xfaG\xf9\xba\x19\x94P\xde\x99\xf</t>
        </is>
      </c>
      <c r="E632" t="inlineStr">
        <is>
          <t>&lt;class 'numpy.ndarray'&gt;</t>
        </is>
      </c>
    </row>
    <row r="633">
      <c r="A633" s="1" t="n">
        <v>631</v>
      </c>
      <c r="B633" t="inlineStr">
        <is>
          <t>steps_per_sec</t>
        </is>
      </c>
      <c r="C633" t="n">
        <v>9100</v>
      </c>
      <c r="D633" t="inlineStr">
        <is>
          <t>2.9034243</t>
        </is>
      </c>
      <c r="E633" t="inlineStr">
        <is>
          <t>&lt;class 'numpy.ndarray'&gt;</t>
        </is>
      </c>
    </row>
    <row r="634">
      <c r="A634" s="1" t="n">
        <v>632</v>
      </c>
      <c r="B634" t="inlineStr">
        <is>
          <t>Loss/object_center</t>
        </is>
      </c>
      <c r="C634" t="n">
        <v>9100</v>
      </c>
      <c r="D634" t="inlineStr">
        <is>
          <t>0.11180953</t>
        </is>
      </c>
      <c r="E634" t="inlineStr">
        <is>
          <t>&lt;class 'numpy.ndarray'&gt;</t>
        </is>
      </c>
    </row>
    <row r="635">
      <c r="A635" s="1" t="n">
        <v>633</v>
      </c>
      <c r="B635" t="inlineStr">
        <is>
          <t>Loss/box/scale</t>
        </is>
      </c>
      <c r="C635" t="n">
        <v>9100</v>
      </c>
      <c r="D635" t="inlineStr">
        <is>
          <t>0.06753304</t>
        </is>
      </c>
      <c r="E635" t="inlineStr">
        <is>
          <t>&lt;class 'numpy.ndarray'&gt;</t>
        </is>
      </c>
    </row>
    <row r="636">
      <c r="A636" s="1" t="n">
        <v>634</v>
      </c>
      <c r="B636" t="inlineStr">
        <is>
          <t>Loss/box/offset</t>
        </is>
      </c>
      <c r="C636" t="n">
        <v>9100</v>
      </c>
      <c r="D636" t="inlineStr">
        <is>
          <t>0.122611664</t>
        </is>
      </c>
      <c r="E636" t="inlineStr">
        <is>
          <t>&lt;class 'numpy.ndarray'&gt;</t>
        </is>
      </c>
    </row>
    <row r="637">
      <c r="A637" s="1" t="n">
        <v>635</v>
      </c>
      <c r="B637" t="inlineStr">
        <is>
          <t>Loss/total_loss</t>
        </is>
      </c>
      <c r="C637" t="n">
        <v>9100</v>
      </c>
      <c r="D637" t="inlineStr">
        <is>
          <t>0.30195424</t>
        </is>
      </c>
      <c r="E637" t="inlineStr">
        <is>
          <t>&lt;class 'numpy.ndarray'&gt;</t>
        </is>
      </c>
    </row>
    <row r="638">
      <c r="A638" s="1" t="n">
        <v>636</v>
      </c>
      <c r="B638" t="inlineStr">
        <is>
          <t>learning_rate</t>
        </is>
      </c>
      <c r="C638" t="n">
        <v>9100</v>
      </c>
      <c r="D638" t="inlineStr">
        <is>
          <t>0.001</t>
        </is>
      </c>
      <c r="E638" t="inlineStr">
        <is>
          <t>&lt;class 'numpy.ndarray'&gt;</t>
        </is>
      </c>
    </row>
    <row r="639">
      <c r="A639" s="1" t="n">
        <v>637</v>
      </c>
      <c r="B639" t="inlineStr">
        <is>
          <t>train_input_images</t>
        </is>
      </c>
      <c r="C639" t="n">
        <v>9100</v>
      </c>
      <c r="D639" t="inlineStr">
        <is>
          <t>[b'512' b'512'
 b'\x89PNG\r\n\x1a\n\x00\x00\x00\rIHDR\x00\x00\x02\x00\x00\x00\x02\x00\x08\x02\x00\x00\x00{\x1aC\xad\x00\x00 \x00IDATx\x9c\xec\xbde|\x1bW\xfa\xbf\xfd\x15\x83\xc5\xb2$\xa3\xcc\xcc\x8e\xe30S\xc3\xd04M\xca\x0c\xdb-w\xdbm\xb7\xb8\x85-l\x99\xb7\xb4eL\x93&amp;i\xc3\r\xb3\x99\x99-\x19dI\x16\xf3&lt;/\x948\x06I\x96l\xa7\xdb\xdf\xf3\xf7\xf5\xc9\x0bg\xe6\xcc\x99\xd1\xc0}\xce\xb9\x11\x98d\x92I&amp;\x99d\x92I&amp;\x99d\x92I&amp;\x99d\x92I&amp;\x99d\x92I&amp;\x99d\x92I&amp;\x99d\x92I&amp;\x99d\x92I&amp;\x99d\x92I&amp;\x99d\x92I&amp;\x99d\x92I&amp;\x99d\x92I&amp;\x99d\x92I&amp;\x99d\x92I&amp;\x99d\x92I&amp;\xf9\x7f\x84\xd5\x19\xb2\x17\xee\xd8\xe0m\xef\xda\xac\xd0w\x1e\xb9\xe1\xb1k\x96&gt;q\xc3rs\xf3\xa9\xc7\xaeY\x9a@\x19\xde&amp;\x91\x8a4\x16\xa6\xcbHl\x80\t,\x89\xe7\xc5\x91.\xee\r\x06\x92h\x18q\xd0xY\x14\xcb\xd9\xf1\xfe\xd3?\xbc\xfe\x08A\x10\x1br#\xde~\xe4\x86\\\x01.K\x12\xc6\x0cm\xc6\x05\xae\x99\x9dx\xc3\xfc\xd4\x1c&gt;\x18@\xb0\x97\xdeR\x18\xb8iQ\xfa\xe5S"\x07o|\xf9\xeeM\xcd\'\x7f~\xee\xf6u\x04A\x10\x04\x91+\x18\xfb\xd5.O\x11\xbfv\xffUw,\xcf\xcd\x08\x1a{\'\x1e\x91\x01\xf3"\x99+R\xc4\xd9\xbc\t\xeey\x18T`aL\xd0eIB\xe6\x88]\xf3\xe4\xac\x14\xba\x87C\xc4\xc0\xca4\xc9\xcaT\x89\xb7&gt;\xd9\xc0\xb5s\x92\xae\x9b\x97\\u\xf0\xeb\x80n\xcc\xdcH\xc6\xbc\xc8\x91\x17\x82\xbe\xca\x83\x84\xaa\xfc\xbay)\x81t6\x16R\x18\xb8bjT"\x05A\xc0\xc6&lt;\xf9\xe6\x19\xb1B\xff\x0eLgcn$#r\xf4\x86\x81\x11\x07P\x01\x110\xf2\xf3\xf4\x93\x99!\x94y\xf2\xf3\xb7tN\x04}\xcb\x8c\xb8G\xb6,"\x9c\x1dmg\x7fy\xe3\xc1k\x1e\xbbf\xe9C\x9b\xe6\xb9\x1f\xa5\x04\x98\x19J\xe1\x03\x00\xa2\x81YaT\x8f\x1d\xd2\x00\x00\x02\xe0\xfd\xc7n~\xf6\xd65\xb3\xc2\xa8\xa4\xa1\r^\xb9\xfb\xca\xe6\x93?\xc7\x8c8P\x0e\xcc\x0c!_??eQ,w\xf0v\xcf\xa7\x99d\x9c\xec,\xef\xdeY\xfe\xb3\xb7\xbdI))\xa9\xe9\xe9\xe9Y\x99\xf3\xd6\xad\x05+\xf6\xf9/\xf7\xea\xfa\xa7\xcb++\x0f6\x19\xdc\r\xe2\x80\xd9s\xd3\xd9AA\xd5\x95\x95&amp;\x18\x00\xeco\xd0\r\xeeA\x05\xa8\xec\x13|\xcdL\xa0Oe\xa8\xad\xaeN\xcf\xcc\xfc\xfd\xcb\x7f\x9f.\xea\xf8\xb9\xe8\xbf\x00\xa0\xd5\x8cl\xccb\xb3I$\x92^\x07\x17\xa0\x1a\xb17\x99\x8e\xd00vl|\xfc\x0b\xaf\xbe,\xcd\\6+\x8czR\xe9t\xefJ\xcb\xc8\x88\x9e\xb1\xfe\x1a2\xd9\xfd\xdf\x8d\x9b7\x14}\xe0\xf5F\xf9 \x0cHNM\x99\xb7p\xa1\xcb\xe5\xda\xbf\xa7h\x0c=\xf8\xa0\x1b\xa0\xb4[\xe6N\x0fKMO\'\xf6\x1c)\xd5Ol\xf7\x17q\x00\xbf7\x1b\x01\xe3\xc8]G\xda\xcc\x1e\x0f\xe1\x02\x85\x95\xbd]\xde\xfb\xdc\xb28#4,\\\xd5\xd3\xf3\xaf\xa7\xff\xe9\xa1_\xef\x1cm\xb7\x0e\xfc-\x00\xc2\x98\xa8\xb2 \x87\x8f\xd6\xe6\xe6\xe7\x9fz\xe6\x8b#\xd5\x81t6\x16\x84BrVnN\\|\xfc\xae_\x0er8\x1c\x8b\xc5"\x00B\x18\x10\x8a(\x03\xef\x8fG\x18\x0c\xcc\x9c3{\x11\x9b]x\xe6\xec\x8e\xf2\xee\x89\xba\x1ey\x14\x9b\xd2a\xfa\xfbSw]~\xe5\xa6;o\xbc\xf9\x9b\x93\r\xdeZ&amp;P\xc0\xe3\xa1p\xc4\x87\x12\x9f\x98`\xb1Xhm-v\xe0X\x87M\xd8\xd1\x98\xd9\xa9x\xf6\xf6;\x9d.\xd7\x9a\xf5\xeb\x7f\xdb\xb9319I\xd5\xabBU\xaf\x01\x10\n\x85\xd1\x06\x95^\x0fY\x0893;\x9b\xcd\xae\x1b\xf6\xd5\x03\xd8&lt;7\xb9\xbd\xb55&lt;2\xe2\x8e{\xef9r\xe0`ue\xd5\t\xc5\x90\xabJIOe\xb2\x98\xcd#\xaeP\xc8Etll\xbf\xa6\xbf\xbci\xc8\xdb&lt;9\x00\\r\xc2\x00\x170\xf8\x8b}\xf7\xbb\xdf\xcf\x9c8y\xe55W\xcd\xdb\xb2\xd9\xbdE\x1c\x1cL&amp;_\x9cf4\x02\xf4\x13\x15\x11\x91\xbc\x82\x0bC\x82\x0fr\xf8 \x91\x90\x9c\x1a\xef\xe3\x05u7+\xee\xbf\xf8_*\xe0\x18\xda\xc0\x02\x94\xe8P\xf6\xd6\xf7\x0bb\x7f\xd5\xa8\r\n\xef]\xb1\x00\n\x85\xec\xb0;\x1c\x04\x08O\rZmp\xb4\x9aB\xc3LG~?\x14RU3\xf8\xeb\xfd\xf9\xfb\x1fl6\x1b\x99D\x8a\x9a\xb6\x16\xc0{c\x92\xfe\x00\xb4\x80A\xaf\xdf\xfb\xebo\x15ee\x8d\x1e/\xc2o29\xa85\xc0:t\xa3\x02(.l\x9a3\x7f\xde\xca\xb5\x0cl\xdfW:\xfas\x98H\xe6D\xd05}6\xab\x15|\x01\xda\xd5\x18,\xd2Z\xbc\x1f53\x84\x12\x1d\x1b\x93\x9e\x99Y[U\xfd\xc18\x06\xc5\xf5\xd9aF\xa3\xb1\xa6\xbe_\x0c\xac\xd9\xb0"g\xe5\xcd\xf7\xdcv\xa7\xff\x87\xcf\x8dd\xb4\xb5[}\\\xa77Nv\xb9\xb2\xda\xdb\xfb\xb5\xfd-&amp;\xd0K\xaa\x8a\xb4\x00\x10kEDd$\x94\xbe\xfa+\xd4 \xba\xb6N\x16"\xe3\xf1\xf9\xc0\x84\r\x00\x87ZM1\xc0\xe6k\xaffE\xcfhok\xf3\xd1r\xca\xd4X\x93\xd1X\xa8\x19~\xea\xba\xdaZ\xbd\x8e \x80`\xc0\x02h\x80#m\xe6#\x1f\xefd\x03\xdb\x7f\xfc\xb5\\\x0f\xd7\x85\x96f\x80 \x08\x0e\x97J"9(\x14\xca\xcc9\xb3\x01b\x7fC\xe1\xb0\x0e\rz}\x10\x87c\xb5X\x7f\xdd\xbe\xbdK\xa1\xac\xaa\x18\xfe\xc9\xaf\xba\xfd)\x8fW\xe8\xb0\xc3l255*z\x86n\x9fp-\xc2$\xc3\xb1\x00\xc3\xc6q;\xd0\xaas\xe4\xc4J\x054Zh8\xbfp\xdf\xcf\x8f=\xfcj\x91z\x88\x08R9\xd1\xa4\xb6\x0e\x93J\x1e\xe9\xb1"\x8c\rytdQ\xa3\xd7W\xff\xce\x15y9yY\xd5%\rF`F\x08yjB\xd8\x95+\xe7gE\x05\x9f\xa9i\x07\xc0\x01\x9c8/\xca\t@\xa3\xb1Y-\xf01\xebM\x97`\xed\xe5\x1b\xc2""\x94\x1du\x0e\x8dU;\xa2\x81\x03P\x03\xc1\x14\xcb[\xdf\x1f\xfex\xeb\x9e\xc1\xbb\xcc\x9d=\x19YI\xfdZm\xd1\xe1]O\xdfsKa\xaf\xc9\x8f\x9f\xe8\x01;P\xd4\xd8]SP]\xd2\xae\x1e\xcfZhf\x089\x7fF\x1e\xcb\xaem\xd1\x0e\xefF\xe7\xc2\xd5\xeb\x97\xa4geFD\x85\xed&gt;Q:\xe6Sp\x001\x10\x0ch\xfd&gt;d\xf7\xcf\x9f\xdb\xed\x06\x9e\x80\xce\xe1\x06\xa5\'GrlZ\xb2\xde9\xea\xe1\xb9q!s\x17\xcc\x17\x07\x07\xef\xde\xb9\xabM\xef\x1a\xad\xb9Wf\xa7\xc7\x18\x0c\x86\xd0\x10.\xc3et\xb9\x9c\x87\x7f\xf9fka\xbb\xefC$\x80\xfbAF\x01\xf7=t\x07\x85l)n\xee\xf1}\x88G:\xea\x95\xa7\xda\xd56@i9\xbfE\x03\xd4tj\xa9\x80\x10\xf0\xbc&amp;\x02\x00T+u\xe7\xea\x15em}c8\xa9\x0f\xb4\xc0\x91\x1f\xbfx\xe6\xa1\'\xcbu^\x97 $`\xf5\xbc\xbcs\xa7\xcb\xbam\xc3wu\x18\xd1\xeb\x80\x0b0\x01t``\xbf\x1d\xe8\xb6\r\x9f&lt;5\xaa\xccV\xbd\xab\xd1\n\x8d\xde%\xa0\xdbw\xee.\x1c\xf9\rN\x89\x0b!\x08\xa2\xb7\xbb\xa7\xa1\xbe\xfe\xabo\x0e\xd6\xf9# \x00\x00B\x02\xec \x12\x9dN\xea\xe9w8Fo&gt;\xc9\x04A\x02B\x00:0R\x99\xbc&amp;Cv\xdf\xfaY\x0bc&amp;F\x81-\x0b\xa4q\x1a\x0b[f\xc4\xcd\x8fb\xbb\xff\x1b\x01\x84\x02\xac\x0b{\xaf\x98\x1a\xb50z\x94\xab\xbaqa\xfa\xe6\xe9\xb13C)W\xe4E\x05z\xa9S\xc5Hg\x8d\xde\xec\x0f \x81\x8c\xdb\x96\xe5l}\xeb\xb1\xeb\xe6&amp;{l0U\x8cw\xff~\xe3\x07\xff\xb8e\x0c\x9d\xb3\x01\x0e\x90\xcaD&amp;\x07\x1br\xc2o]\x9a=R3\xeb\x8dd\x1a6\xe4Fl\xcc\x93\xe7\n\x90\'\n`\x9a&amp;\x0729c\xb8X\x00\x10\\\xf8#\x02H\xa6cY\xa2 \x0e \xf98`\x109|\xb8_\xa6l\x1e\x8c\x8d\'\xcc-\xa7\xc6x\x11\xde\x99!#O\xa0\xbe"\x12\x90{7_\x05\xca\x86\x9c\xf0\t\xea\xc9\x17b\xe0\x96%\x99c\xb3Ker\xb0(\x96\x93\'\xf2\xf7\x81N21$Rq\xc5\xd4\xa8\x95\xa9\xc1\xff\xbce\xcd\xec0\xda%:\x8b\x18\xb8jf\xfc\xe5S"\xc7&amp;X\xc9\xc0T1\xe2I\x08\x06\xe2\xc9\xb8zVB\xf4h\x87\x0c\x88$\xc6XN\xf8\xa7 \x12He\xe2\xe5\xbfnz\xed\xbe\xab\xa6y5\xa9\x82\x04\xb0\x81,\xae\xd7\x06\x1e\xb9yQ\xc6o\x1f=w\xd7\xaa\xfc\x17\xef\xda\xb8&gt;\'&lt;\x04\x98\x13A\x17\x8d\xf3\x8a\xc7\r\r\x98\x13\xee\xc1\xb2L\x01\x92\xa8\xb8mY\xce\x1d\xcb\xa7\\=;qq\x1coCN\xf8\x95\xd3b\xc2\x02?\x85\x00 \x1c\xed\x041\xc6\x85\x9d\x0f&amp;Prq\x81\xe5\xc9\xa2\xba#\xdf\x7f\xfc\xf4y\xd5\x16\x1d\x98&amp;\xc5\x03\x1b\xe7\xf0\'\xee,\x13N\x1a\x0b#\x9f\xc8\xda\xacP\x7f&lt;)\xc2\x81\r9\xe1q8?N\x0f0i\x03\xb8\x84\xacL\r\x8eKH0\x18\xf4\x1c\x0egJ~\x9eT&amp;]\xd0\xd1\xf1\xed\x97{\x1a\xc6\xbe:\xbf\x88`\x90J!\x92\x8b\xcbV\xad\x8c\x8e\x8d\xf9\xe2\x93O+\xf6\x97\x05\xda\x95\x0b\x08\x0b\x0f\t\tu\t\x84B\x0e\x97+\x12\x8bO\x9c\xa8\xf7}\xc8\xc0z\xd8\xef5\xe8\x9f\x8ev \xc4\x82\xed?m=\xd9\xe5\xcb\xc0H\x00&amp;\xa09\x10;\xf0\x9c\x08\xfa\xc7\x07\xca\x00\x94\x14\x16I$\x12\x81@\xd0\x85\xce\xae\x8e\x11\n\x82\x89#\xda\xa7m \x18\xb0\x01: \x96\x86\x90\xb0Pigk\xcf\xd0\xbda\x1c\xa8\x0c\xe0p93\xe7\xcc\xa9\xab\xae\x8eO\x88\xa7P(v\xbb\xddn\xb7\xff\\\xd4\x11\xd0\x95h\x81\x9a\xa3\xc7\x0e\xec\xd97\x86_\xe1\x9b\xf1\x19z\x86\xa0\x07\x1a\xeb\xd5\ts7\x1d\xfd\xfd\x90{K4\x15\x19Y\x99\x0b\x16/*8sv\xb01\xfcOE\xe5\x08\x15\x18\x03\xa0\xd1h.?\xe4I\x17\xa0V\xab\xd9A\xc8\xe1SO(.*\x81&amp;\x07\x80KHfvvbrRG{\xbb\xc1`X\xb1v-\xa4\x99\x00d!7\xd6\xd7\xd6\x95\x16\x17\x1fn\xf5\xa1\xd2\xf4\x05\x05\xb8nA\xda\x9c\x05\xf3\xff\xf6\xe4\xbbn\x95g\xd6\x94\xd4u\x1b/\xffu\xc7\x0e\x8b\xd9"\x06\x92C\xa9\'\x94\x81)\xfa\xdaZ\xbb\x96,_ \x0b\t\x89\x8a\x8e\xa63\xe8\x87\x0f\x1cl\xf1\xa3\x87\xeb\xe6&amp;\x07K$\xafm=6\xa6\xdfqiI\xa6\xa3\xc6\xbb\xc8u+d\xbb\x80.\x9f\xd2\x7f\x80\xe1\xde\x18C!\x01\xac\x0bJp\x00\xf3\x17-t\xff\xd1\xde\xd6\x96\x9c\x96\xea"\xce\xcb\xae\x05Q\xec\xb4\xcc\x8c\xfa\xda\xba\xc3u\x9a\t\x941\x91\xc0\xbcy)mG\xaa=\xca\x81x\x12\xc8\x14\x90\x00\x9d\x03\x06;\xccf\xf3\xd4\xd4\xe0CU\xaa\xc1St\x8b\x05f\xc0aw\x98\x8c\xc6&gt;U\x9f@(\x90H\xa5\x1a\x8d&amp;)9\x99]\xd41r2\x1f\x0etz\xbf\x9e\xfb\xee\xf8\xcb\xde:\xad\xc7]\xbe\x0f\xfc#\xa9sBB"\r8\xb0\x89\x83\xc9l6;B.OHL&lt;\xda^&gt;\xb8\xa5l\x02\xcd\xca\x13\x8d\x158Z\xd0\xe6\x8f\xb1\xc5\t\x9c\x178\xc6!\xdf5\xf9\x92\\\xd7$\x00\x80\x03{\x0f\x14\x9c=w\xc5U[^\xfc\xe6 \x84\x02\xf7\xc6\xbb^\xfcl\xdd\xc6\r,\x16\xdb\xe7\xa1\xbeX\x9d\x1d\x96\x95\x9b\xb3\xf6\xf2\xf5\x03&gt;\xdbE\xe7\xaa\x9e\x7f\xea\xe9\xc6\xfa\x06\xa3\xc1\xc0\x04\x04"a\xa0+\xd9\xe2~\xd8\xed\xf6.\xa5\xf2\xf2\xbf\xdc\xc9d\xb2\xf4:G\x9a\x07\x8f\xf0\xe1\xd8\xed\xf6\xd8\xf8\xb8\x00O\xf5G\x10\x03\\\xb1\xe5\xb2\xc1[f\x87\xd3\xae\x9d\x93\x14\x0b\xb0\x80\xa9\xc1\xb8vq\xe6\xc0\xae\x94q\xa8\xb1"\x01\x0e\x10\x0bH\x07m|\xf6\xf3=\x0b\xa3\x83\x16D\xb1\x7f\xdfW\xb0w\xd7\xaf%\x05U\x00r\x05\xc8\x99:\x85 \x88\xa6\x06\xcd\xc4Z@\xba\x00\x9b\xdd\x9e@\x03\x80(`\xb0\x8e8\x1c\x08\r\xa7\x87\x861\xb3r\xa3\xa3\x01&amp;\xc0d0\xf8B\xe1`\x8b\x91\nht\x80\x0c476\xfd\xf0\xf57\xc7\x8f\x1c\xfd\xf1\xdb\x1d\xdf}\xf5\xf5\xa1\x03\x07\x0f\xee?\xe0Q\x95\xe3\xc1/x\x10\xde\xa4\xbf\x08p\x06h\xac\xba\xa4\x0cv_n\xeer9]\xae\xfa\xdaZ\ne\x88\xc1eA\x14\xfb\x83w\x9e\x98\x19\xfa\xe7u\x96\x19\xa7\x8b\xf2\xe4\n\xe0R\xc1\x01L&amp;(::\xc3##\x00\xf4\xd6\xd4J2\xe4\x00`n\xaa\xaf\xab\x0f\t\x0bE\xcd(\x1e\x0bn\x9b\xe1H\x97^M\x9f\xba\xbb\xabk\xf7\xce_\x07&amp;S\xd5F\x84\x17\x95$\xa5$\x93\xc8d\x1e\x03\x0c:=\x18\xe8\x1fq\xa0\x1b90=?\xfa\x87\xb3-\xc3\xb67\xd4\xd6\x1d\xaf\xe8y\xe5{\xb9\xbf\xbf\x10\xf8\xf6T\xe3\xb7\xa7\x1a\xfdo\xff\x87\xd1\x0c&lt;\xfb\xf9E\xef\xa3\x18 88\xb8\xbb\xbb\xdb\x0cp\x01\xbb\r\x07\x0f\x94E\x02\x19)b\x82 V\xae]s\xee\xf4\x99\xcf\xfd\xf6s_\x10\xc5v\xba\x9cnE\x81\xe1\xc2\xbfa\x1cj=/9\xc5\xa5e\x12\x19\x17\x06=\x87\xcblmn9X\xd8N\x9ah\xc3\x89\x1dp\xd8l\xc1\x12j\xad\xc21%7"5=\x8d\x7f\xf8H_\xaf%&gt;14!9\x89\xc3\xe1\xf4\xf5\xf5\xe9uz\x99\x04\xa1aa\x1c.W\xaf\xd7\x0f\x9b\xd2\x92\x01\x0e\xd0\xa5\xec&gt;7\xf0J\x1a\xcc&gt;\x9cn\x06\x8f\n\xd3$\x90\xca\xa45U=\xf5\xa3)"\x1c\xc0\xac\x0c\x99\xd9d\xean\xf4WjQ\x06)\x1b/)]\xc0\xe9\x13g\t\x97\xab\xbd\xed\xa2\xbfS&amp;\x07\xb1\tq\x02\x81\x80\xcf\x17@9\xc1\xfeE\x13B\x12\r\x0c\x06*\x0c\x18\xb3R\xf9\xcf;\xb2\xfd_\xe7\x9aE\x19\xf1\tQ\x14*y\xfb\x8f[{\x9b\xca\xeak\xebr\xe7\xaf*\xd8\xf1\x9f\xfbo\xbe56.\x8eB!\x97\x16\xd7[&lt;\x1d83\x94\xd2n \x00\xa4\x86R\xf2\xa7\xa5\xc7\x89\x99U\x8a!\xc2\xbcU\xe7\xe8\xabm*/9\xdba&lt;\xaf[p\x01\xb6&gt;\xf3\xde\xea6\x9b\xba\xb5\xe8\xdc\x19\x1e\x9f\xdb\xdc\xa57\x00s\xc2\xe9\xb9q2U\x97~\xf0\x17\xbbn^\xca\xfa+6\xfe\xb2\xf7\xf8\xb0O\xab\xa5\xc7\x18P\xdc\xd0\xff!\xc4$\xa4e\xc4\x96\x16\xb7\xb6\xba`\x04\xba\xac\xd0\x029r\xe6\xa6\xab\xafr\xd8\x1dW^\xbd\x85\xc3\xe5n\xdd\x7f\xd2\xcf\xde\xb6\xac\x9cg\xb7\xdb+;\xb5\x00&lt;&gt;\xc1\xc1H\xa8\x84T&amp;i\xed\xd2\xbbt\x0e\xadF\xd7\xee\x80\xc5c\xdc\x17\x00`e\xaaDB\xb52\x8c\x84\xda\xcfK\xb9\x80^\xd1_\xa3w\xb9\x80\x16\xa5\x8eC\x18I@L\\\xc4\xa2eK7n\xber\xf9\xeaU\xab\xefxz\xed\xf5[v}\xf5EJzj\x10\x87\xab\xee\xeb+S\x0e\xd1i\xb9\x80~@1&amp;\x95d\xa7\t$\xb5Q\xef\xf40\n\x0ecN,wwM\xdfu\xf7&lt;Z\xb2\xfd?\xb5\xdd\xa34\'\x01\xd7\xccN\xbcz\xed"\x01a\x18\xf6\xfe\xfb \x81\x02\x171\xfaC\xf1\x88\xd2\x8c\xdezE\x81\xea\xe2]\x10\x12X\xb2|\xfe\xf4Y3\x15\x9d\x1d\xc7\xcb\x87\xcf\xc4b\x81\x85S"C\x99\xce\xe6\x11\x0e\xc4\x7f\x18\xe9\x11LyTX\x97\xa2\x7f\x8c\xda\xe4I\x15\xd0%\x82\x01t)\x14F\xa3\x91D"764\x9e9uj\xdfo\xbb\x01\xe4\xad\xb9\xcd\xe1p\x9c=}\xfa\xdc\xe93\xde\xd6\xd15\x17\xc2\xa6N*\x9d\x9f\x1c,\xff\xa9\xc0C\x04J\xb5\r\xa7\xba\x87\x8c\xfan\x1f\x89k\x1f}\x93\x00t\xfd\xfd\xee\xb8\xb3\xc8(\xb9H,\x8e\x18\xa4\x13\x90\x019yS\x08\x82\x18\xa9\x1e\x1f\xb9\xe5\xcf\xe1\xab9\x014\x12\xf8|\x7fY\xddP\xa3\xc6\x916\xcb\xcb\xcf~\xa8\xeb\xefO^x\xd5\xe6\x87\xfe\x96\xe8\xf7\\H\xa7\xd3\x99M\x17\x87T1\x90\xc3G\x0c0M\x8a\x91\x1e6L\x16E\xaf\xd7\xb1\x80f\xa0\xea\x82d\n\xf1\xd2s\x9fJ\x05\xa0!psg\xfb\x85\xb0&gt;3\xb0\xa3\xac\xab\xa5Y\xab\xd5h:\xda\xdb\x8f\x1f9ZWS\x0b\x006\x9d\x8bp554vwu\x9d\x19\xcd\xa9?Pj\x1dP\xfa\xd1l\xde\xe2\xf3\xa6\x91)S\xf3Fm\xbc2]J\xa5R\xc9drg\xbb_Vh907\x929\x7f\xd1\xb8\x92w\xb4\x0c\xfb\xaf\x1d\x1c\x0e\xa7\xb1\xbe\x81D"eq\x91\xce\xc6\xe0\xd4\x14M@yI\xbb@ \x1cP\xe6\xa600\xe1\xe9(|s\xac\xcdRV&lt;\xd1\xb1\x0f\x93\x8c\x93\x19!\xe4\xd9a\xb4\xd9\xe1\xf4e\x89\x82Ui\x17\x1d\x0c?~\xea\x8eG\xaf^2\x9e\x9e\xe9\xc0eI\x9e\xf3\xa3\xc4\x00\x04A\\?/%\x9d\rw\xd6 6\xf0\xd85K\xeeZ\x95/\x028\x80\x10\xa0\x02\xa9\x0c\xfc\xe3\x9a\xa5K\xe2\xff\xcc\xden\xfe\xc2\x03n_\x963\xceN\xf2D\xf8\xf6\x95\x87\xfe\xfb\xdc\xddb\xbf\x0f\xc9\x08B\xfc\xd0\x89\x13\x0f\x10\x02k3C\xd7e\x87\xcd\x8f\x1a2n\xde\xb3v\xc6k\xf7_u\xc5\xd4\xa8\xd8\xc1=\xb0\xe1\x7fL\xc0x\xe0\x02k2C\x08CC\xde\x1f\xe5\x82*\x06\x16\xc7q/\x9f\x129R\x10\xa7\xb1\xe0N\x00\xe5[F\xf3\x80{\xd7\xcf|\xe1\xce\r\x19l\xf8a\x87:\xcf\xaat\xe9\xe7\xcf\xdfs\xf7\x9a\xe9\x01_\xb1w\x98\xc0\x13\xd7/\x7fd\xf3\xc2\x07\xaf\x98\xfb\xf7\xab\x16\xbd\xf7\xd8\xcd&gt;\x0cc\xf9\xc1x\xe6\x96\xd5K\xe2/q\xf6\xa8\x89f\xd2\x060\xc1\x04\x03!\xa1\xa1\x02\xa1\xe0\xd3\x83\x15\xcf\xde\xba\xe6\xe8\xa1\xc3\x03\xbbny\xe6\x83\xb1\xf5\xc9\x03\x0c@2\x03i\x99Q?\x9c-\x08!IF\xba%4\x03Q$\xd2\xe0\xc5\x82\t\xe8\xd7\xf6\xdb\xedv5\x90\xca@T\x8c\xa8\xa0F-\n\xa6556\xeeo\xf0wM}\x89\x88\xf1d\xdb\x08\x88\x0c6\xca\x8c\x04\x80\x94\xbf]w\xdf\xbf\xbf\x1cs?\x05j\xec\xdc\xbe]\xdf\xaf\xf3\x7f\x1aU&gt;T\x83\x13\r\xf09(5\xe0\x972e\xf8\x08\xa5\x90\xb2\xb3S*\x93\xc5\xc4\xc5\xf6tw\xf7\xb6Y"\x19\xc8\xcdOlil\xae3\xfd\x11z\x03=\xb0\xa3\xac\x8b\xc4\x89\xff\x03\xce\xe5&amp;.\x18\x0b\x96,\x0e\x96H\xa2cj4\x1a\x8d\xa2\xb3sO\xcdy\x85V\xa5\x19B\x12I;\xe2\x90P\x00\x80\x05\x08\x02\x9ez\xf2\xf6\x92\xa2\xe2+6onmi)\xf7#\x96\x80\r\x98\x00\t\xb0z\xfd\xba\xeb\x1e{\xb3p\xdd\xcc\t\xfc-b\xa0\xb2\xbc\x9c\xcdf\xa7\xa6\xa7\x89\xc4\xe2 \x0e\xa7\xc7\xbbv\x89B!\xe9\xfbu\x05#\xb2\xf7\xfc\xc9\x99\xb4\x01L0qA\x10\x089\x1c.W\xaf\xa8;z\xe8pYE\xcf\xf8e\xed\x9a\xa9Q\xd3\x92#\r\x86\xbe`Ip\xc1\xc1\x03\xc7\xca\x9b&lt;\n\x8f\x91\'R\xd7uj\xd4]J\x0b\x92C\xe8V\x9b\xb5M\xef\xda\xb4f!\x8dF?S\x1b\x98s\xf7\x84\x93\x19\xc9\xc8\x90\x8b\xebz\xc6ht\xe0\x01m\xb6\xf3\x8a\x92\xe9K\xd7W\xee\xfa\xacJ9\xfam\x0e\x02&lt;\xde\xb7\xf2v\xf5\x98\xaf\x04@\x82\x18\xb1\t\xf2\x0eE\xbf\x15\xd0\x8f\xb0\x9c:z\xfa%R\xce\xbcE\x8bLF\x13\xdd\xa6u8leu}Uz\xd78m\x9b\x8b\xe3\xb8f\x8d\xed\x8fMP\xe4\x17\x9d&amp;\x88`\xb2Z,\xb9S\xf3\x9e\xf8\xcf/\xd7\\\xbbn\xff\x7f\xdfw\xdb\xb4\xe0\xc5d\x92\x1b\xc94\xe8\x1cd &gt;\x92\xf9\xd6\x8e\xd3u\x85G\x0e\x1f&lt;\xb8k\xfb\x8ev\x83\x8b\x04\xdc\xb64\x9b\xa4\xed\xf2f\x9f\x90\x00z \x89\x8f\xac\x9c\x8c\xf6\xca\xb3\xef\xbf\xf5m\xa0\xe6\x13\x1f\x84Q\xb1\xe5\xba\x8dT*\x85NgHe2\xa5B\xb1\xfdL\xa5\xb7\xc6\x1dF\x9c\xacj\x1d\x9b\xf9!Ph\xc0\\9\x8bcw\xf4\xfc\xcf\xac\x0f\x93x!j\xa8G\xa0\xffkX\x8f\xb8\xc7\xe79\x11\xf4\xbbV\xe5\xcf\x0c\xa5l\xc8\x89X\x91\x12&lt;\x86U\x9b\xe8B.\x8a?O\xe0\xee\xac\xd0\xb1\xaf&gt;\xab\x0f~M\x0cel\xd9\x1a&amp;\x84\x99\xa1\x94\x1c\x9f\x1a\xb58\xe0\xbay)\x0b\xa2\xd8\xde\xc3\x8d\x87\x10\xe8}\x91\x8e\xded\x14\x12)H\xa1\xc3c\xf6\xe9Q\x99.%-\x8e\xe3\x85c\xb8\xfdcU\xba\x94 \x08\x82\x18}dM _\x8c\xf2\xfd\xcb\xca\xa9\xa9\x83\xbe\x99|\t\x9e\xbf}\xdd\xa3W/Y\x18\x13\x14\x06D\x8c86\x83\x8dT&amp;\x92h\x98\x15F\x8d\x1d\xb1\xd7\x07\x0c\xe0\x8e\xe5\xb9\xbe#\xe7g\x86P\x08\x82x\xe8\x8ayw,\x9f\xf2\xf7\xab\x16\xad\xcd\x0c\xf1\xf3\t^j\x92hx\xf4\xea\xc5\x0fn\x9c\x9b0n\x1b\xeedf\x88?\x1diL\xf4X\xd0;h\xcb=kg\x08E\xa2\xdf\xf7\xef\x9f\xbb`~]M\xed\x8f\xe7Z\xffg\x17w\t\x98\x1f\xc52\x99\xccg{Go9\x00A\x18G\xc4\xb4\xa3\xb3\xf0\xd7\xb4\xbcU&gt;\x16\x02\x19A\xa0\xd3Q\xac\xb9\xe83\x97\xc2@\xf5\xb8#\xb2\x16\xc7q\x1b\x1a\xf5-\x81\x1fH\x1a\x11\xdd\x1a\x03\xa4\xa7K\x99,V\x97R\xd9\xd6a\xb3\x00\x16\xef\xee\xbcn\xe8\xc0\xdfo\\q\xf6\xe4\xa9S\xb5\x9a\xb1\xad5g\x86R\xae\xbc\xfa*u__\x7f\x7f\x7fuE\xa57/~o\xac\xcf\x0ec\xb2Xm\xad\xad5\n\xc705\x1ao\xb4\x00\xbaQIeb\xd1\xd2\xe9Y9\xd94:\xfd\xd4\xf1\xe3B\x91\xe8\x9b\xaf\x0f\x0c~\xfby@~\x1c\xd7h0\x9c\xea\xbex/\xbd9\x8fN\x97\x91:\xba\t\xf7\xe27?\x18w?x\xef;\xaf\xbdy\xc6\xe7\x8b7]J:\xdds\xbeg&amp;\xb0vZ\x8c\xcb\xe5\xfa\xc3&gt;\xc0  CJ\xa23\xe8\x00N\xb5[\x07O\xf77O\x8f\x15\x08\x85\x16\x8b%,,\xac\xb1\xa1\xe1\xc73\xcdc\xf3\x04\x9d\xb4\x01\xfc\xb9X\x9d!\xcb\x9b\x96\xff\xe5\';{/\xbc\xcf"@\x1c\x1c\x0c\x10F\x83m\xd9\xca\x15%\x85\x13\x9c\xfb\xde\x7ff\x86R\xc4bqsSO\xa5i"\xe3\xf2Eb\xf1\xe1\xd6\xe1*\xa9iR$\xa5\xa4\x84G\x84\xab\xfb\xfa&gt;\xdcS&lt;\xb0}]v\xd8\xb6\xe3GFJ\x7f\x00\xe1SV\xf6u\x14P#\xbcz\x98\xe4\xe5\xa7-_\xb3:&lt;"\xbcK\xa9\xdc\xfb\xeb\xee\xdf\xf6\x167ND&lt;\xee\x01\xbf\xbd\xda\x87\xc1\x1d*\x1f\x13\xc8`2\x11\x1e\x11\x11\x1a\x11n\xb5Z\xf5\xba.\x1e\x9f!\x95J\xab*\xdb\xab,`z\xd1\x9f\xd8\x80\xd3\xc7O4\xd4\xf7\x8fY\xd3(\x0e\x0e\x9e\xb7h\xe1\xb1C\x87[\x9b[\xb8&lt;^ IK\x01\xa0\xa6J\x917=9,&lt;\xbc\xb7\xa7\xd5\xe6\x18\x12\x974~u\xb8T\xc6\x9e6s\xc6\xd5\x8f\xbc\x06\xc0\xf6\xf4\x9d\xba\x11\xbfR\xe7\xe9\xfe;\x01\x16 \x05\x14C\x95~-\xdd\xc4\xc0%edg\x8a\xc4b\xf3h\xee\x93\x03\xd2\x1f\x80\x05(-j&amp;\xfd\x81s\xe6\xe5y\xf2\xf4\xcc\x0c\x16\x8b\xd5\xda\xd2j6\x9d+\xeb\xbb\x98ye\xdf\xe9\xa6\xe9)\xe2\xf9\x8b\x17m\xb9\xee\xda\x03{\xf6\x9e:\xf3\x8e\xaft\xd5\x93\xfc\x91\xc4\x93\xb1!7\xe2\xc6\x85\xe9\x81\x1e\xb8(\x96\xf3\xcf[V\x9f\xfd\xe5Cw\x9eN\n\x90\xceF$\xb0&lt;E\xecv\xfe\t\xb4\xf4\xd5\xfc(V:\x1b,`v\x18m\xe4\xf29P\x9e\xbai\xe5\x13\xd7_v\xef\xba\x19I\x97*\xa9\xddE\x12\xc8X\x97\x15\xf6\xfdk\x8fl{\xe7\x89\xc1\xdb\x9f\xb8~9\xe1\x95\xeeW\xee\xb9\xd2G\x9fI4\x0cm\xff\xbf\x0c{\xf0\x18\x10K\x02\xee^3\xed\xc87\xaf/M\xe0g\x04amV\xe8_W\xe7_&gt;%2\x93\x03\x1f\xe9\xea\x06H\x1fSt9\x1d\xb8o\xc3\xac[\x96d-\x8a\xe5\xae\xcd\x0c\xf5\xd12\x8d\x85e\x89\x82\x91\xdb\x97%\nf\x86P\x92\xa8X\x9e"\x0eH\xe79\xaa\xcf&amp;\x0f\xb8mY\x0eA\xd8\x08\x82X\x96(\xf0\xb3@X40E\x88G\xb6,\x9c\xea=\xdb\xa7\xbd\xe3\x1cA\x10\x83?(\x7f\xbe-\xf2\xf8\x94\xbay",M\x10\xf8\xd9\xc3\xfa\x9c\xf0_?z\x96\xe8\xab z\xca&gt;\xf8\xc7-7-L\x9f\x1b\xc1\x18P\xf7%Qq\xe3\xc2\xf4\'o\\Qs\xe8\xdb\x7f\xdf\xb3y\x86,0e\xd0\x9f\'\x1e\xfb\xff\x87&lt;\xbcy\x01a\xa8w*\x8a\xfc\xf7\x08K\xa6\xe3\xf2)\x91\xff\xbcu\xcd\xae\x0f\x9f!\x08bE\x8a\x18\xc0\xbcH\xe6\x83\x1b\xe7^\x96,\n4\x15\xe5\x00\xb7,\xce\\\x9d![\x9d.}\xf0\x8a\xb9\xde2\x1e\xfb\x8f\x1c\x98"\xc4\r\xf3S\xc7\xd9\xcfxX\x9a\xc0\xf7&amp;\xfe\xbf~\xe9\x01oGM\x97\x91:\nv\r?\xc02NG\xa4\xb1C\x07\xee\\1\xc5\xa3\x02zy\xb2\xe8\xf9;\xd6\x0f\xfc7\x81\x1c\x80\x8a\x7fu\xc6\x18\xbf\xebd\x1a\x96\'\x8bf\xc8\xc8\x8bb}\xe5\x92\xfe\xe8\xa9;\xfak\x8fx\x0b\x98`\x00\xcbS\xc4\xbe\xcd!ccV(e\x0c_\xc0\xecp\xdat\x19\xc9\x9b\x96\xbf\xe5\xd46M\xf5\xef\x02\xbf{Kgc\xcb\x8c\xb8\xa5\x89\x82\xe5)\xe2x\x12\x92hX\x9f\x13&gt;7\x92q\xfd\xfc\xd4aEOG\x92+\xc0\x8c\x10\xf2\xa2X\xces\xb7\xad\xfb\xf0\x89\xdb\x96\'\x8f\xee\x93K\x05\xeeY;\x9d \xba\t\x82\xe8\xab&lt;\xf0\xd9?\xef\xbaa~\xea\xb5s\x92\xae\x99\x9d8\xd0&amp;\x16\xb8eIV\xf5\xef\xdf\xbc\xfd\xf0\xf5K\x13\x02\xbb\xefi\x17n\xcb\xa4\nh\xe2\xe9l\xef@P&lt;9\xa8\xcf\xff%p\xa4\x9c\xc7\x17\x08\xc2\xc2\xc3g\xce\x99\x03\xb8t\xfd:\x00\xd7\xdd|\xe3\x82%\x8b?\xff\xf8\xd3~\xad\xa6m\xdbI\xdf\tX&lt;\xc2d\xb3\xe2\x13\x13\xd4\xaa&gt;EG\xe7\x99q\xe7lh\x03\xda4(&lt;\\5\xce~\xc6\x03\xe1]\xf7\xf4\xe2?_\xf3\xb6\xeb\xcd\x0f\xde\x0b\x9f\xb2r\xd8\xc6+f\xcf\xf3}\xaeh\xc0\x08\x04b\x9b\xf0\x176 \x14\x89s\xf2\x92*\x8e\xd5\x0e\xdb\xb5\xbbF\xbd\xbbf\xdb\xc0\x7fG\xcd\xaf\x00@\n\xc4\x87R\x8c\x06g\xd9X\xab!\xda\x1d\xa0P(\xec 6\x99\xecu"\x19O\xc2\xeauky\x89sM^\x1c\x98\xac\xc0\xee\xea\xf3V\x00\x110\x81\xde8\'|\xd6\x83\xf4\xc6\xf1N\xfb\xc6&lt;yzVfbq\xc9\xc8\x9c\xa6\x9f~\xf8Qsc\xa3\xd6\xef\xde(\x148\x1c\x0e&gt;\x9f\xcf\xe3\xf3\\N\x974D\x96\x90\x94\xd8\xadT\xe6\xe4\xe5\x9d:v\x1c\xf0\x1a[\xc7\x01\xe2\x12\xa2\xd8l\xf6\x8a5\xab\xd7^\xbe\xa1\xf0\xdc\xb9\xd2\xa2b\xd4\x8cr{B\x00\xbb\xdd\x81\xbe\x9e\x8e\xe6\xb3\x1f\xbe\xf3\xae\xaa\xa7\xb7\xbe\xae.+\'\x9b/\x10\xe2x\x9d\xbbM\x13\x90\xd2\xd9\xd9\xdb\xdd\xd3\xdc\xd4\xa4\xd7\xeb\xd9CSt\x8c$\x89\x06\xb5\xfd\xfc\xfb&lt;\x90Xtr\x00\x98x\xbe&gt;Q_+&amp;5\x07\xf2\x05\x146\xe8\xa8\xd4\xce\xca\xf2r\x10\x04\x81\x1f\xc8\x14r\x02\x19\x1c\x1e\xb7\xf0\xec9\x8dZ\xedr\x8d\xd1kP\xd9\xa9\x90\xca\xa4N\xa7\xb3\xb8\xb0\xb1iL=\xfc\xd9\x10\x08\x05 \x94 \x8d\xd4Tt\x97{\xd1\xe80\x81\xfc\xd5\xabFn\xbf|\xf3\x95?\x15\xbc\xe2\xf1\x90X\xc0\x05\x10\x97F\xfa\x03\xd0\x02\xff\xfaj\xdfDE\x8d\xe6$\n\x93\xd3R\xca\x8aKJ\xf5~x\xce{\xa2\x97@\xac\xd5\xca\xe3\xf1\xc8\x14\x8a7\xd5\xbd\x91\xc0\x83\x7f\xbdG\xa3\xd1\xf8\xe3A&lt;\x81\xd2\x7f&lt;\xb8\\.\xa7\xc3Ig\xd0i#&lt;\x80wm\xffM\xa5\r\xa0\xabR=\xec\xe5\xada\xe1\\\x89T\xeap\xd8\xa3cb\x16.^\xfc\xdaK/\x9fx\xed\xfdJO7\x8c\x06\x88\x00\x0b\x10\xcbGHh\xa8\xddnkin&gt;w\xe6lfNVTtt*\xf3\\\x95O\x8fQ\x03\xd0\xd3\xdd\xfd\xfbo{\xce\x9e:u\xe2\xc8\xd1&gt;\x95\xa9\xd5\x00YH\x17\x97\xc7\x1bl\r*\xaeR}\xf1\xc9\xa7gN\x95\x91H\x90\xd3\xa1\xb0yxxd\xc0\x05p\x80\xcb7-\xf9\xea\xeb\xfd\xc3\xf6N\xc6\x01\\\x12\x14f_\xe5\xeb\x06C\x02.K\x122a\xe9\xec4\xd7T\xb5\xd5\xd5\x14V\x96Wh\xd5\xd6\xd8\xf8\xe0\xe8\xd8\xd8\xda\xea\x9a\xba\x9a\x1a*\x8dvfD\x81\xbdh@B\x81\xda\xa75\xb6Z\xa9c\x9aTu\xb5\xbd\xb5\xfe\xf9\x0bS\x00\x02\x10\x01\xa9B\x10\x16_\xd9]\xa2\x03\xb5\x15\xfa\x8d\x08\x98\x15\xc7%il\x1eW&lt;"\x92)\x84\xc7\xd3+\xebB\x13s\xdd[\xbez\xf1\xbe\xad\x9f\xbc\xf5\xd7-w\xf4zI_\xed\x00\x9e\xbe\xeb\x06\x04\rW\x8f\xa4\xcf\\\xf2\xd63\xcfx\xfc\x0c#\x82\xd0j\x87\xff\xa1ad \x95\x05o\x17\xe0\x8d\t\t\xc6\x0b\x06\x84lB,\x0en\xa8k\xed\x1a\x93M[\x0ed\xc4rR\xd2\xd2R\xd3\xd3\xd4}joU\x15\r\x00\xd4\xea\x13\x8a\x89\xaf\xf4\xe2\x03\xde\xf8\nN\xb0\xcc\xba\x9c\xbc\xec\xd7?\xfd\xa4t\xdf\xf6\xea\xa1\xe9\x8f\x92C\xd84\x8a=\xa0\xf4GQ&lt;\xf4t\xdbjk\x15U\x1a\xdb\xf5\x9bV\x08E\xc2\xe7\xdf\xfe\xa1\xd5\xea!\x11[&amp;\x07\xeb\x97\xe4\t\xd8\x04\xc3i\xe0\x0b\x822\xb3\xb3\rz\x83V\xa3\xa6P\xa937\xfe\xd5\xacj\xb6Y\xf5\x9a\x86\xce\xc1\x1f/\rH\xe7 \x92s&gt;#\x93\x05\xd0*u%g\x0e\x9d:^Y\xad\xb6\xf7\xd8`\x02\xb8\x0e]ddd\xf9\xa0h\x03=\xd0\xd6\xd4\xddbG\xb7\r*\xa7\xe7{\xb5(\x8eg\xd1X\x1d\x80\xa9\xb7\xa5\xc20\\^L\xae\x00\xfeh\x04CE\'\x01\x98L\xa6\xe8\xd8(vww\xbf\xc6\xd2\xd3M4\xc2\x02@l45\xd4\xd5\xed\xd9u\xa8\xcc\x80\xa1%\xe5\xcf\xf3\xc2+\x0f\xc6\'$\xe4\xaf\xbb\xc3\xf7\xe9\x8ew\x06\x10+r\xd7\xda\x19M\x8d\x8d\xb3\xe7\xcd\x15\n\x85\xc7\x8f\x1e+)\xac\xf16\xad\x8e\x89b\xb7\xb4N\xbc,\x08\x05n\xbda\xf93\x9f\xfd\xf6\xe6C\xd7\xde\xf7\xeaW#\x1b\x1c\xef\xb4\xdfu\xdb\x13-@:\xfb\xd6\x0f?\x7f{\xe6\xeaU\xdf\x7f\xfd\xed\xae\x8a\xd12\xa2\xd3&lt;\xbf\xe7\xc3\xb6J\xddy1I\x90GK:+{G\x15=S\xc5`2\xe9\xcd\x9d\xb6\xac\xd4`\x9b\xcdV\xf9\xc7F\x81\x92\x80L.\x84"VJZ\x9aT&amp;\xf5\xa1\x1c\xf3M\x1b \xe81X,\x16.\x9f\xcf\xe5\xf9\xb2[y{\x19\x02bCnDCmG\xd9\xd0\xaeb\x81a+T*\x90)\xc0\x1dw\xdfVZ\\r\xea\xf8Yw\x81\xf8@)\xd2\xe2\xf3\xb5k\xc0OZ\xb1v\xcd\xd6\xa2\xf7\x06\xef\x8a\x8c\x8a\xa2R\xa9=\x07\xcb\xfdw\x9e)\x18\xb4\xaey\xea\x1fo\x85HI\x1e\x87p!\x10\x1e)\x0e\n\xe2X\xad6*\x8dB\xa73$2\xa9N\xd7\xaf\xecT\xb8\xbd\x98\x94\x9d\x8a\xe2\x82\xc2\xc1\xca\xbd8\x12f\xceNR\xf5\xaa\x8a\x06e\x08V\x02J\xc5\x909\xc5\xd9^4\xfftT;\xf4t*\x8cB\xb0$\x98\xdd\xacS\xb8p\xb2\xcb\x83&gt;qr\x00\xf8\x83p\xfbD\x8b\x81t9\xf3H\xdb\x90y\xe7\xd1v+\xda[\x97\'\x8b\x92R\x92\x1b\xea\xea\xd1ll\x04t:\xd3\x05\xe9\xef\x99\xe3\x87\x8f\xbc\xf5\x8aW\xad\xf7\x18`\x00\xa2`q[kkc}\xc3\x89#%UV0\x80\x851A\xbf7{\xf8\xeey|\x9e\x18\xa6\t\xcfB\xa5\x04\xdc2\xe8MO\xd2\xdfM\x0b\x00\xa0\xc2\x84\xf9W\xdc\xfd\xd5k\x1d\x96\xd1\\\xf9N\xff\xfc\x1e\x84\x1e\x0c\xd7\x1b\xf3\xe4\xc34&lt;\x9bVO\xa3\xd1h{~=\xde\xd9\xd6\x1b\x1e\x04\x86q\x94\x1cg|\x01/$4d\xe6\xdc\x08\x93\xd1t`\xcfi\xdf\x971\xe1p\x01\xb5\x1ef\x939#\x9b*\x12\x8b\xf3g\xe4\xb4\xed-\x1e\x9b\xee\xa5\xcc\x80\xf6}%,\x16\xab\xe8\\\xc1\x04_\xe5P\xee\\\x91\x17\x11\x19\xd9\xd3\xdd\x03\xa3\r@\x16\x17\x06\x03\x1a\x89\xe1\x93\xe8k\xe7$\x11\x04A&amp;\x93\xedv\xfbe+W\xd8\xed\xf6\xa2\xbd\xc5\x1e;\x1c\x95\xa2s\x05\xe9K\xae\xfd\xfe\xab\xaf\x07o\x0c\x06\x1e{\xfa\xc9\xa4\xf9\x97er\x84\xdeR\xb3\xb2\x01\x9a\xf7UZ\x0b\xd0\xd2\xe3a\xc8\x9d\x15J\r\x96J\x18\x0cF{[\x9b\xd1`\xa0R\xa8|\x01_\xd5\xdb\xab\xd7\xe9\rz\x83A\xafWU\x1c8z\xe8\xf0\xb0zMB!N\x9f\xac\xad\xf7C\xcf;\xec\x8d\x9d.#\x95v\x13\xde&gt;\x00\xb7U\xe0\x97\xd3M&gt;\xbe\x90\xc9@\xb0\tf\x8a\x10)i\x89\x87\x8e\xd7\r$\xebg\x02+\xa7D\n\x84\xc2\xbc\xfc\xa9W\\\xb5\xa5\xa3\xadm\xfa\x8a\x9b\xbc)\x003\x82 \x0ef7\xb5\x9a\xa6\xe4\x84\xb76w\x06:\xf1\t\xf2\x9ejx\x18\x99A\x08\x8b\x10\x0e\x8b\x1e\x9a\'g\x16\xb4Y\xfc\xe9!\x1c0^2-\x90\xff\xdc0?\x95/\x10\x94\x14\x16\x1di\xf7|G\xe7G\xb1^{\xf7\xed\x9c\x957\x0f\xdb\xae\xaf?\xc6K\x9c;x\x0b\x0b\xb8u\xed\x0cUo\xef7\'\x1b\xfc&lt;\xbb\x04X\xbb$\xcbf\xb3\xfdr\xa4\xfa\x8fO\xae\x94\xca@rZDeyGjz\xf8\xba\xcb7P\xa8\xd4\xe2\x82\xc2W\x7f:\xea\xde\x9b\xc3\xc7\xa2e\xf3K\n\x8b\x0e4N\xc0\xba\x84z!\xdb\xe88\x99\x1dN#%\xfec\x00\x00 \x00IDAT\xd3\xeb\xec\xa5\x17\x1c\xf7\xc5\xf0\xa0gK\xa4\xe0\xba[\xd6\xa5\xa4\xa6675\xf7k5W\\\xb5\xe5\x95\xe7^\xf8r\x84\xb5\xdc\x7fF\x86P\xf0\x80\xb6\x9a\xc3\xfc\xa4yy"R\xa1w\xe7\x8ayr\xa6\xd9l\t(D\xf1\xaa\x99\xf1 A\xa3\xd6X\xcc\x16\x91X\xc4\xe7\xf3m6[TLt}m]\x9f\xaa/*&amp;j\xe6\x9c9\x9f\xfd\xe7\xa3\x13\x8a\xe1\xb7\x93\x03\x08\x80\x802\xb4\xb0\x80\x85i\x92\xfd\x95\xbd\x1e\x0b\xdf\xd1=\xe5\xf7\x1d\xc9d:\xe8\t\xc6f\x03;(\x88=\xc8\xb6b\x01\n\n\xdb\x9b\x1a\x1aB\xc3\xc3\xc5i\x8b\xb2\x96\xdfx\xed\xd2lo\x87\x97\x1bQ\xdej"\x03Q\xd1\xd1q\tQ\x81\x9e}iN\xb8\xef\x06, \x93\x03\x0e\x90\x92\x1e\x13\x9f\x98(\x19:\x018\xe2E\xfa\x8f\xb4\x14u^\x90\xfe$\xff\x1c\xa8/\x11\xedmmol;q\xb8\xcdL\xe8\xeb=\xfa\xd6\x15\xb4\x9a?\xfd\xf0\xa3\x91\xdb_\x7fy\xb8\xf9W\x08464\x9c\xf6[\xfa\x03\xe8\x05&gt;\xde_\xfa\xc5\xa5\x94\xfe\x14\xeff\xbaN+(\x14Jt\x8c\xc0l6+\x14\n\xbe\x80\x7f\xd3\x1d\xb7\xcd\x0c9\xdf&lt;#+\xd9n\xb35M\x84\xf4\x0707&amp;\xe8\xda9I\xee\xdao\xe3\x993\x1e\xef\xbc(\xfd\xe1I\xfa\x03 \x91@!\x93\x8d&amp;\xe3\xb9\xd3\xa7U\xbd\xaa3\'N6\x8f\xcf\x83a\x98\xf4\x97\x03q|py\\\x00J\x9f\xaeu\x11\x91\x91RY`\x896\x94\nemUCg{\x9f\xc9h\xe4\xf2xB\xb1\xc8h4\x96\x16\x97\xd4\xd7\xb6\x98L\xc6\xd2\xa2\x8a\xaf\xff\xfb\xf9H\xe9\x0f\xc0\x00\x04\xd1\x10P\xceV3p\xd6\x8b\xf4\x87\x7f\xd2\x1f\x93\x03\xc0\x84\xa34\xa2\xb3\xa3c\xd8j\xae\x158\xd4bZw\xd7?\x1f\xdc8\x17\x00\x97\xeb\xcb\xad\xb9\x0f`1P[]\xdd\xd9\xe1aB\xb02\xcdWD\xd0\x89\xe2QJ\xae\x9a\x81F\x03\x1c\x00\x8b\xc5\xeaS\xa9\x9a\xfdP\x1c\x9f\xdd\xfeA[\xe1\xafw\xae\x98\xe21\xd7\n\xe1\xf7\x9a\xe3RP\xddtAG\xc6\x89\xff\xdb\x9d\x97\x8fl`\x00\x9cN\x0fKk:mx\xe2\x1b!\x13\xed\xad\xbd#E\xd2\xff6d\xc6\xe9\xbd$V?\xf0\xe3\xb9V]\xbf\xae_\xab%\x91HT*\xb5\xb4\xa88\x88s~8v\x11\xc4\x17\xdbON\x88\xebW:\x1b\xb3\xe6\xce\x9d6sFD$\x13\x13Z\x9c\xdd#\xc1Rj__\xdf\xbe\xdf\xf6\xb4\xb6\xb4\x88\x83\xc5\n\x85\xa2L1\x919\xcf\xe8$d\xe5\xa6vwu\x1d\xf8\xfce\x85\xcf\x96\xbf\x9c\xa87\x9bL\x01\t\xe5\x13-\xc6\x16\r\x0c\x06\x18\x8dhki\xb1\xdb\xec4\x1a\xad\xae\xa6\xa7\xb8\x1f\xa7\xbb\\\x85\x1a\x1cj\xf1j9\xab\xb5\x07\xec=\x15\x90\x97Z\x10\x90:"\x17\xd8\xe4\x000\xc1,\x98\x1a%\x93\x9d\x17\x1a\xb9\xc2\xe1q\x83\xafm=\xb6:]\xcab\xb3}\xbb\x00j\xac\xe8\xeaR7{r\x7f\xae\xa8\xf4\xfa\xd0\x99@\xbe\xcf\xe1\x81\x07\x88\x011\x10\x0e\x08D\xc2`\x89\xc4[e\x92\xc1L\x9d=+,w\xc5{\xbf\x16\xdc|\xc7\xfaQ\xcbE&amp;\x90\x117\xa1B\xd3Wd*\xa0\x00H$\xd2\xd37\xadTW\xfd^^Z:x\x97;Z9\x12\xe8\xed\xe9\xb9zv\xc2@eos\xf3\xa9\xc7\xaf[\xf6\xd6\xfb[\x077\xa6\x00\x12\x19\xab\xc50\xdc\x8f"\x8d\x89\xcd\xebff\xfa\x8a\x8e\x9a\x00\xc6\xd3}Q\xb7\xab\xac\xcb\xd5X\xdfPUQy\xe4\xf7C5\x17\x0c\xd1_\x1d\xab\x1dC\xe0\xc8H\xe4\xc0\x94\xa9)\xd3g\xcdt8\x9c\x85^\xf4l\x13\x8b\xdd\xe68\xb0\xe7\xc8\x8ec\xb5\xa5\xddDEY\xf9o\xbf\xec\x1c\xbc\x8a\x89\'a\xba\x8c\xe4;\x986\n\xf0\xb1vV\x11\x08\x0e\x96\xec\xde\xf9\xebS\x7f\x7f\xcc\xf7\x95\x18\x00\xad\xc6\xc0\t\xb02\x92\x1ah\x01T&amp;\x04K$9Sr\x93R\x92\xf5\x0e\xe0\xd2\x0f\x9c\xbea\x00K\xb2B=\xcd\x85&amp;\x998B\x81\xaf_z\xe0\xa1M\xf3\x16D\xb3g\xc8\xc8\xaf\xde\xb7e\xcc\x15K\xa4\xc0\x9cp\xba\x9f\xb1\xefn\xd6e\x85&gt;u\xd3\xf0p\xa7a\xf0\x81\x851A3d\xe4\xc5q\\\x7fR\x1b\x8a\x81\x8f\x9e\xba\xc3\x1d9\xfb\x9f\'o\x9f\x13A\xf7\x1d\xea)\x06\x96%\n|\x07\x94^\n~z\xe3\xd1\x877/\x1c\x9c\xa2"\x12\x98\x13A\x1f\xd0W\xfc\xf0\xfa#\xf3\xa3X"x]e\xc7\x01\x19A\x98\x1b\xc9\x18\xa6\xd1\xbarZ\xcc&lt;\xb9W\x81\x93:\x9e\xcc\x00\x00\x0f`\x01\xb4qd\xf4\x14\x01\x89\x14\\&gt;%\xf2\xd6%Y\xe3I\xb0\xea\x919\x11\xf4\x1f_\xff;A8?x\xfc\xd6\xb4\xa1RP\x06\xa41\x11\x0c\xc8\x80\x08`l\x01\xc0\\@\x00$\x90\xcf\x0f\xf3\xfe\xc8\xd9\x04\n\xe6G\xb1r\x05\x90{\x9f\x1c\x88\x80\xcb\xa7D.\x89\xe7y\x9cf-\x88f\x13\x84\x8b\xe8*I\xf4\xfbn\xf93O\x1a \x1c\x90\x03\x89T,K\x12&gt;\x7f\xfb\xfa\x877/\xb8t\xbe\xf6\xa9L\xbfn\xda\xda\xacPo\xef\xc6\xe4\n`"Q\x02?~\xf3\xad\xddf\x8f\x8d\x8b\x8b\x90GZ\xad\xd6\xe9\xb3g\x06\x9a\xc0\xc7M\x0fp\xa6\xd3\xb3/\xbc7\xac6\x9b\xc3n\xe7\x01\xeb\xb2\xc3\xd2X\x9e\x1fm?p\xb8\xd9x\xaa\xdbu\xa0Q\xef\xcf\xfa17\x9e\x7f\xcb\xd3\xef\xbb\xff\xae\xad\xae\xd6\xebl\xe2`\xaf\xfa+\x06 \xe7C"\x93Ie\x7f\xb4\xe2\xe4\xb5\x17_"\x93I\xeb\xf3\xa3\xdd\xb3u2 \xe2\xe2X\x87m`\xda\xb5\xe9\xfe\x97\x0e\xb7\x9a\xd5\xdec\x94\x1a\x01\x81\x80\x9e\x937e\xfd\x9c\xa4\\\xc1\xc5q\xe2\xfb3\xcd\xc3\xbc\xb6\x06X\x18\x13\xf4\xdf\xef&gt;\xf4\xbf\x94\xd80.\x9f\x129-\x9eo\x06\xec\xc0\xb29I3B\xc8c\xa8)(c`\xc9\xf2\xfc\xd9\xf3\xe6\x8a\x82\xc5\xc3|Kp!\x07\xf8\xa8\x84x\x992\xb7v\xd8\xacV+\xba\xca\xbe\xf9\xfc\x8b\xcaA\xae$R`\xf1\xec\xc4\x08\xb9 \x92\x8f\x999\xe1\t\xd1A!\xa1"\x1f\xd5\xb2\xbc\x11\xcb\x85\x13\xa8wA\t\xc4\x00\x91~H\xe4z\'\x0e\xb7\x9a\xc9d\xdcx\xd3\xcay\xd3=g\x80v\x02a\xe1\xe1\x89)\xc9\xd9\xe9\x1e\x06V\x91H\x04\x90 \xcb\xe2\xf8\x9c\xa5\x0c\x1e\xd2&lt;xa{\'.\x921=?:-=\x8c\xcf\xe7\xf7tw\x95\x97\x94^\xa2i\xf7&lt;9s\xd1\xb2\xe9\xf1A\x98*\xf6\x95\xe6}U\x9at\xe1\xd2%\x03\xba\xc1aL\x0e\x00\x13\xcc\xf6R\xe5o;N664t)\x95\x85g\xcf\xd1\xe9\x8c\xe8\xd81JC?\xcd8\x03\xec\xae\xee{\xfe\xcb}:@ \x10P\xc8He\xc1\xe3\x1c\xdf\xff\xb4\xb1\x11\xc0\xcf{v\x01\x00\x94\xd7\xcfO}\xf7\xc7\xa3%:\xaf\xc9/\xd9\xc0}[\x16EDJ\r:\x9d\xc3&gt;!&gt;#\x01p\xb2\xcb\xa5\xecT\x04\x05\x05Y\xad`\x01_\xbd\xfc\xe0\x17?|\x16h\xb6\xf4s\x9d6\x00q\xf1qs\x17\xccZ\xb70]0Z{\x06\x93Y_[;\xe6\xaa,\x0c\x06c \xc4\xfb\xc8\xb1\xda\xee.\x97\xcb\x85\xe8p\xfa(v|\x80\x07$\xd3\x91\xc5E\n\x1d\x0b\x97\xe4\xbf\xb3s\xcf}\xaf~\xc5b\r\x9f\x0b\x86\x02\xb3S|\rOq\xc0\x8d\x0b\xd2\xda\xcf\xedT\x12\xc4\xa1\x13[G\xces\xdb\x80\xdb\xfe\xfe\xba,4\xe7h\xfby\xdd\xd8\xb5s\x92&gt;z\xea\x8e\xec\x04~iQ\xdd\x91:\xad\xa6\x1fAAA\xf1\x89\t\x02\xa1\x90/\xa4\x88\x80\x80\xd6\xac\xa5\xfa\xf3\xd9C\xe3I\xc8\xca\x0e\xf37\xd9\x1bP\xa0\xc6\xab\x9f\xfe\xfa\xddi\xcf6\x8e\x05\xd9a\x8a\xce\xce\xba\xea\xdabO\x01"T\x1a\r\xc0{\x8f\xddl\xf0\xfe\xe4\xa2\x81\xc4\xe4\x98\x80\n\x0c\x0c\xc0\xe3\xf3\xf9|\xbeD&amp;\r\r\x0b\xcb\xca\xc9\x19s|\x86oV\xa5I\xa7N\x9bF\xa5P\xc3\xc2\x05w\xdd\x7fw\x8a\x97\xa1^\x02\xa4f\xa4\xd1i\xb4\xd6\x96\xffq\x11\xc0\xffG\x19&lt;\xecR\x81T\xa6\xa7D\xc6\x97\x86T\x06\xd2\x02R^\x8e \x14 \xbaK\t\x82x\xfd\x81\xab\xe7\xcb/\xf6\x95@\xc1T\xf1p\xcd\xb5\x0cx\xed\xfe\xab6\xe4F\xcc\x0e\xa7\r\xab\x8b\xfb\xc7S\xb4\xebc\x82 \x02\xd5D\xc9\x81\x87\xaf\\\xf0\xd7\xd5\xf9\x87\xbfym \xb1\xa8\xb7\xf5\x0e\x0bX\x97\x15:P]9lDE\x94\xb1\x91+\x18\xc5\xec\x01`\xba\x8ct\xdd\xbc\x94\xa7oZu\xd7\xaa|\xf7\x03"\x08\xc2\xdc|*\xa0\x13\xa5\xb3\xa1\xaf?6\x90\x19\xef\xc4\x8f\xef\x8c:^\x86\xe1|:\xd5Ya\x17\xe7\xeaI4\xcc\x8bd\xa6\xb1\x90/\xc1\xc6&lt;\xf9\x8d\x0b\xd2\x02\xba\x0c7\xc9t\xfce\xe5\xd4\xb5Y\xa3\xfe\xf4\xd1\xe1\x00\xf3\xa3Xy"\x0cSJ\xb1\x81\xcd\xd3c\xd3\x98\x10\x02q$p\x80\x10/\xc6\xaap \x16X\x14\xcb\x1dH\xa0+\x03F\xd5\x17\t\x80\xa9b\xc4\x930+\x8c\xba)?z\xf3\xf4\xd8\xcb\xa7D\xfem\xd3\xfc\xd9a\xe3\xcd\x9d\x9b&lt;\xa2\x83\xb9\x11\x8c+\xa7\xc5,\x89\xe7\xc9\x81\x14:\xeeX\x9e;\xe6sL\xae\x00.-\x83=db(\xc8\xca\x89\x1bg\x8d0\xffQ[Q9J\x8c\xd4((\x81\xdb\xaf\xbb\x01\xb0\xb9\\\xae\xa93\xa6\xe5\xf0\x11\x02\xac\xc9\x90\xd59\x88\xb3*E\xdcP\xd1\xd8\rl\xffi\xab\xd3\xe1d2YB\x91h\xc2\x8d\x00\x01\xa9\xb7W\xad\xbae\xcb\x8c\xb8\x83M\x06\x00\xcb\x93Ea\xfe\x1d\xb5`~JZf:\x9d\xc1\xf8\xea\xb3\xcf\x9fz\xeb{\xf7F=&lt;\x8c\xa3\xab3dK2C\x9cNW|b\xfc\xfa\x9cp\x19\xc0\x02\xa6\xc8\xc8c\x1bq\xdd\xd3y\xb7&lt;2\x1a!\x1em\x8ep\xba\x9b\xd8u\xa4\xba\xb5\xa59X\x12\x0ci\xa6{\xe3G\xef\xbd\x1f\xd0I?\xfc\xfc\x1dN\xfcl\x00\x80\xde\xdc|\xaa\xa4\xb0h\xc6\xecd\x1f\xa6\x08\x11\x90\x93&amp;i=\xf3\xcb\x8f\xaf\xff]1\xc8\x91\xb1\xd6\x8e#\xed\x16\x85\x19s\xe6\xcd\xfd\xf1\\\xeb\xd2\x15\xcb\x03\xba\x0c7\x02!\x89\xc1`H\xa5R\xef\xf9\x9b\xfd\xc5\x00\x1cn5\x17\xa8\x87\xc7pM\x89\xa0\xb3\x83\x82"\xe4\x02\r\xd0H\xc0\x00Dx1\x07u\x02\x1d@G\xbb\x9e\x04d\xf3p\xc7\xf2)\xd7]9_\x1e5JBR*\x90\x92\x9e2uz\x9c&lt;*\x8a\xc5bY\xad\xd6\xfa\xda\xf6\x0f~8|||.L3C(3f\xa7\xdd~Y\xee\xfa\x9cp\xf7\x90\x16\x02$\xa5$+\x15\x8a\xfd\r\xba6\xa0\xda\x86\x9d\xbb\x8b\xc6|\x8e\xc9\\@\x97\x102\x90/\x01\xd9t&gt;C\x93\x9a@E\x87\xc6\xf6G\xf9\x03H\x81q\xfa\x81\x08\x80\xa9Yqq\xa1\xfcU\xb7?\xb9d\xe3\r\xc6\xee:\xbb\xb17:6\x86\xe9\xec\xff\xea\xedw\x8f\x9d\xae\x1d\xa6\x0cj\xd59\xc9Z\x83\xc5l\xd5\xa8\xf5\xfd60\xc6\x97\xc8e\x18+\xd2\xa5\xfeW\xee\xd5\x03\x15\x1d\xe7\x7f\xfd\x13\xf7\xdf\x1a\xc4\xb0\x177(G\xbd\xed\x86\x16\x95D\xc6\t\x0b\x0f?s\xf2T\x9d\xf6\xe27\xe5p\x0c\xf7%_5\'\xb7\xa5\xb9\xd9n\xb3\xad\xbbbcl\\\\sMQzf\x9c\xcb\xe5R\xab-4W\x00\xe1xn\x18N\x90\x9c`R\x90\x14\'\xc8\xcb\xcf\x08\t\x0b\xd64uk/\xec\xa5\x00\xc2\x11\xfe\xa0f\xa0\xa4\xb9\x97n\xe8\xbe\xf6\x9eG\xdd[\xae\xbdl\x83\x9a@~0:\xfd\xcb\xd0Q\xb0\xfb7\x8b\xaa\xfe\xf9\x07\xeex\xfe\xa1\'\xf6\xec\xfa\x99L&amp;sy&lt;\xd8\xb5v\xb5\xd5c\xec\x80\x19\xc8\x8e\x96\xa8\xfb\xfa\n\xce\x9e+h\x1c\x9evHN\xc1\xb6\xbd[\xc9\xbc0u[\xd5\x7f\xb7\xee\xf5\xe7\x02\xc8\xc0\xdcH\xa6E\xe7`\x00\xf1\x91\xa29\xf3\xe7\x05K$\xa6\xbev\x86\xd1\xccw^\x82tr:g\xbf\xba\xe7\xb8\xe2\xfc\x93\x9c.%\xa5e\xa654\xf7z\xd4\x039\x01\xa7\x0bL ;;\xe6\xbf?\xff8k\xd6\xac\xa7\x9e~\xdfw\xdd\x1f\'0##6\x88\xcb\t\x8f\x88d0\x99\xc5\x85e%\xba\x80\xb5\xb8#\xa1\x1a\x88\xc5\xcbf\xcd\x9e?\xcfn\xb37\x956\xf4\x03\xf1|X\xad\xe6\xc1\xee\xa4\xd3\xe3y\xddj\xeb\xd8\xc6\x80\xc9\x01\xe0\x12\x12\x0e\xc8#\x04$\x97E9H~\x8cM\xfa3\x00\'@\x07"\xfd\x8e\xbf\x1d\xb3\xf4\'\x03\x91\xc0\xdct\xe9\xe2\xb9\xb9\x99\xd9\xd9\x05\xa7\xcf\xce^\xb9\t\x00\x8c\xddJEg[K+A\x10f\xb3\xa9\xa0\xacq\xa4\x98S9\xd1mC\xb7\rV\x80\rD\x92\x11\x1f\x0c9\x8f\x9c\x1e.\x10\xc2\x12P\xee\xada\x8c\xb9n{\xa6\\l\xb1\x98\xd5\x8d\n\xdf\x89\xf3\x00h\x80\xbe</t>
        </is>
      </c>
      <c r="E639" t="inlineStr">
        <is>
          <t>&lt;class 'numpy.ndarray'&gt;</t>
        </is>
      </c>
    </row>
    <row r="640">
      <c r="A640" s="1" t="n">
        <v>638</v>
      </c>
      <c r="B640" t="inlineStr">
        <is>
          <t>steps_per_sec</t>
        </is>
      </c>
      <c r="C640" t="n">
        <v>9200</v>
      </c>
      <c r="D640" t="inlineStr">
        <is>
          <t>3.3634102</t>
        </is>
      </c>
      <c r="E640" t="inlineStr">
        <is>
          <t>&lt;class 'numpy.ndarray'&gt;</t>
        </is>
      </c>
    </row>
    <row r="641">
      <c r="A641" s="1" t="n">
        <v>639</v>
      </c>
      <c r="B641" t="inlineStr">
        <is>
          <t>Loss/object_center</t>
        </is>
      </c>
      <c r="C641" t="n">
        <v>9200</v>
      </c>
      <c r="D641" t="inlineStr">
        <is>
          <t>0.09759956</t>
        </is>
      </c>
      <c r="E641" t="inlineStr">
        <is>
          <t>&lt;class 'numpy.ndarray'&gt;</t>
        </is>
      </c>
    </row>
    <row r="642">
      <c r="A642" s="1" t="n">
        <v>640</v>
      </c>
      <c r="B642" t="inlineStr">
        <is>
          <t>Loss/box/scale</t>
        </is>
      </c>
      <c r="C642" t="n">
        <v>9200</v>
      </c>
      <c r="D642" t="inlineStr">
        <is>
          <t>0.063303255</t>
        </is>
      </c>
      <c r="E642" t="inlineStr">
        <is>
          <t>&lt;class 'numpy.ndarray'&gt;</t>
        </is>
      </c>
    </row>
    <row r="643">
      <c r="A643" s="1" t="n">
        <v>641</v>
      </c>
      <c r="B643" t="inlineStr">
        <is>
          <t>Loss/box/offset</t>
        </is>
      </c>
      <c r="C643" t="n">
        <v>9200</v>
      </c>
      <c r="D643" t="inlineStr">
        <is>
          <t>0.11092095</t>
        </is>
      </c>
      <c r="E643" t="inlineStr">
        <is>
          <t>&lt;class 'numpy.ndarray'&gt;</t>
        </is>
      </c>
    </row>
    <row r="644">
      <c r="A644" s="1" t="n">
        <v>642</v>
      </c>
      <c r="B644" t="inlineStr">
        <is>
          <t>Loss/total_loss</t>
        </is>
      </c>
      <c r="C644" t="n">
        <v>9200</v>
      </c>
      <c r="D644" t="inlineStr">
        <is>
          <t>0.27182376</t>
        </is>
      </c>
      <c r="E644" t="inlineStr">
        <is>
          <t>&lt;class 'numpy.ndarray'&gt;</t>
        </is>
      </c>
    </row>
    <row r="645">
      <c r="A645" s="1" t="n">
        <v>643</v>
      </c>
      <c r="B645" t="inlineStr">
        <is>
          <t>learning_rate</t>
        </is>
      </c>
      <c r="C645" t="n">
        <v>9200</v>
      </c>
      <c r="D645" t="inlineStr">
        <is>
          <t>0.001</t>
        </is>
      </c>
      <c r="E645" t="inlineStr">
        <is>
          <t>&lt;class 'numpy.ndarray'&gt;</t>
        </is>
      </c>
    </row>
    <row r="646">
      <c r="A646" s="1" t="n">
        <v>644</v>
      </c>
      <c r="B646" t="inlineStr">
        <is>
          <t>train_input_images</t>
        </is>
      </c>
      <c r="C646" t="n">
        <v>9200</v>
      </c>
      <c r="D646" t="inlineStr">
        <is>
          <t>[b'512' b'512'
 b'\x89PNG\r\n\x1a\n\x00\x00\x00\rIHDR\x00\x00\x02\x00\x00\x00\x02\x00\x08\x02\x00\x00\x00{\x1aC\xad\x00\x00 \x00IDATx\x9c\xed\x9dw\\\x14Y\xf6\xf6\x0f\x82 \x98@ET@Ar\x14\x10\x04$\'I\x92\x11$+\xa0 \n\x8a" F\x0c\x08\xa8 b\xc0\x84\xe4P\xe6\x9c\x05z\xa2at\xcc\xa1\x7f\xbb\xef\xc6\xd98\xbb\xb33;\xb3\xb3\xb3\x13\xde?J\xdb\xa6\xbb\xba\xba\xaa\xba\xaa\x03\xdc\xef\xc7?\x9a\xea[\xb7\x8e\xd0]\xe1\xdcs\x9e\x07\x00\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r\xc4a4\xcc\x9d2bmr\x00w\x87p\x1c\xc3\xdd\xdco\x19A\xb4\xf1\xd1\xe5\xe3\x1d\xd5\xc5\x9c\x1f\x9b\x14\x8e\xfe\xefS\x00\xde\x0c\xf4\xf2yX~\xf8l\xd6\'\x9f\x08\xb0:\xd1\x07\xab/c}f\x04\x82\x19\x84_p\xa5f\x04\xc0\xba\xb4\xe0\xfe\xce:9\x1ck\xeb\x92h\xc6\xfb\xfe\xf2\x0b\xb8\xcf\x9d{\xb4\xb7\x8f\xc5xDx\xf2o\xee\xe6~\x8b\t\xd1\xc6}{\xea\xd2\xcb\xeb9?\xb6\x04\xa6\x01\x8c\x02\xd0\xd4\xe4d\xf2?\x03|\xf3\xcd7\xcf\x9f&gt;\xed\xbf\xf5\x99.\xdb\x93;\xcd\x1c\xe3\xe15\xf7\xc7\x1f\x7fd{b\x16\x18\xad\xe8\x00\x10\x08\xa5c"@uA\x02\xb3}\xbd\xa7\x8d,N\xf0f7\x1eq\\t\xb9\x9d?\xd8l\xac\xf0\x8f\xe7\x0fn*]\xc8\xe13\r\x15b\x1c\xa7\x88l\x19)\xc3l\xce\xe3\xde\xbe(Y\xe0\xe71Y\xad\xb7\xael\xa0{o\xa8\xa5\x1eGO\x18\x99\xbe\xd6\x9c\xcc+3mU+\x15\x1d\x02B\xb9Y\x1e5\x87\xcf\xc3\x14\x1d\x85\xb2\xa3\x0f\xb0\xbfl\x91\xe0\xc7\xcbG\xb6\xb1\xf2KS\x03\x98\tP\x99\x1b%u\xb64oK\xd9\x0f\xa7B\xc4\xcc\x9a\xca\xcao\xf8\xe8\xa6\xbc\xcd\x8b#&gt;:\xd9\xc8\xe7a\xc7+\x0b\xbc\xa6jH\xdd\xa5\xa1$\x13\x7f\x11\xeb4M\xf6\x00\x14\x88\x0e\xc0\xeaD\x1fEG\x81Pn\xdaw\xae\xa2\xfeM3e\xe3\x88\xeb\xd2\x82i\x8d\x17\xbf\x1d\xaeH\x9f\xc7F \xf4(K\tbq6\x8b\x11\xe0:\x01\x9e\xdfl\x7fr\xad\xe5\xd4\xdeu$\x7f\x82\x89\x00~\xc6\xa3\xde\x0c\xf4\xda\x8eb\xf1\xf8\xc4\xacM\xf6O\x99k\xce\xf9a\xde\x91\x1b2\x8b\xe4\xdde\x11\xae,\x1eK\x07\xc0\xd3`\xc4Tj\x83\x83f\x8e\x01\x00\xd1G\x12\x04b\x98\x13\xe7l(\xe3\x0c\xd7\x9bwR\x1fL\xe5~Mu\xd1\x038\x7fp\xd3\xcd\xd6\x9a=+S&lt;\r\xd4HF\xeeY\x95B\xf2\x8b\x985\x16\x96E\xb0\xb3\xb6\x19a3\xd1V\x8b\x95\x99T\x0fK\xf5\xf7\xafs\x82\x1d\xd8\x9d|\x1c\xc0xvgD \xe4\xcf\xfd\xf3\x87\xe7Y\xd0\xfb$s\xb1\x1e=\xdc\xceQo\x06z\x1d$,\xe7\xe9\x00D9\x18&lt;\xbf\xd5\xc1\xca\x81\xb4\x00\x8cY\x99\x88\x1a\xcd\x95\x05\xb7Zk\xe5x@\x04b\x98q\xb3\xa5\xa68\xde{\x81\xdb\x0c\xd6g\x16_\xb5\x13g\xa1\xc7\xcc\x1dyq\xac\x1fZ!\x94.\x0ct\x1a\'}\x18+l[\x1a#\xfc\xa3\xa4E\x82\xf1\x12\xeayT\x85h\xc7)\x11\xb6\x93\x14\x1d\x05\x021t\x99\x01ph}.\x9f\x87\x19\xc9\xf1\xa0aVz\xf8\x8b5\x89\xbe\xe2\xefvT\x17\xafM\xf6\xc7_\xc7\xbf\xcb)\xe9\xc9%0\xd5E^\x97\x1ey#\xbc\xb4N\x8b@S\xee\xdb%X\xa2&lt;\x95\xde\xa2\x17\x021D\xf8\xf8\xd4~\xf1\x8dIsL\xe4\x1e\x08BI\xf9\xfc\xea\t\xe1\x1f\xa9\x9f\xd6=&amp;\xd38\x8a\x0e\x8d\xb1\xecs\xa6q\x03\x08]\xc2y={\xe5\x99gC T\x00\x87\xd1\x10j\xa9\xab\xe8(\x10\xf2\xa6\xae8U\xf8G\xbf\xe9\xdc\x97:\xc9\x1d}\x00\x00\x88q\x9c\x92\xecn\xea4\x0ev\xafLQp@\x08\x84\x12\xb2\xc8\xdfV\x96\xddQ\x95\x85\x08\x97\x8flm(\xc9Pt\x14\xf4\x18\r\x10;k\x1a\xa0\x12L\xf6`\xab@\x00\xa1b\x0c\xd5\xc7\xcc\xf9v\xfa\x85\xd1\x1e\xe2\xdb\xcd)\xd7\x1b\r\xc1\x9bL"\x1e_m\x89\x1c~K\xac\x1eb\x05\xb5\xba\x8a\x08CIX\x9b\xec\xff\xf0\xf2qEG\x81\x18B\xe0\xa9Wm\xfa;n\x93A\x81\x87]v\xe4\xc7yM#(\xac\xa7\xd2\xe3\xe05U\xc3N\x1b\xc6\x02\xacN\xf0yz\xbd\x95\xf5\xd8\x10\xac\x13e/}\xb9\xc0\x8e\xc1\x07Z\x15(Oe\xb3{\x11\x81\x80\xba\xe2T\x91\xbc\xad\xfc\x91E%F\xe5 \xb9,\xa9\xb6R\x81\n\x12n=\x01\x00\xf6\xad\xcd\x94\xd4\x96!7\xd2\xbd-\x85;\xd7\x10\x08\xf9!X\xad=\xdb\xb8A\xe4-m\x00E},\x1f^:\xa6\xa0#s\xc5\xfe\xb2\xc5{\xd7d&lt;\xbe\xdaB2&amp;\xc1E\x9e\xf5\xbd\xacq\xff\xfc\xe1\x87\x97\x8eM z\xab"=d\xa2\xbc\xc3\xa1\xc7\xb6%\xd1\n\xff\xa5\xe7\x859\xa3\xf3?B\xc1\xdc;\xd7\xa4\xe8\x10\xdeb1\x02VD\xb9\xb3;\xa7\xaf\x91\xd6|;}v\xe7\xa4\xcb\x8b\xdb\x9d\xe4JM\x8a-pd\x86\xff\x0cm&gt;\x0f{\xdd\xdfC\xf8\xae:\x80\xbd*\xfe\xaf\xe4\xc5\x08\x00w:%\xb0\x08\x04W\xc49\x1bR\xfc(\x1a\x00\xbc\xee\xef\xd9\xb6$F\xfc\xad\r\x99a\xeb3B\xd9\r\x8c\x16\x89\xae\xd3}\x8c\xb8\xd1\xa1\x07\x00\x80\xad\xb9\xd1"\xb7\xb4\x116\x93\x02LD\x93\x08\x92~\x93T\xda&amp;\xc6\x00|z\xe6\x10\x93\xe0\x14\xc4\xe5#\xdb:kV+:\n\x04\x02\xc1\x01\xa7\xf6\xae\xb3\x13+\xb5Y\x1chG8x\xf9\xfc9c\t\xdf\x18Zp\xbdnQ\xb7\x8a\xd2\xc2L\x82\x8b\x91\xdc\xd2\xd7\xe7\x0fn\x92\xf4\xd6\x89m+\xa6syh]\nc\xc8\xff"C\xb5\x88\x0e\x81@ \xe4\x01I\xf2\xca\x7f\x86Rdy\xdaw\xae\xc2\x1bt\t\x9bHX\xcfD\xad\xcfP\x80\x8c9\x02\x81 CV\x85k\x84\x04\xce\x1d\xd8(\xe9-\xff\x19C\xb4\xeeR29\xc1\x8e\x8a\x0e\x01\x81@\x88\xc1\xe7a\xc3M_Z\xb1\xf4u\xeeQt\x08\x08\xc4PF\xf5L\xe1\x05x\x1b\x8e\xc4[9\x03L\x08\x9e\xc0\xf5\x00\xfc\xa7k\x03\xc0x\xa2\x9eOf|8\xc03`e"\x960\x03\xd8Y\x90`\xaa\x82e\xfe\xb7\xdbwQ\x19\xf6\xf8\xe1#\xae#A \x10*\xcc\xa7g\x0e\x1eX\x97\x8d\xbf\x9e\t\x00\x00\x03]\xf55+\x16\x08\x06\xdcj\xada\xf1pJ%\x99\xe0&lt;\x0e\xf8&lt;\xecfK5-\xa9d\x92|\x0b\x02\x81@\xbcGv\xcd\xc5\x14O3f;\xee\xc8\x8b\xa52\xec\xe0\xba\xec0\xab\xb7}B\xc9\xee\xa6\x8ec\x80\xcf\xc3\x94\xea&gt;]*\x0b=f2\xde\x97\xcf\xc3\x96\x86:\xc79\x1b\xe2\x8f;\x08f,p\x9ba\xa4\xb8\xceD\x04BYx~\xab\xc3\xcfX\xcaI\xff\xde\xb9\xc3|\x1e\xe6&lt;\x1e\xa8\x98\x87m_JP\xd1O\x05&gt;\x0f\x137y\x97\xca$\x80@S\xaa\xe5\x8b5+\x16$q\xe0\x80F\x8by\x16\xe3\xdf\x0c\xf4\xde={\x880KE\xde\xdb\x05\x00\x9f]:\xa6\x050[\x0f2}\xad\xa5\x1ek]Zp\xeb\x8e"Fa\xca\xca\xcee\t\x8d\xa5Y\x1d\xd5\xc5\x00`!-\xef\xc8N\xc2N.\x0ce+j\xc40\xe4\xcd@o\xf3\xd6\xe5$\x03\xc6\x01\xf0y\xd8\xfd\xf3G\x9e\xddl\xafY\xbe\x80d$]\xcc\x06\xbbY\x11\ny\xb2E\xa4\x9d\xbe:@\xf3\xd6\xe5g\xf7\x8bjT\xc8\x1fc\x00&gt;\x0f\xdb\xb3j\x90\xf8\xfb\xa9\x86\x8a\x96\xed\x85\x15\xe9!\xe2\xe3{\xeb\xca\x04&amp;\'k\x93\x03\x00\xc0z$\xdch\xa9\x96z\xe5S`A\xe5\x9b\x81^&gt;\x0f\xe3\xf3\xb0(\x07\x83\xeb\xcd;\x19\xcc\xb0gU\xca\xce\x82\x04\x92\x01\xa6\x00\xe5)H\xd1\x0c\x81`\xca\x14\x00&gt;\x0fkZ\x9fK&gt;,\xcc\xfam\xca\x85Jzhsv\xe4li.\x8e\x86\x00z\xec-\xd5\x92\xb38\xc0.u\xae9\xc5\xc1r["\xaf_\x9dV\x95\x1fo\xfd\xae\xcb\xb8k\xd7\x1a&gt;\x0f{D$\xcf;[\x0f&gt;\xbfr\x82\xcf\xc3l\xe9$\xe7N7TD\xd8L\x14h*\xc8\xcd\xb2X\x98-\xd9\x91\xcb\xe7\xbb1\xde\xfd\x83\xde\x06\xc2\xed\xa3\x01r\x82\x1du\x01\x8a\x13\xbc\x85\xd7~\xa8\x13h:f\xd6X\xa8-L\xa2\xbb\xa3.\x83\x83!\x10J\xcb\x0c\x00&gt;\x0f\xf34`\xf3\xbc\xf7\xe0\xe2Q&gt;\x0f\xbbtx+\xc9\x98\xa2\x18O\x16\x8f\xa8l8S0\xa0\xf15\xd2\xaa\xcc\x8d\x12\xfc\xd8U\xbb\xe6\xcd@\xaf\xa4\xc1\x1f\xf4\x10\x9f\n\xc9)M\x0e\xe0\xf30C\x005\x80\x84\xd9C\xb0}uG~\x1c\xb3\nzf\xf7\x1d\xfb\xd6f2\xbb\xde \x10JJ\x94\x83\xc1\xe5#dgj\x06|t\xb2\x11\x7f\xf6\x17tQ\t\xbeo&amp;\xec\x1eI6\xff\x16&lt;*\xe1;c\xb6DtgI3\xaf\xcd\x0bs&gt;\xba9\xbfd\x81\x9f\xf0\xc6\xdb\xed\xbbbfMe\'\x02\x00\x00xv\xa3\xed\xe5\x9d.\x00pSr\tM\x15\x01\xad\xb9#\x86\x0e\x16\xea\x902\xd7\xfcU_wYJ\xa0\xa41#\x00\xa4\xe5r\x88\xd9\x923_\xfc\xd9\x7fU\xdc\xdc\xfa\xd5\xe9\x8c\xe6\xe3\x84\xf2\xd4`f;\x12\x169e\xfa\xd9\x04\x98\xe8\xe0\xe5\xf9R\xd3-\xb5+\x92\xf8&lt;\xaci\xc3\x12\xe1\x8d\x1b2C?&gt;u\x80YH\x84${\xcc\xc4\xa5\x89\x9d\xc7\xb3\xbft\xe98\x1a\x92\xddM\xd9\x9e\x95\x1e6\x1c\xca\xf4!\x10C\x9d%!\xb3\xde\x0c\xf4\x12J\xef:\xe8\x00\x00\xe4\x86\xccJt\xe5T\x98K\xb9\xd8\x98\x15&amp;x-\\h_\x1c\xef=G\x1f\xb2\x03\xedo\xb7\xedzy\xa7\xeb\xb3\x8bG\xc5\xf7\xed\xddS\x9a\x1b2\x8b\xe2\x81zv\xaf\xe5\xf3\xb0\xa77\xda\xe4c_3\x16 \xcd\xcb\x82\x95\xa9\xbc\xa6j\xdcl\xa9\xb9{\x96X^\xd4m"\xa8S\xa8\xf9a\x85\x86\x92\x8c \xd31\x92\xfa\xb4\x1d\xa5=\x84)\x03z\x00\xfd]u\x8a\x8e\x021\x8cIp1:\xf8\xae\xa9J\x18\xf7\xc9\x90\xeem\xf9\xf1\xa9\xfd\x84=\xb7\xf2D\x90&gt;\x1a\x03P\x18\xedq\xa3\xa5\x9a\xdd\xf9u\x85^\xcf\x00\x98\xa3\x0f\x00P\x99\x13%&lt;&amp;h\xe6\x98\x14O\xb3\xdc`\xc7C\xebs\xf7\xad\xcd\xdc\xb76K|\x1e\x8a\xda\xd7\x1a\x00z\x00\x05\x91nx\x96,\xce\xd9\xd0\xdbP\x1eW\x01V\x92@:\x00\xed;W];^\xc5\xe7a\xeb\xd2\x08\xaa\x95"l&amp;\xee\\\x16/\xb5\x92U\x0e(\xb9,&gt;\xde[\x98\xe8:\xfd\xc5\xedN\x05\x87\x82@(-\xe7\x0el\xc4O\x94\xe7\xf6o|3\xd0\xfb\xaa\xaf\x9b\xf1T\x07\xd6e\xf7\xec^\xcbl\xdfp\x9b\x89!\xe6\xef\xf3:\xc2\xaf\x05P\xbc\xe3\\2\xcfi:@\xa6\xaf5\x9f\x87\xddj\xade\x16\x8f\xa2\xf8\xf4\xcc\xc1\xfc\xf0\xd9\xb8\x11\x8d\xae\x841\xd5\xcb\x13\x9f^oc\xe5p\x8de\x8b(^K6-\x8e`\xe5\x88\xcc\xc0\x15\xcbu\xe9\xec\x12j\xa9\xf7\xe9\x99\x839\xc1\x8eH\x04\x14\xa1\x1a\x1c\xdb\x9c\xcf\xbc{\x95)\xab\xe2\xbc\xf0\x0b\x80\x8c\xf3\xe8\x01\x9c\xdb\xbfQ\x92\xcf\x149f\x00[\xb2\xe7cue2\xc6\x803w\x8a\xba.@\xba\x8f\x15\x9f\x87I-\x96U6\xa2\x1d\x0c\x04\xd5\xfd\xfb\xd6f\xe2\x1b7f\x85\x8f\x02\x10\x14\xda\x9ei\\\xcf\xd6J\x06\xf5?\xfd\xd2yN\xac\x1c\x11\x81@H\x84\xcd\n\x15j\x07j,\xcd\xfa\xfc\xea\t\x19g\xbb\xd8\xb4\xe5\xf1\xd5\x13w\xcf\x1e\xe2\xf3\xb0\xe5\xf3\xe7\xc88\x1bub\x1c%\xfe\xc2\xc6\x020~\x1cQ\x14\xf82\xf2\xab\xben\xfc\xbc&lt;\xd0UO8\xec\xe1\xe5\xe3\x9f\x9c&gt;(\xe3\xb1\xf0?\xd3\xd0\xee\xb9\x8dw1\xd2\x06([(\xb1\x04C&gt;(\xda\xc1\x1e\xa1",\x9f?\xc7k\x9a&lt;\xbe\x92\x96\xea,\xaf\xe0Yi\xc0\x9b\xfe\x1e\xfc\xb4EQ\x93\x92\x84\x07\x17\x8e\xb0\x12\x15+\xc8\xbf\xbbkq\xa0=\x9f\x87}r\xfa\xa0\xa4\xa7\x97}\xa5Y\xb7\xdadMm\xbd\xea\xeb\x1e\xe8&amp;\xbe\xc0(9\x14\xa5\xb4f\x02\xd8i\xc3\x8e\xbc\xb8{\xe7\x0es\x1d\x12\x02\xa1,\xec*J&amp;\x1f\xb0:\xc1\x87\xa3\xaa\xa3I\x00ya\xce\x1e\x93\xd5\xda\xaa\x8aPA\xb7,\xb4l/\x94]1\x90\x9c\x19\x00\xcfou\x9cj\xa8`\xb6{\x8a\xa7\xd9&lt;\x8b\xf1\xca\xac\x98\x1d\xfb\xae\xe1\xc3\x01\xdd\x81#\x86\taVz|\x1e&amp;\xf5\x13\xff\xf4\x86LK\x88\xb7\xdbv\x01\x00V_^\x96\x12t\xa7c\xb7\xf8\x80\xa6\xf5\xb9\xd4\x95!\x10\x8a\xe2\xfc\xc1\xcd\xf7\xcf3y\xd8\xb2\x18\xf1v\xf1\xe0u\x7f\x8f\ni\xcc!\x10C\x9f)\xdc\x1f\xa2}\xe7\xaa\x95\xb1\x9e\xb8\xccK\xcb\xf6Bq\xdd\xfc\x99@I\xd3\x94\x01\xb2,Wl\xc9\x9e\x7f\xe1\xd0f\x8a\x83qi\xa6H[}\xc6\x87\x1b\xc2\xd4\x15\xa7\xe2\x17\x00e\xa8FE \x10\xdcrb\xebrq\x1b\xf1\x1d\xf9q\xf2\x8f\xc4J\xb6\x82~\xea\xba\xcd\xb8\x13\x805\xea\x83\x95\xc0\x81u\xd9W\x8enC\x17\x00\x04\x82MdO\xaa\x12\n\x92\xd9h\x01\x00Pqt\x19\xc1\xb1K\xbb\x1c\x1ePdD\x03`\xd3\xa2\x88\x8fO\xed\xe76\x07O\x19G%Nas\xb4BnK\xc1$\x1a\xf9H#\x94\x16\xb2&gt;}\x8f\xc9dY\xd3/$\xbfU\x9e\x1aLE\x02\xf3\xf7D\x1b_\xfe\x17\x00\xe0/\xd2\xf7\x86\x9f\x01\xfe(\xf4#^\x93\x14i\xa7\xbf\xb3 \x81\x95s\xb7\xd5\xf4Q\xca\xdd@\n?\x02\xa8\xab\xab\xff\xfa\xff~\xf5\xbd\xa2#\xc1YU\xb6&lt;/\xccE\xd1Q\x10\xf35\xe5\x91FtT\x05_\xfcW\xfa\x98\xd3\x87+)\xcf\x87@(\x07[\xb2#\xc57n\xcc\n\xa7r;\x13e?Y\x9e\xa7N\x81\xbc\xe5\x04\x80\xfd\xe5\x8bYW\xb4\x1e\x0eD\xd8N\x02\x00B!\x10\x8a\xf8\x19\x8f\xe2\xf3\xb0\xce\x9a\xd5\xec\x05\xa5\x00\x12\\\x8c\x9e^oE\xf94\x04\x82\x80\x00\x13\x1d\x8a\xa5\x14T\x1c\ned\xac\xd0kf\xd5\xa2\x052\xf8\x93\x0c\x192\xfdl\xe0\x9d\xa0\xc5&lt;\x0b\n\x0fn\xa4\xe8\x00\xa4\xfbXRy\xfe\x93\x0f\xab\xe2\xbc\xe8\xee\x92\x1d\xe4\xc0E$ A5\x04\x81P%\xac\xd9\x10+\x13\xff\x1e\xa8\x03\xacI\xf4e\xa0\x87c\xa7\r\x000\x8a\xb2\xfe\x9a0\xbbW.\x1cJ\xdf\xc8\xe9\x00+\xa2h\x8b2?\xb9\xd6\x92\xe9g\xf3\xf9\xd5\x13\x96\xea\xd0\xbd\xab$\xd2v\x12\xb9\x19\'y_^\x88\xf9\xb8\x8fO\xed_\x15\xe7\x15f\xc5\xbe\xb4\xc5\x90\x91\xa2\xa5x\x81\x94[\xb3=\x8e\xc2\xa5\x1e\x11\xaa\x8a6\xc0\xf6\xa51)\x9e\x84\xda\xf840\x92\xfc\x96\xf8ig\xf3b\x82$\x15-\x9e\xdeh\xebeI\xd5GI &lt;\xe9\xc69\x1b\x92\xaf\xce\x9e\xda\xbb.\xdaq\x8a\xb9\x1a\x94$\xf9\x99\x8f\x80\xd9z\x04\xba\x0b\x05\x91n\xf7\xcf\x1f\xa6RO\xd9U\xbb\xe6\xd4\xdeu\xe4\xce\xd2*\xc1\x9a\x05\xbe2\xce\xb0iQ8\xb3\x0b\xa1\x06\xc0\xf9\x83\x9b\xd6g\xcc\xb3\x1a\xc9\xe4\xce\x86\x19\x1c\xd5C#\x94\x19vr\xe5\xceS\xd5\x1f}\xf6\xb0\xfb\x93_Q\xdf\x85\xd0\xbe\xe3\x0f\x92\xc7\xff{\xf0\x8f\x1e\x93\xd5b\x13\xc9,\xc2\xa52\x05`\xd4\xa8Q\xbfz\xf3F\x96I\xa8`\xa6\x06\xf6\xf2\xba\xb5\xfa\'\xd1\xc6\xdf\xfc\xfa\x8f\xdf\x92\xeeU\xbdu\xa7\xc1\x94)\x91\xb1s\xb5\xb5\xb5\x7f\xfb3|\xf6O\xf8\x11\xc0lp\xb2/$&lt;LWO\x0f\x00\xf6\xd7\xed%\x8f!\xb5t\xcf\xc8\x91#\xff\xf5\xd5WT\x02\x96\xba\\\xef8\x06\xeaW\xa7\x01\x80\x8b\x1e\x08$\xe7\xe4\x80\xf3x\xb0\xb5\xb3\xbbrt;\xe1\xbb\xcd[\x97[QPBii\xb9z\xed5\xe1\xdfD\n?\x02\x94\x16m\r\t\x0b\xab\xa9\xdf8u\xac\xf4\xf1\xac\xf0[9\x1d\x07\x81P\x90\xa3\xde\xdc\xa9\xefm\x1e\xbd\xa6it\xd5\xae\x91\xc3A\xd7\xa5\x85p\xb7.M\xd1\xdb7\xc2F\x8a\x05@\xb8\xf5\xc4]\x85\xc9i\xde\x16\x92|05\xdf\xe9qR4\xaa\xa4\xe8\xa7)\xe8^\xbb\xd9RC8@\x0b\xa0\xafs\xcf\xb1-\xcb\x94\xa4\x99\x0b\xef%|\xd5\xd7]\x9c\xe0\xcd\xe2\xb4\xa1\x96\xba\xe2\x1b\x1f_ma,\xb3\xa1\n\x168\x88!\xcd\x08\x80\xaae\xf1A3\xd9\xf9(\xaa\x96\x18\xe4\xee\x95\x0b\xf1\x17\x116\x13+\xd2BV\'\xfa\x88\x0ch(\xc9\x90g&lt;\x8b\x02\xec(\x8et\x9d \xf1\xad\x97w\xba\xf8&lt;lE\x94\xbb\xd2\xea\xea\x04\xcd\x1c\xc3\xe7a\xd1\x0eT\xdaH\x18\x82\xf7\xa9&lt;\xbe\xd6\xc2\xe11\xde\xb1{\xe5B\xf9\x18\x04!\x10\\\x91\xca\x92\xfb 9w:v\xb7U\xad\x94\xc3\x81\xc89T\x91\xb3DL\x8c~}F\xa8\xf0\r\xb8\xaf\xb1\xd6\xa2\x00;\xdc\x9f\x9d\x10\x8b\x11\xe0\xae8Y\x07\x12W\xc2\xbe\x8e=|\x1e\xd6X\xb6H\x92\xfb.\x9e\xab!\'\xc2fR\x9c3\x0b\r|\x93\x80\xc0\x85\xb8zy"\x9f\x87=\xb9\xdezro\xb9\xec\x87 \xe1\xfcA\xaaB\x1d\x08\x04\x02\x80\xb24.3^\xf7\xf7\x14\xc7\xb3\xf9H\xce\x11\x93\xde=\xca\x90\x98\x14\x06\x9a\x8eyv\xb3\xbd\xb7\xaeT^A\x11\xb0t\x9e\x93x\xc3\x87\xdftm\xac\xae\xec\xfe\xf9\xc3\x84:EQ\xf6\x93_\xdc\xee\x94jl0f\xf0\xd3Oq\xbc\xf7B\x8f\x99!4\xcbO\xe7Y\x8c/Y\xe0W\xb5,&gt;\xcd\xdbR\x90kj,\xcd\xca\x0e\xb4\x7fx\xf98c\xa1r|*fNA\x00\xd0P\x92q\xfe\xe0&amp;f\xfb"\x10\xca\x8b\xec2\x8a\xbe\xc6Z\x92t=\xc7\x00\\l\xda"\xcb\xe43\x00\xee\x9e=\xb4mi\xcc\xc5C2\xcd#\x07v\xaf\\(|\x19t\x9d\x00\x84O\xf8\xdb\x97\xc6\xe4\x04;\x8al\xbc{\xae)\xde\xd9\xc8s\x8a&lt;z\xdc\xf8&lt;l&amp;Q\x1e?\xcczB\x83\xe4\x95\xd8\xfe\xce\xba\xd7\xfd=v\xd2\x96w\x1aJ26d\x86\x99\x00\x00\x80\x16\xc0\xfa\xf4y\x97\x0eo\xa5\x15\xde\xe6\xc5\x11\xee\xfa`\xad\t\xa5\x0b\x03D\xde\x92\xfd\xb3*\xc9\xe3^*\xe2O$\xb2\x10\xefbT\xb2\xc0\x8f\xcd\x19\x11\x08f\xb0\xe2\x9c\xc5\xe7a\x84\x0b\x91;\xf2\xe3d_\xdc\xf3\x9a\xa6\x11a3\xc9\xd7X\xc5dW\xf8&lt;\xcc\xc3@\xcdn\x14||j\xbf\xa0\x08\xef\xb3\x8b\xc7\x08\x7f!|\x1e\xd6[W*\x1f\xe3\xc8\xb3\x8d\x1b\x08Wq\xc9\xb3\xff/ow\xa5{[J\x9d\xfc\xd4\xdeu|\x1e\x96\xecn\xea&lt;\x1e\xe8\xae\xc3;\xe8\xbc_\r\x1a\x05\x10`\xc2\xbe\xfc\x10\x83n\x83@S\xf6\xc3\xa8^\x9e\xb8mi\x0c\xd2*G(\x1e\xb6nC\x92\xddM+s\xa3\xc4\xb7\x1fZ\x9f+\xcb\xb4\x96\xea\xf0!\xd6x\xb1i\x0b\xbe\x0cp\xa8"\xa7I\xb6\t\xe5F^\x98\x8b\x06@Q\x8c\xa7\xc8v\x13E\x04#Lci\x16\xdd]|\x8c4\xa9_\xc8\xf7\xaeI/K\t\xda\xb3*\x95\xf1\xb5_It\xe7\x02LF\xdb\x8d\x82\'\xd7[Y\x9fyWQr\xbc\xb3!\x9f\x87\xe5\x86\xcc\x9aGT#\x84@(\x00\x19\xd7\'\xef\x9f?"\xb0vb\xb1\xc2\x01\xaf\x11t\x92{_\xafB\x84\xa6\xc7\xbf\xcb6$\xce\xa6X\x05\xca-\xa6\x00A3\xc7\xa4x\x9a\xd1\x95:\xd0\x00\xe0\xf3\xb0pk\xc9\x85GDd\xf8Z\xc79\x1b\xbe\xee\xef\xd1\xa5\xb5\x1b7\xec^\xb9p\x02\xc0c\x99\xad\xaa\tY\xe0:\x83\x81\x99\x01\xe3LT]q*\xb3\x1d\x11\xc3\x85L_k\xf1\xdbU\xba\xec\xc8\x8f[\x19;\x97\xca\xc8\xe5QTSO~\xd3G]k\xae\xa2{:N\xf7\xb1\xa25^\x9cE\x01\xb6r\xee\x9f\xf4\x9a\xa6!8\xe2\x81\xf2\xc5\xf2=8\x01\x99\xbe\xd6\xbc\xee\xbd\x8cw?\xba9?\xcb\xcfF\xea0S\x00|\x99\xd8\xc7P3\xca\xc1\x00\x00\x1e^:\xc6\xf8\xa0\xd4\x91\xda\xc07\xd0U/HC\xa5\xce5\xbf\xd5\xfa\xb6\x9b\xc1\xdbp\xe4L\x00\x00X\x1a\xea$K\x00\xa1\x96\xbat\xbb\x08I\xea\xb8\xa4"\xa9\xbe\x0b1|\x11YU\x8bw!\xd1k`\x19\xe1\xbe-\xa9\xac\xcf\x98Gw\xfe\xd9\xf2I\xa8\xb3\x8a\xeb\x04\x1ab\xc5R\xb1\xd7\x81\x18\xc7)Y\xfe\xb6\xcc\xb2\xd8\x16# \xca\xc1@b\xf3\x18{\xb8N\x84G\x97\x8f\x0bo\xb9\xde\\\xc5\xca\xcc\xe4\xeb[\xe4\xb7\x08\xce\xe3\xe1\xc5\xed\xce\xe5\xef$\x05\xedF\xc1\xc1\x8a\x1c\x00\xd0\x05\xa8\xca\x8f\xbf\xd8T\xf9\xd1\xc9\xc6E\xfe\xb6\xac\xc4I\x1d\xa9\x7f\x8d\xb1t\xec\x86\x10\x08)\xc8\xad\xa77;\xd0\xde\x08 ?|\xb6H\x199+:\x0b\xc2O\x0f&gt;\x86\x9a\x00\x10n=A\x92m=\xbd\x9c\x05{\xf4\xd6\x95J\xad\xb57\x01\x10\xefE \xa1ta .\xe3,\xa5WX\x8ch\x07\x03\x1f#\xcd\xf9\xf6\xeck\xd5\x88\xdc\xf3\xea\x03\xb4U\xad\xfc\xf8\xd4~\xc1\x96\xe9\x00/\xeft\xe5\x86\xcc\x92\xe5\xe1\x83\n\xe4\xd5\xa9c\x07{fL\x03\x88\xe2\xe0\xb7!\x15\xf1?\\\xbc\x8b\x91\xa4S\xbc1\xc0\x8a\xa89U\x8aH]"T\x8f\xab\xc7\xb6\x87KP\x11\xf00P\xdb[\x92\x01\x00\x9e\x06\xa2\xa5w9A\x0e\x18#\x915\xf2\x9a\x87\x91\x00:\x00\x959\xf3\xe9V\r\xd2\x85V\xca\x95\x8a\'\x14+Xk\xc2\xc5\xa6\xca\x04\x17\xa3\x04\x17#Iwy\xe3\x00\xb4\x00f\xd2\x99v\xf3\xe2\xc8\xdc`G\x00X\xe81SIl\xd3\x8fW\x16\x88l\xd1\x00\xf01\x1a\x94\x9e8\xba9\xdf\xcfx\x94\x8c\xe5\x03\xac#/\xd9\x1e\x99 I\xf3(\x8f\x8e7BaT\xa4\x87\x08^\xbf\xb8\xd5\xc9\xe7a\x84\xca\x8e\x1d\xd5\xc5\x84\'Jc\x80\x17\xb7;\xe9\x9e\xa37-\x8a\xf8\xec\xe21I\xda[8z\x00\x07\xca\x17\x1f(_\xcc\xe7a\x9cJ\xd7\xde=\xdbDq\xa4\x9c\x17a\xa3\x1d\xa7\x00\x07\xaa\x8d\xb6\xa3\xc0q4&lt;\xbf\xd9Nk\xaf\xf2\xd4`\xb6\x03\xa1\x81\xaf\x91\x8a\x95\xfc2FFsiZX #%\xc4\x93\xeb\xad\xee\xfao\xf3*\xd7\x8eW\xb9IN\r\x10V\xdd\xec,H\xe0\xf30\x1b\xfa_\xcf\xc6\xd2,\xf2\xf3i\xa2\xeb\xf4+G\xb7-\x99\xe7\xc4\xe7a\xb1\xd4$\xc9\xb8\xa3\xbf\xb3N\xfe\xf2d\xf8]\xb0\xdb$y\x1eS"\x959\xf3\xa9\xdb\xfel\xcf\x8b\xa559\xe1\'ax\x9e\x9df\x8d\x81Y\xd4\x9e,\x04\xb7n\x17\x0em\xbezl\xc7\xb2\x08W\x0e\xc3B\x0cU\xfa;\xeb\n")Ye\x89\xf7|\x96\xa7\x04\xddi\xdf\xcd\xe7a\xfb\xc5\nT\x9c\xc7CEZ\x08\xa1\xea!ER&lt;\xcd\xf0\xb3~\xd3\x86%\x8c\'a\x11\x87\xd1\xf0!\xb6O\xd1Q\xbcg\xbe\xdd\xe4\x8fO\xed\x17\x9c:U\xc5&gt;e4\x00\x89\xb4\xf2h\x80[mom\x82\x94A\rT\xb1\x84[\x93\xad\xd4,p{\xfbp\xf8\xaa\xaf\x9b\xcf\xc3(\xd6\xda!\x10\x83(O\rZ\xb3\xc0\x8f\xfax\xf1\xc7\x80\x1d4o\xf7\x10\xe2\xf8\xcf`\xb2\xb8\x9e\xe5gs\xa7c7\xeb\xc1\x10\xb2\x9c%CM\xc71\xf0\xf1\xa9\xfd\xb7\xdbwI\x1ap\xff\xfc\x11\xfc\xc5%\x19\xdc\xd5\x85\xd7\x90U\x94\xa2\x18\x0f\x8a\x97\xc0-\xd9\x91\x0f.\x1c\x11\xfcH\xde/\x9d\xa0\x1c\xdd$\x08\x04\xe2=9\x8c\x9ci#m\'Q)\xabg\x85\x17\xb7;\xbd\xa7\xb1\x90\x9f\xb6\xd1\x82[\xad\xb5\x1d\xd5\xc5\x92\x06\xb0\xb2\xcc\xfe\xf2NW\xeb\xf6B\x16&amp;\xa2\x89\x88\xe3\x8d\xac\x9ey\x8c\xc8\rvLt\x9dNX\xf3|\xe5\xe8\xf6W}\xdd\xb4\xca\xc6\x10\x08\x1a\xd8r\xa8\x01\x8a\x10%\xc2f\xa2\xa4S2\x83&gt;\tr&gt;\xc2\x1a\xe5\x9f\x93a\xbc\x00\xde\xba\xa3\xa8f\xf9\x026C\xa1\xc6\x0c\x00[-\xf05\xd62\x1f\xbc\x82!\\\xc3\xe00\x1a\x00\xe0L\xe3z\xeed\xc0C\xcc\xc7\x11^b?:\xb9_\x96\xac,\x02AF\x9a\x97\x05\x9f\x87IjeL\xa3f\x15p\xff\xfcaE\xd5\xdd3\xc0o\xfa\xa8\xa0\x99c\xfc\x8c\xd9\xbc\xee\xc9\xaf\xf5\x8e\x0e6Z\xd0\xb5K\x1e\x96j*D\xd0\xcc\xb1F\x00\xfe3\xde~\xe2w\xe4\xc5\xcd\x91\xb6b?\xdfN\xbf \xd2\xad"=\xa4zy"\xe7\xf1!\x10\xf2\xe4\xcd@/\x9f\x87\xadK\x0b!\x19\xf3\xc9\xe9\x03r\x8bG&gt;p!I\xb4*\xde+\xd4R1\x8d\xcb\xe3$\xab\xc4H=\xbbq\x81\xd4\xacS[\xd5\xcaC\xebs\xbd\x99\xba\x02\xc8\xce\x99}\xeb\x01 \xc0D\xe7\xc5\xad\x0er\xb9\x0ec\x80\xfc0\x17%i\xbf@ XfK\xf6|&gt;\x0f[\x122\x0b\xffq\xbe\x9d&gt;\x17\xc2\xb9J\xc8\x02\xb7\x19\x13\x01\x96\x86:\xb35!c\x91z\xb60\':K\xc9\xc7TY\x84@\xd3\xd1u\xc5\xa9G7\xe7\x8b\xbf\xa5\x0b\x00\x00\xe7\xf6o$\xd1\x19\xc4\xff\x1f\x9aB\xfdP\xac+\x82\xe0\xdeG\x13\x01\xae\x1c\xdb\xbe#?\x8e\xa4\xbb\xcay&lt;t\xd6\xae\x16\xdf\xeei\xa0vA\xe9\xcd-\x10\xc3\x17\x8a\x86\xa8\xb84\xca\x90\xe7z\xf3\xce\xb6\xaa"\xe1\xd5\x8e]\x85\xc9\xaf\xfb{\xf0F\x01f\xf5&lt;\xe4(I\xc3&amp;wU\xb0\xb8\x954\xe1U\xe7fK\r\x9f\x87\x1d(\xcf\x16\x7f\xabla \x83c\x11\x1e\x85\x15\xbaw\x95&lt;\xbf\xd5\xb1O\xb2\x85\x0e!KC\x9d\xf8&lt;\xec\x83\xde\x06\x8e\xa2B \x88!\xd1\x1d\\\xe81s\xef\x9a\xf4\x9c`G\x8a=)8Jkh\xcdn\xcb\xbe1\xc0\x99\xc6\r\xe2\xdb\xd5\x01J\x92\xfc-\xd9\xd6J\xc3\xea\xcb\x98\xad\xbe~\xd0\xd3pz_\xc5\x86\xccP]\x96"\xe1N~\xfb\xc2\xa1\xcd\xab\xe2\xbd\xc4\xb7\xe3\xae\xbf|\x1e\xe6m8R\xbc$\x9e\xb0\x9eq\x02\x00^\x19\x85_T4\x002(\xf7\xaf\xc9\xc8|;&amp;\xab\xba\x95\xb9Q\xaf\xfa\xbaI\x06\xec/[\xf4\xe4\x1a\x0b\x0e\x04\xb3\xf5\xe0\xf0\xc6\xa5\xab\xe2P\xbb\x00\x82\x02#\x00jVpRG\xb1\xbflQW\xed\x1a9+\x14\xd2\x95M\x97\x9b\xe6\x9dT&gt;9} \xcb\x9f\xb8\xd6\x93\xdcx9?\xdceU\x9c\x17\xc5\xb5w\xc5r\xee\xc0&amp;\xc2F\xb6\xfde\x8b\xf0\x0b\x80=\xd3\xbfG\xfd\xea\xb4\x97\xb7;e\x08M\xf1\xf4u\xeea\xa5\xfe*\xc5\xd3lG~\xdc\'\xa7\x0f\x9c;\x80\xac\x8c\x11\nbe\xdc\\\x92\x1ap\x8e\xe8\xaa]sdS\x1e\x95\x91\xa1Vo3\xc4J\xe27\xb9|\xbe\xdb\x93k-\x84o\x99\x01\xbc\xb8\xdd\xb9mi\x0c\xc9\xee\xaa"\x80}\xf9\xc8\xd6\x0c\tR\xcc\x8f.7\xcb2\xf3\xd5c;\x94\xa4\x93\x9c:"\xcf\x90\xbc\x9e\xbd\x82\x0b\x80\xe9`\xf1.\x06\xc48N\xfd\xf8\xd4\xfe\x9a\x15\x0bTB\xc9\x0e1\xa4\xf0\x98\xacf\xc2F\x99#]\x0f\xa44/\x8bl\xb1N+O\x032\xb1\x19\x12\xed\xa1`\xb3\xb1\xcc\xd4O\xe92\x02\xe0\xfe\xf9\xc3$\x03\xd6$\xfaf\xca\xab\x11\x8cS\xc4%fY\x84S%A9\x90\xe8:]\xf8\t\xe0\xe0:\x82\xe5\x10Z\xd8\x8e\x82mKc\xeet\xec\xae.@\xa5\xa8\x08\x15\x87J\xd3\xc0\x8d\x13;{\xf7\x94\xb2u\xc4\x99\x00W\x8f\xef\xf8\xf8\x94R\xd4\xb3f\x07\xdaS\x1c)\xc8\x98\x1b\x01$\xba\xb2,\x1d\xa4\x90\x96W*\xa8\xf6\xb9\xff\x1d\xc7\xb6,c}\xce\x96\xed+X\x9f\x13\xa1\x92\xd8h1w\x16U~\x1cth\xc8\x8a\x11Ja\x8b\x10h:\xba49@\xb6\xa0\x18\xb26\xd9\x1f\x7f\xb1iQ8\xad\x1d7d\x86q*\x01\x83\xdb\xca\xdb\xeb@Gu\xf1\xd9\xfd\x04+\xe48\x0f.\x1ci\x92A\xd3\x7f\xf9\xfc9\xe4\xcb\x1e\xe2\xa4zY\x94\xa50)\x16\x92\x8a`U\x82\xcf\xc3&gt;\xbf"S\x9eJ*\xa8u\x00\xc1\x15:\x8as\xbc\x92\x1b&amp;\xa4\xefn\xc8\x0c\x134sR\xb9\x10N\x03pxwcY\x9e\x12\xc4\xc5\xdd\x99T\x98i\x071F\xaa\x93;\xae\xd9P\x9c\xe0\x8d\xaf\xd9n\xc8\x08m\xab*\xe2\xf5\xec\x15\x19vz\xdf\xfa\xc7\x12\x964(2\x89rQ\xb2\x00\xf1\xbaO\xe1\x8e\xb6\x9e\xddk\xf1\x9cdU~&lt;\xadi\xf5\x00bfM\xdd\xb3*\x85\xcf\xc3^\xf5u\x9f\xdb\xbf\x91\xca^\xb2\xb7\x8c+\xac\xe1\r\x81P9\x0ce\x13\x95$\xe4\xd3\xb3\x87\x12f\x1b\xaf\x88\x9a\xf3\xba\xbf\xe7@\xf9b$\xae(\x00\xcfVs\xdd\xec\xadAZ\xc1\xcc\x00\xfc\x02Q\x9e\x1a\xc4l\xf7\x8dY\xe1\xc9\x1e3\xef\x9em\xb2\xd6\x84`3\xd1ZY\xe7\xf1\x83\xdcl\x9c\xc6A\xd2\x1c\x93\x12:\xfa\xbb\x08\x04\x87\\l\xaa$9\x85i\x00X\x93x\xca\xa9\x02\x9f_i\xde\xbc8\x82\xe2\xe0y\x16\xbaR\xc7,\n\xb0\x03\x80\xb2\x85\x81w\xcf\x1eR\xf2Vg\xc1\xdd\xa2\xa3R\x87\xc9-xzJv\xa4:\xae\x08\xf7\xc1\xd8\x08}k\xc6\x08m\xff\xb0w\xdf\x93\xeb\xadH\xbb\x1f\xa1,\x04\x98\x8c&amp;\xd4\xa5\xba\xd8\xf4\xfe\xc6Y\x9e\xd5\x84%I\x8a\xbc9\xa2\x92\xccU\xd4\x15\xd1E\x97\xf6.~\xd3G\x15\xc5x\xc6:M\xa38\x9en\x17\xeb\xb0"\xcc\x8a\xea\xf7 \xd0t\xb4\xe3\x18b+\xb7O\xcf\x1c&lt;\xb9w]\x8a\'\xfb\xab\xe6\xf1.\x83\xca\xeb\x86|^\x17!?\x12\\d-\xdd,\x8c\xf1\xc8\xf4\xb5\xee\xef\xaa\x9bg!E\xd7\xe0\xb3\x8bGe&lt;\x16!\xb3\xf5\xe0bS\xa5\xd4NM\xe5T\xe2\xc4\x99M\xf3;\xad\x0b\x90\x1dd\xff\xe0\xc2\xd1\x14O\xb3\xc6\xd2,]\xd2\xc1c\x00n\xb5\xd6\xbeP\xf1\x9e)B\xe8\xae\x19\x08\xf3\x80\xd5O\xa3\xc3h\xf0`\xa9\xe0U\xfc\x93\x8c_T\xa8\xf8h\x8e\x1e\xfcP\x82\x18^\xc8\xbe\x88\x944\xc7\xc4^\x07z\xf6\x94\x02@\x889%\xa1\x9a\'\xd7Z\x1f^:\x86\xeb\xe4\x90\xc8KP\x17\xbd\xc9\x0fs\x11\xfe\xf1\xd8\x96e\xf8\xf2\x1aIyL\xf3\xd6\xe5\xaa\xd2\x18\xc5"\xf8\xa26\xc9\x7f\xdcu"\xdcl\xa9\xee\xad+}~\xab\xe3\xc5\xad\x0e9\x85%\x17V\xc6\xceM\x9acrr\xef:\xc63\xf4\xec^\x8b\xbfx~\xb3]\xb01\xc4|\xfc\xc6\xac0\x00\xc8\rv\xbcv\xbcJ\xc6 \x99\xb1uI\xb4\xf0\x8f\xfa\x00E1\x9e\x00\xe0c\xa4)\xf5\xe4n\x02\x10\xe7l\xc8Ud\x88a\x82\x16\x00.\xcf\xb21+l\xdfZ)iV\xff\x19\xda\x82\xfbWI=\x9f\xd4\xf1\x9f\xa1\x8d?(,\x0e\xb0\x93\xb1\xac\xb0\xba A\xc6`\x94\x99\xe9\x00\x9f\x9e9DnW0\x19\xe0\xfe\x85#E1\x9e\xfd]uo\x06z?=sPn\xe1qMciV\xeb\x8e\xa2\x81\xaezf\xbb\xbbNx\xbb\xda\x1cn=\x91\xcf\xc3\xa2\x1c\xde&gt;KxM\xd3\xc0\x7fK\xa7\x1a\xd6\xe1\x15\xc6\x91v\xfa\xbb\x8b\x16\x92\xcfV\x96\x12\xb8f\x81/\xb3H\xa8 X\xe5Y\x9d\xe0#\xfe\xeet\x80\xca\x9c\xf9\x82\x1fcgQ\xcd\n"\x10\xc4\xdcl\xa9\xd9\xb3*E\x0f\xa0t\xa1b\x8a\xe2eg\x0eg\x96L\xca\x83\xd4&gt;\xd8ON\x1f\xb8tx+\x00\xdc8\xb1\x13/\xe2$\x19\xbciQ\xb8\xa5:\xe4\x06;R\x0f\xa0\xafs\x0fcc/\xd9\xa9Y\xb1\xe0C\xac\x91d\x80\xe0\xb4N\x08\xae(\x07\x00\x05\x91\xef-\x91\xc7\x00\xf4w\xd5y\x1a\xa8]?\xb1\x93\xcf\xc3z\xf7\x94\x9e\xac/\xc7\x9f\t(\xd2\xa2\x08\xbb\xca\xd6\x1dE\xd3\x01*s\xa2\xe4\x7fh\x84\xaa2Y\xc2v\r\x80\x87\x97\x8fK\xad\x8b\xe0\x88h\xd2/\xed0\x81nK\x14!\xd6\x9a l+\x1fl&amp;E!f\xdb\xd2\x18\x8a\xae0\xc2\xd5\xf7\xbe\xc6Zv\x12\xd4\xdcl$K.\x91\xdc\xa3V\xa4K1\xbc\xc4\x17\xcc\x0f\x94/\xa6n\xd7s\xb2\xbe\x9cJ\x82~E\x94;\x00\xd4\x16&amp;\x01@\xcf\xee\xb5\xf8%\x93\xcf\xc3\xa6H\x18\x1f\xefbD\xfew\xa2%\xb8\xcb\x18\xeb\x91\xf0\xf4F[Y\n\xc3RW\xc4P\xc6\x18@\x92\xa5F\xd2\x1c\x13Iw\xc9\xd7\x8eW]&gt;\xb2\x8d\xbb\xa8\x10\x92\xa8_\x93\x1e\xed8e]Z\xb0\xa2\x03!\xc6L\r2}\xad\xf3\xc2\xde\xda\xe3L\x02\xb0\x1aIiq\x92:\xc2K\x1a\x15\xe9\xf3$\x15\xd5\xf0y\x98\xf89\xbd\xba \x01oF\xcb\xa1\xf3\x1c\x833\xdf^\xf4\x8e\x08?\xfbKj6\xc6=\xf2\xf0\xc2\x07c\x00\x11)f_#\xad\x8fO\xed\x97\xbf\xd32\x02\xf1\x16\x17]\xd0\x03(\x88t\x15\x94\x18R\x7fZ\x1f\x0b\x90\x1f&gt;[\xf0\xa3\xa4; \x04\xeb\xbc\xee\xefQ\x12\xb1REq\xbdy\xd0\xd2\xab\xa4\xe7Tr\x98\xed%\x82\xd4\xa4\x99\x00\xc17\xcb^\x1b\x8c.$\xd0\xa6\x00\x00 \x00IDAT\x014\x01\x0e\xae\xcb\xe6\xf3\xb0g7\xda\x08\xc7\xab\x03\xac\x88rG\x97\x07\x04\x8b\x88\xde\x87=\xfc\n\xfe\tp\xf0\xf2\x83\x87_\xbd\xdd\xf2[\xca\xd6\xaf\xdf\x004]\xfdL\xf0\xe3\x9fY\tPq\xcc\x1a+E1By\xf8\xe4\x83\x0f\xff\xf7\xbf\xff):\n2\x84\xabi\xe7Y\x8c\xdfO\xea\x94\xcb\x80\xc9S\x06\xddo\x040R\xb2\xfa+K\xc1\xfc\xfc\xd3\xcfT\x86\xfd\xf6\xdd\x8bg\xff\x81\xdf\x03\xcc1\x1c\xe94\xdb\x05\x00\xfe\xf6\xd7\xbf\x89\x0f&gt;\xba)\xef\x15\x0f[\xb9v\xcd\xf3\xa7OY\n\x13\x81\xa0\x80\xfa\xe0j\x01\x11\xcaS\x837d\x86\xb1h~\xab&lt;,\x8bp\xed\xac\x19\xe4\xd7\xfaAo\x83\x91X\x92\xdaV5\xef\xbcm\xb4\xa0\xb14K!\xcdAe)A,\xde\xc6:\x8e\x01\x00p\x9b\xa8,\xfah$v\xc4\xe4X\x8d\x84\x1b\'\xaa\xf9&lt;\xac\xae8U\xfc\xddL?\x9b\x13\xdbV\xc8\xd94\t\x81\x00\x17]\x82\x1e\x13\x01\x15\xe9!\x0e\x8a\x10\x15X\x11\xe5~\xff\xfc\xe1{\xe7\x9a\xbc\xa6\xb1\xa6\x85\xf5\xf8\xea\x89\x03\x83\xa5\xd5\x87\xf6\xda2[=\x10\x851\x1e|\x1e\xb6\xbfl\x11\xf5]\x06\xba\xeak\x0b\x93dt2\xc1\xd9\xba$\xda\x14 ;\xc8\x9e\xc4\xb0AU\xf01\xd4\x9cg\xa9+\xe9\xdd\xe9\x00V\x92?\xec\xdc\xf93#\x86;\xec*m\x89\x83w\xac\xd0%\xc3\xc7\xaa\xabvM[\xd5J\xa9#+s\x95\xb4\xd0M\xf6Sp\xcf\x9e\xb5Z\x00\xd4[\x1f\xb2\x03\xedw\xaf\x94R\x9f\xce\x00\x92$\xe1\x18\x80\xb1\x00Z\x005+\x16\x04\xcd|[\xe0R\x91&gt;\xaf8\xde\x9b\x95C\xe3G\xe6\xf3\xb0\xec@{g\xea}\x83\xaa\x89\xfbd\x00\x00o\xc3\x91\xf9\xe1.CX\xb0\x1d\xa1tP9\xcf2\x86\xcf\xc3B\xcc\xb93\x18G\xbc\'i\x8e\tu!&lt;\xd9\x11\xbe\xc2\x1d\xaa\xc8)K\t\xc2\x93N\x1b\x17\x85K\x15\x94\xa6\xc5\x10&gt;\xf5\x0b\xff\xd7\x16\x05\xd8\xadK\x0b&amp;w\x85C h#5\x8b\xf3\xba\xbf\x87\xbb\xa3\x1f\x90aI\x90\xddjBe\x83]\xe5\x19\x00\x98\x0c\x10\xe3(%Y\xb2\xd0c\xa6\xca\xe5\xbeT]\xca&amp;/\xcc\x85\xe4z(x\xbe:\xb2)\xef\xc2\xa1\xcdC\xfb3\x8f\x18\xca\xe4\x04;\xden\xdb\xc5\xd6l\x97\x8fl{\xd5\xd7Mw/\xd9\xcd\x0f\xbbj\xd7\x90\x0f`\xb8\x0e\xc8\xc1&lt;\xe2\x0fVR\x13\x07\x9f]&lt;\xf6\xe2V\x87\xfftm\xe1\xcc\xdfL\x80\xfcp\x17\x89\xfb\x0co,F\x0c*\x80f@\xd5\xb2x\\S\x96\xbc\xea\x9a\x8bE{\x16\xba\x07\x11*\x8b\xe8\xcd\xc4\xa6E\x11\x9c&amp;\xfcW\x14\xafzp\xf7\x1e\x83\x1d\t?\xfa3LMN\x1c9\x96\xeem)\xfe\x16\xc9e\xe6w\x0c\x0e?\x98\xff\xe3\xf3\xc9\x07\xb0U\x92)\xfb"\xc1\xd7b[\xfe\x9f\xb4]\xde\xbcz\x15\x14\x9c\xde\xff\xbb\xff|\xf7n\xcb\xdc\xa9\xea&gt;~6MW\x1f\xca\x1c\xce\xd0$8t\xb6\xb7\x9fL\xaa&gt;\xaf_\xbe|\xf5\x03\x00\xc0?H\x87\x91\xbf\x8bC\xbd\xd5\x19\x00n\x9c\xa8~\xca\xc3ti\xec\x81@\xc8\x86@M\x85S\xc4W%\xf3\xc3g/\x9d\xf7\xfe\xdbQW\x9c*Pv\xa4\xc5\x18\x80+G\xb73\x8b\xcaJ\x03rCfQy\x84\xc7\x1fSH\xdct\x15\x82\x92\x94Z*!\x8b\x03\xed\xebW\xa73\xdb\xd7u"0x\x90\x95\x04\x9e\xce\xa5(c&gt;g\x12\x08\xc4\xfe\xf6\xac"(?E\x0cm\x14\x90N\xfc\xddo\xfe\r\x00\x1b2\xc3\xe6\xdbq(\xbd\xf6w\xb1-\xbf\xf9\xf5\xaf\x7f\xfa\xe9\'\xfc\x8e\xd8k\x9a\xc6$}\xfd_~\xf9\x05\x00"i\x86\xa1\x03\x10\xb1D\xe2y\x99\xbcg\xee\xab\x1fa\xa6\x99Y\xa8\xf5D\xa9G14P\x9b\xa3\x0f&amp;3gzO\x1b\xc9Q\x97\xaf\xff\x0cm\xba\xf2A\xbfp\x11\x874\xb8.Bc\x05]=\xdd\xf9\xb1\xd1\x14[&amp;Ex\xf0%\xa8\xab\xabS\xf9+S\xd1&amp;\xfa\x16\x00\x00\xfaxX\x1e\x85\xee\x9c{\x7f\x07\x8f\xf8\x02\xfc\xb5\x85\x95\x85\xd4\xf1\x08\x04\x19\x99\xbe\xd6\x84\xb6G\x84\xb0\xd2yO\x05Z\x02\xd1RS\xe4\xe2\x96\xe2\xb4\xa0\xe5\x1ef\xa7\r\xf1.F\x8f(\xb8\x921\xe0TC\x05\xad\xf1+\xa2\xe6\x10f\xdb8%?\xdc\xe5\xd1\xe5\xe3\xca\xff\xe4q\xbc\xb2\x80\xcf\xc3,\x98\xdePm\xcc\n\xcf\x0b\x93\xb8\xc4\x92\xee\xf3\xf6\xd7\x1ej\xa9\x0bD\x06\x1e\xe2\xf7\xfb\x0c\x9e\xb2g\xd2\xdf\x05\x81\x10E\x82\xc8\xa3\n\x80\x7f\x01\xbaw\x950\xb0Z\x14!X\xb6\xaaV\x1d\x00\xe1S\tG\x0fJR\xc5\xe3"m\xdf^\xccq\xe9\xe3\x8e\xeab\x85\xf8\xa3\xd1]\x08at\x17N\xccB\x0f\xe9gE\x8f\xc9j\x9f_=A]\x02\x88\x1cd\xcb\x82\x18\x9a8\x8c\x86\xce\x9a\xd5\xd2s\x1f\x8a\xa3v\xc5\x02\xb9\x1d+\xccJ\x8f\xfa\xa3\x92\xa2(M~\xeb\xeb\xa0\x0b\x00\x94/\xed\xba\x9c\xc4\xa2\x18\xa2\xc4\xc4&gt;\xc5\xe9\xacY\xfd\xe2V\xc7\xc5\xa6-|\x1e\xa6\xf4\x7fR\x04Bq\x08\xee\x92d/\xc4$\xa7g\xf7\xda-\xd9\x91\xb4\xcc\tN\xef[/u\xccD\x80%\xf3\x9cH\xde\x05\xca\x8bol\xd5\x89\x0e\x1f\xeaW\xa7\xad\xcf\x90"\xfa\xaf(VD\xb9\x7f~\xa5\x19\xe9t"\x10d\xdcl\xa9\x1e\xe8\xae\x9f\x02\xd0V\xb5\xd2\x08`Q\x80\x1d\xee&lt;\xc5\x05z\xefL\xb1Y\xe4\xfc\xc1MR\xc7\xacK\x0b.\x8a\xf1`\xf7\xb8\xac \xd52E\xc99\xb1m\x85Tw\x1aE\xe1a\xa0\xc6\xe7a\xe5\xa9R\xccU\x86\x98\xc12\x02\xc1\x04u\x00O\x83\x11\xd5\xcb\x13\x99\xed&gt;\x13\xb7\xf5\x98,}]p\xf3\xe2Hf\x87\x90\x910+\xda\xfd:r\xd0\xc1\x90]\xb2ou\xa2o\xd3\x86%,\x842\x84\xd8_\xb6\xa8\xafs\x0f[\x0b\x00\x08\xc4\xb0\xc0n\x14\xe4\x86\xccb\xbc\xbb\xd4[-\x01\xa3\x012\xfd\xac\xf1\xd7i\xde\x16\x96\xea\x8c\x8f\xf9~B.\x88uRFKn7e^\xb1Q\x0e\xea\x8aS\xf1\xb3\xff\xb9\x03\xd2\x9f\x0e\x05D;"\xb7$\x04B\x05\xe9\xde]\xc2lG\x92e\x8f\x89\x00\xf7\xcf\x1f\xc1_\x0ft\xd73\x9b\x9f#\xf0\x12|\x15\x13\x06b\n3G\xeb\x1b-\xd5\x8b\x03\xec\x04?\x9e\xd9\xb7&gt;i\x8e\tk1!\x10\xc3\x99\x83\x159\xbdu\xa5\'\xeb\xcbi\xedE\xeb\xce\xb52g&gt;E]\xdd\xd1\x00\x17\x9b\xb6P\x11\xbe\x0f4\x1d\xedI\xa1g\x07g:\x00\x9f\x87\xf9\x1a)\xb5\xb3\xcc8\xa2\xf2s\x848\xf7\xcf\x1f\xe1\xf30\xa9\xcdk\x82*\x00\x12\x0bx\xf9\xab\xf4\x0c\x01O\x05\x84\xe2ak\xa9.\xccJo\xd3\xa2\x08\x12\x13\x0cI\xdc=\xdb$r\xc7-\x92\xfbIteX\x88\xa4\rP\x18\xcd\xfe\x1a\xef\xad\xd6Z\xd6\xe7d\x0b\xdbQP\x95\x1f\xcfl\xdf\x05n3hI\xd3\x0cC\xcc\x00\x82\xcd\xc6zNa\xb9\'\xff\xca\xd1mn\x13\xc1c\xb2\x9a9\xd2\x0eE\xc8\x99({e\xcf\x194\xac\xcd$\xdc\x8e\xee\x80\x08\xa1\xbe\xe8B\x0b=\x80\x9a\xe5\x89\xb4Z\xa3\x11\x14\xc1\xefxVD\xb9\xdfh\xa9\x16\xd4$xO{\xfb\xe0\x91\xecn\x1a\xc6\xaa\x1f\x03\x02\xa12$\xbb\x9b\xf2y\x98\x89\xd8\xf6\xe9\x00\xb4|\r\xc5\x119\x97\xcdf\xcbtQ\xbel\xcd\x8d\xde\xbe4F\x0e\x07\x8aw1\xc2WP\x1f_m1\x96\xc3\xf1\xe8\xb0\xaf4K\xd1!\xc8\x8a6@\x98\x95^\x9c\xf3\xdb\xe6b=\x80\xf9\xf6\x93\x01 \xc2f"\x9f\x87\xadK\x0bV\xb6\xdf9B\xfe\xc8\xf4|X\x9e*EK@\xd9\xd8_\xb6h2\x80\xa5\xb5\x15\x00\xfcF\xec\xdd\xdc\xdc(\x1b{;\xb1\xcd\x94H\x9ac\xa2\x07\xf0\xc3\xe0\x8d\xda\xda\xaa\xd7\xefe\xa5\x01/\x9f?\xff\xef\x7f\xff+\x87c\x9dy\xf8\x87\xed\x9b\xb6`\x9d\xdd\xbf\xfa\xbf\xff\xfb\x81h\x80;\x97rQ\xea\x92\xc5M\x03MG\x87\xcf\x8f\xa4\xae\x08r\xb3\xa5\x9a\xe4]C\xd2D?w\xfc\x07\xe0\xda\xeb\x7f\x9e}\xf4G\xfc\xc7\x7f\x02\\z\xf6W\x00x\xf6\xf2\xcb\xff~\xff}JF\xc6\xf9K\xc7\x14\x10\x16b\xc8\xc0\xe7ai^CGA\xf0\xf1\xd5\x13\xb7\xdbw\xddl\xa9i\xa4\xf9\x1c\xb0|\xfe\x9c@S\xd1\x02\xd1\xdc`\xc7\xcbG\xb6*\xea\x19\xe0\xe3S\x07VD\xb9+\xe8\xe04\xf04 \xbe\x05\xf11\xd4\xf46\x1c\xd9\xba\xa3\x08_\x01:\xbcqi\x1c\xdb\x95\xb2c%\xb7_d\xf8Z?\xb9\xd6B1E\xe2c\xa8\xf9\xe2v\'\xc9\x80YcA\xf6.\x81\x0b\x876S\x1c)\xf5#\xb7om\xe6\xcb;]|\x1eF\x1e6\x02A\x80\xe0\x9evE\x94\xbb\x8c"\xe6\x8c5\xd7\xd6\xa5\x05\xf3y\xd8\x81u\xd9\xb2\x1c]\x12e)\x81O\xae\xb7\xd2j\xe6:\xd3H #\xd1P\x92\xf1\xf2NWA\xa4\xdbt\x80`\xb3qT\x84|Y!\xcb\xcf\x06\x00\x9e\\k\xa1XV\x14i;\x89\xad,\xbc\xfe;A\xbd\x99,I\xbd\xa6yY\xe0\x8b\xf5\xf2\xd7M\xa2\x98\xbe\xa3\xb8\xc2-\xbbc\xf1\xeb\xfe\x1e\x12-&amp;a\xdf`*\x8a\xbc\r%\x19|\x1e\xf6\xc9\xe9\x03\x82-\xda\x00~\xd3G\xc5\xccB\xab`\x08j\x08\x9f\xbe]\'\xd0\xcew\'\xbaNg\xe0vr\xbc\xb2 \xdaq\xca\xfe\xb2E\x9f_9Aw_\x05r\xab\xb5\xb6\xadj\xa5&lt;\x8f\x18\xed8E\xd2\x15\xec\xc2\xa1-]\xbb\xd6\xe8\xca3\x1a\t\xd4\xafNcl\xad\xc35s\xa7Pj\x1a\xcc\x0f\x9f\xbd#/n\x9e\xc5\xdb\x130wR\xb8\xe16\x13\xc9\xa5M\xf2B\x9d\xef_8R\x9c\xe0Me\xb6\x95\xb1s\xf9&lt;\xac$\xc9O\xb0\xa5jY\xfc\xd5c;d\x8d\x121&lt;9Y_.I\xa7E\xd2\x85\xc1Z\x13|\x0ci\xdfz&gt;\xb9\xd6\xc2\xe7a\x145a\xf03\xa0\xa0\xf2A\xce\xe8\x03\xa4\xce5\xcf\xf4\xb3\xd9\x90\x19v\xedxU\xea\\s\xf2\xdb\xc0\x9b-5\x0c\x8e\xa2\xf7\xaeWK\x18\xfc6\\R%\x96\xf2\x94\x05\x8e\xe4L\xe9Zv\xa8\xb7|o[\x12C\xd7Y\x81\x01^S\xa5TC\x9fn\xa8\xf8\xec\xe21f\x8e4\x08\x04\'\\l\xaa\xe4\xf30\xe1\xdcmA\xa4kq\xbc\xf7\x89m+\xee\x9d;,\x9e7\x97J\xfb\xceU|\x1e\xd6YSLe\xb0)\xc0\xad\xd6\x9a\x87\x97\x8e;\xcb\xfe\x04\xfe\x8e\x96\xed\x85\x14G\n\xcbN\xacM\xf6\xdf\xbc8\x92\xdc\xef[\x93\xbe\x89\x87\xfft\xedt\x1f+I\xef6o]Ns&gt;y\xc3\xa0\xc3C@\x8c\xe3Tq5\x91\x8ejJ\x1f\x0c\x12\x96\xcf\x9fC\xf7~!\xccz\xc2\xcb;]\x9eSF\xd4\xafN\xc3\xb7\xb4\xee\xa0\xfa!\xe1\x94\x0fz\x1b\xf0{|d\xfb\x8eP\x0c\xf9\xe1\xefM\x8e\x8ab={\xf6\xac\xdd\x90\x196\x1e`\xa1\xc7\xcc\x95qs\xb9&gt;\xfaX\x80\xc2h\x8f\xa7\xd7[\x19\xeck\x0c\xb0d\x9eS\x88l\xbe.\xf2a\x9e\x85\xae\xfc\x0f\x1a\xe38E\xb1\xf9\xe2\x04\x17\x02\xe1\xedK\x87\xb7\x8ao\x95\x83\xa3\xe4\x81\xf2\xc5s\xa7\xaa\xd32\x9e\xa3\xc5\xad\xd6\xda,\x7f[\xba{5o]~\xe5\xe8\xf6\xa0\x99c\x9e\xdf\xea\xc8\xf4\xb5\xb6U\xeaNs\x04\x82U\xae\x9f\xd8yz_\x05\xc8 \xb4\xb91+\x8c\xc5x\xe4\x8f.\xc0\xd3\x1bm\x1cMn\x0c\xb43x\xe2w\xd6s\xa7R\x15\xe7\xa3\xd8X\xb8&amp;\xd1\xf7\xf0\xc6\xa5\xd4Cb\x8b\xfc\xf0\xd9\xa0\x94]\x84\xf6:\xc0\xe7a\x1f\xf46\xd8P;\xfb\xa3E`\xc4\x10\xa1uG\x91\x8c\x99\x9f\x83\x159\xc2?*gU\xa5\x89\xe4\xb7\x96\xceszv\xb3\x9d\x95\xa3P\xd4J"G\xfcJ\x9c\x13\xe4@q\xdf\xbe\xce=@\'\xff&amp;g\x96\xcc\x9b\xb5\xbflQ\xb4\x83\x94\xeb\xd4\xceed\x8a\x1at/\xa8|\x1e\x16aCO\xafU\r@\xb8\xf2\x07\x81@\x10#\xfee\x9e;U\xfd\xf1\xb5\x16E\xc4"\x05{\x1d\x16d\xdav\x16$\x90\xbc\x1b\xed8E\xe4\xd7Q\x18\xcd\xf0r\xa8\x030\x15\xc0\xd7X\xcb\x95\x8e\x12AEz\x08\xc9\xbb\x13\x00&gt;&gt;\xb5\x9f\xca&lt;\x162\xeb\x81\x03@q\xbc\xb7\xb8\x9a\xf3\xd9\xfd\x1b\x18[\\0\xc0k\xaa\xc6\x83\x0bG\xe8\xee\xa5\x01p\xb1i\x0b\x07\xe1 \x86\n\x8f\xae4S/$\x10\xdcb\xcb!\xcd\xca:{\xd7\xa4\xd3\xdd\x</t>
        </is>
      </c>
      <c r="E646" t="inlineStr">
        <is>
          <t>&lt;class 'numpy.ndarray'&gt;</t>
        </is>
      </c>
    </row>
    <row r="647">
      <c r="A647" s="1" t="n">
        <v>645</v>
      </c>
      <c r="B647" t="inlineStr">
        <is>
          <t>steps_per_sec</t>
        </is>
      </c>
      <c r="C647" t="n">
        <v>9300</v>
      </c>
      <c r="D647" t="inlineStr">
        <is>
          <t>3.361063</t>
        </is>
      </c>
      <c r="E647" t="inlineStr">
        <is>
          <t>&lt;class 'numpy.ndarray'&gt;</t>
        </is>
      </c>
    </row>
    <row r="648">
      <c r="A648" s="1" t="n">
        <v>646</v>
      </c>
      <c r="B648" t="inlineStr">
        <is>
          <t>Loss/object_center</t>
        </is>
      </c>
      <c r="C648" t="n">
        <v>9300</v>
      </c>
      <c r="D648" t="inlineStr">
        <is>
          <t>0.12007764</t>
        </is>
      </c>
      <c r="E648" t="inlineStr">
        <is>
          <t>&lt;class 'numpy.ndarray'&gt;</t>
        </is>
      </c>
    </row>
    <row r="649">
      <c r="A649" s="1" t="n">
        <v>647</v>
      </c>
      <c r="B649" t="inlineStr">
        <is>
          <t>Loss/box/scale</t>
        </is>
      </c>
      <c r="C649" t="n">
        <v>9300</v>
      </c>
      <c r="D649" t="inlineStr">
        <is>
          <t>0.05735154</t>
        </is>
      </c>
      <c r="E649" t="inlineStr">
        <is>
          <t>&lt;class 'numpy.ndarray'&gt;</t>
        </is>
      </c>
    </row>
    <row r="650">
      <c r="A650" s="1" t="n">
        <v>648</v>
      </c>
      <c r="B650" t="inlineStr">
        <is>
          <t>Loss/box/offset</t>
        </is>
      </c>
      <c r="C650" t="n">
        <v>9300</v>
      </c>
      <c r="D650" t="inlineStr">
        <is>
          <t>0.12899213</t>
        </is>
      </c>
      <c r="E650" t="inlineStr">
        <is>
          <t>&lt;class 'numpy.ndarray'&gt;</t>
        </is>
      </c>
    </row>
    <row r="651">
      <c r="A651" s="1" t="n">
        <v>649</v>
      </c>
      <c r="B651" t="inlineStr">
        <is>
          <t>Loss/total_loss</t>
        </is>
      </c>
      <c r="C651" t="n">
        <v>9300</v>
      </c>
      <c r="D651" t="inlineStr">
        <is>
          <t>0.3064213</t>
        </is>
      </c>
      <c r="E651" t="inlineStr">
        <is>
          <t>&lt;class 'numpy.ndarray'&gt;</t>
        </is>
      </c>
    </row>
    <row r="652">
      <c r="A652" s="1" t="n">
        <v>650</v>
      </c>
      <c r="B652" t="inlineStr">
        <is>
          <t>learning_rate</t>
        </is>
      </c>
      <c r="C652" t="n">
        <v>9300</v>
      </c>
      <c r="D652" t="inlineStr">
        <is>
          <t>0.001</t>
        </is>
      </c>
      <c r="E652" t="inlineStr">
        <is>
          <t>&lt;class 'numpy.ndarray'&gt;</t>
        </is>
      </c>
    </row>
    <row r="653">
      <c r="A653" s="1" t="n">
        <v>651</v>
      </c>
      <c r="B653" t="inlineStr">
        <is>
          <t>train_input_images</t>
        </is>
      </c>
      <c r="C653" t="n">
        <v>9300</v>
      </c>
      <c r="D653" t="inlineStr">
        <is>
          <t>[b'512' b'512'
 b'\x89PNG\r\n\x1a\n\x00\x00\x00\rIHDR\x00\x00\x02\x00\x00\x00\x02\x00\x08\x02\x00\x00\x00{\x1aC\xad\x00\x00 \x00IDATx\x9c\xed\xddg\xb8\xd4D\x1b\x06\xe0\x01?\x15\x0b\x8a\x95. H\xef(\xd2\xa5#\xbdJ\xefM\xaa4\xe9\xa0\x14\xe9R\x04\x04A\x04Q\x10\x10\xa5\nRDA\xaa\x82H\x11\x10\xa5I\x91\xde\xa4)\xed\xfd~\x84\xb3\xe4\xec&amp;\xd9\x94\x99L\xb2y\xee\x1f\xe7\xca\xc9Nf\xdeM\x99d\x93\xc9\x0c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103\x12\xcb\x0e\x00\xa4+\x904\x81\xf2W\x990\x99&gt;r\xa6\xc1\xe2&amp;s\xb6G/s\xbd8\x8d\xd3\x98\tU\xd67\xe5%j\x90\xbe\xf8\x16\xfe@D\xb2C\x000b~\x17-\x9c\xfc\x7f\x06\xe9\r\xf2!\xba`\xb2\x88\xe1\xedk\x19|\xfa\xc9\x80\xb6\xcaD\xde$\xf7gv\xa8\xfcjd$e_z2\x8dV`aAF\xc6\xfc\xdd\xcc\x91\xc6\x11\xde&gt;\xb1\xcd8A$\xba\xf4{\\q\x17\x19c\xd3\xdem\xb3v\xf6\x18eN"\xaby\x99\xf0\xf3\xa2\x8ft#\x89#\xa0X\xd0\xe2\xf1u\xed\xf1\xf0 \x06|\xf0v\xe3\x86E2F\xce\x7f\x861\xc6X\xea\xf83\x8dwH:\xb33|\x8e*\xfd\xfcq\xbd\x18cO\x1a\x06\x13\xf5\x04\xa0\xe7\xc4\xb6o\xd4\xff\x0ejY\xd9\xe4\x82Qc\x08sl\xebR\xdb93\xc6\x88N\x19\xe7\xff\xc9\xc0vN\xf2\x87\x98\x82\x13\x00p\xe4\xf2\xee\x14\xb5\xb8\xd0\xd5.]\xd8\xc3\xb7\xac)\xfd[{\xf3\xd8\xc9\x15\xed\xaen\xf5&lt;)]\t\x04\xc0-\xde&lt;\x14\x81#e\x137(\xfc\x92zf\xa9\x17\x1f\x0fK\xd0\xaf\xf1\xeb,H\xfb\xc3\x8e\xe5\xd3\xb9\xe4s~\xcf\x9aw\x9bW\xe4\x92\x15\x80\xdb\x82s\xc0\xfb\x82\xa0\xcd\x11\xe5\xee\x90\xfe\x8d\xfe \xab\x90\xe5Ye\x82n\x1d\x95\x1b\x89\x87`\xff\x80\xa0\xf1\xd4&gt;_4\xd5\xc36\x96Z&lt;\xe9\x1dK\xe9\x97M\x1dl)\xfd\xdd\x93\xbfZJ\xaf\xd8\xbd\xea3\x1bK\x01\x80\xa7\xd1\xedc\xb2C\x885}\x1b\x95u\xb9D\x1b\xa7\xbd\x9euK\x8ah\x99\xc3\xd7\x00[\xb7k\x0em\xfc\x9a{$\x001\x88\xe8\xb4\xa7.\x99\x01B\x94\xb6\xa4\x00 J\xc3"\x19\xbf\x1e\xdf7\xf4\xef\x9a\xcfG\x11\xd1\x88\x0eoH\x0c\t\xb8\x1b\xd8\xc2~S\xce0{\xd7\xcc\xe6\x95\x95\xda\xd4\xfe\xad\xc3\xe6\x10\x9d\xb6\x9d[\xae\xc4l\xdd\x9c\xb1\xce"\x82\x98Cgv\xc9\x0e\xc1\x8b\x16N\xe8\x17\x9a\xc6\xbb3\xe0\xc4\x9e\xeff\xc9\x0e!f%\x94\x1d\x80\xffd\r\xbb\xc7\xf9\\\x0eA\xd7/\xbe\xb6l\xf1\x12ebl\xd7\x06\x8c\xb1\xc1\xad\xaaH\r\x07|l\xf9bG\xefvY\xb2r\xfa0\'\x8b\xe3\x1d\x81\xd8\xa7\xdc\xe0\xfe\xef\xaf\x9f\x18c\x83[W\xf5\xcb\xe5\xed\xe9\x9d+\xc3\xe6\xd4-\xf0\xa2\xe8B;V)\x907\t[\xa0\xba\x1d\x14\xabN\xefX!;\x84\xd8T%g\xb2\xa8i\xaa\xe7N\xc1\xab\xb8-\x0b&amp;9\xcc\xa1L\x86\'\xb8D\x02\x1euz\xc7\nu\x8d\xff\xcb\xd2i\xd7\x0em\x94\x18\x0fxA:\xd9\x01\x08U\xe7\xd5\xd8\xfe~\x00V\x94\xcf\xfc\xb42\xf1\x08cD7\xe4\x06\x03\x00\x00\x001\xc8\xcd\x1b\x8c\xbe\xb8\x99\t\x00\x00\x81V\xaf`z\xd9!\x00\x00\x80\x0c?\xce\xfd@v\x08\xe0[\x13z4\x91\x1d\x02\x00x\xda\xbb\xcd*\xc8\x0e\x01\x00\x00$iQ:\x87\xec\x10\x00\x00\x00\x00\x00@"4\x94\x02\x00\x08.\xbf\xbc\xfc\x0f\x00\x00\x9c\xa1\xf6\x07\x00\x08\xa8\xd7^\xf0\xfe\x987\x00A5{DW\xd9!@,x^v\x00\x00`\xa4e\x99\\\x913k\xbd\xfc\x82\xfb\x91@\xecIm\xf8\xe9)\xf4\xff\n&gt;\x85\x9b\x98\xc0Q\xa7j\x85\x1c\xe6\xf0\x10\x978\x00 *\x93\xb5?\xd1\x1d\xd1\x91\x00\x000\xc6\x18\x9e\xaa\xf8\xd7\xb1\x9f\x97\xc8\x0e\x01\x00\x00dxDv\x00\x00\x00\x00\x00\x00&gt;!\xe8a\xec\xf4A\xedEd\x0b\x00\x00\xc1R.\xe3S\xb2C\x80\xa0(\x971\x89\xec\x10\x00@\x05\xb7\xf8\x01\x00\x00\xc0\x13\xfa7)/;\x04\xf0\'\xa2\xeb\xb2C\x00\x00\x00\x00\x80X\xd1\xbdvq\xd9!@\x00&lt; ;\x00\x08\x88\x04\xe85$B\xf3\x92\xd9\xb1N\xdc0\xa0y\xc5\xd04\xd68\x00xAj\xfd\xea\x08\xd5\x94K\xdex%\x8d\xec\x10\x00 (\xc2j\xf6FE3\xc9\x8a\xc4sp\xd2\x03_xQv\x00\x00\x00\x10#\x9e\x96\x1d\x00\x00X\x83\xdf+\x00\x00\x00\x00\x00\xbe\x12c\x97\xf0]j\x14\x0e\x9b\x13c_\x10\xd4\x06\xb7\xaa";\x04\x00\x00\x00\xe0\xc4\xd7\x17m\te\x07\x00\x00\x00\x00\x00\xde0{DW\xd9!\x80OL\xee\xd3Bv\x08\xe0\xaa\x16\xa5s\xca\x0e\x01\x00\x00d\xf0\xf5MO\x00\x00\x00\xb0c\xc7\xb73d\x87\x00\x00\x00\x00\x00\x00\x00\x00\x00\x00\x00\x00\x16\x11\xdd\x92\x1d\x82\xe7&lt;*;\x00\xafC\x9b\x10\xab\x9a\x14\xcf*;\x04\xf0\x07\xa2\x7fd\x87\x00`K:\xd9\x01\x00@p\xd0\x8dC\xdd\xeb\x14\x97\x1d\x05\xc4\xe9X\xa5\x80\xec\x10\xbchJ\xff\xd6\xb2C\x00\x88M\xea\xbb\x11\xb83\x01\x00\x10 8\x01\x00\x80W\x9c\xdd\xbdJv\x08\xfc\xf9\xa5b\x9d5\xa2\x8b\xec\x10\x00\x00\x00\xc0\x8f\xd0*\x0e\x00\x00\x00\xc0\x82\x15\xd3\x87\xca\x0e\x01\x00\x00\x00\x00\x00\x00\x00&lt;\xc1/\xedI\x00\x00\xc0U\xcdK\xe5\x90\x1d\x02\x00\x00\x00\x00\x00\x00\x00\x00\x00\x00\x00\x00\x04@z\xd9\x01p\x97\xd0\x852\x82\xdc\xd8\x83\xe8\x12\x11}7s\xa4zf\xa1d\x0f0\xc6\xbe\x1c\xdbSRP\x00`\xc7\xb3\xcf\xc9\x8e \x86\xc5\xd8yb\xfe\xd8^\x14aH\x9b\xea\xa1\xaf\xd9\xb2L.\xbau\xb4B\x96g\xe5\xc6\t\x00 \xd0#\x8c\xad\x9f\xf7\x81\xec(\xc2\x95\xcf\xfc\x8c\xb8\xcc\x131\x16V\xf5\xaf\xfet\xc4\xdc\xf7\xbb\x87\xfe\xdd\xfb\xdd\xac*9\x93\x11\xd1\xe1M\x0b\xc4\x85\x01\x00\x00\xaez\xa7iy\xa5\x96\xbf\xf3\xf7\xf66\xe5\xf3\xa5V}T!\xcb3\xaa\x93\xc2\xed\xf9c{I\x8b\x12\x00\xc0;\xe8\xdcn\xd9!p\x90\x9a1\xa2\xabD\xd4\xba\\\x9e\xd0\xcc7_\xcf\x1b\x9a.\x99\xeeq\xf5/\x83\x8aYq\x0b\x08\xc0\x07\xe8\xf61\xd9!xC\x87\xca\xaf\xca\x0e\xc1\xbb\x94j\xbdY\xc9l\x06i\xee\xfc\xfd\x8b\xfa\x1c\xe0Zl\x00`\xcf\xa3V\x1eRn\x987^h0\x92\xa1\xce\xd2\xd3\xa8h&amp;"\x1a\xd0\xbc"c,m\xdc\xcc\x12i\x1fc\x8c\xf5\xac[2\x94\xacn\x81\x17\x1b\x14~\xe9\xa1\xb8\xb3\xc5\xa5\xdf\xd7f|\xc0\xfd`\x01\x00\x80\x9fT\x8c\x11\xfd\xc7\x18K\xc9X\xce\xc7Y\x93\xe2Y\x8c\xd3\x87~\x04\x8cz\xab\x8e\xc9"\x88\xae8\x8d\x12\x00\xc0\x1d\x81\xfa\xb9\xd0\xa0H\xc6\xbcIX\xb5\\\xc9\x132V8\xc5\xff\x88\x88N\xef\xd4K\\#o*\xd5\xf3`\xdc^\x04\x90\xe6!\xd9\x01@, \xa2-\x0b&amp;\xbd\x107MD-\xcb\xe4\x8cL\x96\x84\xb1\x8c\xff\x0bo\'\xfaQ\xdf\x96\xee\x06\x0b\xe0\t\x81\xbaF\x84XFD\xaf\xbd\x90(\xcf\x93\xca\xf4\x95\xd0\x9e\xfd\xda\x0b\x89\xe2%;\xff[\xe4;bQ\x0f\x03\xa2\xbbb\xa2\x0e\xd7\xb6\xc2\xcb\xee\x14\x04\xb1\r5;\x04\x0b\x11U\xcc\xfa\\h\x9a\xae\x1f,\x92\xe2\xc1\xae\xb5\x8a\x86%;\xf9\xeb\xb7\xb6N\x00\xb7\x85\x04\r\x9e\x11\xcc\xa6\x00D\'e\x87\x00\xe0\xd8\x93\x8c\x11\xd1\xfb\x9d\xea*\xff\xde&gt;\xb1\x8d\xce\xef\x89L\x96$\xe2%\xe1\x90\x97\x9fv5`M\xf5\x0be\x90\x1d\x02\x00\xc4\xae\x16\xa55n\x8b\xc7\x06"":c.\x99\xe5_\x00\xe6\xd5\xc8\x93\x92WV\x00\xf6\xcc\x18\xdc^v\x08b%\xc5=.\x08\xa3\xd4\xe3\xd3\x07\xb6\x0b\xcd\x19\xda\xb6\x06c,=c\xb5\xf3\xa7\rK\x16\xee\xceq\xf7\x03\x06\x00{\xee\x9e\xdc\x8e\x13@\x10\xcd\x1fg\xd4\x81\x0f\x11\x1dX??rf\xd8\xbf\x91j\xc6\xeb4\x08\x00&lt;-\xb8\xb5\x7f\xa3b\x99d\x87\xe0]t\xfd \x11m\xff\xe6\x93\xf1\xdd\x1bG~\xfa\x0cc\x8d\x8af*\x96\xea\xe1\x88\xfa?\xfa\x8d#\x88Un\x0c\xca\x01\x00\xeehS&gt;/\x11}&gt;\xac\xb3\xf2\xef3\x8c\rlQ\x891V)\xfb\xf3zw\xff\'\xdbz\t \xb8\xd7 \x00\xc2\xbc\x1a7\xeaK\x12\x99Q\x80\x15^\xab\n\xff\xfc\xf1K\xba\xf9\x17\xd1\xb5\xfbu\xfc\xb9\xdd\xa7w\xac\xd0\xac\xfds%\x96\x1d\xae\xf7\xe0]\x04Y\x1ew\xab \xaf\x1d\xb36\xc4\xc0W\x00\x81\xbe\x1c\xdb3^M\x7fj\xc7\xa1\x8d__?\xb4\x89\xe8l\x12\xc6*e\x7f\xbeU\x99\\\xb2c\xbc\x0f{3\x00\x007o\xbe\x9e\'\xde\t\xe0\xc2\x9eR/\xbav\x81\x05\x00\x100\x9e}\x9a\xda\xb6B&gt;A9\xa7\x15\x94/\x80u&amp;\x7fG^=\xb8At$\x10D\xb8\x8f\xe1_/\xf0\xce\xf0\xc8\x96E\xbc\xb3\xe4\xef\xbd\xd6\xd5xe\x95\x8aWFv\xe1\xe8\xf3\x1d9-\xd0\xcadxBP\xce\t\x12$\x10\x943\x88v\x94S&gt;q\x8d8X\xda\x02\xd58e)\n\x11%M\x96\x94Wn\xd2\xdf$\xc4\xd1\x07\x00Fp\x91\x18\x06+\x04\x00\x82\x82\xce\xff&amp;;\x04\x9fy\xd4\x03\xf7v\x00@\x94\xf5s?\x90\x1d\x02\x00\x00\x00\x00\x80\x0b8\xf6\x0b\x8d\x1b\xa9A\xb3`B?\xd9!\xb8Gy\x8dDv\x141\xe5\x95gdG\x00\x00`\xc6\xfay\xb8I\x08\x00\x00\xe0U\xdc_d\x01\x00\x00\xe1*\xe7\xe0\xf66\x06\xe8\x92\xdb\x0f\x0e\xee\xa2\x82\x13\xdf\xcd\x1c\xe9\x97](\xc7c\xb2#\x00P\xbbqx3\x11\x8d\xe9R_b\x0cD\xe7$\x96\x0e\x00\x10\x14ti\xdf\xc5}\xdf\x87\xfe\x9d6\xa0-\x11\xd1\x85\xbd\xddk\x17\x97\x17\x14\x00\x00\x88\x94+\xf1\xbdVk\xdd\xeb\x14\x0f\xfbhx\xbb\x9a\xb2\x1a\xb4E\x06\x13\x1c~\xb9q\x01\x1c\xd9\xde\xe8\x9f\xbe\xd7\x91o$\x10,J\x15_:}b\xc6X\xd1\x94\x0fi~jr\xeflT4\xd6\x06\x1fV\x7f\xf1\xae5\x8bJ\x8c$6t\xaaV\x08\x15\x16\x80\x87(\xf5\xfb\xa1\x8d_k~\xfa0cD\xb4\xf3\xdb\x19.G\x15U\x0c_&amp;\x07\xe4L\x13\xc3[\x10\xc0\x1f\x12\xc4\x9d\x00\x9a\x97\xca\xa1\x97\x86\xe3] \x1c\xf3\x10r\xf7\xe4v\xd9!\x00\xf8\x0c\xe7\xf1\x00\xa6\rh\xabL\\\xbeti\xfa\xa0\xf6\x91\t\xf8V\xd9\xe8\x7f\x1cB\x12&amp;\xcf+;\x04\x80\xc03\xa8\xe2\x0fo^h\xe9\x19\x00/[\x17Oq\xb38\x1f)\xf3\xd2\x93\xb2C\x00\x80\x00\x18\xdf\xa3\x89z\x80t\xd9\xe1\x80e5\xf3z\xb1_\xfa\xe3\xdb\xbe\x91\x1d\x02\xc0}A\x7f\tot\xe7zz\x1f\xdd\xaf\xfe\xaf\x1dp3$\xe0\xe2\x93\x81\xed\xd2\xf1\xc8\x87\xfe;\xc2#\x9b\xb8\xdc\x1c\\L\xec]3\x9bc$\x00\xb8\xba5R)\xfb\xf3\xca\nz\xd9\xab}\xb1\xd6\xc8\x9b\xea\x87Y\xa3eG\x01\x16\xf4iX\xc6\xf6\xb2\xff\xe3\x18\x07\x00c\xf9\x9eB\xcb\x14\xc6\x18ct\'|\x84\xeadq\xa7\xc7\x9a\xf9RK\tir\xdf\x96\x8c\xb1\xce5\nK)\x1d@-\xeb\xc3n\x942\xb8uU7\x8a\x818)\xd14Q-\xf4\x84\xd1;w\xff\x07\xb6\xa8l&gt;\xb1\xf4h\x01\x00|\xafG\x9d\x12DT=OJ\xd9\x81D!\xb1\x1bE\x9cl\x00\x9c\xc3q\x04\x00\xa8\x08\xc0=ti\x9f\xec\x10 \x16\xbd]\xfb5/\xdc7\x03\x00\x00\xb7y\xe4\xc1\t\x00\x98\xf1\xe5\xd8\x9e\xb2C\x00\x7f\xa2+\x7fh\xcc$\x1a\xd6\xb6\x86\xfb\xc1\xd8\x93^\xa7c\x8eY\xc3\xbb\xb8\x1b\x08\x1f\x7f\xfd\xb4Hv\x08\xe03\xb8\\\x03\x0b\xd4\xfb\n\xd1-\x19\x01\x9ct\xbfP\x00\x00\x90\xf3\xa0\x12W(\x00\x82\xe0\xe0\x92c\xde\x18\xff\xddz#\xba#;\x04\xcb\x8a\xa7yDv\x08\x00\x1c\xa0\xa6\x06\xc9\x8e\xfe\xb4\x98WV\xf9\x9e\xe2\x95\x13\x00\xd8\xb4\xf6\x8b1\xb2C\xf0\x9e\xa4\xb2\x03\xd0sx\xd3\x023\xc9p\xa5\x00t\xeb\x98\xe5E\x04\xef6|;\xd4\x8by\xa1\xcd\x91\xe31\x96\xed\x11vr\xfbr\xb9\xf1\x80\xbf\x11]\x92\x1d\x824u\x0b\xbc\xe8ZY\x0b\'\xf6w\xad,\x03W\xfe\\/;\x84p\xabf\x0c\x97\x1d\x82\x9f\\=\xb8a\xe3\xfc\t\xb2\xa3\x00\x88/Wb\xc6\x18+\x9d&gt;\xb1A\x9a\x16\xa5s\xba\x14M\x9c\xec\x8f\xba\\`\x0c\xc2\x0fG_\x18\xd6\xae&amp;\x11\xed^\xf5\x99\xec@\xc0\xcf\x1c\xb6s\xa7\xdb\x96\xef0\x84d\xc3CY\xb0b\xf1\x87\xef\xc8\x0eA\x82\xfc\xcfj\xcfO\x83\x96\xfb\xfe\xd2\xb0hF\xd9!x\xcb\x88\xf6\xb5d\x87\x00\xd1%w\xb1\xac\x1a\x9e\x1c\xb8M\xa2-\x0b\'G\xce|\xf3\xf5&lt;]k\x16\xa5\x8b{\x95\x13\xc07S\x06\xba\x1f\x18x\xc8\x81\xf5\xf35\xe7G\xbd:8\xf7\xdbw\x02\xc2\x01/jP\xf8%\x89\xa5[\xbaP%"WF\x1c\xf0\x01"\x1a\xd4R\xbb\x13x\xeftS\x0fA\xd7\xb3nI\xd9!\x80\x1ci\xcd%C%e\x8fR\xbf\xaf\x9f\xf7A\xe4\n\xc4\t@\x82\x95\xd3\x879\xcc\x81\xce\xee\xe6\x12\x89\x19;W|\xeaZY`\xe0\xd3\xf7:\xca\x0e\xc1mB\xbb\x81:\xf1\xcb2q\x99{\x8aA\xfd~j\xc7\n\x9c\x00\x00\xee\xf9\xef\xe8O\xb2C\x00\xe0\xec\xda\xa1\x8dD\xb4c\xf9\x8cq\xdd\x1aF~\x1aW\xff\xdfu?0\x00\xcfy\\\xff\xa3\x87\x18c\x8c\x95\xcb\x98\xc4\x9dH\x00\xb8x\xc4\xf0\xee\x19\x97\xcb\x7f\xbas\xc2a\x0e \x16\xdf\x9fx\xea\xdc\xb6/\xfb\x84c\xceN\xe0g,\x80\xa6\xb3\xbbWk\xceWj\xff\xb9\xefww\x98\x7f\xc1\xa4:=\xa1\xc7\xb0J\xd9\x9e\x97\x1d\x82\x05\xe2*G\xbd\x9cm\x97\xa8\xb7`\xe6\x07\xa3-x~\x8f\xbd\x12\x81\x97\xba\x05\xd3[]\xe4\x9b)\x83\xd4\xff\xbap\x16O(\xbe\xac\x99^}`\xa3\xee5\xab`\xd2\x84\x1d\xab\x14\xe0\x98y=\xeb[?\xc6y\xe7\x9a\xd4\x9b\x91\xdc8\xbc\xd9\xfc\x82\xf2\xc6\xab\x87X\xe3\x9d\xc3\x01\xc0\x13\x86\xbcY]\xef#A\xb7\x8f\xce\xefY\xa3\xfc\x9b\xc4V&gt;\xbbV\xcc\xe4\x16S\xac@\xbd\x06N\x8c\xeeTOv\x08\xe0=V\xab\x95\x1c\x86}\xe9\xfc\xfe\xc3\x9c\x92\xe9\xc2\xaf\xe6%\xdeM\xebQ\xb7\x84\xbc\xc2\xc1\xaco\xa7\r\tMW\xcc\xaa\xd3\xb3\x81\x0f\xf9\xe8\x9c\xbdz\xe6\x08\xd9!@L(\x9a\xea!\xd9!h\xe8T\xadP\xd8\x9cFE3\xb9\x1fF"\xf7\x8b\x94*\x07n\xed\x01\xa8\rlQ\x9916\xb6k\x03\xd9\x81x\xcb\x82\t\xfd\xb8\xe79\xa8U\x95\xd3;W\x8c\xe9R\x9f{\xce\x00A3\xea\xad:\xb2C\xf0\x8f\xa9\xfd[\xbbSP\x86\xe05\xd0\xb2j\xdd\x9c\xb1\xfd\x9b\xbc\xde\xb6B&gt;\xd9\x81\x00\x00\x08\x10\xf5V\xa3\x8f\xeeE\nry\xff\xbac[\x97F\xce\xa7\x7f\x0f\xbb\x1fLp\xa03A\x08\xa8\xb4\xa6S\xa6wVAW\xcc\xfa\x9c\xc9\x94\x85\x92=`\xbb\x14.\xdc9\x0f\xe9\xf5j\xe9\xd9\xb3\xe0\x9cQo3\x0f\x87\xe7&gt;/&gt;D\x02\xf0\xa6\xec\x185Ee\xa0N\xd7\xb8\x8c\xb1\xef&gt;\x1b\x19\x9aFm\xebe\x17\xf7\xfd ;\x04/\xc2\xb0\xec\xbe\'\xa2\xdeA]f\x12V\x14\xf8\xce\xba9c\x7f\xffa\xce\xd3\x8c-\x9e\xf4\x8e\xd2\xb5C\xa6\xff\xb9T4\xd1U\x1c2&gt; t#}\xf0v#q\x99\x1b+\x9e\x86\xdb\xe8\xbd\xe8\x14\x17\x98\x0f\xaf\x00*D\xbc\x12\xa1\xec\xc6ERD\xeb8\xc5:"\xa2S;"\xcb\xa23;q\xec\xd8\xb1\xea\xd3\xe1\xee\x14T0i\xc2\xe8\x89\xe2\xcb\xff\xac\xd9\x06\xda~\xec\x81\'W\xc4(\xf48\x01\x807\x15K\xad;\xb2\xd9\x99]\xab4\xe7\x13\x11\xd1Ia\x11A\x00\x10\x9d\x95\x1d\x82Xt\xeb(\x9d\xfa\xf5\xde\xf4\xb9\xdf\x94\xda\xbfL\x86\'\xe4F\xe5\x05r\xc7}\x840\x9d\xaa\x15Jaq\x11eg\xee\xd3\xb0\xac\x90\x80\xa2\x14}\xd3\xfdB=\xca\xd7\x97\x93\xe2\x82\x9f\xe2\xd6\x0b\x10\xc6*g\x7f\x9e\x882&gt;\xc0\x18c\x99\x1fb\xa7w\xae\xfcIk\xecl7\ri\xa3\xdb\x1d\x937-\x9c\xd8_v\x08\xc1uh\xe3\xd7\xca\xc4\xd5\x03\x1b\xd4\xf3\xe9\xf2\xef\xca\t\xe0\xe6\xd1\x9fe\xc4\x05\x81\xe4\xeb\xb3\x9d1\xba\xeb\xd2`\x171\xbc\x0e\x83\xc3\xb5\x9f\x90_\x8d\xeb\xadL\x84\xed6\x18\xe6\x17\x80\'\xb7\x9aT\x00X@tF\x99(\x9d&gt;q\xfc\xf9!\x9c\xef\xc6$\xe7\x9b\x9d7X~:jl\xd3W\x13\xf9f\x08\xd2\xdd\x96\x1d\x00\x17\r\x8bd\x94\x1d\x82\x05tf\xa7\xec\x10\xdc\xe0\xe4"\xbdR\xb6\xacJ\xe3\x8e\x07\x1f\xd4n\xf0\x938\x01\xe7\xb7\xe5\x8c\x1f+\xab\xbf\xcb\xb4w\xdb\xf0-\x1a\xe2\xe9U\xbf\x94\xc1\xa7\x99\x1e\x0c\xca\xcd\x84\x8c"/\xce\xe9\xdc\xee\x80\xacF\x88\x19C\xdbTW.\xfeGwv\xbbg\xff\xd5n\xb5i\x84\x18\x81_K\xbcD\x1d,\xd3\x89\x80\x9c\x05\x0f\xac\x9f/;\x04\x9b\xa6\xbe\xf3&amp;c\xace\x99\\qw~\xce\'s7\x80\x80\xec!\x00\x10\xfbB\x83\xe6v\xae^Xf\x1c*\x065\xacr\x0b;\x11ct\xf5\x80R\xfdW\xccf\xb6\xe3/p\xc3\xcbOk\xcc&lt;\xb9}9\xc7"rsmy\xa0\x1e6\xda;\xf6|7Kv\x08`V\xbf\xc6\xe5d\x87\xc0\xcd+\xde\x1e|\x0cW\xdf\xe0H\xc5l\xcf\rmS\xc3\xcd\x12\xdf\xae\xfd\x9a\x9b\xc5\x81\xd7\xf8\xa5\xce\xaa\x9d?\xad\xec\x10\xa2smX\x910\xaf&gt;\xc7RK)\xd8\x17\xfc\xb2\x8b\xcbR\xbfP\x06\xd9!\xf8U\xfbJ\xf9e\x87\x00\xc0\xda\x94\xcfKD\x1d*\xbf*;\x10?\xa8\x99O\xd4\xc92\x80\xc3\xa9\x12]\x92\x1d\x02x\xce\xe2I\xef\xca\x0e\x01 V\xd4-\xf0\xa2\xec\x10\x00\x00|bb\xaff\x9a\xf3\xdfk]\xcd\xdd@\x80\'\xa2\x8b\xb2C\x00\x00p\xec\xbd\xd6Ue\x87\xe0\x03\xe2\x1e\xde\xb4\xab\xf8\x8a\xa0\x9c%z\xef\xcdj"\xb2\xc5#4wd\xc6\xb8\x9a\xee\xc0\x0e\r\x1c]\xde\xbfNt\x11z{l\xdfFe\x1f\x8f\x98\xd9\xe4\xb5,\xa2\xe3qA\xa8op\x0fz\x89\xc7@\xdd\xa8\x85\x00\xee{\xabZA7\x8b\xabW0\xbd\x9b\xc5\x01p\xa1y\xda\x88\xecj\xd4\xbfg\x17\xce\x9d\xc1\x81_\xa4~\xe1\x057\x8b\x9b\xb3\xf9\xa0\x9b\xc5\x85\x11w|\x9a\x1cu\xc4\xbf\x15\x84t\xefw\xaa+\xb1t\xcd!\x92\xbe\x9f\xf5~\xd8\x9c\xad\x8b\xa7\xb8\x12\x0e\x80TIe\x07 \xd7\xa5\xdf\xd7\xda[\x10\'\x00\xdb"\x87/\xf5\x94\x86E3\xc9\x0e\xc1\x11\xfc\x02\x80\xfb\xd21\xc6\x0ck\xab\xd3\xae\x85\xe2I\x9b\xd6\xaf7\x93\xec\xca\x9f?\x86\xcdI\x90 \x81\x80pb\xc7\xdbo\xe8\xbe\x1e\xbf\xf3\x8a\x9b\x81XV\xf4\xb5b\xb2C\xf0\x1b\\\ry\\h\x03\xb5\xad\x90On$6\x10\xfd#,g\x0c2%J\xf3\x92\xd9e\x87\xa0\xcb\xfcF\xc7\xeea\n\xdf\xd5\xf4\xd7\x96E\x1css\xc1\xb2\xa9\x83\xf4&gt;:\xbb{5\xc7\x01\xed\xbe\x9b924\x1d\xd8]\xf3\xee\xc9(\x8d[\x02\xbbf$\xf2\xd7:\xc7\x00\x93\x81@D\x06\xbfC]\xf0\xc9\xc0v\x14!\xa5\xc4\x80\x00\xc0o\xa7+\xb0I\xeef\xa6\xff\x8e\x10\x9d,\x94\xfc^\x83\xe7\xf2\x99\x9ffq\x97\x1e\x13{6\x95\x18\x98\xb1eS\x07\xbbV\xd6G\xfdZ\xb9V\x96%\xfb\xd7\xce\x95\x1d\x02\x88\xe5\xd9}\xcf\xeb\xe6\x8d\xe9!;\x04S\xf4j\x7f\xab\xf3#\xdd:\xbe\xd5fLq\x05y\xf9\x02\xe4\x8b\x91\xddd\x87\xc0\xc7\xc6\xf9\x13\xce\xecZecAOm\x9d\xe3[\x97\xca\x0e!@\x94M\x7f\xf4\xe7\xc5\x9e\xda\x07\xbc\xe5\xcb1=e\x87 \x84\xe6&amp;?\xb0~&gt;\xf7]\xe1\xf8\xd6\xa5DD7\xff\xe2\x9b-GDg\xe5\xb6\xd46\x89\x88\xc4=\x1f\xf6\xbb?\x7f\xfcRv\x08\x16dp\xbdE\xd5\x98.\xf5\xf5&gt;"\xa2\xdfV\x7f\x1e6G|D O\xd8\xf6V+\x984\xa1\x8d\xcd_$\xa5\xee\x98\xb6\xdc\x1f@q\xcc*\x95\xe3\x1cL\xbeE\xc5\x85\xd7\x0eK\xcd\xce\x91\xe8\xf61\xf7#\xd1|\xd7I\x8a\xd1\x9d\xeb\x95H\xfb\xa8\xec(@6\xba\xb0Gv\x08v\xcc\x18\xdc\x811\xf6\xe3\xdc\x0f\xec-NDa\x17\x1a\xa7w\xae\xd4;\x01x\xfb\xe5\x18S\xd2;\xab\x94\xbb\xd4(\xc21\x18\x90\xa2\\FO\x8e\xbf\n^\x10\xb5v8\xb5c\x85;\x91D2_s\x194\xfa\xac\x923Y\xfc&lt;O\x85\r\xbf\xaan\x0e\xc4\xe5P\x995\xbc\x8b\x93\xc5\x95v\xa5#:\xbc\xc1\x18#:\xe70\x98\xfdk\xe7\x12\x9dw\x98\t\x80\xcb\x9e\x8f\x96\xc0k\xbf5AW\xef\x06ed\x87p_\xe4\xd0\xf6DgC\'\x80\xb2\x19\x93H\x88I\xdf\x84\x1eMd\x87\xc0A\xd89X\x0f\xd1I^%\x9a*/\xbe\x87\x19+\x9a\xca\xed\x9e\x8b\xfb6r\xef\xee\x1c\x17k&gt;\x1f%;\x04\x10\xc9\xe0\xce;w\xe2\xce\xe1\xff\x1e\xd9\xa2L\xb4(\x95\xc3d$DD\x17\xf7\t\x8aG\xa22\x19\x9e\x94\x1d\x02\xc4\x0e\\w\xfb\xdbO\x0b\'\x9bL\xe9\xa9a\xaa\x94\xeaYP\xe6\xb7\x8eo\xf3H3P\x871\xfc\xbd}9\xafH\x004\xf1=Ll\x0f\n\xeb\x85\xa3\x15\xb4\xedX&gt;]\xfdo\xc6\xffY\xce\x81\xcb\xd65\x99\xc9\xd8\xae\r\xe8\xe6_\xa7w\xae\xf4xo\x88\x9a\xd4\xed\xf4\\8$j\xe4\xbd\xdf"\x89\xee\x9e\x10]\x1c\x04Y\xf14\x8f\xc8\x0e\xc1?z\xd6+\xc9=O"i]R\xd6/\x94\xc1\xc9\xe2\xbf|3-\xf4\xaeo\xf7:\xc5#kF"\xda8\x7f\xa2r\xd5\x9fZ?\x1f\\e\x04\xc4\xfc\xb1\xbdd\x87\x00\xa0\xc3R5\x14\xf5\xd1\xb9/\xfc\xb1n\x9e\xec\x10\xbc.\x9d\xec\x00\xbc\x00g\xe8\x80\xc3\x0e\x00&gt;#k\xc8\xc6\x99C\xde\nM/\x9c\xd8_J\x0c\x00|\xe1\x04\x00\xf7\x98\x7f\xb8-W3\xc3\x0e\xd9o\x1e\xfb\xd9\x85\x182G\xb4uL\xe3B\xa9\x00\xbc\xd1\xe9\x1d\xb2C\x80\xf8B7\xdf\x05y\xe5\x19\xc6\x18#:\xa5\x9eY$E\xbc&gt;\x1e\xf2?\x17o\x11\x93\x8d\xd0=%\xb9\xe9\x94\xb8\x08r\xa8i\xf1\xac\xb2C\x08.\xa5\x93\x92\xe1\xedk\xc9\x0e\x04bB\xd7Z\xb10n\x1c\xd1\x7fD\xf4l\x944ty\xff\xba\x1f\xe7\x8e{\xed\x85D\xceK\x1c\xdf\xbd\xb1\xf3L,i^\xca\xbbCS\x81_\xe0\xea\x07\x84\xa0\x7f\x0f\xcb\x0e\x01\xa2\xeb\xdf\xe4u\xcd\xf9t\xe3P\xccT\rDwd\x87 \x16\x11m\xfaj\xa2\xc9\x94Q\xe7\x04\x88\x17\xc6h,\x9f\xf9i\x0e\xd7\x9f\xde#h\xc7\xda\xb2`\x12\xdf\x0c\xfbx\xa9\x8f\x8d\x10\xa1\x87e\xf1\x17\xdcn\x1e.y\x08#\xc7\xa5{\xfcj\xe6\x8bQ\xdd\x02]\x8f\xfb\xda\xe4\xbe-\xb9l\xbc\x06\x85_:\xb1\xed\x1b\xe7\xf9\x04\xcd\x88\xf6o\xc8\x0eA\xb8Z/\xbf ;\x04\x9e\x88n\xc9\x0e\xc1[\xea\x15Jo\xbb\x0e\xc1\x99\xc3m\xea\x91g\xb2?\xca\x88\xa8i\x89l\x95\xb2\xdf\x7f\xfd\x00\x9b\x04\xb8\x08\xedH\x82\xf6(\x8ft\xfe\xe1\\\xb1\xd4\x0f\xcb\x0e\xc1\x02\xfag\xff\xbd\x89\xb8\x95_,\xf5\xc3\xc6\x1b\x02}\xd9\xbaa\xe3|\xed\xdbp\xbd\xea\x95\x12]t\xbf\xc6\xdawr\xadjP$#\x97|\xc0\xcb\xde\xaaZPv\x08\xfe\xf0\xb4\xec\x00\x8c\xd1\xb5\x03\xb2C\x00C\xef6\xab(;\x04\r\xcfD\xcc!"\xba\xfc;cl\xc9\xe4\x01\xae\x87\xc3\x81\xf3\xa7|D\x97x\x04\x02\x9cE\xee\xab\xa0\xb0\xd9\x03\x9c\xcaz\xbb\xe3A\x01xZ\x97\x1aE\xe8\xd2\xef\xb2\xa3\xf0\x1f\x83\xdb\x08)\xdd\x8cC\x1f\xf7^\xb9\xdf\x10\xfct\xe4\xbf\xa3?\t\xca\x99\xe8\x82\xc3\x1c|\xd8s\xa3u\x9a\xfb\xb4q\xf3pOi\xf2Z\x16\xd9!\xf8\x8f\xe8\xa3\xdak\xb8\xb7\x8c\xd2\xe4\x95\xd1x\xfdfJ\xff\xd6"\xb2E\xef{\x9e6\xa9ws\xa2\xab\xb2\xa3\xd0U(Y\xf4\x97\x8ds&gt;\xc6X\xc4\x194\x85\xad\xe2t\x07\x92\x8ff\xe7\xb7\x9f\xaa\xffmS&gt;\xaf\x99\xa5J\xa5{\xdcn\x81A\xe4\xa3\x07\xb9&gt;\n\xd5\x89\x8f\xfa\xb6\x94\x1d\x02\x80\x16\x97\xaf;\x94A}\x01\x02% \xe79oq\xd8\xd9M\xab\xb2\xb9\x9c,&gt;\xb6k\x83\xd0t\xdb\n/;\x8b\x05 \x1eu?\xa66\xd0\xd9\xdd\xbc"\x11\xa7tzk\xf7\xa8*e\x7f\xde\x9b\xf5\xac\xbaE8\x04\xc5\xdd\x93\xdbe\x87\xe0E\xd6GB\xe3I=z\x97\xafy\xb3\xa6\x93+\xb6\xd7\t]\xdc+;\x84X\x11\xdb;\nGXQ!c\xba\xd4\x97\x1dB&lt;\xddk\x17\x97\x1d\x824K?\x1a(;\x04\xb7\xe1H\x04#\x05\x93%d\x8c\x8d@\xff\xb1\xe0I\xa8\xbf\x0c\x84^\x036J\x83\x15\x08"\xb8\xbcc\xc5\xd8~l\xf5&amp;50\xc6\x86\xb7\xab);\x04o\x89\xb1\x83B\xb2\xc2\xc95n2K\xbc}\xe6\x9d\x81|Gw\xaeg2%\xd19A1\\\xdc\xf7\xbd\xa0\x9c\xbd\x86\x88\x92\x1a&amp;(\x9a*b\x042\xae*e\xb3\xfc\xe0\xf1\xd6\xb1\xad\x1d\xaa\xbc*"\x180`\xe9\x04\xb0pb\xbf\xa8i\xfa6*\xe7 \x1c\x9f[5cx\xd8\x9c\x953\x86\xa9W1\x11E\xa6\x01A\xf6\xae\x99-;\x04?\x99\xd4\xbb\xb9\xc4\xd2\x89\xc8;\xd7+\xee\xd0\x1b;\x01b\xca\xf5\xc3\x9bd\x87\xc0G\x8f:%d\x87\x00\x8c1\xd6\xb8Xf\xd9!DguX\xb4\xc9}[&amp;\xe4Q\xae\xc7\xdb\x98\xea\xf5\x97\x90\xd6\xcd \xac;\xb4i\x81\xec\x10&lt;#tEo\xdc\xad\xc2\xb6\xa5\x1f\xbb\x12\x8e\x1d\xa2\xfb\xf5\x8d\xea\xc0\xfa\xf9z\x15\x84\xed\xb7|!\xd2\xe3R\x87\xaf"\xa2Ge\x95\xcd\x18c\xacK\x8d""\xb2\xdd\xbd\xea3\x11\xd9\x82\xbf\rlQ\x99o\x86\xa9#\xe6\x10\xd1\x906\xd5-eb\xa3\x8a_0\xbe\xaf\xd5E\xb8\x94\xeb\xdc\xca\xe9C\x035\x88M~\xc7\xbdP\xd1\xad\xa3\xba\x1f\xd1i\xab\xb9e\x89\xffda\xdb\x92\xa9|w\x03"J\xc31;\x8b\x16L\x88~\x07\xdc\t\x97\xdf\xd8\xeaT\x8ds\'\xde\x13z6\xe5\x9b\xa1\xcf\xf0\xdd\xd7\x130V1\xab\xdb\xbd\xccu\xacR\x80{\x9e\x0f\xc7_3\x97\xf6\xaf%\xba\xac\x992\x85\x8c\xd3F\x9f\x86e].1\x86\x11\xd1\xcbq}\xde\x97\xcf\xfc\xb4\x88\x01^\\\xd8C\xf4\x8ax=\xf3\xd3\xca\xcf\xd3r\x19\x93\x88\x08#9\xf7\x1c\x85I\xad\xf3K\xbd~\xa1\x0cn\x87"]\x87\xca\xf9\x9d,\xae\xb7\'\xe5M\xc2!\x13\x8f\xd8\xf4\xd5\x87&amp;Sz\xfc\x8b\x80\xb1\xb0\xcd\x17v\x02\x989\xa4\xa3\xe6R7\x8f\xfd,6,~*d}\x961FW\x83&gt;pJ\xd9\x97\xe2u\xa4=\xea\xad:\xb2"\xf1\xbdi\x03\xdaj\xce\xf7ZU\xd8\xbbA\xe9\xd04\x11\xbd\x12\xed\xc7I\x1a\xc1_\xa1C\xe5W\xbd\xb6\x8a\xf4,\xfa\xf0\x1d\xa1\xf9\xe7}\xca\xe8S\'\xcf\x00\xac\xae\xe1\xe6\xa5r\x84-.t\x1b\x8d\xeb\xd6P\\\xe6\xb2\xf8\xb1\xe7q\xbf\x1c\x89\xd2|\xd8\xabY\xb3\x92\xd9\xa5\xaf&amp;""\xbaf\x9cf\xf9\xc7\xefq+\xee\xfc\x1e^YE\xeaT\xadP\xc4\xf5\xe6Y3\x0b\xe6rw\xdc\n\x11\xfd\xff|\xd8\xab\xd9\x86/\'p\xcf6\xd2\xf2\x8f\x07[]\x84\x88\x88\xae\x8e\xed\xda\x80\x88\x8em]*n\x10D.m({\xd5\xe7?\xba\xea\xfb\x9d\xea:Y\\z-a\xc3\x9f\xeb\xe7\xcb\x0e\x01L(\x96*\xcaX\xd5\xbbW}&amp;\xee=,\xbe"\xaf.\xe9\xec.Y\xc1\xb8\xe9\xd3\xf7:2\xc6\xe8\xee\x89&gt;\r\xcb\x88.\xeb\xea\xc1\r\x913\xc3V\xfb\x9cQo\xab\xff\xbdylk\x8d\xbc\xa9V\xce\x18F7\x0eE\xcd\x9f\x88,\xdd\xea\x04\xa1\xfc\xf8\xe3\xc3s\x12\xc4M\xf8\xf4\xb5\xc6\xf4\t\xa2\xa7\xf1\x88\xf2Y,\x8f\xf0\xea\xc7\xcb+M\x9b\xbf6\xfbX\x85\xbb\xc8\xc6i\xb6\xd5\xcc\xc71\xb3 2\xb9?\xaf\x9f7^n\x00\x01"}\x8d\xbcY.\x8f\xd5E\xba\xd4,\xca\x18\xfbk\xcb"{%\xbe,\xeew\xbe\xbbD\xdf\xb3\x8e\rtN\xec\x9bV\xad\xad\xef\xc0~G\xf4\x9f\xec\x104\xe0X\xd0\x80\x95\xc2K\xc6\xe8\x83HJ\x90\xcf\xf0\x81\xaa\\^\xd8\xf7Z\x94\xceIt\xd1 A\x9e\'\xd9\x97cz:)"K\x94\xfb\x94A\xd1\xc8\x0f\xef{G*\x9e\xe6\x11\xd9!\x809\xcdJd\xf3B\x9d\xe2\x84;{\xdbd\x0c\xa9j\x9a_~E=\xc1\xd8\xd9\xdd\xab\xd4s|\x11v\x98\xf4n\x15T\xebe&lt; \xf0\x1b\xa5\x9b~\x1b2\xc9\x1d7\x0b\xf8\xd9\xb1|z\xd44#;\xd6v^Ph\x00T\xbfT\xa3\x19\xff\xc7\xaa\xe4p8l+\x80$\xc6\x9d\xfd\x1a\x8b\xda\x8b\xbc\x97\x8fa\xcd\xd8\xdc\t\xf8\xdbiC\x8c\x13\xa0\x17#\x1f9\xb2y\xa1\x99dD\x97X\xc4\xdb\xec^S\xaf`z\xd1\xe1\xd1\xf5\xe8m\xba@\xd7\x9f?~\xd9\xb2L.\xe6\x81^\xd8\xc4qrNR\x98i\x81*b\xbd\x9d\xfcu9\xf7&lt;\xe5\xf2\xe9\xde\x95\x88\xb1\'\xa3\xa7\x8a\x05\x826P\xab2\xb9Ddk\xcc\xa7;[\xd0\xb9\xb6\xd9\x1c\x16\x14v\xff\x9d\x88\xea\x16x\xd1x\x113\xcfq\x0fn\xf8J\x9d\xa7\x9d\xc8dPB\x1d\xdc\xaa\x8a\xec@\xfcm\xed\xec1\xe6\x13\x13\xd1&gt;\xd5\xc0\x12\xf6\x1eQ\x87\xbd\r\xc8k\x97C+Z\x1f\xa8\x9a\xcb\x8d^\x9e\xe8\xdf\xc3\xa1i\x11\xef7Z\xa2\xec\xdf\xddj\x15c\xf1\xf7u{\xfb\xfdO\x0b\'\x1b|z&lt;\xa2\xfb\xcf*9\x93\x15x&gt;\x01\xb3\xd5\x9f%\x80\xe2\xcc\xaeUL\xcc3m\x11\x17\x1c~y\xf6\x0e\x02\xd1\xe9\x1d\x16\x12\xc7\xc4\xee\xb2}\xd9\'z\x1f\x99\xbc\xc9\xebD\xca\xf8\xbf$\xa2\xa2\xb3\xbb\xd6\xcd\x19+.\x1e\xe0N\xc4a\xd2\xbfIy{\x0b\xc6\xc61\x1b\xb3D\xf7\xdd|h\xd3\xd7\x82K\xb8\xa7PrO6\xd1\xe7\xca\xcc\xbd\xe6\x03\xd1z8\t; S8\x88\x07\xe3\xbb\xdb&amp;h\xd4\x17\x1f\xf5Q\n&gt;\xf0Q\xbfV\xb2C\xb0Fi\xd3\x12\xf5\x86\xbb%z]\x9fj\xe2\xd8\xd7c\xa9\x17\x1fW&amp;Z\xc4uWIwO\xd0\xa9\x1d\xbc\xf2\xe7"[\xfc\x11\xd2^\x15?:\x08\x9d\xfc\xd5dJ/\xb7\x98\x144\xb2\xae\xef.\xb7}\x17p\xb0\xd8\xd8&lt;s\xdf\xef\xce\x18\xa3\x7f\xf6\xabg\xce\x1a\xde%4\xbd\xf3\xdb\x19z\xcbN\x1f\xd4N\xf3\xa5V.=w\x1b\x8f\x85\xe9Aie\x07\x10\xc2\xe5(u{\x9c\xa0\x98S\xf6\xa5$Q\xd3X\xddRD\x94\xcef8\x1c\x98\x89v\xed\x17\x16\x1e}GZ&gt;\x8d[?\xc1\x81f\xfe5\xab\x1eu\xa3\x0c\xc2~\xe3\xf0f\xa7\xd1\xc8\xf6\x86\x8bo\x18*\x03(\xd6+\xe8\xda\xeb\x93\xba4Gu7_\xe3\xcc\x1b\xdd\x83\xc5=\xa5\xb4\xed\xc4/\xcbL\xa6\xac\x9e\'\xa5q\x82\x81-+3\xc6\xe8\xa6\xee\xe8\x92\x01\xd7\xb9za^Y\xd1\xd5?_}\x8eWf\xe0\x19\xde\xec\x18\'\x80\xe8\xf61\xd9!\xb0\xdc\xaa\x07\x02\x9ag\x85\xc9}Z\xe8}D\xe7\x7f\x13\x16W\xfc\x82\x88\xbe\x992\xd0\x9d\xb2\x9c\xf0\xc5\x8d\x91\x02\xae\x0e\x06\x0c^eog\r\xef\x16_\xab\xb3\xc6c[\x97\xda\x8c\tL[\xfd\xe9\x08\xd9!X\xb3\xea\xd3\xe1\xb2C\xb0)\xf3C\xd1\xd3Xu\xe5\xc0\xfa\xd04\xdf\x8e\xd8\xac\x1e\xd7W\xfe\xfc\xd1\xe1\xed\x1a\x10\xc5^\x1d\xfd\xe7\x8f_\xaa\xff\x1d\xd0\xbc"\xa7p\x18\xf3\xc05\xce\xeb\x99M\xf5\x07\xcd\xf1\x87\xb0Cc:\xd7\x17\x91\xadqs\x94\xbb\'\xb7\x8b(4\xd2\x1f\xeb\xe6\xd9[P\xaf\xd6S\xef`\xb6\x9b0\x8a\xb6zf\x94\xb3\xaf\x99\xc3dR\xef\xe6\xe6\x13\x9bW-\xb7\x93\x06b\x8c\x99\xeb/\xda\xb8\xdd\xb3\xc3.Z\x81\xb3\t=\x9aX]\xe4\xc6\x11\xef\xde\xf1\xaf_(\x83\xf9\xc4\x06U!\x11\xb5\xaf\x94\x9fGDF\xa4\x9f2\xcd\xc7\xa0\xbcL\'\x11\x11\xe5{J;\xda\xa1mk\xb8\x1f\x8fm\xff\x1d\xb5\xd0\xac\xd3`\xebdDW\x89\x01GtUv\x08\x02\x8d\xed\xda@h\xfek&gt;\x1b\xa5\xfe\xf7\x9b)\x83\x84\x16gO\xf1\x17\x84\xf72m\xfe$$\xe8t\xe5\x85\xb3`\x0c;\xbf\xe7;3\xc9Ftx\xc3\xe0S\x93\x9d0Ws\xa5\xaf\x01\x08\x04\xf3\xef\xbf\x84\x1a\xd7\x1b0\xd3u\x0f\xf0\xb5e\xc1$3\xc9\xb8\x9c\x00\xbc9\x94\x95t1yrmQ:gh:&amp;\xbf pC7\x0e];\xb8\x911F\x97\xf61\xc6\xb2\xba2\xc6\x13\x11\x15J\xfe\xc0\xbfG\xb6(\xff\x16K\xc5\xb9T\x83\xeeN_yV\xe6!\xa1w\x1e6~P\xaa\xb4\xdd\xb4$\xf2;\xba\xfc\xad\xb3?\xeafi\x9eFD\\\x06r\xb0]\xba\xac\xa2\x03d\xb5\xe7\x1biL\xec\xd9\xd4|\xe2`\xee4\xad\xca\xe6\x96\x1d\x02c\x8c\x95L\xfb\x98\xf9\xc4Gx2\x12\x00\x00 \x00IDAT\x17\xf7\xfd\xa0L\x84m\xb2\xc8;\x12\x85T\x83\x0e\xf1\xda\xbezCL7*\x96)j\x11I\x19\xb3\xf0=\xc5\x08\xe6~\x0e\xb1cx\xfbZ\xb6\x97\xa5[G\xdf\xae\xfd\x9a\xde\xa7\xddk\x17\x8fzx\x10\xfd\x13yG\xb3B\x16\xbc\xfd*\xdf\x87\xbd\x9a\xc9\r\xc0\x17u\xab/\x82\x04\xfb\xbe\x1e\xdfGv\x08\x1c\xf0m\x95X#OJ\xc6\xd8\xa6\xf9\x13M\xd4\xef\xff\x1a\'X\xf4\xe1;asz\xd5+U&amp;\xc3\x93\xbf\xff0\xc7I\x84\xe6%`\x8c\xe8n\xd4d\xce\xbb\xb9v\x81\x93\xc0\xc2\xc6\xe7\xf9lh\'_|e\x0f\x92\xf8\x9aW\xc5lxo\x987\x8f\xec\xfa\x1e\tC\xb1u\xf1\x14\x16\xd7)y\xc1\xa4\t\x0cR*i\xbe\x9b9\xd2j\x11a\xefR$\xb1\xba\xbcc\xb9\x12\xeb~$\xa87\xf6\xef?\x7f?4m\xeaU\x0b\xc1\xd4\xdfq|\x8f&amp;tq\x9f\xc4`\\Cw\x8e\xcb\x0e\x01b\xdd\x86/\xc7[]\xc4aW0\xdcu\xadYT\xa9\x07\xc3ZP\x12Q\xe2\xf8\xff*\xaa;~;\xc6;L\xfc\xeeq\xfbl\xed\xa9\xeb\x03\x0f""\xbaq8z:\x00\xab\xb8\x1f{\x06\xd7\x9eN\x14Me\xed\x85\xfar\x19\x8d\x06[\x0c\xd5\xec3\x87\xbc\x15\xf6Q\xbb\x8a\xaf\xc4\xa5\xb9\x11Jf\xa9hK\xdc\xef\x94\xf1\xd0F\xa3\xa1\x1a\x12G\xdc/\xa2\x1b^\x1cb\x9bKcr\x9cx \xe8&lt;~\x0c\xcc\x1e\xd1\x95{\x9ee2&lt;i\xa6f\'\x15\xe7\x85\x96\xcf\xf2\x8c\xf3L\xa4\xe3&gt;\x0c\xba\xed\x9b\xbe\xce7\n\x97\xfe\x06\xb6/\xfb\xc4\x85\xb1\x10\xbc\x8f\x88B]S\x80o\x989\x8a\xb2\xb8\xd2.\xde}DT"\x8dnS\xedO\x06\xb6\xe3{\x02\xf0/"\x12\xfdv\\\x93\xe2Y\xad\xae\xe4\xf8?SN\xf1\x8e\xc8\x02\x8e+\xe7\xb7U\x9f\xf1\xcb,\x96\x8dz\xab\xce\xc1\r_\x9d\xd9\xb5J\xaf\x19\xaeZ\xf3\x92\xd9\xc5G\x14\xbb\x84\xbd\xdc\xff\xb7\x88l\xad\x04 \xe4\x17\xc0\x8fs\xc7\x85\x16w\x12\x9e\x08i\x05\xe7Ot\xd3\xf6\xb2\xafgz\xea\xf8\xb6o\xec-\xdb\xbbA\x19\xdb\xe5\xc6\x18K\x9d\xa3xp\x175\xe3\xee\xc9\xedgv\xad\xfav\xda{\xa1\xc3\xf3\xc2\xde5ai\xd4\x1d\x94&amp;q5:p\xc5\xf9=k\x18c\xe52&amp;!\xbaf/\x879\xa3\xde\x8e\x9cY3_\xea\xd0tL\xfe\x020\xfe.\xaf\x98\xbeM\xc5\xb7\x931\x93\xdd\x19\xf5\xa8[\x92k\xb1\xf6-\xffx\xb0\x0b\xa5\x08\xdd\xf1f\x0cj/z\xc7\xd6\xecX\xc5a\xe7\xd8=\xeb\xc5\xdb\x07\xfe\xfeeY\xe8 E\xc7w\xe1\xd4C*\x1a\x0f\xcd\xb3\xe9\xab\x89as\xc4&lt;\xca\x15\xcb\xea\xf0C\x91\xcd\x99\xd4\xbd@\xd3\xb9\xddD\xe4dD.:\xb3\xcb\xf6\xb2\xca@Z|eM\xe4\xb4Nq\x7f8\xf8G,\xf6\xde\xca\x18[7g\xac\xc1\xa7e2&lt;\xc1\xb1\xe2\xab\x92\xe3~\xa7\x1b\t\r\xd2\xd9\x12\xf5\x17\xaa\x93\xcc\xbf\x18\xd9\xcd\xc9\xe2\xf1#\x89\xfe&amp;\x8a8Dw\x95\x13\xc0\xc7\xef\xb6\x91\x18FLq\xe1\x9a\xb7\xecK&lt;\x1f(\xda\xee\xc3\x80\x88.\xec\xfd&gt;r\xfeG}[\x8a\xb8\xf6\x97\xdb\xd5\\\xf14\x8f\xb8\xfck\xc6LqW\xfe\\o\x9c\xc0\xea\x8f&lt;\x0f\xb6s\x8daS\xfa\xb5\x92\x1b\xc0\xfd\xdf\xe9gv\xca\x8d\x048+\x9e\x86sG\xc7\x91\xc3\x8f\x10\x9d&amp;\xa2\xf3{\xd6\xb4,\x93S\x19\xa4\xa2F\x9e\x94w\xfe\xdeN\xb7\x8eza&lt;^\xbe\xae\x1e\xd8\xe0fqM\x8bg5N\x10\xb5"\x0e5\xc9\xb5\x04\xf5;_&amp;\xd7\']w\xa9\xb9p\x9dW\xef\xb7\x9dN\x1d\xa3\xb7j\xc1=M\x8bgU\xedB\xb1&lt;|\x82kG\x08\xd1I\xcd\xf9\xca\x93\x1b\xa7\x99\xffk\xf4JT\xd8m\xb7noh\x8cQ\x13\x1b5EZ\xc79\x8c\xed\xda\x80\xe8\xefz\x05\xd3k\xae\x90\xd0`2Dd\xf5.\x9cP\xeah\xb7,\x98\x1c:t\xcd\x0c\xd7\x11\x1b\x9b&gt;\x96=\xce\x18\x9d\xdaai\x11\xba\xb8W{\xbe\x95\x8d\x9d\xf3q\xf6\xbc\xaa\rO\x0c\xdb\xb2`\xb2\xec\x10\xc0\r\x01\xa9\xec\x88\xce\x10\xd1\xa1\x8d_\xd3\xe5\xdfe\xc7\xe2=\xcaN\xf0\xc1\xdb\x8d\x94\x7fM&gt;(_\xf4a\x7fa\x11\xf1\xf4\xd3\xc2\xfbuY\xe1\x14&gt;n\x05\xf0\xeb\xb2Od\x87 \xd3G\\\xef#\xcb\xad\xf8v\xaf\x9c\xe9dq\x8e\xc1\x1b\xf5re\x17\xdd&gt;f&amp;Y*\xc6X\xb41\x1exy$b\xa5\x9d\xf8\xc5f{b\x08\x97\xcd\xd9Mx\xd1M\x89\xae\x1f\xda\x14\x9a\xf6\xc8\xf5\x8e\xed\xaa&lt;\t\xbf\x18\xf4V\x85\xb8UT\xe0y\xaf\xac\xff*9\x93\xed]3[v\x14\xa0\xeb\xd0\xa6\x05\x06\x9f\x12\xfdc&amp;\x13\xba{\xe2\xad\xaa\x05\x19c=\xea\x96\xa0\xff\x8eT\xc8\xf2\xcc\x03\xaaO\xf3&amp;\xd1\xcb\x9c\x88\xce\x9b\r\x14\x9csX)8y;T\x0f\x86|\xb4\xe4\xd7\xe5\xd3M\xa6\xf4\xc8\t\x004\x19l\x1d"*\x96:\x91\x9b\xc1\xc8\x82\x07\xc5r4,\x9a\xc9\xc6RB7\xd5\xfe\xb5s#\x8a\x8b\xfdK\x03\x93\xc3v\x1b\x8blI\x05&amp;\xe5\xb1\xdb\xf29\xb7\xc5\xf7/"\xdf\x848\xbcyad\xb2\xc9}Z(\x13\xca\xd5t\x18\xa2\x8b\xd6J\xe5D\xdcH\x9a\xc5R?\xdc\xbf\xc9\xeb\xc2\xb2\x07\x132?\xc8\x18c\x93\xfb\xb6\xb4\x9dC\xf5\xdc)\xb9E\xe3\x13\x19\xf8\xdd\xcd\xe5\xd8\xab\xb5r=\xd5\xa5F\x11\xcd\x8f\x0c\x16\xcc\xf4 c\x86\xa3\x16\xdb\xd0,~\x7f/\xea\x17\xfa\xb8\xb3\xd1\x1d\xba\x19\xc9\x18c\x8c\x8d\xe9R?\xf2\xa3\xfc\x16\x87\x98\xab\x9e;E\xc1\xa4N\xdfK\x0b\x9d\x1e|Js\'\x0c\x9bY-\x86\xbay\x0f\x04\xcdV}j\xdc\xbb\xab\x8c\xb4m\xc9T\xf1\x850\xc6X\xbf\xc6\xafW\xcd\x99\xcc\x9d\xb2\xa22\xa8\xd3\x87\xb6\xada#+\xe3\x93\x84\xfb\xa3\x13\x7f\xfc\xce\x9b.\x97\xe8&amp;_\xdc\xfa\xb8yl\xabq\x02K\xdf\xc2\xb5\xf7\x12\xbc\xcb\x17[\x1d\x82\xc9x\xe7\xbcvh\xa3k\x91\x18\xe8Q\xb7\x842\xa1w\xe3\xeb\xb5\x17\x12\xb5\xab\xf8\xb2\xed\xfco\xa9\xaa\xbc\x18\xeduW\x9a\xc8\xa1&gt;\x02G\xf3\x18s\xf3)\xe8\xb8n\r],\r\xfcD\xef\xed\roZ&gt;\xed=\xcd\xf9\xca}\xb0i\x03\xda2\xde\x1d\xe4i\x96%\xb8\x04;&gt;\xe8\xdeXv\x08\x1a\x9e\xf5\xea\xea\x8aA\x13z4y\xc5\xe2=J\xbf0\xb9\x0fym\xc0\xcb\x18\x10Z\xf3C\xde\xac.7\x120\x83\x88J\xa45\xf5\xf8Vb\x0f+\xeaV@~y\xd5\t&lt;-\xe7\xe3\xb2#\x80X\xe1\xd3+\xd6\xb2/=i\xa9y\xa5k_3\x9doW\xa9Kd\xad\x9d\x17"\xdal\xf8\x17\x11M\x8d\xe9\x87\x87\x06\x94\xfd\x87C\xc3R\xbb\x9c7t\xf1\xa3\xca\xd9\xf9\x0cA\xe9\xc7\xca\x91\xe8\x8e\xf9\xc4\xf9\x9fe\xc3\xdb\xd5\x12\x17\x0c\xd8\xa4\xd7&lt;\xcb\xfak_\xda=\x8e\x05\x81\x17\x8e^"\xca\xf98#\xa2\x8d\xf3\'p\xcf\xfc\xcb\xb1\xbd\xb8\xe7\xc9\xd1\xc8\x8e\xb5\x9do\x02{9,\x9e\xf4\x8e\xc3\x0c\x95f\xb8^\xd8\x85\xd4\xb8\x8f\xac\xac\xf7\x05\xbb\xd7.\xce\xbb(\xb0\x82\xe3\x9e\xe7\xd9\x07\xfd\xc7~^";\x04\xe1\x94\xed\xf8\xcd\x94\x81Nr\xa8\x91W\xe96\x86q\xbc\x97FtE\xddc\xb0\x08|_b\xe0\xeb\xe4\xf6\xe5f\x92\xb9y\x02\x08m\xe5\xb8\xa2\xdd\xe8s\xd7kg8\xaf\xf0q\x97i\xce\x98\xdc!Dt\xa1%Z\xe6\x87\xb8\xdd\x19pS\x8e\xc74f*\xa3\x08\x88\xe8\x05DQ;\x7fZK9[R:=\x87\xee\xaf\x1a\x15\xcbl{\xd9Y\xc3\xbbD\xce4\x18V\xa1Z\xee\x14z\xab\x8ec\xef\x10\x0e\xbb\x14\xb3\xc7\xcc.\x81\x93\xc4=\x82V\x04]?hc)3\x17o\x12\xb7\x9c\xd8k\xcb\xf8\xcc\xbf\xf6|z\xe7J\xa1\x91\xd8^\xe1D\xa4\x8e\xadE\xe9\x9cf\x96Jc\xaf0\x13\xac\xbeU\xdb\xa1\xf2\xabb\x02q\xe4\xb3a\x9d\xd4\xff*[\xe7\xd8\xd6\xa5\x962\x99?\xb6W\xec\xf5\x01\xf4\xfe[ue\x87\x00"=-;\x00\xc6\x18\xd1%\'\x8b\'\xbf\x97\x89\xc0sX\xf3\x98x\xcc\xde\xaf\xf1\xbd\x9e[Fw\xae\xe7Z\xa1V[v=\xc9\xd8\xf7\xb3\xde\x17\x13\x8bYJ\x1f\xb4-J\xe7\x90\x1bFT\x91\xfb\xbc;\xef\xeb\xa2\x1b8Q\xca\xbe\x94Dv\x08\xa6\xec\xfdn\x96\xbd\x05\x97L\x1e\xc05\x90\xe8\x94\xb7\x8a"\xa9\xdb\xdb\xd8\xdb\x9b\xcf\xee^\xad\xf7\xd1\xd5\x83\xae\x8e\x16i\xc9\xc0\x96\x95e\x87\x10;\xe8\xd2&gt;\xf5\x18\xeet\xda\xd5qt9\xd6\xc2\xd6\xba\x85\xa0[8\x01\xf8\xc0\xc1\r_\xc9\x0e!\xdc\xca\xe9C\xdd,\x8e\xae\x1dp\xb3\xb8\xfb\xe5^\xdag\x9c\xe0\xabq\xbd\xeddKgl\x85\x03\xae"\xba&amp;"\xdb\x18}=4\xa6U\xc8\xf2\x8c\x93\xc5\x7f\x9c3N\xfd/\xd1eG\xd1pU1\xebs\xa1\xe9Qo\xd51\xb9\x14\xd1\x15\xe3\x04\x9a\rBB\xfd\x9d\x85\x8d1y\xe9\xf7\xb5zW"\x95TOq\xff6\xd7\x90\xc3\xfb\x88n\xac\xf8d\x88\xa0\xcck\xe6K-(\xe7H\xd3\x06\xb4\r\xec\x0b\x1f\x1c9\xdc`N\xee\xe4\xe0\x17\xc0=D\x7f\xdbXJP\xa7\x94D$\xae\xfb\xef\xc8\xb2\x04-\xf8\xe9\xe0\x0e&amp;\xb3:\xa2\xd5-\xbb\x8d\x12c\xdbs\xaa\xe9\xd73\x1b=\xf4\xe9U\xbf\xb4\xe6\xfc\xe4\xd6\x0b5^\xe7\x01\xdf"!.\x0c\xf1\xc4eU\xeb\r\n\x06&lt;\xd1\xdd\x13\x0es\x10\xddv%\xe41\xd3;VdkJ\x93\x9d\x9cp!\xa8\x83r\xd4_\x8c\xb1\xb9\xefw\x8f\x9c\xe9\xb553\xbc=\xff\x97W\xbd\xf3\x1d\xb7\xba\xd5\x95:\x04\x88\xedf\xa3\xeb\xe7}\xa0\xfew\xc1\x84\xbeY\xb4\xfa\xe4\xbd\xbc\x7f\x1d\xd1\x05{\xb1Y\xe2\xa4\x01\xb8PER&gt;hc)\xba\xf2\xa7\xd1\xa7\x16z\x8f\x89r\x17\xce\t\xefT\x8e\n\x83\xbb\x1c\x96B\xcdlg\x8b\x895\xa6K}\xaf\xadm\xd0Ft\xe9\x93\x81\xed\x04\x17!\x7fW(\x96\xea~}Ot\xca^&amp;\xf3F\xf7\xe0\x14N\xcc\xbay\xec\xe7\xb09),\xee\x00\x12{\x1cr_\xcfz%m,\xf5\xca3\x9e8\xa6\x0c\xe4~\xe2^/\x14\xeehZ&lt;\xeb7S\x06y|\x9d\xf8\x86\xdf\xab9/\xec\x07e2X\x1c\xda5&amp;X\x1dZV\xb7\xab\xa8\xf3\xbfq\x8a(f\x8d\xef\xd1\xe4\xfc\x9e\xef\xa4\x14\x1d\x1a&amp;\xcf\xa0\x7f&gt;\xdb\xc7\xa0\xde\x9b\xcc\xc6\xef]+\xbf\xa5\xdeiZ\xde^\xa1\xc1B7\xff\xb2\xba\xc8\xab\x92\xba\x1e\xb0\xb7\x1b\xf1j/b\xb2]\xa3\x8d\xf5\t\xe056\x9a\x87\x1e\xda\xf8\xb5NV6\x7fa\xc7\xcf\x842\xfd/\xde\xbf\xce\xf3\x04Fgw[^\xc4\xddU\xaf\xee\xbf\x85\x88\xe6\x8e\xd6x\x9ag\xd2\xe2I\xefr\x08He\xcdg\xa34\xe7\x13Q\xd1T\x0f\xf1-\xcb\x89\xb0MV2\x9dVG&lt;\xb1KJe\x11\xd6\t\x9a\xaf\xb9\xd7\x10\xc24\x9c\x00\xf8py=v\xaaV\xc8_[\x8eK\xb4\xde\xecR\xc6\xc0gC;EO\xe4\xd5N\xb9\xf56Y\xb1\xd4\xaev~\xe3\xce~nP\x8a\x07\xf7\xba\\\x89\xd9\xa5\xdf\xd7\xf2\xcamd\xc7\xdaoU-\x185\x99\xbf*\x1c\x978\xb9\xa9:\xb5\x7fk\x83\xc1\x19Du-G\xe7\xad/\xa2\xd1\xa6\x82\xfb\x85\xb9\xdc~\x07o\x1f\xdf\xa6LH\xf9\xb9AW\x8d\x9a\xfa\x98a\xb5\xebl\x87\x17\xd5\xa8\x0b\x84rs\xf5\x86\x95\x85-k\x8d\x17\xd6\x97\xc4\xc1\x19~[\xf5\x99\x88l\x0b%\x8b\x85a\xaa\xb8\xf4\xc9\xd1\xa9Z!\xe7\x99p\'\xae\x9fQ)\x8a\xa5\xd6j\xb9\x0c`\t\x115)\x9eU\xef\xd3I\xbd\x9b\x1b/\xfen\xb3\x8a\x8c\xb1*9\x931\xc6\xe8\xea\x9fQ\x1b2\x13\x91\xe6\xad\x03/\x9c\x93\xcc\xb0\xf1[D\xed\xf2\x1f\xebZ\x97\xcb\xa3LW\xcde\xe3\xadU\x7f\xe8V\</t>
        </is>
      </c>
      <c r="E653" t="inlineStr">
        <is>
          <t>&lt;class 'numpy.ndarray'&gt;</t>
        </is>
      </c>
    </row>
    <row r="654">
      <c r="A654" s="1" t="n">
        <v>652</v>
      </c>
      <c r="B654" t="inlineStr">
        <is>
          <t>steps_per_sec</t>
        </is>
      </c>
      <c r="C654" t="n">
        <v>9400</v>
      </c>
      <c r="D654" t="inlineStr">
        <is>
          <t>3.3629675</t>
        </is>
      </c>
      <c r="E654" t="inlineStr">
        <is>
          <t>&lt;class 'numpy.ndarray'&gt;</t>
        </is>
      </c>
    </row>
    <row r="655">
      <c r="A655" s="1" t="n">
        <v>653</v>
      </c>
      <c r="B655" t="inlineStr">
        <is>
          <t>Loss/object_center</t>
        </is>
      </c>
      <c r="C655" t="n">
        <v>9400</v>
      </c>
      <c r="D655" t="inlineStr">
        <is>
          <t>0.15777433</t>
        </is>
      </c>
      <c r="E655" t="inlineStr">
        <is>
          <t>&lt;class 'numpy.ndarray'&gt;</t>
        </is>
      </c>
    </row>
    <row r="656">
      <c r="A656" s="1" t="n">
        <v>654</v>
      </c>
      <c r="B656" t="inlineStr">
        <is>
          <t>Loss/box/scale</t>
        </is>
      </c>
      <c r="C656" t="n">
        <v>9400</v>
      </c>
      <c r="D656" t="inlineStr">
        <is>
          <t>0.0410011</t>
        </is>
      </c>
      <c r="E656" t="inlineStr">
        <is>
          <t>&lt;class 'numpy.ndarray'&gt;</t>
        </is>
      </c>
    </row>
    <row r="657">
      <c r="A657" s="1" t="n">
        <v>655</v>
      </c>
      <c r="B657" t="inlineStr">
        <is>
          <t>Loss/box/offset</t>
        </is>
      </c>
      <c r="C657" t="n">
        <v>9400</v>
      </c>
      <c r="D657" t="inlineStr">
        <is>
          <t>0.087277845</t>
        </is>
      </c>
      <c r="E657" t="inlineStr">
        <is>
          <t>&lt;class 'numpy.ndarray'&gt;</t>
        </is>
      </c>
    </row>
    <row r="658">
      <c r="A658" s="1" t="n">
        <v>656</v>
      </c>
      <c r="B658" t="inlineStr">
        <is>
          <t>Loss/total_loss</t>
        </is>
      </c>
      <c r="C658" t="n">
        <v>9400</v>
      </c>
      <c r="D658" t="inlineStr">
        <is>
          <t>0.28605327</t>
        </is>
      </c>
      <c r="E658" t="inlineStr">
        <is>
          <t>&lt;class 'numpy.ndarray'&gt;</t>
        </is>
      </c>
    </row>
    <row r="659">
      <c r="A659" s="1" t="n">
        <v>657</v>
      </c>
      <c r="B659" t="inlineStr">
        <is>
          <t>learning_rate</t>
        </is>
      </c>
      <c r="C659" t="n">
        <v>9400</v>
      </c>
      <c r="D659" t="inlineStr">
        <is>
          <t>0.001</t>
        </is>
      </c>
      <c r="E659" t="inlineStr">
        <is>
          <t>&lt;class 'numpy.ndarray'&gt;</t>
        </is>
      </c>
    </row>
    <row r="660">
      <c r="A660" s="1" t="n">
        <v>658</v>
      </c>
      <c r="B660" t="inlineStr">
        <is>
          <t>train_input_images</t>
        </is>
      </c>
      <c r="C660" t="n">
        <v>9400</v>
      </c>
      <c r="D660" t="inlineStr">
        <is>
          <t>[b'512' b'512'
 b'\x89PNG\r\n\x1a\n\x00\x00\x00\rIHDR\x00\x00\x02\x00\x00\x00\x02\x00\x08\x02\x00\x00\x00{\x1aC\xad\x00\x00 \x00IDATx\x9c\xec\x9du@\x14\xdd\xd7\xc7\x8f-&amp;\xd8(\x02J\x8a\x08\x08\x08\x12\n"\x12*-X\x88 (\xa8\x88\x89- \x8a\x08v\x81\x1d\xd8\x81\x8a\x85\xdd\xdd\xdd\xdd\xdd]\xe7\xfd\xe3\xb2\xe30;;;\x1b\xa0\xcf\xef\xbd\x9f?\x9e\x07g\xee\xdc\xb93\xbb{\xe3\xdcs\xbe\x07\x80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fe?\xd3\xc2\xb0"""b\xe6\xb0(\xc4\xa7s\x12\xa2\xaf\xef[\xe9oUS\xe0\x92\xfd+&amp;W\x06\xb0\xd6\x04\xab\n\xd0\xd5\xc3RV1|u\x91\xd4&lt;\xa8\xbd\x9b\xac2}\x02\x9d\xfc-\xb5\x11\xd1\xd3X+\xbe\xad\xabI\t\xb1\xcd\xfe\xf9\xf0\xe4\xea\xc9\x83\xc9\xdf\xa6%\x00_]B\xc4=K&amp;4\xaeV\xc4\xaa\x82\x9ck\xf5\x00\x10\xbf \xe2\x86\xccDr\xa4\x14\x80iIQ\xf7\x15~3\x8a\x82\x88G\xb23\xd8G\x1c\xaa\x17Uc\xfd\x84\xc6\xd5\x8a\xe4\xce\x1d=4\xb4\x85\xdakf\x83\xaf.UU\xb9\x12\xdf\x06\xd5\xd5\xd0\x14\x00\xa3bBg\xfd\xadj\xeeX\x94\x86\x1f\xaes\x8e\xeb\x01&lt;?\xbf\xddN\xf5\xc7\xa0P\xfe+\xb8\x1bT \xdd\xf4\xaf\xc7\xa7\x10\xf1\xd6\xc15\x88\x88\xf8y\xde\xc8\xee*\xd6\x8c\xf8\x8e\xd4\xbc\x7f\xc5d\x00\xe8\xe0h\xc8\x9c\ns\xa9\xd7\xda\xbc\xda\xeaI\x83\x11qhh\x0bR\xec\xda\xde\x15\xc3:y\x88\xa9Y\x03\xe0\\\xeeB\'\xed\xe2\xcc\x91Z\x00\xa1\xce\xc6\r\xca\x8am[\x88\x9d\xfe\xaa\x89\x83\xc4?\x0bal\xcf6\x88xi\xe7\x12\xf6\xc1-sF\xa1\x84=K\'\x88oCj\xf7@D\xc4_\x0f\xd9\x07\xcdJ+\xda(\xf9\xa4\xc4\x04\xa8\xbfR)\xaa\x02X\x94\x83\xde\xfe\x8e\x85p/\xd5Y\x94\xd2\xeb\xee\x91u\x9c\x83\x95\x00\xda\xd8\xea\x8a\xfe\x00)\x94\xff&gt;\x9d]\xcd\xf0\x0f\x1f^\\\xd8A\xfe\x9a5\xa2\x9b\x8a5\xa7\xf7\n!\xb5\xcd\x1a\xde\xb52\xc0\xabK;\x99S\xc5\x00\xfa\x069?&lt;\xb1\x11\x11;8\x1a\x92;n\x9e\x9d,w\x02h\xa3\x05\x88\x9f"\xdc\xea\xab\xd86\xe5\x18\x17\xd7\x16\x11\x1bU\xcew\x10\xf9X9a\xa0\xdc\xdaN\xe4\xcc\x96\x1e\x00\xfeg\xb0\xaf\x06\xd1^\xd6\x91\xcd\x1b\xa8\xb7\xda2j\xaa\x87\xf3!2\xa8w\x85G\xa1\xfc\xeb\xec[6\x89\xd5q\xbdE\xc4\x1d\x8b\xd2\xd2z\xb6).\xffR\xf9\xec]:\x91\xd4{x\xcd\xf4\xdb\x87\xb2k\xb3NU\x06\xd8\xb7|\x12\xbe\xbah[\tNm\x9a\xbb|\xdc\x80\xa9\xf1a\xbd\xfc\x1a\x0b\xd46 \xd8\x05\xf17\xe2Su4Mm\x90Q\x81\x8fO\xc2\x17\xbe\xbd\xb6\x17\x11g\'D\xcb*\x10\xdf\xd6U\xcdm-,\xc8\xdanP\xfb\xe6\xe5\x00\xdc\xea\x94\xad"\xee*\x0f\xa3\x8a\x88(\xd7\x16W\x10\x8b$B\xc3\x8a\x10\xe3mSP\xb5S(\x85\x8c\x98_\xca\xba\xe9#\x98\x1e+sh\xe4\xbc\x91=\xd4\xd8\x80\xfd\xcb\'\xb3:\xc4oq~\x8d\xd9\x16\xee"\x00\x00P\x05\x00_^xyq\xc7\xfb\x1b\xfb#\xdc\xcceUU\x1b \'#aR\xbf\x8e\xaez\x1ajl\xa1Z\x901\x00\xa0\xb5\xa6\xd0U\x83\xda\xbb=8\xb1\x91}\xc4\xb62\xb0m\xd7\xa5\n\xa2\xad\x05\x80\xa6\xe4\x0fW=\x8dF\x95A\x17 \'#\x11\x11\x11\x7fXkAr\x94O=q\xfb+\xb7\x0fe#\xe2\xd8\x9em\x84\x8b]\xdd\xb3\xbcaEU\xda+\x16\xce"\xc1\xa8\x18\x18\x00\x00\xdfF\x85e\xf9\xc2h\x0f\x85\xa2\x18\xa3\xba\xfa\xca-\x13\xde\xac&gt;\xe2\x87\x82[\xf9\xb6w0\xf0\xb3\xd4\xc6/\xb7\xf1\xfb=^\xfbN\xa8\xb3\xb1\x98)si\x80\x81m\x9b\xb5\xac\'c\xe9\xfeWY6n\x00\xef\x00\xe0n\xa0@\xc7\x10`Uk~r\xcf\x82k$\x000\xab\xbaPgc|w\r\xf1\xb5\xab\x9e\x926\x15\xc3"\x80\x88Wv/\xeb\xe6\xd9\xb0\xb3\xab\x19\xfbTS\x9dRs\x12\xa2\x11\xf1\xf6\xa1l\x93\xe2\xa0\xa3H\xb5r\xf7_K\x01 \xe2\x94\x01\x9d\x84\x8b\xb1\x9d\t\x101\xb5G\x90"\xad\xc8GNF\x02"V\x07\xc8\xc9H|z6\xf7\xe4\xc69\x88\xa8tm\x14J!\xa1\x0f \xe6\x9bz\xfbP6\xe2O\xf1\xd5\xba\xe9\x97\x1d\x1a*j\xab\x96\x03oO\xd3\xcd\xd3j\xe6\xb0(\xa6\xc7\x14\xb8\xdc\xbe\x9aL\xbbm\xc1\xe1aTQx\x16\xcf\xc0;\x00\x88\xb90\xda\xcb\x1a\x7f&gt;\xb8\xb6w\xc5\xcd\x03\xab9.@\x1bg\x8edlb.\xba\xa5\xab\x00\xf4h\xd5\xa8\x96bO\x90\xaf\x85s\x12\xa2\xeb\x02\x00@\x1dI\x83\xa3\xbd\xac\xc5\xd7`_\x15\x00\xa0k\x0bKI\xf3\x92\x0e\xad\x9e\xe6gQ\xa3Qe`\x0f\xed\xb3Fts\xac\x91\xb7\x92\xe9\xe0hXN\xd9\x06\xcb\xa2\x9b\x87\x95\xd2/AW\xf1K\xc8\xba\xc4\xa8(\x00\xc0\xa1\xd5\xd3D\xfa)P(\x7f\x19\x1b-@\xc4\xb4\x9e\xc1\xc5\x00&amp;\xf6\xed\x80\xf8\x94\xd7A\xa5\x9bg\xc3\xe1a\x9e"\xebt\xd5\xd3@\xc4M\xb3\x92+\x01\x98\xab\xb6\x1fG:\xd61\xdd\x03Gu\xf5\xfbv\xff\xd8\x85m\x8b\x0e\xac\x9c"|IQ\x00/\x13-\xa5\xef\xd8?\xb8\xe9\xfa\x19#\xc4\x97\xef\xed\xef(\xbe\x1f\x07\x80\xa4.\xad\x94\x18\x00$e\xbf\\\xd9\xbd\xac6\xdf\xa96\xb6\xbay\x16\xb4\xfb\xc7v/\x19/\xbe\xfd\x0cg6\xcfgvz\x18cE\xa8\xb3q\xbf\xa0&amp;\n\xd5C\xd6p^\xa6\x95\x18\x8bNbD+\x00hR\xab$3\x00\x94\x04`\xbbQ\xd6Q\xa2\xb9j\xa2\xb7\xbf\xa3\xba&lt;j\xd3{\x85\x90?\x1ck\x14\xfb\xaf\xb89Q(\xa4\x07\xf9\xfe\xfe\xfa~\xf2\xe3\xdf\xbdX\x99\xee\x83\xcd\xd3\xb3[\x11\xf1\xe8\xda\x8c`[\xbdI\xfd:&gt;;\xb7M\xd1\x1a\xb4\xf3\xff3\xc4N\xff\xc6\xfeUbz\xccJ\x00\x9bf\x8d\xe4-\x13\xdf\xd65=68\xa9K+?Km\xe9\xb3\x0c\x0fNlPh\xf1\xbecQ\x1a"\xbf\x97Np#=\x81\x0b\xcb\x02x\x18i\x8a\xb9E\x0b\xc3\n\xec\x01\xe3\xd1\xa9\xcd\xcc)\x87\x1aE\xb9\x0b\x8a7W\x10\xf1\xd0\xea\xe9\xe2\x1f\x81\xb0,\xbd\xff\xd5=\xcb\x11\x7fs\x826\xec\xab\xc9\xbf\xd6\xbb^\xe59\x92m\xea\x8c!\x916Z0\xb6g\x9b\xf3[\x17\x02@Y\x80G\'7)\xda\x186\xee\x06\xf2B6D\xd0Hj\x8b\x99\xccL\xc8\x97\x9f\xf7\x12\xfcr\x1b\x11\'\xf5\x0b\x95&gt;u${\x86\xdc;6\xafKM\xfe\x94\xff\x02\x88\xf8\xec\xdc6\xa6\x03Qb\xfd+]!".N\xed=&amp;&amp;pr\xffNd\x02\xa8\n\xfa,\xe3\xc9\xd2\xb4~\x9c\xb3\x03\xdb5{wmo{\x07\x83\x10;\xfd\xcb\xbb\x96n\x9d7\xe6\xc5\xf9\xed\x02\xb5\xe9\x01\x98\x96\x04c\xd9\x0eL\x93\xfb\xf3\xfc\xe6\x15\xa5\x06\x80Z\xf6 \xb5\x00\x96\xa5\xf7\'\xcf\xfe\xf6\xea\x1e\xc4\xb7\xec=\xf0;G\xd6I^\xcc7D\xdc83\xa9]\xe3\xba\n\xadH\x84\x91\xb5/\xebT\xb3\xf8\xf00\xaf~m\xf2\x16\x07dx\xe6\x94!\xcb\x88Z\xe2l\x8c\xbcT\xcd\x0b\xaax\xbfu\xfe\x18\xe5j\x90\x85y\x19\xb8\xb8}1ia}\x19\xee\x02.\xb5K\x937\x19\xe9n\xc19\x15\xebc/\xf7\x16\x88\xd8\xb8z\x11U\x1bJ\xa1\x14\x0e&gt;\r\xaa#\xe2\xe5]K\x95\xae\x81\xedM\xb4{\xf1\xf8\xae\x1eV\xdf\xee\x1f\xc3\x1f\xf7\xd7L\x19\xaab\xdb\xac5\xf3\x06\x00v\x98\x18aj|\xd8\x9f\xc9\xef\xc7\x9b\x88\xf8\xe4Ln7\xcf\x86r\xebt\xa9\x9d\xd7\xde\x12\x00\rd\xd8\xa9T\x1f\x0b\xd5\xc2\xc8H\x1f\xc4g\x88\x18\xe9\xce\xf5\x97gO\xfd\xc7\xc4\x04\x92\x83\xd3\x06vV}\xfaiT\x14\xb6\xce\xe3\xefv\xad5a\xfe\xc8\x1e\xdd[\xda\x8e\xe8\xecE\x8ex\x1a\x0b\xd9\xdc\x10qJ|\x18\xe7\xe0|\x11\x8ed#:{\x91G{p|\x03\xfb\xf8\xe5]K\x93\xa3|\xeaI\xfc\x9fz\xb6\xb6\x93[\x15C\x177\xf3VfU*\x03\xbc\xbe\xbc{\\\\[\xe1\xc2q\xfe\x0e\xf8\xf3\x81r\x9bJ\x88X\x17@_\xf2ON%##}\xda\xd8\xfe#\xdf/\nE)\xfa\x06:\xbf\xba\xb4\x8b\xe9\xf7\xbbHyg\x0e\rm\x11\xdcH\xaf\x04@q\xd5\xec\xf2\x02p\r \x88\x88x}\xdfJ\xf154\xd3/3\xaa\xab_\xb6\xd4(5\xbew;D\xec\xecRO\xad\xedU\x92pW\xb3k{WH\x1f\xcf\xf7\xd8O\xcf\x08\xd4\xe0nX\xa1\xa3\x93\x91\xf8;\xf6\tt\x9a1\xb8\x8b\xac\xb3\x83\xdb7w\xd1-\xddTG\x94\x0fj\x15\x80\x10;}\x81\xdadAb\x00\xb7\xceK\xe18\x9f\x9d\xcb]02\xcaG\xd1\xda\x085\x14)\xdc\xa0\x0c\x18\xc9\xde"\xc0\x9f\x0f\xf7/\x9f\xacD\x1b\x86\x86z \xe2\xeaI\x83\x95\xb8\x96B\xf9W\xf8\xd3\xf5|\xb8\xe1\xaa\xa71\xa6{ \xa7\x80\xa6\xe4\x0f\x1b-\xb0P\xbb\x9f\x07\xa7\r\x88\x87WO?\x913\xeb\xf6\xa1l\xe7Z\xa2\xd5\x82\xa4\x98&gt;8\xc2\xae\n\xf4h\xd5h\xf9\xf8\x01\x88xr\xc3l\xdeb\xea\xd7\xe2Q\x16\xf6\x1b\x90Uf\xda\xc0\xce\x88\xb8pt\xacBc\x00\x00\xb42\x93\x19\x9eU_\x03\x0cE[8\xc8B\x8d\xfc-\xfe\xb3\xe9\xed\xef\xf8\xe9\xd6\xa1v\x8d\xeb\x8a\xbeB\x9d\xd8h\x01\xfez\x18\xdeLl&lt;\xb9U\x05@D\x03\x11%o\x1f\xca^0*V\x95\xb6Q(\x7f\x9f|\xd3\xcf\xf7\xd7No\x9eW\xc8\rxp|\xc3\xc7\x9b\x07\x11\xdf bZl\xb0\xea\x15V\x02H\x8ch%mh\x12\xa0:\x80B\x0b\x0e\x91T\x06\xe8\xe8d$\xa6\xaf,\xc5\xfa \xda\xd8\xd4\xe6-\xf3\xf1\xe6AD\x9c&gt;(\\\xd1f\\\xdd\xb3\x9c\xf7x\xc3\x8a04\xd4C\xae&amp;]\xf3\xba\xe5\xe2\xdb\xba\x9a\x14\xcfkai\x80Pg\xe3s\xb9\x0b\xc47\xa0\xb7\xbf\xe3\x7f%~J\xee0L\xa1\xfc\xefP\\\xf2\x8d\xbf\xbag9\xf9#\xce\xcf\xa1\x90\xdb\x10`UK\x8d\xf1\xbeu\x00l+CE\xe0\t\xf4G\xc4\x9c\x8c\x04\xde\xab&amp;\xf7\x0fU\xfbo^b\xd3\x0f\x90\x9e\xb0\xdb\xf0\x19\xd2\x88\xbf\n"\xc6\x87\xb8rN}\xbcy\xd0\xd3X\x13\x7f\xdcG\xfcza[\x96\xac;\xf6\xf6w\x1c\xd6\x89\xc7\xcdwP\xfb\xe6\xd2\x07\x93\xba\xb4R(nK[\xf2DS\xe2\xc3v-\x1e\xf7\xfc\xfc\xf6\x86\x15\xa1^)\xe8\xd9\xbaQ+\xb3\xaa\xa9\xdd\x03\x13\xc2\xbd\'\xf5\xeb\xe8\xc3\'\xf1\x84\x9fn"&gt;m^\xb7`\xd6\x8fj\x85\x19\x00\xd4#UJ\xa1\xfc\xcb8\xd7,A:}]\x00\x1b-\xf0\xb3\x10\xf2\xadT\x1d}\xd5.\x9f\x93\x18\xf3\xf9\xcea\xe12\xdd[\xda\xf2\x1eO\x8ch\xc5L`y\xe9\x13\xe0\xb4k\xf18D\xc4\x97\x17\x15\xf5X\xe4x\nujb\xb2O"\x8cqp\xd5\xd4^~\x8d9F\x18^\x97\xf93\x9b\xe7\x91K\x18\x85\x1c\xa3\xa2\xf0\xf8\xd4\xe6E)\xbd\x10q\xd3\xac\x91\xe4\xa0,kNk\xf3j\xf8\xfa\x12~\xb9}\xef\xe8\xfa\x80\x82\t\xf6&amp;&amp;\xa0\xc3kf&lt;9\x93\x8b\x9fo\xbd\xbe\xbc\xdb\xadN\xd9[\x07\xd7\xc4\x87\xb8\xce\x18\x1cqtm\x06i\xbft\x08\xca\x9c\x84\xe8u\xd3\x87\x17D\x93\xd4\xce\xd7\xbbG\xc9S\xfcW\xc49(\x14\xe5\xe9\xeaa\x89\x88\x05\xb4\xb5\xabv\xda5\xae; \xc4E\xe9\xcb\xcfl\x99\x8f\xf8\xfa\xc5\xf9\xed\x8c\xe3#Ce\xd6\xd4o\xe6\xb0(\x85\xaa--\xb9\x969\xc26\xaa}\xb9{\xa4\xa3\x93\xd1\xa0\xf6nq~\x0e\x88\xf8\xeb\xf1iY\xf5&lt;\x97x\xf12\xaeM\x00\x90;/\x85\x11m%G"\xdc\xea\xf7\xf2\xe5\xf1_L\xeb\xd9\x86}_Ywq\xd1\xd5\x18\xd8\xae\x99\xd2q\xd6\xab&amp;\rb\xdf%\xd0Z\x07\x11\xd7M\x1f\x1eh\xad\xd3\xd5\xc3\x8a\x1c\xfc|\x9b;H\xcb\xd2t\xb3\x13)\x1d\'.\x8eA-$G\xf9 \xe2\xf1\xf5\xb3*\x15\xd2\r)\x94\xbf\x07q\x1b\xbd\xb0m\x91@\x99NML\n\xad=\xbc\x1c_?s\xd3\xacdu\xd5\xd6\xca\x8cG\x84\x86\xf4\xce\x8a\xf6\xfe\xcb\xc7\rH\xef\x15bW%\xdf\x00\x10\xe3m\xc3\xee"\xd7\xcf\x18aZ\x12\x9a\xe8\x94L\xeb\x19,\xdc5\x7f\xbb\x7f\x1c\x11g\x0e\xef\xca&gt;\x18\xd0\xb0\x16\x91\xdbD\x89DAZ\xcf`\xde\x05\xc4\x84&gt;\xed\xe5\x0e\x00u\x00\xd4\xd2\x91\xe6\xc5\xcd!2\xf2\xa8\xa77\xcf[\x9a\xd6\x8f\xb9\xbb\x80\x88\x02\x13\xa3\xeeX\xa3\xd8\x99-\xf3u\x00\x16\nn\xa5V\x02H\x89\t@\xc4\xb7W\xf7\x8aoae\x80\xfd+&amp;O\x1f\x1c!\xfe\x12\x86\xf6\x0e\x06;\x17\xa5\rl\xd7L\x89k)\x94\xff\x12\xa9=\x82\x04\xfa\x8b\xda\x00]\x9a\x9b#&gt;;\xba6\x83\xb7\xc0\xffg\xb6/\x18\xfb\xea\xd2\xae\xf8\xb6\xaeMtJ"\xbeC\xfc\x12b\xa7_\x13\xc0\xc3\xa8\xe2\xb1u\x997\x0f\xac\xee\xed\xef8\xb9\x7f\xa8\xc8\xed\r\xe9b\xf3F\xf6\xe0\xf5\x9bi\xef \xc7EE|\xaa5\x15i\xd7\xb8n\x8c\xb75\xf2!\xeb\x92&gt;\x01N\xbf\x1e\x9f\x8a\x95\xac`\x9a\xd6\xce3\xb4\x08\xef\xd8\xd7\xd7\x00Tp\x9dJB.\x02\x1a\xd6\x92\x15 &amp;\xcc\xab\x8b;O\xe4\xccR\xe6J\n\xe5?\x04\xc7\xbc\xc0\x0b\xa3\x08\xf6?\x83\xeaQ\xcd \xb1\xf3&lt;&lt;\xb1\xf1\xe9\x99\\D\xc4\xafw\x0e\xac\x9c\x82\x88Wv/CD\xfc~\xef\xcb\x9d#\xebg$\x0c\xeb\xe4\x991D\xbe\xef\xfc\xe4\xfe\xa1\x9d\x9a\x98HK\x1d\xfc\x0b\xdc;\x96\xb3e\xce\xe8\xfb\xc7r&lt;\xf9\xba\xe0VfU\x82lj3]?\xdb\x89@ZB\n\xf1\x05"J\x8fa\x88\xa8\xc6-\xe2\xcf\xb7\x0f#"\xbe\xbc\xe8mZY\xed\xceG4,\x98\xf2\xbf\xc3\xf1\xf5\xb38\x03\xc0?\xe2\xaa\x81\x88\x91\xee\x16\xcamevp4T(P\x88\x8d&amp;\x80&gt;\xc0\x90\x0e\xee\xc2\xc5&amp;\xf6\xed\x90\xd7\xe1\xbd\xbdJ\xf2k"&gt;\x9d2\xa0\x13"\x9e\xdc0\x1b\x11\xd7N\x1d\xc6\xc4csD)\x9a\xd7-\xef\xd3\xa0\xfa\xe9M\xf3\xd8\xd9\x0e\xf0\xfb=R\xdf\xbf\x96\x19\x86m\xd1R4\xfe !\xbc%\xa3\xadF\x989,\xaa\x10\x02gIk\xf7\xaf\x98\xecmZ\xd9^\xadY\x7f\x8f\xae\xcbT]e\x8bB\xf9W(.\xb5\x81\xb9w\xe9\xc4r\x00^&amp;Z\x11n\xe6br\x8b\xcb]@(\x07~\xba\xa9\xa9\xec\xb5\xcb\xc7\r`\x9aT@\xf35\xc4O\xe4\xc1\x17\x8c\x8a=\xbe~&amp;"\x1e^3\xdd\xbc\x0c\xf8Z\xd4p7\xa8\x90=uX\x88\x9d\xbe\x8bni^M\xd6\xe0Fz\xf8\xe2&lt;"\xe2\x8b\xf3\xac\n\xffpv\x8b(\x17\xfb\x1e\xad\x1a\xa9\xebq\x00\x80\x11\x84`\x9394\x12\x00\xca\xb1$7\x14\xe2\xe9\xd9\\D,\x88\x8c.\xdd&lt;\xad\x04\xb4\x9e\xa6\xc6\x87\xad\x9a4(\xac\xa9\xa9s\xcd\x12\x11\xcd\xea\x03\x80\x8a&gt;\x9dd"\xd2\xcb\xb71\xf9\x80\xd6M\xfbox4Q(\xf2\xe9\xde\xd2vQJ\x1c\xc7\xfd?{\xea\xb0^\xbe\xf6\x83\xda\xb9\t_+\xd7\xe6\xab\x1c\xc5U\xd8\xab4/\x03i\xb1\xc1+&amp;\xc4\x93\x1eK\xae[\xab\\\x93\xba4\x9d]\xea1\x0f&gt;{D\xb7v\x8d\xeb\xae\x9e&lt;\x04\x00\xaa\x01\\\xde\xb5\xb4\x1c@\x1b[\xdd\xc1\x1d\xdcS{\x04q\xe6\xbf\x84\xe0Fz\xcc\xe5LJ\xac\xf1q\xed\xd8c\xc0\xf8\xb8vr\x9b\xa1.\xbf\x98:\x00\x0fOn\xe2\xdd\xfd\xee\xdf\xa6\xa9*5O\x1b\x14\x8e\x88\xfcQm\xca\x12\xdf\xd6\xf5\xeb\xdd\xa3S\xa5T\x898\xb8\x1b\x94\xd7\x07\x88\xf5\xb1o\xef`\x10\xeej\xb6++]\xa1\xbb\xb0\xbf\x15mlt\x111\xd4\xd9x\xc7\xa2\xb4\xa5i\xfd\xd4;\xeeR(\x7f\x9f\xd6\xf5\xab\xb6\xb5\xe7\xba\x96\xe8\x01\xd8\nz\x0bVa\r\x00jQD\xa9#\xf9or\x94\xaf\xd2i@\\j\x97\xde\xb3t\x82sM\xf9y\x8e\xb7\xceK\t\xb0\xaa)&amp;Bu\xc6\xe0\x88\r\x99I\xcc?\xd9=\xf5\xc6\x99#\xd96\x86}\xcb&amp;\x91?\x9a\xd4*\xb93+}\xc1\xa8Xi\x85\xba~m\x9a\xb0*x\xc9\x1c\xef\x13\xe8T\x12\xe0\xf9\xf9m\x88(l\xc2\xea\xecR\xef\xc2\xf6\xacu\xd3\x87\x1f[\x97\x89\x1fo\x00@NF\xc2\xae\xc5\xe3\x94\x18\xcc\x00`\xfb\x82\xb1\xe2Gq\xb9a\xc3\xd20o\xb8\xb6l\xc1&gt;\xf1&lt;9\xbd\x05\x11\xe5~\xbal\x07S\x91Y*\x19\xcaHM\x0b\x04\xb2\x07\x1b\x17\x93u\x86B\xf9\x8f\xd0\xd9\x95\xdfQ{\xc6\xe0\x08\xe1\xe5\xbb\xa4\x17{\xdd\xdb_\xd5\xf8a\x87\xeaE\x11\xf1\xf5\xe5].\xba\xa5\xbb\xb7T)[\xb7\x98M\x0c|u\x11\x11w\xca\x9e\x18\x8655e\xfe\xae\x01\x80\x88\x96\xe5\xc0\xb1F\xb1\xe4(_\xa6\xf3\xfe\xf5\xf8T\x13\x1d\xfe\xdeeNb\x0c)\x13\xe7\xef\xa0\x99\xffT\xf9|C\xc8[\x81F~\xbe}xDgo\xceA\x17\xdd\xd2\xac\xcb?&lt;&gt;\xb5\x19\x00r\xe7\xa6\xe0\xdb+)1\x01\x82\x0f\xcd\xcf\xeb\xcb\xbbH]nu\xf8,V\xf9\xd1\x01~=\xa8\xc4\x88\x96\xb2.\tu6\x16\xd9\x92Hw\x8b\xc2\xf1\xf7\x8f\xf6j\xf8\xe0\xc4\x06\x01-q\xf1\xa8E\xbc\x84BQ\'\x1c\xef\x0b\xb9\xdes\xc4J+=\x97I\x8ch\x15\xe7\xe7\xb0b|&lt;\xe2\x93}\xcb\'I_\xd8\xb8z\x91\xb1*\xa4`eC\x06\x00%\x84n\x14\xc2\xb6\x12\x00@\x19I\x17&lt;u`g\x91\x17\x0e\x0f\xf3\xaa\x0e\xd0\xd6\xbeN\x98K\xbd\xa5i\xfd\xee\x1cY;\xbew;?\x8b\x1au\x018\x8a`\xd6\x9apx\xf5t\xa6\x87\xd6\xe3\xd3Mc\xce.N\xed#pSD|se\x8f\xf4q\x8br\x80\x88\xa76\xcdmY\xaf2{z;\xba\x9b\xbf\xc8\xc7a\xb3q\xe6H\xd2\x181\xfa\xdb\xc2\xa4\xf6\x08\x12\x99V\x93\x17a\xf9?"\xd36\xa9_\xc7\xac1\xbd\xb7/HU\xfe6\x00\xe9\xb1!ONo\x91N\xf8\xae(\xb3GtS\xbb\xfd\x93BQ\x89\xec\xa9\xc386\x84-sF\x9f\xdc0[\xb9\x04)d\xc5\x8d\xf81%Z\x99\xd9e!\xe3oUs\xc7\xa2\xb4m\xf2\x12\x8f\xbc\xba\xb4K\xbc\xd1\x83\x97Hw\x0bD\xccKG\xf5\xfd\xde\xfe\x15\x93\x19\xcb\x08\xe2cf\x85\xc0\xbe\xa4\xab\x87\x15\xf9\x83\x04\xdf!\xe2\x8c!]xw\x89\x19\x884\x85\xac\xb3\x03B\\#\x9b7H\xed\xfeg\x00V\xce\xe7\xbdQ\xe5\xbc\x01iddk\xce)\x87\x1aE\r\x151\xf9\xe4\xccH`\xc66E\xa7\xc6\xb1&gt;\xf6\x97w-\xd5\x14,\x83\xf8z\\\\[|v\xee\xfe\xb1\x1c\xe9\xb3\xcb\xc7\r\xc8\x9e:L\xf8.\xeau\njP\x16\xb6\xcc\x19\xad\xce\x1a)\x14\x15I\x8al\x8d\x88\x8cM_\x935\xdf\xe45w_\xda\xb9\xc4\x8aO\xfb\xc6\xc7\xbc\x9a\xb9\x06\xec]6\xf1\x1e\xdf\x8f\xad\xe0\xf0\xb5P\xd2\x87\x93e\x18\xc1\xa9\xf1a\xbc\x99:\xaa\x00TgJ\xf2%\x80d#\xdc;#b@C\x05\xb6*\xee\x1f\xdf\x10\xe9nQ\xbf4\xf8Z\xd4hm\xcec\xe9P\xd4\xcf\x86\x9d\x9eE\xb9\xae\x9f`_\x8d\xfd\xea~\xaaR\xd5\xad\x83k\xd8\x9f\x02cS\x1a\xd2\xd1\x1d\x11\x99\xac\xf7l\xac*\xe4\xfb\x8a\xde&gt;\x94\xad\xf4\xdd[\xd7\xaf\xeai\xac)+\x17t\x11\x80s\xb9\x0b\xfa\x04:\x89\xa9\xca\xb2&lt;,\x1f7@\xa0@\xa4\xbb\x85\xf0\xd7\x83B\xf9;\x8c\x8e\xf6GD|w\x8d92\xa4c\x0b|{\x15\xf9T\xba@\xf2\xdb\x93\xee}\xe6$\xc6\x18\x16\x85\xac1\xbd\xcd\x15\xef\x11\x8e\xad\xcb\x94\xf6\xfd\x08\xb4\xd6\x11\xd3c\xf2JW\x8a\x81\xe9D~=&gt;\x1db\xa7\x7f\xefX\x8e\xb4\x81\xa5\x7f\x9b\xa6c\xba\x07"\xe2\x83\x13\x1b\x95\xbb\x8b\xd2,\x18\x15[\x0ed\x8a\xef\xd7T\xc1UQ\x1f\xe0\xe0\xaai\xf5TP/\xc3\xfc\xecX\x986X\xc1O\x81\x98\xd3\xdf\\\xd9\xf3\xa7\x96\xef\xf7\x98\xb3\x1fn\x1c@\xfc\xc2{\xe1\x80\x10\xd7&gt;\x01N\xccE\xbc\xc9\xec\x8ed\xcf\xf04\xd6$\x7f\xfb\xc9\x98\x1f0Q\xd3;\x16\xa6\xf1\x16\xe8\xecjFv#\xba4o@\xeeu\xf3\xc0jY\x1f\xc7\x933\xb9\xebg$\xc8z\xa3\xf55\xe0\xda\xde\x15\xc2\xc9\xa2)\x94\xc2\xc6\xc3\xa8"\x00l\x9d7\x06\xf1)#\x1e\t\x001\xde6\xebg$ "\xaf\xc7\x0b\xf91\xa8!c7\x00\x004(\x0b+\xc6\xc7\x1f\xc9\xce\x90\x0e\x1a\x9a5\xbck\xac\xaf}\x81\xee\xf2\x91p\xaai\x03;\x03@e\x80NM\xb9*F&amp;%`@\x88+\xbe\xba44T\xa6XM\xc1\xe1\xaa\xa7\xf1\xe9\xf6!^Kw\x83\xb2@\x14\xb9/\xedX\xacD\xcd\xe3{\xb7\xc3\xdf\x8f.\xed\\\xa2\xdc\xb4\xb4\x8e$!0a\xfd\x8c\x84\xc6\xd5dFP\xac\x9c0P\xda\xf3\x85L \xceo]\xc8T"\xfe\xee\xad\xcc\xaa2W\xf1N6\x10\xf1\xf7\xe3\xd3\xc4\x19\xdf\xcf\x92\xdf\xb379\xca\xa7:\x80\xb7i\xa5\x8f7\x0f\n\x8f\x85\xa3\xba\xfa"\xe2\x99\xcd\xf3\x86u\xf2\x1c\xdb\xa3\r\xef\x180&amp;&amp;pB\x9f\xf6\x9bg\x8f"\xff\xac\x08\xb0sQ\xda\xbc\xa4\xee\xe4\xdb[\x1a\xc0Q\x9bz\xffP\xfe1x]\xf4\xb4\xf2\xba\xf8\xb7\'dd\xc5R\xf4\xe7*\x17Y\x8eqWv/[7}\xb8\xbb\xc1_\xcb\x0cR\x19 kL\xdc\xc1US\xd5\xfe\xc8bX\x94\x12G\xee\xcb\xeb\xe3?\x96\xa5\xe5\xa9D\xe5S\xe3;\x93k{\xb6V\xdeK\x9d\x84\xa7\xedY:\x81}\xb0$\x9f\xa2\x834^&amp;ZA6\xb5\xfb\xb7iJDx\x14\xbd\xb5p\xbc^\xb4\x97\xb5\xc0\x80D\xf0mP#\'#q\xdb\x82T\xb9\xef\xd0\xaa\x02 &gt;A\xc4\xb6\xf6u6\xcf\x1e\x15h\xcd\x9f\x16\xa1\x85a\x85I\xfd:\x92\xbfMJ\xc0\xcc\xe1]\xa3\xbd\xac\xe3\xfc\x1d\nV0\x9dBQ\x0b\xec-_\xfcr[@\xcf\'J\xadR?\xb1&gt;\xf6\xb2|9f\x0c\xee\xc2\x1b\x18\xa54\x11n\xe6\xe2#\x95t$C]bD\xcb&amp;:%\x9d\xb4\xf3\xf9\x00JgB\xe6E\x197{\t\xc2\xfd{\x98$\xb8L\x17\xa0V^\xac\xc0\xb7\x1b\xfbWqj\xb8\xbag\xb9\xb5&amp;\x0c\x08q\xe1\x98J\x8a\x02l\x9d\x97r~\xebB\x15WrA\xacdd\xc4\xbdh\xe6\xb0(\xfc\xfd\xb8\xbd\x83Aq\x80\xd2\xac\xfc\xa0\xd20V\x1a\xf5"2\x96\xdb\xcfR\x1b\x11\xf1\xf5%1\x83\xe8\x89\x9c\xd9\xa4\x8c\x8fy\xb5f\xfa\xfc\xe3[gW3F\xd34\xb9\xab/"\xe2\xb7\xbb_\xee\x1cY7}D\x0b\xc3\x8a\xc4q\xce\xb6\x12\xa8\xf7+M\xa1\xa8\x07D\x9c\xd4/o\x0c\x18\x1e\xe6\xc5L\xa0\xaa\x03\x84\x15L\x86t\xf2CR1\xf5k}EvBw.J_\x9a\xd6/\xb0a\xad\x1b\xfbW\xf1f\xc2b\x13d][\xb9\xf9\xb5t\x92\xe4\x02\xe2\xce\xe1\xb5\x8c\x16\xf4\xce\xact\xe9\xfe4\xd6\xc7&gt;\xb8\x91^\x13\x9d\x92\xd2\x0f\x12\xe1fn\xa4&gt;\x9b\x84S\xcd\xe2\xdb\x17\xa4\xc6\xfa\xd8\x91\x7f\x067\xd2k\xa6_\xa6\x04\x80\x86\xe0Nu\xfd\xd2d\x83\xfd\xd7Vy^X\x04\x91\xfe8\x8bS\xfb(\xb4\t\xb5sQ:J\x1c\xb4\x08\x1a2R\xb0\x11\x9a\xd4\x92\x19\'\xc6\t\xf2\xb0\xd1\x82m\xf3S\x8fdg\xb0\xdd|\x0b\x7f)I\xa1\xc8\x84\xb8p\x90\xf4&amp;\xaf/\xef\x06\x00\x03\x80\xb4\xd8`\xe6\xf7P@Jo\xcc\xefK\xd6|\xaa \x18\xdc\xa1y\xf3\xba\\\x83Ri\x00\xde\x8dfOcM\xe5\x82\xf8\x13\xc2e\x868\xfd-\xd2b\x83\x0b\xda\x10\xd1\xcb\x97\xeb\xb1\x83\xcf\xcf\xc9uyd6\x12\xe4v\xd9\xd7\xf6\xae ]\xa7\xc00\x90\xd7\xbf~\xbc\xb1+k\x9c\xfc\x16\xb3/\xfcz\x877~B\tZ\xd6\xab\xbc|\xdc\x00\xb6P\x8a\xb5&amp;D{5\xa4\x03\x00\xe5_\xc4Db\xd8P\xc8}[E\x86u\xf2X;m8&gt;=\x83// b\xdf \xe7\xc2\xb9o\xa3\xcaP\x12\xa0\x18\x80\x91\x88\x875PV\x16N\xa1\xe4\xf2\x02\x1c\xff\x8f\xeb\xcb\xefX8\xf6\xda\xde\x15\xc2eH\x87\xc8\xb1\\IcX\x04\xbe\xde=\xfa\xe9\xd6\xa1\x94h\x7f|\x7fMV1R\x9b\xb7ieY\t\xc5xq\xaaY\\\x8d\xfd\xf2\xf8\xb8v\x87VO\xfbp\xf3\x00\xe7x\r\x00\xfc\xfd\x08\xf1\xa7B\xae\xc0\x14\xca?\x87\xb47[\x15E|\xd2\xcb\x02\xac\x9c0pX\'\x0ffB\xf4\xfe\xfa~\xf5\xb6\x90\x97\x1e\xadl\x11\x7f\xe0\xcf\x07\x05:\x0b\xab\x04071F-U\xc9m\xe4\x91\xec\x19\xff\xf8tR\x19EP&gt;\x0c\x8b\x00"\xf6\ttZ=i0o\x826\xc2\xe9Ms\x95x!\x1bg\x8e|xr\x93\xac\x0b5\x14\xdc\xc8\xf12\xad\xc4|\xb1[\xd6\xfb\'\xd35P(J\xe3aT\x91l-\x02\xc0\xae\xacq\xf8\xf6Jx\xb3\xfa\xbd|\xed3\x87E\x11\xa7R\xb9\x84\xbb\x9a\x11[S\xdf gDD|\xe6\xc3\x17\xe5\xa4"\x8bR\xe28\x1a\x03\x98\x1f1\x95\x90\x8d\x10\xdem\xd2\xea\x00\xd2\x89\x82e\x11\xd1\xac&gt;"\x12m\x0c\xe2\x0e\xb8+k\x1c"\xe2\xaf\x87\xc5\x00dy\x95\x88\x817\xd7\xa3\\T\t\xdd*|\x8c\x8b\x83I\t\xf8\xf5\xe8TNF""&gt;:\xb5I\xa0\xf0\xc6\x99I\x8a\xd6O\x8c\x9c\xbd\xfd\x1d97U\x1a\xf6\xd7\x8c#\x9aK\xa1\xfc\xb7\x99\x9b\xd4\x9d|\xb3\x97\x8c\xed\xcb|\xcb/l\xcfBD\xc4\xaf\xc9Q&gt;!v\xfa\xc25&lt;&gt;\xb5\x19\x11+\x00 ~D\xc4W\x97v\x15J\xc3A\xd2HD\xc4\x05\xc9=\xe5\x96\xf76\xad\xb4qf\x92\x81\xec\x99\xb8\xc8L8\xad\xcc\xaa\xf4\xf2\xb5G\xc4\x89}:\x00@W\x0f+\xe7\x9a%\xfa\x06:?&lt;\xb1\xb1\xa5\x19w\x86\xa8^%d1qG\x9a\x00%\x00\xccJ\xc1\xaf\xc7\xa7\x94\xbb\x0b{\x10\xaa!\xd1\xa9\x1e\xd6\xc9c\xe3\xcc\xa4\x83\xab\xa6\xfaZ\xd4P\xf1\xa14\x01\x00\x00\x11\xf7.\x9b\xf8\xf1\xe6\xc1\x85\xa3{\t\x14^2\xb6\xafB\x95\x17D\xb6\x19\x92\x91\xf8\xf9\xf9\xed##[\xfb[\xe5\xcbQ$FJ\x96B\xf9G9\xb8j*\xbe\xbf\xb6k\xf1\xb8I\xfd:\xe2\xb3\xb3y\xbd\xe9\xa7\x9b[\xe6\x8c~\x7f}?\xf9\x97\\\xb7\x1c\xb2\xefgT\x0cH\xb01"\x8e\xeb\xd5\xb6P\x9a\x0fw\x8f\xackiVExn7&gt;\xae]\xab\xfaUg\x0c\x8e\x08\xb2\xa9\xdd\xd5C\xc8\xe1U`\xf3\x9aH\xc8\x11\x8a\x03\xf8\x98WC\xc4\x9e\xad\xed\x1c\xaa\x17\xdd\xbf|r\xeb\xfaj\xd5\x97Q\x8db\x00u\x01FF\xfa|\xb9{\x84l\xc8\x8bO\xae0\xb9\x7f\'\xcer*\xd4\xd9\xf8\xf7\x93\xd3\xe4\xe0\x8b\x0b\xdb\x15\xb2\xc5\x0b\xf3\xed\xfe\xb1&amp;\xb5J\xaa+\xfc\x90\xd0\xa3U#DD\xfc\xd2\xb2\x9e\xa0\x8e\xb9\xe2toi#=;\x989,\n\x11\x11\x1f\xab\xf7^\x14J!\x11\xda\xc4\xf8\xe3\xad\x83//\xee|seOi\x00]\x00\xa2\x9fcR\x1c\xa2\xbd\xac_]\xda\x89\xf8\xc2\xb8\x98\x1c\xc7\xa11\xdd\x03\x9f\x9e\xddjU\x01*\x00\x1cZ5\r\x7f=\xd4\x97Qr\xcd\xe4!\xca\x1bG\x04\xb1\xad\x04\xbcrF\xa5\x01\x10\xf1\xfa\xbe\x95d\xbe\xc9{\xed\xf3\xf3\xdbZ\x9bWkX\x11\xc8,O\xba\xc0\xa4~\x1d\xd9\xc7\x83\x1b\xe9\x91e\xd3\xf1\xf5\xb3n\x1eX\xbdr\xc2@5=\x04?3\x06G\x8c\xea\xea\'\xb2p\xab\xfaU\x07wp\xbf\xbeo\xe5\xedC\xd9\xe1\xaefz\x00\xa9=\x82\xc8\xca\xac_P\x13_\x8b\x1a\x95\x04/gVT\x8c\x80s\xf3\xba\xe5\xc4\xdb\xd9\x8a\x03\x88\xfc|\xcb\x02 \xe2\x9a)C\x1c\xaa\xe7\xdb\x9a\x9f&gt;(\x9c\x9d%M!\xda9\x180\xed&lt;\xbfm\x91r\x95(\x04\xfex\x80\x884.\x8c\xf2\x1f\x86$\'!{\x00l\xcc5 !\xbce\xee\xdc\x14\x8d\xfc\xc1A\xd2tin\xfe\xf0\xe4&amp;\xceZ\xd8\xb8\x18$\x84s\x85\xec\x99\xa9:\xd3\r\xc9\xd5\xa9\x16I{\x07\x03Y\x8e@\xa4G\xc8\x1c\x1ay`\xc5\x14\xe9\xb3E%\x05\xa6\xc4\x87\xc9\xea\xe3\xf2:\x15\x89\xb2MGg\xe3m\x0bR\xf1\xc3u/\x13\xad\xab{\x96\xf3j\xe8/N\xedC.R%6\xaa\xb8$\xb7\xa5\xdc\x9e\x97\xc1\xdb\xb42\xfe\xb8/\xe9\x06?#"\xbe\xbcH\xfe\x11\xd5\xc22\xd0ZG {\t\xe2k\xa6\x03\xcd\x97\xacX\\\xef\x0f\x00\x07VN!%On\x9csu\xcfr\xe1\xfd\x0cD\xc4\x8f7\x10\xf1\xf7\x933\x00\xf0\xee\xda&gt;\xf1#\r/\xf3F\xf6`.\x97\xb5\xe2\x996\xb0\xf3\x80\x10\x17%*\xe7\x05\xf1e\xf7\x96\xb6\xea\xaa\x8dB\xf9;\xf0\x86\xed\xb2\xd3\xa1\xc8\x05\x11\x9f\x9e\xdd\xeamZ\x891\x81\xb76\xaf\x86\x88\xabd\xa4\t\xfb\xf5\xf84\x004\xac\x08\xdd[\xda\xd6\x94D\x9c\x82\x8cL#*Bz\x04\x1d\x00k\x19\xa3M[\xfb:\xf7\x8e\xae\xaf%\xdbN\xc2\xe9\x95x\x03\x1d\xca\xca\xb8\x04\x11\x05T\xd5\xd8\x9b\xec\x86E\xf25 \xa0a\xad\xac1\xbd\xf3\xaa\x10=)\xb6,\xcf\xdd\x1bG\xc4o\xf7\x8e\xfd~rFxC?wn\nS~B\x9f\xf6\x9c\xb3\x13\xfbv\x10\xb8cG\xc9ra\xcd\xe4!yU|\xbcA\xfe\xbfb|\xbc,[\x0c\xf9\xce\xbc\xbc\xb8\x13\xf1\xc5\xa4~\x1d9mV\xc2\x82S_\xe3\xcf\xb3\xf3:"\x97\x93|.\x8d\xab+\xeb\x11L\xa1\xfcoc*\x94\x90C&amp;\xc5\x00rf$\x0cl\xd7liZ?\xe6`p#\xbdE)q\xbc\xe5O\xe4\xe4\xa9\x12y\x18k\xde9\xbc\xf6\xc2\xf6,\xf2\xcf\x11\x9d\xbd;\xbb\xd4\x13/\xb3\xc5+\xaa\xccA\xe9\x19%\xa7\x06R\t\xef\x10\xb5v\xea0\xc4o\xbc\x97 b\xee\xdc\x14\xe9K\x88XYT\x0b\x8b\t\xbd\xdb\x03\xc0\xc0v\xcd\x10\xf1\xcb\xdd\xa3d\x12=\xaa\x9b\x9f\x87QE&amp;\xa7\x98B\xed\x7fyq\x07\xbe\xbe\x947\xfd\xff\xc3[Y\xe5]j\x97N\x8b\r&amp;;\xf9\x84\xea2\x1c\xa5xi\xd78\xdf\xd6y^\x15O\xcf2\xb5\x91\x07\x94\xa6_\x9b&amp;\xc4\xadK\x0f\xa0Qe\xf8\xfe\xe08"\xe2\xaf\x877\x0f\xacf\xaf?\x14\x82\xfd\xc0\xc43\x8dCgW\xb3\xa1\xa1-\xe4\xd6C\xd4I\xaf\xec^\xc6&gt;\xb8~F\x82C\x8dB\x0c\xae\xa1P\xfe\xd3\xe8\x00\xbc\xbd\xbaW\xb8\x8cY\xe9|\x1d\xf4\x81\x95SVO\x1e,K\xeeQ\x1a|z\x06\x11#\x9a\xd5\x17*\xf3\xf5\x8e@\x07Z\t\xe0\xfa\xbe\x95\x8cv\xe4\xc9\x8ds\xb2\xc6\xf4&amp;\xdb\t%\x00\xac5\xf3\xe5=\xf6\xb7\xaa\xa9/\xaea}\x02\x9d\x88\xe5\x9d\xf7\xd6f\xa5A\x83\xf57\x00\xd4\x95\xf2j\xed\xe2f\xfeg\x05\x80\xc8k\xbf\xe2e\xe6\xb0(|\x7f\xfd\xda\x9e\x15\xcc\xb5O\xcfn\x1d\x1e\xe6%\xab&lt;\xf3D\x92\xe2\xcf\x01\xa0\x88\x08w\x9a\x16\x86\x15]tKs\xb4]%\x95&lt;A\xc4\xd3\x9b\xe7\x1d]\x9b1K"n!\x0bG\xedb\xdb\x17\xa4\x9e\xd80;o\xdd\xf0\xfa\xd2\xdc\xc4\x18\xe5\x1c\x8d8\xefPn\xf9\xf2\x00\xa3\xba\xfa\xf2\xd63\xa1O{\x8e\xdb\xb1\x87\x91\xa6\x82\xa9\x85)\x94\xff\x0e\xc3:y\x08d\xbeV\x02OcMDL\x8che"\xe8\xa6\x13\xebc\xdf70o\xc1n\xad\xc9\x9f\xbf\x1b\xdf^AD;\xbe(\x9c\x89}:\xa4\n\xe6\xa4\xd4\x90$\xbc\xe4e\xc1\xa8XD\xbc}(\xbb\xab\x87\xd5\xd2\xb4~y=\xc7\x8b\xf3\x95X\x86)D&lt;\xb8j\xda\xdd#\xebx\xf7\x99\xd9$F\xb4D|/P\xc0\xdd\xa0\xbc\xb5&amp;\x84\tfH\xf4\x00\x00 \x00IDAT\xb9\x98n\xc8H$G\x8a\x01\xec\xccJ\x7fqa\x07\xa7\xf3Z1a\xa0\xa2\xdd\x19\xa9\xbf6\xc0\x8eEi\xbd|\x1b3\x17\x1e[\x97Y\x10\xa6j\x87\x1aEGG\xfbw\xf3\xb4b\x8e\xb0[K\xf2\x0c\xcfI\x8c1\x95\xd7k\xe2\xefG\xf9\x9e\xf3\xcd\x95)\x03:5\xad\xadLr\x03\xb2\xf2H\xed\x1e\xe4\xd3\xa0\xfa\x94\x01\x9d\xbcL\xb4x\xbf3l\xa4\xb3\x06\x19\x16\x81_\x8fN\xb9\xe8\x96.\x06PGPD\x88B\xa1\xfcA:\x02\x00\x11\xef\x1cY\'7A#\x9b\xe6u\xcb\xe9\x01t\xca\xbf\x03\xb1v\xda0D\xbc\xb8cq\xac\xaf\xbd\x1a\x1a\xca\xe2\xd2\x8e\xc5\x88\x88\xf8\x9d\x99\xb7"\xa2\xd2\xfa\x8eG\xd7f\n\xf7\xd4\x1fo\x1d\x1c\xd5\xcd\xcf\xbe\x1a\xccI\x8cI\xef\x15\xc2\x08Ds\xf8t\xeb\x10Il\xa0\xe8\x00@\xf6]\xfd,\xb5\xc9P\x15\xed\xd9\xd0\xdd\xa0|\xb8\xab\x19\xafN8\x07\'\xed\xe2vU\xe4d\xe5\xe5\xd0\xcb\xb7q\x05\x00\xb2^{\x9c\x97:T\xc2\x97\xdbb\xda\xdc8_22|r&amp;7\xc6\xdbfx\x98\xa7\xa8\x10D&gt;\xbaI\xf2n\x8a\xa1\x1c\x80\xb4\xb51\xadg0"\xae\x9b6\xbc\x0e\x80\xbbA\xf9\xe1a\x9e\xc3B=\xf0\xe7\x83\x1f\x0fO\xec\xccJ\x8fja\xe9e\xa2\xc5L)\xc8\xc6\x83\xb2\x8d\xa5P\xfeW i\xca]t\xb9\x8e\xe2mlu\xcfl\x9e/p\xa1Uy\xb0\x92x\x10ui\xde\x80\x98D\xba\xb7\xe4\xaeE\x10q\xef\xb2\x89\xec\xfc\xb7\xeab\xfd\x8c\x04\xfc\xf5\x90t@\xdb\xe6\x8fQ(\xa79"\xb2\xe5qB\x9d\x8d;8\x1a\xd6\xcd\xbf\xbb\xcb\xe6\xe8\xdaL/\x13\xadc\xeb2\x8f\xae\xcb\xe4\xf6\xfao.3\x7f^\xda\xb9d`\xdbf\xec\x93\xbcy\xb2\xe42}P8\xb9&lt;kLo\xe1\x92\xc7$\xed\tu6V4\xb6\xc9\xdb\xb4\xf2\xd0\xd0\x16\x9c\xa7\xb9\xb4c\xc9\x8a\t\xf1r\xaf\xcd\xb7\xfd\xfb\xe56\x00\xb8\xe9\x97\xed\xecj\xa6`\x13\x94\xa1\x85a\x05\xe9\xb0\xde:\xacuL\x97\xe6\xe6\x1b2\x13%\x93\x03D\xfc8\xb0]3\x8e\x8c\xc4\xf3\xf3\xdb\xe9\x00@\xa1\x00\x00\x0c\xe9\xe0.\\`P{7\xe9\x83\x8e\xda\xc5\x189-\xb6{\x06\xc7\xdc\xa2\r\x80\x88\xfb\x96M\x12\xa8\x7fx\x98\xd7\xceE\xe9\x8aJ\xf6\x93\x08\x00\x82\xbe\xb8KJ\x03h\xb1r\xa9\x0f\r\xf5`\xec\xf5\x1fo\x1e4.&amp;3\xa6\xac\x08@\x83\xb2&lt;\x8e:\x88\x9f\xdb\xd8\xea\xceM\xea\xfe\xe0\xf8\x06D$\x83\x90S\xcd\xe2\x1bg\x8e$\xa7\x15|\xa6&lt;\xec\xaa\x00\xe9\xbf~&gt;:)\\\xd2Z3\xafU\xc5D\xab4\x03@\x0b\xc3\n]\x9a\x9bwp4dFPD\\9a "\xbe\xb8\xb0\xe3\xc3\r\xae\x80\x9a4\xcc\xc8\xc1\xc4\xd7\xaaK\xd6"=6\xf8\xfe\xb1\x1cRy/\xdf\xc6\xd1^\r9\x05\x1aW/2\xb8}sN\x1a\xceS\x1b\xe70\x0f\xf2\xf3\xd1I\xf6\'\xc4\xeb\xd1\xb0g\xe9\x04:\x00P\xfe\xf3,\x19\xdb\xb7\xa0%\r\xdb5\xae\xab\xe2O\x05%\xb9\x1ee\xd1\xb8\x1att6&gt;\xb5qNC\x05\x03L\xc9\xcf\xf8\xe3\xad\x83"\'\xbf\xc7\xd6e\xee\xcaJ\x8f\xf3\xcb\xb3\xb3\xc7\xf99\xe0\x87\xeb\xf8\xf5\x0e\xe2\xef8\x7f9Z1\xf1!\xae\xe4*\xc6\xcc\xc5\x88\xf1\xbd\xbf\x91\x17}M\x9c \xb7\xcdOez\x1f\xc5\x9e\x87\x85\xbbAyR\xc3\xb7\xfb\xc7f\r\xef*\xeb\x01\x83\x1b\xe9e\x0e\x8d$\x7f\x8bO+\xd0D\xa7\xe4\xac\x11\xdd\x00 \xce\xcf\x81ijq\x80\x8d3\x93n\x1d\\3cp\x04)6mP\xb8\x97\t\x7f\x08ZQ\x80\x07\'6*dw\x12C@\xc3Z\x88\x88\xf8\x05\x11\x11\xbff\x0e\x8d\xe4\xf5,\x8at\xb7\x90\xde\xa1 :\xd5l^^\xdc\xb9f\xca\x10\xe9\xd4CZ\x00\x95\xd5\x17\xcbB\xa1\x14 \xcc\xd7\xbf&amp;@\xeb\xfa\\\xefI\xc4w\xce5\xe5\xff\x08u\x01\xcc\xc4m\xcee\x8d\xe9\xdd\xa4VI\xfbjp\xffx\xce\x8f\x87\'f\x8d\xe8\xd6\xc2\xb0\xc2\xcb\x8b;\xc47\xb8,\x00o\x8c\x95,\x8e\xae\xcd@\xc4S\x1b\xe7~\xbdw\x14\xf1\xb7\xf8\x0b\x19\x1a\x89s&gt;\xf7mP\x1d\x11\x11\x7ftq3\x1f\x1e\xe6u6w\xc1\xd0\xd0\x16\xf8\xf3A\xf7\x96\xb6\x06\x00\x8d*\x83pB\x1c|u\xe9\xe5\xc5\x9d\xbc\xa7\xeak\x80\x87QE\xb2)\xc9\xb6E\x08\xb8\xe1\x8b\x81\xd9\x10&gt;\xb3e\xbeE\xb9|\x1d\x96\xba\x02\xb3\x8b\xb2Z+\xbd\xdbp\xef\xe8\xfa\x13\x7fC\n[\x07 \xbdW\x08\'\xf5\x9bH2\x86t\xd9:o\xcc\x99\xcd\xf3H\x80\xa1\x97i%Y\xa3\x14\x93v\x89B\xf9\xfb\xc8\xb2&gt;#\xbe\xdd\xb3dB-\x80&gt;\x81N\xbf\x9f\x9c\x16\xf6\xcc\xe1\xa5J~\x8fx\x0e\x1cO\x1b\xf6\x04j\xf3\xacd\xe2\n"\x9d\xbc\x85\x03;\t\x89\x81\x82\n\x8e\x0bG\xf7BD_\x8b\x1a\xe7r\x17"\xa2\xa2"bb8\xb9a\xce\xb4\x81\x9d\'\xf6\xed\x80\x88G\xb2gtjbbV\nj\x02\xe4\xceK\xd9\xb3d\x82&gt;\x00\x00\xb8\xeaiL\x1b\x18.\x90\x9ck\xe1\xe8^\xa76\xce\x11\xb8K\x05\x80\xbadg\x82\xa0\xac4\x02\x1b\xe6\xb3P%\xa5\xa50~\x96\xda\xc4\xdc4\x9e\xe5\xf8\xefi\xac\xe5e\xa2\x85\xf8\x1a_]\x92\xab*\x08\x05\x96\xad\x08\x00\xbay\xe6\x99\x80\xd8.\xc6\xd2C\xf5\xfc\xe4\x9evUA\x17`\xe5\x84\x81^\xa6\x95\xa8\xf6\'\xe5?C{\x07\x03\x0f#\xcd\x1d\x8b\xd2x\xcf\xbe\xbd\xb6w\xd5\xa4\xc1\x81\xd6:\xbb\xb2\xc6\xe1\xfb\xeb}\x02\x9cRb\x02\xe4&amp;\xda\xe6\x90\x16\x1bL\xfa\x11\xf3\xfc\xeb\xe9R\x00\xa1ML\x98\xba\xaa\xe4\x1b\x00&gt;3\xc5\xe4\x9a2\x04\xfc5\xc5\x80\xf8\xd8\xa8(\xc4\xfa\xd8!\xa2\x80\xe7;\x00D4\xaboU\x1ev.J\xdb\xbf|\xb2\xc8\xca\xed\xab\x02&gt;;wx\xcdt\x008\xb2f\xc6\xac\x11\xddl+\x81m%\xe8\xecR\xef\xc7\xc3\x13&gt;\r\xf2\x8c\xc9\xc6\xc5\xe4/\\:\xcbN\xc9Y\x19 \xda\xcb:-6x\xcd\x94\xa1*\x1a\x7f\xfe\n\x9c6#"\xfe|\xf8\xfa\xf2\xee\xec\xa9\xc3:8\x19\t_\x1b\xe3m\x1dl+F\xf0T\x01LJ\xc0\xc3\x13\x1bA\x12o\xc1a\xe6\xf0\xae6\xf9MS\x88\xcf\x97\x8c\xedkVJ\x01mp\n\xe5\x1f\x02\x11\x89\xeb\xb3\xbbAyo\xd3J\x8c1\xdc\xae\nl\x9a5r\xef\xb2\x89\x1bg\x8e$KY\xe52\xc8vt2"?\xf2\x06e\xa0~i\x08kjj\xae\x01\xa1\xce\xc6\x9c\x9f\xf7\xcd\x03\xab/\xed\\\xc2\xb96-6X\xb8r\x8e\x99V\xa1\x90T\x00\x88p\x13\x8a\x08#\xb8\xe8\x96&gt;\xbe~&amp;"\xfexp\x82&lt;\x08\xaf\xb4\x03\xdb}\xbc:k&lt;{q!\x9f\x15\xcb\xa8(L\x8d\x0f[=9\x9f\xe2E3\xfd\xb2\xc2\x9akr)\x0e0\xa8\xbd\x1b"\x8a\x0f\x8a.L\xc8\xbc!\xda\xcbzb\xdf\x8e\xd2g\x99=\xe4h/k\xc4\x8f\x88\x1f\x97\xa5\xf7\x1f\x1a\xdab\xed\xd4a\x81\xb2\x93g5\xaeVdr\xffP\xd5&amp;\x00\x7f\xf0\xb3\xd4\xfe|\xe7pNF\xe2\xaf\xc7\xa7\xf1\xed\x151\x97\xf8[\xd5\xc4\xb7W.\xed\\25&gt;LM\xad\xa0P\xfe\x1eC:\xb8\x9f\xd92\x1f\x11\x17\xa7\xf6\x01\x00\xb3R\x80?\x1f\xcc\x1c\xde\xf5\xc9\x99\\\x15k\xbey`5\xdb\xc2C\xea\xe7\xe0c^\xcd\xdd\x80\xdb{\x8f\x8b\x93#\x13M\x04\x88\x0c\x8b\xc0\xbc\x91=\x02\xadu\x0e\xae\x9aJ\xc4\xe2EN\x84\x1b\x88\xd82\xa8\x0c@\xc4A\x11\xf1\xd1\xc9M\xd2\x8au\xc0\xf2\x0b"\xff\xbc}8\x9b\xfc\x93\xa3\r\x00\x00s\x93\xba\'F\xb4\xe2\x1c\x94\x1b/&amp;\x8c&amp;@y\x80\xda\x00~\x16\xdc\x88\xe8=K&amp;\xa8T\xb5:\x90|\xec$\xce\xf9\xf5\x98\x98@\xdeb\x15\x01\xd2b\x83\xdb\xda\xd7\xc9+\xfe\xec\xdc\xb5\xbd+\xc8\xe6\x87\xacI\xbe\x1a\x15\x9c1?b.\xd9\xb3d\x02"\x8aL\x82D\xa1\xfc\xebtoi\x9b\xf7\xf5\x97\xc8XN\xee\x1fJ\x1c\xc3U\xaf\xbc(\xc0\x9b+{\xb6/\x18\xdb;\xc0Q~i\x05i\xaaSj\xf9\xf8x\xcb\xf2\xd0\xb3\xb5\xdd\x88\xce\xde\x00\x10\xebc\'\xe6BD\xe4\xe4\xeb\xe0%\xd8V\x8f\xf8\x87\xc8\xca\xf6\xde\xc6V\x97\xddq0\xfd\x88\x9fE\r\xd1\x0f!\x8a\xf0ff\x88\x98=u\x18\xfb\xa0iI\xb0\xab\n\x9e\xc6\x9a\xecUH\xb1?\xcdx\xa6\xde6(\ni\xc4\x87\x1b\x07\xf2\xd6Oz&lt;\xeb\xa7\xdaR\xe5\xf1\xfd\xb5\xc3k\xa6#bw\xa9h\xf3\xe5\xe3\x06\xac\x992\xa4 \x1a)=\x00\xd8\x0bjGujb\xd2\x9e\x95\xffy\xc7\xc2\xb1_\xef\x1eUo\xc3(\x94\xc2\x83d.\xe4l\x87J\xc7j\xfdk\xe8\x02\xdc8\xb0J\x89v\xce\x1b\xd9\x83\xf7\xb8\xa6\xd4\x11\xb9\xb2\xa3\x17w,\xe6\x0c\x00\x9fn\x1dR\xb4=r\xe9\x13\xe8$k\x8a*-\x86\xf3\xa7?{sE\xe4\x88\xc8\xb0m~\xaa\xbaR\xaf\x90\x89\x7fo\x7fG\x91Z\rL\xb4\xf3\xca\t\x03\x11\x9f\xb8\x1b\xe65$%&amp;\x00\xf1\xc9\xe15\xd3\x11\x9f!\xe2\xafGJ\xe6/cS\t\x00\xf1%\x91_\xad\x05\x80\xaf\x88\x14\xf6s\xa6@\x8fV\x8d\x84k\x08g\xc5\xa0\xa5\xf7\nA|\xa5z\xab(\x94\xbf\x83U\x05@\xc4\xc4.\\\x1b\x05\x07^_\xc0z\xa5\xe0\xdd\xb5}\xcd\xeb\x96#bj\xd1^\xd6\x05\xd1BY\x1c[\x97\x99#Q\xcbQ\x85\xec)C\x11?\xbc\xbf\xbe\xff\xd1\xa9\xcd\xfff&gt;o\xc4\x1f\xf8\xe2\x82\x98\x92\xc3\xc3\xbcVM\x1c\xf4\xf1\xd6\xc1gg\xb7z\x9b*\xb6\xcb\xf0\xd7\x05m\x12\xc2\xbd\x87\x87y\xba\x1bT \x9b\x00\xab&amp;\rB)\xcc\x05R\xb2\x89\x03?\xdd$U\xc9Z\x08\xb64\xab" 5\xea\x93\xe7\xe0\xfb\x1f\xdbx\xa7Pxp\xa8^$\xd2\xdd\x02\x11\x89\x15EQn\x1d\\\x83\x88\xf7\x8f\xe5 ~B\xc43\x9b\xe7\xa9\xaba\xe2\x13(\xea\xa8\x9c!@\t[pA\xb03+\xfd\xd2\xce%L`\x14\x07o\xd3J\xd5yO\xfccXU\xe0\xee\xd2+\x8dt\xef\xaf\x96O\x87\xbd;\xc5\x7f\xdfg\xe7FF\xf9\xf0\xcex\x1aU\x86\x9f\x8fN\xe2\x8b\xf3\xa9=\x82\x8a\x00,\x18\xd5\x93\x8e\x04\x94\xff0u\x01R\xbb\x07!"\xfe\xb8\xaf\xc4\xe5O\xcf\xe4"\xe2\x94\x01\x9d\x82lj#\xe2\xfa\xe9#\x8e\xad\xcb\xc4w\xd7\xc8YUv\xca\x10\xb1\x81\xcas=\xf1\xf7"L\x1e\xd0I\xae,eA\xb7\x01\x11\xa7\x0f\x8e\xe8\xd9Z1\xeb\x8d\xea\xa8+\xcd\x0e\xf2m\x83\xf3\xd2\xafM\x13\xe1!-\x7f\xcf\xff\nU\x10\xe0\x93Us\xa05O?\x8f\x88\xcb\xd2\xfb\xf3n\x04\x0cj\xef6\xac\x93G\xc3\x8a\xb0n\xfa\xf0\x89};\xe0\x87\x1b\x88H\xbe\xa7\xca\x08\x93R(\x7f\x05\xe6{_\x05 9\xca\x97Xl\x95\xab\xca\xcb$\xcfp\xb04\xad\xdf\xc2\xd1\xbd\x9e\x9e\xdd\xaa\x969\xd1S\x95\xdd\x90\xc4\x935\xa6\xf7\xf4A\xe1*\xba\xe5\xa8\x08\xbb\xab\x9b\x1a\x1fF\x06\x00w\x03nL\\%IJ\xc5\x87\'6\x8a\x0c\x80\x8el\xde@d\x03\x8ed\xcfP\xac\xd1|\xb0;\xd4W\x97v\xdd;\xba\x9e\x11\xb1\xe0`U\x01\x8e\xae\xcd\x00\x00o\xd3J\x89\x11&lt;;\xed\xecw\xa2^?\x82?\xf5\xf2\x05\xd0!"\xbe\xbe$p\xf9\xb6\xf9\xa9s\x12c\x00\xa0\x1a\xc0\xcd\x03\xab\xc9\xc1\x7f\xd1\x15\x97B\xe1\x05\xdf_K\xeb\xf9\xc7\xdd^`9\xec]Oa\xbf\xbb \x9b\xda\r+B\x1d\x80\t}\xdaO\x19\xd0\x89z\xcc\x89a\xc9\xd8\xbe\x88\xb8!3q\xe5\x84\x81%\x00\x0c\x00\xc6\xf6l3e@\'v\x19\xc4\x9f\xac.\xf1\x85\xdc:\xd3z\x06\x8f\xea\xea{x\xcd\xf4!\x1d\xe5\x08\xf0\t\xe0o\xa9\xbdb\xbc|\xc1N\x00\xe8\xd4\xc4d\xeb\xbc\x94M\xb3F2G\xe4\xe6\xc6B\xc4\xf53\x12\xf0\xdb]\xdeQJ\xbd\x96\x1f6O\xce\xe4\n$R\xbewt="\x06\xf1-\x0e\x08u%\x99A\x07\x84\xb8\x847+\x0cQR\n\xa5\x00\x11\xf8\x8d)m\x86\xb9\xb4s\t\xa9\xf6\xf0\x9a\xe9\xe2\x95#\x19\xa4\x95\x88\xd8\xa8K\x9dF\x80\x11\x9d\xbd\xd6L\x19Z\xf0\xf7\xf9CBx\xcb\xa8\x16\x16\x02\x9d\xa6\xac\xde\x10\x11[\xd6\xabL\x92\xd9v\x95(\xdd\xb7\xb1\xd5\xc5\xf7\xd7\xf3\x92&gt;\xfez\xd8PS\xb1\xc6\xc4\xf9; \xe2\xb6\xf9\xa9"\xcb7\xa9U\x92i\x9ex\xfb\xd5\xf6\x05c\xa3\xbd\xac\x97\xa6\xf7\x93ey\x13oP\x92\x0b[\xb0\x81=\xb4HK\x8f\xccM\xea\x8e\x889\x19\t\xb2b\x11\x10\xdf\xaf\x9924\xc4N\x1f\xf1Kx\xa1\xa8RS(\x05HW\x0f+OcM\xb5W\x8b\xf8N\xe9\xb9\xdb\x9e\xa5\x13\xe6$DK\x0f\x02\xf1m\x9bm\x9b?fvB\xb4\x8am\x13\xc6\xa2\x1c\x9c\xdf\xb6h\xe5\x84\x81\xea\xad\xb6]c\xae\xae\xcc\xd1\xb5\x19\xc3:</t>
        </is>
      </c>
      <c r="E660" t="inlineStr">
        <is>
          <t>&lt;class 'numpy.ndarray'&gt;</t>
        </is>
      </c>
    </row>
    <row r="661">
      <c r="A661" s="1" t="n">
        <v>659</v>
      </c>
      <c r="B661" t="inlineStr">
        <is>
          <t>steps_per_sec</t>
        </is>
      </c>
      <c r="C661" t="n">
        <v>9500</v>
      </c>
      <c r="D661" t="inlineStr">
        <is>
          <t>3.3560486</t>
        </is>
      </c>
      <c r="E661" t="inlineStr">
        <is>
          <t>&lt;class 'numpy.ndarray'&gt;</t>
        </is>
      </c>
    </row>
    <row r="662">
      <c r="A662" s="1" t="n">
        <v>660</v>
      </c>
      <c r="B662" t="inlineStr">
        <is>
          <t>Loss/object_center</t>
        </is>
      </c>
      <c r="C662" t="n">
        <v>9500</v>
      </c>
      <c r="D662" t="inlineStr">
        <is>
          <t>0.16449423</t>
        </is>
      </c>
      <c r="E662" t="inlineStr">
        <is>
          <t>&lt;class 'numpy.ndarray'&gt;</t>
        </is>
      </c>
    </row>
    <row r="663">
      <c r="A663" s="1" t="n">
        <v>661</v>
      </c>
      <c r="B663" t="inlineStr">
        <is>
          <t>Loss/box/scale</t>
        </is>
      </c>
      <c r="C663" t="n">
        <v>9500</v>
      </c>
      <c r="D663" t="inlineStr">
        <is>
          <t>0.06585963</t>
        </is>
      </c>
      <c r="E663" t="inlineStr">
        <is>
          <t>&lt;class 'numpy.ndarray'&gt;</t>
        </is>
      </c>
    </row>
    <row r="664">
      <c r="A664" s="1" t="n">
        <v>662</v>
      </c>
      <c r="B664" t="inlineStr">
        <is>
          <t>Loss/box/offset</t>
        </is>
      </c>
      <c r="C664" t="n">
        <v>9500</v>
      </c>
      <c r="D664" t="inlineStr">
        <is>
          <t>0.17641826</t>
        </is>
      </c>
      <c r="E664" t="inlineStr">
        <is>
          <t>&lt;class 'numpy.ndarray'&gt;</t>
        </is>
      </c>
    </row>
    <row r="665">
      <c r="A665" s="1" t="n">
        <v>663</v>
      </c>
      <c r="B665" t="inlineStr">
        <is>
          <t>Loss/total_loss</t>
        </is>
      </c>
      <c r="C665" t="n">
        <v>9500</v>
      </c>
      <c r="D665" t="inlineStr">
        <is>
          <t>0.40677214</t>
        </is>
      </c>
      <c r="E665" t="inlineStr">
        <is>
          <t>&lt;class 'numpy.ndarray'&gt;</t>
        </is>
      </c>
    </row>
    <row r="666">
      <c r="A666" s="1" t="n">
        <v>664</v>
      </c>
      <c r="B666" t="inlineStr">
        <is>
          <t>learning_rate</t>
        </is>
      </c>
      <c r="C666" t="n">
        <v>9500</v>
      </c>
      <c r="D666" t="inlineStr">
        <is>
          <t>0.001</t>
        </is>
      </c>
      <c r="E666" t="inlineStr">
        <is>
          <t>&lt;class 'numpy.ndarray'&gt;</t>
        </is>
      </c>
    </row>
    <row r="667">
      <c r="A667" s="1" t="n">
        <v>665</v>
      </c>
      <c r="B667" t="inlineStr">
        <is>
          <t>train_input_images</t>
        </is>
      </c>
      <c r="C667" t="n">
        <v>9500</v>
      </c>
      <c r="D667" t="inlineStr">
        <is>
          <t>[b'512' b'512'
 b'\x89PNG\r\n\x1a\n\x00\x00\x00\rIHDR\x00\x00\x02\x00\x00\x00\x02\x00\x08\x02\x00\x00\x00{\x1aC\xad\x00\x00 \x00IDATx\x9c\xed\xddy\xfcL\xd5\xff\xc0\xf1\xf3A\x8bd\r\x1fKv"|\xc8\x16\x92%[\xf6\xb5\x8dRB\xa2R\x88\x84,\tiQD\x92\xb4I\xa5}#R\xd1\xa2\xfa&amp;i\xdfh\xfb\x16\xed\xab\xfaU\xdf\xb6\xf7\xef\x8fa\xccg\x96;w9\xf7\x9e;3\xaf\xe7\x1f\x1e\xf3\xb9s\xee9\xef\xb9c\xce\xb9\xf7\xdcs\xcfQ\n\x00\x00\x00\x00\x00\x00\x00\x00\x00\x00\x00\x00\x00\x00\x00\x00\x00\x00\x00\x00\x00\x00\x00\x00\x00\x00\x00\x00\x00\x00\x00\x00\x00\x00\x00\x00\x00\x00\x00\x00\x00\x00\x00\x00\x00\x00\x00\x00\x00\x00\x00\x00\x00\x00\x00\x00\x00\x00\x00\x00\x00\x00\x00\x00\x00\x00\x00\x00\x00\x00\x00\x00\x00\x00\x00\x00\x00\x00\xf0J\xf6q\xb9\xfb\x9e\x1dz\xe3q\xa4iI5\xe5\x94\xce"\xb2b\xe6\xd9+g\x8d\xe9^\xaf\xf4IG\xd74\x18\x0f\x00\x84E9{\xc9\xbc4\x00\xf3\xc7\x0cr\xb7\xa3F%\x94\x12\x91\xfeM+\x9b\x0e\x04\x00\x00\x00\x00\x00\x00\x00\x00\xad\\w\xdfg\x9c\xf3\xfb\xb7i]\xd1t\x10\x00\x10\x1ev\x1a\x80H\x9a\xa6%\xfd\x8f\xc6O"\xf2\xde\xa6\xbb\xba\xd5-m:\x10\x00\xf0\x99\xc6\xeaZ\xbe\x7fG_f\x00\x80\xec\xd26\xbfH\x93CM\x07\x01\x00\xb0\xe3\xd4v\xf5l\xde\x00\x10\x91N5\x8a{)\xeb\xab\xd77x\xd9\x1d\x00\xa0\xf3\x9e\xed\r\xd3F\xda\xcc\xed\xb9\xbb\x17\xe9*\x14\x00\x80\xa0ii;g\x9c\xd1\xd3{&amp;\xb1j(5\xe0\xa8*z\xf3\x04\x00\x84T\xee\x0c\xbd\x05,\x141\x1d\x00\xe0\xbb\xbay\xa6#\x00\x00\x84\xc4\xc8\xaeML\x87\x00 \xd3\\rz\x0f\xd3!\x00\x00\x00\x00\x00\x92:\xd0t\x00\x00\x90\xd3B&gt;\xe4FD.\x18p\x8c\xe9(\x00\x03\x18\x05\x94=l.\x1f\x16\xbc\xbc&lt;\x9d\xa3p\xb4\x8c\xd9/Q\xf8\xcf_\xf6\xec\xf1\x9e\'\x80l@\xbf\x81R\xaa\xbcR\xdb\xd7\xde\x9c6\x99\x88\x04\xbc\x90c\xe4z\xa2\xbc\xd6\x0c\xe5\x7f\x9f\xea\xcb\x0f\x80&amp;\xefm\xba\xcbt\x08\xb0r\xb0\xe9\x00\x00 \xc3\x84\xaa[&lt;T\xc1\x00@\x96\x9b?f\xa0\xe9\x10\xb0\x17\xed\x1f`%\xf2\x0b\xa9e:\x8c\xa8\xe0\'\xee\x1a\xd1\xa5 \xf02\x01 \x04Ddx\xa7\x86\xdd\xeb\x951\x1d\x08\x00\x00\x81\xebX\xcd\xc7\xfb\x9d\xf4B\xb80\xa6g\x0b;\xc98\xb6\x00`W\xbb\xca\xc5D\xbev\xb4\xcbq5\x0e\xf1)\x18\x0b6k\xf6/\xb6?\xeew$\x00\x90\xa9\x8e(\xe65\x07\xce\xb2\x01 ;\x89\xfcc:\x04\x00\x00\x00\x00Y 2\'\x0f=H\x00\xa0\xc1\xda\x1b/5\x1d\x82cC\x8f\xa9k:\x04\x00@\xe08\xfd\x07\x00g\xda\xe6\xbb\x9fc\xb9\xa1\x8eG\x1a\xfa7\rx\x1aP\x00\x80V}\x0b\xf2M\x87\x90\xdc\xc7/&lt;`:\x04\x00\x00\x00\x98Egq\xbf&amp;\x95L\x87\xa0\x13_(\x90U\xfa6\xae\xe8k\xfe\xb7\xcd\x1d\xe7k\xfez59Ts\x86""_\xbf\xae9SWax\xcc\xa1\xa0\xc4\xde|Nn\x1d\x9eIf\x01x\xd3\xb9V\x89\xf4\x89r\x86\xc8\x8fJGuy^\xdf\xd6\xfb2\xcc\x9eSf\xba\xf8\x018F\x1bc\x9c\x96vH\x84u\xd8\x01\xf8/\x9bN\x9c\xc3\xc0\xd1\xf1\xe4\xe0\x03\xc8!\xd3N\xeb\x1e}\x9d\xb4\xfa\xf3&lt;\xf9f\xc6\xa0\xf6\x07\x90\xbb\x92\xd6\x80I7\xeex\xf6\x1e\xff\xc3\xd9\xeb\xf95\x8bm\xa6\xa4\x06\x07\x00\xbf\x88\xc8\xb9}\x8e\x1e\xd9\xb5\x89\xbb\xddo\x99s\xae\xdex|U\xdct\x00\x00\xc2n\\\xbf\xd6\xa6C\x08H\xbf&amp;\x95DD~\xfe\xc0\xdd\xee\x05%\xf6\x9e\xa1\xcb7oh\x8d\xcbG\xa3\xdc6u\x00\xa0YI\x1d\x99\xfc\xfc\xc1\xb3:\xb2q\xc3]\x17\xcd\x89\xadjh\x8f\x04\x00\xa0&amp;\x0en\x9f\xb8\xf1\xc1%\x97h/\xe8\xee\xab&amp;%\xddN\xc7=\x00\x04\xe4\xe6K\xcf\x89\xfd\xd3x\xfd;eHg\xb3\x01\x00@\xaex\xed\xf1[L\x87\x00\x00\x00\x00\x04L\xe4\x07\xd7\xfbN&gt;\xa9\x93\xbe@\x00\x00\x80RJ\xa96\xf9y\x15\noY9{l\xd2\x1b\x15\xefm\xba+\x98\x90\xdc\xc9\xaa\xb9\xb0\x01h\'\xf2\xc5\xfc1\x03\xcd\x95\xfew\xb4bm\xaa{.h\xd7\xaa(\xf5\xd7\xaeW\xe26\xea\xaa\xebo\x9a5FK&gt;\x00\x90\xd9\xf2\xf6\r\x012&gt;\x10(.\x00\x111\x1e\x12\x00\xe4\x04G\xb5\xed\x81\xbaK\xaf\x1d\x82\x16(\xcc\xba\xd4\x0e\xcd\xd5\x19\x00h\xb7g\xc7s\xa6C\x08/ZG \xd4\xf8\x89Z\x90?\xff[\xe8O\x8e\x15\x00\xe4\xa6\xd3;4\xf0\x98C\xee\xacO\x00\x00PJ)\x11\xd9\xb5m\xad\xe9(\x00\x00\x00\x00\x00@(\x88H\xc1!\xa6\x83\x80n\x7f\xef~\xd5t\x08\x00\x00C\x8e\xd4\xf7\x00\x02#\x91\x00d\x15-\x8b\x85\xe9E=\x0b\x009JDJ\x98\x8e\x01\x00\x00\x00\xc8=\xd7O\x1d\x11\xfb\'=3!tzG\xaf\xcf\xc7\x01@\x12q5\xfe\xc9\xadk\x99\x8a\x04\x00\x10(N\xf9\xb3\xc9\x90\xb6u\x16\x8e\x1fb:\n {\xc9W\xaf\x8b\xc8\xa37\xcc6\x1d\x08\x00 X"\xd2\xaf\x89\xb1\x15\xfd\x8a\x98*\x18\xaep\x81\x05\x00\x19L{%^J\xa9\xaazs\x04`\x8ds1#\xdaU)\x96o:\x06\x8f\xb4\xff\xcf\xe9P\xed`\xbd\x19\x02H\xa3^&amp;\xf7\x9e\xd8\xac\x83\x82l\xe4\xce\xef\xdf\xd6\x8fl\x97\x15\x1e\x96\n\x00z\xf4-0s2Z\xceH\xa9\x00\x00\xe3\xe8}\n?\xbe#\x00{\x1d\xaa5\xb7\xe9\xc3\xba\xc7\xfe\xd9\xb9V\x89L\xee\x8e2\xa3[\xbd\xd2\xbe\xe6\xaf\xf7\x1b\xf7\xae]\xe5\xa2\xb4I\x00\x00\x00\xf0\xd3\xf2\xe9\xa3L\x87\x10\xa8\xc7o\x9a\xab7\xc3G\xae\x9fYFo\x8e\x0e\x8d\xecR`\xb4| cm\xb8e\xbe\x9dd\xebW\xceSJ\xbd\xbf\xe9.\x9f\xc3\xf1\xcb\x85\'v\x88\xbe.\xa2\xd4ms\xc7\x19\x0c\xc6,\xed\x1d,\xc6{l~|o\xb3\xd9\x00\x80L%"v~\xc0"2\xb0Y\xfcC&lt;"r\xcd\x84\xa1\xfe\xc4\xa5\xd9\xb5\x13O3\x1d\x82~Zj^\xee\xca\x00\xb9K\xe4_\x8f\xf5\xc8\xea\x05\x13t\x05\xe3\x87#\x8a)\xa5T)\xa5\xfe\xfa\xfc\x15\xd3\xb1\xa4\x11\xf0\xa9\xf4\xfb\x9b\xef\x0e\xb28\x00\xa1sP\x08.\xe1}\xd5\xa7qE\xa5\x94\x88d\xe8C\xa8\x878L\x7f\xf1\xd0\xae\xbe\xc4\xa1\x94R\xaa\x98\x7fY\x030"\x84\x0b\xe7f\x8a\x8a\xfe7\x9f\xd9\xdd&lt;{\x11\xbb\x80CI\x0e\x14\x80\xe0\x8d\xe8\xdc\xd8\xe2]\xf9\xe9\xfd\xc0"\xc9)-\xcb)\x91\x9f\xa3\x7f&gt;\xb7f\x11\r\x00`\xc6\xce\xe7\xee5\x1dB\x18m_w\xb3u\x02\xea,\xd7\xe6\x9e=@DNiS;\xf2\xa7\xcd\xb1\x0c\x00\x920\xfb\xe3\x11\x91&amp;a{ U\x87\xb9g\x0f\xf0\x9e\xc91\x95\x8bF_\x17Q\xea\x81\xeb\xa6y\xcf3\x0bL\x1c\xdc&gt;\xf6?\xed\xaf\x1fn\xf9h\xcb\xfd\x06\xe3\x01\x00\xfd\\\xb4\xcd92\xb2\x93S~ K\x947\x1d@h\xdd\xbf8\xc3N\xf9\xfd\x9d\xba\x08\x00\x00\x00\x01\xe9\xd9\xa0\\\x98\xaf\xb8\x87\x1f\xd7\xc8\xdd\x8e\r\x0eP[\x1f^\xae7\x18\xed\xc2|\xe4\x93b`1\x90m2\xae\x1a\x82k\xa9\xbe\xeb\xff\xfbh\x8b\x88X\x8fm\x1d\xd6\xbe&gt;\xffU\x00\xc0\x01\x83\x95\xe6\xf4a\xc7;Z\x902\xed3\xd54\x00@V)\xc3\xafZ\x871=\x9b\x07_h\xda/n\xed\x8dsD\xfe1\x1b\x03\x80P\xf3\xfe\xac\xcdk\xebnq]\xb4\x97rsS\x87j\x07u\xaeYB\xd9;zw^11n\x8b\xd9c\xde\xb1Z\x86N\xdd\x04d\x02\x91?]\xed\xe5\xa9Rx\xfd\xf1[\xdd\xedX\xd3K\xa99\xac\x98Ry\xba\xab\xf2\xaf_\xdf\x10@\xdb \xf2?\xbf\x8b\x00\xa0\xdf\xd1\x15LG\x80}"\xcf\x10\xcf\x1b30\xe9\xbb\xa3\xba5u\x91\xa7\xc8_J\xa9A\xcd\x0fw\x1f\x96\xadR\xa4M\xc5&lt;_\x8b\x00\xa0_9C\xbd\x07t\x13yQ\xd6vJ\xd9\xc7\xc7h\xd2}\x9b\xccJ\r\x00I\x04P5\x8b\x88\xc8\x17\xeev\xbf\xec\xac\xfe\x1e\x03X8~\xc8\x85\'v\xa8\xe11\x17\x00\x01\xe3$=;\xfc\xb2\xf3y\xd7\xfb:\xfd?P\xd3uI\x00B%&lt;\r\x00}\x08\x00\x00\xbf\x8c\x1f\xd8\xee\xed\x8d\xabLG\x01\x00\x08P\t\xdd\x19N\x19\xd2Yw\x96i\x88H\xff\xa6\x95\x03.\x14\x80~\xd5\x95Z9{\xac\xe9(rHq\xa5*j\xcd0\xf8\xae\xb3\x1d\xcf\xde\xa3q\xa8\x0f\xcbu\x01\x19\x83\xdfjR\xf6\x97,{++z~f\x0e\xef\xa5\x94z\xf2\xf6+\xbcg\xd5\xc3\xf6T\xb2"\xf2\xd6\x13\xb7G^\xf7+\xc8\xf7^4\x00g\xdc5\x00ko\xbcT{$\x81\xc9\x8e6/\xfc\x9f\xa2\x7f\x93J\xd6\t\xb8V\x00\x0c\xfb\xf0\xf9\xfbR\xbdUT\xa9\xff\xfd\xf7\xe5\xc4\xed\xf2\xed\x9b\x89\xbf\xdb4\xbf\xf5\xacp@\xb0\xc5YT\x8e\x19Qu~\xf1\xea\xba\x0bO\xe8`\x9d&amp;\xfc\x9f\x02\xc8Q"\xd2\xa5v\xf2\xd5&gt;\x92\xfen\xeb\xf20?\x1c:\xcct\x00\x00\xb2A\x13\xfb\xdd\xf6\xfe{\xf6\xeek\x95\xf3\xd3\xdb\xe0\xc7\xff\x00\x00B\xe1\xa9UW\x9a\x0e\x01\x00\xb2B\x98\xfb\x97#\x9d\xf8\x1f\xbd\xf0\x80\xc7|\xce\xeds\xb4R\xea\xeb7\x9e\xd0\x11Tz\xee\x0ei\x98\xbf\x08 \xcbe\xc4\rC]\x82\xff\xa4\xd7L85\xe0\x12\x13\xb5?\xfc@\xd3!\x00\x08%?\x1a\x80\xdd\xaf\xae\xd3\x9ba\xe6\xca\x9d\xc6\x15@\xe6iVZ\x89\xc8\xc2\xf1CL\x07\x92\x85\x8e.\x9f\xf2\xad6\xf9\x0c\x8a\xf2\xea\xd8\xaa\x07\xbc\xb9\xe16\xd3Q\x00\x99\xafoc\x9e\xb44\x89\x0b\x05wz\xd4/\x1b9t\x9bW/\x8cliT\\-8\xf7\x04\xa3A\x01@\x0e\x1b\xd1\xb9q`\xf7\x96bK\xa1\x1d\x05\x104\xbfg\xaaqZ\xaf\xa5M\x7f\xf5\x05\xa7\xc4miV\xdaYH\x00\xb2\x9c\xdf\x8b}\xe7\xb2\n\xa6\x03\x88\x8a\xb4\x16\x9c;\x03\xb0\xe5\xc5\xfb\x97\x9a\x0e\x01\xee=\xb2lf\xdc\x96\x87\x96\xce\xa0\x01\x00`\xcb\xd3w\\e:\x84p\x99=\xa2\x8f\xe9\x10\x00\x00\xc1\x1a}|\xb3\x80KlY\xcen\xca\xef\xde~\xea\xb2\xb3\xfa\xf9\x19\x0b\x80\\\xf2\xf2C7\x98\x0e!;UO\x97\xc0\xbf\xaa\xfc\xa9\xdbC4\xc5Pq\xd3\x01\x00@\xb6\xa1\x8b\x1f\x00`\xc0\xfb\x9b\xef\xa6\x05\x02\xe0\xa39\xa3\xfa2\x98=\xa9\xc83YI\x8fM\xd5}/\x98S\x01\x80\xefNmW\xcf\xa7\x9cED\xe4\x07\x9f2\xd7.\xc8IX_\xbc\x7fi\xda\xb2\x8e\xad\x9adE\xcbH\x8f\xbc\xa9\x93\xf7??\xdfj\xa4\\\x00~\xf9b\xbb_\x13\x85\xb6\xc9\xcfk\xeap\xd9\xafq\xfd\xda|\xf5\xfaz\x7f\xc2Io\xee\xd9\x03\x8c\x15=\xba\xbf\xc5\xbb"\xff\xa8\x10\xdc60\x1e\x00\x80\xec\x17\xdbjl}xy`\xe5v\xafW&amp;\xb0\xb2\xe2\xb8^\x1f`\xe3\xad\x97\xeb\x8c\xc3\x83\xe3j\x1eb:\x04\x00PJ)\xd5\xa2l@\x05M;\xb5\xdb#\xcbfn\xb9\xf7:/\x99Tq\xb5\xd7\xaemk\xa3g\xe5w]y\xa1\xc63\xf4$\xddO\x00\xfc\xf6\xe9K\x0f\x19,=\x07\xaf\xf1;\xd5H3\xd2\xbd\xac\xe5a\x89\xde98H)\xf9\xeem]Q}\xb9\xfd\xf1\xaf^\xdf\x10\xb7\xb1s\xad\x12q[\xdaTd\r\x03\x00)\x94t\x98\xfe\x97\x9d\xcf\x8b|\xe7K(9\xa0\x89\xc3\x1b\x1eN\xc5\xb6C\xbf~\xb4\xc5KV\x95&lt;\x07\x03\xc0\x80!\xc7\xd4\x8d\xdb\xb2p\xfc\x90\xe8\xe2\x1b\xf6\x95Uj\xe2\xe0\xf6\x9a\x822\xa3j\x86\\\xb2\xd4\x8f\xe9O\xf1\xde1\x95\x11\x1f\x19\x80\x03\xf6\x7f\xd5"r\xe3\x8c\xd1\xdeK\xac\xe9\xa1*)\xa7\xd4k\x8f\xdf\xe2=\x06G\xe2\xa2\x8d,\x9c\xe9Smx\xebe\xe7\xe9\xca\xaaiI\xbb\xc7y\xfa\xb0\xee]\xeb\x94TnO\xcf{4(\'"\x15]\xed\x0b 3\xac_9\xcft\x08!\xf2\xc7\xa7\xff1\x1dBzv\x06\xc7\x04\xf3\x14\xc2\xc3Kg\xf8]\x04\x00\xbf\x04\xf9\xb0\x92\x85\xe0\xef&lt;\x8a\xc8S\xabB4E\x9aM""\x7f|R\xbf\x98\xe3\x1d\xfd\x18\xdcY\x8b\xee# \xd3e\xebo\xd8\xfas\x85\xa4\xe5\x0b\x8c\x88\xf8\xb1\xf6\xdb\x1d\x97\x8f\xf7!W\x00\xf0\xc6z\x1e\xff\x1cl\x00j\xa5Ksb\xcb\xb4SV\x03\x80o&lt;V\xca\xf5\x8a\xe8\n$ gu?\xcat\x08\x00r^\x18\xd6\x86\xf7~V\xbe\xe4\xa2\xe1J\xa9\xb7\x9f\xbcC)\xd5\xb1\xfa\xc1Z\xa2\n\'\xff._\xe2V\x04zn\xcd"\x9f\n\x02\x80\xfd\nJ(\x11\xa9\xe19\x9fjJ)\xa5\xfe\xfd\xf25\xd79\x1c\x10\xfa[#q\xfd9G\x95\xda\xff\xba\x81\xebi\x80\x94R\x91a\xc1\x97\x9c%"\'\xb7N\xdbi\x04\x00\xfa\x8c\xed\xd52R\xf3\xfe\xe7\xc1e\xa6c\xc9E\x91\x8b0\xdbk\x12\xbb.\xe5\xcbvU\x92\x8cd\xaaWT\xbd\xfc\xd0\xf2\xfeMx\xac\x18\xf0\x9f\x88\xac[1\xc7t\x14\xce\x88\xc8[\x1bW\x99\x8eb/\xbf\xfb\x98v\xbf\xbaN)u\x9b\xbe\x87\xc8\xd2Z&gt;}T\xc8/}\x00  "\xf2\xd7\xaeW\x92\xbe\xe5e\x04d\x1b\x1b\xcf\xd7n{t\xc5\xe5\xe7\x0cV\x81wF\xf9=\x01\x11\x80\\\xb1\xf1\xb6\x05Z\xf29\xab[S-\xf9X\xbb`\xc01\x87\x15\xderj\xbbz\x8d\xd2L\xee\xb9\x9f\xed\x84\xce\x04\xd9\x00\xdcz\xd9\xb9\\\x01\x00\xc8~\xc5\x94\xba\xef\xda\x8b\xad\xd3\x0c\xeb\xd0\xc0\xd7\x18\x1c\x8d[\x8d\x9f\xbb\xd9\t\x83k\x93\xb9\x90i\xa3y\x01d\xa0\xc5\x93\x86\x05\\\xa2\xa3I\xfa\xae\x990T)\x15\xf9\xd7\xb5i\xa7u\xf3rR\xdf\xd4\xe9\x0c\xe0\xc9\x94V\xea\xdb\xb7\x9e\xb4\x998\xd7\x9e\xd1\x03\x90=z7,o\xf1n\x03\xdb+c\xc5\xd5\x83}\x1b\xe7{\x89\n\x00|\xb4i\xf5\xd5\xb1\x7f\x8a\xfc\x11X\xd1\x91\x91\xef=\xea\x97\r\xec\xcc\xf1\xd7\x0f\xb7\xe8\xba\xbd\x91\x8a\x9d\x13\xe1P\x9d)O:\xb1c\xa8\xe2\x01\xe0\x971=[&lt;|\xfdL\x8b\x04z\xeb\x82\x9a\x1a\xf3\xd2\xc1\xef\x9a\xae~1%"7\xcd\x1a\xe3k)\xda\xb5L\xf1\x04\xc1\xf2\xe9\xa3\xacw\xa4\xdb\x07\xc80c{\xb5\x08\xac\xac\xaaJ)\xa3\'\xbc\x01\x17-\xf2\xb7\xa6|\x82\xabX\xe5\xeb7\\\xee\xb8\x8f\xdex\x00\x04\xe4\xfbw\x9e\x0e\xa0\x94S\xdb\xd5\x8b\xbe\x9e9\xbcW\x00%FY/\x99\xdb\xd8r\x89\x16\x11\xa9\x93g\xb7\ti\xe2e\xacO\xb2\xa2\xb7\xaf]\xa93\xc7}\xd9\xa6MSN\xa9f\xa5\xb5\x97\xbc\xd7\x82sN\xb8\x7f\xf1T\xbfr\x07`!\x0c\'k"\xb2l\xda\xc8ti\xfe\x0c&amp;\x18k\xd7O\x1dQ\xd7v\x03\xa0\x97Og\xd6\xdd\xeb\x95I\x9b\xa6qqm\x1fy\xcd\xd5\x93\xe3\xb6L9\xa5\xf3u\x93O\xd7\x929\x00g\x8c,\x03\x12W\x97\xa5\xad\\\x96N\x19\x1e\x86\x86J)5a\xd0\xb1\xff~\xb9\xddT\xe9"r\xed\xc4\xd3\xc20\xdbk\xa2|\xa5R\x8d2\r\xe6\xd1? ;\xf9v\xf1m\x92\xa3\x06 1\x8d\xa9\xf6\xe0 o\xbb{\x0f\xbb\x92\x93LZY\x8db5#$\r9\x90\xd3l\x0fa\x87f\x0b\xc7\x0f\xe9[\x10\xd0s\x00"r\xd9\xe8\xfe\xc1\x94\x05 c\xdc&lt;{l0\xe7b6\xa6J\x0b5\x11\x19\xd9\xb5@~\xff\xd8t \x85\x88\xfc\x9c\xb8\xf1\xf4ds]\x14I8\xe9~\xf5\xb1\x9bb\xf21v&gt;~\xe7\x15\x13M\x15\rd\x9b\x1f\xde\xdd\xe4(\xbd\x7fc\xf5*\x14\xfe\xb3\x8e\x1fe$p\xf7Y\xec,\xe2\xf8\xfb\xa7/UQJD\xfc\x1b\x06\xa3K\xaa.x\x8b\x83\x13y\xeb\xc3\xe7\xef\xf3\'"\x00a\x95M\xbd\xb1\x91\xf1\x96\xf6\'\xfb4\xee\xe1\xebg\x9e\xd8\xca\xfb\x82i\x85TI\xb6\xd1\xba\xa5\xcf\xa6\xff\x03\x00\xb2\x8d\xa9\x01\x97\xbe\xe6\xff\xe5k\xeb\x03{Z*w\x1e\xb8\x03r\x88\x88t\xad\xa3cvG\x98\x10\xd82\xf7\x17\x9e\xd0\xc1TE\xfc\xf6\x93w\x18)\x17\x80c\x9c\xaf\xe95\xaak\x13\x8bwm\x1e\xedc*\x17\xf5\x18\x06\x133\x00PJ\xa9o\xdex\xc2\xa7\x9c{6\xf0{\xed\xf1\xcc#"vn2[\xf8\xe9\x83g\x92NKQ\\)\x91\xdfmf\xf2\xc2}K\x96^|\xa6\x970\xb4\xabl:\x00 \x17\x15W\xea\x91eV\xb3~:2\xfa\xf8f\xba\xb2r\xa4Z\xb0\xc5y=\x03\xf7\x81\xa3\x93z\xae\x00\x00\xc4;\xab\xbb\xd7\xa7\xf3\x83\x993.Q\xaa\x1a\xcduM\xf7\x7f\x1f\xbfP\xbf\x98\xe7\xb0\x82R\xca\xdb\x8c\x9b4\x06@\x96\xc8\xcd\x1f\xb3\x88\x88\xfc\x90t{\xf0\xc1\xb8\x96\xe7a\xdfc\xab\x1c\x10\xd7\x00\x94\xb5\xbdof\x1d%\x00\xfb\x89\xec\xd15\xf2\'l#\xe6c\xcfj\xf3\x94Z\x9c0=d\xb4\xe6\xbar\xdcI\x16\x99\xf8\x17a\xa8\x0c\xef\xd4P\xe4\xa7\xc8\xeb\x16e\x95\xdfw`D\xbet\x98\xde\xea\x02\xa5|.}S\x806A\xf6\xe7\xd6Vj\xdd\x8a9\x83\x9aU\rf0\x9f\xc4PJ\x89|\xed.\x13\xbdQ\x9d\xd7\xaf\xb5\xde\x0csP\xa5\x84\xb3\x8d\xd2J\xd5g.*\xc0\xa6h\xbd\xd6\xadn\xe9A\xcd\xb5M\x06&lt;\xa0ie\xf9\xeem\xebrE$z\xa6\xe9\xab\x07\x97L\x0f\xa0\x14\x04/\xf2\x7f\xe8\xdek\xa7\xc4m4\x15\x0f\x00\xbb\xac\x7f\xa8\xe7\xf5\xd5\x7f\x82,"^:\xb9\xc2V\xb3\xec\xd9\xf1\x9c\xd9\x00\x8e*\xa5\x94Rom\\e6\x0c\x00:\x05\xf3\x18p\xaa\xf16\xfe\xe5\xefe\x88\x8bRj\xf6\x88\xde\xcb/9\xcbs\\\xee\xc9/;\n\xfd\x19x\x83\x94\xa7\xd4\x84\xc1\xc7\xa6z\xf7\x9c\xde\xad\x82\x0c\x06\x80\x06\x9f\xbc\xf8\xa0\xa9\x01\xdd\xbe\x16z\xe3\x8c\xd1IK\x14\x91\x0e\xd5\x0e\xd2Xz$\x9f\xa3+\xa4M\x08\x00\xe1#"w_5\xc9*\xc1\xbes\xcfzE\xac\xf2q\xda\x1b\x10|\xab\x13i\x00N;\xf6\x08\xed9w\xa9]\xd2\xba\r\xd0\xba\x8a{\x16\xba\xea\xfc\x93M\x87\x00\xc0\x92\xf6*{\xc3\xcd\xf3\xf5f\x98\x96\xeb\x8f\x10\xb6{\x00Y\x86\xc3\x0bhdy\xae\x1eC\xe4{\xfb\x93\xdd\xe7\xe5yy\xcc(\x89]\x9f}\xa67\xc3\xb4"\x1fA\xe4\x9fH\x8d\xe3q%^\x17\xb4\xd7tv\xbfi\xdf\x9c\xddC\xc3\xd4\x1d\xda\xffk\x01H/\xf1\x06@\xe6L^\xa0\x94\xdb\xfat\xcb=\xd7\x99:\xe5\x14\x91\x8d\xb7.0R\xb4\x7fn\x986\xf2\xdek\xa7\xc8\xd7o\xb8\xdb]\xfe\xf8\x94+\x00\xc0\x8c\x8c\x9b\xd5KD\x1a\'\x9d\xcd\xd2a&amp;:b1i\xd6\x99\xbd\x02(e\xc6\x19=\x02(\xa55w\xd1\x01SD\xfe\xb4\xa8\x10\xdbTT\x07*U*\xc8\x80,ii\xb1\x9c\xe6\x10[hH\x1a\x0f\xd7\xb3\x1f\x1f\xe8$\xf1\x83K.I\xdch\xf6\x08\x84\xe4\xf8\x03\x99\xed`{\xb3}\xc9\x9e\x1d\xaf\xaf\xbf5\x98_\x9d\x9d\xf9!V_1!\xccU@\x86NF\x10w\xa6/"\xf9\xfb^\xd8\xcf\xc4\xcb\xf7\x12\xe6\xef\x14\xc8B\xbd\x1b\x96\xb7\x9f8r\n\xdc\xd0\xe7\x05\x07\xab\xfb\x9b\xbd_\xba\xd6)i\xbc\xfe\xf2\xb8\x12\xfc/;\x9f\x8f\xfd3\xfaq\xe2f\xb4\x16\x11\xe3\xeb\xae\xfc\xbdk[\xec\x9f\xc6\x8f&lt;\x00\xa5\x94J\xda:L;\xad[\x901T\xf2\xb6{\xf5t\x15\xca\x83\xd7%\x9f\\H\xe4\x0b\x17\xc5\xe9\xad\xbc\xfe\xda\xf5\x8a\xeb}o\x99sN\xda4\x99r\xbbh\xf5\x82\t\xa6C\x00\xb2W\xd2[v"\xdf\xdb\xac\x1d,\x92\x05\xd9\xb9?a\xd0\xb1\xab\xaf\xd8[S\x8c\xea\xda\xa4\xb4\x89\nND\xe6\x8d\x19X\xc6\x87\x9cW\xcc&lt;;q\xa3\xf7\x9aQ\xe4\x9f=;5OC$\xff\xec\xd2\x9ca&amp;\xb4R@(\\&gt;v\x90\xd3]b\x7f`\x83\x0bO#Z\xc5[0\x1e\x7f\xba\x8eV#\xf8\xf3\xb3\xad\xb1\xf7u\xdbT\xcc\xdb\xbcza\xab\xc3\xec\xee."\xf6W\xaf&lt;D\xdf\xf4G\x05\xf6\x9e*\xb6\xfd9\x1cKz[8"nn\xce\xa4\x9e\xbfgq\xd2\xed\xee\xbez\xeaz\xc0\x93\xac\xfc\t\xc9\xaf;\xd3\xa7\xf1v\xbe\xefh\xf7\x93[\xd7z\xe6\xcek\\\x97\x15\xab{\xbd2Z\xf2q\xea\x9a\tC\x17]x\x9aE\x82\xc8\x01\xb9c\xc1x\xeb|\xb4M;\xae\x94Rj\xe5\xac1\x9dj\xeco\xf7\xc7\x0f&lt;Fk\xf6\x00,\xf5iT\xd1\xd7\xfcE~q\xb1\xd7\x19\x9d\x1aj\x8f$\xd1\xc3\xd7\xcf\xb0N\xe0\xbdq-\x17\x9a\x16\xdaf\x83\xe7e\xb2\x8d/_{\xdc\xdd\xbeQ\x8f\xdf4\xd7c\x0e@\x8e\x92\xdf&gt;r\xb3\x97\xed~\x7fwk\xce\x04Y\xfd\x05\xd3l\x84\xdf\xcb\x0f/\x9f0(~\xe6\xe7:\t\xc9,\xfa\xa2.\x1d\xd5\xd7i\xa1"R\xcd\xe9&gt;1\x9a\x061\x8b9\x00\xff\xfd\xf8\xde\xe6\xd8?\xbf\xd8\xee\xf5\xc40\xe2\xa6\x99g+\xa5\xfa7\xad\xac\x94:\xba|\x10M\xcb\xd5\x17\x9c\xe2w\x11\xc1\xf0\xfb\xf6\xb8\xbb\xfc3eT\x12\x90aD\xe4\xad\'\x8c-\xf6\x147\x1f\x91\xec\xf9@K\xb6\xcf\xdeum\xf4\xf5\xe5\xe7\x0c\x16\xf9JK\xb6!\xe4\xf1\x99\x00\xa5\xd4\x90\xb6\x85\xce\xf8ED\xe4\x9fT\x89\xb5\x8c\xdd\xb2{)\xf9\xc7\'iS~\xfa\xd2Cg\xf7h\xee1$ w\xc9&gt;]j\x1f\x1ap\xd1\x89\xb3\xd1y\x9e\xf8\'c\xd8\xa9\x07\xbd\xd4\xb6\xbf~\xb8%~\xcbG\xf1[RE\x95\xb4\xdc6\x15\xf3t\x9d\x83?w\xf7";\xc9\xec\xfcg\x10\xf9\xdd[,@n\xb3\xf8\xcd\x1b\x11\xaa`\x92J5:S\xe4[\xfb\x99\xf8\xdd\x00\xd8t\xe1\x89\x1db{\xe4E\xa4Y\xe9\x94\xe5\xa6\x1d\xde\xea%\xe0j)V\xf7\x8c\xben^F\xad\x9a\x7f\x81\xeb\xfc\x01\xd8u\xf3\xa5\xf1\x0f\x8b\x06V)\x87\xbf\x01\xb0\x0e\xcf\xe6e\x94\x8b\x8f\xe9\xd3a\x89{\x8c\xe0\x9a\tC;\xd7:T)\xf5\xd0\x92KNh\xb9w\xc2\x8e\x06\x07*\xf9\xeb3\x11\t~Y\x85\xa8u+\xe6\xc4\x1e\x01/\xb7\x91\x018f\xb1Px,\x8f\xf5T~hFC&amp;U^Gxk\xae\x9e\xec"\x93^Gj{\xe4k\xd2\x89\x1d\xd3\xa6)\xa9T\xab\x98\x19\xa4\xaaeB\xdb\x0c\xc0\xb0\x1e\xf5\xedL&lt;\xaa\x1a\x1c\xa0~\xfe\xe0\x99\xa4oY?v;\xe9\xa4\xf4\x95\xd7\xe6;\x17\xda\x89\xc1\x9d;.\x1f\xef=\x93\xf6\x87;\x9a\xaa\xb9\x90\xfa\xfeOC\xba\xe8\xc2\xd3Dd\xfa\xb0\xe3\xa3[,\xba\n\x1fY6K{\xc3@K\x03d\xb9T?\xf2\xa3\x1dL]\xba_\xecX\x16\x9b\xd5\xc7\x9cQ\xfd\xdc\x94dT\xec(\xf8\xd9#\xfb\xf8TJb]\xef\xe5^\x91\xc8\x0fZB\xf2\x9e\t\x00%"\xfeM cmT\xb7&amp;\x01\x942\xa2K\x81\xbb\x1d\xab(UUo(\xde,\x9b6\xd2t\x08{Y\xdc\x1cN\xcb\xdd\x83\x87\x113\x87\xf7t\xbd/\x80\xe4\xdaWu\xdf\x05\xf1\xf5\x1bO\xb8\xde7\xcc\x0b\x11\x87m@\x94\xdf\xac\xebe\x8d\x83\x82]\x1f\xd2\x19g\xf4\xcc\x9d\xaf\x03\xd0\xafm\xa5"\xa6Cp\xa6c5\x9fW\xa2I\xed\xf5\xc7o5Ut\xf0DdL\xcf\x94\x8fP\r\xef\xd4P\xfe\xdd\xed1\xff\xe8\xeb\xe8h"\x17\xce\xe9\xdd\xcaK\x18\x00R\xeaZ\xa7\xa4r2\xc9O.\x9f\x8e\x05\xff\xd9\xaf\xbf\xf8\xccu+\xe6\xf8\x94\xb9\xdf\xdff\xb7\xba\xa5\xbd\xec\x1e\x19u\xaa+\x18\x00I$&gt;/jAD\x9eZu\xa5\xfc\xf1\xa9o\xe1\xecu\xdb\xdcq\xd1\x12\xfd.\xcb\xbe\x06\xc1.\x01\x1c@s\x9b*\xff\x91n\xef\xa0\xc4e\xfe\xc13k&lt;f\xf2\xf9+\x8f-\x9a4\xcc{0\x00\xf4h\x94n)\x96\xef\xdfyJWY\xa1j\x00\xbcs\xf4\xec\x92\xf6\xcfns\x12\xcdm\x8f\xde\xe4"s\x11\xf9\xed\xe3\x17\xe3\xb6\xb8\xc8\'.\x07\x11i\x93\x9f\xf7\xf2C7x\xcc\n@@v\xbf\xba.\xfa\xda\xf5\x8d\xe6H\xf5\xe1\xae\x12\xd9\xf6\xe8M\x19\xdar\xacY89\xe9\xf6\xc4\xf9\x99]\xa8m\xd9\x9f."yJ)\xa5\xf2\\e."\x1bo[`\x9d\xa6T\xcc\xeb\x97\x1eX\x16\xfd\x8e\x8eL\xf6xq\xa4\xf6\x9f=\xc2\xafq\xae\x00\x94Rjq\xc2%\xb6\xf1\xdasp\x8bja\xb8\xdf`\x7f\xe9\xe3\x14\xbb[\xed\x9b\xf8n\x1d\xcb\xaa\xd7\xefi\x18\xa2\x0bd\x8a\xc8\xa6\xd5W\xfbY\x14\x00\xa3\x9c\xd6M\xf6\xdf\xd5b\xd6\x99\xbd\xc2\xd1\x00Hx\xa6\x1a\xf6\xfbhT\x88y]\xd4\x9f"V\xcd?\xdf\xe9.O\xaf\xba\xaa\xae\xe5(6\x83s\x13\x01\x99\xea\xeb76\xb8\xde\xf7\xd1\x1bf\xbb[\xbb\xd1\x91\xcd\xab\x17\xfaT\xe5\xdd\xb7\xe8b\xb3\xa3\x9e,\x06\xc7\xbc\xf4\xc0\xb2\xb8-\x915m\xfc&amp;"M\x0eU\xb3\xce\xec\xa5\x94\xaalc\xc1w\xef\x87e\xfe\xd8A\xde3\x99:\xb4k\x0b[\xd3\x8e\x00\x88\xe1\xf1\xb7\x17\x86\xd3s\xd7&amp;\x9d\xd4\xd1`\xf0\xd6g\xac/\xde\xbf4n\xcb\x9f\x9fo\xf5/\x98(\x119\xad\xfd\x11\xd1\xc3r\xcf\xc2\x8b\xac\x12\xff\xdf\x87"\xe2ef\xbao\xde|\xc2\xfeW\xd0\xa7q\xc5\xcc\xfd\xcf\x06\xe4\xb4*J]5\xee$\xd3Q\xec\xc7\tc\xd2\xcaTD\xe2\xd6\x05\xb3\xceAD\xfa\x16\xe4\xbb\x8e\xe1\xbc\xbe\xad\xa3a\xd8\xaf\xdc\xfb\x16\xe4\xb3\x923\xa0\x87\xd3)\x19\xdc\x9d\xf5g\xf4\xb5B.+\x97\xfa-\xf9\xfdc\x11\xd9\xbe\xf6f-\x05\xa5j\x90\x127\x8e\xe9\xd9BD\xdaU.\xa6\x94:\xaa\x94UJ\x00\xa1\x10\xd7\x00\x0cn\x91r(|\x15\xa5D\xe4\xff&gt;z!\xb2\xcbE\xa7\x1c\xe7SH\xe5\x95\xbalt\x7f\x9f2\xf7\xc8\xd4$\x18\xf2\xfb\'\xe7\xf6I9BtX\xfb\xfaq[.\x1d\xd9\xa7\x91\xedX5\xd6\xd1\x8d\x8a\xab\xb8\xa7P8\xc3\x00\xfc\xe2}\x85\xde\xee\xf5J+\xa5"\xab\r\xff\xfc\xc1\xb3\xaf\xad\xb3u\xda("\xff\xfb\xef\xcb\x9e\x0b\xcf&lt;\xee\xe7\xe7\xf3\xc6\xa2\x1a}\xe2\x96\xf9q[\x0eU\xaa\xa4R"bs\x9eN\x91\x1f\xbd\xc6\x97\xda\xa9\xed\xea\xad\xbfy\x9e\x7f\xf9\x03p&amp;\xd5$b\x7f\xef\xde\xe6W\x89A\x9d\x06\x86\xe7dS\xe3T\x9dN\xa5\xbd8\xeb\xd3\xa8\x82u\x02G\xc2s\xcc\x81\x9c\x10\xf9\xc9\xad^0\xc1\xdd\xbeF~\xb17\xce\x18\x1d@)\xae?Z\x8ae\xe4\xa3\xd9~\xe3.[#z\x1dY^\xefW,\xff\xfb4\xd5[\xe3\x07\xb5\xfb\xbf\x8f^\xd0X\x16\x90\xeb\xd2\xfez\xbd\x0f\x12\xf5\xb2{\x98M\x18dkU\xe4\xec\xd6\xbba\x05\x11\xf9\xf8\x85\x07\x9c\xaej\x99\xc5\xff1\x80\x8c\xf1\xf2C\xcbM\x87\x90Rdzjk"2gT\xdf\x00\x82\x89\xb3\xe5\xde\xebj\xfb\x93\xf3\x85\'t\xf0\'c\xbf\xb4:\x8c\xbb\xaf\x00\xb4\xb2Y\xa7\x98\xaaz\x02+\xd4\xd5\x8a\xc8\x00`\xda\x11\x96\xcf\x17\xa4\x9de\xe8\xe9;\xae\xda\xf7:\xe52\xe2"2\xe9\xc4\x8e\x89\xdbk*%\xf2\x9b\x9d -\xe8\x9d\x07\xed\x969\xe7\xba\xd8+\xe3\xe6\xb7y\xf4\x86\xd9\xa6C\x00\x10z\xf6O\xa2-\xa6\xc6|m\xdd-\xa92\x17\x11\x8f#)E$&lt;\xeb\xb0\xc7Iz\xe9c\xf1\xc4\x96O\x01$\xc6@_\x10\x90\xe5\xa2?\xf2\xf3\xfa\xb6\xf6\x9e\x89\x1fV/\x98P"\xc5\xe4\xf2\xf6=w\xf7\xa2??K&gt;\xfdN\xa4\xee\x1b}|\xb3\xdf&gt;~\xf1\x88\xc2\x13f\x9ev\xec\x11\x9eJ\xb5g\xeb#7\x1a\xaf|;T;(\xb1\xc4\xc4\'\xc5\x9c\xea\xdd\xa8\xc2\xec\x91\xb6\xa6\xfe\x8f\x96\xfe\xd6\xc6U4&lt;@\xc6\x10\x91{\xafI3\xcd\xa4\x1d\xbb\xb7\xad\r\xdb/?\xed*i\xdau\xadS\xf2?\x0f.SJ]3a\xa8\x9d\xf4\x0b/\x18""\x07\xeb\x1e\xa4\xafK\xe7Z%\x1cL\xd1\xfa\xefn\xa5\xd4\x1f\xff\xfd\xcf/;\x9f\xf79. 7\xc8\x9e\x0fb\xff|p\xc9tS\x91\xd8\xe1\xeb}`;\x8b\xd0N\x18\\h&lt;\xa8\x88\xe8j\x02DD\xbey3\xfaZ)U\xcfrB|\x11\xf18e\xf4M\xb3\xc6$\xdd\xde\xb7qE/\xd9:\xe5\xa0\x01\x08Y\xf3\x0f\xc0\x96\xb8zS\x8b~\x05\x95\xb4\xe7\xe9\x82\x96Z)\x9aI\xcf\x06\xe5"5]\xdaI:ED~\xffDc\x0c\xa6\xa4\n&gt;n;\r\x00\xe0\x9e\xf7\xee\xda\x08\x83?\xc2\xc8\x00!{+\x9c\xefW#M\x9e\x8e\xab\x15wOJ[\x8b\xdeYHu\xbb5\x91\x88,8\xf7\x04\xed\x91\x04\xef\xcd\'n\xb7\x99\x92\x06\x00p\xef\x946\xb5\x07\xb8\xea4\x88TI\x91!\x98\xa5\xd2\xa6\xf6M\xbeR~\xf4M\xd8\x9c\x8f\xe1\xf2s\x06+\xa5D~\xb4y\xc6\xea\xce\xaa\xf9\x17\x84\xad\x9a\x9bvZ7\xbd\x19\xbe\xbf\xf9\xee\xe8g\xfc\xf1\xbdM&lt;\xfd\x00\x04\xc1\xf5Et\xf4\xb4\xf4\xe8\xf2\xea\xab\xd7\xd6k\x0f\xcc\xa9\xa9\xa7v\r\xbe\xd0KN\xef\xa18\t\xdd\xc7\xe3q\x08f\xc1K\x00\xfby\xe9E\x95\x18z\xa3JZ\x96\xdfE\xb8\x16\xe6\xd8\x00\xc0\x99\x96N\x1e(z\xf7\xe9;\xe3\xb6\xb4\xcd\xb7\x1c\xaa\xe2\xdc\x92)\xc3\x83if\xbe\xd8\xfe\xb8\xdfE\xd8\xe1\xa2\x03\xe4\xce+&amp;\xea\x8f#5\xfb\xc3\x9cV/\x18\xef_\x18\x00\xc2e\xfe\x98A6G\xa3\xdb\xd7\xadni\x8f\r\x80\x83a\x85?\xbd\xe7\xba\x94\xa8\x8b\x87vu\x17\xed\xf0\xe3\x1a\xa5\x9dcND~\xff\xf4\xa5\xb1\xbdZ\xb8\xc8_\xbb/\xfd\xe9\xfd\xe3\xa2\n\x08\xc2[\x1bW\x99\x0e\xc1\x96h\x03 "N\x17 \x1f\xdb\xab\xa5\xa3\nE\xef NG\xb6=\xba\xc2N\xce\xf2\xe3\xbb\xb3\xce\xec\xed"\x7f-bgi\x15\x91=;\x9e\xd5^D\xd2\xa3\'"\x81&gt;\x8c\x00d\xb7\xc7\x96\xcfN:\xb0z\xfa\xb0\xe3\xc3v\n\x96\xf6\n \xd5\x99{\xda\x0f\xb2\xf5\xe1\x1b\xad\xb2M\xb1\xa2YZ\x8d-\x97\xd0lQ\xd6]\xae\xfb\xd9\x1f(\xe9+\x11\xd9r\xefu~d\x9b6A\xd8\xfe\x8b\x02\xd9 \xb0\xdf\xd5\xf0\xe3\x1aY\x17m\xffG&gt;\xae\x7f\x9bf\xa5\x93\xbf\xe5\xb1\xa6H\xb5\xd4m\\\x9e\x1bn\x9e\x1f\xd9X]\xa9\x9d\xcf\xdd\x9b6[\x1b\x15\xdcW\xb6ctC\xe4\xdbt\t\xecv\x9a\xc5\xfey\xe9\xc8&gt;\xde\xff\xffD\xbf\xb2\x89\'\xb4O\x95&amp;\xe99\x8a\xed\xa5\xe9\x01\xa4\xd0*\x901\xd8\xe7\xf6ie\'Yt\x94\x91u\xb7O\xf1\xd4S7G\xaa\x89\xfa\xc5\n\xfd\x19\xe7\xd5\xc7V\xda\t&amp;\xfc\x8a*U\xff\x00%"\xa7wh\x906q\xab\xc3\xac\xde\x95\xef\xde2\xb5\xd4p\xb4\x01\xa8\xaa\x94\xcd\xe1\x04W\x9f\x7fJd\xafL\xe9\xd2\x04B\xe4\x85{\x97\x88\xfcc\xa4h;\xe3I*\xeaX\x99r\xc6\x19=#/\n\x12:g\xb2\xac3A~\xfb(\xe9\xf6\x8e\xd5\x03\x9f\xa6.X\xa9\xae\x02\x01(e9\xc5J\x96U\x82\xb1\x8e\xa9T\xf4\xa3-\xf7\xaf\xb9z\xb2Jq\x04\xae\x1cwR\xe0A\xede\xe7rK\xd7\xb7\x13\xce\xaf8\x1aU\xcbr!\x8d\x10\xc8r\xa1m\x00Ddd\x97\x82\xb8-"rB\xcb\xeaI\x12\xff\xf4\xbeEV\xcb\xa7\x8fJ\xdcx\xc1\xc0c&lt;F\xe8\xda\xef\x9f\xbe\x946M\xd7:\xa5\x94R\xbd\x1b\x86q\xd2f]\x9a:\x9d\xc8\t\x80^"\x92ji-#\xec\x0c\x02\xb9m\xee8]\x19.\x9d2&lt;n\x8b\xe5Z\x96A\x10\xf9y\xd9\xb4\x91\xe1l\x95\xed\x10\xf9\xceI\xe2L\xfd\x98@6\xb0\x18^\xfd\xf0\xf53\x83\x8bc\x9f~M*\x99\x9a\x19f\xeb\xc3\xcb\xd3\xcc\xb9\xec\xbf#\xf7-eYPb\xef\x0b#Ud\x89\xf4I\xb4\x99qF\x0f\xa5T\xefP.P\x03d\xb9T\xb7\r\x11\x12v\x1a\x00\x11I\xbc\x94\xf1\xa2n\x9e\x1a}|3\xef\xf9\xd8\n\xfe\xdb7\xbd\x17\x04\xc0\r?N\xb7\xe7\x8f\x19\x94\xf6\x97\x7f\x98\xd6s[\xf9\xfbs]Y\xa5UJ\xa9\x0f\xb7\xdc\xa7\x12VO\xf3\xc9\xb7o=i\x9d\xe0\xf8#\xca\xd8\xbf\x91\xd3\xb1zq;)\xcb(u\xe9\xc8\xbe\x91\xd7\xf2\xf7\xe7\x89\xa3\xecu~w"q\xf7\xc3\xdf\xdbt\x97\x87\xdc~\xf2\x16\x0e\x90K\xfc\xe8a\x10\xf9*\x92m\x9b\xfc&lt;\xed\x99\xc7*\xe1O\xfc\xd6\x8db\xfb\xaa\x07\xca_\x9f)\xa5&amp;\x9f\xd4)\xf1\xdd*\xda\xa3\xb1\xe1 \xa5\x1eX&lt;\xcdN\xca\x13ZV\x8f=b\x8bS/{\x19w`KY\xbe\x9bt\xf7\xe3jZ&gt;\x12\r\xc0\xac\xc8\x99c\xda9\xc8B\xaboA~bM$_\xbf\xd16\xbf\x88\x96\x99\xdd\x92\xea\xd5\xb0|\xa4\xd0\xef\xde~*\xf1\xdd\x0f\x9eY\xe3S\xb9~\xb0\xa8\xc7\xe5\x97\x9dAF\x02 h"\x7f\x98\x1a\x06zr\xebZ.\xf6\xaa\x9a\xb0\xe5\xaaq\'\xc7m\x11\x91\xad\x8f\x14\x9a\xe4\xc7\xe6-\xcdvU\x8a)\xa5\x9a\x97\xd9\xfb\xe7\x8c\xd4SA\x04s\xc4D\xa4g\x03\xcbgv\xbd\xa9\xbc\xaf\x01\xb8o\xd1T\xa5T\xc7\xeaI\xe6Sx\xf2\xb6+\xfc\x0b@)%"\xee\x9e:\x8e&lt;\xbdxDQ\xa5\x94\xfa2\x1cSy\x03\x99GKu\xd6\xa6\xa2\x83\xae\x9eH\x89\x93\x92\xf5\x9f\xd8T4}\x92\xf8\xe2\xec\xa7\x8f,\xf5\xa5R\x9c\x1do}x\xb9\x88\xd4\xf5\xb7g\xcb\xdelK\xb0\x00\x00\x19HIDAT\x8a\xde58\xad\xe7\x84\xf0\x9b\xa3\xaf&amp;\xe9lQ/?t\x83\x0fq\x01\xb9\xc4i\x03 "\xf5\x92M\xd4R\xcc\xff1\x8b\x8e\x96m\xc9W\xaaYi\x93O\xba1\xc8\xddZ\xb4!ww\xa0D\xc4\xf8C\x1b@\xc6\xb3YEFzH\xec\xa7\xf7\xc3\xc0\xa3\x1c\xdcd\xadW$\xbc\xcf9g\xba\x03\xd3\'\xb1"\xf2\xa7\x88\xc8\x8f\xef\xee\xfb3\xe1F\x0e\xdf\x1a\x10\x18\x11Yz\xf1\x99i\xd3L\x18tl\xe4\xf5\x99\x9d\x1b\xbb+h\xdai\xdd\xdd\xed\xe8\xce\x88\xce\x8d#7\x1b\x1e[~i\x90\xe5\x86\xdc\xb8~m\xe2\xb6\xdc&lt;{\xac\x9d\x1d\xa3\xf5r\xe4N\x89\x88t\xa9\x9d\xa6\x0f\x7f\xd3\x1dW%nlS1\xcf\xea\xfes\xaay\xab~x\xc7N\x90\x00\x9cy\xf3\x89\xdb\xd3\x9e,\x1f\x14X41\x0eO\xfd\xd6\x00\'W\x03Ylp\x8bj&gt;\xe5\x9c\xf8_\xa2xB\x02\xd7\xa7\x02\x00\xb2\xdf\x0f\xefn2\x1dBHu\xad[*mG\x87\xcd[\xbe\xd1\xe9\xf1\xe4\xab\xd7\xbc\x84\x14\xe7\x88\xa2\xda\xbab\xe8\xd2\x01\xc2\xe5\xfc\xfe\xf1\xfd\x00\x19md\xd7\x02\xa5\xd4\xb3w_\x9b*\xc11\x95\x8a\x8a\xc8\xd4S\xbb\x05\x18\x94\x15\x8d\xf7\'&gt;}\xe9\xa1h\x9eZ2\x8cJ\xb5\xea\xaf\x88\xbc\xfb\xf4\x9d\x91\xd7k\x16N\xd6[(\x00\x7f\xcd\x1f\x9b~\xb6\x86X"\xf2\xd8\xf2\xd9\xbe\x85\xa3\xc1\xe6\xd5\x0b\x95R\xf7/\x9ej\x91\xa6s\xad\x12"rf\xc2\x82\x94F\x88H\xc7\xea\x07\xdf\xb3\xf0"\xd3\x81$!\xf2?\xeb\x04v\x16\xbf\x8cu\xe7\x95\x13=\x84\xb3\x17\x97\x11\x806\x8eF\x943\x9c&amp;\xe3\xb8\xfb\xbe\xae\x990\xd4\xa7/\xba\x92\xe7\x1c\xf8\x1f\x08\x84ZF\xfcD3"H\xefl\xce\x0e\x14\xa7iI\xb5\xd2\xde\x88 \xbfE\xbf\xa6r)\x12\xf8u\xef\x1b\x80S"\xe2qlxLV\x7f\xdbO\xecb\xe6\xfa\xa4\r\xc0\x17\xdb\x1fO\x9cg"USqD\xe1\x07\x90\x12w4\xe8?\x0f.\x93?&gt;q\xbd\xbb\xc8o"b1\xf8*-G\xcb\xf5\xd8t\xfd\xd4\x11\xda\xf3\x04\x90\xf1\xb4\xf4M9\xbd\x1d\x12\x97~\xfc\xc0vqiL-v(\xfb\x98)&gt;&amp;\x86\xb1\xbdZ\x18\x8c\x01@VI\xf9pP\xb0\xf5]\xa4\xb8\xedkW\xfaZ\xca\x92\x8b\xcep\xbd\xaf\xf1\x06 \x1a\xc3y}[3#4\x00\x7f%N\xde\xff\xfd;O[\xcf5j\xbc\x8a\xcc&gt;\x89\x93\xb5\x05P"\xdf#\x90\x8b\xd6\xde8\'\xd5[i+\x85h?Id5Z/\xfc\xab\x80v&lt;{\x8f\xae\xacV\xcc&lt;[WV\x16\xe2\x0eE\x00\xf7Eh\x00\x00\x7fe\xe2\x0fL\xe4;\xeb\x04\x1bo[\xf0\xd1\x96\xfbu\x14\xe4\xb5\x02\xaa\x7f\x80\xf7(B!r(\xe6\x8e\x1e\xb0p\xfc\x90\xc0\xfe\xcft\xaeU\xe2\xba\xc9\xa7\x07S\x16\x007D\xfe\xb0xWKE\x9c.\x80$\xf5\x91|\xfd\xba\xc7l\xcf\xe8\xd4\xd0\xef\x9aN\xef\xd4\xff\x11\x8eb\xee^\xaf\xb4\xc8\xefvR\xee|\xee\xdeH\x1bP\xda\x9f\x13\xf3\x92J\x1d\x94"\xf8\x02\x17\xe3\xc0\x00\xe4\x88\xa4S\rg\xc4\x95\x8d\xf7\x1e\xaaD\x1e\xc7;\xd9L\xbcr\xd6\x187\xeb\xbd%\xcb3\xf2b\xd9\xb4\x91I\x138Z\x1a\x08\x00\x1c\x8c\x95\x8c\xae\x0ef#C\xab\x0b\x9dT\x8f2e+]M\xacE&gt;e\xbd\xe7\x0e \x17\xfc\xf8\xde\xe6\xb8-z/\x02\xce\xea\xd6TWVN\xc9\xbf_\x8c\xed\xd5\xe2\xfd\xcdw\x9b\n`\x7f$\xfb\x0e\xa9\xdec+\xf2\xfb\xe2I\xc32\xe2\x8a\r\x80\xef\x9a8_D\\D\x1a&amp;,x~\xf5\x05\xa7\xd8\xcfa\xc3\xcd\xf3\xad\xf3\xb7SC\xf9W\x8b9\xcd9q\xe0\xac\x16-\xcb)\xa5Td\x05\x1e\x8dDd\xdd\x8a\x94\x83\xbe\x00\xe4\x90G\x96\xcdr\xba\x8b\x88,\x1c?$n\xe3\x88.\x05Zzf\xecw(\x85\xa7\x01\x08\xa7\n\xd9\xf2A\x80l\x13\xcc\x8d\xd3L\xfc\xfd\x8b\xc8\x0f\xef&gt;m&lt;\x06\xa5\xe9\xe8E\xbe\xe877\xdc\xe6=\xabT,\x1e\x11\xc8\xc4\xff\x00@\xf6{\xf7\xa9;EdL\xcf\xe6\x01\x97;\xe9\xc4\x8e\xda\xf3\xd4[\xcb\x04?\xa6(2_\x9bO\xf1\xa4\xda\xbd\xb6R\xad\xca\xbb\xc9MK\xe9\x00tr\xde\x91\xae\xfe\xfd\xd2\xf1r\x83\x9f\xbc\xf8\xa0\xf3r2LM\xa5\xca)uv\x8f\xe6\xcb\xa7\x8f\n\xac\xd0\xe9\xc3\xba\'\xdd\x1e\xa9@\x7f\xfdpK\xe4\xcf\x0b\x06\x1c\xa3\xb7\\\xef\xb5s\xf1\xf4I\x1cK\xec\xdf\x03\x10\x84\xd0\x8e\xc6\x13\xf9%\x98s\xc9h)\xf2\xe3{~\x97\xf5\xf5\xeb\x1b\x94Rm\xf3\x8bX\x04\x137\x1aG\xe4/\x9b\x99G\xf7\xedR\xdb\xc5\xe9\x813[\x1f\xb91\xf2\xe2\xf7O_r\xb4\xa3\x88$\xce\xb4*\xff\xfb\xaf\x96\xa8\x80\x9c\x90\x05W\xd9\xf3\xce\x1e\xd8\xbd^\x19\x8b\x04\xf6\xef\xcdj\xf1\xe8\r\xb3\x83)\xc8Z\xdcGvz\x04\xf2\x82\xfa\xbf\x11-\xc5\xe92a\xd1Ot\xe9\xa8\xbe\xba\x83\x02\x90K\xd6\xaf\x9cg:\x84\xe46\xdez\xb9\x96|\xc6\xf5k\x13\xb7eD\x97\x02\xeb]\x926\x007\xce\x18\xad%\x9e\xa8#x\x84\x17\x80\x11"\x7f\xfa\x94\xf3\xac3{\xf9\x94\xb3.q\xf5\xfb\xc3\xd7\xcf0\x15\x89S\xe7\xf5mm:\x04 WUUJ\xe4{-Y%\xde\xb2\xcb\x82.)\xa5T\xfb\xc3\x0f\x0c\xff\x07Y\xbd`Bd)\xdd\x0b\x06\x1c\x93\xb4\xaf\xff\xa8dS\xd0\x9d\xd3\xbb\x95\xafQ\r=\xa6n\xec\x9f"\xb2x\xd2\xb0\xb8-\xbe\x06\x00\xc0\x8a\x88,\x1c?\xd4~\xfa\t\x83\x8e\xf5/\x18\xed\xe4\x97\x1d""\x7f:\xbe\x97(\xf2\xed\xe37\xcd\x8dtL\xef|\xee\xde\x0bO\xe8\xe0Gx\x81\xa9d\xef\xb6A\xaaq\xa2&gt;\xb9xH\x17\x11\xf1/\x7f\x00ih&lt;\x05\x0b\xe7\xf4\xbd\xee\xee\x18WPJ\xfe\xfe&lt;z\xc3y\xc3-V3F\xb8\x0eL{\x9e\x16eY\x1c\x87\x1aJ\xddz\xd9y\x8ers\x11C\xe7\x9aI\xfe\x83\x88H\x87\xc3\x0fr\x91\x1b\x80l\x16\xa9e\xe2\xfa\x10\\x\xfe\x9e\xc5^\xaa\xda\xa5S\x867/\xa34O\x82\x13\xb8\xc8\x11H5\xac\xde\xf9S]\xffj\x88i_\xd1\xa3\x8fo\xa6+7\x00\x0e\x88HMs\xa5?w\xf7"\x91\xff\xa5zw\xde\xd9\x03\xb4\x94\x12\xe9w\x1e\xd4,\x80\xa5\x0c\xd3\x84\xe1=\x13\xd7k@\xa6]L\xcdan)?\xcb\x1c\x06q\x02\xc8J\x99{\xc72\xb0\xc8\xaf\xbf\xf8\xcc`\n\x02\x10\x16\xa6j\xc6\xc0\xe7\xeaIy\xbd\xa2\xbb\xa0\xbd\x9f\xabZ0\xe5\xc5\x94\xeb\xf1\x90\xc6\xee\xbe\xe4\xa23\xec\xec\xd2\xbf\x89O\x93X\x03\x88\x91\xb9\'\xb0\xa9\xc4}\xa2S\xda8\x1eQ""\xdb\xd7\xae,\x9dl{\x90\x87\xab^\xe1\xe7\xa7D\xe4\xdf/\xb7\x07Vz\xb4\xd0\xd8O={D\xef\xa4\xc9\x12\'l\xb0\xc8\xd0\xf5\xbb\x004K\xfc\xc9y\xe9\x19\xbf|\xec\xe0\xfd9\xff\xb3k\xcb\xbdK\\g\xe5!\x86A\x8e\xd2\xef\xab\xe2~\x8f\xdb\x92\x98\xb2\xc9\xa1j\xcf\xce\xe7\xbc\xc6\xe700-Y\xbd\xf3\xd4\xea\xb4e%\xdd~\xc1\x80cD\xe4\x8d\r\xb7\xa9\xd4\x13.\xd9\x1f\xaf\xd3\xea0\xbbU\xfcCK.\xc9\xb7\x9d-\x00\xc4\xaba#M\x9b\xfc\xbc\xc4z6\xcf\xa7\x80\x1c\x12\x91\x02\xcbQ\xb4\x078\xc9*\xf2"\xd5\xa4:"2o\xcc\xc0\xa4o\xc5\xf6\xc5\xd4/f\xbbH\x7f&lt;\xb2l\xd6\xf9\x03\xda\x1a\x0e\x02\xc8tG\x95RuL\xc7\x10\xbc\xb57&amp;_kP{\xcf\x83\x1f]\x19\x89y\xba(\xe51\xe7\xd3\xd8EJ1&lt;^*\x06\xddD\x80{"2\xeb\xcc\xe4=\xb9\xb1i\\g\x1e\xc0\xf4\xc2\xe1\x17{\x00o\xbb\xec&lt;?\xea\xacR\t_\x93\xc8\x17\xd6\xbb,\x992\\D\xda\x1f~\xa0\xa3\x82\x02\xbe\xf3\x91Xz\xd2\xed\xa6/E\x80\xccTp\x88\xd5\xbb"R\xd9C\x03`q/\xf0\xe7\x0f\x9eu\x97g\xc0Fukj\xf1\xae\xbbO\xb1\xed\xd1\x15\xca^\x97\x94ONn]\xcb\xfa\xb9\xdfD\xaf\xec\x9b\xc4_c\x03\xb0f\xe1d\xe7\xcf\x97q\xbe\x0f\x04\xeb\xab\xd77h\xcfSD\xae\x9b|\xba\xf6l\x9d\xc6\x90\xb8\xf1\xc8\x83\x1c\xd42\xdf\xbc\xf1\x84\xd6\x88\x02"1\xec\xef\x12yq\xe4\x81\x9ak\xe1\xb4\x93T\xc7\xdar\xefu\x1a\x8b\x06\x90\x13\xf4\xd6Y\xfd\x9a8]\xcb$\xe3\xcd\x1d\xdd\xff\xdb\xb7\x9et\xb1\xe3\x07\xcf\xac\xd1\x1e\x0c\x80lP=\xa8\x82vm[\xab1\xb7T\xd7.\xcd\xcbh,\xc4\x8a\x91\x8e\xf8\n\xe9\x12\xec\xbb\xa8\xb0\xbb\x0e%\x80\x10)\x13x\x89\xf5\x8a\xf8\xdb\xab\xbbn\xc5e&gt;\xe5\x1c\xe4E@\xe3\x84\xfb4\r\x0f\x0ez\xd9K;4\x86\xf4\x82\x93GF:\xd7\n\xe7$\xb3@\xe6\xa8\xad\xd4\xe8\xe3\x8f2R\xf4\xd8^-\x8d\x94\x1b+|\x95\xe9O"\xf2\xf1\x0b\x0fX\xa6\x91\xbe\x05I\x1e\x90\xaa\xadT\xf4!\xe1 \xd7)\x8b\x1c\xc3 \xa7\xfa\x11\x91f\xa5\xd5\xe9\x1d\x1a\x04V"\x80P\x9b2\xa4\xb3O9\xdb\x7f\xd2\xca;/\rR`-Y\xa4\xa0\xee\xf5\x12\xa7\xc9\xb0+2\x91\x91\x8b\xf99\x00 \t-\xd5_\xae\x9dT\xce\x18\xde3\xed\xfc\x10~\x08\xd5U\x17\x00\xa8F\xc5\xd5[\x1bW\xa5Mv\xe3\x8c\xd1\x01\x04\x93T\xec\x94\xfa\x89u\xe8q5-\x1f\xee\x08\xb6\xda\xad\xad\x94\x88\xfc\xbd{[`%\x02po\xfb\xba\x9b\xdd\xed\x98\xb6Z\x99|r\'\x8f9\x04\xc3N\xf7\xcb\x8c3z\xd8i$b\xb9^\xb9\xec\xda\x89\xa7\xb6:\xac\xd0\x96\xd8\xf0\xe2B=+\xf5\x93k"\xbfE\x1e\x18\xbe\xf3\x8a\x89\xee"\xb1CDb\x1f\x00&lt;\xb7\xef\xd1\xd1\x08\x03\x9e\xb9\x1a\x803\xfd\n\xf2\x95\xdb\x8ax\xc2\xe04k\xc1\xa7\xcdVD\xee_4\xd5E\xd1zYL\x85\xe6\xc5\xf3k\x16\xbb\xdb\xd1N\x83\xd4\xa3~\xb9})\xffN\x95\xc3\xb0\x0e\r\x0eU\xaah\xe2\xdb\t&gt;y\xf1\xc1\x904\xc6\x00\xb2\x84\x9d\x06\xe0\xcaq\'\xe9-4\xa7n/F\x8fp\xc2\xbc@\x1a\xc68\xd9\x9c\xe5\x7f\xfd\xcay\x1e\x0b\xb2\x16\xfb\x19c?\x14K\xc6\x00\x99M\xcbY\xe7\xc1\xde\xb3\xc8|\x89\r\x80\xf6&lt;\x93:\xdcaY[\x1f^\xee:\x18\x11i\x93\xbf\x7f\xae\xee\xa4#b\x01\x00\xe9\xa5}\x8cKdO\x90\xf1\x00\xc8Tw^1\xc1t\x08\xfe\x12\x91a\xed\xeb\x9b\x8e"\x9e\xc7\xae\x9e\xb0=\r\xe7HF\x07\x0f\xe4\xba#\xf7\xcdK\x1f\xe4\xa3\xa4Y)\xf8z\xb0\xa6\xf30\xe2\xde\xbd\xea\xfc\x93u\x06\x04 \x13]7\xf9t\xce\xe3\xa2\xca)\x15Y\xb0\xe5\xb95\x8bL\xc7b%\xe9Wf=\xec\xf5p\xcb\x0co\x9fw\xbe\xd3\xe2\x00d\x83\xcf\xb7&gt;j6\x80F\xc5\xcd\x96\x9fDY\xd3\x018\xe5\xb1\xc5Z:\x85\xab@\xc0\x10SgX\xbd\x1b\x96?\xb7\xcf\xd1F\x8a\x0e\x95\x05\xe7\x9c\x10\xb7E\xe4\'\x8fy\xbe\xfb\xd4j\x11\xb9i\xd6\x18\x95\xee\xfc\xda#\x11\xd9\xf1\xec=6\xff\x0b\xad\x9c5\xc6\xdd\x7f\xb6\x9eG\x1e\xc6u\x00\x00\xd8\xf5\xdb\'/\x06Pi\xda{Z`?G\x177"2\x7f\xcc\xc0vUX\x03\x18\x80o^z`\x99\xe9\x10\xe2\xd9\xaf\xbb-\x87r\x8a\xb35\xe0\xfd\xc7\x89&lt;\x10.A\xfe&amp;E\xa4e\xb9\xf4\xc9x\xce3\x15\x11\xb1\x7f\xd7D\xfe\xd9UF\xa9\xa4\xe7\xcf\x07\xe9\x0b)Q\xd5\xd4o\xd1\x00\x00\xe1r\xcf5\x17\x05V\xd6?\xbb_\x95?\xff\x1b\xfdSD|\xad\x89rY\xfd\x03\xa8m\x01Xjp@\xa0\xcf\xd4\x0ci[\'\xb6\xac\x153\xcfNLSx\xf2\xcb?\x83\x08+\x1b\x85\xf3Q\xa9\x10\x86\x04\xe4\xb4P\xd5\x14"\x92\xc5\xd3\xfbt\xac\x1e\xe8\x87kp\x80\xaa[\xc4*\x81\xf6\xc9\xf8\x00\xc0\xa5P5Ef\xc9\xdf\x9f+o\x93\x9b\xd6Tj\xcd\xd5\x93K*U]SH\x00\xe0\xd8q5\x0f\xb13+}\xce\xbao\xd1\xc5\x89\x1b\x03\x9b\xcf\x19\x00\xc2(\x97/\x08\xba\xd4NY\x7f\xdb9&amp;\xc3\xda\xd7\xcf\xbeCwh\xe1?{68,y:\x00\xbe*\x1dH)qUX\x96M\x00?\xa8\xf9\xde\tr\x1a:\xbc/`\xb3\xe3&gt;\xfb\x9aO\x11\t\xf8&amp;\n\x00\xf8\xe2\xce+\xf7/\xd5\xeb\xe2q\xadG\x96\xcd\xb2NP</t>
        </is>
      </c>
      <c r="E667" t="inlineStr">
        <is>
          <t>&lt;class 'numpy.ndarray'&gt;</t>
        </is>
      </c>
    </row>
    <row r="668">
      <c r="A668" s="1" t="n">
        <v>666</v>
      </c>
      <c r="B668" t="inlineStr">
        <is>
          <t>steps_per_sec</t>
        </is>
      </c>
      <c r="C668" t="n">
        <v>9600</v>
      </c>
      <c r="D668" t="inlineStr">
        <is>
          <t>3.3614323</t>
        </is>
      </c>
      <c r="E668" t="inlineStr">
        <is>
          <t>&lt;class 'numpy.ndarray'&gt;</t>
        </is>
      </c>
    </row>
    <row r="669">
      <c r="A669" s="1" t="n">
        <v>667</v>
      </c>
      <c r="B669" t="inlineStr">
        <is>
          <t>Loss/object_center</t>
        </is>
      </c>
      <c r="C669" t="n">
        <v>9600</v>
      </c>
      <c r="D669" t="inlineStr">
        <is>
          <t>0.5890923</t>
        </is>
      </c>
      <c r="E669" t="inlineStr">
        <is>
          <t>&lt;class 'numpy.ndarray'&gt;</t>
        </is>
      </c>
    </row>
    <row r="670">
      <c r="A670" s="1" t="n">
        <v>668</v>
      </c>
      <c r="B670" t="inlineStr">
        <is>
          <t>Loss/box/scale</t>
        </is>
      </c>
      <c r="C670" t="n">
        <v>9600</v>
      </c>
      <c r="D670" t="inlineStr">
        <is>
          <t>0.07456624</t>
        </is>
      </c>
      <c r="E670" t="inlineStr">
        <is>
          <t>&lt;class 'numpy.ndarray'&gt;</t>
        </is>
      </c>
    </row>
    <row r="671">
      <c r="A671" s="1" t="n">
        <v>669</v>
      </c>
      <c r="B671" t="inlineStr">
        <is>
          <t>Loss/box/offset</t>
        </is>
      </c>
      <c r="C671" t="n">
        <v>9600</v>
      </c>
      <c r="D671" t="inlineStr">
        <is>
          <t>0.14374688</t>
        </is>
      </c>
      <c r="E671" t="inlineStr">
        <is>
          <t>&lt;class 'numpy.ndarray'&gt;</t>
        </is>
      </c>
    </row>
    <row r="672">
      <c r="A672" s="1" t="n">
        <v>670</v>
      </c>
      <c r="B672" t="inlineStr">
        <is>
          <t>Loss/total_loss</t>
        </is>
      </c>
      <c r="C672" t="n">
        <v>9600</v>
      </c>
      <c r="D672" t="inlineStr">
        <is>
          <t>0.8074055</t>
        </is>
      </c>
      <c r="E672" t="inlineStr">
        <is>
          <t>&lt;class 'numpy.ndarray'&gt;</t>
        </is>
      </c>
    </row>
    <row r="673">
      <c r="A673" s="1" t="n">
        <v>671</v>
      </c>
      <c r="B673" t="inlineStr">
        <is>
          <t>learning_rate</t>
        </is>
      </c>
      <c r="C673" t="n">
        <v>9600</v>
      </c>
      <c r="D673" t="inlineStr">
        <is>
          <t>0.001</t>
        </is>
      </c>
      <c r="E673" t="inlineStr">
        <is>
          <t>&lt;class 'numpy.ndarray'&gt;</t>
        </is>
      </c>
    </row>
    <row r="674">
      <c r="A674" s="1" t="n">
        <v>672</v>
      </c>
      <c r="B674" t="inlineStr">
        <is>
          <t>train_input_images</t>
        </is>
      </c>
      <c r="C674" t="n">
        <v>9600</v>
      </c>
      <c r="D674" t="inlineStr">
        <is>
          <t>[b'512' b'512'
 b'\x89PNG\r\n\x1a\n\x00\x00\x00\rIHDR\x00\x00\x02\x00\x00\x00\x02\x00\x08\x02\x00\x00\x00{\x1aC\xad\x00\x00 \x00IDATx\x9c\xec\x9du@T\xcb\x17\xc7\x8f\xdd\x8a\x89\x9d\x84\x84\xa0\xa2\x82\x88`\x80b\x80\xd8\x8a\xa8\x88\x1d\xd8\x85\x89\x8d\xdd\xdd\xdd\xdd\xdd\xdd\xdd\xdd\xdd\xed{\xdf\xdf\x1f\xc3^/\xb7\xf6\xee.\xe0\xfb\xbd7\x9f?\xde\xdb\x9d;w\xee\xec\xe2N\x9c9\xe7{\x88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e77\xad+\xbb\xfd\xe9.\xa8R&gt;\x7fj\xe1\xf5\xa4\x1eM\x92\x88.%\x8d\x9b\'\xb6\xa9R\xdc\xd4[\x82\ng\x9f3\xb0\xadv\x9d\xeds\x86\xb1\x17E\xd2\x99\xd3\xab\xf5S\xfa\xe9\xa9\x96\xc4x\x95h\xd2\x9a\xd3\x0bj\xea\xeb"y\xc4\xe4\x880\xe1\xf5\x80f\x01F[\x08t\xc9j\xd6\x939\x1c\xce\xbf\x8b\xcc:\xea\x94\xb4N\xe8\x9a\xc6\xb4f\x0b\x10E\xb5\xadeV\x8f\xa8\xa1w\xc1U\xe3"L\xbd+\xb4\x8c\xe3\xb0\xd65\xe5\xe5\xb5\x8b\xe7\x91\x17\x16\xcf\xf8\xfb\xf5\xa3\x93\x1b\xd5\xda\x8c\xa3\xe9\xcdB\xb6\xcf\x1d\xd6\xb6j\tqI*\xa2\xcd3\x06\xb2\xd7\x19\x95n\x91\xd0\xbe\x9aG\x1c\xf4\x8b\xc3\xe1\xc4#5\x8a\xe4\xb4\xe4\xf6DD\xed\xab\x95\x04\xb0`h{\x13\x87we\xe6\rn\'\x19\x98\xe2\x87\xec\xea\x97\xf6,\x1a\xd5\xb7q%Ia\xe2\x98o\xeb\x95\xcco\xc6C\x01T\xb0\xb32\xe3F\xcb\x01pb\xdd4\x93n\xc9N\x04\x80\xbd~wm\xaf\xb0\xf3(\x93\'e\xacv\x8d\xc3\xe1\xc4\x19\xc2o\x98Q\xcf\xc3\xf8\xc8\xa5g\x8a\x00 i\xd9&lt;v/\x1cY\xd3-\x17\x00\xfd6\x109\x83[\x06\xa9]\xd2\xb3\xb6\x95\x13\xe0\x9c\xc5\x8c\xbbj\x17\xcf\xe3[ MD\x03?\xb5\nF\xf775\xddr\x99\xf1\\\x9d\xcc\x1f\xd2^\xedR\x88\x97\xdd\xad\x83+%\x85\x8e\xc9iX\xeb\x1aq\xd7\x1f\x0e\x87\x13\xb7D\xb5\xad\x15+\xc3\xb4\x9c\xd8\x9a\x00\x18+\xc7\xf5\xd4Ys`\xf3\xc0\xd8zh\xac\xd3\xc8\xbb\xe0\x86\xa9\x91z\xec\xe9\x8ad \xea\x17Z\xc9;g2\xc5\xab.\xa9\x15\x8bM\xc0\xd7\xc6\xe4\xe3\x83\x04\x96&gt;\x93\xc3\xe1\xfc9\xac\x88\xcc:\xb9$"\x1a\xdd\xb1\xbe\xc6\xd5\x92\xd6\t\xed\x13k\\\xff\x87\xe2\x95=\x89x\xde:\xbcr\xa2U\xcc\n\xe6\x9d\xf4\xfe_\xd0\xb4|!K\xe6\xec\xc4D[g\r\x8e\xc5\xfep8\x1c""\xab\xb8l|\xef\xa2\xd1\xa1e\x9d\xcc\xb8qT\x87z\xe6=\xd13k"=\xd5\xec\x12\x11\xf0\xd7\xf4\xbe-\xcc{\x8a\x19\xf8\xd9\xa4\x8d\xa3\xfd\xd0\xff\x05{\x17\x8d.\x91)FI5\xd7l\xfa\x0fr\xf0\xf2"\x80\xcd3\x06q\xbb\x10\x87\xf3g\xb8\xb0}~U\'=&gt;8\n\xa4\x8f\xdd\xae\xa83\xbac\xb0\xd1:\x99\x88\xba\xd7-[&gt;\x7f\x9a\xc8\xb0*\xf1\xd0\xa5X\xa4A)\xdb\xf6\xd5J\xb2\xd7#\xda\xd5Y&gt;\xa6\xbbI\xb7\'\xd7&lt;\x7f6\x9b6UMv\x81%";\xd3\xf7px}\t\xcf\xce\x9a\xf1,\x0e\x87c)\xc1\x9e6j^\x86e\xf3\xa6\xccLT\xd91\x93\xcau)\xa9\x88*;f\xf2\xc8B\xe6\xb8\xb3\xa8S8\xad\xf9\xae\x9c:\t(d\x1d\xa7\xed\xeb\xc1&amp;!]\xdf\xb7,&gt;\x9f\xd8\xbfI\xe5\xf8|\x9c\x84\xa6\xbe.\x19\x88\x88\xa8\x91w\xc1?\xd8\r\x0e\xe7\xbfN\xe32\x0e\x8a\xe5\xfb\x96\x8cY&lt;\xa2\xb3IM\t\xa7\x8d5\x8b\xc6\xa1\xf3\x89%\xcc\x1d\xd4\xce6\xa1\t\xf5\x87\xb4\xaa\xee\x94&lt;\xcez\xf3G\xf13\xfd\x08WB6\x0b\xee\xdd&lt;c\xe0\x99M\xb3\x01\x14\xcb`a/8\x1c\x8e\x05\xe4S)o^\xa1\xb0\xf0\xba\xa2\xc5\xce\xe6&amp;\r\xbbjX\xee.\xde+\xa4B,\xf4C\x1f\x8d\xbc\x0b\xea\xf1\x91\xfd?%;Q\xc1\x98\x9b\xc7~\xa1\n[\n\xb5#\x81k{\x97v\x08\xf2\x8c\xfdnq8\xffz\xdc\xd2SaKWo\xc6\xd1\xf0\xf2\x8e\x1f$K\xc34D;\xe6F\x99\xda\xc8\xc9\xf53\xba\xd7+\x1b[]\x12\xc8\xa1\xa3N]\xf7\xe8\xb9\xd5\xa4\xc3\x92\xdcD+\xc7\xf6tNaF\xa7\xe2\x95\xbd\x8bF\xfb\xdb\xc7\xf8d\xc0Gy\xb5\xde\xf18\xe3r8\x9c\xff\x03\x8aX\xd1\x92\x11]\xb4\xeb$$\xfaz\xef\xa8\xa40\x0f\xd1\xe9\x8d3\xe5\x95\xab8en\xec\xe3 7\xd5\xa4\x8a\x0e/xn~_\xff(%\xb3\x9a\xb9oj\xe4]\xb0V\\\x86\x80\x11\xd1\x90V\xd5k\x16\x8d\x11\xe1\xe7\x99M\x97\xb3\x16\x87\xc3\xb1\x14\xb5\x9d\xb5%^\xe7.\xa9\xe2)N\xa7k\x1d\x1f\xcb\x1b\x11\x9f\xdc\xa6\xb2\xbc\xb9\x7f\x17\xe1\x81\x1e\xf8t3.Z.@tl\xcd\xd4\xa5#\xbb\x028\xb6f\x8a\xce\xbbbE\xe4\x83\xc3\xe1\x10\x11i,\xed\xfa\x85J5gL\xa2D&amp;\xa9F\xcd?\x93\x0cD\xc0{\xf3\xc2\x118\xf1\xcf\xa6\xe9\x03\xbb\xd4\x8e\x85Y\x9f\xc3\xe1\xa8R\x80\x08?\x1f\x90\x05\x01\xf7\x00\xca\xe4\x91\x9a\x9f\xab:eq\xfaC&amp;i\r\x07\xcd\x1cD\xbe\x05\xf8\xca\xf2\x1f\xc7\xad\x83+\x9f\x9c\xd9,/\xc7\xc7\x9b\xff\xde\x98h\x0e\'\xdei\xe9_T\x1e\x86\xda\xa7QEK\xda\xb4$\xb6K\xac\xd7o*j\xc3\xfc\xa2\xa8N\x1aw% \xea\xd3\xa8bq\xf3\xe4\xd9L\xc7"\xd5\xd3\xff\x0c\x05\x93\xd0\x82\xa1\x1d\xc4%[g\r!\xa2\xeaE\xf4\x1c\x9cs8\x1c\x1d\xd8&amp;"\xe0Y\\\xeb\x10\x08\x11X\x85R\x91O\xee\xe4\x96\xe8k\xc6\x11}\x1a\xf9\xd7t\xcb\xf5\x7f\'1\x96\x96\x88m\xaa\xda\x05\xb8\xbb\x9b\xa3\x13j&gt;\x05\x88\xfe\xf1\x1eF\x1c\x0eG\x93\x15c{\x02X7\xb9o&lt;&lt;\xcb+G\x92f~\xaev\x89t\xc9\xc0\xb9\xc5o\\O\x8b\x8aE\xca\xe4I\x11o\x9b\x80X\xa7\x82\xad\xea\x97\xfa/\x8d?#R\x0f=\xe1p8z\xc1\xe7[\xf1\xfc\xc4:%\xf2\x96\xcf\x1fmv\xafTPk\xa4\xf7\xca\x11\x7f\xbb\x05\xd74\xf4\xfc\xfc\xb6x{\xdc\x1fA\x9eO\x86\x11\xeb\x12\x16\x0eI\xe3|t\xae\xea\x94\xa5I9\xe78~\x08\x87\xf3o$e\\.\x0cKe7\xee\x01\xc4\xfc\xf7\xadeia\xe2\x13I&amp;\xd9*\x8e\x99\x15\xed\xcby\x88\x96\x8c\xe8R\xc5)\xb3\x9a\xd6\x85\xceg\x19=\xdb\xb02\xbbus\xd905r\xf1p\x05\x95\x8e\x88\x06\xbe\xa66eR@a\x9fF\xfe\x1aW3\x9a\xeb\x85lv\xc2\x03\x0e\x87\x13k\x88m\xd1\x13\xba5R\xab\x96\x99\xa8A)[\x8d\t\xc0#K\x82\xf8\x94W\xcb\xa7\x92\xa2\x00\xbf\x1e\x0eh\x16\xe0am\xe9\x01\x81\xb6\x88E5\xd7l\xd6D%\xad\x13\x1e^9\xd1\xc2\x07\xe9\'\xc4\xcb\xceA$\xc3\xd0\xa0\x94mE\xfb\xf4\xe3\xbb6\x04`gb0\x96\xd1\x89\xbcL\x9e\x14\x03\x9aV\xa5\x98\xff&lt;\x149\xbaz\xb2\xa4D\xa7_\x00\xf7\x0e\xe2p\xfe&lt;\x1d\x82&lt;KZ\xeb\n=uP\xce1Ed\xd0o\x00 \xafS*\xdb\xffE\x8c\x81\x99\xec\x98\x1b\x15\xfe\'\xb2\x9c\'%\x02\x9e\xc2\xc0\x98N\xc6\xa5\xb3\xc5l\x9a&gt;\xd0h\x9d!-\x83\x88\xccQ\x1fyzfK\xc3\xd2\xf6&amp;\xdf\xc6\xe1p\xfe\x1f\x11\x96r\x00\x84\x05\xa3M\x02"\xa2"\xe9\x08\xc0\xc9\r3\xfeD\xbfb\x99\xf6A%-o$7Q\xf3\n\x853\x11I\x16\xc9\xd7\xf6.5\xb5\xa9\xbf\x9e\x9ca\xa3\xbf\x19\xf7\xc6\x1d6\t\xa8O\xa3\x8a\x96\'\x9e\xe4p8\xff\x1f\x08+\xfc\x15c\xa3S\xf2n\x9d58&lt;\xd0}`\xb3\xc0y\x83\xc3\xbb\xd5-+\xf1\x10\x97\x90\'nze\xea\xa28\xdexvn\x1b\x80\x95c\x7f\xa7/\x9e\xd0\xad\xb1\xb6MFQ\xf4"/\x11\xf0\t\x80x9\xdf\xb1z)yMq\xe0\xdc\xff\xaf\xeb\x14\x87\xc3\xf9\x93\x00X9.B\xb1\xfc\xfe\xf1\xf5\x92\x12\xbc\xbf\xa6\'\xe1;\x80W\x97v\xd5(\x1a\xcb\xe1VN)\xe8\xce\xe1\xd5f\xdf\x9e\x83\xa8\x99\x9f\xab\xe5\xd2\xf9\x8a\xbc\xbd\xbag\xdd\xa4\xbew\x0e\xaf^=\xbe\x17+a\xcbe3&lt;\xa8\xd87\x1cf\xf0\xae\t,d\r 3QU\xe7\xf8\x8d2\x88\xc9\xac\xc8\xd6\x7f\xf0\xe9\x1c\xce\x7f\x02\xa7\x14\x04`\xf5\x84\xde\xf1\xf0,&amp;\x01\xff\xf2\xe2N\xc5\xab\xce2\xc1\xfe\xd4D9\x89^]\xda)\x99\x00\x98P~\x80s\x16\x00!\xa5\xed\xc8\\A\xb7\x9an\xb9\x82\\\x8d\xa4D\xd4\x9e{B\xcb8\x12Q!\xa5\xc7\xbb\xa4\x8e\xce\xd2%&gt;\xd1\x8e\xeb\x85s2cn\xf2\x85\x94\xb2"\x00\xd8&gt;w\x98\xf0vR\x8fP&amp;\x9d]\xbb\xb8\xa5\xdb*KR\x1a\xb4\xaa\xe4f\xe1\xd39\x1c\x8eq\xdaT)\xee\x9dK\xfdd\xf6\x1f\xc6\x8d\xfd\xcb\xd9\xa0\xbclT7\x00\x1b\xa7\r0\xbb)\x00xwu|WU\x9f%"\n\x0f4\xf3l\xb6\x9aK\xb6\xf5\x93\xfbI\n}\xf3\x9b,@\xc4\xec\xe0\xcd+\x14\xf6\xcc\x9ahl\xe7\x06\x1a5\x1b\xfbh\x9c\xaf\x13\x11-\x1d\xd5M\x8f\x9f\xcf\xea\t\xbd6L\x8d\xccnJ\xd0o\x88\x97\x9d\xee\xba\x1c\x0e\xe7\x9f\xc4\xdaI}\xfet\x17L\x00\x7f?\x06\xd0\xb1z\xa9\x11\xe1u6L\x8d\xd4p95J\xeb\xca\xc5Z\xfa\x17\x89u\xad\xba\x16\x15\x8bd"\xbawl]\x15YJd\xfc\xf5\xc8\x8c\x06S\x12\xcd\x19\xd8v\xc1\xd0\x0e\xc7\xd7NS\xac0;\xb25\x80\x06\xa5l\xcdh\\\x91@\x97\xac\xeb\xa7\xf4\x1b\xd4&lt;Pg\xfd\xdd\x0bG\xc6\xd6\xa3%p\r%\x0e\xe7\xbfB%\x87h\x13\x89\x95\xba\x7f73X\x7f\xbb\x7f\xcc\xc2g\xa5%\x02pc\xff\xf2\xa1\xadj\x98zo\x12"\r\xcf\xfd\x85\xc3:\x06{\xda(^\x8a\x0b\x13PE;+=\xc7$f \xdf-HB4\x84(\x89|\x96I\x01\x8a\x11;\xfe\xb4\r(!\xd1\x97\xad\xeb\x9e\x0f@\x9b*\xc5c\xe9i\x1c\x0eG\t\x7fM\xb5\x86X!L)\xa6?;\xd1\xa2\xa8N\xeb&amp;\xa9\xea\x14\xf9\x16H3\xa5WSy9\x00\xb7\x98\x83P{M\xcf\xfa\xb7W\xf7\x02\xf8x\xf3`\x8f\xfa\xe5\xd4\xea\x04\xb9fo[\xb5\x84\xa4\xd0\x8a\xe8\xe0\xb2\xf1uJ\xe4\x95\x94w\xad\xed\xc3\xbe\xb2x\xce\xe5\xdb\xbdnY\x005M\xc9\xe1\xa5h\x87JF\x94\x96\xe8\xe8\xea\xc9\'\xd7OW\xbck\xff\x92\xb1\xc0\xc7.\xb5\xbc\x85\x92\xb1]BXZ\x05\xa7\x14\x14+S\x9bp\x80\x91\x80\xa8}\xb5\x92\xc0k\xc9\xf7\xcc\xa6\xbar\xf9x\x16\x1f\x0e\'.\x19\xda\xbaF\x9b*\xc5z\x06\x97\xb7\xa4\x11\xa7\x14\xf4\xf8\xb4\x82\xbc;\x11\ro[\x1bx%\x0f\xb4M\x12\xed\xfcs\xdd\xd4g\x8d\xed\x1c\xa2\xbf\xb2\x10\xfa4\xa9G\xa8\xe2\x11\xae@\xb1\x0c$\xc9^\x1b+\x1d\x88E\xda\x05\xb8\xb7\xadZB\x1e7\x0b \xb2iUI\xe1\x8f\x87\'6N\x8dtS\xf9@\x01\xceYj\x15\xcbm#\xfb\xab\xb0\x83\xf2\xa7g\xb7\x02hQ\xb1\x88P&gt;\xa1[#\x00\xe9\x88JZ\x1c2-G\xf1\xcf\x02\xbc\xff\x83:"\x1c\xce\x7f\x85\x01\xcd\x02\x16\x0e\xebhy;\xde\xb9\x92E\x86U\x91\x14\xda%&amp;\x00VDe\xf3\xfe\xf6J\xe9\x1bZ\xa9Cu\xcfk{\x97\xca\xfdA\x8db\xd2\xfa\x97D\x13\x80\x9e\x95\xa40\xb6\x9d\xdf:\xd7\xa4\xa7\xc4\x0f\x13\xba5ztr\xa3\xa4\xb0d\xd6\x84\xc0\x93\xa6\xbe.q\xfd\xf4\xc80\xe9\x1c\x13\x17\x94\xc9\x93B8\xe1H\xaa\xa95\xc2\xe1p\xe2\x16\xd7\xd4\xd1\xb2n\x89t8kk\xaf\xd7j\x15\xcb=\xa4e\xf5\xe8\x9a\xaf.\xbd\xbe\xbc\x9b\x8d\xcb\x1fn\x1e0\xa9K\xe2e\xa9N\x00\xbc\xb9\xb2G\x7f}\xaf\x1cI\x80\xbf\xca\xe5K\xd5.\xc0\xdd\xd4g\x11\xd1\xee\x85#\x8b\xc5\x8dQ\xad\x82m\xba\xaeu|\xc4\xd2\xd0Lm\t\x1f\xae\xdb$\xa4X\x7ff\x80\xc5\xc1\x01\x19\x88&lt;MLX_\xc51Sn\xc3\xeb\x12\x99\xff\xa4\x98 \x87\xc31\x01\xed\xdf\xaa\xbf}\x06\xd74\xd1\x9e\xf2M\xca:\xb5\x0f*Y0\xa9Fu-z\xd47\xcdZ\xf5\xe9\xd6\xa1\x8f7\x0fjT\xd805rU\xcc\x805\x00\xf8q\x7fDx\x1d\xa3\x8dK\x0c"a\xe5\x9c\xe5g\t\x1a\x14\xfc\x07f\xcf1\x80\xafw\xe2\xf4t\xa8c\xf5R\x00\xd4NQf\xf4m1wP\xbbW\x97v\xc5e\x178\x1c\x0e\xd1\xfc!\xed\x85\xac^\xda\xe8T\xf0\x0f\x0f\xf4\xf8\xe7\x8cl\'\xd6O\xd7\xf0\x9a\x9f78&lt;\x9b\xac\xf0\xf2\xaeE\xe7\xb7\xcd\xd3s\xc6\x0b\xe0\xe6\x81\x15o\xae\xecvIM\xe5\xf2\xa5\xd2\xb3b\xadhg%\xbc.\x92NA\xb8\xdb%\x15\xe1\xf5e5\xf3\xbdId&amp;\x1a\xdd\xb1&gt;&gt;\xdf6\xe3\xde\x06\xa5l\xd3\x12\x85x\xd9\xc5QP\x9bKj\xaa\xea\x14c\x93\xe1\x9e9\xfaE2\xa2A\xcd\x03\x01\xecY4*N\x9e\xcd\xe1\xfc\xc7\x11\xe4\x8b\x01\x9cX\xa7\xecu.\xbfet\xc7\xfa\xec\x16f\xd3\x0f-\xeb\xa4\xa8\xe2%\xf6\xec\xac\xec\x98\x89\x88\x8c.\xf7\xcb\xe5\xfb\x07\xe9\x81]\xd9\xbd\x18\x80\xb6\xc23cX\x9b\x9a?\x1f\x9d\x040\xaaC=3\x1e\x14Z\xc6qX\x9b\x9a\xecu\xd7\xda&gt;l\xa2\x02`\x97\xd8\x88\xbe4\xde]}";uOM$\x99\xb2\xde]\xdbg\x89\xe7h\xf5\xc29z5\xf0S\x0b\xa1\xae^$\x87\xa2\x94\x90@+\xff\xa2o\xaf\xee5\xef\xd1D\xb4o\xc9\x98ck\xa6\x98};\x87\xc3\xd1"/Q\x8d\xa29\xaf\xeeYr\xf3\xc0\n\x93n\x9c\xde\xb7\x85\xa9\xcfZ&gt;\xba\xbb\xb6I]\xcf \xd5+\xa4\xc2\xb15S\xc5"\x07\xed\xab\x95\xc4\xe7\xdb\x03\x9b\x05\x08\x8b\xc7X\xe1\xc1\xf1\xf5\x00\xe4;\x035\xb4\x13\x99\xbb\xa6\xa1Z\xc5r;\xaa\xe4\xe8\xc9E\xd4\xb1\xbag\xa7\x1a^\x97v.\xd4\xdfC\xe0\x87\xdc|$\x8f\x0fNm\x88\x82\xd6\xdf\xb2~\x86\xb7\xab-\x9c\x0c\roW[\xac\xe1ja\xbe\xb0\x02D\'7\xcc\x10\x0e\xf0\xf1\xe2|\x1c\x05@p8\xffi\n\xa7\xf93\xc1\xfd\x811\xe3\x8c\x80wz~\xdelc\xd1\xcc\xcfU(IJ\xd4\xb5\xb6OhYGK:S\xbdH\x0e\xb1k\x11^]\xac\xe6\x92\xf5\xc0\xb2q\x96\xb4i\x12[f\x0e\xde\xbfd\xec\xbe%c,l\xa7L\x9e\x18\x02@9\x88\x80/\x7f=9#\x11[NM\xd4\xbe\x9a\xf9R\xd5&gt;\xb9S\x98\x97on\xf5\x84^\xf2\xc2\xd29bl\x0e\'\xf5\x08\x8dj\x13m\x8d\x9c?8\x9c\x88"\x1a\xf8\n\x13\x81Y\x8f\xe5p8\xff$\xf0\xfd\x9e\xfc\xc7l^\x9a@\xc6\xa4\x1e\xa1Z\x8f\x03\xaa8jm\x10f\xf4k\t\xc0=\x0b\rj\x1e\xf8\xf1\xe6A|\xb8a\xf4\x896\t\xe9\xf2\xceE\x92\xc2\x12R=\x08e\x02\x9c\x15\xf2\xa0e6\xe8\xcd\x89\x11\x06&gt;\x93\x0e\x96\x05\x86\xb7\xab-\x197]RS\xf3\n\x85k\x14\xcd\x99@\x96`@\x8d[\x07W\x02\xd86{\x08{\x9b\xc1\xd8v\xc7\x12\xee\x1d[\xabX.\xa4\xb2\x89\xb3\'s8\xff\r\xfe\xb8\xf4nK\xff\xa2\xb1\xf8c6\xa2\xf0I\x94\x89\x08?\xee\xe3\xfb=\xedjGVM"\xa2\xe6\x15\no\x9b3\xd4\xbc\x9ed5^\x85\x8ae \x00\xc7\xd7Neo\xb5\x8fy\xd3\x8b&amp;\x00|4&gt;\'\xc9\x01\xbe\x00\xf8~\xff\xb8F\x1d\x8d9\xcb*:\x8c\xe39\xf0!\xaeS\xc0\x93J\xb8\xb8\x18&gt;\x01p8\x96bt-\x89\x1f\xf7\xe3\xb4\x03\x1fo\x1e\x04\x80_\x0f\xb5\xab\x15NCS\x95t \xc4\xe4#\x92\x07FI\x98\xd8\xbd1\x80~\xa1\x95M\xeb\xa5\n[f\x0en\x17\xe0\x1e\xd1\xc0\xafLnUa\xb9\x02\t\xa8\xae{\xbe\xf3\xdb\xe6\xc9\xf5\x98\x1b\x94\xb25\xc9\xf6\xf2\xe1\xc6\x016\xfe?01\\\x8e\x91\x93\xa8s\xad\xd2\x15\xedb\xcc3v\x86t&lt;U\x9c\xcc&lt;61UN\x16\x00\xf0\xd6h\x1d\xc5#\x90\x141\xea\xfc2\xf1\xc9\x1c\x0e\xe7\x1f\x06\x1b\xd1&gt;\xdf&gt;\xacV\xa1XF\x12\x8fLF\xd7\xf8\xda\xe4&amp;:\xbdq\xa6emHa\xc1qj\xf4\x0c\xf6\xad\xe2\x94\xf9\xe7\xa3\x93\xd5\\\xb3\xe9?FV\x84%\xc8\x04\xa0-\xed&lt;\x7fH{\x88\xf4\x91&lt;\xb3&amp;\xd2\x93\x98\xf7\xf0\xca\x89\xb9\x89\x8ae\xa0\xd6\x95\x8b\xd5+Y@\xbb\xf2\xb2\xd1\xdd\xd8\x8b\x95c{\x9a\x147\xde\xbar1\x00j\x99!\x18g6\xcf\xd6\xb8*D\xd5\x99\x11\x03\xc8\xe1p\x8c\x93\x9d\xc8-\xce\x15\xe1\xa2\x11\xac\x1aj\x8e\xa1e\xf3\xaa\xaa6$\x89\x99s|b\xf7\xc6\xec\xc5\x90V\xd5\xd3\x13\xd9\x98\x12s\x9a\xdd\xd0\x99\x9an\xb9\x9aW(\xbce\xd6`=w\xf9\x16PPW\x13\x9f\xa2\xa7"\x02\xb0o\xc9\x98\xb3\x9bg\x03\xb0$\xcb\x18Cmp\x8ch\xe0\x07\xbc \xa2.\xb5\xbdw\xcd\x1f\x81\xd7\x97X\xb9\x1eo\xd4\x94\xa2\xac\x9c9\x89\xa6\xf6j\n\xc0\xb7\x80\xea\xa4\xd1\xb5\xb6Og\x830\\\xe7\x9a\xa5\xb5U\xb5\x1f\x9e\xd8 \xf9\xd4\xda\xa6\x9b\xbf\x9f\x9e\xd5\xe7\x00\xe6\xc7M@\x1c\xce\x9f\x07\xf8\x0e@[\x80S\xf3vU\x8f\x0e\x8d\xd8\xb1\x16\x15\x0b\xdb$\xa0q]\x94U\xd8\xd2\x10\x89\xdd\xf6\x83=m:\xd7*\xad\xd1\x87\x8f7\x0f\xbe\xbc\xb8S\xe8I#\xef\x82x}Y\\\xc1\xa4 eI\xaf&gt;\xdd:\xd4\xa4\xac\xd3\xcb\x8b;\xf5\x04\x12\xeb!\x16\x0f]\xd5\xdc\xa5\x00\\\xdd\xb3D[,\x8fQ\xbd\xb0\xd6\x96\x8c}\x9f\x1eY\xf4\n\xc6]\xd8&gt;\x9f\xdd\x12\xd1\xc0\xcf\xd0\xc2\x0by\xb5DD\xc0\x0b&gt;\x01p8\xf1\x87\xe0\x9f\'v\x17\xa9\xec\x98i\xf3\x8cA\x00\xccV\x85\xf4\xce\x99Lm\x02P\x8b\xbb\xcdn\x18Y*\xd8\xa6\xf3\xc9\xa5\xec\x82\xf8\xf2\xe2\x0e\xe1u\xb0\xa7\xcd\xda\x89}\xe4R\x97\xe2\x07\x15 *\x9eQ5\xd8\xcaH\xc2\xad\x98\xe4!\xcaD\xf4\xe4\xcc\x16=I\xb8L%\x01\xd1\xfe\xa5cc\xbf\xdd\x98T/\x9c\xa3\x82m:\x05\xe7$S\x18\xd3)\xf8\xd1\xa9M\xfa\x87\xe9\x8c\xe2Sn\xa0}\xb5\x92\x86\x97_\xc5\x91\x89\xc9\x89\xf0\xea"\xf7\x02\xe2p\xcc$\x07\x91I\xc9\xb0\x92\x115\xf2.\xf8\xf4\xcc\x16\xf9%\xcfl\x89n\x1fZ\x05&lt;3\xbb3[f\x0e\x06\xc0\xc4\xe5\xf5\xc3~\xff\x8b\x87w~|z\x93\xd9\x8f\x8e\x15\xa6\xf5n\xd6+\xc4OR\x98\xd9D\x1f\x95\xd7\x97w\xe9\xaf\xdf\xadN\x19\xfd-S\xcc\xd4\xc4\xf1C\xaf\x10\xbfy\x83\xc3\xd9y{n\xe3\xd5\x7f\xc3t\xa7\x15xyQ\\\rx\xce\'\x00\x0e\'^\xb1$\x07\xaf\x1a\xa3:\xd4S\xfb%\x0fl\x16\xa0q#\x80\xc9=\x9b\xe0\xd9Y\xe0C\xac\xf7\xca$\x00\xb4\xae\\,\xaf\xa8\xc4%5\xd9$ \xb5\xd4`rB\xcb8\x02\xc0\xb3sz*K"\xe6\xe2\x1a\xf3\x04-L\xa5C\x90\'{qy\xd7"\xc5\xf1_\xe2\x9f\xf4\xe5\xee\x11&gt;\x01p8&amp;\x10\xcf\xc9\xaa\x18]\xeb\xf8h\\=\xb7unB\xa2\xae\xb5}\xe4\xca\x13\xbe\x05\xd2\xec]4Z\xbbq\xfb$\x04|\x00~\x89#\x815\xc8j\x81\xe7\xb8\xc6\x8d\xa5s&amp;\x95\x9f\x96n\x9c\x16\xa9\x7f\xe5{d\xd5\xa4\xd8\x1a\xcb\xcc\x13\xac\x8e\x0b\xb4\x0f*ZUrS,W^\xfe\x03A\xae1\xfc\xa7\x8e\xaf\x9d6+\xb2\xb5\x05\x91\x82\x1c\xce\x7f\x8c\x96\xfeE\xe3\xedY\xcd+\x146Z\xc7-}\xb4s\xa7$\xf5+\x11\xe5!\x1a\xdc2\xa8I9\xe7\xe1\xedjk7\xf2\xe4\xf4f\x00zd\xe3\x1e\x9f\xde\xc4\x86\x12\xb91_\xc3\xdd\xa9\xa6[.v\xc8y\xf7htH\xea\x8a1=\xba\xd4\xf2\x96\xe8\xe2o\x98\xda\xff\xf0\xca\x89\xe2yH\xf0\r\xd2\x13\x0e\xa6\x88x\xeetNI~6:\x1c9e\xa7&amp;\xc9\x89l\x13\x11\x00yf\x9e\xf8gdx\x9d\x01M\xb5vu\x8c\x98#\xffg&lt;;W\xa3\xa8B~\xf8\x92\xd6\tL\xcd\x05\xc4\xe1\xfcw\x993\xa0\x8d\xa4D\xe3\\\xd3li~\xc6\xe2\xe1\x9d\x8d\xd6iR\xd6\xe9\xdd\xb5}\xdf\x1f\x9c\xd86[9\xd4\xb6m\xd5\x12#\xdb\xd7U\xbb\xdd9\xa5\x96\xfb\x90\x04k\xc3\xb0\xf2\xfe\xfa&gt;\xf9\xd5\xbcF\xef\x17\x01\x00x*\xd6\xca\xce\xcd\n\x7f&gt;\xb4&lt;[\xbdQ\xe3\xce\xda\x89}\x8cN\xae\xbe\x05\xd2H\xfcr&gt;\xdf9\xdc\xa9\x86\x97\x05\xfd\x8a\x1d\x0e\xaf\x98\xb8e\xa6q\xe7\xda~\xa1\x95\xe4\x7f\xd9#\xab&amp;\xc7e\xd78\x9c\x7f;\x1b\xa7F\n\xaf\xc7u\t\x010\xb8E5\xb5\xca\xab\xc6G\xa8]\x8a-\x16\x0e\xeb\xc8~\xe4\xd5\x8b\x98\xe3\xd6\x88\x0f7\xa2\x07\x89\xb7W\x8cW\xc6+\x00\xeb&amp;\xf7S\xbc\xda7\xb4\x92\x19\x1d\x10S\xc51\xf3\xfdc\xeb\xe4\xe5\n\x0bWu\x02\x0be\r)m\xdf\xa7QE\xf6V1B[\x1eK\xac\xc1\x88\xf0:\x83\x9a\x07\xfa\xdb\xa7\x9f\xd0\xad1\xbe\xdd5\xe5V)\xb5\x8a\xe5\xf6\xce\x95\xcc3k\x1cx5\x11\xe5U\xfa\xb0=\xea\x97\x13\xa7I\xe0p8\xb1Fx\xa0G\x9e?\xdd\x87\xac\xcc\x9fO\x9f\xed\xbbW\x88\x9f\xe0\x83tj\xe3L6\xa0\x03\xd81/J\x8f\xbe&lt;\x80.\xb5\xbd\xc5%\xe9\x88\xf0\xe2\x02\x0b\x95MC\xe4\xf2\x0fJ=@\xc9\x89\xba\xd6\xf6i\x17\xe0&gt;\xb3_K\xf9\xd55\x13z\x9b\xd4\x9ag\xd6D;\xe6EU5\xc8&lt;\xbc\xbb\xb6oP\xf3j\xa6ee$\xda2k\xf0\xad\x83+\xe3\xe8\xbc]!\x94\x8e\x88\x88\xee\x1c^\xad\x9d\xffk\xf7\x82\x91q\xd1\x1f\x0e\x87\x13W\x98\xa7\x850\xb4u\r\x00\x9b\xa6\r \xa2\xbe\x8d\xfd\x05\xf5\xb4\xcd3\x06\xa9\xf9&amp;U\xb4\x8fVBP\xb4 \x17IG\x9dkj\x85\x86\xfdA\x82\\\xb3\xb1\xe9\xadN\x89\xbc\xa4~^\xaa\x9f\x86\xde\x05\x85\xd7m\xaa\x147i\x1ba\t%\xb3&amp;\xbcup\xa5\xd9\xb7\x7f\xbb\x7f\x8c}\x0f\x0f\x95\xf4\x9dv\xcc\x8b\xe2^@\x1c\x8ei\xf8\xd9\xfe\xbf\xbaN\xbc\xb8\xb0\x1d@\xe32\x8e]\xeb\xf8\x08\xbf\xfc\x84D\x0fNl\xd0\xbe\xf1\xdb=\x05\xd3\xbc)Q\x10&amp;\xa3GS\xadc\r\xd5\xccY\x91aU\x97\x8e\xec\x1a\'\xd6\x96\xd8&amp;\x1bQ]\xf7|j)\xef\xbdr$\xf1\xc9\x95|F\xdf\x16\xc3Z\xd74\xa9\xd9\x96\xfe\xd1"?\xe2\xe3`?\x9b\xb42\xe7\xa0\xbf,\xec?\x87\xc3Q\xa6H:\xc2\x87\xeb\xc0\xebXi\xadT\xb6\xc4\xaf.i\xe9\x7f\xe9a\xf6\x806Ww/\xa6\x98\x86\xa3\xa3\xab\xa5\xc7\x83\xe2\xc8\xe0\xaa\xceY\x88\xa8\x9eG\xfe\xba\xee\n\x02\xc6\xad*\x15\xc5\xdf\x8f\x81w\x16v\x8c\x88\xfa6\xaedR\x02\x03|\xbe5+\xb2\x95\xe5\xcf\xfd\x87\xe3\x94\x82\xf0\xf9\xb6\x1e\xa7\x005\x14\xbdBc\xb1\x87\x1c\x0eG\xf8\x99E\x8b\xf4&amp; *\x9c\x96\x1a\x96\xb6\xd7\xe5{\xa8\x0f\xb9\x1b\x92\x98!-\x83\xf44\xa2G\x05!\x07Q\xe7\x9a\xa5[Ur\xc3\xb3\xb3m\xaa\x14#"\x00&gt;\xb9\xa5\x8a\x11e\xf3\xa6\xbcy`\x05\xfb\xd8\xfe\xf6\x96&amp;\\?\xb9~z\xa7\x1a^\xee\x99i\xdf\x921-*\x16V\x9b\x0b\x98\xc6\xa6o\x814\x16\x9ep\n~\xa83\xfb\xb7\x9a\xd9\xff\xcfL$z\xd2\xdd\xe4%\xf2\xb3I\xbb~\x8a\xf2\xf1\xbbI\x0coW;7\xd1\xb3s[KZ\x9bz\x84\xc1\xe1p4\x89\xa3\xb5\x95\x0e1\xb1h\xd2\xea\x0bUS\x8b\x83\xb5O\x1c\xe3\xad\xf0qz\x85\xf8u\xaeUZ\xedse2\xd4\xacUL+l\xeb\xf3\x9d\xc3\xc1\x9e6:SB\xb6\xadZ\xa2Kmo\xc5\x83\x07Si\xea\xeb\xa2vI\x98\x98\xeb\x94\xc8;\xb4Uu\xa3M\xc5Bo\xcc\xe5\xec\x969\x8d|\x1cb\xab5\x00\x7f$\xa4\x91\xc3\xf9\xf7c\xc9V=~\x98\x15\xd9\xda\x9ahVd\xeb\xc6e~\x8f)}\x1bK\xfd8{7\xac ,\xed\xb5U\x8ff\x0fh\xbd\x7f\x89\x91]\xc5E\x83D\xe5\xa3SF\xb2\xcd0\xbc\xb2\'\x99\xde\xb7\x85\x9e\x9a\xf1\xc3\xfc!\xed\x81O\x92\xc2R\xd9\x13+V\xfeS\xf8\xdb\xa7\xefY\xbf&lt;\xdb\x88u\xaa\xe9E1My\x02KGv\x8d\xcf^q8\x9c\x7f\x10+\xc7E\xe4\xd3\xe1&lt;\n|bCv^\xf5:\x8d\xbc\x0b\xf6\xa8_\x8e\x88\xd2\x11\x19\x8d(\xb52\xec\x15\xee\x1eY\xb3lT7\xb1\xc1\xa8[\xdd2\xec\x85\x90\xc272\xac\xaa\xd1Uj\x97Z\xde\x7fj1\xeb\x93;\x05\x11\xc5\xe2\xaa&lt;V\xb0I@i\x89Nm\x98\x81\x1f\xf7\x01\xb4\xacXD1BP[\xd6\x9b\xc3\xe1\x98F\xb9|\xa9\x88\xc8\xa8\xe8\x02\x11-\x1f\xd3Cxm\x177\xcb\xc7\x9d\xf3\xa2\x12\x12Ur\xc8\x08\xa0\x96\x05\x81\xfe\x82\t\xe8\xeb\xdd\xa3\x1a\xd5\x1az\xdb\x8b+\x1b\xf5\xde\x19\x19^\xb7{\xbdrs\x07\xb5\x13J\xdc\xb3\x10\xbe\xde\x91T\xb3I@\xab\xc6\xf7zzv\xabvk\x03\x9a\x06\x98\xa4\x94\xa9\x8d\xa2i\x0c?\x1fh\xb8\x1b\xfd\x039\xb9~\xba`\x8a\xfc\xa7MQ\x1c\xce\xbf\x96\xb9\x83\xda\x8d\xed\xdc@nK1\x0fe\x85~\x1d\x00\xef\x9e\x9c\xd92\x7fH\xfb\x0b\xdb\xe7[\xd2\x81\x89\xddC\xd9Br\xf9\xe8\xeeKGu\xd5\x1egM=\xff\x10\xe4}\x96\x8c\xecBD\xef\xae\xed\x93T\xd8&gt;gX\xfc;\xabHD\x87\x1ay\x17tMc\xa6\xf8\x1d\x8b?\x88u$\xfa"Qmk\xc9]x\xa3\xda\xd6Z3\xb1O\\&lt;\x9d\xc3\xe1h\xb1w\xf1h\x93\xc6\x0b\x0b\x078E!\x8a}\x8b\xc7X\xd2\xa6"\xc0\x0b\xb9\x05\\L""\xef\\z\x13\xbe\x00h]\xb9\x18{\x9d\xd5P\xc2\xde\xe6#\xaaT0c\xf5"9\xb6\xcf\x19\x8a\x17\xe7\x05Q\x87xC\x9c#\xf7\xcd\xd5=f\xb7\xe3\x1c7\xa1b\x92\xe0s\xbc\xbf\xd6@\x94;\x93\xc3\xe1\xfcaL\x1a\xd3W\x8d\x8b(\x95\xcd|K\x90G\x96\x04\xcc\xfa\x94\xdf\xe2\xec\xde\xa77\xcd\xd2&gt;\xbe\x9e\x1c\x11fj\x9bFr\xa2\x8b\x90\x08\x12\x84\x96u\x8cE\xdfY1\x95\x1d22\xe7Q5\x19\x8f\xe9}\x9a\x9b\xddx&lt;\x9c\x08k\xc8m\x94\xcd\x9b\xb2\xb5\xc5\x01\xcf\x1c\x0e\'\xaehX\xda~J\xaf\xa6b[\xca\xac\xc8\xd6\xc52\x9a\xdf\xa0wN\xbd\x8b\xee\xae\xb2\x04Xi\x88\xea\x97\xfc=DW\x88\x19\xde\xec[ \r\xf0J{Q\xaf=%\x98$\x86\x1a\\\xca\xa6\x91w\xc1]\xf3\x87\x9bp\x8f\x81\xd9\x03Z\x9b\xea\xd5\xde\xb6jq5\xf1&lt;\xb3-o\xf1@\xbb\x00\xf7amL\x8b\x07&amp;\xa2m\xb3\x87z\xe5\xd0\xc8\x0c\xcd\xe1pL$\xb3\xc1\x8b\xbcRAU%\xfc\xfeM*+\x15V\x89jSS|\x8f%\xf1Sl=\xc8"u\x05\x14;$\x8f\x99\xcaJtc\xffr\xb5\x96\x99\xc6\\\xadb\xb9s\x12\xfdz|J^!-\x11\xf0T\xa3olk\xa2\x1fE\x93\xc9\xe8\x0e\xf5\x8d\xde\x08`tG\xe3\xd5\xc4T\xb4\xb34f\xcd$bkR)`l\x7fY&amp;O\x8aU\xe3{I\n\x01\x048\xc7\x7fFK\x0e\xe7\xdf\x0b[-_\xd9\xbd\xb8CuO\xc5\ni\xd4u\x16\xc5\xc6\r\x96\xc7jL\xa7`\xb3{2\xb8e\xd0\x98N\xc1kE\x87~\xe3\xbb6\x14\x1e\xa4\xad\xd0\xa91\n\xda$ \x00\xccN\xc2\x14\xdf\x86\xb6\xae\xc1\xb2\xbd7)\xeb\xd4\xa0\x94m\x05uA\xa4M\xd3\x07\n\xbeG\x96dC&lt;\xb4b\x02\x80\xb1\x9dC\x8c\xd6\x94\xe7\xc3\x11#\xdf\x1d\x14NCM}]L\xc9Qo\x11\xa6\xe6\x1f\xd6\xc0\'w\xf2lD;\xe6EY\xde\xd4\xf69\xc3,o\x84\xc3\xe1H\xb9{d\xcd\xe3\xd3\x9b_^\xdc\xa1\xa7r\x01\xa2U\xe3\xe2$s@\xed\xe2y\xd6O\xe9o\xde\xbdO\xcel\x06P\xcd%\x1b\x99\xae\xf3\\\xbfd\x01A\x9b^\xbc\x0b\xe8T\xc3\xcb\xb7\x80\x9an\xb1\x02\xf3\x06\x87\x03xse7\x115\xf3s9\xbbe\xce\xb2Q\xdd\n\x9b\xd0\x80\x16\xa5sZ\x96\xaf\xe7\x0f\x91\x8bh\xf6\x806\x00,w6\xdbi\x96\xc1\x8d\xc3\xe1\x18\xa7D&amp;Z-\xdb\x8c\xc735\x8a\xe6t4\xcb\xfaP\xc51\x13\x00&amp;&lt;wu\xcf\x12Ktrz\x06\x97\xcfD\xf4\xea\xd2.\xaf\xecI\x1a\x89\x14\x95u\xc2r\x96\x11\xd1\xbe\xc5c\xc4\x19\xc4,\xe7\xffT\ngp\x8bj\xc9\x882\xc6\xb4\xb0\x95\xcf\x9f\x9a\x85_\x00hX\xda\xfeO\xf5\x8d\xc3\xf9/\x92\x86\x08\xaf/K\n\xa3\xda\xd6\x02~\xc6\xee\x83\xc4\x9e\x85\x96\x08R/\x1b\xd5M\xde\xa0"\xd9\x88~&gt;:)\x8c)FO\x12CT\\\x12\x1b\xc7\x0cG\x8a\xe7\xc17)Q\x88\x97]\xeb\xcanf\x9c\xa0j\x93\xc4\x14O\'\x81\x15c{\x18\xafd"l;\x03\x00x!x\x15,\x1e\xf1OW%\xe1p\xfe\r\x04\xc8\xe4\xd5\x00\x00\xcf\xb5\xef\x92\x1c\xe8Y\xe8\xc7\xa9\x932yR\xe0\xe7\x032\x84n\x19\xad/Q@\xab\xe6\x9a\xed\xf0\xca\x89\xd9\x95jf\xd7\xe1\x02\x1b[\x02\xfd\x8d}\x1c6M\x1f\xa0\x98\xf1QNI\xeb\x84\x9fo\x1f\xc6\xf3s\xb1\xf4pK\xd1V\xcd\xb3\x04\x00\xab\'\xf4b\xbb&gt;\xef\\\xc9g\xf5o\xa5\xb8\xeb\x9ab\xbaG/\x87\xc3\x89\xc1\x9d#k\xd4.\x95\xcf\x9fZO\xd2\xc15\x13{\x7f\xbes\xd8JTRBEH\xe1\xe3\xad\x83\xcf\xcfo7\xb1\x83\xaa\xb0Q\xf8\xda\x9e%,\x11\x98\xaa\x1b\x93\x12N)\xb4F\xf9=\x0bGi\xdc\x9b\x9fh\xdb\x1c\xe5\xe4\xf5r\x04?\xfd\xd29\x92V*\x98A2|\x03\xc0\xe7\xdb\xfaC.\xd6L\xec\xfdg\xcf&lt;\x85\xf3v\xfb\xf8\x92\x8f\x8bjSs\xf7\x82\x91x~\x8e+?s8q\x82~\x0f\xcelD\x19\x88\x9aW(,.&lt;\xb7u.\x80\x0eA\xca~Db\x00\xcc\x1b\xdc\xceh5\x93\x18\xd7\xc5\xb8w\x8d\xa9\xcc\x1b\xd4\xaem\xd5\x12\x1a\xeb[q\xe4\x81N\x00|\x7fp&lt;*\xa6\xf5\x86m_\x14\xf3\xfd\xc6\x0f\xed\x02\xdc5\x0chq\xa4\xf2d*Sz5\xfd\xfe\xe0x\xd9\xbc)\x89\xc8\xeaOw\x86\xc3\xe1H\x19\xd9\xbe\xae\x9ejjI\x80\x1b\x97q\xbc\xb1\x7f9\x00?\x9b\xb4\xa1e\x9dt&gt;4\xee\x96\x84\xa5s&amp;e\x8e\xadc;7\x88\xad6\xa7\xf4j:X\x96\xe8f\xd1\xf0N\xb1\xd5\xbe\x19Tv\xc8\x08\xe0\xe4\xfa\x19b\xa5=\x89_l\x9c\x1e\xc6Vs\xcd\x86\xbf\x1f\xa7\xd5\x11{\\\xa3hN\xb5\x98g\x0e\x87c\x0e\xf3\x87\xb47\xfb\xde\x0e\xd5=\xdf^\xdd\x8bwW\xf5\xdf\xd2\xa6J\xf1\xf2\xf9\xd3(\xea\xfa\xb2C\xbf\x9f\x8fN\xcd\x19\xd8\xd6B\xe97E\x8c\x06X\xe1\xc3\x8d\xee\xf5\xca\xae\x1c\xdb\x93\x88\n$ "*\x9b7%\x80\x87\'\x8d$\x19&amp;"\x9b\x04\xc6;\xe0\x91%A\xfb\xa0\x92\xcd+\xb8\xc6[\x12v9\x92}F\xd7\xda&gt;\xc0\x07\xbc8\x8f\xbf\x1f\x8b\xcb\x075\xaf\x16?Q\xc4n\xe9)\'\x91{fJGT\xc1\xd6J\xbbr\xb0\xa7M\xbct\x8a\xc3\xf9\xcf \xf8\xbal\x9d=\xc4\xd4{\x1b\x94\xb2\x05\xde\x1c[3U\xff-\xc0\xdb\rS#\xfb7\xa9\xa2x\xf5\xd0\x8a\t\x011#\x81c\x8bs[\xe6\x185\xb2??\xbf\x1d\xef\xaf]\xda\xb9\x90\x88\x00\xd8\'6(\xfe\x1f]\xeb\xa0\x1egU$\x1d\x95\xce\x91\xb4\xb8\x8el\x88\x1eY\x12\x94\xc8\x14\xdd\xa6Wv\xe3z\x06\x12#\x9b"\x12\xd7X!\xcfe\xd7:&gt;\x92\x9a\xcc\xb5\xa6{\xbd\xb2\xe2\xc2\xcf\xb7\x0f+\xa6*K\xaf\xa4~a\x1b\xdbi\xe9\x81\'\x00\x9e\x9d\xdb6\xa4U\xf5\xeaE\xd4\xf4,\x8c\xf3\x7f\x19\x04\xc1\xe1\xfc\x13\xe8T\xc3\xabT\xf6\xc4\x05\x93\x18wzQLq\x1eG2g\x02\xed\x83JZ\xd8\x825Q2\xa2A\xcd\x03\xf1\xfd\x9e\x9e\xfaly\xcel\xcd\xcf\xcenUK\xd2\xe2\x98\x8c\x88(\x0b\xd1\xb9-s&gt;\xdc&lt; \x98\xbf\xda\x05\xb8k\xb7\xcf&amp;\x00\xcbOq7L\x8d&lt;\xb7eN\xed\xe2\nF\x91\xc2i\xe9\xe2\x8e\x05\xecu\x1a\xa2!\xad\xaaw\xab[f\xe1\xb0\x8e\x1eY\x12\xe8?j\x16rm\xb2\x00\xba\xd8B\x1cL\x87\x98\xc4\xe2S8\x1c\x8e\x11\x98\x95#\xc85\xdb\x84n\x8d\xfa4\xf2W\x13\xbb\xb1"\xcaKDD\xdd\xeb\x96U\xa9\x12k\xc8\xa7\x133d;%\x1c]=\xe5\xfc\xb6y\x00\x8c\x8a\xcd\x1dZ&gt;a|\xd7\x86bw\xcc\xca\x8e\x99\xf6,R\xf0\x05JJT$\x1dU\xb0\xb5\nr\xcd\x06\xe0\xde\xd1\xb5g6\xcd\xeaR\xcb[O\x7f\x80/\x00:\xd5\xf4\x8ah\xe0g\xd2\x07\x11X7\xb9_Z\xa2\x9e\xc1\xe5\x014V\xc9\x91rz\xe3L"*\x995\xe1\x8e\xb9Q]k\xfb0\x9b~\xa0K\xd6\xdafym\x9a&amp;\x84\xa4\xce\xa0\x16\xd5\xf0\xf6\x8a\xf0\xf6\xc8\xcaI|\x02\xe0p\xfe\xa0$\xf7E\x00\x00 \x00IDAT\x0ck\'\xf5\xd5S\xcd3k\xa2\xca\x0e\xc6\r\x1cz\xec\xb3\xc2qm\x15\xc7L\xa3:\xd4\x97\x1c?(\x9a\x00.\x19V\xb2q\x87\x9fM\xf4\xd6\xa6h\xfa\xe8\xfcS\xe3\xba4\x1c\xd0,\x80\xc5\x07\x0cl\x16\xa0x\xd7\xa4\x1e\xa1l\x90%\xa2DD-*\x16\xde4}\xa0\x1e\xeb\x15\x1b\xec\xba\xd4\xf2\xeeT\xc3\xcb\xf2\xce+\xe6v\xff|\xe70\x80)\x11aKT\x82\xa7J\x88\xfe\x9e\xc5L\xf2\x9c\xb5\x0ck"\x07%{Mr\x95\xa0\x8a\xacJ\x85\x1c\x0e\xe7\x9f\x05~&lt;\xd0\xb3\x82\x13\xdc&lt;\xde\\\xdd#Y\xf4\xb9\xa4&amp;\x7f\xfb\xf4\xf2\xc1\xc1\xbc\x85a.\xa2J\x053\x0chZU\xf1j\xdb\xaa\xc5]E"&lt;v1\xc7\x1e\xbc\xbb\n&lt;e\x13@\x02"\x8d1]&lt;&lt;\xfd|tR\xf0\\jS\xa5\xb8v\xf7"\xc3\x94\x8f@4\xb0Q\xf1u\x92\xeb\xc6yfM\x84\x17\x17^_\xde\xa5\xd1ZX\xf9B\x7f?=\x03`L\xa7\x06\xadL\x91\xdd\xb7@\xed\xdb\x1c\x80\xd7F\xeb\x94\xcf\x9f\xfa\xfe\xf1\xf5\xf1\xd0\x19\x0e\x87\xa3\x0c\x00ES\x89\x18\x89%\xfd\xd9\xd9\xadB\xa0\x18\xb3J,\x8a\xea\x847W$w\x997\x01d jU\xc9m\xf6\x806\x8aW?\xdf&gt;\x1c\xeb\x06\x07|\xbb\x1b[\xe93%\xa8y\xb9f"\x1a\xd2\xaaz\x89L\xd4\xb5\xb6\xf4\xbcW\x0fe\xf3\xa6\x9a\x15\xd9\xda\x92\x8e\xc5\x03\x1d\xaa{\xe65Vgl\xe7\x06\x00\x9c\xb4\x14T9\x1c\x8e1\x14\x15\x11t\xc2\\\'\xb5\xd1\x18s\xf3\x11\x11\xd1\xa8\x0e\xf5\x8e\xad\x99\xa2x\x97|\xe1Y\xb3\xa8V\x82\xf8B\xa9\xc8)\x05\x05{\xda\xa4W\xd2\xaf\xf7\xca\x9ed\xe58\xe3\x1d\xb6\x84i\xbd\x9b\x11QPa3\xbf\xd4~\xa1\x95\x8c\xaajw\xabS\xc619\xf9\x17\xcc\x10G\x13\xcf?\x01\xd74\xf4\xe2\xfc\xf6\x15c{\xe8p\xb2\xe5p8\xa60\xaeK\xc8\xee\x85#\xeb\xba\xe7;\xbev\x1a\x99\x15\xd7*\x00\xbc\xb7\xbc?#\xc2\xeb\xc8\'\x89\xab{\x96\x90,\x1f\x8b&lt;!\x8c\x1aM\xcb\x17R\xd4\xfaw\x8f\x13_\xd3\xdf\x98\x9a\xd4E\x82\x95\x92\x1f\xa7"//\xee\x88\xc5\xdd\xcc\xb9\xads\xffzr\x86\x88r\x10\xcd2E65P\xa6\x1f\x15[\xac\x9f\xd2\xef\xcd\x95=\xf7\x8f\xaf\x1b\xdd\xa1\xbe\x1e_[\x0e\x87\xa3\x8btD\x89\x88Nm\x98\x01\xa0\xa5\x7fQ\x00\x1a+\xd6\xc1-\x82\x14\xdd@c\x91\xf0@\x0f\xe0\x93\xc4\x1f\x1c\xc0\xd0\xd65\xccn\xb3z\x91\x1c\xc0\xe7\xb3[\xe6D4\xf0\xb5\xb8\x83z\xc9L\xb4(\xaaS\x15\xc7\xf8\x18\xae\xee\x1f[\x17[\x13@\x81\x04\xb1\x99\xfc\xfd\xcc\xa6Y\xa6\xde\xd2\xb6\xaa\xc2\xd9\x89\xc8K\xe8\x85\xc6\xbd\xfa\xd7\x04\x1c\x0e\xe77L\x10\xed\xca\xee\xc5\x00*\xab\x8cY\xd5\\\xb2v\xaf[\xb6\xae\x92;\xbc\x06\xdd\xea\x961\xa9~\x12"\x00\x03\x9b\x05\x8a\x0b7L\x8d\xd4H\x9aR\xbfd\x01\x00CZVo\xe6\xe7*\x14\x02\x7f\xb1\x17!\xa5\xed\xea\x94\xc8;\xa9G\xa8M\x02\xea\xd3\xa8b\xbd\x92\x05\xe8_\x17M\x9a\x8fhd\xb8.\x05\x0e\xa3\xf8\x16H[._j\x8d\x90\xe6X\xca^c\x1a\x7f=&gt;\r`\xcd\xc4\xdeCZ\x06\xa9\xe5`\xc0\xb3\xb3q\xbc8\xe1p\xfe\xbd4)\xeb\x04\x00\xef\xafw\xacQJ~\xf5\xf5\xe5\xddGVM\x16\x96\xe5\xa9\x88&amp;\xf5\x08%\xa2e\xa3\xbb\xdd?\xbe^#\xba*&lt;\xd0Cg\x07\x96\x8c\xe8\xe2a\x9d\x80dB\x05l\xe1W\xd3M\xd5\xdc\xbffb\x1f\x00c;\xfd\xd6\xeai\xee\xe7\xfa\xe9\xf6!\xf6\xfa\xce\xe1\xd5E\xad~W\xceN\xbf\xcfK7M\x1f\xf8\xf8\xf4f\x9d\xddSD[\x94&amp;1Q\xc7\x1a\xa5\x1a\x9a\x9e4\xe6\x0fR\xbdH\x0e\x00wUtas\x10}\xbb\x7f\\pp\xaa\xeb\x9e/\x9e\x93p\rj\x1e\xa8\xa8V8\xaaC\xbd#\xab&amp;\xc5gO8\x9c\x7f\x1bM}]\x86\xb5VN0\xb2o\xc9\x98\x89\xdd\x1bK\x92\x17\x0ehZu\xf9\xe8\xee\x8a\xf5\xfdl\xa2\xc3\xb9\xe6\r\x0e7\xb5\x1b\x00\x12\x8a^\xeb\xc9C \x87%}L\xa8~\xec\x1c\xe2e\x07\x80\x9d\xd3\x9aM\x8f\xfa\xe5%%\xc6\xb5\x1d4\xe9\x17Z\xa9\x86n9\x84&lt;D7\x0f\xac\x10\x97\x8c\xe9h~*f1s\x07\xa9\n\xb5\x8a=w;\xd7\xf2\x16\xd25\xebG\x1es\xd0+\xe4w4\\&gt;\xf5\x1b;\xd7,-\xfc\xbb\x12\x93\xc5 !\x15\x9f\xd1\x0c\x1c\xce\x7f\x0b\x00\xc0\xd3\x9aEs\x16\xd6\xa1\xfcph\xc5\x04\x9f\\\xc9\xc9X\x8a\xaez\x1e\xf9\x8b\x8b\x9c{\x98\xc5\x9c\r1\xcc\n\x04@\xff\x1eB\xcc\x85m\xf3X\x02KW\xf5\xf4\xbf\xb7\x0e\xae4\xc9\xb1\xc4V\xb7\xe4\xa8y\xea\xa4\xa9\x88\x00\x1c]=\x99\xa9.\xec]&lt;Zm\xfa\x14\xbe4!\x97\xfa\x83\xf8\xf2\x82?\xb8||\xec\x9e\x03\xa5&amp;\x12\x87g+\xaa\n\x06\xb9f\xf7\xc9\x95\xbc\\\xdeT\x92\x03*\xcf\xac\t\x85\xc3\x81\xd8\nT\xe6p8Z\x89\x01\x8e\xae\x96\xbai\xcayw}\xdf\xa8\xf6\xf54*\xb8\xa5\xa7\xa6\xbe.\xc0k\xe0S\x16\xa2\xfa%\x0b\xd4u\xcf\x87O\xb72\x10m\x98\xda\xdf\xa8$\xa4Q\x02\x0be\xc5_\x8f\xacD!\xber\xfa\x85\xfe\x13]\'\xc3\xabEOx\xb9\x894\x0c_\xfaa\xdb\x02\x96*G\xc0Q\xa4\x88\xa1\x18H\xfc\xa7\x18\xde\xae\xb6\xbc\xf0\xf0\xca\x89a\xe5\x9d\x87\xb6Rp\x04\x00\x10\x17\t)9\x9c\xff\x1cc:\x05\xb7\xa8X\x98)_\x02\xc8kAS\x00"\xc3\xaa\xa6UY5g Z:\xb2+{\xbdo\xc9\xd8\xe4\xa2\xbb$"5\x96\xc4%\xf4\x0c\x8ea\x9f\x99\xd5\xbf\x15\x00\xcb\x07\xbb\xb8&gt;i\xccH\x14\x0b\xa3\xbe\x88\xe5c\x14\xc6\xc7W\x97v\xcd\x1d\xd4\x0e@\x15\xc7L\xb5\x8b\xe7\x01\xe0d\xae\xf4\xb3\xe2\x90m6\xcf\xcen\x15\xbf\xb5MH\xb9\r\x9b\xc2`O\x1bK\xfe=p8\x1c-*\xd8\xa63\xec\xa7\xbf\x01X\x14e~\x8a\x12\xa1\x11\x00#\xc2\xebH\xae\xa6\'\x1a\xdf\xadQ\xeb\xca\xc5\xc4\x85\xc1\x9e6q\xaa\x05\xc6:\xd3\xa3~9"R7\x0b\x19\xa7XF\xb2"\xeaV\xa7\xcc\x82\xa1\xed\x89(\x8bA44.HcJd\xc6\x8c~-\xf5[\xe4\xfb6\xae$X\xf3m\x12\x10\x80\xd29T\x05\x95K\xe7\xd4\xd2Z.\xa4n|\tt\xc9j\xc9\xbf"\x01\xc3?\xcb\xaf&gt;\xb9\x92k\x1c\x12p8\x1c\x8b\x109\\c\xd3\xf4\x81\x964\x95\xc2 \xb7 \x17\xe0LE\xb4\x7f\xe9\xd85\x13{K\x86\x8e8\xcd;\xc8&gt;\xd4\xc4\xee\x8d\x8b\xa4#\x00\xeb&amp;\xf5\x15\xbb\x8d\x9aJJ\xd6\xe0\xb7{\x00~=&gt;\x1d\x8b\xfd\x94\xa0\x7f7\xd0\xbba\xc5\x04D\r\x0c\xa9\x1d\xc4\xc8\x8f\xa6\x01\x18\r3\x16\xf0-`\xa6\xf3\'\x00&lt;;g\xde\xbd\xd2v\x00\x00s\x06\xb65\xc3\xad\x80\xc3\xe1\xe8\xe2\xea\x9e%\xef\xae\xed\x05\x00\xbc\xd2y\x8bF\xf4\xe7\xa2\xa8N\x00\x14\x9dZ\x807\x1d\xccU\xf9\xaf\xe7\x91\xdf\x8c\xbdB%\x87\x8c\x00\x86\xb6\xaa\xf1\xfe\xfa~\x00\xc0{\xe0\xa5y\x1d`\x08\xa3\xd2\x88vu\xc2\xabyH\x1cr4(\x9b\'e\xec\xc6 3\x97\\\xdb\x84T$\x9d\x82\xe8\x85"q\xba\xd9\xfa\xfd\x94\xf7\xd7Nn\x98\xa1\xb3rf\xf5K\xc2W}`\xd9\xb8Z\xc6\xb4\xac\xff\x19\xd9\x8b9\x9c\xff[\x98\xf5\xa6\xbf\xa6\\\xa5\x9e\xc4Pb\x97A\t\xb7\x0f\xadj_M\xd7\x04\xe0\x99-Q\tYh\xda\xb9-s\x84S\xcd\xec&amp;\x1aa\x02\x9c\xb3\x008\xb3i6^\x9cW\xe8\xf0\xf3\xf3\x12\x01\x86Z\xc5rW\xb0M\xb7}\xce\xb0\xbc\xb2\xa6z\x06\x97\x07&gt;l\x9f3\xec\xd6\xc1\x95\x1b\xa7Fj?\x97E9\x84x\xd9\xfd|trH\xab\xea\xa6\n\x97\xa9\x8d\xec\xf8\xf5p\xc9\xc8.DT\xd3-\x97\xc4\xe7*\xaam-Eo\xa4\x9b\x07V\\\xd8&gt;\x7f\xaa\xe9.\xb0q\x94\x8c\xb7L\x9e\x149\x89\xca\xe7OMD5\xddr\xc9\xff\x96x{\x05@5\xd7l\x1eY\x12h\xcc\x13\x1c\x0e\'\x0ea\x03\xba|E\xaff!\xc6_\x8f\xe4\x13@\x81\x04\xd4\xa0\x94-\x11\x95\xcf\x9f\x86\xad\x9a\xf3j&gt;\xf4\xe2\x8e\x05\x87WN4\xda1\xed\n\xf2\xfa\xa5\xb2\'\xb6\x8fi\x19Y1\xa6\x07\x80e\xa3\xba\x1d_;\xb5\x9eG\xfe\x0eA\x9eD\x14\xd1\xc0\xafD&amp;\xcaL\x04\xc0-=\xe5\x8fi\xf2\x06p}\xdf\xb2.\xb5\xbc\xd97\xf3\xe6\xca\x1e\xed\xe7.\x1d\xd9U,\x13-N;\xa3\x07\xb7\x98~\xee\xc2\xba8\xc85\x1b\x11\xf9\xd9\xa6c/\xe4\x14\x88\xe9\xee\x9a\x97\xa8y\x85\xc2j\x02\xa2_\xef\x1e5\xa9W\x96\x03\xbc)\x93\'\x16\xceQ\x00\x84(Y\xc08\x1c\x8e\xc9\xe4#\x9a\x123\x15W\xa9\xec\x89\x01HB[\xc7u\t\x01\xbe]\xde\xb5H\xde\x82s\n\x1a\xd5A\xea\x0cZ\xbbx\x9e\x97\x17w\xfa\xd9\xa4m\x17P\x02x\xaa\xd1\x814D~6i\xa3\xda\xd6\x9a\xd6\xa7\xb9F5\x0f\xeb\x04O\xcela\xafkY\xe07\x89gg?\xdf&gt;\xfc\xea\xd2\xae\xad\xb3\x86T*\x98aVd\xeb`O\x9b\xcd3\x06\xf6nX\x81\x88\x00\xb8\xa4&amp;\x00\xdf\x1f\x1c\xff}\x8ba\x8b\xc3\xe4(^^\xdc\xa9\xfd\x88\x03K\xc7\t\xafS\x13u\xaa\xe9\xa5\xd6\xe1j*C\xb9\x18\x96\xe3LM\x1aA\xcc\xf4\xbe-\x807\xec5\xf3\x83*\x9c\x96\x9cRP\x97\xda\xd2\xfcev\x89i\xdf\xe21F\x1b\x8c]\x96\x8c\xe8\xc2\xd6\xf5\x96X\xc64\xb6\x9b\x1c\x0e\xc74j\xba\xe5*\x98\x942\x12\xb9\xa6\xa6\xd1\x1d\xebkx\x81\xb8\xa6\xa1\xfeM*\xbb\xc5\x0c\x1bHC\x14\xe0\xacp:\xf0\xe0\xf8\xfa\xe6\x15\\\x01\x84\x95s\xd6\xd3\r\xc3\x1a\xf7/\x8d:9\x0c;\x80\x8f7\x0f\xe2\xc5\xf9\x91\xe1u\xf1\xf7c\x7f\xfb\x0c\xe6\xb9\xfa\x00O\x01l\x98\xd2\xbfW\x88\x1f\xf0\x97]\xe2h\xdb4\x80\x91\xe1u\x01,\x19\xd1E\xdc\xbd\x94\xa2\xd7\xc2X\xae\x18\xb0\xaaH\xbcI\xeb\x08\xf1v\x19\x0c\xd3\x15\x00\xf9\xe9\xaeS\n\xb2\xb70\x9aY\x07\x8b\x87w~p|\xfd\xe7\xdb\x87\xe5\x97\xcen\x99\xc3"\xf8\x88\xe8\xfb\x83\xe3&amp;\x19\xf7\xb8\x83\x10\x87\x13\xcb\xb0\x91\xa2U%\xb7\xaf\xf7\x8e\xa9Y\x18\xc4\xe4\xd5\xbc\xca|T\xfa7\xd1\x9b\x0c+%\x11\xf0+\xb4\x8c\xa3F\x1d\xa6b\xe4\x93;\xf9\xd6YC\xee\x1c^\r\xe0\xdd\xf5}\xac\xdb\xa5\xb2\x99|"\xe8\x9e9\x86+\xd4\xea\t\xbd\xd9\xec\x02\xe0\xf9\xf9\xed\xb7\x0e\xaeT\xbc\x8by\xd0\x9a\xebI\x1f\xdf\x94\xcb\x97zT\x87z\x8a\xc7\x03\xad+\x17c\x07\t\x1eq\xa9\x95\x9d\x99\xe8\xf0\xcaIj\x0b\xf6&lt;D5\xddr5\xf3u1U\xa8\x83G\tp8\xb1\t\xd3\xe6&lt;\xbdi\xd6\xfc!\xed\xd9 \x1b\xcf\x1d\xd8\xb7d\x8c\xd1}\xbdmB\x020\xb8eP5\x97l\xab\xc6G\x88\x87\xef\xfb\xc7\xd6\x9d\xd94\xdb\xd4\x87v\xacQ\x8a\xed\x03\x04\x88\xa8\x82m:\x9d\xe2\xc6B\x87\x9b\xfa\x162ZG\x91\x13\xeb\xa6\ro\xfb;\xba\xaa\xa9\xafK\xf9\xfc\xf1\xb4U\x88j[\x8b\x88\xb6\xcd\x1e\xca\xcd)\x1c\xce\x7f\x88\xd29\x93^\xdb\xbbT^&gt;\xa9g\x13v\xb0fR\xfa\x14\xf9A\xb1\x19\x8bqk"\xe0\xad\xf6HT\xd3-\x17\xf0\x01@\xd3\xf2\x85\x88\xa8\x9aK\xd6\xc8\xb0\xaa\x00\x80g\x00\xf0\xe2\x82Q\xbb\xbc\x06\xa3:\xc4\xc8\xe8\x92\x9c\xa8H:\x02\xbe\x03\xbf\x9a\x94uR\x0b#\xd81w\x98}bJG\x04`\xf9\x98\x1e;\xe6F\xb5\xf4/"\xae\xe0\x92\x9a\xfa5\xa9\xac\xf1\xdc\x8f7\x0f\x02\x102\xac\x01\x00\xfe6\xfbS\x98\x04\xfb\xc3%\'\xfa\x87\x9c\xa6\xeaq6\xe3p8\x96\x92\x9f\xa8\xc2\x9f\xcb\xa7\xa1\x15i\xaaIB\x83\x91J\xbc\xfd_&gt;\xa6{`!kV^\xd5)6\xfd\x06CJ\xdb\xfd\xde\x17|\xbe\xf5\xf0\xc4\x06\xf1U\xc9\\\x05&lt;=\xb9aFT\xdbZ\x03\x9b\x050i&lt;9\x8a\xfa\x95\x87WN\xdc4}\xa0\xe0m\xd4\xd8\xc7\xc1&lt;u9\x0b1n\xef\x8bcR\xabl\x95\xf2\x1b\xfc\xb8\xe2\xbfK\x1c\x0eG\x0b\xed\x1f\xa5\\\x1a\xc8)\x05\x95\xc8D\x13\xba5\x16\x17\x1eZ&gt;A\xff\x13\x01\x</t>
        </is>
      </c>
      <c r="E674" t="inlineStr">
        <is>
          <t>&lt;class 'numpy.ndarray'&gt;</t>
        </is>
      </c>
    </row>
    <row r="675">
      <c r="A675" s="1" t="n">
        <v>673</v>
      </c>
      <c r="B675" t="inlineStr">
        <is>
          <t>steps_per_sec</t>
        </is>
      </c>
      <c r="C675" t="n">
        <v>9700</v>
      </c>
      <c r="D675" t="inlineStr">
        <is>
          <t>3.3498144</t>
        </is>
      </c>
      <c r="E675" t="inlineStr">
        <is>
          <t>&lt;class 'numpy.ndarray'&gt;</t>
        </is>
      </c>
    </row>
    <row r="676">
      <c r="A676" s="1" t="n">
        <v>674</v>
      </c>
      <c r="B676" t="inlineStr">
        <is>
          <t>Loss/object_center</t>
        </is>
      </c>
      <c r="C676" t="n">
        <v>9700</v>
      </c>
      <c r="D676" t="inlineStr">
        <is>
          <t>0.12212201</t>
        </is>
      </c>
      <c r="E676" t="inlineStr">
        <is>
          <t>&lt;class 'numpy.ndarray'&gt;</t>
        </is>
      </c>
    </row>
    <row r="677">
      <c r="A677" s="1" t="n">
        <v>675</v>
      </c>
      <c r="B677" t="inlineStr">
        <is>
          <t>Loss/box/scale</t>
        </is>
      </c>
      <c r="C677" t="n">
        <v>9700</v>
      </c>
      <c r="D677" t="inlineStr">
        <is>
          <t>0.04970186</t>
        </is>
      </c>
      <c r="E677" t="inlineStr">
        <is>
          <t>&lt;class 'numpy.ndarray'&gt;</t>
        </is>
      </c>
    </row>
    <row r="678">
      <c r="A678" s="1" t="n">
        <v>676</v>
      </c>
      <c r="B678" t="inlineStr">
        <is>
          <t>Loss/box/offset</t>
        </is>
      </c>
      <c r="C678" t="n">
        <v>9700</v>
      </c>
      <c r="D678" t="inlineStr">
        <is>
          <t>0.110302754</t>
        </is>
      </c>
      <c r="E678" t="inlineStr">
        <is>
          <t>&lt;class 'numpy.ndarray'&gt;</t>
        </is>
      </c>
    </row>
    <row r="679">
      <c r="A679" s="1" t="n">
        <v>677</v>
      </c>
      <c r="B679" t="inlineStr">
        <is>
          <t>Loss/total_loss</t>
        </is>
      </c>
      <c r="C679" t="n">
        <v>9700</v>
      </c>
      <c r="D679" t="inlineStr">
        <is>
          <t>0.28212664</t>
        </is>
      </c>
      <c r="E679" t="inlineStr">
        <is>
          <t>&lt;class 'numpy.ndarray'&gt;</t>
        </is>
      </c>
    </row>
    <row r="680">
      <c r="A680" s="1" t="n">
        <v>678</v>
      </c>
      <c r="B680" t="inlineStr">
        <is>
          <t>learning_rate</t>
        </is>
      </c>
      <c r="C680" t="n">
        <v>9700</v>
      </c>
      <c r="D680" t="inlineStr">
        <is>
          <t>0.001</t>
        </is>
      </c>
      <c r="E680" t="inlineStr">
        <is>
          <t>&lt;class 'numpy.ndarray'&gt;</t>
        </is>
      </c>
    </row>
    <row r="681">
      <c r="A681" s="1" t="n">
        <v>679</v>
      </c>
      <c r="B681" t="inlineStr">
        <is>
          <t>train_input_images</t>
        </is>
      </c>
      <c r="C681" t="n">
        <v>9700</v>
      </c>
      <c r="D681" t="inlineStr">
        <is>
          <t>[b'512' b'512'
 b'\x89PNG\r\n\x1a\n\x00\x00\x00\rIHDR\x00\x00\x02\x00\x00\x00\x02\x00\x08\x02\x00\x00\x00{\x1aC\xad\x00\x00 \x00IDATx\x9c\xec\x9de@\x15[\x17\x86\x97b\'**\x88\x81\xa8\x94 &amp;*\x16\x8a\x82\x94\x1d\xd8\xd8\xdd\x81\xdd\x89\xdd\xdd\xdd\xdd\xddy\xed\xbcvw~\xb6^\xdf\xef\xc7\xe6\x8c\xc3\xd4\x99\x99s@\xefu\x9e\x1f\xf7\xe2\x9c={\xf6\x993\xb3c\xed\xb5\xdeEd```````````````````````````````````````````````````````````````````````````````````````````````````````````````````````````````````````````````````````````````````````````````````````````````````````````````````````````````````````````````````````````````````````````````````````````````````\xf0\x9fdF\x9ffE\xed\xe3\xf3\x8fd\xd1X\x03&gt;\xdf\x1e\xd6\xb2\xaa\xe0`T\xdb\x1a\xf8t+\xb2V\x19\xcbZ\xf7gQ\xcc!\xc1\x95=K~u+\xfe\x95\xac\x1a\xd7\xa3\x91\xbf\xa7\xd6\xb3\n\xa4\xa1l1\x8f\x1c_;mx\xabjD\x94\xdfVgK\x00\xd4.\x96K|&lt;\xb3\xce\xfa\xac\xc0\xb0\x96U\x14&gt;\xb5\xd3\xfe\xca\x1b\x18\xfcd\xcf\xa2QI\xa5\x8e\xc7\'\x02\x10\xd7\xad\xb1*\xf6D%\xb3$\xf9\xd5\xad\x88\x15z\xd6)\xf7\xab\x9b\xf0k\xb0\xe1\xfd\r\x00x\xc7\xff4{,\\1\x1d\xef\xef|\xa9\x95J\x96\xc9\x9e&lt;\x16\xaeOU\xf29*\x17\xa8\x90\xc7\xbeEP~\x87\xd8\xb8\xb6\x14\t\xe2\xeaB\x06\xd1\xa4\xfau\x97\x1e\xde\xba\xda\xaf\xbb8\x11\x91\xee\xfe\xbbl\x8e\x94c;\xd5\x19\xdaBz\xf6\x14\xe2a\xa7\xbbI\xbf\x1c\x00\xff\xf6\xb1\xd9r\xe6\x0ej\x03`\xd3\xf4\x81qs\xb9j\x05\xb2\xa6"\xf2wNa\xb6d\xac\x0c\x02\x8a\x04\xb8\xd86,\xe3Y\xaf\x84k\x9c_\xd9\n\xe4\x8cG\x89\x88:V-&gt;\xa6C\xed\xff\xeat\xcdR\xcc?t\xeah\x11T\xc0J5Y\x8d\xa6\x01y\xe5&gt;\xca@\x14\xcf\xb2\xca3\xc7\x9c\xbe1&lt;\x92P\x85&lt;\xf6\xd9$\x8a\xffF\x14N\xaf\xf4\xa9K\x02\xfd\x8b\xb3#+\'\xad\x9d\xd8[\xdf\xb9\xbf\x0f\xf6Dx{5\xceF\xc1\x84D3\xfa6OG\x94W\xc5\\,\x8f\xb5^W\xd5\xd8\x10U\xca\x9b\xa9\xb6o\xce\xb8\xbe\xb0\xc1\xbf\x8b0\xcf\x0c\xb1Z\xff\xac~-\xacU\x15\x80\xa3\xab\'[\xab6\x0e[\xab\xd7\xf8\xab1c\x1d\x10\x916VZ\xf1\x0b\xe8\xdf(4\xee/\x9a\x82\xb7&amp;\xde&lt;c`\xc9\xcc\x89\xe3\xbe\r\x92\xe4\xb7\xa5-3\x07\xb9%\xd2s\xae\x8d\xf9"\x06\xbf\x13\xc1\xee\xe9t\xefq\xc5*\xfb\x96\x8c\x89o\xbe\x94*\x98\x95\x03\x1fn(\x173f=\x7f\x1a\xe9\x88\x14\xed\xf0\x16Q1\x8f=\xf7\xb7\x8bL\xbf\x18\xe8b[\xbf\x94;\x11\xe1\xed\xb5\xcfw\x8f\xc5Z[\xcc\xe0\x14\xf3\x9f\xddj\x96\x0er\x93\x1e\xdc\x81\xaf\xeb\xa7\xf4\xed]\xbf\xbc%\x97+\xef\x9a\xa6K\xf5R\xcae\xa6\xf7if\xc9%\x0c\xb4\xe1\xca\xdb\x8b)\x95Ur\x1f7\x1a\xb9\x11\xbec\x95\xe2\xd6l\x10\xd1\x91U\x93\xac[\xa12\xf6D\x83\x9aV\x04&gt;\xc6\xe5E\x7f+b\xdb5\xa5f\xe1\xd8\xd8U\xfd}\xb1\xe5\xfd]"\xb3\xect:\x03Q6"\x00\x93\xbb7\x92+S2K\xe2\xeb\x07VX\xb3q\xe6\x90\xb4j&amp;\'\x1a\xde\xaaj\x83R\xeeq\xd0\x80\xc4D\xbe\xf66\x00\x064\x0e\x8b\x83\xcb\x19\xc8\xe2\xa94\x1c\xfc\x04\x80\xa2\xa9Y3\xc1\xeeB\x93{\xd3\x80\xbcb+\xbc\xc1/D\xb7CA\x0ek\xb6\xe27\xa5Y`\xbe9\x03[[X\t{\xe0\xed\x88&gt;\xdd9*\xfetJ\x0f\xd91\xe3\xbfAy\xd74u\x8a\xe5j\xe0\xe7\xa1\xfe\x94\x02ib\xaf9\x7f&lt;\xe2N\x99\xe3\xcc\xe6\xd9\xfa\xeaToi\xd4\xf1\xcbn\x9b=D\xfbI\xb1\xce\x8d\x83+3\x10\x8d\xefZ\xffW7\xc4Rt\xf7\xe3\xbf\xd0\x15\xed\xdfE\x90[:"\xb2\xe5yQ\xd7-\xeeBD\x85\xd3S\x99\xec\xc9\x01\xcc\x1f\xd2\xee\x176\xcf\x8a\xf4k\x18b\x95z\xca\xe5LU\xcc!A\xb0{\xba8\xdf&gt;\xff\x03HO\x84\x97\x97\xaa\xe4\xcf\x8c\'g\x7fu[b\xacR\x9d\xa5\nD\x9b\xfe\xf1,\x8e\x1a\xa4\x11\x00\xf8|[\xebY\xb9-\xf6m\xcbe\xad\xad\x15\x15\xfc\xe7\xa7\xa8\xb1M!\xd1\x8c\x0b\x80\x03\xd1\x9d\xa3k\x9b\x07\xe6[?\xb9\xaf\xc2\x84\xd7\x96\xa8l\x8e\xd8\x1aj\xfbF\x04[\xb7Bk9\xbcf&amp;\x02\xfe\x01`\xf5\x16\xfeq\xc4\xaa\xdb\xbed\x97MD\xa5\x9d\x94\x9e\x046\xfda\\\xdb\xb7\x0c\xc0\x94\x1e\x8d$=\xd9\xf1\xf2\x92i\x00\x88\xf1\xd1\x92\x91]\xf45X\x0e]\xbe\x12DDo\xae\xee\xb3\xd0\xf1\xdcC4\x18\xe4Vg\xaf\xb3\x9cF\xfe^\xf9U\xac\xc8\x80\x7fb\xbf-\xffz\xe4B1\xf2\xa6\x92\xf0\xd0\x05\xb0hxG\x85\xe8\r\xe69\x9a\x94\x08\xc0\xee\x85#\xc3\x8b8[}\xc4o\x1d\xea\xb3qZ\x7f\x85\x02\xca\xfeLn\t)\xd8=]y\xd7\xd8r"\xbbyhUd\xad2x}\xf9O\xdbv\xfa\x1d)\x9c\x9eB&lt;\xf4\xec\x0e$\'z\xf8\xd7f\xc1\xc14D\xfc=(\xe0\xe9\x9d\xa3k\x01t\xaf\xed\xcf/\x96\'\x05\rnV\xb1UH!\xc1K\xb2ltW\xab\xc7=e&amp;\x8a\xb3\xb0\xc9\x7f\x0b\x9cG\xc0\xe2\x11\x9d\xe4\xca\x8c\xedT\xc7Z\x97\xcbd\xad\x8a\x88\x88(\xaaM\x8d8\x8b\thT\xc6\x93\x88\xfc\x9dS\xca\x15\x10\xcf\x86\x8agJ\x90/5\xe1\xc5E\x81\xc3\x02[l5,\x93\x1b@yW\x8b\x0c\xe1\xca\x9d;\x11u\xabY\xfa\xee\xb1u\n\x05*xe\x94\x9b\x8a\xe4NJ\xe7\xb6\xce\xa5\x98&gt;\xc4\xee\xba\xa7Q\x06\xffa*K\x85\xadO\xe8\xd6@}\r\xe2P\x85U\xe3z\xb0\xb7N\x99\x08-\xfbNZ\x01\x9e\xc7e\xf0mEoKG\xa8\x06\xa5\xdc\x9b\x94\xf3\x9e\xd6\xbb\xa9U\xda\xf3\xfb\xb3fB\xaf_\xdd\x04mp\xd3\x9aC+&amp;\x00\xe8\xd3@\xbf\x9b\xe6\xf4\xdeM\x01\x8c\xeePK\xb9\x98\xbe(\x01"j\x19\\p\xed\xa4&gt;\x82\x83\xca\xb1\x8ar\xd8\x10\xd9\x115\xf2\xf7:\xbdiV\xec\x06%\xfd\xe18\xa9(\xd3*\xa4\xa0\xe0Hb\xa2b\x99~\xba\x97\xd6)\xeeR\xcc\xe1_\xa3\xfc\x91\x81\x08\xc0\xad#\xabc\xa3r\xb1\xec\x8c\xd5\xe1\xde\x07&amp;r`am\xddk\x97\xadU4\xc7\xef\xa9\x18a]\xdf3"\xcaAT4c\x1c\xee\x93X\x036\x00\xf8;\xa7\x8c\xacUf\xc7\xdc\xe1-\x82\xf2\xeb\xae*\x0bQ\xa7j%\xca\xe6\x90]\x94\xe8f`\x93\n)\x88\x1e\x9e\xda$\xbe\xbd\xba\x1f\xad\xbc\xa9\xa8m\x85\xc2\x00\xe4\x0c\xc7\xc0s}5\x1bDS\xb3p\xf6ZEu\xba{\xd4\x8f\x13\x97\xe1\xd8\x80\x8dT\xb1\xd4\xe5Y\xcb\xe1A\r/.\xee\x9c\x14\x19a\x95\xaa\xf0\xed\x1e\xf7\xb7\x8b\xea\xa1&lt;mt\xf7\xf4\xc8*m\xb0\x9c4D\x19\x7fu\x1b4\x11\xd5\xa6\x06\xfb\xe3\xf0\xca\x89\x92\x05&lt;\x12G\x0f\x00\xdb\xe7\x0c\xb3\xfcr\xac\xaa\t]\xeb\'T,&amp;\xe9cS\xad`\xd6\xb9\x83\xda\xc8\x9drj\xc3\xcc\xd2\xd9\x92I~\x14K\xd2C7\x0f\xaf\xb2\xba{\xfa\x9f\x88\x1a\xd1\x12\xf5X\xa8\xc9\x137\xc8Y0\x7f\xf9\xdc\xd0\xc2\xa5n\xc3\xd2\xb9\xad\xd2\x8cA\xcd*\xaa/\\\xbdP\xb6\x17\x17wZ\xe5\xba\xbf\x90\xb1\x9d\xea\xc6\xc1U\x02r\xd9\n\x8ex$\xa6N\xd5Jl\x9998B\xfe\xb7\x1b\xda\xa2\xf2\x886\xd5\x05\x07\x1d\x89\x00\x08\xd4\x84\x1a\xf9{)\\}\xc5\xd8\xeel\x00\x987\xb8\xadB1\xcfd$\xd8u#\xa2\xd6\xa1&gt;\x92#PT\xdb\x1al\xb6\x10\xf7\x91\xf6\xf7\x8e\xaf\xff=\x97\xad\xff2\x98y\xc7\xf2[ya\xc7\x82\x92Y\x12\xb7(\xafv}\x1a\x1bNl\xf1\x88\xfa72?\x01\x974q\xe2\xfb}\xdd\xd7\xf5wN\x81\x17\x17t\x9fn\x15*\xe7sl\x15R(\x96*o\x15RHASD0p\xa6"\n\xfe\xb7I\xa8^\xdc\xb1\xa0w\xfd@\xcbW\x0f\x00\xe4|yOm\x98\xf9\xe3\xf1i\xf1\xf1\xc9\xdd\x1b\x020+\x9f f\xd1\xf0\x8e\xea\x0b\xcf\x1e\xd0\x8a\xf5\xfe\x7fm\x9c\xd5\xaebQ\xe5\xc2\x83\x9bWRY\xad\xa6\xb9\x82ui\x15R(\xf6\x1e\xf8?\x88\x86e&lt;-7\x017/\x9f\x1f\x80_\xd6\xa4\xc0\xbbRY\xa3\xdf\x80\xd8SbQ\x80yR\xeb\xa6h\xc6x:\x84\xf0\xdc\x13\x11^\\\xe8\x16^z\xf5o\xb3\xc1X\xbd\x90Z\x19SG\xa2]\xf3\xa3r)\n}\xb9\'\x96\x15\x93P\x9eN\xfe[X7\xb9/&gt;\xdd\xb2\xa4\x86\x1c\xf1\x88\x88\xea\x97t[6\xaa\xab\xf8S\x00Y\x88j\x15\xcd\xe1\xeb\xf0\xf3F\x8flWsIT\xe7\x8b;\x16\x02\x08/"\xe7;-\x8d\x1a\xb9i&gt;_\xee\x1dg\x03\x80&amp;\xa1\xdfj\x05\xb24\x0b\xcc\xab\xe9Bq\x06\xde^\xebP\xb9\xd8\xafn\xc5\xbf\x81\xae5\xfd\x94\x0b\x0ciQ96\x16S\xd6\xaas\xf5\x84\x9e\x9a\xb6U-t\xc0\xd7\x11\x8c\xb5m\xf6P\xff\xec)\x00\xbc\xbc\xb4\xcb\x92Kk%\x93\xbc\xc8OT\x9b\xea\x9e\xd2&amp;Y!\xe9\x88VO\xe8%P4\xab\xe1\xe3\xc4\xff\xa7\x82\x94\xd0/_\x86\xcf\x1e\xd0J}a\x1dF\xb6\xfcih\x82)\xae{L\xc7\xda\xca\x85\x01\xf0\xbbx\xc9\x02\xec\x0f\xb7D\xf4\xfc\xc2NS4\xcbG\xb35\xf3\xb1!j\xa8\xc2\xdbMt\xe9\x0fZ\x7f\xacC+&amp;L\xee\xde0 Wju\x8f\x92\x90\x91mk\x96\xcb\x19[\xd1j\xf7Nl\x08p\xb1\x8d\xa5\xca\xffS0\xab\x88\xc2S\xe9\x9e8V|u\xfbF\x04Y\xab\xaa\xe5c\xba\xb1?\x0e-\x9f\xa0\xfc\x10\xdb\x98v\xbaJf1/\xc0k-\xd5\x9a\xecD\xe3\xbb\xd4\x03\x00|\xb5R\x95?Q\xbf\x1e\xd7M\xfbJ\xbe\x0b\x87u\xe0\x1fqM@=\xebF\xa7\x12S\xde0\xd4\x8awJ3Y\x18\xff\xd5^\xe3f{\xd8!\xcd+\xb3\xcd\xd22\xd9\x93\x97\xc9\x9e\x1cx\xcc\x8e\xeb\xd8}\xaa\x94W[\x8cD\x84\x9f\x87r\xf3\xb2\x10\tf0\xfb\x97\x8eeo\x93\x8e\\\x92\xe5]\xd3N\xed\xd9X\xfby\x06\xbf\x14\xbflI\xf3\xa5\xa6\xb8\xfc\xe5\xbc5\xeaz\xf4i`f\\\x01\x0f\xee\xe0\xa0f\x15\xe54M%g7\x82\xfc\xc9\xcaT-\x90\x05\xf8\x06\x00_\xef\xaa?+n\x18\xd8\xb4\x02\xf7wN\xa9\xef\x14\xea\x99\xa1e\xb0\xd0\xcd\xb7\x8cSrMw@\x13\xbf\xa7D\xf9\xe1\x95\x13[\x87\xfa\xa8)\xa92$;Al\xaa5\xe8H/\x90\x89\xe8\xd0\x8a\tr\x9ff!\xaaW\xc2U`Y\xda&lt;c\xd0\x9c\x81\xad\xf1\xee\x9a\x9a\xfa\x01\xec[2\xe6\xf0\xca\x89\xb6DN\xa2\xb1P\x8da\xb6H\x06\t\'\x92E\xc3;v\xaaZBM\x03\x0c\xac@A\x99\x10\xeeU\xe3zp\x7f\xfb:\xd8\xf8\xfc\x1e\x9b|\xf62\xc7\xe7\x98\xb6\xbc\x94O\x97[%\xa8\x8f2OGT\xc1\xcb~Z\xaf&amp;\x1fo\x1f\xb1z\x1c\xb2u\xc9J\x04`\xcd\xc4\xe8]\x8a\x92Y\x12\xfb*v\xf1\xe5r\xa6\xfa\x9d\xbf\x8eU`;\x1f\xf5K\xb9\x01P\xa9y\x1e\xe6\x99\x81\xed\xf4\xbc\xbfqh\xfd\xe4\xbe\xec`\xfd\x92nf\xcfR\xd9\xa4\xdf-\x9aF}&gt;\xb5{\'6\x00\x8f\x00l\x9e\xa1\xd3\x06\xdb\xabn\x00\xf7w\xa8g\x86$D\xc3[U\x03P\xb5\x80\x91\xcd&gt;\x0e\xf9U\xd96\xe5zs\x05\xf0\xec\xbc\xe4\xac\xd6B*\xe7s\x14{\xec1$\x07\xbe\xf9C\xda\x9e\xde4\x0b@\x1c\xe79\xb0\x04\xcfdT\xde-\xad\\2\x13\xc6\x9dck{\xd4)+\xa9I\xa9&lt;x\xfc\xbb\xd8\xbdp\xe4\xc7[G.\xedZ\xa4\xe9,I\rg\x0e/\x99\xe0\xa5\x0f\xb7\x0e+\x9c\xd5&amp;\xac0\xf0\xdd\xec\xa5\x0b\xa5\xa3\xab{\x97\xf25!\xec\x88\xf0\xe6\xea\xf2\xd1\xdd\xf8\x99j,\xc7=Q\xf4\xee\xb1\xca\xf2\x19\x88\xa2\xda\xd60[l`\x13\xe94\x00\x05\xd3\x92wJr"\xba\xbaw\xa9\x828\xb1\xc1\x7f\x90,1\x8d\xdd\xea\xf7\x8e\xd4\xd8\xf1C&lt;\xd2\xcf\xec\xd7B\xd3\xa2e\xc1\xd0\xf6\xea\x0b\' \x02&gt;\x01h\xae\xda\x0b\xf6W\xe1\x99L\xc2\xc8\x0e`x\xab\xaa\x9a\x06~\xe0\x913Q\x06"MA\xa5\xc5\x1d\x13V\xb0j\x0fe\x15\x9e\x9c\xddV\xe4\xf7P\x1bP\xb9\x88d\x8b\x95@\xde\x00\x10\xea\x99\xa1_\xc3`\xcbC\xae\xf8\xeb\xff\xacD\xd3\xfb4\xab\xe8\xed`\xdd@?\xe5\xd4\xa4\x8bGt\x02\xbe\x9c\xdc0c\xc5\xd8\xeeV\xbc\xa8\xc1\xbf\x8c83&gt;\\\xdb\xbbL\xf2Zxr\xf6\xf8\xda\xa9jj`\xa7\xef]4\xeaw3\x98\xc4\x139\xf3\x10\xd1\xd4^M\xc4\xbd\x0c\x9e\x9f\xafW\xc2\xb5K\r?M\xf5\xbb\'\xa6$Dm\xc2\nk:\xeb\xc1\xc9\x8d\x9a\xca\xffWI\xc6\xba\xfbW\x97\xf8\x07\x81\x17\x96(\'+\x04\x13\x14\xcb\x94`\xef\xa2\xd1\xca\x1eS\xf1\x88\xf0\xe1\xc6\xaa\xf1=\xbc\x92S\xc7*\xc5\x01,\x18j&gt;!\x81[B\xfar\xef\x84\xe0\xa0\xfa\x04\xd4\x923\xfd\xce\xd5J\x8aM\xd1\x00\xf0\xe4\xac\xd6\x85\x9a\x81\x95\xd1\xe4&amp;o\x1bk\xcd0KF\xd3|*=\xd1\xd0\x16U\xe4\x8a9\x11\x01\x90\xdc\x87\xbe}t\xad\xfa\xaf\xda4\xc0\xfbw\x1b\x00\x88H\xcdVMQ\xfb\xf8\xc0\x8b\x90\xdc\xe9\xadb}\x16\xabX\xffn\xd4/\xe9\xf6;\xecB\xdf9\xb6.\x8e7\x8d6L\xedo\xf6r\xd9\x88\xb6\xcd\x19\x9a3\x1e\x9d\xdb6\xef\xf3\x1d\x9dy\x8cU\xca\x96\xdf?\xb1A\xfd\xd7\x07^s\x9e\x1dFZ\xb0_Fi\xa7\xe4e\xb2k\x98\xa3H\x86\x17i\x8da\xd1Aj"\xbc\xbf\x01|\x02\x9e\xa5#*\x92QI\xa2\x82\xdb\xca\x13\xc0\xc4\xa8\xfd\xb2\xc9&gt;\xcf\xcf\xce\xef\xe0\xfe\x8e-\xf9s\xcb\xc0\xeb+\x00\x94\x03\\3\x12\x1d[3%\x8e\x1a$\x85U$\xed\xd4\xe3\xa4"\x1a`\xfd\x14\xe9G\xc2\x8a\x00\xf8\xe7\xd1_\x1fo\x1dQ.6\xb8YE\xb3\x82\xaf\xe9\x89\xcc\x06\xca\x9c\xdf&gt;\x7f\xf5\x84\x9eV\xbc\xcf\xc7\xd7N\x0b\xcd\x9d\xde+\xb9\x99I^y\xd74\xc3ZU\x15\x7f\x81\x1cDO\xcel\x1d\xd2\xa2\xb2\xca\xcb5*\xe3)v\xed3\xf8\x8d\xe8P\xb9X=\x91/\x84d\xda\x19k\xf5\x95\n\xb1\x0b\x9a\x82\x90\xbde\xcc\xd8W\xf6,\xe1\xda\x1fW\xb9X\xac\x0f\x80`\xf7t\n\x96\xfa(\x93\xceL,\xc51(S!\x8f\xbd\xee\xb7:}\xac\t\x8d\xc5vZc\xe6a\x05`d\xbb\x9a*OQ\xdc\xad7\x8f#\xd1\xf3\x0b;\xcd\xc6\x84\xaa\')\x91\x1d\xd1R\xc5\x14L5|\x9cZ\x85\x14\xfcr\xefx\xcd\xc2\xd9-\x9f\xf41\x17#c\x00\xd0Fj\xa2\\\xf1e3\xeeZ7\xc6\'\x96\xb0#\xcaA4\xaes\x0c\xb9\xae\x15c#_^\xb4B\xd8mi\xa7dDdx\x99\xb1ix\xdc\xbc]\x99\x898w\xa9\xe1\xad\xab\xe1\xcb\x1d}\xba\xbe\xdf\x1e\x9c\xb4\xae;2\xa7b\x12\xdbp\x93\xd9\x13\xeb\xa6\xc9\x95iW\xc9\x8cb\x0f\xc7\x10\x93\xf7D\xb9\x9c\xa9IW\xe68\xef\x94\xc4\xb4(r\xa8Vs4\xeb\xa3\x93\x98\x08O\xcf-\x89\xea&lt;\xa5G\xa3;\xc7\xd6\xaa\xdcQS\xa0\xbck\x1a\xa3\xf7\xb7\x0er\xce\xfe\x8cRY\xf4\xbc\x06\xd6\x97\x18\x97\xc1\xea\x0fA.\x1b\nr\xd3\xbf,\xa9U4\xc7o\x9e\x1c\x11\xc0\x80\xc6\xa1f\x8b\xa9\x94\x8e\xb0\x1c\x7f\xe7\x14\x00\x16\x8d\xe8HD\xbd\xea\x06h\xfdA\xb3\x10\xb5\xadP\xf8\xe2\xce\x85\xbf\xb0;8\xb1n\x1a\x00\x05\tOe\xb8\x01\xe0\xeb\xfd\x93\xe2O\x15\x02|Y\xb7;)2BrB]\xda)\x19\xbe\xdc\xe1v\xe9R\x98\x9b\xe1\x95\xcc\x92\x18@\xbe\xd4\xbc\xd8\xc97W,q\xba_&gt;&amp;\x92\xffO\xe0\xfb\x95=KX\xc5\xbae\xe7\r\xac\x89\xcaw\xbcw\xfd\xf2Z\x9f\x83\x94D\xe3\xbb\xd4\xd3\xd1\xa4\xd8\xa3~I\xb7n\xe1e\xe2\xe0B\xbfmzt.\x94\x9f\xbd\xe7\xd6\xc5\x12\xb3\x18\x80\xeds\x86\xa5"\x1a\xdd\xa1\x96V%\xe1\x0f7\x0f3\xc7\xc48\x08F\x94\xccfU%\x7ff6\xfc\xf4\xa8SV_\xb5U\x0bda?\xca\xa0\xa6\x1a\xd44s\xc5\'\x00\xf8|Ga\x13\x1b\x80\x87)\xba\xb1u\x98\xcf\xf0VU7\xcf\x18\xa4P\'\x80,\xc4T\x89\xde\x88?\x8d\xa7\xd1\x8f\xa3B\x1e\xfb\xec\xda\x1d\xc3\xd4S\xdc1Q\xafz\x01\xe6\xcb\x19hB\xfc"\x01\x9f\xb7\xcf\xb5B\x02\n\x1d\x0cjZ\xd1\xac\xd8\x83\x15\xb9\xb6o\x99x\xa8\xfb7Z\x84$c\x97\xb9\xde\xff\xcb\xbd\xe3:b\x14\x94W\x8a\xccS0\x9f\xad\xd6Z\x89\x88j\xf88\xf5o\x14\xbalTW.29\xb6\x11{\xc4\x9a%\x7f\x1aj[!\xba/\xe3\xbf#\x95\xf3f\xda:k\xb0\x85\xeb\x8f#\xab&amp;\xe9\xa8\x81\xfd\x9a\x9d\xab\x97\\7Y\x98y1\xee\x914,\xa7#\x02\xa0\xde\xa3l`\x930\xbc\xbe\xdc@]\x96\xd6\x8a\xde\x0e\xa5\x9d,q\x945 :\xbaz\xb2`oVR\x82\xc3r\xc2\x8b8o\x9b=T\xee\xd3\xf1]\xeas\xc2mV\xd7\xff\xd2\xa1\x94\xc2\xe8Q\xbbl\xaf\xba\x01\xcbGw\xb3fk~)\xf7N\xac\x07pp\xf9x\x95\xe5\x05\xbd\x92B\xc6\xa5\x93\xebg8\xe9o\x17\x11\x91\xa3:\x89\x189Je\xd5\xb0\x08\xe1\xba$M\x0f\x9b\xb8\x8ff\x0b\xa9\xcc\xe6FG\xb3\xd5\x02\xb8uX")\xa9\x82\xf0*;\xf1\xc6\xc1\x95\xcf\xce\xef\x00\x9e\xea\xbf\xbc\x95\x00\xb0$\xaa\xb3_\xccD`\xa9x\x1b&lt;jxpr\xa3\xfa\x81P\x9c\x18\xc7 \xb6\xa8],vS\xfc\xb01\x07\xc0\xcaq\xbf]\xc8\x1f&gt;\xdff\x7f$&amp;jP\xca=\xee]\xdbG\xb5\x0f\xb7VU3\xfa6\xef\xdf\xc8\xfc\x06\x00\xc7\xc6i\x03T\x9a\xf2,\xf4K\x91\x83\x9fkZ\x99\xbf\xf7/\xe7\xd44\x7f\x1f\x98\xb0\xb3\xc2\x96\x98wJ6\x00&lt;\xae_J\xe85\xd7\xbc|\xfe@E\x89\xe3\xb1\x9d\xea\xf8\xd8\x11\x00M\xf9\x8bt&lt;\xc0\\\xa2\xc0\xc8Z\xb2F\xd4H\x91}5\rQ\xafz\x81L\xa6T\xcd\xb4\xf2\xdc\xd6\xb9\x00~\x87\xc1\xcc \xee`!ZZ\xc5l\x7f\x15\xde)\xa9\x86\x8fS\n\xed\xaa\xa5\x06:\xd04\xc5K\x13S?\x8a\xdf\xdf\xe4\x8cG\xdf\x1e\x9c\x1c\xd7\xf9\x17lJ)\x07\xcaD\xd6*\xc3&amp;\xccb\x0f\xe9g\xe7\xb7\x1f^91\xbf-u\xa9\xa1\x94\x1d,\x1e\x11\xde^\x030\xa9{C\x85b\xe9\x89X\x1f~p\xf9xew#I\xec\x89\x02]l\x9f\x9c\xdd\xc6M\xcf\x9b\x05\xe6\x15\x8fj\xb5}s\n\xd2RjM\x10$\x16^\x14\xc4\x12\xb2\x9f\xb8\x8ca\xf9\xb1\x04\x1d\xd6F.\xa1T\xd5\x02Y\x9a\x06\xe4Us\x8a\xab\xba\xa9\xdb\xe1\x15\x13u\xdbO\x9b\x05\xe6\xeb]?Pp\xf0\xfb\xc3S\xff\x1de2\x03\xbd\xf0w\xad:T.f\xa7Kd_\x125\x01\xe1j\xdc\x1c\xe3\x11\xe5NJ\xb5}s\x96\xcb\x99\xaaw\xfd\xf2\xe2\x02\x9eI\xa9nq\x17|\x94\xcdM\x96\x8dhh\xcb*\x00\xf0\\U\nRn\x13\xc8\xdfY\xd8{+\xbb\xed\x15\xcf\x14\xc3\x81(;\xd1\xe7\xbb\xc7\xef\x1e_\x17\x9a;=\xbf\x0c\xab\\\xb7\xfc\xa7\x1a\xb8\xf1\xe0\xef\xfd\xcbc\xef*\x061\xf0\xb1\xfbi3Uo\x10\x17\x08\x19J\xa6\x9bg\xce\xbcGWM&amp;\xd3\x0cE+\x9c\x89 %\xd1\x96\x99\x83\x1a\xf8ypO\xb9\xae\xfab\x91\xb5\x13{\xff\xea&amp;\xc4)\xbf\xd5\xaf\xf0\xf7\xfe\xe5\xd7\x0f\xac\xe0\xfe\xe9\xeb`\xa3\xd0\xb6 \xb7\xb4q\xd0\xf2D?{\xe4\xb7re\x94\xed&amp;,\x81\xb0\xca\xfb\\2sbVRr\x03\\S\xae\x82\x01\x8d\xc3\xa6\xf6j"P\xf8\x99\xdc\xa3\x11\xf0\x18\x80\xf2\x92E\r\xb3\xfb\xb7lT\xc6SYAh\xc7/rK\xf9O\xb1qj\x7f5\xc5\x14\xf2\xa3\xca\x891%"\xea\x1b\x11\x9c\x8a(\xbdig/ \x97\x84\xe3\xe1\xd1\xd5\x93\x01\xcc\xe8\xd3L\xdf\xec\xcc\xd7&gt;\x86\xe5\xb9w\xfd\xc00\xcf\x8c\x00\xc6u\xae\xeb\xae{\xe7\xd7\x04\x9b\xdbp\x8e\x1f\x92p\xce\x94\x02\xaf\xca:\xc5rYzy\xa2\x7f\xbb\xaftf\xa2~\rC~u+$\x08\xf6\xb0\xfbM\x06\xa7U\xe3z\xb0\x96\xa8I\x01\xcc\x1f\x0c\xf6/\x1d\xdb\xa1J1\xae\xf7W\x93\x11^\xf2+G\x94\xf6\xe8\xdb0\x98\xc8\x8c\xa1)\xee)\xe1\x98\x88y\xdf\x15wL\xf8\xaf\xce\n\xf7;\xa2\xd5\xdc.N\x11\xc5aC\xe4%\x15M\x00\xbc\xe2\xfeN\xae\xe8k\xa1\xfb=\x94\xd4\x88v"\xeaZ\xb3\xb4\xbe\n%\x91k^V\xa2\x03\xcb\xc6M\xef\xd3\x8c+6\xc8\x94l\xab]\xc5\xa2\xc7\xd6L\xd9\xbft\xec\x90\xd8O\xdfh]\xc4\x9e,\xe2\x9d\xbd\x7f\x0b\xadC\x0b\xc5Fr\x88_E\x99\xec\xc9\x7f&lt;&gt;\xcd\r\x15\x00\xd6L\xec\xdd\xaeR\xd1@\x974[g\ry\xf7\xf7\x01\xb35t\xa9\xe1\'\xbe\x1f\x17w,hW1:\xc6\xd8\xf5\xf7S\x028\xb4|\x02\xf0\xea\x7f\xd7\x0f\x8a#\x8dG\xb6U+\x9ba Mj\xa2Z\xea\x82n\xdc\x14\x9f\x8c\xdd\x0bG^\xdd\xbbT\xf2\xa3tD=j\x97\xc5\x9b+\xfc\xad!\x07"\xbe\xe9\xf0\xbfA\x8f\xda1\x82\x80\x9a\x94\xcb3\xa0q(\xa7\x86\xe4bCU\xf3+{\xf4\xc5)lq-\xd7\xa0$&lt;wL9e\xa4\xdf\x9f&amp;\xe5\xbc\x05G\xcaI\xadA\xe3\x1e\x1f\xbd\xcf~\xcb\xe0\x82\x00\xf0\xeeo"\xfap\xf3\xf0\xfb\x1b\x87\xd8\xf1\x88\xd2\xb9\'+\xee\x00\x13\xd1\xf3\x0b;%\x8fW/\x94M\xf2\xb8U\xb0\xfc\x89\x07\xf0\xf2\xd2n\xa6\xfb2\xb3os\xcb\x9bd\xa0\x87\x0e\x95\x8b\xc9}\x14\xe2a7\xa2uu\x05s\x8b8De\xfb\x9ca\xd7\x0f\xacX5\xbe\xa7\x95Z\xf7\x13\x05\xa7\x11\xc7\x98\xbb\x82\x92\x88e2-\xc9BT\xccA\xad\xff\xa2\xa4q,\xf6\xd86\':\x1a\xc3%\x01\x85y)k\x83\xfe.\xc4\x92\x8f\xa9Y\n\xa6\xa5\t]\xeb[\xab\xb6Y\xfd[r\x7f\xe7\xd6\xe2\x8c\xc9=\x87\xfd\x1a\x85\x00(\x99%q\x9b0\x1f\xfe\xda\x14\xf8\xa2\\\xc3\xf4\xdeMI1\xfc\xad}%_\xab\xfb7\xab\xb1\xc2\x9e\xdd:\x97\x9f\xa7Z\x80\xca5I\xe3\xb2yT6\xe9\x8fF}Z\x061\xcf\xcem\'+\xa9\xc5-\x1b\xd5\x95o\x8eT\xaf\x80h\x169sM\xf3\xf2\xf9\x87\xb7\xae\xa6lkrMH\x02\r\x9f\xb29S\x95\xd7(\n\xe4\xa4\xa94Q!u#\xcc\x9a\xff\xd6\xee\xf1\xef\x91@ZH\xa0\x8b-?\x0e\xd9\xc5\xc6d\xa0\xffx\xd3Z\x97\x00`I\xbc\x18cJ\x8f\xc6l\xa2\xc3wF\x12?G\xae\t\x89\xad\xba\xb3\x12-\x89\xeaLD=\xeb\x06\x9c\xdf6O\\\xe1\xba\xc9}\xbe=8\x05`p3\rB\x14r\x00\x9f\xd4\xac*\x98\xacz"\xa2%#;\xf7\xaa\'t\xe4S\x0f\x7f_\x84\t\xd8\x19\x08\xb1\xb5F%\x9eVU@\xce\xce\xdb5\xe5B]\x94\xa3@\x99B\x83\xb2E\x02@\xac\x041k\xa7\xb6oN\xc3M\xcd,\x02\xb1\xb0_\xc8\xf3\x0b;\xd9\xa4\xe4\x17\xe6B\x08vO\xa7,\xd4\xc3h\\6O\x83R\xee\x92\x1f\xf17\xe3\x1c\x88\xf0\xed\x1e\xf0\x16\xc0\xf69\xc3\x88\x08\x00\x8bJ\x130\xbeK\xbdS\x1bf\xaa\xd9\x15\x8f\xa7b\x129\xbcu5\xb7DT(\x1d\xdd?\xb9q\xe7\xfc\x11y\x14\xfd\xf5\x95m\xcb*\xe1\x06\xbf\x07\xa7\x8c\xecr\xb1\x86\x0eQY+\x02|f\x7ft\x0b\x97\xdd\xe0-\x9a1\xde\x9c\x81\xad%?\xcaj\xae~\xfe\x1b\xc5W\xfeQ\xbfA\xcdRr_\xd9\xbd\xb8b\x1e\x89\x81\xacd\xe6\xc4es\xa4t&amp;\xfap\xeb\xf0\xf9m\xf3\xfb5\x0cf\xc7\xdf^\xdb\xaf\xb2\xfe\xff$\r\xcb\xe8\x94\xcf\xb4:\xf1\x88\xa6\xf7i\x06|?\xbbu\xee\xafn\x8by8\xdb"\x7f:\x94\x84\xa8@L9\x9e\x0b;\x16\xb0n\xfd\xe4\xfa\xe9\xd9\x15\x1f\xe6\xa8\xb65\x00(\'\xfb\xedX\xb58\x80=\x0bG\xaa\x8c:\xceDd\'\x15\xd8\xa5\x03\x05\'\x14&gt;N\x96_\xc9 \xee)\x999\x86\xa9Pr\x8b\x0cO\xce\x10\x91{"\xda\xbd`\xa4\\=\xc0s\xe0}\x9c\xf9\xf6\x81\x07\x11\xb1H\xe6:\xc5]\x94\xcf\xca\x19\x8fj\x14\xca6\xb1[\x03\xf6\xcfk\xfb\x96\xc5v;\r4\xb1n\xd2\xafWUS&amp;!\xd1\x90\x16\x95\x1b\x94r\x07\xc0\xdf=\x12\xab\xfbu\xa9^\x8a=\x9f\xed+\xf9*TX9\x9f#\x11\x95w5o\x9c\xda\xb7x\x0c\xab\xf0\xe6\xe1\xd5DtY1\x1fo2\xa2\x19}\x9a\x99\r\x1br"\xeaR\xa3\x94\xb1\xc1\xfb\x87\xd2\xa5z)\x81\x9d]S\x0f^ \r\x15Lk\xfe\x145a\xe3\x00\x98\xd8\xaf\xad\xbaK\xf7\xae\x1f\xc8\r\x00:v\xcf\x9c\x88\xbaj\xc9\xba\xfe;8\xad\x9bE\x90\xa5\x87\x0f\xf3\xc91\xdb\xc74(\xe5\xfe\xea\xf2\x1e\xb2^2\xe1\x7f\xa9\xbfY&lt;\xa2ZEsH\x86\x07\x13Q\xebP\x9f\xd4Df\xf3\xb5\xe1\xe3M\xf6|.\x1f\xa3\xd4\x0b\x9f\\?\x9d\x88\n\xa4%\x00C\x9aW\xcai\xce\x8a:\xaes]\x00\xd3\xfb4\xe3?\x93\x0eD\x03\x9bD\xef\xe5r^\xe6\xb5}sz&amp;5/\x93\x07`\xe1\xb0\x0ef\n\x19\xfc\xb6\xb4\xaf,;\xbf0\xdbmm\x9e1(\xc8=]\x98\xe7O_\x94E\xc3;Z}3\xa7Df\xa5P\x126\x1fg\xf6\xdf\xe1\xad\xaa\x01\x18\xdc\xac\x12\x11e\xe1\xc5\xcel\x98\xdaO|b2\xa2ms\x86\xea\xe8\x9aY\xb5\xeae\xce\xd4\'\xa3\xff\xe5\xc8\xf5\xdb\x9bg\x0c\xd2\xe4P\xaar\xd5/G\x90{\xba\xc6e\xf34\xf0\xf3Py\xebF\xb6\xab\xf9\xd7\xc6\x99f\x8bY"V\xaa\x92\xd6a&gt;\x91\xb5\xfck\xf88-\x1c\xd6\xc1\xc2Q\x1f\x1fo\xa9\x8f\x13\xbeyh\x15+\xf9\xe0\xd4&amp;\xb3\x85\xdd\x12\x11\xf1\x12p\xa6$j_\xd9\xf7\xd1\xe9-\x82ba^\x19U^\xdd\xcb\x90\xf6\xf9\x9diZ\xce\x9b\x88X\xc2#.\xf4I\r\xe2\xdf^\xd0\xeb\x01\xd8\xbd`\xe4\x81e\xe3\xb8#\xb3\xfa\xb5\xe8Y\xb7\x9c\x9a\xca+x\xd9+\x17\x18\xdb\xa9N\x9f\x06A\x9c\x15\xf2\xcb\xbd\xe3#Z\x0b\xfdDk\xf88\x1dZ1\xa1a\x19O\x00l\'\x00\xc0\xb8.\xf5\x88hV\xff\x96\xec\xf1}qq\xa7U&amp;\xe0\x0b\x86\xb6\xd7z\x8a\\(Sr\xa2&lt;\xbf\xb1\x1a\x9dxs\x0f\x80@\x16\xad\xae\xbc\xb9\xacm\x85"\x82#5|\x9c\n\xcaxLIn\x9c\xae\x18\xdb\x9d\xb9\xe1\x9a\xdd\xfe\xe1X;\xb1\xf7\x83S\x1b\xb7\xcc\x1c\xac\xfa\x0c\xeb\xb8W\x08hX:w\xc3\xd2\xb9\xf1\xe5\x8eUre\xb7\x0c.\x88\xe7\x17\x82=\xec\xbe?8\xa5\x9c\xb0\x97L\xf3\x12I\xc9\x161\xc3ZU\xe5|\xd8\xe6\x0fiGD+D[\xfa\xcbFwS9\x00\x18\xc4:5|\x9c\x000c\xbaV6N\xeb\xaf\xa6\x98\x1d\xd1\xb0\x96U\x14\x9e\x1f\xf1\xd3\x00\xe0\xd3\x9d\xa3\xfc#\xf3\x07\xb7\x95\xf4U \x9e\x9b\x97\xfa\xe9\xa1\xf2\xc4\xa2D\xe6D,\x0bUh\xee\xf4\xa3\xda\x87/\x1d\xd9\xa5i\x80\xf7\xff\xae\x1f\xe4\n\xb0N\xca;%\xe1\xd5e\xad)Dn\x1c\\)\x88\x81P\x13\xaf\xcf\xc7#\tu\xacR\x9c\xd3\xb4\x88c/7\xabt@\x0c\xfc\xef\xbadG\xe0\x93\x9er\'\x95v0\xab\x90\xc7\xcc\xe8ND\xc9~\xea\xdb\xbc\xb7N;5\xf6V\x16vm\xd9\x89lE\xe9\x86\xc4\x83\x9fU\xc0\xb3s\xfaZ\x1b\xec.1\xf0\x9e\xd92G\\\x1b\xf0\x8c\xfdQ \r\x05\xb9\xa5]&gt;\xba\xdb\xa5]\x8b\xf6-\x1e\xa3R\x14\xd2 \xd6\xb9\xb2g\xc9\xfe\xa5c\xfd\x14\xf3fX\x18\x17\xd4\xafa\xc8\xaa\xf1=4\x9d"\x98\t:\x10\x1dZ1Q\xa1|\x97\x1a\xa5&gt;\xdd9\xa6\xb5a\x92i\x1aY\n\xf8\x92Y\x12W\x90\x89\x87\xe2\x9e\xf2I\xdd\x1b\xaa\x89\xb6\xe7\xb3`h{\xe1h\xf7\xf5n\xdf\x08\r\xd9\xcd\x1a\x94r\xcfL4\xb3_\x8b\xf1]\xcc\xc7"qi~\xad\xe5~\xca\x05\x9aZe$\x08\xcd\x9d\xfe\xc0\xb2\x9fYh\xfa7\n\x05p~\xdb\xbc\xa4R2d\x9a\xd66\xab\xc6\xf5\x10hUZ\x82\xbf\xb3\x86\x8b/\x1c\xd6\xbec\x95\xe2\x16^\xd1\x89\x88\x88"\xcc\xe5\xc02\xbb\'\x02|\xd94}\x80B\x01}\x11\xc8*\xdd\xff\xe2\x9b\xa2\xb1tLR\xb4J\xfd\xac\x1c\xdb=$wzv-[\xed\x973 "\x9a=\xa0\x15\xf77?\x1cI!\xe1\x83\xe54S\xa7#\x1d\xdb\xbaT\xec\xfb\xa63\xcd\xf8\xbe\xdc=.\xb7:\x1e\xd6\xb2\x8a\xd6\xca\xb9-4\xb1\xf1\x01x\x87w\xd7\xd4W\xd5\xb5f\xe9%Q\x9d\x01\x08\xdc\xfb\xe4`\x9bo\xcf\xcf\xef\x88\xbd\x945\x96\xc4\x12\xf2aw~h\x8b\xca\x82\x83V\xaa\xde\x0c\xacS\xd3:h,\x1e\xd1i\xf7\x82(\xfe~\x95\xaf\x83M\x9c\x05R\xd7\x16\xc9\x0bV+\x98\xf5\xca\x9e%\xeco[Q\xf9ZEs\x00`!crJ\x9f3\xfa6\xaf\x92OI\xaf!HK \xa43\xd1\xa5]\x8b\xda\x84\xf9\xa8?\x85cV\xbf\x16\xf8vO\xebY\x96\x8f\xbe\x7f(\xd9\x88,\x17\xcb\xe4H&amp;\xa3\xcb&amp;F.\xe8\x97\x9f\r\xc6z\xedR\x85\xd5m\x94,\xea\xb2epAI\x17\xcf\x83\xbcY0\x11If\x01\xe4S\xde5Z\x97\x98EN\xca\x91/5\xfdV\xebl\xbflI\x95\x17\xfe\x00\x80\x1f\x82\x83\nA\x1er\x14wL\xa8f\xf3V@\xa8g\x062\xd7},\x1d%1\'hT\xc6\xb3m\x85\xc2\xfcH\xe6=\x0bGi\xbd\xba\x80&amp;\xe5\xf2\x08\x1co\xd4\r\xf7\x94/\xb5\x99\xb52\x00\xb6{\'\xf7\x84s\xee\xc8b\xd4\xc4|\xa9DM\xdc\xc0\xb4^M\xe4t\x85\x15P912\xf8I\xee$?\x1d\xd89\x15@M\xfc\xb5iV\xfbJ\xc2\x13\x1b\xf9{\xb2?"J\xe7\x06\x9eh\xad3\xc8-\xed\xbf\xd2Y\xcfbj\xf9*\t&gt;\xa7$\xeaU/\x80M9\xab\x154\xbf\x9d\xf9\xfb\xdcC+\x04\xff\xa8fj\xcf\xc6:\xceJGt\xe3\xe0\xca\x84D\xe2q\xd5\x9e(\xa2t\xee\x99\xfdZ\x98\xadd\xff\x92\xb1\x00^^\xda\xad\xa3\x01\x8c\xa2\x19\xe3w\xa8\\\x8cs\xa7\x11P\xa7X.\xe5\xc5\x9c\xc2l)\x97\r\x01\xa8W\xd2\x95Li)\xe7\x0cl\xcdfZ\xae\th\xf7\xc2\x91\x03\x9a\x84)\xd4|q\xe7B\xf6Gk]3z\x8e\x8f\xb7\x8e f\x8a\x187\x19\x8b\x8f\xb2\xe3\xaf\xa4\x07@\xa8g\x86Fe&lt;-h\xdd\x1f\x89K\x02\xe2\xa7Nm\xe4\xef\xa5\xe9t\xc9a\xe3\xd4\x86\x19l\x89\x9aU\xc6d\xdc\xa3v\xd9s[\xe7\x8a\xf5\xd1\xae\xeeY\xb2w\xf1hM\r\x10\x93\'\x05\xf5\xac\x1b@\xea\xfc\xfd\xad\xc5\xf0\xd6\xd5\xde\xdf&lt;\xc495q\x93,6\x99+\x9e)\xe1\xfe\xa5c\xadr\xa1\xb1\x9d\xea(|\xca\xe6@\x87WN\xeaX\xb5\xc4\xbb\xbf\x0f\xfc;\xa4\xdd\x14q\xd2\xa8\x10 %Fn\x11\x91\xe1e\x00\xa8\x17+\xecT\xad\x84r\x01\xddS\xe9\x0f7\x0f\xeb\xde\x80a\xbb\xbeL\xa2\\\xa5\xe8/\x9f\x01\x8d\xa3\x87\x07\xb6O\xc6HK\xa4u\xbd\xd5\xbb~y\xe0)\xf0\x91\x88F\xb5\x0f\xdf1w\xf8\x8a1\x91Vtf\xb0\xfa\xaf\xff\xe7\xa2\xd2\x8c#\t\xf0VyB\xa1\x80\x1a18\x1bs:?M\x03\xbc\x89\xc8l\x0c\x8bz\x945 Y"3\x00\x17v,\xd80\xb5??Wj\xdcS\xda)\xd9\xfa\xc9}#J\xe7\xfe}\xfc\xed\xca\xe6\x90p\xfa\xefR]bk\'\xa1H4\x18@\x0e"{\xa2\xe6\xe5\xf3\xa9\xdc\x83\xb1\xba\xd9\xb0\x91\xbf\xd7\xbe%c\xac]\xabft\xeb(\x14JG\x00\xcel\x9e\x93\x89h\xf7\x82\x91\x1fo\x1d\xd1\xdd\x06\xb6_\xd2\xb6Ba\xe0\xb5\xbe\x1ar\x98\xa6G\xcbFu\xad\x92\xcf\n\x86\xa5\xdf0o\xc1\xbf\x12\x00\x92\x86N\x8e\x8d\xd3\xfa\xc7\xaaE\xde\x8aZ\xc4,"\xbeJ&gt;G\xb3\xce\xce*Y1&amp;R0\xf5\x8e\xa5\x14t\xf9RSz\xa2\xc9=\x1a\xbd\xba\xac\xd3\x92\xc0\x92s\x07\xba\xa4\xb1\x96\xd1V7\x93"#\xe4&gt;\xaa],\x97\xca\xed\x16\xc8h\x96)\xa0 Wn\x96*\xf93\x8b\xeb\x98&amp;\xe8\x00\x00 \x00IDAT5p\x00\xe0\xf5\x15\xddu*`\xf9\x1c%-\xd1\xc1\xe5\xd1;I\xf5M\t\'\x148\xb6f\xea\xb8\xce\xf5\xd8\xdfl\x8a\'\xc8\xa3\xc7\xa7T\xd6$r\xba\x11!\x1e?M\x8c\xfa\x96\xda\x16\xca\x89\x8dhS}b\xb7\x06E\xed\xffCY~~-L\xb5Un\x8d\xe9\x91\x84\xf0\xe5\x8e\xe0\xa0\xca \x119z\xd6\r\x08\xf6\x88!\x06\xac&gt;NG%\xf9m)\x88\xe7\xb9\xbcj\x9c6\x9fT\x8etD\xbb\xe6G\xcd\x1d\xd4\x86\xed\x96[}\xaf\x18\x9fn\xf1g\xbe\xfd\x1a\x86\x00\xa8\xack~\xe4cGU4f\x9b)+\xbf\xda\xdb2KC$\x94z\x807\xd6\xba\x87\\\x07\xd0\xbfQH\xf7\xdae\xc7w\xa9\xcf\xcf\xa9\xcb\xddCeY7\xfe\x8d\xf6\x89\xa9O\x9d\x9e\x08\x80Y\x89y\xc1w\xe1\x04\xfeb\x9b\x01M\xc2\xcem\x9dKZ\x9eI\xc1\xa0\xf3\xfc\xc2N\xb9\x042\x1fo\x1dQ\xce\\\xad\xc9/H\x80\xc0/\xa0\xb1\xbf\x17\x9e_\xd8\xbbH\xad\x05\xf8\xc9\xd9\xad\x00\xba\xd7\xf2\xd7\xdd\x80?\x8e.\xd5K\x99u&lt;\xb7U]\x9b\xe5\x999K;%{xj\x93\xdcS\x1b\x9f\x08\xc0\xed#k,\xbc\n\x17AdG\xb4m\xf6P"\xba\xb8c\x81\xfa\xd3\x1b\x96\xc9]4ct\'\xf3\xf7\xfe\xe5\x8bFt\x9c;\xa8\x8d\x85M\x12\xf3\xe9\xf6QAg\xcf\xdeg\x1d)h\xc2\x8b8\xab\xdf\xfe\xed\\\xadd\x99\xec)\x008\x105)gi\xbe/\xe5\xee\x80\xef^\x0c\x93\xcb-\xf7\xcf\xc2\x96\xedY\xc7#\x020\xa1k\xfdK\xbb\x16\xf1\x9f\xa8#+\'\xb1?\x94\xa5F\xef\x9f\x94\x95\x0e\x1e\xdc\xbcR\xebP\xf3;\x9f[g\r\x16x\xe8\xcay[N\xea\xde06\xacsw\x8f\xad\x93\x13\x0bR\x06@~[\xe9\x8f\x8aeJ\xd0"\xa8\x80\xc2\xb9s\x07\xb5Q?\xdb\xe0\x16\xf8-\xca\xe7\xafV \xab ^\x0f\xff&lt;\xd04\'h\x16\x90\xd7\xf2\xce\xe1\xcf\x82\x8d\x99\x17w.TPD\xb1&lt;n\xa8\x84\xa3\xec\xd0\xd0\xadfi\xe0\x03?AD\x9b\xb0\xc2r\xfe\x81\x97w/\x06\x80\xf7\xd7u\xb4\x01//\xb2`\xae\x9b\x87W\x1d^1\xb1L\xf6\xe8p\x9eBvD\x16\xac\x03\xae\x1fX\x01\x80\x9f\'\xc4*8\x13\xfd\xef\xfaA\xc1\x8a\xb8w\xfd\xc0V!\x85\xac{!9\xf0\xcfC"\n\xc8\x95\xfa\xfc\xf6\xf9\x16\xaa\xee\xa8dd\xbb\x9a\x00\xb8&gt;\xdf\xc2\xc9Dz\x93M\xc9%\x01)L)\x94k(\xacZb))Q\xc1\xb4\xc2e\x16s\x01\x8aj[\xc3\xec\xe9\xff&lt;:\x1d\x1b\x03@l\x08\x97\xe6\x8cO\xef\xfe\xdeO2\x01\xc0\x8c\\\xdam0\x00\xbe=8\xb9,\xa62\xe8\x95=K\x00\xf0\x03\xef\r\xac\x0cx\xf0\x8f\xf0\xcbX\x92\xb7\xb3_\xc3`\x00L\xbeQ\x1f\n\xc6DA\xec\xee\x98\x8e\xb5\x15v\xc4\xf0\xe9\x163\x0e\x02\xc0\xd3sCbF\x18\x11Qv"&lt;\xbf\xa0\xa3\x85\x16*\xee\xf47\x05\xe8r\xac\x9f\xd2O&lt; %\xe6Y6\xe2\x18+\xa6\xa3\x9c\xd6\xbb)\xc9\xa7o\xd4\xda\tV\xc8c/7N\x9cX7\r\xc0\x91U\x93\x88h\xcd\xc4^\xbfj\xf7[\xbdl\x83\x9c\xe5\xff\xfb\x83S\xc0\xc7}K\xc64\xf2\xf7Ro"\x97\x9b\xbf[\x85\x8d\xd3\x06l\x9e1\xd0\xba\xb7tX\xcb\xaa-\x83\x85\x0b\x0b~\xf4\x8fAl\x01&lt;\x01\x90/5\xff\x08\x00\\\xd8&gt;_\xee\x94"\x19\x85\x8f\xab\xc2\xc6\x95r,F\xc7\xaa\xc5\x89H}\xa4&gt;\xff\xb1\xfbz\xef\x04\xf7\x80\xa4"\x02P.g\xaa\xdd\x0bG\x12\xd1\xad#k&lt;4nO\xa7$\x02\x107NcL_\x97\x88\\\x13Pdx\x19\x81\xd8\x0b\x80\xc5#:q\xff\xdc2s\xb0\x15Uw\xe4\xb0\xdc|g9\x00XZ7\x86\x9c\xc1D\r\xaf\xaf\xee\xd5\xd7CY\x18.7\xbaC\xad\xf77\x0f\x01\xcf\xd5\x9f\x12^\xd4\xd9\x99\x08\xf8.\xfeh\xff\xd2\xb1\x00\xf0\xf9\xf6\xae\xf9Q\xf8`\xb5\xc4\x93|X*`\x05\xf6,\x1c5\xa5g\xe3\xe3k\xa7\x12Q\x1aSt4\xeb"*y[G\xfc\xb4x\xa6\x84\x9d\xaa\x95h_\xc9\xf7?\xe0\xa3\xfc_\x80[\x13\xc4A\x0c\xc5\xda\x89\xbd\xa7\xf5n*9\x00H\x8e\t-\x83\x0b\xf6k\x18\xdc\xb5\xa6\x1f\x11U\xcc\xe3\xc0\xef!\xd8\x0b\xcf\xe6\xe3M\xd5IJ\xf0i[\xa1\x08\x00}ACZ\xc9\x9d\x84\xec\x88\xf0\xf9\x0e\xde\\Y2\xb2\x0b\x80\xeb\x07VH\x96\xe4w\x88|\xba\xd4(U*\x8b\x15\x04\x1d\xa4k\xb7\x0c\xdd\x83(\x00\x96\x1e\xa4MXa\xb3\x85\x9d\x88H~\x8a\xed\xeb`\xa3;\x97\x0e[G&amp;!\xea\\\xbd\xa4\xd6s\xfb7\n\x05^\xaa\xdf\xb7$\xa2\x1f\x8fNO\xed\xd9Xn\xb8\x1a\xda\xa2\xca\x90\xe6\x95\x9c\xb4\xb6C\x1d\xd3{75;L\xce\x1f\xd2\xee\xc6\xc1\x95\xcc\xf5\xb6W\xdd\x80\xbd\x8bF/\x1a\xde\x91-\xa3\xcfn\x99\xa3p\xa23Q\xffF!j\x9a\xe1cG^\xc9\xa3\xbb\x1d5\x8e\xad\x83\xd4\xa5&amp;n[!\xc6S\xe4iD\x04\xa8\x87\xfd\x18\xfd\x1a*\xfd~\xcf/\xec\x14\xc7m\xe9\xa3\x8eH\xc6\x84\x88$\xa5?\x00\xac\x1a\xdf\x935\xef\xf3\xdd\xe3\xfc\x8f\x9a\x06\xe4\xd5\x1aZ\x15`\xca6\xcc8\xb6f\xaa\xd8\xaf\x89qi\xd7"\xe0\xab\xca\x14\xed*\t\xf3\xcc\xb0vRo\x81\x062\x07\xb7\xde\x8f/\x95\xb4\xa4S\xb5\x12\x00\xe4\xb4\xa0\xd5p~\xfb|\xfe\xda\xcc\x8a\x8bz\xa5\xd8eE\xb4\xbe\xa1[f\x0eR\x18\xc0\x9c\xb4TU2\xcb\xcf\x05\xe3\x82\xa1\xed+y;t\xaf\xed\xff\xf4\xdcv\xe5\xb3$\xdd%ccL\xb5:\x19\x88\x12\x11\xd5/\xe5\xae\xf2GgS}\xf6\xb8\x85yf\x00\xf0L\xe6\xe60\xb7\x81\xe2\x8e\t\xbf\xdc;\xc1\\\t\x18f\x1dR\xd9KmI\xd44\xa3u\x98O\xffF!\xa3\xda\x87\xff\x8b\x92d\xfc2\xe46\xd9\x8b\xda\xc7\xdf5?JY]\xa0P:%\xb7nI\xd8pa\x89\xd1\x1c//\x8a\xf7-t#\x08Zf\n0qF\xe1\xf4\xd44 \xef\xf3\x0b;\x95\x8b\xf5\xac[N\xecs\xc2r\xef\x95\xcd\x91Jwb\xacE\xc3;\xf2\x7f\x88\xdfa\xf5\x8dg\xe7\xadR\xcf\xbb\xeb\x07V\x8d\xeb\xa1)H*&gt;\x91{""\xa24D\x17w.\xac\x92?3\x97\xbeJ\x8cK\x82\xe8\xf8\xea}\x8b\x7fA,\x98\xaf\x83\xac\x93\xbez\x0e\xad\x98pu\xefR\x00L\xa9_\xe9r\xf66\'7\xcc\xe0k\x91f \xda9o8K\xfe! \xcc3c\xee$\x14\x90+u\x05S\xa6\x97\x9a\x85\xb3\xcf\xec\xa7*\x9b#\xf0\x19\xc0\x886\xd5\x1bk\x94\x1e\xe0\xc8\x9b\x8a\n\xa4\x89\x96\xb5?\xbdiV\x9cj\xa3\xffKy~A[&amp;\x93\ny\xec-\xdc\x99\xf1\xb1\xa3\x87\x7f\x99\xcf($\x07\x7f\n\xfeY\xbb\xe6\xb32\xdc\x82 %\x91\xb2\xb8\x7fy\xd74\xf3\x06\xb7e\xafb\xb0{:53\xf1\\6\x12\x9b\x9f\xc9\xe4\xc7\xe0u\x93\xfb\xa4\x92\x1f\x93\xda\x84\xf9|{p\xb2qY/\xdd\xa3\xa0\xb5\x1c\xe6\n\xa7\x8f\x91\xc3G\xb0\xa8R\x8f\xb2\xbd\xdf\x89hd\xbb\x9aw\x8f\xafW3\xf0\xdb\x13\xad\x9e\xd0S\xeb\x14\xa1n\tW\x95\xfeN\xb5}s\xaa\x99\xe6\xab\x11\x8e\xe6/\xc2f\xf4m&gt;g`k5\x95\xe8\x0e\t\xe4\xa3\xbc\xedfO\xc4&lt;\xf3lL\xd2\x17\xf8p3\xbf-\xd5*\x9a\x83L\x11B\x92\\\xde\xb5\x88S\x89\x18\xd3\xb1v\x91\x0c\xf1\xde\\\xdd\xa7\xa6=\xec\xf7\x9a\xd8\xadA\xb3\xc0|\x96\xa72\x92\\\x9c\xa9w\xeb2\x90\xa0i\x80\xb7\xb5\x94\x14\x06\xab\xb3\xe2\x89\xe1OT\x01(L\xd3\x88\xc8\xc7\x8e\xf0\xfe:\x80\x9b\x87V\xf1\xcf*\xaf"VEY\xc41w\x12\xe2{\xc8\xf3\xa5\xb3\xc50\xeb\xca\xa9\r3\x00\x94\xc8\x9c\x98s\x16t j\x1d\xea\xa3c)\x83\xe7\x17\xf0\xe5\x0e[\x86\x03\xd0\x1au\xe9\x96\x88\x1a\xa8^\xfb\xabj\xcf\xab\xcb\xdc\xdf,e\xa6\xbez\xbe?8\xc52\x03\x0b\x08\xf5\xccpu\xef\xd2f\x81\xf9\xd8\xbd\xfa\x12\xd3\xf4\'\xc9\xd1\xd5\x93\xad\xb2F\xd4\r[\xaa\x9a-\xc6\tm\xdd9\xba\x965\x98e\x9dcd\x95r\xb8 \xbd\xb2\xd8yS\x91\xbfs\x8an\xe1\xd2r\xee\xc53%\x14\xf8k\xf0\x1d=\x8f\xac\x9a\x04`d\xbb\x9a=\xea\x94\xb53\x17\xef\xc9\xb9\x81v\xa8\\l\xe1\xb0\xf6%3G\x9b\xd7\xd8\xe0!G|"}\xaa_\xeaCU~&lt;&gt;\xad\xa3\xfe?\x9d!\xcd+o\x8d\x9d\xe0O\x0b\x01p\xfb\xa8\xf44v\xb5i\x9f@l,\xfa\xe7\xd1\xe9\xd8\xf0x\x01\xd0\xbc|~\xc9\x8f\x9a\x97\xcf\x0f\xa0MXa\x00\xfc\x85\xf3\x89\xf5\xd3\x1b\x97\xcd\x03\xa0t6m\xd6o\x96\xbd\x8f\x89y\x01P\x88\xda\x8d{\xaa\x15\xcc\xaa\xbb\xdb\xad\xed\x9bS9E\xfb\xa0\xa6\x15\xd4\x87\x9a\xc7\xcd~\xbe\x1c\x00\xf0\xe6\xaa\xc6S&gt;\xf1g*\x0e\xa6z\x04\xc5\xea\x16w\xb9qp\xa5\xbeV\xb5\xaf\xec\xbbq\x9atN\x18\xf6\xca(\x9c\xabC\xa7\x01\x1fo\x02obI\x94_a2\xcaR\xab^\xda\xb9\xf0w0l\xfe\xd6&lt;8\xb5Q\xf9W\x1f\xd8$\xcc;%\x01\xc8\x97\x9a\x1c\x7f\x9d+\xbadz\xdb\xa8\xb65V\x8e\xed.&gt;\x1e\xea\x99A\xd0\xfb\xc7A\x14~v\xa2\xc5#:I*\xa1\xee]&lt;zt\x87ZyS\x91\rO`\xa0j\xfe,\x96\xecd8\x12\xed\x9c7\x82\x9d\xde\xbd\xb6l\xec{&amp;\xa2y\x83\xdb\x02\xd0\xe1\x16%\x87\xd9g\x80?\xc8\xf1W\xe2|Wc\xab0\xaa]\xf8\t\x93C\xed\xef\xc6\xfe%\xe6\xfd\x11\x00\xc8\xc9p\x16wL\xc8\x95\x11\x9d\xf5\xfe\xe8\xea\xc9\x92g)/\xd0\xcb\xe5L\x15\xea\x99\xa1\x92w\xa6\x84R\xc9\xeb\x03]\xd2\x9c\xdf&gt;\xdf\xd2\xc8oE\xb2\x9b\xd4\xbd,y\x1a\xf1\xdc\xfcF\xd1\xfd\x13\x1b\x88\xa8N\xb1\\\x92\xde%\x06\x1aHGT6G\xcaC+&amp;\x8ch]\x8d;\x98/5m\x999\x18x\xa5\xb2\x92\x97\x97vs\xcf\xb1z!_\xb9\x19\xc7\xc8v5e\r\x90DD\xc4\xe6\xdaV\xdc+VIzQF{\x06s\xf2;\xbbu\xae\xc0Vs\xef\xf8z\xcb/\n&lt;\xe6\x1b\r\xf8\x84yf\x08vO\xe7\xef\x9cB\xc1B\x85\xef\xf7\xb5\xc6m\xae\x9d\xd4G\x877\xd4\xfe%c\xc5\x06n\x95\x14N/\xedZ\x93L\xd4?\x96\xc9\x9ebt\xfbZr\xbe\xb3f9\xb5aF\x90[\xda\xfe\x8dB\xd92$\xd8\xdd\xce\xcc\t\xf2\xa8\xb1S)\xc3y\xdco\x9d5\x84\x7f\xbc[x\xe9lR6n9w2\x01\xbe\x0e6\xc5\x1c\x12H~5KB&gt;\xd5P\xabh\x8eq\x9d\xebZX\xc9\xa1\x15\x13\xd5D\xf8$\'\x02&gt;o\x99\xf9;\x9a.\xfeep\x06\x13\'\xdeA&amp;#ND\x05\xd3\xd2\xfa)}\x95k\x08/\xe2\xcc\x16eD\x04`Rd\x84\x9a\xc8\xaf@\x17\xdb\xe5c\xba\xe1\xeb]\x8a\xf9\x9e\x17sHp\xf7\xd8:\x00\n\xc9HU\xf6\xfe\x88\x19\x01\'I5\xbd\xbd\tGx\x11\xe7w\x7f\xef?\xb4|\x02\x93\xa4VO\n\xa2&amp;\xe5\xbc\xcfm\x9b\xa7P\xa6_\xa3\x10\x81nWf\xa2\x80\\\xb6D\x04@Y\x9c\xdd\xc5\x86\x00\xe0\xc9\x19\xb3-\x01\xb0rlw\x00\xd5\x0bek\x16\x98WE\xdb\xadIBE\x19Q&gt;\x11\xa5=\xae\xecY\xa2U\xf9\x8e\x91\x81\xa8\x82W\xc6\xcc\xa6\x87\xc7\xac-\xabg\xddr:\xae\xa2\x15\x00\x87VL\x10l}M\x8a\x8c\xb0\xc4\x03\xbbV\xd1\x1c\x0f\xff\xda\xbcbL\xa4n5i}\xa4 \xba\xb2{q\x9c\xd9+\x01\xe0\xf3\xed\xb8\xba\xda\x7f\x02\xf5\x13\x9eI\xdd\x1b\x12Q\xe1\x0c\xd4\xa1r\xb1\xfa\xa6\x19\xe84sQ\x85D\xd4\xb5\x86\xdf\xec\xfe-\xd5\x0c\x00\x00\xae0\xf1\x9f\xef\xf7\xc1\xf3W\xe3z\xf6o\x0fN\xaano4\x82|\xf7\x00v\xcd\x1fa\xae\x19\x1f\xc4\x07}\xec(\xc4#\xbd \x831dr\xf3\xce\xe8\xdb\x9c5\xd8E\xcb;\xfb\xed\xc1\xa9\x8eU\x8b\xb3\x04m\x9a\xb6\x08\x80\x1f\x00\x0e.\x1b\x0f\x80\x9f\xacC\xcc\xe8\x0e\xb5\x00\x98]&amp;\xfb\xd8\xfd\xbc\xe7\x81.\xb6\x9c\x14\xb3\x85\xd6\x82D"\xcf\x9f&gt;\r4+\x97e#\n\xb3\xb6\xf3\xae\xe9\xbb\xbe\x96\x1b\x00\\l(\x1e\xd1\x886\xd5%wh\x15p\xd1\xee\xc0\xc9\x12f\xf1\x8f\xac\x1c\xdb]9\xd0\xacr&gt;\xc7\x97\x97v\'$\xe2;;pr,9\xe3Qx\x11\xe7/\xf7N\x04\xbb\xa7\x9b\xda\xb3\t[\xcc\x15\x8c\x83Xs""\x8aU\x13\x93\x80\xef\x0fN\xe9\x9b\n\xfcAT\xe0\t\xee\x9f\xda8\x13\xef\xaf\x8bSK3\xbcb\xae/%\xdf\r\x96&lt; \xbc\x88s\xdd\xe2.bc\x08\xdf\x95X\r\xec\x12\xb9\x93D[\x90\xf8W\xccF\x04\xe0\xd6/R\xfe\x93\xdb\xb3\xed^\xdb\xff\xe6\xa1U\xcb\xc7t\x13\xaf&lt;\xf0\xf5.\x00M\x0f\x7f\xf5\x82\xd9n\x1f]\x9b\x89bdgSCQ\xfb\xf8\x00\xdaW\xf2Uc\x00\xb5%R\x99\xa1s\xf5\x84\x9e\xff&lt;\xfaKSK\x18E2X/\x0b\x8f\x88E\xc3;X\xdd\xc4\x17\xd5\xa6\xc6\xbaI}\x00\xbc\xb9\xbaW\xb2\x00\xf0\xb9P:\xcaf\xda\x0e\xc9\x9b\x8aJeMBD\x85\xd3\xd3\xa1\x15\x13\x14\x84\x05\xeb\x16wQ\xdf\x0cf\xf9)\x90\x86\xf8.\x18\xde)\txsf\xb3R\x08.{\xfc\x9a\x07\xe6\xe3\x8e\xd4.\x96\x0bx\xc1\xfe^&gt;&amp;\x92\x9f\x8d\xa7`Z\xe2\xa2L\x1a\xfb{\xdd9\xbaV}\x0b%Q\x9e\xe4\xf8eKZ\xd1\xdb!V\xa5\x8a\x0c4\xd0\xa3N9\xbeA\xed\xd5\xe5\xdd\xf8*\x11\x7f+\xa0S\xd5\x12\nf\x91\x0cD\xee\x89\xa3_\t&gt;\\\x92\n9\x04\x99\x00\x18\xb6\xbc)?\xff\xf8\xf69\xb1\x92}\x85\x03\x00\xcb\xde\x</t>
        </is>
      </c>
      <c r="E681" t="inlineStr">
        <is>
          <t>&lt;class 'numpy.ndarray'&gt;</t>
        </is>
      </c>
    </row>
    <row r="682">
      <c r="A682" s="1" t="n">
        <v>680</v>
      </c>
      <c r="B682" t="inlineStr">
        <is>
          <t>steps_per_sec</t>
        </is>
      </c>
      <c r="C682" t="n">
        <v>9800</v>
      </c>
      <c r="D682" t="inlineStr">
        <is>
          <t>3.346633</t>
        </is>
      </c>
      <c r="E682" t="inlineStr">
        <is>
          <t>&lt;class 'numpy.ndarray'&gt;</t>
        </is>
      </c>
    </row>
    <row r="683">
      <c r="A683" s="1" t="n">
        <v>681</v>
      </c>
      <c r="B683" t="inlineStr">
        <is>
          <t>Loss/object_center</t>
        </is>
      </c>
      <c r="C683" t="n">
        <v>9800</v>
      </c>
      <c r="D683" t="inlineStr">
        <is>
          <t>0.20326151</t>
        </is>
      </c>
      <c r="E683" t="inlineStr">
        <is>
          <t>&lt;class 'numpy.ndarray'&gt;</t>
        </is>
      </c>
    </row>
    <row r="684">
      <c r="A684" s="1" t="n">
        <v>682</v>
      </c>
      <c r="B684" t="inlineStr">
        <is>
          <t>Loss/box/scale</t>
        </is>
      </c>
      <c r="C684" t="n">
        <v>9800</v>
      </c>
      <c r="D684" t="inlineStr">
        <is>
          <t>0.051901784</t>
        </is>
      </c>
      <c r="E684" t="inlineStr">
        <is>
          <t>&lt;class 'numpy.ndarray'&gt;</t>
        </is>
      </c>
    </row>
    <row r="685">
      <c r="A685" s="1" t="n">
        <v>683</v>
      </c>
      <c r="B685" t="inlineStr">
        <is>
          <t>Loss/box/offset</t>
        </is>
      </c>
      <c r="C685" t="n">
        <v>9800</v>
      </c>
      <c r="D685" t="inlineStr">
        <is>
          <t>0.14097778</t>
        </is>
      </c>
      <c r="E685" t="inlineStr">
        <is>
          <t>&lt;class 'numpy.ndarray'&gt;</t>
        </is>
      </c>
    </row>
    <row r="686">
      <c r="A686" s="1" t="n">
        <v>684</v>
      </c>
      <c r="B686" t="inlineStr">
        <is>
          <t>Loss/total_loss</t>
        </is>
      </c>
      <c r="C686" t="n">
        <v>9800</v>
      </c>
      <c r="D686" t="inlineStr">
        <is>
          <t>0.39614105</t>
        </is>
      </c>
      <c r="E686" t="inlineStr">
        <is>
          <t>&lt;class 'numpy.ndarray'&gt;</t>
        </is>
      </c>
    </row>
    <row r="687">
      <c r="A687" s="1" t="n">
        <v>685</v>
      </c>
      <c r="B687" t="inlineStr">
        <is>
          <t>learning_rate</t>
        </is>
      </c>
      <c r="C687" t="n">
        <v>9800</v>
      </c>
      <c r="D687" t="inlineStr">
        <is>
          <t>0.001</t>
        </is>
      </c>
      <c r="E687" t="inlineStr">
        <is>
          <t>&lt;class 'numpy.ndarray'&gt;</t>
        </is>
      </c>
    </row>
    <row r="688">
      <c r="A688" s="1" t="n">
        <v>686</v>
      </c>
      <c r="B688" t="inlineStr">
        <is>
          <t>train_input_images</t>
        </is>
      </c>
      <c r="C688" t="n">
        <v>9800</v>
      </c>
      <c r="D688" t="inlineStr">
        <is>
          <t>[b'512' b'512'
 b'\x89PNG\r\n\x1a\n\x00\x00\x00\rIHDR\x00\x00\x02\x00\x00\x00\x02\x00\x08\x02\x00\x00\x00{\x1aC\xad\x00\x00 \x00IDATx\x9c\xec\x9de\\\x14\xeb\xdb\xc7/\xb1\x1b;\x10D\x04D\x10\x0c\xc4\x02A\x04\x15\x11E\x10\x1b1PQL\x14\xbb\x0b\xec\xeeV\xec\xee\xee\xee\xeen\xcf1\x8f\x1e\x8fz\xf4\xe8\xefyq\xc38L\xed\xcc\xec\x82\xfa\x7f\xf8\xbe\xe0\xc3\xceN\xdc\xbb;s\xc7\x15\xbf\x8b(\x85\x14RH!\x85\x14RH!\x85\x14RH!\x85\x14RH!\x85\x14RH!\x85\x14RH!\x85\x14RH!\x85\x14RH!\x85\x14RH!\x85\x14RH!\x85\x14RH!\x85\x14RH!\x85\x14RH!\x85\x14RH!\x85\x14RH!\x85\x14RH!\x85\x14RH!\x85\x14RH!\x85\x14RH!\x85\x14RH!\x85\x14RH!\x85\x14RH!\x85\x14RH!\x85\x14RH!\x85\x14RH!\x85\x14RH!\x85\x14RH!\x85\x14RH!\x85\x14RH!\x85\x14RH!\x85\x14RH!\x85\x14RH!\x85\x14RH!\x85\x14RH!\x85\x14RH!\x85\x14RH!\x85\x14RH!\x85\x14RH!\x85\x14RH!\x85\x14RH!\x85\x14RH!\x85\x14\xfe\xff`C\x04`\xd6\x80\xb6\x92\xefv\x0e\xac@D\x16\t/\x9f\x9f\xdf\x0e\xc0\xbfx.\xfe&gt;^V\x19\x88\xc8!\x1du\x0f\xf1\xbc}hU\x92\xb6V\x1f\x01Ny\xb8\xffS\x13\x11\x91g\xa1\xf4\xae9$\xf6\xccL\x94\x9e\xc8\xbfx\xee&gt;M}%O\xd5\xb3\x917\xff\xa5\x9d\x99\xf4\x15\xcfo\x9d\xb7q\xfa \xad\xedl^\xc5\xb1\x9e\xab%\x11e\'\x02\xa0\xf2(\xf7\x82i\xb6\xcf\x1d\xc1\xfe\x1f\x11Q\x17_\x1f\x9d\xda0K\xeb\xa5uS1\xbfY\x19\xf3d\xbb\x1a\x11\xd1\x83\x13\x1b\x00,\x18\xd6Q\xfd!\x8d+\x16\x15o\xdc2k\x08\xfb\xc7R\xf4\xb3\xca\xe1\x94\x81\xee\x1eY\xa3fO\xbc\xbe\xb2y\xe6`\xd5\r\xd4L.\xd1\x16\xbc\xbc\x94\xdft\xe7\xc7\xa7{U\x8bd.B\x94V~\x9fj\xb6\xd9&gt;\xdc9\xa2\xfe\x9c\x01%\xf2\xb2\x7f\x96\x8c\x8cR\xdeS\xc7\xb3\x93D\xd8Hm\xcc\x90\xdc\xadHb*[\xa4s\xca(\xb1\xdd\xdb:\x93`\xcb\xe4\x1ea\xe1\xbe.\xac\xc7\x173\xab\x7f\x9b\xf9C;p//l_\x00\xbc0]350\xb9G\x18\xffeZ\xa2\xfan\x855\x9d\xa1]\xcd2\xfc\x97U\xac\xe2\xbf\xa0)=\x9bs]s\x1e\xe1A\xa6\xe4\xdb\xb3\xb3\xe2\x8dKFv\x15o,@\xb4m\xcep\xee%\x80e\xa3\xbb\xf3w`\x9d\x05\xfb\x89k:\xe44a#\xff\x871\xff\xd9\rP\xe0\xcc\xa69\x9d\x02+\x086\xe6V}8\x9b\xfa\xb8\x89\xc7\x90\xa4\xa7\x80\xba\xdd\xd4\xcf~LB`I\x95\xed\xfa\x7f\x03\x80\xbe\xa1\xd5\xb5\x1eU\xb7T\xc1\xa7g\xb7\xb0\xff\xeb8\xe7\x03\xa0\xe9\x87lR\xc9\xf6\xc1\x89\xf5\xe7\xb7\xce\xe3o|sm\x9f\xfa;;)\x00\xb0tT\xb7:.\x86gW~\xc5\xa4\xd6\x14\xc9\xce\xa0\x96\xfe\x1f\xef\x1d\x13o/DDD\xb6\xa9\x12mlW\xd3\xf5\xfc\xd6\xf9I\xd4\x92\xe9}Z\x11Qd-7\x89\xe9\xb7j\x1aW,\xeai\x99\xfe\x9f\xbbG\xc3}\x9du\x9f\xe4\xe4\xfa\x19\xdb\xe7\x0e7\xbc\x1fQ\xf9&lt;T\xc6\x9c\xdaT/\xa5\xfbZ\xbf2\xc0\x9f\x00\xee\x1f[\x97\xa4W\x11?\xb0k\'\xf5\xdd&gt;wDld\xbd\xc1\xadj\xa99C2\x0f\x00\xdc\xe5Je\xa3\xe5c\xa2\x93\xf3\xd2\xbf(er\xc4\xf7\x17\x02\x0c\xf6p\xa5\xb3\xd3\xa7\xfb\xc7\x01\xdc=\xb2\x06\xc0\x95\xddqDty\xd7bn\x87\xa7g\xb6\x0co[W\xee\xf0\xca\x16\xe9\xf0\xd7\xf5\x81-jr[\xd8(\xd2\xbb\x89\x84AF0\xcdO"\xb6\xcf\x1dn\xe4\x9c\xb9K\xddJ\x9d\xea\x08\xe7kI\x8a\x95\xd4\xc6\xc9=\x9as\xffW.\x94.3Qe\x8bt\xe5D\x0f+\x00\xe0\xa3\xc1E\xbaA\xecR\xff\xf8_w\x7f\x9a\x8fh\xc5\xb8\x9e\x8fOmb\xb7\x01&gt;\xdcvH\xa7\xf6\xd8\xd1\x9d\x1a4q\xb7c\xff?9\xbdyt\xa7\x06*\x0f\xbc\xb8}!\x00\xfb\xd4\xb2;\xcc\xe8\x1b\xae\xb6\x11F \xf9\x00\x1a\xc9\xb7g\xe7\xa6\xf6jyl\xcdT\xf6\xb2[H\xe5$\xb8\x08\x15K#\xdc\xd2\xa6Z\xc9\x06\xe5\xac\xa3\xeb{\xb5\xf7w\x954\xaa\xfc"\x04\x95\xb6\xf8\xfc\xe0\xc4\xcfn\xc5\xaf\r\xde\xdfR\xde\xa1c\xed\xf2\x00\xf0\xed\t\xb7\xe5\xe1\x89\rD\x04|n\xeeU\\\xf0\x962\xd5\xed\xcc\x81\x8foo\xec\xf7\xb2\x14\x1a\x9d\x064\xafy\xe7\xf0j\r\xedNJ\xa4\xecgD\t\xf6S\xf1\x84\xa8J\xe1\x8c.Yh\xd5\xf8^[f\r\xcdn\xe8\xe4\xb5\x9c\xf2\x10Q\x83r\xd6F40\x11\xb5K\xe4\x9b3\xa8\xdd\x84\xee\xa1\xe2\xb7\xf0\x83/\x83[\x05(\x9f\'=Q\x11\xd5\x17}w\xf3\xa0\xc6f\xc6\xe3\x9c\x99\xd7\xaa\xd7W\x04\xfe\'\x05\xa6\xf7\r/\x995\xfe\xff\x02DuK\x15\x94\xdb\xd3\\_\xcb\x92\x11\xc7\xf4\x89^\x961\xa7\xe1\x11u\x7fNSxm \xa2\xa5\xa3\xba\xb1\x97m\xaa\x95l\\\xb1h\xf9&lt;DD\xa5\r\xde\xd3R8*Z\xd6\x93\xcd^\xd5\xaf\xd9\x0f\xcb\xc7\x81\xa5\xe3$=\x85\xff\xaf\xc1\xcb\xcb\xdc\xffC\xc2\x03:\x07V\xac\xe5\xa8\xcaH\xc3\xfak\xadv!I\x98\x8ft@\xf3\x9a\x86w%"\xa2\xea\xf6\xe6[g\x0f\x93|K}\x17\xa6\x95\xc0\x92\x05\xe4\x16\xbc\x83[\x05\xd4q\xc9?$\xbc6\xfe}\xe8[4\xab\xe4&gt;\x1c\xcc-\x0c\x80\xbf0\x92\xe3\xcc\xa6\xd9.\x99u4\xf6\x07\x00TN\x96?\xdd?\x0e|0\xeab\x86\xe8X\xbb|.\xa2!\xadk\xbf\xba\xb2\x07@\xc7\xda\xe5\x87\xb7\r\x94\xdbY`\xdd\x12\xc0\xbf\xeb\xf8\xce\xad\x8a\xf9\xcc\xd8\x04\xe5wadd\xc8\xf2\xb1\xd1\xca\x0f\x91\xa4\xd3[%\x0e\nn_\x19&amp;E7c\xcf\xf5\xc3\x93\x1b\x1b\xb8YG\x05{\xe8\xbe\xba$5\x8a\xe5\x00\x10UO\xf6\xb4\x07\x97M0W&lt;\x83\xf6\xcfDD\x84\xf7\xb7VO\xec\xcd\xdf\x92Ify\xfd\xbf\x80{A\xd1\xcaM\n\xeb\x84\x7f\x16\x8d\xe8\x8c\x0f\xb7\x01t\x0f\xf1L\xb2F\xc92""\xc8R\xf5\xce\xe9\x89J\xc8\xcd\xd2\x93\x12\xc5\x1eI\x1b\x00\xd4x\xed\xca\xe7\xa5\xe8\xfa^\xa6\xbb\xac\x01\x8c\xe9h\xb42\xa3_k\xdd\xc7\xe6&amp;\xfa\xf7\xd1)\xee\xe5\xa2\x11\x9d\xb9\xffC=\xec\x8djVR"\xd7\xd7\x941\'|\x7f\xaa\xe9T\xfc\xe5O\x93J\xb6\xc3\xda\xd4\xd1\xdd*9L\x18\xf1a+\n\xaeS\x18\xf0\xc6tn\xa8|\xb6\x81-\xfd\xf5y\xbc\xe7\x0cj\xd7\xa7\xa9\xef\x9cA\xed$\xdf\x1d&amp;?\x17\xf9\xfdh\\\xc9\x16\x80\xca\xa5\x9b5\x11%\xbe\xa5\xd4\xc3\x99p\x05\xbf\xa8\xe4\x0f\xdc\xb2j\t\xb9\xf3\x98pi\xa6r\x05\xf3\xff\x87\xf6\xfe\xae*\xf7T\x984\x94S\x11#\x85\xff\x1e[\x10\rl\xe1/~\xcb\x86hl\x97F\xa76\xccT\xd9\x12&gt;^V\x19j*Z\x8a\x98K\x86Mu\xbb\x06\xb9\xeb\xb8D\xf2\xd0\xb0|\xfc\x02\xb5u5\x17\xdd\'\x91\xf4`M\xee\x11\xc6,\xf5\x06\x17\xa0?\x85#+\'o\x995\xf4\xd0\x8a\x89\xca\xbb\x01(B\xa4\xe0S\xe4v\xd3\xd7\x0c/\xab\x0c\x8bc\xba\xfcu\xe3\x80\xbe\xc3\x7f3\x00|\xbc/\x8c\x1e\x91\\\x0f\x02\xef\x92\xe2\xea\x92\xbf\x93\x9c\xc3\xadC@\xb9\xda\ta\xc5\x06\xa9[\xaa\xe0\x86\xa9\x03\xcc\xa5\xdeb\xcej\x95\xe7Q \xbd\xe1]tR\xa3X\x0e\xe0#\x00}#\xae\x98d\x0e\xb1P\xe0\xda\xde\xa5\x82-.Y\xa8\x9a\xad.\x13r\x02\xa9\xa4\xe6\x8f)\x08\xc8G\xa4~\x01\x9d&lt;\x08"1]\xb2\x18\xbeQ\xf9s\xff\x15c{TP\xdb\x1f\x08i\xeaa\'\xb9\x1d\xf8\xbb\xa5\xb7S\xbff5t\x9e\xf7\xf7b\xd9\xe8\xee\x06\xad\xc7_\x9f\x9c\xa9\xe3\x92\x1f\x7f\xdf\xd6q\xfe\x8a\xf9RIf\x0c1s\xac\xb2\x01W\x8c\x87\x85\x06\xb3\x1e\xe7D\x14l/\x91\x91v/\x1c\x05&lt;Sy\x1e\x85\xc0\x8c\xcb;\x17/\x8e\xe9\xc2?3\x83\xc5\xdd\xf7\xe7\xddC\x99\x89VO\xec\xa3\xe6r\xed\xfd\xcb\x12Q5\xdbl\xe7\xb7\xcd\x07p`\xd9\xf8\xf2\xeanq\x85\xa1\xc2%\x0b\xbd\xb8\xb8S\xd5Y\x92\x9d@\x97\x02:\x06\'\xbe\xcbqf\xff6\x99\x88\x92:\xccQ\x13\x8d*\xfc\xcaa/\xd2\x84y:(\xe7:\x8d\xeaX_\xe5\xa9\xa2\x82=n\x1d\\\xd9G*\x8aO@\xb3\xca\xc5\xf4Y\xea\x19s\x07\xb7\x070&gt;\xaaiI\xedK\x9a\xa3\xab\xa7*\xef\xe0\x98t\xf3\xbb_\x1cs\xa2\xeav?\x9e0\x00KFF)xc4\x91l\xd9\x17\x03[\xd4&lt;\xb6f*\xf0\xa7\xc1=\xc5=l\x19s%K\x14G\xfe\xc4\xa6\x8c\xfdK\xc7\xb1\x7f\xfa\x87\xd5hX\xbe\x08\x80\xc6\x95l\r\x9eD0\n\x02\xf0+\x96\xf3\xe5\xe5\xdd\xc0\'\xad=c&gt;M{\xff\x1a\x08\x06i5\xee\x85\x8a\xf9\xcc\xf8?\xab\xcaE\x92\x0e\xdf\xcc\xf6\xb9\xc3M\xe2\xf0HMt~\xdb\xfc_|L\xc0\xf7\xa79\x88\xd2\x10\xb5\xf3+cxoC\x0ch\xeegm\xfcY\x0c\xd1\xabqU\x00\xcaS\xd8\xccD5\xec\xcd\x05\x1bo\x1eX\x81\x0fzf\xb4\xff/\xc8N\xc4\x02\xef*\xe63\x0b,Y\xa0o\xd3j\xd5E\xdf\xa0VlS\xfd\x88\xc9\xd3\x11r@I\x19\x13\x16\x1bYO\xb0\xa5|\xde\x1fJ\x18\n\x9cX7\x83\x88\xf0\xdfc\xf1\x04\xc4\xb7h6\x00\xe6\x86\xce0\xb0\x85\xff\x96YC\xb9\x97\x85\x89\x1e\x9d\xda\xd4\xa0\x9c\xb5\xbe\xb8)\x00;\xe7\xc7(\xec\x10\x17\xdb\x95\x88\x9c\x85\xb9\xde\x89P\xf3\xc1\xd5\x90*!\x96I\x81yC"\xf1\xf5\x11\xf7\xd2\xdb:3\x00\xe5y\xa8[.\xfa\xfc\xe0\x04\xfbr\xbc\xad3\x8d\x8fj\xa22\x00\xaaU\xd5\x12n\xb9hl\x97F\xeavOn\x004\xab\\,\xd9.W6\'\t\x8cn\xcd&lt;\x1dLx~\xb94\x9a\xa8`\x8f\x9fb\x8dt\xc9\x92\xe8\xe5\xa2\x11\x9d\x94\xd3&lt;\xab\xdbe/\x9b3^\xf4%\xa4\xac\xd5\x9cA\xed$\xf7NM\x94\x85\xe8\xdfG\'w-\x885]c\x7f\x19No\x9ce*\xbfk\x84_\x19\x00\xf7\x8e\xad3#:\xbaz\n\xff-\xbc\xbd\xb6`XGn\x1e\'y\x7fd :\xb3i\x8ei\x9a"\x82y5\xd9\x00\xc3iG\xa8\xf1g2\xc6vi\xa4oH\xa3\x84\xf9oX\xc2\xb3wc\xdf\xb2?.\xec\x88i\x1f\xbcsA,?\t\xa0r\xa1D\xa9P\xe3\xa3\x9a\xec_2.\xd0%\xff\x9c\x81\x11\x02\x0b\x95\xc1y\xaes&amp;v\xd1W:[\xac\x11\xad\n*\x06-\xf9Y\x89\x16\xc7tytj\x13\x11\xbd\xbby\xb0k\xb0{\x0bo\'5g\xf6/\x9eK}BY\xf2S\xcf\xd5R\x9cK\xf5Ka\x9d\x90\x07\xa0\x92\xe2R&amp;\x14\xadV_S1\xa1[S\x1dG5\xaa`S\xd3!\xe7\xf5}\xcb\xe4v\xe8\x10P\xae\xba]v\xe0\xe3\xef\xba\x9eh\x95`\xe8H\xad"\xe3\xd7\x18r\x13\x01\xf8\xef\xe9\x19\x962\xd6?\xcc\x8f{\x0b\x7f\xdd\xe0\'b\x0ch\xee\'8\xb6Q\x05\x1b~\x06@{\xff\xb2\x93\xa2\x9b\xa9\xbf\xb4\x82y\xd0:\xe1\x1fs"\xa6\x04g\x8cER\x07\x9bf\x0c\xa6\xc4\xdf\xbc\x1ac}Pi\x8b\x99\xfd\xdb&lt;?\xb7\xed\xec\x96\xb9//\xef\x92\xdb\xcd\xb7hV\xf1\xe3\x16U\xcf\x03\x80x\x9a\x9fE\xb4\xe5\x17$\xdc\'\x912\x84d\xc4\xc8\xc5\xed\x0bt\x9f\x7f\\\xd7\xc6\xa6\xf2\xbas\xf0%\x9b\xd4\xa3&gt;\xf7-\xd9\xb0O\xad\xc1~\xdb\xabQ\xd5\xf3\xdb\x92Jn\x84\xa1in\x01\xe0\xf5\xd5=:\xaeb\x97Z"\xd6cp\xab\x00\xf6\x04\x9dX7\xbdr\xa1t\xfb\x97\x8c\x13G\xc6\'_\xac\xb41\xac\x18\xdb\x83\xfdS\xcf\xd5\xf2\xcd\xb5}*{\x01\x13.\xe2\x16\x0e\x97\xd6w\x04\xc0\x9f\x02\xf3\xed\xa7\xddB*W* \x9f\xb3/\xc5\x9bk{\xc5\x1b\xfb\x86V\xe3\x8f+%D\x86\x91\x9f\x92\x10\xf8\xe7\x85\x1d*\xf7l\xed\xebrx\xe5$\xe5}\xf8\x01\x7f\xccT\xb2tT7I\xf5\xd6\xf5S\xfa\xab\xbc\xae\xc9\xd1$L\x94\xc6\xd0&lt;T\x9f\x03vj\xaf\x16d\xd2\x1c\x0e\x0e\xb9\x87e\xf9XY\xfd\x99&amp;\x95l\x15B\x0f\xd8\xa4A\x816\xd5K\x86\xfb\xea\x0f!\x95\xa3O\x13_.\x07X\rM\xdd\xa5\xc3l\xd4\xc3\xe9\xdd\n0#*\x91\x89v-\x88\xc5\xc7\xbb*O\x05\xa0G\xc3*\xdc\xcb\x1d\xf3b6\xe9\x15\x1f\xcdG\xe4W,\'\x11\xa5&amp;Z1\xb6\x87cz\x9a=\xa0\xed\xaf\xa3P`\x14^V\x19VO\xe8\xcdf\xc1\xedj\xaa\n\x0c\xf7(\x98\xf6\xeb\xe3\xd3j\xf6\x94L\xcbJ\x9e\xec\xf6uS\xfa\x897\x02_8\xe5"\xd7\x1c\xc4\xd9\xf8\xb8\x8c\xa1\xeb\xfb\x96\xad\x9f\xfa\xd3\xbaE\x93\x03|*\x9d\x9d\xe4\xcc\x0cU\x8b\x08m\xe9uK\x15\x94K\x99f^s\x93KK\xf2\xb5\x08s\x10\xd5/[\x18\xc0\xfb[\xb2z\x12F\x9aL\xf8\x91\x0e\xbf\x0eS{\xb7T\xde\xc1\xa0\xa5()\x0c]\x16Dvf\x84O\xf7n\xee_\xc1\xb6\x18\x0c\xd8O:\xaaXe\xc4\x7f\x8fm\x88\x80\x97\xfa\xcepv\xcb\\\xc9H\x7fI\xb3\x15\x9f\xd4\tN2\xdf\xa2\xd9\xca\xe5&amp;\xdf\xa2Y3\x10\x15\xe4\xd9\x12~cr\x10\x15ME\xee\x05R3\xc343\xb3J\xc2\xff\x9a:\x07V\x94L\xea\x11S2+\xe5&amp;\xda\xb7d\xac1\x8d\x14X\xc3\xb5b\xce\xfb?\xb2VY\xe6\xc5\xa5\x04\xf1\x19\xf6?\x0b\xfc\xd8\xbfd\xdc\xab+{L\x12\\\xa8I?=\xe9\x18\x11Q\xb7W\xe3\xaa\xea\xf7_3I)n\xb5v\x89\xbcx\x7fS\xe5\xa9\xbc\xac2\xa8\x91\xdf\xc8&amp;\xda\xe2\x96+\t3\x18B\xe5\x9d\xae\xc0K\x95\x13 \x93\xb0zBo\xc3;\xfd\x02\x00\x9f\xae\xef\x955\x88\x1bd\xeb\xec\xa1&amp;I\xd7hX\xbeH\xc9\xac\xe4a\x91v|T\x13}g\x00\xbe\x19\xaf\x91\x1eT\xdaT\x01\x13\xbf\x12GVM\x19\xd0\xdc\x0fx\xa5i\x05\x17U\xcf\xa3\x96\xa3\x01\xb7\xe9\xaa\xf1\xbd\x00\\0\xc2D\xcb\x01\xc0\xe4!\x8f\x1d\x02\xca\x11\x91\x7f\xf1\\\xc0\xb7\xccD\x95\x0b\xa5o\xe5\xa3_\x8b\x98\x12\x02\x81\x80g?=\t\x8bKz\x16\xf7\xb0DT)\x7f\xeaRRo\x18t\xb4\xecW=\x96W-\x92\xa5B\xbeT\n3W6\xe7\xe8\x10\xe0FD5\x1dL\xb6\xb2h\xeeU\\\xe1]\xb9\xc2&gt;\x94 \xa1\x1c\xe1WZn\x07\x13\x96aq\xceL\xf8\xf2P\xdf\xb1\x91\xb5\xdcL\xd7\x10\xc3\xcc\x19\x18a\xafw\xd9uq\xc7\xc2\xed\xf3\xa4M:&amp;A\xfdj.\x07\x11\xfe}`\xe4\xe5\xac\xb5Xk\x7fKT\xca\xfb\x01\x7fS\xb2;\xf7\xfd\x93R\xc8al\x97F\xd5l%\xbbJ\xb5\xbc\xba\xbc\x1b\xc0\xdcA\xed\xf0\xc7\x05\xc1[[f\x0e\x91\xab;\xf6S\x88O\x96\xfb\xf7A2W\xf8\x12\xd3\xd4\xdd\xaeI%[s\xa2\xc9=\xc2V\x8e\xebi\x92s\x0em]\x9bt\x05\xb6\xb2oE\xa1\xb33\xad \xd2\xc1\xe5\x13\xd8\x82\xc3O\xc5\xb4\xb4OS_\xc9RN\x1c*C]\xb9\x14,\x95\x0fo\xc7\xda\xe5\xaf\xec\x8aS\xb5\xab\x88L"_\x08s\xd5X\x98\xb4\xd2V\xa8\x87\xbdx^\xd8\xda\xd7\xc5\xb3P"\xcb\x0e\x93\xb13\xe6B\xf6\xa9\xa9X\xda\xdf2\xddO\x82Q\x1d\x12%\xf89f\xa0\x10WK\xe7\xcc\xc28\x04\xe5\x02:r\xf5\xc2\x92\x14\xf3\xe4\xbfdb\xc4}\x80\xa7e\xfa\xdb\x87V\xbd\xbe\xba\xf7\xd2\xceE\xa6\xbdV\x93J\xb6\x05\x88\xccDY\x149\x8d\xf3\xc9\xd7w+\xfc\xf0\xc4\x06\xe7\xccz\x94\xe8\xe5\x0eQ\x1e&gt;\x83K[\x18t\xae\xff\\\xc5\x02\xe0%\x00;\x998\x03f\xfbN\xa2\x9c;5?e\x89L\xd4\xabQ\xd5O\x0f\x8e\'M\x13\x84\xe4\'\xaa\xe3\x92?\xc0)\x8f\xca\xdc\x14\xae\x90\x83\xdc\x0e\xfc 4\xeb\x84\xd8\x04\x95pBI*)(\xe5\x11\xc9JT\xd68\xf3O-\xa7&lt;\xde\xd6\x99\xba\xd7\xff\t\x82\x98I\x8b\x9d\x19\x95\xcaFKGu\xeb\x1e\xe2Y\xaf\x8c\x86&gt;a\xe3\xf4\x81\x94\xc4\x81\xa4b\xc6t2\xa0\x08h*\x98&lt;\x83\x18\xff\xe2\xb9\xc4\xe3\x9e\xb6*\x94\xaa\xe1\xa6\x1bfD\x02\x8dhc\x92Pl\xcd\x08\xc0\xd5\xddq\xce\xc6\tJ\xf3\xe12\xa2\xf9\x00\x1f\xda\xfb\x97\xcdI\x14\xe0\x94G\xfdj\xdd\xe5\'E\xa7~\xbcw\x8c\x13\xa4\x02 p\rf\xd2\x18\x11\xaf\x1e5\xa9\x00\xff\xdc;*\xb7\xfehP\xce:C\x821\xd3\x84\xd4.\x91\x17\xaf\xaf\x020(\x08\xc6\x04\xac\x80Wg6\xcd\x963\xe4\x89\xc7\x86\x17\x97v\x1e\\6AMK\x8c,\xcbS\xd9"\x9dA\x81\x07s"\x05\xf9\xf1@\x97\xfc\xa5\xb2\x19;~\xfc\xba\xb4\xab\xe9j\x94\xedC\n\x85o3y0&amp;\xd8cqL\x97\xc2\tb\x18\xe2\xd0\xecE#:\xcb%\x894u\xb7+\xaf\xb7|0__H\x92\x91\x1dB\xc2\x14\xad\xdb\x9aX22*\x19\xaa!\x02\xf8\xf7\xe1\xc93\x9bf\x1b\xd4q$\x93Z\xd8u0\xb9G\xd8\x8b\x8b;\x01l\x9e9\xd8-\xd7O(V^\xb7d\x01eu\xbcY\xfd\xdbHngS6fGbA\xcc*\x03\xa6\x0b\x13\xdd&lt;\xb0";\xef\xa5\xc0\xc6ZH\xe3B3\x1f\x91\xa4c)\x17\xd1\xac\x01m\x05\x1b\x01\xbc\xb9\xb6O\xe1l,\xd3\xde\xb7hV\x00\xc6\xdc\x1b\xfc\xc5\xb3\xa7\xa8\xde\x14\xa3k\x90\xfb\xb3s\xdb\xe4\xce`E\xf4\xf7\xed\xc3Fz\x07\xff7\xe1\xeaj2\xbd\x01\x8e\xa6\x1e\xf6s\x06F\xfc\x84\x06\x99\x02\xe0\xbf\x8eu\xca?;\xb7\xf5\xf6\xa1U\xe2\x07\x00\xc0\x7fO\xce\xc8\x1c\xf8\xec\xcb\xe3S\x92o\x19\xa4\xba]v/+i+/\x9b\xbeDH\xa9\xb5\xe0\xd3\xbd\xab\xbbu\x9ah\x93\x01\x96\x06\xf8\xfd\xd99\xd3\xce\x9d\xb9\xa8\x12\x938\x8e\xbb\x04U\xba\xbeoYm\xe7|\xc4\xdc\x00o\xae\xd5v\xceg0D\'\xb2V\xd9\x99F\xd4-\x90D\xdf:\xb2g#a\x94\x17\xf0VM\xa9\x9flD\x8bc\xba\xb0\x85Ez\xa26\xd5J\xea\xba\xbea\xf0\xee\x86\xc4F\x00\xaf.\x8b\xb7\x0b\x18\xd8\xc2\x1f\x80O\x91,}C\xab\x19\x1fM\xa4\xaf\x84\x19\x11\xe1\xcb\xa3\x90\xb2\xff\xb3\x15b\x0cP1\x9f\x99\xb5\xf6\xa3\x1aW,Z\xda\xdc\xd4MI\x16\x86\xb6\xae\x13\xe2j\xf9\xf0\xe4\xc6!\xadk\x0bB\x8fz7\xf1\x95\x9b\xfe\xff\x94\t\xec\xc0\x165\x01H\x16\xca\xe0\x16\xac\xeb\xa7\x0e\xf8)\t\xa6%2\xc6\xbbU\xcb\xe7\x91\xe8\xa9\xcd\x89t\x18\xa0*\x17J7k@[nT\x9e\xd8]Cr\xb8\x98,D3\xfa\x86\xf3KH\x0ek\x1b\xc8\x06-cN\xab\x9br\xb9%2\x13\xc5\x08\xfc\x90b\xb9\\\xe0\xbb\xd6\xfaw\x07\x96\x8e\xd7\x17j\xfd\xe0\xc4\x86\x19}\xc3w/\x1c\x15Y\xcbM.\xa1Zr\x19!\xc8\xfa\x94\x83\x85\x11n\x995\x14\x00\xbe&lt;\xf4/\x9eR\xd2#\xd9)\xcb{|\xd9]\x92\x95h\xe7\x82X\x93\x9b\x1d\xe50y\xe59\x83\xcc\x1f\xda\xe1\xd8\xea\xa9\xb5\x1cs\x03\xe8\x1f\xf6K\xab\x84/\x1a\xd1\xb9S\x9d\n\x92Yo\x0c\x93\xdb\xf7\xd4\xf3\xc7\x85\xed\x92\x0f?\xb3\xb0\xb9\xe5\xd6V\\ar\x8f\xb0\xc6\x95l7L\x1b\x00\xfc\xc7\xb6\xac\x1a\xdfk\xee\xe0\xf6\xa6h\xe9\x0fz6\xf2\xd6q\x94\xfan\xa9OS\xdf\x9b\xfb\x97/\x8e\x95\xb6\xf8\x1d_;\xcd`\xb2\xd5L\x19[\x10\x87\xbe\x00\x01\x15C\x8f\x90\x0cD\xf8p\x1bx\x01\xe0\xd5\x95=\x948{\x9f\xa3\x86\xbd\x84\xa3PY\xccy\xe5\xf8^l~\xf0\xf0\xe4F\x00\xeb\xa7\x0e\x00\xde\x9a&lt;\xc8\xc2xX0U\xf1_Xo\xca\x94d&amp;\xea\xd5\xb8j\x98\x97\x03\x13\xea\xe1\xec?F\x127\xb2\xab\xf2\\Pe\xe9\xda\xa4 \x17QN\xa2f\x9eF\'\x90\x98\x88?.l\x07\x9es/\xb9\xc8\n\xee\x99\xaf\xe7j\xc9E\\\xd8\xa6\xa2Nu*&lt;9\xbdy\xe7\x82\xd8%#\xa3\x04\x02\xd8\x95\xf2\xa7Nj\xf5\xf3?/\xee\x00\xbe\n6\x86y:\xb8\xe6 |}\xcc\xd6\x07\x1e\x16iY\xb4\t\x7f\x9f\x8e\xb5\xcbs\xff\xf3\xbd*GWO\x01\xd09\xb0"{9\x7fh\x87\xa4h\xb6r\xc0\xa5\x91\xa4&amp;\xc2\xab\xcb\x93{\x849I\x99\xa3\r\xfe \x99\x89\xba\x85T\x96{\xd7\xc2D\xb5\xb8\x95y\x7f\xeb\xd0\xaa\x04\x13\x19\x80}qc\xe7\x0en\xff\xea\xca\x9eP\x0f{\xf55UZU-\xc1\xd9c\x14bX\xdf\\\xdb\x07\xa0h*\x02&gt;\x1b\xd5\xe8\xa4\xe1\'\xc9\xdc\x19\xc1\xe6\x99C\xc4\x1b\xd5/\x18\x83\xcb\x14j\xe9\xedd\x8c1lHxm\xf1\r\xda\xc4\xdd\x80\x86\xbe&amp;k\xc1\xb3\xb3[M^\xfe[\xa0f\xaa\x1b\xbdN\xe2x\xaaXe|p|\xbd\xf2&gt;\n\xb9N|v-\x88\x15\x17\x86\x13P\xd5:s\xb9\xdc\xa4\xe0RdF\xd5\\2^w|\xbe/^&amp;\xae\x9a\xd0\xdb\xbfx\xae\xc6\x15\x8br\xb7\xc1\x99\xcds\x04\xb7Dp\x99Bu\\\xf2\xaf\x18\xdb\xe3\xf9\xb9m\xe0\x89E\x97\xcbC\xc0\xb3n!\x95\x0b\x12e\xe4\x99t]M:&gt;\xaf\x99\xd4\xa7\xdc\xafji\xa8\xe9\x90\xeb\xdf\x87\'\xe5\xde\x1d\xd3\xb9a2\x0c\x00\xf8\xeb:\xfe\xb9\x93\x81\xad\x00xt\rr\xe7\x0b&gt;\xf2\x19\x1c\x1e\xc0\x7f\x99\x93\xe8\x1dO\xedCM\x83\xffg\x83p\x92\x13;3=\xcbC5U~\xd4`\x9f\x9a\x88h\xf5\x84\xde\xe26\x88#\xff\x0cF2\xf0\xc5D\x05\x1cZa@.M\x07eMgG\x1f\xd8\xc2?*\xd8\xe3\xe7J\xd2\xe4%\xba\xb8}\xc1\x8b\x8b;\xe5b\x81\xb8$\x8f\x05\x8a\xb3\xec\xbe\xa1\xd5ZTqT\xd8A\xbc8\xf6\xb1\x11.\xfe{7\xf6\x01\xb0fb\x1f"\xf2/\x9ek\xce\xc0\x08\x00\xc3\xda\x06\xfa\xd8d\xd9\xb3h4\x00A\xc6\x891\x83h\x1e\x15\xeb\x86.u+\x19q\x05\xb5\xa8O\xa2\xe1\x92q.n_\x88WW\x00H&gt;\x1b\x99\x88\xc2}]\x1e\x9f\xde,)\xfc\'\t\xde^\xd3\x1at\xdb\xa7\xa9/_\x15\x06\x9f\xee%\xf4\xff\xdf\x1d\xd2\x91\x9c\xd6\xc2\xdc\xc1\xed\xf9\x81U\x99\x89\xa6\xf4l\xae\xed\xc2&lt;\x82J[t\xaf\xef\xa5\xefX5\x8e\x07\x01\xde\xd6:\xccc\xbf*?Q\xa2\x00\x80\xa9\x04o\x01(\x0c\x00I\x01S,\xd0\xd1z\xd6\xdb\t,!\xac[T\xb9~d\xa6\x9b\\Dm\xab\x97\xda1o\x84d\xa4\x9dI\x08\xe0\xd5^&gt;\xbfu\x1e\x8b\xe5\x05\xb0{\xe1\xa8J\xf9\xcdN\xae\x9fym\xef\xd2\r\xd3\x06r\xfb\x84\x94\xb5\x02`\x12u\x94ze\nM\xeb\xdd\x8a\x88&lt;-\xd3s\xf9G\xcc\x01\xa3P\x8f^\x80\xee\x075\x99\xf5\xc0u\xb3\x7f\xe9\xb8bi\xe3\x1fas\xd1\xbb\x00\xbe==\xdb\xd4\xc3^\xfd\t\x01\x00_\xd4\xdf\xd5\xe9\x89\xee\x1d]\x0b|\x14\x9d\x04\xd6\x86\x8e\x1d\xd4\xd2\x9fT\xd4\x0bR\x03\x00\xe0/\xe3\xcf\xa3\x92ck\x0c\x14\x92\xfc\x9d\x10\x0f\x00\x06\xfb\x93!\xe1\xb5\xf1\xf9\x81\xc13\xdf;\xbaVytaA\xd6\x06\xcfcB\x9ay:\x98v\xc0SY\xaa\x97\xc3%\x8b\x81\x88\xf2\x03K\xc7\xa9\\\xb3\xd7-Y\xe0\xf4\xc6\xd9\xff\xdc=\xca^\xd6\xb07\x07\xbes\xef&gt;=\xbb5\xcc\xd3\xc1\x98\xa1!\xa6]\x10_\x05\xc1&amp;\xa1\xf2%\xab\xe7&gt;\xbaS\x03\xd6\xce\x86\xe5\x8b\xb09c\xe7\xc0\x8a\x0b\x87w\x02`BE\x904D\x9bg\x0e\xc9K4\xb1{\xe8\x81\xa5\xe3\xf1\xcf\x1d\x93\x9dZ\x9e&amp;\x95l\x01\x0cnU+\x19\xae\x95\xa4\xe8\xb8\xd5\x01\\\xda\xb1Pk9\x04c\x82z\x03\x9c\xf2\x12\x91G\xc1\xa4\x1as%\xe5\x87\xb5".\'ID\x0b\x87w\x12o\xe4/\xc5~\x8f\xe2\xacZ\xfb\x88\xfan\x85;\xd7\xad8\xb4M\x1d\x83{\x02xw\xeb\xe0\xca\xf1:\x15]:\x04\x94\xd3\x1a\xbb\xa6L\xa9l\xf1s\x13S\x99\xef\xf9\x98.\x85\x96\x88h\xd1\x88\xce\x06\xcbnT\xc8\x97j\xcb\xac!\x93\xa2\xc3\xb8-\xdc\xc8\xc1"#o\xec_\x9e\xcc\xab\xa2\x82D\x7f\xfc\xb6\xdaXn&lt;+\xff\x84n\xa1\xea\xd7\x19\xffK\xf4\r\xad\xf6\xb3\x9b`b\x9a\x88*r\xa7&amp;JO\xa4I\xc2\x81\x1f\xde\xc29\xd4\xf0R\x98\xb5\xf0\xe5\xf1)~DF{\x7fWq\xbe\xdb/\x07^]\x89i\x1f\xdc\xccSm%R5\xa3}\xd5"Y(q |\x87\x80r7\xf6/\x97\xdb\xbf\x08\x11\xde^S\xd9\x00\xadT-\x92\x99\xcdd93\x82\xb9q\'tH+\xa1\x18\xce,B\xc9L\xc5\xfcf\\\xed0K\xa2i\xbd[\x02\xa8]"\xef\xf0\xb6u\x01\xec^8\xd2\xc7&amp;K\x85\xbc\xbf_`\xc2O\xe7\xf9\xf9\xed\x92\xdb\xb3\x12eUW\xafM\x13\xb3\x7f\xfdn\xc2t\x04\x95\xb2\xc8H\xb4E*\xf6$)`33q\x1c\xd7\xcd\x03+\xd4g\xea\x94L\xec\x17\xe1\'\xacX\x12M\xed\xd5\x92\x88\x16\xc7tf\xddK\x1e\xa2\xfcD7\x0f\xac\xe8\x1f\xe6\xd7\xca\xa7\x84\xbef\xff\xaf\xe1i\xa9\x14\xcff\nypY\x96\x8d\xee\xce\n\xf2\xc5w\xffo\xae\xaa&lt;P\xac\x05\xbf/n\xacSF\x9a?\xb4\x03\x80\xa4\x8c\x0c\x14\xd2\xa9N\x05\x05\xe1r~|\n\xb3H\rh^\x93-t\x00\xfc\xff\xccVt\xca@\x004\xda\xe7T\xc1\xac\x01\xa6\r\xf4\xde:{(\x80`-\xba[\xbf/1\xed\x82\xd8\x83\xa8[\xc5Z\x87\xe4\xa4\xd8T{ew\x1c\xfe\xb9\xab2\x92\x88\xef\xd4\x12wV\xcd&lt;\x8be"\x9a\xda\xab\x85{\xc14Y\x882\x10\xbd\xba\xb2\xe7\xcf\x8b;\xb3H%\xe5\xfdZ\x00\xf8=\xaaV\xea\x02//\xdf\xd8\xbf\xfc\xd9\xb9m\x1d\x02\xca\xf5h\xe8\xcdn\xbb\xdeM|\xb9\x02\x90\x12\x87\xf0\xec\xef\x03[\xf8\xe3\xc5%~E\xba\x9e\x8d\xbc#\xfc\xca\xac\x9f\xd2\x9f\xed&amp;\'n\x91\x9bh@s\xbf\xbd\x8bG+\xb4\xad\xb9b\xa8\x8c\x98\x89\xddC\xd5\x98t\xad\x12\xca\xa7\x008\xb0l\xfcc\xf9z&gt;\xbf2\xe3\xbb\xea,\xf1\xd1\xacr\xb1\x91\x1dB(\xa1\x824\x11M\xe9\xd9\xfc\xde\xd1\xb5DT\xc7\xc5\xd8\xd4l~,\x90sfR\x1fZ\xa3\x86s[\xe6\x01\x7f\xf0\xd3\x1d\x14P_\x95\xd7\x18\x1e\x9f\xdelZ\x87\x99m*:\xb8|\x02\xb7\x107\xf8{\xc8\xc5\x12p\x12\xad\xea\xf3\x81\x06\xb5\x14zt\xda\xfb\xbb\x02\xa8\x98\xcfd\x93\xcf\x15\xe3z\xb0\x95\x01\x9b &gt;?\xb7\xed\xdd\xcd\x83?1\xe9\xd20\x99MQ\xb1S=\xc9o$\xb9\xbag\xc9\xbb\x9b\x07\xf1\xee\xc6\x9a\x89}\xd8=\xf7\xec\xec\xd6Nu*\xc8\xed_1\xbf\x19\xdbmHxm\xb6\xa5K\xddJ\\\x94\x98u\xc2n\x05\x88\x00&lt;9\xbdY\xf2$_\x1f\x9ff\x85D\x00(T\xc4V\xe9\xe9\xe5\xa35N\xf4\xed\xf5\xfd_\x9f\x08\xebt\x96\xf9\x19%\x8eU\xc2M\x97*\xe63\xdb\xb3h\xb4\xfa\x1c"\x01E\x88ZU-\xc1\x02Q\xe2b\xbb\x02\xc8A\xf4\xe1\xce\x11\xe5\x00V\x95p^\xbe\x89\xddCM\x9b6\xb7|Lt\x85\xbc\xa9\xc4A\xb4\x02\xa7z-\xc7\xdc\xeaW\x9fKGu\xfb\xe7^|\x98\x00\x132\x01`F\x84\x8fw\x95\'\xa7\xe9\x93 \x83\x0c&lt;$e\xf4\x07\xb5\xac\xb5q\xfa \xd6i\xd6w+\xbcu\xf6P\x13^\xddT\x04\x952\x10\xe4vf\xd3l\x00\'\xd7\xcf4\xe1\xe8bz\x82K\'\xc7z\x93_\xd3\x03\xdf\x9f&amp;\xc3\x159l\x88n\xec[\x06\x00\xaf\xafR\xc2\r-)\x92\xc3\x87\xdd\x9d}C\xabO\xec\x1e*x\xabs`\x85\x96\xdeN\xe5rSHY+K\xd1\xa2\x12@\x93J\xb6\x9d\x03+\xbe\xbd\xbe\xff\xc6\xfe\xe5\xfc{\xdd\xa4\x1fK\x03\x0fOl\xd8\x17\x97\xa8\\\xd7\x85m\xf3??&lt;\x01\x15!z\xc9\x0f\xf0\x82\xb3\xb4\xe6\'zue\x8f\xfa\xaf\xae\x86}\x8e2\xe6T\xcb17\x11U\xccgV\xd9"]Pi\x8b:\xce\xf9\xa6\xf7\tg?\x81\xb3\xa9\xe3\xb6\x9d3\xd3\xe1\x95\x93\xfa\x87\xd50\xe1\x18\x90\x89\xc8\xbd`\x1a\xe5\x08\x1c\xad&gt;\xf6\xa7g\xb6|ytjHx\x00%\xdc\xdb//\xefV&gt;$\xdc\xd7%\x15\xd1\x84nMM~\xeb\xce\x19\xd4\x0ex\xaff\xcf\x90\xb2V\xe3\xa3\x9a\x1c^9Y\xfd\xc9Y\xa6\x1e\x00\x1f\x1b\xa5D\x06\xb9w\xdb\xfb\xeb\xa9\xfdYA\xc6\xc8\x08&lt;\xfb\xb9Z\xb6\xbf\x04\xf5\\-U&gt;w\xca2 \x06\x91\x93\xf4kW\xd3\xd5\xf8\x9b\x98\x95\xb6\x88\xac\xe5\x06\x00\xff\xdc\xe5\xf7\xec\xfc\xf2\xe5\xc0k\xb6V\xf0\xb1\xc9\x02`\xfe\xd0Hn\xb7\x13\xebfL7\xa4`&gt;\xa0\xb9t\xc2\xa41\x8c\x8fj*\xd8ry\xd7\xe2\x84F\xfdc\xcc7\xa32\xf1j|T\x13\x00\xeaK\x00\xf2;S\x00\x17w,TsTd-\xb7\x12\x99\x12\xade\xeb\x96,\xf0\xe8\xd4&amp;\xf6\x01M\x92^\x97S*M)\xfe\x8b\xfc\xfe\xcc\x18\xa5q\xb9DY\x86\xf1q\x84\x91\xb5\xdc\xf0\xe5![\xb5\xa8\x9c\x8e|}r\xfa\'\xceZt\xc3t\xd7\x01p\x05\xeb%\x91\xfb\x12\x86\xb66\x1c\xd6\xf8\xbf\x8fI\x8a5\'\x11VD\xc7\xd7NS\xbf?\x80\x98\xf6\xc1\xfc-Ww/\xd1\xea&gt;\x02^\xc8\x9d\x9cqpy\xa2\x12\x16\xa5\xb3\xd3\xba\xc9\xfd\xf0\xf9~\xc2\xfb\xef\x00\x00o\xd6M\xe9/\xe9\xe2\x93\x9bA\x18\x89\x82\x89`\xd7\x82\x91KFF5\xaa`3gP;\xb6\x05@}7m\xc2\xc3*\x9b\xadi\r4k@\xdb\xe1\x11uc#\xeb\xf5l\xe4\x9d\x81\x94\xd4&amp;\x0c2\xb3\x7f\x1b\x00\x8bc\xbat\rv7\xe24\xb2p\xf1\xa1\x00\x9aWq\xf4\xb4Lo\xaf\xb7\xb9r%P\xbe&gt;&gt;\r\xfcc\xaa\xa2\x98D\x94\x8a\x08\xc0\xb4&gt;\xad\x94w\xf3w\xcc\r\x80\xaf\x87\xfa{\x01`\xdb\x9ca\xca;\x98$3\xe0\xb7\xa7eU\'\xdd6\x19\xe0\xdb\xe5\x9d\x8b\x1c3\x10\xf0\xc6\xb4\xad\xe2\xc8\xa7\xab\x0b\x18\xd4\xd2\xdf\xcb2CHY++\xa9,\x18M\xfex\x00\xff&gt;\x92\x95Xyzv\x0b\xd7\xbb\tz\x19\xebxAD\x00\xa8\xe3\x9c\x0f\xc0\xf5}\xcb\x96\x8c\x8c\x12\x9f\xe4\xdd\xcd\x83\\Ja\x0boG&amp;\xfc\x8b?\xceki\xa64\\\x94\x9a8\\uqL\x17\xbeM\xd9)#\x01\xd0\x1a\x86h\xaen\x11P\x80(P\xb5\xebu\xeb\xec\xa1\xe5\xf3\x12\xf0\x9f`\xd8\xd6\x84\x7f\xf1\\l\xee/\x18\x98MKM\x87\x9c^V\x19\xbf=;\xcb~\xe5\x00\'\xd9/c\xdd\xe4\x1f\x9a\xac\xeaK\xc7\x02\x00^\x9b\xdc~hZ\x01\x83\xa2D\xe6Df\x86\xd2\xcd.l[pj\xc3L\xc9%~\x06"\xdbTd\xdc\xe2_3\xa6*Z\xbb`X\xc7\xdf[\x8b\xa8A9\xebJ\xf9\xf5O\xb38?\xa7\xb2\xf0\x8b$\xe2^IL\xf9&lt;\x9aS\xf8\xb2\x12\x1d^9\x89\xdd\x8e\x03[\xd4l\xe1\xed\xa4\xb5a\x1c\n\xcf\x1e\xd7\xa8\xbe\xa1\xd5\xe4f\xb8\xec\x9e\xfe\xef\xe9\xd9\xfcDq\xb1]\xadI"b\xa4W\xe3\xaa\x00\xceo\x9d\xd7\xa3a\x15"\xaa\x907U\x87\x80rm\xaa\x95\x14\x9c\xad\x8eK~\x00g6\xcdV\xdf\xf8\xcf\x0fNp\xad\x12\xb8\xa1\x00\xac\x9e\x98\xa8\xb0\x89m*Z1\xb6\x87\xfa\x93s\xb0J\xeb\x028;L\xe9\xec\x9a\xd3Pu\x14?i\xean\x07\xe0\xe3\xbdc+\xc6\xf6\x98\xd6\xbb\x959o\xcd\xc1\xca\xb9$\x1d\xd1\r\xbc\xb8k)T\x8d\xbfwt\xed\xb5\xbdK[z;\x11\xd1tC\xb3o\x0e\x0b\xa2&amp;\x95l\'E7[?\xb5\xbfIZ\x9bt\xf4n\xe2\xab\xac\xbb\xd7-\xa4\xf2\xa9\x8d\xb3\x04\x1b%\xe7C\xea)g\xa4\x80"\x0f\xbfb9\xf4\x8d\xb2\x00N\xac\x9b\x01\xc0\xc8\xcf\xf2\x1b3\xb5W\x0b\xf6\x00h\x12\x8f\xba\xbeo\x19\x80R\xd9\xe2{I\xb9ggB7\xa1\xfd\xda\x184\xb50\x8f\xe2\x00\xd0\xae\xa6kl\xfbz\xae9h\xdd\x94~\\\x17\x80\x97\x97Fu\xac\xcf\xd5Je\xd6\x1e\xbb\xd4\xf1\xda\t\xeb\xa6H&lt;\xc6O\xcfnEb\x8f\\:\xa2\xb1]\x1a\x01_\x04{\xde\xd8\xbf\xfc\xef;\x87\xd5\xb7\x7fo\xdc\x18\xd6(q\xee\x05\xde^g\x8e\x8aA-\xfd\xbd\xad3\x99\\\xd1\x8a\xfb\xd2\xd6N\xee\'\xf9\x05v\x0f1A\x05m\xaek\xef\xdd\xc4\x07\xc0\xc0\x165\x81\xbf\x01LI\xb8!\x81\xf7L`.\xe9,\x9a\xdc\x0c\xfd\xe5\xa5]\n\xbb9f\xa0\xa4\x1e\x8aLB\x0e\xa2\x91\x1dBB\xb5\xa8\x06\x19\xa4q\xc5\xa2\xc1e\n\xc5\xb4\x0b\x12\x97\xae\xfc\xf6\xec\xac\tmLl\x05\xa6;fL|\xa3\xf6\r\xad\xeegH\xee\xbd[H\xe5[\x07W\xe2\xe3]}\x17\xfd\rP#\xe9\xb5hDg\xad\xa7\xadf\x9bMy\xc8]&gt;&amp;:\xc0)\x8f\x97L\xadNM(\xa8\x8a+ \xd7y1\xfe\xbes\xf8\xdd\xcd\x83\xc0\x1f\xc0w\xf0\xd8&gt;w\x04gv\xe0{\xf6\x82K\x17Z;\xb9\xaf\xf8&lt;9\x89Nm\x98)\xd0U\x94\t\x1f\xd9\x00\x00 \x00IDAT\x9d=0B\xf9\xcbiX^B\x1d\x83\x1f%\xf8\xf2\xf2n\x00r=;\xfe\xbe\xc5\xa6cW\xf7,\xc1\xab\xcb\x82\x18!\x06\x17\x9f\xe7WLs\xc4(\xe7\x8do\xeeU\xdc\xe0\xc4\xca2q\xae\xf8\xbe%\x12\x8dQ\xc9\xe6\x99C\xae\xeeY2\xaekc\xf6[0\x0f\xc5\xf3\xf3\xdb\x15\xb2\xe7\x8c\xa1Q\x05\x9bC+&amp;\xb2k)\x8bA\xd9\x10\x19\xb3\x12M6j9\xe6f\xf3Y\xddg8\xbcr\xb2\xd8O&gt;\xab\x7f\x1b\x1f\x9b,\xfcL\xa3\x90\xb2VKGu\xfb\xe7\xee\xd1Z\x8e\xb2\xd3\xf8\x90\xb2V\x06%L\x98\xc0CQ"\xe0k\x9f\xa6\xbe\xa5\xb2\xd1\xaa\t\xbd\xf4\xb5\\\xac\t!\xb7\xb2W\xc9/\xecH\xe51\xa6SC\xe0\x0f\x85\x1dt\x9b\x87\xac\x88\xaa\xdb\x99+\x08\n*\x87\xc7\x02\xd0\xa4\xde\xccJ\x98\x12\x11\xf0\x96\xbf\xfd\xc8\xaa\xc9j&amp;\xa1\x1e\x16i\x918]\x96\xd9\x91\xb8\xc0\t\xb1\xf4E\x037k\x88\xf9\xf6\xc4\x81\x97\x1d\xca\xa4\xc4\xf2\x13m\x9e9d\xd9\x98\xee\xe2f\xd4q\xc9\x7f\xf3\xc0\x8a\xe8\xc4\x1a\xb6\xc5\xd3\x13\x80-\xb3\x86\x92\nc\xa5\xa4Z\x19\x80=\x8a\thLz\xd1`\xc2\x91\x91*L\xdd\xeb{\x02hR\xc9vqLg"z,\xca\x99\xe0&amp;\x17l\xc8\x08,Y\xe0\xe0\xf2\x89*%\xf7\xf9\xc1W\x02\xae\xedYj\xf2:!\xe9\x89\x1aW,\xca\xd5T`Zxs\x07\xb7g?{u;s\x95\xe7I:i!&amp;r5\xba\xa3\xfe*I\xa9\x89\xbc\x0bg\x92\x94?R\xa9\x89\x04&lt;\xabRX\xdah\xdb\xde_\x9bt\xba\x1a\xaf\x003\xbc,\x18\xd6\xd1\x98A\x8b!\xae\xc3\xf3\xec\xdc\xd6\xa1m\xea\x88\xcf\\\x98\xa8\x98!G\xe2\xa0\x96\xb5\x80w\xc0\xcb\xf6\xfe\xae\xbf\xbaf\xf4\xa0\x96\xfe\r\xcb\x17iX\xbe\x88\tk]T\xc8\x97*\xba\xbe\x17\xfe\xbcxb\xddt\xe3\x7f\x1be\\sP\xa7:\x15\xe4\xe4\x96\xe6\x0c\x8cxvn\x9b`c!\xde\x8a\xaf@\x82x\x8e\xa0\x9d\t=\xfa\x97]\x0bFJ\xce\x05\xb8\x99fb^\xf2\xe7\xb3w\x8f\xac\xe1N\xa5\xa0\x1apYT\xd3\x0e\x7f^\x04\xc0:hf\xe3\x96\xd3r\x80\x94\n\xfc\xf6\xb9\xc3M\x18:\xc2\xa1/n";\xd1\xd4^-\x0bH\xad\xb2\x07\xb6\x90M\xc6\x96\xe4\xd8\x9ai-\xab\x96\xb0!\n\xf3r\xc0\xdf\xb7\xe4\x1e\xc3i\xbd[\xb2\xe1S\x1f\n\xe1\x9c\x9e\x96\xe9\xd9\xa7\x98\x14\xdd,o\xc2/\xdb\xd4\xdd\xaeu\xb5\x92v\xc6D,)22\xb2\x9e\xca=\xeb\xb8\xe4W\x99E\xac\x8f\x96\xbf\xc6:\x86\xab\x03\xc1b\xd8,\x12\xa2?\xd5c*\'\xb0\x02\x95\n\xa4\x06\x80\xb7\xd7\x97\x8c\x8cJf5F=0\xfb\xa9ItH\\s\xfcx\xd4+\xe6\xff1\xcd\xd7$\xbc\xa7\x9eS\x1bf\x01\x7f\xe3\xf5\x15\xc9w%c3B=\xec]\x13\x0c\x1b7\xf6/\x8f\x8d\xac\'v\x0fHu\xee\xc2\xfe\xabC@9\xc9\xddv-\x885\xee3\xc5Oj\xb8+\x02\x90+\xd0q\x83W\x8c\x9e/\xaa.i&amp;\x92\xc3`\xa1\xabv5\xcb\x18\x195\xc7\xf9\xfc\xab\xd9\xeaO\x8c\x07^\xb0\x89!+\xcb\x9c\x14s\x0b\xae\xac\xc2\xe9\x8d\xb3z6\xf4\x16g\x02\xf6kV\xa3\x8eK\xfe\x86\xe5\x8b\x0clQ\x935\xc0)\x03M\x8a6\xaa\x0c\xbd\x02%\xb3\xaa\xfd)\xf3\x10\xf5i\xeak0\xc9\xd1H4\xd6\x8911,V\x82[\xee\xcb\xa1f.\x1b\\\xa6P\xef&amp;&gt;r\xef\xaa\xaf\x87\x03@\xae\x14\xc7\x82a\x1d/\xefZ\x1c\x17\xdb\xf57\xf0\xff\x9c\xdf6\x9f\xc9\xa7H\x96\x96f\x11\x8d\xfc-:&gt;\x12\x92\xc6W\x9e\x96\xa8v\t\xe9\xe6T\xb3\xcd\xce\x9a-XN\xaa\x89x\x91\xe8\xd7\xff{,\xeeqb#\xeb\x89w\xf4/n\xecj\xaa\xbe[a~\x07wf\xd3\x1c\x85vr\xd1uO\xcfli\xe5\xe3\xcc\xfe\xaf\xe9\x90Se\xc0+\x0b\xfaf\x99\xd2\n4(g\x8d\xbfo\t\xbeI\xd3\xd5C\xd3\x86c\x86\xf8\x1f\xc8\xc8\x0c\n\xce*\x91\x8f\xa8S\x9d\n\xfc\x8e\xf6\xea\x9e%\x92c\x0c\x80\xa9\xbdZL\x8anff\xc8@\xbabl\x8f\xd6\xbe.\xc65\x90\xc2}\x9c\xa7\xf5n\xd9\xb3\xa1w{\xff\xb2\xc0?\x19\x88f\xf4\r\xe7\xdf\xee\xac\xeaz\x83r\xd6=\x1bz\x7f}\x9c\xe4\xd9[\x93{\x84\xb1\xa0\x86\xdf\x9d0/\x07\xfcyA\xf2\xad#+\'\x87\xc8\x14\xa8IEty\xd7b\xeee\x89Lta\xfb\x02\x05\'\xd3\xd7\'g\xe4\xae\xf2\xcb\x81\x7f\xee\xb4\xf0v\x8ai\xa7?\xfeZ\x81\xc2D\x00\x92\xe2\xd6yw\xf3 \x00I\x0b%\x00\xb1\x0c\x8e\xca@l~\x87~z\xe3\xec\xd5\x13{/\x1b-a\xc4\'\xa2\xcb;\x17q{6(gm\x12U\x80s[\xe6\xf1{\x9f\xafO\xce\xa89j`\x8b\x9a|\xd1:\xf5xYf\xb8upe\xb3\xcaj\xc5\xc0\x7f\x05\x1aU\xb0\xf9\xf3\xe2N\xae\x10\xbcz\xc2}\x9d\x05\x16\x00V\x8f\xfa\xca\xee\xb8l\t\xbe\xbb\x82\xf17\xc03n@\xe58\xb5a\x96\x9a(\xa6\xe2\xe9\xa9k\x90t\x02Z\xf7\x10O\xf5\xd9\x00\xcf\xcfo_?u\xc0\x9f\x17w\xde&lt;\xb0\xe2\xfb\xf3s\x95\x0b\xa5\x1b\x1f\xd5\x04\x1f\xef\x028\xb5a\xe6\xf2\xb1\xd1,\x8f\x87\xdd-7\xf6/7a\x8dR9\xb8\xb2\xac\x16D_\x1f\x9fv\xca([\xf1\xf1\x7f\x0f6\xf3\xe0o18\xd73S\xb7"\xf9\xf9\xe0\xc3\x1d\x7f\xc7\xa4j\xea\xc8\x0e!\xd0\x9ej$\xc7\xf9m\xf3\xdb\xfb\x97e\xff\xb7\xf6u9\xbc\xf2\x87\xbb\xb8]MW\xae\xf2{{\x7fW\xddB\xacWv\xc7\xf1\x86\x80\x7f\xdbT/%\x90\xd4/\x9f\'&gt;\xd3\xca\xfc\xc7h\xf1\\\xeaL\x9aY6\xa6;;\xdd\x90\x84\x92\xd9w\x8f\xac\x01\x80\xbf\xae+\x1f\x08@S\xe1\x1d|\xbc\xbbtT\xb7\xda\xce\xf9\xdcrQ~\xa2\x9a\xbc\xc2\x9c~\xc5~\xe9G\xfa\xbf\xa7g"\xfcJk=\xca\x92(\xa4\xac\xd5\x9d\xc3\xabY\x9cR\xda\x04\x85\xb5\t\xddB\x1b\x96/\x02\xc0\xb7h6\xb6\xa4\xf0\xb6\xce\x04\xc0M\xaa3U\xe9\xc5\xcdN\xd4\xb7i5\xb1\xccb\xc9\xac4\xb0\x85\xbf\xfaBcw\x8e\xac\xb9\xb6w)^_\xc1\xf7\xa7|+\x1c\x13\xd4\xe4^\x1a\x8c\x1cK\nl\x12\xc2\r\xf0\xef\x03\x85\xdd\x92y\x99\xb8`X\xc74D\xb7\x0e\xac\xd4q\xec\x05y\xddF\x8e\xdf#\xbc\xe7\x97\xe2\xc4\xba\x19,\x1aG\xc1\xb0\xa62"xt\xa7\x065\x8b\xe7R\xc8^\x0e*ma*qS\xae\xfbWv\x8c\xcc\xec\xd7\x1a@L\xbb`\xe3\xdd\xfd\xe9\x88\xe6\x0en\xc7.:\xb5W\x0b\xb6\x91\xa5SI\x9a#\x04\x84y:h\xbdb\xd1T\xf4\xf6\xfa&gt;\x00\xd5l\x13\xf9&gt;\xe3b\xbb&gt;:\xb5\x89\xcd\x94\x1b\x96/\xa2#?K+r\xfa\\\x92\xcf\x1b\xb3{h%\xb2\x96\x1b\xbfd\x9b\xb7uf6\xe3\x01\xde\xb0\xaa\xd4\xc6\xd8\xee\x04~\x94h\xf9\xea\xe4Y\x89\x00dW\x9d\x94\xae\xb5&gt;{r\x92\x8e\xa8y\x95\xe2\xaf\xafj\xfe92\x13\xc5\x1arn\x1fX6!\xb0d\x01J\xec\xdc\x9a\x14\xddl\x86\xa2\xa6\x96o\xd1\xac\xa4\xab\x10&amp;s^\xa6\x14N2=\xa77\xce\x02\x10\xe6\xa5\xd4=I&gt;\x0c\\\x98`e\x8bt\xcc\xd2\r|\xffx\xff\x98\x89\xdbGDD\x15\xf2\xa6\x12\xfb\x8bY\xb7\xdb\xa1v9\xb9\xa3\x96\x8f\x89\x06\xb0r|\xa2\xe8\xe3\x98\xf6\xc1\x03[\xc6\x1b\xbb\x06\xb5\xaa\xa5u\x06\x04Q\xd4i\x9f\xa6\xbe\x92\xf5HME\xdb\x1a\x12\xb3\xe9\xae\xc1\xee\xcf\xcen-cN!\xaeV\xae\x1a\x93\x01\x0e.\x9b\xc0\x89i\xabdz\x9f\xf00O\x07\x81^\x7f\x8db9\x825\x16\x97W(.^(\xf1p\xb2i\xc6`\x16\x7f\xd57\xb4\x9a\xb9\xa6kHqh\xc5\xc4\xceu\x7f\xd8\xa3\xda\xf9\x95\x81L0nZ"\xe5Z\xaa\xc9?\x977\x12\x1d\x99@\x0c\xe5Z\x89\x00\xe2b\xbb\xee\x98\x1f\xc3\xffB\x1c\xd2RY\x15\xabSA\x85z5\xb4\xaeVR\xd3\xfe!e\xad\x88\xe8\xd2\xceE\x9b\x93\xab\xaeY\xf2\xe1_\\C\xafe\xa4\xb1\xe0\xea\x9e%\xca;\x00\xc0\xf7\xa7M\xdd\xed\xbc\xac2\xe8\xd3k5\x86\x03\xcb\xc6w\xac]\x1e\xc0\xc9\xf53\x88hj\xaf\x16\xf7\x8e\xad#\xa2\xa0\xd2\x16\xf8\xfe\x14\t\xf9V\xce\x99\tx\x0b\xa0[H\xe5q]\x1bs\x87\xb3\xa3\xd4\xf0k\xd6\xe4q\xcbE\xee\x05\xd3Hjy\x86\'\xb6\x8fKFO\xaa\x8f\xf8ypb\x83_\xb1\x1c\xfc\xe2\xc6\xfaP\x19\x82\x95\x8ah\xc9\xc8(V$N\x1f\xa3;5X?\xb5\xbf\x8fM\x96p\x1f\xe7\xd7W\xf7\xe2\xfdM\xfe\xbb\x1d\x02\xcaM\xed\xd5Br\xd8\xf6\xb6\xce\xa4\xec=N\x06\x9d\xb2:\xce\xf9\x8c\t\xc72\x15\x9c7\xa5\x98\x94e\r\xc0\xb7g\xe7\x00\x08\x1c\x1b]\x83\xdc\xf1\xefC\xe3\xaf\xce\x9f\xec\x97\xcbM\xca\xfaqr\x91X\xc0kO\xcb\x0c\x95\x0b\x99\xb48\\r\xf2\xe6\xda&gt;\x81\x89\x83\xe5\xd6\xab?\xc3\xbf\x0fO&amp;\xd1\x9c\x85}\xa9\xb3\x07F\xb0\xf5\x811\xb2E\x06q/\xa0d\xdd\xfd\xf2\xe8\x14\xa4\xf9\x87\xed\x00\xe0\xbf\xa7g\x00D7\x88_\xfbs\x013lN\xda\xba\x9aK@\t\xd9\xa0\x95\xdf\xae\xf4x\xcfFU\xe7\ri\xcf\xbd\xb464o\xad]"\xaf\x83\xfc3b\x96\xe0\xb1_3\xb1\x8f\xfa6\x08\xd2\xaf"\xfc\xca\x10\x91A\xa9K\x0e#\xfb\xbf\xa5\xa3\xba\xb1\xc8\xe6\x15c{\x88\rt_\x1e\xb3\x1b\xe6/\xc1Q\xe3\xa3\x9a0Q\x90\xba%\x0b\xa4\xd38\xd3J\x1e\x8c\xcc\xfe3!\xc1\xa5-\x1c\xa5b*\x82J[t\x08\x90]\x94\xab\xa7tv\xd2\x174\xa1\t\xd3\xd6\x0b2=\x8bFt\x12\xd8\x18w/\x1c\xc5\xdd\xcd3\xfa\xb56x\x86\xbe\xa1\xd5!\x1f\x0ck*\x9c3\x93`\x98\xd5f\x1aPAF\xa2\xcc\x86\x14.\x99A\xf6\xce\xe1\xd5\x92\xef:f\xa0\x13\xeb\xa6\x9f\xdf:/-\x91\xc0\x8cst\xd5\x94\xd9\x89\x8bG\xd6-Y`xD]\x00\xdb\xe6\x0c\xefR\xb7\xa2C:\r\xcb\x85d#=Q\xff0?\xe3K\x9a.\x18\xd6\x91KR-\x95\x8d&amp;\'\x16\x0c\x9830\x02\x80X.\x86\x88\xac\x88\xf0\xf6Z\xb8\xaf\x8b@\xad\xfa\xca\xee8\xe0\xbb`\xe3\xee\x85\xa3\x94\xebN3\xf0\xf2RHY+.\x8e@\x92yC"\r\x9e\x87\xd1\xd4\xc3^\xd2C\xd3\xacr1\x00=\x1bU\xe5\x87\x0f0\xc9hV.\x8aex}},\x0cT\xfbEX4\xa2SR\x14\xb3=\xbaz\xca\xb8.\x8d\r\xefg\x08\xef\xc2\x89\x9cn\xec+\xfe\xfe\xfc\xdc\xaa\xf1\xbdHu\x05\x88\x0b\xdb\x16L\xe9\xd9|Z\xef\x96\x99\r\xefKDT\xcb)\xcf\xbdck\xb54\xf37\xe4\xd0\x8a\x89\xdc\xff\xfcL.1\x83[\x05\xb0\xfb~\xe7\xfc\x98\xa4n\x95$n\xb9\xa8J\xe1\x8c\xcd\xbd\x8a7(g\x1d]\xdf\x0b\xc0\xde\xb81\xc6\xac\xeb\x8b\xa7\xa7\x02\xba\xdcn##\xeb\x95\xc8D\xa9\x88\xec\xcc\xa8j\x91\xcc\xfd\x9aUg\xdf\x8cBa\x8d\xedsG\xb0\x8e#\xa6]\xb08\x13]\xcc\xa0\x96\xb5\x92\xc1\x19+\xc6\xce\xcc\xd8\xc92\x11\xb5\xab\xe9\xca\xec\xfb\x81%\x0b\x88\xbf\x90\xaaE2+, &gt;\xdc=\x12\xd3&gt;\xf8\xed\xf5\xfd\xfc\x8d\xc0\x1b[\x91\xc3.\xaa\x9e\x87\xdcI2I\xe6v\xbc\xb8X6\'\x95H\xe8I\xd2%\x94\xfc\xf4-\x9a\x95\xe9\xcc\x18\xc3\xa5\x9d\x8b\x00\x84\xfb8K\xce\xa97M\x1fDDY\x88N\xac\x9b\x9e\xa4%\xc3\rz5%\xcd/\xa6\xc5-\x17\xb1\xe5\xef\x86\xa9\x03\x04U\xe0\xd5\x18\x90\x95\xf7IK\x94\x8a\xc893\xd9\xa7\xd1\xec&gt;9\xbfu^\xef&amp;&gt;\xedj\xbav\xaaSAy\xfa\xe5^0Mj\xa2\xfb\xc7\xd6\xfdv\x1e\x1am\xb4\xf7we\x9ew"\xe2\xd6_x\x7fKrgO\xcb\xf4\xf8f\xa0\x9c\x80_\xb1\x1cI\x17Q\xc8\x9ebM\xcfjN\xa2\xde\x8de3\x00\x87\xb7\r4\'\xe2\x92&lt;5\xb6\xe4\xeb\xb4\xde-\xd9\xcb\x08\xbf\xd2\xec\x0c,\x9fH\xae\xe5\xf8\xfeT\xe0\x80\x9d7$\xf2\xee\xd15r\x97\xf8\xe7\xee\xd1\x05\xc3:jj\x98\xc9\x99\xa9bQ(\xc7\x9eE\xa3\x99&lt;\x86&amp;\x1a\xb8\x15vHK\xa76\xcc\x94|\xb7m\x8d\xd2\xa3;6\xc0\xcbK\xbd\x1aU\xb5\x969\xc3\xc2a\x1d\x01\xc4\xb4\x0ff#{\x80S^"j\xe9\xed\xf4\xfe\xd6!n,(c\xce~\x947\xcd&lt;\x8b\x194\xe8\xce\x1f\xaaj}\x90#\xf1T\x94\xefKOE\x94\x91hd\x87\x10\x83\xc22I\x81%\xc5\xbbRs\x11A\xa3\xd2\xb8V\xf2\x12\xdd\xd8\xb7l\xc9\xc8\xa8\xb3\x9b\xe7\xe0\xc5%\xad\x87\xe71d]&lt;\xb5a\xa6X\x81N%\x1f\xee\x1ea\xff\xd4\xb07\x07&gt;\x8f\xed\xd2H9\xdc\xc1F\x97\x8b\xfe7\x8b\x1c\x1d\xd6&amp;\x10\x80J7z\x83r\xd6\x00TZ\xe7\x81W\x89_j\xfb*MU1\xd1%\x0b\xc9\x85l\xbe\xb8\xb4SN\xc</t>
        </is>
      </c>
      <c r="E688" t="inlineStr">
        <is>
          <t>&lt;class 'numpy.ndarray'&gt;</t>
        </is>
      </c>
    </row>
    <row r="689">
      <c r="A689" s="1" t="n">
        <v>687</v>
      </c>
      <c r="B689" t="inlineStr">
        <is>
          <t>steps_per_sec</t>
        </is>
      </c>
      <c r="C689" t="n">
        <v>9900</v>
      </c>
      <c r="D689" t="inlineStr">
        <is>
          <t>3.3569074</t>
        </is>
      </c>
      <c r="E689" t="inlineStr">
        <is>
          <t>&lt;class 'numpy.ndarray'&gt;</t>
        </is>
      </c>
    </row>
    <row r="690">
      <c r="A690" s="1" t="n">
        <v>688</v>
      </c>
      <c r="B690" t="inlineStr">
        <is>
          <t>Loss/object_center</t>
        </is>
      </c>
      <c r="C690" t="n">
        <v>9900</v>
      </c>
      <c r="D690" t="inlineStr">
        <is>
          <t>0.21340218</t>
        </is>
      </c>
      <c r="E690" t="inlineStr">
        <is>
          <t>&lt;class 'numpy.ndarray'&gt;</t>
        </is>
      </c>
    </row>
    <row r="691">
      <c r="A691" s="1" t="n">
        <v>689</v>
      </c>
      <c r="B691" t="inlineStr">
        <is>
          <t>Loss/box/scale</t>
        </is>
      </c>
      <c r="C691" t="n">
        <v>9900</v>
      </c>
      <c r="D691" t="inlineStr">
        <is>
          <t>0.081473745</t>
        </is>
      </c>
      <c r="E691" t="inlineStr">
        <is>
          <t>&lt;class 'numpy.ndarray'&gt;</t>
        </is>
      </c>
    </row>
    <row r="692">
      <c r="A692" s="1" t="n">
        <v>690</v>
      </c>
      <c r="B692" t="inlineStr">
        <is>
          <t>Loss/box/offset</t>
        </is>
      </c>
      <c r="C692" t="n">
        <v>9900</v>
      </c>
      <c r="D692" t="inlineStr">
        <is>
          <t>0.12119863</t>
        </is>
      </c>
      <c r="E692" t="inlineStr">
        <is>
          <t>&lt;class 'numpy.ndarray'&gt;</t>
        </is>
      </c>
    </row>
    <row r="693">
      <c r="A693" s="1" t="n">
        <v>691</v>
      </c>
      <c r="B693" t="inlineStr">
        <is>
          <t>Loss/total_loss</t>
        </is>
      </c>
      <c r="C693" t="n">
        <v>9900</v>
      </c>
      <c r="D693" t="inlineStr">
        <is>
          <t>0.41607454</t>
        </is>
      </c>
      <c r="E693" t="inlineStr">
        <is>
          <t>&lt;class 'numpy.ndarray'&gt;</t>
        </is>
      </c>
    </row>
    <row r="694">
      <c r="A694" s="1" t="n">
        <v>692</v>
      </c>
      <c r="B694" t="inlineStr">
        <is>
          <t>learning_rate</t>
        </is>
      </c>
      <c r="C694" t="n">
        <v>9900</v>
      </c>
      <c r="D694" t="inlineStr">
        <is>
          <t>0.001</t>
        </is>
      </c>
      <c r="E694" t="inlineStr">
        <is>
          <t>&lt;class 'numpy.ndarray'&gt;</t>
        </is>
      </c>
    </row>
    <row r="695">
      <c r="A695" s="1" t="n">
        <v>693</v>
      </c>
      <c r="B695" t="inlineStr">
        <is>
          <t>train_input_images</t>
        </is>
      </c>
      <c r="C695" t="n">
        <v>9900</v>
      </c>
      <c r="D695" t="inlineStr">
        <is>
          <t>[b'512' b'512'
 b'\x89PNG\r\n\x1a\n\x00\x00\x00\rIHDR\x00\x00\x02\x00\x00\x00\x02\x00\x08\x02\x00\x00\x00{\x1aC\xad\x00\x00 \x00IDATx\x9c\xec}u\x80\x1d\xe5\xf5\xf6\xb3\xee\xee~\xd7\xdd\xdd\xdd\xdd\xb3\xee\x92\xec&amp;\xd9\xb8\xbb\xbb\x13"\x10"\x04\'\xc1]\x8b{\xb1\x02-\xd2\x96\x02\x85\x1a5hi{\xbe?\xde\xdd\xc9\xec\xd8\x9d\xbb\x1b\xfa\xfb\n\xf7\xf9\x036s\xe7\xce\xcc\x9dy\xe7\xbc\xe7=\xe79\xcf\x01\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C\x0f=\xf4\xd0\xe3\x7f\x1cv\xaa\xf7\xb4\xfa\x1e\xafB\x0f=\xf4\xd0C\x8f\xab\x8a\xa6$_\x13\xc0L~\x87&lt;?K"r\x94\xdf\xa1(\xd0\xf6\xd9\xdb\x8e\\\xd8\xb9\xa87/\x82\x88\xf2\xfc,\x94\xcf\x18a\x8e@ \xdb\xcb\xd4pj\x8b\x01\x10\x08\xec\x9bh\xd7\xf5\xe2uEY\x98#\x11m\xe8\xaf\x0c2\x98\xdc\xe2\xa9\xee\x8b\x05\xfeV\x1dY!\xdf\xdbu\xe9\x00v\xd3\xf2\xfd,\x97\xcf\xc9oI\xd1\x18\xca\xec\x96\xaf\xb1t\x00\x06\x8bb\x14\x0e\x15c\x8d\x9ahw\xcd\xd4?\x8b\x02m\x96\xb5\xe6\xf3w\x082\x98\x1c\x18\xb9\xbe\xe6\x92G\xf0\x93?\xb8\xab\xfcG\xa1\xc6\x93\x7f\xf4\xe5G\xa6\xbb\x1b\xfa(\\\xa26\x0c\x97\xc6\x9fZ?"\xd8x\xe9\xc8\xda\xbb\x8fo\xe0\x1e\xf1\x7f\r\xdcK\xa4\x01\xa2\xa5\\![\xc0\xf2\xbfu1\xa9\xae\xc8\xf22q\x05&lt;\x81 \x03l\x1e\xac\xe1\x7fj\x0e\xfc\xfb\xb3\xd7\x88\xc8\x84\xb7\x91\x88\x88hE[a}\xbc\xd7\xae\xf1\xe6`\xb9\xb1\xa5\x88\xce\xac\x90\xb9\x15Ii\n\x8f\x1f\x00P\x16\xea\x98\xe1n\x14\xc5\xbb\x1dN@\xb0\x91\xf6\xe3\x9b\x02\xab:\x8a\xd6v\x97\x11\x91\x13`+\xb3[\xfc\x94\xd3\xea+\xfa\xe8\xfeS[\xb2&lt;\xaf\xfc\xee\xbd\x0b\xe7h?\xeb\x0f\x18).p\x06j\xa2\xdd\x15\xf6\x89W\\\x02\x94\x85:&lt;v~\xcf\xaa\x8e\xe2\x00\xa05\xd5\xbf=#(\xd1A\xb7k\x98W\x99|z\xc3h\x98\x89\xf6=g\x898[\xbc\xff\xc4M\xe3\xd5)Z\xf7\xb4\x01\x165d\xb1\xbf}\x80\x8ap\'\xf1&gt;\x9d\xff\x17S\x82\x15\xe0\x06D\x98\xa3\'/\x02@\x00\xef#\xe7\x99\x1es\xcbPM\xa6\x87q\x84\x19\x96\xb5\xe4\xf1\xb7\x17\x05\xda\xe8z\xa8\xc5\x8d\xd9Y^&amp;\x00\xa2\xe4M]\xb4\x15\xb2\xbcL\x9a\x92|\xaf];\x94\xea\x82X\xc5\x93\xb4\xa4h\x00\xf4\xe4\x86/m\xc9\x05`?\xfd\xd3\x86xo]\xaf\x90C\xa8\tn\xd8:\x7f\xc6_g\xb0\xe6\xfd}hi\xd7,\x8fv\xb5\x10j\x82\x95m\x85\xf1v\x936\xdd\x07x\xf2\xe2~\x00\x16\x80\x01\x90\xe2\x825]%DT\xe0?m\x9ab;3\x07N\xf9]Lv\x82V\x13\xaf\x0c;`\xcf\xfc\xd6@\xde\x96%M9D\xc4\xdf\'\xd3\xc3\xb8"\xc2yc\x7fU\xb6\x97\xa9\xe0\xeb}\xf9\x91D$\x18\xae\x0b\xeb2\xd8\x1fm\xe9\x81\xab:\x8a\xe5Nm2\xfd\xa9\x99(\xfa1?|\xb0\xb7O\xc5\xd4+\x8b\x8d\xfd\x95\x8f\xdc\xb0\xcb\x13\x88\xb6\x04\x11\xc5\xe9l4`\x0cl\xe8\xab\x8c\xb1\xd6\xbe\xa7\x18\x0e\xda\x06+\x07f\xce\xf8v)E\xdedZ\x03+\xdb\n\x95\x0fX\x11!\xf1}n\xa9\xf4\xd1\xb3w\xa8\xb4\xc8\xe6\x80\x96E\xd3\xf4\xe3\xe7\xf9Zdx\x181o\xdd\x85\xf7\x91\xbd\xea\x83\x08p\xf9\xd8z\x85Ou\x9a\xcd\x89h\xf7\xfc\x16? \xc7[vU\xf9\xd7_&lt;S\x1e\xe6\xd8\x93\x1b~n\xfbB\xadn&amp;\xbb3f\x00\x11\xf9\x02cU\xc9\x11\xd2\xab\x91I(&lt;S1\xfa\x0b\xa36\xf6W\xf9\x00\xcd\xc9~3\xf2wU!\\h\xbe\xa6!Y\xc2\xb5\x98-jb\xdcW\xb4\x15x\x00\xcd\xc9~}\x05Ql#g\xec[S\xfd\xc7\xabS\x05\xd6V\x12\xa12\xafV\xbc\x1d\x06\x8bb\xc2\xcd\xa0\x01\xc2M\xa5\x975r\xbe9\x87\x91\xd2x\xc1\x16"\xe2\x0f\xb6CK\xbb\xe6\xd7\xa4\x9d\xdd\xb6\xc0\x18B\xd8\x00D\xd4\x96\xce\x9fAp\xcd\xaa\xfe\xb7\x1e:\x0b\xa0(\xd0f\xb4&lt;A\xdb\xf9\xf5\x00\x00\x94\x87;\xa5\xb8@w\xa3}\x05\x07\x16w\xd2_&gt;\xc8\xf55/\x0fw""\xfb\x19\x1d\xa4&amp;\xdamf\xd7\xc0\r&gt;GE\x0bh\x04\xd0\x17o\x1c\\\xd2\xc9\xdf(\xf0\x80\xfe\xaf\x90\xe6j\xe0\x05\x00\xf0\x05\xfa\x0b\xa3\xb5\xeeo\x02\xdc\xb2o\xf9\xd9m\x0b"y\xf3\x86\xfbTtH=\x0c\x00/\xc5\x1d\x8c\x81\xee\x9c0\x9d\x8eI\x7f\xff0\xcdM6\xf8\x92`\x8f\x89\x86L\xce\xf4,\xa8M/\xf0\xb7R9\xefs&gt;\xca5\xab\x07\xf25\x96\x92V\xd5\x10Pc\xd7\xf88\xbfcb\xfb\xdc\x86\x85u\x19\x0b\xeb2\x94m\x96\x86\xf7\xb7\x8d\n\x03\xc7@\xf4\xcd\x8e\xb9\r\x8e@\x96\xa7\x89F\xeb\xdeW\x0f\x95\x91.\x83\xc5\xb1\xce@y\xd8\xa4OR\x1d\xed\xc6\xfe0T7\xf2\xe7V$)L]\xa6@U\x94\xeb\xb1U\xfdDD\xf4\x87\x9a\x18w\xa5\x18\x82\x142&lt;\x8c\xe6U&amp;_&gt;\xb6~~M\x9a\xe4,xtEoa\x80uK\x8aFq\x02\x9d\x86}\x13ml\x0eP\x1e\xd8z\\\xc1\xdc\x8a\xa4\x9e\xdc\xf0Hs\x00\x08\x006\xf6W\x96\x859\xce\xabL\x02\xe0\x0cD*z[\xe9n\x86f\x80\x1fpz\xe3\xdc\xf6\x8c W\xa0"\\\xad\x03\xe6\x0e\xf0\xb3\x05\x0b\xeb2f\x10p\xe0C\xab\xa3:\xb7"\x89\xad\xf5\xd4\xe7\xb4\xff;\xe0\x82\xe0\xad\xa9\xfe\xfb\x17\xa9J\x84t\xe7\x84)\xb8\xd8bH\xae0\xda3\x82\xca\xc3\x1c\x15\xde\xdb\x02\x7f\xabM\x03\xd5\x19\x1e:\xac\x0f\xf3\xfc\xb4D\xb9\x13\xec\xa7\xfd\xd3\x01\xf0\x06\x92\x14RL"\x8c\x94%(,\xf0u\xc5\xfc\x9a4\xf6G\xb8\x19*#\\\x14\xf6\xe4\xdf\xa8m\xa3\xf5GW\xf4\xaa&lt;ES\xa2O\x9c-\x94\x17.\xb3\x81%0,\xf2\xa6G\xca\x12\xdc\x80\xb2P\x87\xf5\xbd\xe5l\x8b\xaeo\xd7\xa1\xa5]Z\xd33[G\xea\x88\x87\xad\xc3\xb5\x9f&lt;\x7fI\xeb\x91\x8b\x02mJC\x1c\xf8_&lt;\xbc\xac[\xbc[Y\xa8C\x86\xbbQM\x8cn3\xcb\xaa\x8e\xa2L\x0fc\xb9\x9b\xed\xa6\xd3\xb1~$\xc8\xf24\xf1\x01\x82\rY\x10\xf0\xef\x89\x0eh\xcf\x08\x02\xe0\x0e4\'\xf9\x16\x06\xc8\xbah\x19\xeeF#\xa5\xf1\x06@O^\xc4\xc7\xcf\xdf\x19\xa1\x83E\x12\xc2\x1d\xa8\x8aTz\xfd\x04\x086\x9c4j&amp;\x809\xb0\xb0.C\xab\xff[\x1d\xe5\xca"\xe6\xdf\xdb\x9b8[l\x9f\xdb\xf0\xd8\xf9=W\xe5P\x02\xab-^D\x03\x081\x82\xb5\xb64x\x82\x83lP%\xcc\x04\x1d\x99\xc1\x82\x8d\xb3\xcf\x8b(\xbb\xa6\x0b\xeb2"\xcd\xe1\x054$x\x0b\x0cC\x84\xf9\x95\x8cH\x86\x87Q\xbe\xc6R\xbc\x12\xc9\xf5Qz\xf8\xe6\x8a\x9e#7\x89vd\x85\xbc\xfb\xd8\x8dDt\xdb\xc1U\x92{\x8ac\xd6\x98E\x86F+&lt;\x81\x9d\xf3\x9a\x9a\x93\xa7\x85\xb2\xd7\xf7\x96\x87\x99`]O\xd9\xa3\xe7v\x7fog\xc6\x86\xbeJ"b\xe1{"z\xfc\xfc^"\xea\xca\x0e\xd5:\xa3\xf7\xe4EL\xd4gr\x13\xc0\xd2\xe6\\\xfe\xa7\xa5!\x0e\x00f\x9e\xde\xd1c\x06\x88\xb4\x00\x11\xfd\xe6\x95{\xf9\x96\xb4)\xc9wNz\xa0\xc2\x14l\x07\xac\xea(fO\xf1\xeek6\x04\xc8\xefyu\xe12\x15\xf1hK\x0f\xcc\xf22\xe9\xc9\r\x97\xdb\xb3!\xde\x8b\xdb\x93\x85\x80f\xf0*\xae\xee,\xae\x8b\xf5\x98\xc5\x04\xa7\x05\xfe\x00\x80\xc7\xce\xed\xd15\x82\xc1\x07\xdf\x00\xf0\x1f\x84\xc0\xe9fHuA\xa2\x03\xda\xd2\x03\xb5\x862\xe4\x9e~s\xb2_K\x8a\xa6!\xc1\x9b\x88\x82\x8d0Q\x9f\x01`\xb4&lt;\xd1\x15\xc8\xf62]\xd3U\x9a\xaf\xb1,\x0e\xb6SC\xed`\x17\xcc\xc2\x00b\xda\x06\x1f\x9c\xc98\xb9~D\x9cg~\xe8\xfa\x1d]\xd9\xa1\x00\xe8?\xbf\xe1B\x1f|$9"\xc5\x05qS\xbf\xd9\x02\xb0\xe6\x8d\x87\xca\x08\xe75]\xa5r\x81oO`\xb84&gt;\xc5\x19\xad\xa9\xfe\xcaA\t\x96\xb8\x16\xe0\xdc\xf6\x85\x11fP\xe0Gd{\xab\ru\x84\x9b\t\x97t\x01S\xf7\x8d\x9b&gt;#-\x90\xe4\x88\xc2\x00\xeb\r}\x15\x92\x94\xa4\xab\x85\x0b;\x17UF\xb8\xb0l\xbc\r\xe0\x088\x03\xea)X\xf4\xcdGD\x94\xaf\xb1\x04\xc0\xd2\x15\xbb\xe7\xb7&lt;x\xdd\xb6\xef\xedz\x01 \xdd}\xd2\xc8\x99\xeb\x1e3\xfc\xc1"\xc2\x0cs+\x92\xaa"]\xf9a\x1f\x1f\xa09\xc97Qf&gt;/\x0c\xb0\x1e(\x8a\xe1\xde\xc9\x86\x84\xff\xea\x9cm\x0c\x98\x01]\xda\x82\xd4\xa9\xaeW\x18)\xecMPi\x92\xf8\x98W\x99\x1co\x87\x86x\xafo?yA\xe7/\xab\x83\xc1\x94u\xd3\xf5\x8b\xfc\xb4A\x86\x87\x11#V6%\xf9\x02\x082\x84)\x90\xaf\xb1\x12\xbf\x8f\x91\x16\xf0\xe2\xbd\t\x0c\xe2\x1bs|\xcd\xe0\xc2\xfa\x0c\xc9\x05\x04\x00o\xe0\xbaM\xf3\x88(\xcd\xcd\xa0=3\xd8\x1d\xd88P\x15e\x81\xb6\xf4\xc0\xc2\x00\xeb\xd6T\x7f\xc6\x08\x02\x94\x0c\x9f\xc2\xd9%\xc1\xeeR\xa0\xd4G\xc9Nh\x88\xf7\x02\xb0\xaa\xa3H\xf0QK\x8a\xe6\xf6\x83\xabVw\x16\x17\x06X\xaf\xe9,a\x1b\xc5a\x19[@\xa3x%\xd9\xde\xa6Z\xa7LA@\xdb\x02Hu\xc5\xbe\x89\xb6\xc5\x8d\xd9W\xc5\xdc\xd4\xc5y\xf2\x1f\xa85\xb0\xbe\xb7\xe2\xfa\xcdc\n\xcc\xab\xef\x0f\x1e\xc0\xe2\xa6l\xe6\xb3\x03\x18.\x8d?\xba\xa2wf!\xf8\xde\xbc\x08/\x80\x88~\xf5\xe2]j\xf6?\xb8\xa43\xdd\xddP\x97\xf0\xa1\x1e\xf2\x98$\x8d}\xfd\xde\xe3\x17\xf6\x06\x00\x1e@\x8e\x8f\x993\xb0s^\x93\x9c\xe7\x1bn\x86\x1ds\x1b\xb9\t\x80\x0b\xa7~\xaf\xe0\xbb36&lt;\xbf\xe9\xea\x92)\xcc\xa4b#~\x00\xfd\xf1]\x9dx&amp;\x92\x08\x911\xa8{\x17\xcey\xef\xf1\x9bt:\x94\x07@D\xbfy\xf5&gt;\xf6\xcf\x04{\xdc\xb2o\xf9\xa2\xc6\xacXk\x00\xa8\x8b\x9d\xfc\x11uq\x9eZs\xad\x0e\x90\x08\xe9\xa8y\xbb\xbez\xeb\x91`#\xb8\x03\x1eS[\\\x80KG\xd7U\x84;\xa7\xbbMN0N\xf2+\x89\x19 \xd6\xe6J\x9d\x81\x1f@D\xec\xe0b&amp;q\x9e\x9f\x05\x11\r\x14\xc5\xd0Wo\xf6\x15D\xb2\x8dm\xe9\x81l\x82\\\xd2\x9c\xcb\x0f\ns\x8f\xc5_\xea\xa4\xba\xba\xd1|\x82Sq\x90]m\x8c\xfb\xb6\x91z\xe5\t Y\xdb\xd02\x00|\x80\x83K\xa4\xf9\xa6\xb16\x08\xbf\x1a\xab\xd4\x10\x1d=$\xb1\xe3\xa2\xb5\x18\x88A2Rt~\xc7\x84`\x8b\xdc\xc4FD\x8b\x9brZS\xfdkb\xdc\x95\x17\x8e\x1c\xfe\x7f\xcb\xff\xfd\x7f\x04s`UGQ\xa494@\xa6\xa7\xf1xu\xea\xc1%]&amp;\xda\xc8\xe0\xa6\xc0\xae\xf1f6\x02\xe4F\xaf2\xcdV\xd7\xf7\xaa2\xc2\xd9\x17(\r\x9d\xe6RFZ\xfc\xf7Jl\xe4\xc0^\xf8\xaa\xa8i\x04\xe9\xd2P\x87\xef/\xf8\xcb\xb0\xb1\xbfj\xf9\x9c\xfc\xe3\xab\x07\x98W\x98\xe7gA\xf4-\xfb\xa8\x9cW\xbe\xa05\xbe\x10g\x03\xa2\xdf\xab\xbc\xda\x85u\x19\xdc#\xa0/^\x17\x10\xf2\xd4;e-)\x9a\xf6\x8c\xa0\x15m\x05\xaa\xbf!D\xaa\x0b^\xba|\xed\x8ey\x8d\xd5Q\xae\x92k;\x0b\xc0G\xe4\x1f\x14\xf8[ey\x9a\xfc\xfb\xb3Wo;\xb8\x92miJ\xf2\x1d,\x8eq\x05\xfc\x00\xc9\xb5\xac\x87x\x93\x14\x98\x05\x8e\xb3\x85\xf8G\xf1\xa7\x04\xc9\x18\xc9\xa9\r\xa3\xca+\xa5\x04\xfbi\xc4_\x8e\xe29\x1b\x88\x89\x1e\x01\xd3\xdf\xca8mK\x9e\r}\x15\xdfG \xa5(\xc0\xe6\xe8\x8a^\x85\xe497\xc9\x1cX\xdc\xa1&amp;\xf9\x14g\x0bnI\n\xa0-=0\xd3Cnq\xfb\xe3\x06[\r|\xf3\xf1\xf3jvNv\x9at\x01\xb8[\xbb\xb6\xbb\xf4\x17?\xb9m\xa2&gt;\xd3\x1b\xe8\xcc\ny\xe2\xc6}\x8d\x89&gt;3b\xf9\x0b\x91`\x8f\x85\xf5\x19\xc5A\xb6\xab;\x8b\xf9\xc1\x0b\xb99F\xa3\xcb\xc1=\x00\x9d\xf2\xd8\x92\xb1u&gt;\xec\x81gn9\xac\\F\xa7\x06f*\n\x05\xcaB\x1d\xb8\xb8\xff\xda\xee\xd2\x19\x9ceE[\x01\x11\xa9\x8c\x17/m\xce\xd5\x00\x00\xb2\xbcL6\xf4U\x08\xa6=\x0e).\x80L\xf9k\xa0\x01\xfe\xf4\xde\x13\xff\xfe\xecU"*\x0e\x92\xb61\x0b\xeb2\xe4&gt;\xe2ppI\xe7M{\x96r\xff\xcc\xf40\xde2T\xbb|N\xbe\xc2W\x00\xc4XcqS6\xdfue\x7f\xb7\xa6Jz\xff:\xc3\nx\xfb\xe1s\x82T\xbc\xd69\xb8%E\xc3&amp;`\xee7\x8b\x8bcf\xc6c\x89\x96w\xa2Su\xe0^H\xe3\xcc\xe6\xb1\xce\xac\x90\xbaX\x0f\xc9\xb8\x1c\x1f\xb37\xb8,[ \x86$\x97!\xcb\xd3dc\x7f\x15\x7f\x0b\xb7$\xd5C\x1a\\\xdd\xcd\xe6\xc1j\x16NU\x03"\xfa\xfa\xfd\'\xaf\xfc\xf3\xb7?%\xa23[\xc6\xb3&lt;M\x8e\xae\xe8%\xa23\x9b\xc7\x1a\x13}\xf8\xd3/\x87u=\xe5\xea/o\xb4&lt;1\xc1\x1ei\xae\x06D\x9f\r\x16\xc7f\xb8\x1b\xcd\xae q\x1a\x06\x8abRty\x19\x88hc\x7f\xa530R&amp;$\xe1q\xb8\xef\xe4\x96t7\xc3\xd9g\xe1\xd8\xc4\x94`\x8f\xc3\xcb\xbaC\xaf\x92\xd7"\xb8u\x0bj\xd3%}=S\x11\x1f#\xd2\x02O\\\xd8wle\x1f\xb7E2\xf2\xc0L\xeaPI\xec5\xab\xfa\xe5&gt;\xbdy\xef\xb2W\xef=\xfd\x87w\x1f\x97\xb4\xbcGW\xf4*\x13\x91\x01\x98aZ-\xf1\xf2\xd6|\xa2\x7f\x89\x1d\xd2\x1d\xf3\x1a\xb9\xbf\xf3|-\x00\xc4\xd9\x82\x888\x0b[\x17\xe7\xa9S)\xe2\x0c\x02\xee\x9dY!ZY\x12Q\xaak\x02\x05k5\x8dh\x87&lt;?\x8bM\x03\xd5\x9ce\x94|\x99\xe5&lt;w\xc9\x91 \xb7:\xb1\x07\xcc\x81]cM2\x9f\xcf\x16\x05\x1a+\xe5\x98R\x9c\xad\xc4\xa2\xd3\nhK\x0f\xcc\xd7\x08\xdf\xbd\xef{E\xfe?\x06\xc9p\x9f\x93\xfcm2\x02:2\x83\x89\xbe\xe6o\x14\xf8\xb8\xebz\xca\xb9d\xa9\x07\xb0}\xb4!\xd7\xd7&lt;P&amp;\xb4*\xf7\xd6I\xbe_\xf1v(\n\xb4Iq\xc6\xf6\xb9\r\x8d\x89&gt;\x15\xe1N1V\xd2\x1cG\x1b)\xa7\xa0$\xd8\x8e\xb1D\x040\x03\xd2\\q\xef\x89\xcd\xd2\x97"\x83_\xbep\x99\x88\xea\xe3\xbd\x14\x96\x9f\xce\x80\x1bP\x15\xe9r\xb5\x08\xc8uq\x9eZ\x97\xe4j\xe0\x08\x0c\xa8(:\x03\xd0\x95\x13v\xc3\xd6\xf1\x89\xfaL\xfeF\xc1\xa3\x94\\\x81\xb9\x00\xcbZ\xf2\x14\xd6T\xcc#6\x02\xee?\xbduC\x7f\xa5x\x07\xbe\xc7\xa05&gt;\x8e\xa9)\xcdU\xca\x1a\xbe\xf3\xe8\x05\xa2\xaf\x03\x18\xdb\xed\xaf?\x9f\r\x15\xd8\x00XP\x9b\xfe\xfc\x1d\xc7$\x1d\x9aY\x82+\xd7\x82\xeaZ3\x00\x05\xfeV\x95\x11\xcevS.6\xbb\xe7\xf9\x1aK\xade\xc6\x1b\xfa*\xf8\xffT&amp;\xef\xdc~p\xd5\xca\xb6\xc2\xe1\xd28n\xcbm\x07Vr\x86Y\xe0O\xe8\xea\xa5\xc8\x91\xaf4\xc0@a4\xb7\x8c\xde6R\xbf}\xb4AP\xa1\xb6\xa06\xfd\xd9\xdb\x8ep\xff\x9c[\x91d8e\x01f\xa3q\xf0\xa3\x00\x17bS\xc9A+\xf0\xb7\xda\xbf\xa8\xbd%E\xa3\x91"QpXX\x97\xf1\xd6\xc3\xe7\xd8\xdf3\x8b\x81\xc4\xdb!\xc9\t\x8d\x89&gt;|\xaf\x9c\xf34kb\xdc\x95\x9d\xf5tw\xc3;\x0f\xaf\x11\x98]\xa6!U\x17\'\xcd}Os\x95\x18\xff\xf6\xc0xu\xea\xe9\x8d\xa3\xa7\xd6\x8f\x08\xd2\x98\xe5a\x8e\xff\xfe\xecU\xe5_\xe1\x04x\xc9\x10\xc3\xe5\x90\xe9i\xac\x905q\x06\x12\x1dP\x18`\xad\x95h\x17i\x81\x91\xb2i\x05\xf1&amp;\xc0]\xd7l\xf8\xec\xb5\xfb\x9b\x93\xfd\xf2\xfc,VO\x91a\xc4`/3w\xb77\xf4Uj\xad\xc7\x99\xe5"\xc7A4\x02\x9d\x80\xdb\x0e\xac\xac\x8e\x9a|\x86\xe7\xb6/\x943\xb8\x9e@k\xaa\x7fu\x94k\x8c5"\xe5=\xc5\xa5-\xb9Dtdy\x8f\xa4\x13\xa05|\x01 \xc7\xc7\xcc\x1bh\xcf\x08\xd2\x00&gt;@c\x82\xb7r\xc8h\x96aO\xb9\x81*\xc0\x83\xd7o\'\xa2\x97\xef:\x01 \xf0\xfb\x94\xc0\xeb\xcc\n\xe9\xcd\x8f\x1c\xabJ\xae\x8a\x9c\xb4\xf6\xecmr\x00\n\xfc\xadY\xf1\x10\xa6\xc4\xfe\x964\xe7*\xc7S\xf9u?\xa5\xa1\x0e\x19\x1e\xc2\xd5|On8[&amp;\xf2\x1d\xac\x8ap\xa7\xdaXa:\xa6@c\xc5\x9d\x1d@\x7fAT\x849ZS\xfd\x03\r\xe0\x04\x84\x9a\xccJ\xe9\xe0\x07\x0e\xf1\x80Q~ln\xc0\xb9\xed\x0bZR4i\xae\x06\\\xce\xcd\x17\xe8\x9f\x9e\x8f"\xfa7\x111:\xb0J\xc5M\x86twC; \xc8\x00\x96@\x98\t\xe8\xcb\x9f\x1e_3\xc8;,m\xe8\xab\x8c\xb6BM\x8c\xbb\xb2\xc4\xca\xe6\xc1\x1a"z\xf8\xcc\x0e\xf6O\xeb\xa9\x90}\xba\xbb!3\xafZ)\xab\xbe@S\xa2\xaf\x07\xb0\xae\xa7\xfc\xedG\xce\x13Qm\x8c\x87\xae\x0b\x7f\' pJ\xc7\xe6\xaa \xc8\x00\xf9\x1a\xcb\xbaX\x0f9\xd3\x93\xe6f\xc0\xcc\xe4\xea\xce\x12"\xe2\xcf\xbe\xac\xd4\x83\x88~\xfa\xc0\x99\x8e\xcc\xe0\xe7\xef8&amp;w\x96LO\xe3\xfe\x82\xa8tyQ\x07\x01\\\x80}\x13m\xf4\x87w\xd9?\xedU~M\x11\x89\x0e \xa2\x83K:\xd9\xcf\x99[\x91X\x19\xe1\x1cj,A\xe4\xb8y\xef\xb2\xe7n;z\xf7\xf1\r\xfd\x05Q\xd7o\x9a\xb7u\xb8V\xbc\xac\x0c3Eo~\xe4\xb1\x95}\x92\x84\xd4\x86\x04o\xfa\xd3\xcf\x88\xa8&amp;z\x9a\xcf \x99\xf8\xe5nJ\xbd\xea\x18\xe9\xf7\x8d\xd5\x9d%\x1b\xfb+\x9b\x12}\xf8\xaa\x85\xdfS\xd9Jy\xb8\x13\x17\x1c\xde6R\xd7\x9b\x17q\xfb\xa1\xd5D\xbf=\xb1v\x88\x7f\xbb&amp;\xea3\x93\x1c\xa5UQ\x05\xe0h\x84\xbb\xe7\xb7,\xa8\xbd\xc2$\xb4\x00\x88\xe8\xa3\xe7\xee\x94\xfb"gXb\xa7?n/\xa0&amp;\xc6\x9d\x15\xa5\xff\x7f[\xf5\xf9\xbf\n\x0b\xa0!\xc1\xfb\xd1s\xbb\xd3\xdd\r\xd9\xbc\x1ab\x84\xd1\xf2\x84\x97\xef:\xc9\x17G[\xda\x9cKDUQ\xae\xae\xba,\x065\xc0\xad\xfbW(\xac\xdaz\xf2\xc2\x8b\x02m\xd9;Z\x17\xe7)\xe7\x94\x9a\x00\xe7wL\xb0!\xc5\xb6\xd8\x03\x05\xbch\xa0!\xb0\xb6\xbbT9\xc1\xc8JZX\xce\xa8\xaf \x92q\x93\xd7v\x97\xe9\x14\x81)\x0fs\n3\x01\xfd\xed\x17:|G\x11\xa1&amp;\xd3\xc4\xef\xacD\\\xbaD\x07l\x1fmHw3\xb8\xfd\xe0\xaa\x9e&lt;a}\xdc@a\xf4\xc5\xddK\xee=\xb1I\xeb\x89\xb4\xa6\xb8\xf9\x083\xc1Pq\xec\x96\xa1Z\x1d\xbe\xa3\r\x19\xeeF\xf7\x9d\xdc\xd2\x94\xe4;V\x95\x02 \xdf\xcfrisn\x00O9\x83\xc1k\xca\x82\\\xbfi\xde\xd2\x96\xdc\x9ah\xb7\x8e\xcc\xe0\xce\xac\x10q\xb2/\xd8PV\xec!_cylU\xbf\xf2O^\xdb]\xf6\xcd\'/\xf0\x17s\n\x13\xa4F\xe9H\xdf\x17\x82\r\xd1\x9e\x19\xd4\x9e\x19\x04 \xd6F-mi6`\xfa\x8f/\xdcy\xdc\x0e\x085\x06?;%\x17\xd2\x11 \xcd\xd5\xe0\xf5\xfb\xaf\'\xa2\x8b\xbb\x97\xb4\xa6\xfaG\x98O\xf3\xcc\xbas\xc2\xe4\xf8\x05\x02l\x1a\xac&gt;\xbdq\x94\xf3\x89\xf4\xc5\x01W\x1f\xad\xa9\xfe\\\x89c_A\xe4\x81\xc5\x1d\x1c\xf9\xcf\x0cHs5\xe0\x07i\x19\xff\x9a\x88\xcem_\xb8\xa81K\xe5)*#\x9c\x89H\x10n\x9e\x01\\\x01"\xfa\xfd;\x8f)\xec\xa3\xc6%\xb7\x10\xd9A\xbe\x7f\xa8\xc6\xc3\xda:\\{\xe7\xe15\xca\xeb\x06\x01\x87RY\x16\x9b\xbf\xab9\x90\xea\x02\x81\xd3\n\xc0\x11`5G|z\xcc\xff!\x14\xea\xb4\xe5\xf0\xf8\xf9=D\xbf%"\xfe2\xaf1\xd1\'\xd1\x01s+\x12\xe3\xed\xa6\xc5\xc7\xcd\x80\xa6$\xdf\xbd\x0b\xdb\x1c\x80\xc2\x00\xeb\xcb\xc7\xd6\xe7k,\xd3\xdc\x0cNo\x9c+yp\xc9G\xdf\x98\xa8E\xf9\xe6\xb6\x03+\x89\xa8R\xb5`\x89z?\xc1\x19\xf8\xd9\xe3\x17\xb5\xee\x16i\xa1=\xce\xb6s\xac\xe9\xdc\xf6\x85A\x06\xb0\x07bm \xc8\xac\xa84\xca:\xe1\xb5\xfb\xaeS\xe6\x80z\x01\xc9N\x93\xa7\xd6\x88&gt;\xed/\x8c\xde4X\xfd\xda\xbd\xa7_\xb9\xe7\xd4\xea\xce\xe2\xd5\x9d\xc5M\x89\xbe\xea-\x06\x1f\x05\xfeV\x7f\xfb\xe8Y}\x8e\xf7\xfb\xc2`Q\x0cMi\x88{\x02K\x9as\x94C\x04\xc6@y\x98\xa3/\xd0\x9c\xe4\xab2\n\xb4\xb4%O=\x13Q\x19\xcf\xdcrX`&gt;f\x003\x80\xdf;B\x00A=\x97\xbd\xd4&gt;]\xd9\xa1\x02\tR\x01\x8c\x81\xde\xfcH\xf5\x97\xc4U&gt;\xf7\xe6E\\\xb3\xaa\xbf)\xc9Wn\xc4\xbfr\xf7)"\xba\x8a,\xa9\x19\xa0.\xd6#\xd8\x10\xc7V\xf5\xebdy\x02\x80\xbf}\xf8\xec`ql\x91\x94PEI\xb0\x9d\x91\xbc\x8b\xbde\xb8\x96\x05\xc4\xcbB\x1dgP\x15U\x1d\xe5*7VY\xbf#\x814\x96\xa9:\x01W\xadP\xa8\x94\xe6\x071\xb4\x92\x88\xf2|-\x9e\xbf\xe3\x98\\\xed\x8ez\xd5q\xf58\xb3e\\\xb97\xc0\x91\xe5=\xe3\xd5)D\x14g\x8blo3\x81J\x84\x05p\xcb\xbe\xe5\\\x14h\xcf\x829P]r\x01`Yk\x1e\x7f\xfa\xe1\xde\x85\xf95\xa9\xaa\x8f\xf1\xe3F\x7fa\x94\xfa@f\xbe\xc6R\xee\xd9$9"\xd7\xc7|\x96Z\x10\xb7\xec_~\xb5\xc2\xe5\xee\xc0S\x17\x0f\xb0\xae)\xdf\x07\xc4q*\xe5\xc6&amp;r\xb0\x02\xe6\xd7\xeaPA\xcd\xee\xbf\x1d\xf0\xe2\xa5\xe3D$\xc7kv\x98\n\x8c\xb0\x92W\x0e.@I\x88\xfdL.tFx\xe0\xf4\xb6\xb2P\x87\x8b\xbb\x97\x9c\xdd\xb6\xe0\xaa\x1c\xd0\\\x9bB5\xb35D\xa4\x9c"\xb2\x03\x1e\xba~\x87xZR\x9e3\xda3\x83\xc56\x94\x93\xdb\xc4U\xadv\xe6\xa0\xb5\xff\xc1\x8b\x97\x8e\xf3w\xe1\x0f\x88\xab%A\x9a\xe5e\xb2\xa06].DV)\xd5\x18\x83\xc3\xfc\x9a\xb4\xc3\xcb{\xda3\x82\xec\x80\x14g\x88\x97P\x07\x16u\xf4\xe4Edz\xce\x84\xdd&lt;X\x1c\xf3\xc6\xfdg\x04\x1bM\x01\xa2\x7f\xcf\xe0h?F,i\xce\x19)K\xf8\xec\xb5\xfb\x05~h\x849F\xca\x12\x16\xd6e\xa8\xa4"DY\xa2$\xd8^\xfd\x02Y\x12\xf7\x1c\xdfHDW+e\x9f\xe5irpI\xa7%\x94\x98!\n\xf0\x9eR\xcc\x8f\xb2\x84\xc3\xec\xa2\xba\xdd\xb9af\xc0}\'7\x8b\x17\xcb.\xba\xb0\xa4\x12\xec\xd1\x94\xe4\xeb\x0e\x94\x85:fz\x1a\xef\x1eoQP\xdd\xfa\xf7g\xaf\xfe\xe7\xf3\xd7\xd9\xdf\xd6@Y\xe8d\\\xb41\xc1;l\x96+#\xd5\xb0\x01\x8c\x81\xb7\x1e:\xa7&amp;\xc4\xa1\x12\x19\xeeZ\xa8}D\xc45\x87\x92\x83\t\xf0\xe5\x9b\x0f+\xefS\x13\xed\xc6\xda\x901\x84\x9aH\xab\xbc\xcd\xba\x8e\n\xd0E\xbf^\xb0V\x88\xb1\x06\xfd\xe9gr=\x18f_\xe4\xc5P\xe0o\xc5\x18\xa53\xf3\xf0\x82\x0cQ\x18`\x1dn\x8a\r}\x95\xe2+\xda&gt;Z\x7fuCS\x0f\x9f\xd9\xf1}T&amp;\xff0q\xcf\xb5\x1bS]p\xf9\xd8\xba\x9b\xf6,\x15\x18JC \xde\x0e\x07\x97tr\xf4;6\xf6\xac\x01\xf1\x803\x03\x02\x80\x08\xf3\x99\x90&gt;#\xcc\'_\x80\xca\x08\x97\xa7.\x1e\x98\xbd\xd8\x0e\x87\xa2@\x9b\x87\xcf\xec\xe8\xcd\x8fT\xc8Or/\x89 R\xef\x0c\x98\x00MI\xbeC\xc5\xb1\xce\xb3s\xee\xc6\xaaRJB\xec\x99g*i\xbdT\xf2\x05\xdb3\x82\xde{\xe2&amp;\x96\x84\xef\xc8\x0c\xfe\xf7o^U\xe37\xb9\x00]9\xa1+\xda\nVw\x96X\x03\xa9.\xf8\xcb\xcf\x7f\x12a\x0ec]\xe2\xd43\xc3\x9c\xb4\x80\xba8\xcf\x0b;\x17\xcd\xb8]\xa2\x1f\xa0 \x91\x1dd\x88\x14\x17\x14\x05\xda\xc4\xda \xcb\xd3\xc4C\x1d\x1b\xb58\xc8\xb6*\xca\xd5\x1f(\x0e\xb6;\xb2\xa2\xf7\xf0\xb2n6\x9a\xd3\\\x85\x85Q|\xf1\x86`#\xcc\xabL\x9e\xd9\xaf\x80(w\r\xc0\x1b\xc8\xf11\xeb\xcc\x0e\xad\x8atiJ\xf2U9\x07\x8cU%\x0btC\rd\xf4G\x01\xe4kk\xcf\xa0\x12\xa5!\xf6A\x86\x18*\x89\xc5L\xdb\x1a\xb3\x81\xca\xec\x88 ge\x03\xe4\xf8h\x8f\xd6UE\xba\x14\x07\xab2.\xeb{\xcb\xbf~\xff)\x9d/\xf1\xc7\x89\x89\xfa\x8cP\x13\x8cU\xa5\xfc\xe5\xe7?Y1\xa7\xa0Z\x94Q\x9c_\x93vq\xcf\x12\x00\x96\x93Q\x85\xbf\xf7\xe4E\x10\x91xqi\x05\xa4\xb9\x1a\x08R\x9a\xca\xb0\x02\x1a\xe2\xbd\xb7\xcfm\x082\x84\x15\xa3\x12\xf2\xaa\xf3\xaf\n\xb6\x0c\xd5:\x03+\xe4\xfb;\xe6\xf8\x98\xdd{bss\xb2\xdf\xba\x9er1}0\xd8\x10\xc5Av*\x1d\x1f\xb9\xe6\xe9INHs3`?\xad#+8\xd2B\xe72\x19\x0e\xed\x19A\xb7\xec[N\xf4\xc7\x8d\xfdU\x0f^\xb7]\rO\xd3\x1e\x884\xc7PI\xec\xc2\xba\x8c}\x0b\xdb\x00\x84\x9bbe{!}\xf5\xe6\x9f\xde{\xb2:\xcaU2\xac\'0XrS\x85\t\xd0\x95\x13V\x1d\xe5*)6\xe0\x0f\x94\x84\xd8\xa7\xbb\x19\xaa,:\x13c\xc5\x9c\x02\xfexhI\xd1p\x8auk\xbbKYL&lt;\xc1\x1e\xfe@\xb8)\xea\xe3\xbd\xea\xe3&lt;\xa3\xad\xb4\x144\x010\x03\xacy\x04\xc4\xb7\x1e&gt;\xb7e\xa8Fk\xd1\x90z^,\x07\xf6\xa0\x93\x1c\xb1\xb49\x97\x1f\x8e\x8b\xb7\xc3\xae\xf1\xe6\xc6D\x9f\xed\xa3\r\xdd\xb9\xe1\xb3l\x0c\x19i\xa1\xaa\xb5\xe4\x0cd\x10\x0e,\xeeHv\xc2\xa2\xc6\xac\x00\xc5\x99X\'H\xd6s\x1cY\xde\xc3\xfd\x9d\xeb+\xb1f\x7f\xfa\xa6\x83\nr\x93\xae\xbc\x1e\x18D4\xb3\x8e\xf6?F$\xd8#\xdf\xcfr\xebp\xed\xfeE\xed\x9b\x06\xaa\x07\x8bb\xf8\x9f\xfa\x03\xcb\xe7\x14\x0c\x16On&lt;\xb9n\x98Q\xb3%mt\x88\x11\xb2\xbcL8\x05J5hK\x0f\xdc9\xd64^\x9dj\xc0&amp;\x83\x04\xef\xe3k\x06Uv\xc5\xe2cNZ@K\x8afYK\xde\x8c\x0bn\xe5\xf4v\x8c\x81lo\xd3\x05\xb5\xe9\xbav\xba\x17\xe3\xe6\xc9d\xd7w\xa7\xd6\x8f\\\xbbvh\xc6\x1c\xf2\xb2P\x87\xc7\xcf\xef\xed\xce\t\x9b\xcdLi\x0b\xf4\x17D-\xac\xcb\xc8\xf11S\x10\xc0\xb0\x02|\x01C`\xa2!\x13\x80\x988\xeb\x038\xcb\xb3\xad]\x81\xe1\xd2x#@\xa1\xad\x10\x00g\xc0\x1b\xe8\xc8\n\xd1\xea\xe0\xb9LiUZ\x01\xdd\xb9\xe1\x8c\x02;\xb3.\x14\x9c\xf5\xff\xf3\x07O\x0f\x15\xc7\xaa\xf9\xca\xc1%\x9dK\x9as\xd4\xeci\xcd\xebNl\x03\xbc\xf5\xd0\xd9\xc7\xce\xefY\xdd9\xad\x91\xd9\xc2\xfa\x8c\x9dcM7\xedY\xfa\xc0\xe9m\x87\x97u\xcfR\x86H\x8d\xb3\xafS\x179\x86\x9f?}+\x11\xddvp\xa5z\x89\xff\xef\t\x8e\x80\x828MOn87\xbf\xde\xb0u\\9-\xc1\x87V\xb1\xa9\x1f&gt;R\x9c\'\xfbx\xb8\x00\x97\x8f\xad\xe7?\xe8D\x07\xfc\xf4\x81i9\x96u=eD\x7f\x964=^\x80\x8bL\xe7\xb9Hs\xf4\xe5GrC\x9c3\x06\x9a\xd9_=\xe0\x08,i\xceY\xd35\xa9\x80\xe6\r\x10\xd1\xc9\xf5#W\x91\x00\xa3\x90\x97V?/\xcc\xadH"\xfa\x9c\x88\x8e\xad\xec\xfb\xc3\xbb\x8f\xc5X\xa34\xc4^p\x91\xdbF\xeb\xe9\x0f\xef\xcc\xf0*g\x84\x0c\x0f\xa3\xad#ur\x9fn\x9f\xdbp\xef\x89\xcd\x19\x1eF3\x93\xf1\xd2\x00u\xb1\x1e\x00\x06e,,\xcbL\x0c\x97\xc6O\xd4g\x9e\xdb\xbepqc\xb6J\n\x98V\xd6\xa6V\xd0_~\xce&amp;\x80\x05\xb5\xe9\x82\x8f\xfa\x0b\xa2f\x99\xb5\x0e1\xba\x12\xd6?\xbc\xac\xfb\xda5\x83m\xe9\x81e\xd3%l\'\xea3\xff\xfa\xe13\xd7m\x9cKD\xd5\xea\xd8\xee\xca2P)\xce\xb2\xda&gt;\x06@M\x8c\xfb\x0c:v0]HV?!\'c\xae+\xe4f*~\x06^\xb2\x07\x89\xe4\xd8\xc8\xd7X\x1e^\xd6\xfd\x9f\xcf_\xe3\xb6D\x98\xeb\xd0]G\x8fi\x98\x93&amp;t\xa7\x04\xab\xb5\xe1\xd28\xf6\xda\xe8\xe4\x10\xd4\xc7{\xad\xee,\xe1\x9c\x88\xfax/\xf5S\xb4Vx\x03k\xbb\xcb\xf8\xef\x16+ \x9c_\x93V\xcb\x130Ht@\x81\xbf\x95\x0e\xf1)u\xe0\x92\xe79&gt;fV\x8a\xd1|\xfeG\xc5A\xd3\x9c]W\xa0\xc0\xdf\x8aU\xea\x9e\\?\x92\xebk\xfe_[\xc2^\xdc\xbd\x84\xab\xd9\x16 \xc2\x1c\xcf\xdevd\xf3`\r?\xb7\x7fpI\xa7\xfa,\xfd\xf9\x1d\x13L\x98\x93\xaf\x1c\xc7\x87/+\xd9\xfb\xe7/\x99WQ\x13\xed\xce\x14\xd3fk\xddU`\xb8$\xee\xc4\xbaa\xc9\xf6\xc2\x0b\xeb\xd2\x95K7\x1cT\xeb4L;#OE\x87\xe1\xaa\xc8:\xf1AD\x8f\xdc\xb0K\xf2\xa3\x19\xfbC\x1a\x80\x88n\xdd\xbfBn\xd2\xcd\xf3\xb38\xb8\xa4\x93\xfe\xfe\xa1\xd6C\xb9\x01\xed\x19A%\xc1\xf6\xe2\x8f\xc2Lq\xf3\xdee\x9c\xb8\xc0J\xf9\x98\xad\x00\xff\xd7+\x93\xffq\x04\x19\xe0\xe8\x8a^\xc6\xeeW\x83\xea(W"z\xff\xc9\x9b\x01\x18\x89d\x1e$\x07\x99)\xf0\xb7\x0f\x9f%\xfa\xa7\xb8d\xe9\xaa \xd8\x10\x1b\xfb+\x05\xba\xaf\xf1v\xf0\x03\xc2L`\x00\x98\x00\xe9n\x86y~\x96\'\xd6\x0e\x89\xbf&gt;\x83\x8ayf\x9d{\xa7sL\xd9o3\x9a^;\xa6\x92\x7fDDw\x1eY\x9b\xaf\xb1t\x07\\\xb5%\x9c\xe3\xed \xf8\xb1\xeaa\x04\xec\x9bh\xe3oa\r]\xf7,h\x15\xef\x1cl\x88\x7f\x7f\xf6*_\x88\xd1\x04\x98\x93\x16 W\x9c)\xf0\x1d\xec\x80\x07Noc"-\xf7\x9f\xda*9\xe1\x07\x19\x80\xe8/\xb9&gt;\xe6\xcf\xdev\x84\x88\xe6\xd7\xa4\xde}|c\x81\xbfuw\xae\x96Fo\xeaa*C\xd49\xbc\xac\x87\xe8["\x12\xc4\x9dl\x80\xd2\x10{Smt#.\xea\xa5\xde\xa9VY\xd4\xaa\x00K`\xc6\xe9\xf4\x86\x04\xef\x9dcM\xed\x19A:]\x84\x17\xf0\xd9\xab\xf7m\x1a\xd02\xde\x88\x88\xab\x060R\xa4\x9f.k\xc9\x93\xdcn6\xddz\xe8\x1aq\xcd\xf5\xb5\x10\xc4\xd0\x8ct\xa9\'\xf8\xf1\xc2\x11X\xd4\x98\xa5\xde\x99\xb1\x02&gt;}\xf9\x1e.\xd3\x9b\xe5i\xd2\x98\xe83^\x9d\xbag~kQ\xa0M[z\xe0X\x95\x90)\x11f\x02\xa2\x7f\x12\xd1\xf7\xd4\xb2\xce\x17\xe8\xcd\x8bP\xe3KiD[\x12\xec\xa79\xe3Q\x16W\xa4f\xe4\xeeI\x81\xbf\xd5\xfc\x9a\xb4\\\x1fs"R&amp;,\xb1\xd6"r\x99a&gt;\xda\xd2\x03{\xf3#s\x14[\x96s\xb0\x93Y \x8bqn\xfbBAn\xd0S\xa4\x00\xbc\xb2\xbd\xf0\x95\xbbO\xc95\x81\x12\xd4\x8e&amp;\xd8\x83\x888OP\xb0\xd0\xae\x89v\x13\x1c\xbc$\xd8\xfe\x89\x1b\xf7\xf9\x02\x9f\xbfv\xbf\xe4\xad\xb2\x06|\x80\xc2\x00k\xc6,\xe8\xcb\x8flI\xf6\x9bW\x99,\xee\xe9\xa8\x1eq\xb6Hq\x06WO.7\x07\x9bM\xf54\xe7[p]\t\xc3\x0e\x00S\xaa\x10\xc0H[E\xf7\x0c\xc0\x98\xd9\xfc;l\x08\x10\xfd\xd1I\x9d\x92\xa3\x07\xf0\xe0u\xdb\xd6\xf5\x94\tV\x9fr\xc8\xf5\xb5P\xafM\xcd\xeeaC\x82\xb7\xd6W\\\xeb\xd9-\x80\xfa\xe9=/%\xc1_\x8c\\\xbbf\xf0\xcd\x87\xcer\x8b{/\xe0\xfeS[\x88\x88\xbe\xf9\x98mq\x02\xcc\x81pS\x89\xe5Bwn\xb8 4\xa7\x87\x10Y\x9e&amp;\xaf\xdesZ.\x00x\xe3\xae\xc5\xbf~\xe9n\x16\x17jN\xf6\x13\xd3@;2\x83\xd9\xa7\xf6\xd3\xb7\x17\x05\xdal\x1b\xad\xbf\xfa\x97;SD[\xa9\r\x1d\x16\x05\xda\xa8\x99o\x9c\x80\xa2@\x9bZm:\x9a\xdf_\x12\x8a\xb1\xaa2&lt;\x8c\xe4Vxn\xc0\xae\xb1f\x05v\xa3z=Ks\xa0!\xde\x8b\x85q\xc5j\xa6r\x04\x12_\xe0\xd2\xd1u\x7f\xfd\xc53K[r\x97\xb7\xe6\xb7\xa4h\xe6U&amp;\xbd\xff\xe4\xcd\xd7\xac\x1eP}\xe6+\xa0\x7f|\xf2\xe7\x0f\x9eVO\x01,\x0e\xb2\xed/\xbc"b\x18k\x83\xe5st\xebM\x96\xeen\xd8\x93\x1b\xce7F\xf1vx\xf8\x86\x9dD\xb4eX\xad2\xd2S\x17\x0f\x10\xd1\x7f&gt;\x7f\xdd\x05\x88\xb3\x15\x06]\x15\xe0\x03\xdcv`\xe5\xca\xb6\xc2\xaf\xdez\xb8-=P+\xad\xc0\x0e\x18*\x89\xab\x8cp\xd6\x9an\xe62\xe4\xaa\xaf\x05\x00\xb6\x0c\xd5\x12\xd1,5P\xcb\xc3\x1c\xe52FrX\xd3U\x92\xe1,mV\x05\x00\x00 \x00IDATn\xc4\xff\xf9}\xf9\x91,\xbd\xcf\xdf\xcd\x03\x880\xc7@a4\x7fO\xb9V9z\\A\x98)\x88\xe8\xa7\x0f\xde\xa0\x99\xea3\xce\x87\x13\xf0\xe5\x9b\x0f}\xf7\xe9\xcb\xa92kK&amp;\x0c\'\x1eL\xde3\xed]\xf5\x7f\x05]\xf3\x075\xd1\xee\x11f\xda\x17\xb3j\x8cN\x86\xbbQQ\xa0\x8d\xae\x85\x9d\xed\x19A\xa76\x8c\x06\x19\xc8\xe6`\x01-\xf4\xc19i\x01\xcdI~\x02\xd5x\x00\t\xf6\xb0\x06\xc2L\xe0+E~\x1d-O\\\xd4\xa0]\xce\xc5\x048\xb5a\x94\x8d\x8d\xfe\xc2\xe8]cMMI\xbe\xdd9a;\xc7\x9a\x96\xb5\xe6\xc9}K&lt;\xca\xb8*\x8d\'.\xec{\xfc\xc2^\xf5fK\xe0\xa4we\x87\xd2_&gt;\x90\xe41\xdb\x8b\xb6\x98\x03cU)r\xa2\x0b\xef?y\xb3\xfa\xf2\xc3\xdd\xe3-\x92/\x88\xa4*x\xa81N\xae\x1f9\xb0\xb8\x83]\xe5\xf9\x1d\x13\xe5a\x8eD\xb4T&amp;\xb4\xa2k]\x8e\x0f\xcf\xfa+\xab\x98H\xc2\x1e\xb8\xf7\xc4\xa6;\x8f\xac\xe5\xd6\xa8\xebz\xca\x87K\xe3\xe7U&amp;\x8f\x96\'\xc4\xda \xc4\x08\xc6@\x00 7A\x16\x06X_:\xbaN\xd7\xf3\x02\xa8\x8f\xf7\xe2\xa7\xb2\x88h\xbcZ(\x08\xf1\xef\xcf^\xedR\xac$\xd7C\x1a\x81\x807\xe0\x0b\xc4\xdaH\xb4_\x8f4\x97\xed\xeb\x02\xa0\xc0\xdf\xaaB&amp;\xe5+0L&amp;\xba\xf7\x91\x98\rT\x06\xbe\xfc\x00\xa2\xaf\xdc\xa7\xf2\xbd\x1e\xda\xfa$s\xe8U\'D1V\x95\x92\xe4\x88\xd6T\x7fI"\xa0\'\xb0o\xa2\xed\x9ek7\x1e_=\xb0s^\x93NY\x14\x0f`\xb4&lt;!\xc9\x11\t\xf6\x93Kf\xe5\xfe\xcc\x02\xcc\xabL\xfe\xf8\xf9K;\xe65\x8a\x8d\xcb\xde\x85s~\xf7\xf6#\xe5\xe1Ns\xd2\x02\xb8%\x0e\xe7KE\x98_\xa9\xc5WP\x9e\x98\x93\x16\xc0\xfaP\x12\x11}\xf1:#2\xda\x03\xc3%q\x82=\xbbs\xc39\xfa\xbf\xa4\x9a\xbf%\xd0\x95\x1d\xca\n\x85\x047Q\xee\xf4E\x816o&gt;t\x96\xfb\xb40\xc0f\xf3`\x8d\x1c\xcd&amp;\xccT\xd8"i\xb84\x9e\x88\xb6\xc9\x13\xa8f\x8f\x86\xe9\x16\x8d\x0f\' \xc7\xc7\xac\xbf \xea\xe2\xee%\xa5!\x0e\xa6\xc0\xa1\xa5]\x92A\']y?\xf4\xb7_\xcc\xcc\xfdg\x087\xbd2\x7f\xb8\x02N\xc0\xee\xf9-.S\x89\xb1\xd1\xf2\xc4\x9dcM=\xb9\xe1\xbf\xfd\xe9CZ\xab\xb5g\x89\x8e\xcc`\xf1\x0b5\x1b\xe6\xf4\x0f\x13\xf1v0\x95*\xcd\xe8\xce\t\xe3\xbf\x0b\x01@\x8a3\x9a\x92|_\xbd\xf7t\xb2\x13,\x80\xf20\x1d$W\xb3\xbdL%c\x10\x82z\x8dx;,j\xc8\xe2\x8b\xea\xcc\xbe\x96\xddn\x8a\x91\xcd_\xa7\x1b\x89T\x949\xe4\xf8\x98\x89;\xa5,i\xbe"\t\xc0\xa4F5*N-w\n\x01\xc6\xaaR\xb6\x0e\xd7m\x1d\xa9\xdb\xd8_\xd5\x94\xe4\xcb\x99x\x03 \xdc\x14\xf1vhL\xf0^\xd5^\xd4_\x10ED\x17\xf7,\xb5\x00V\xb4\x15\x08r\xb9b\xa4\xbb\x19\x96\x85:\xaa\xcc\xf8\x05\x19\n\xd77\xacc\xe2\xf15\x83b\xabb\x06,k\x9dl\xbak(\x95j\xcb\xf11;\xb5a\xb42\xd2\xc5E\xbe8.\xcb\xd3\xa4*\xcau\xfb\xdc\x06f,F\xca\x12$\x83\xe9\x0cD\xf4\xe2\xa5\xe3\xdc?G\xcb\x13\x059\x0bS\xa0\xaf J\x92e \x99\xdd\xd85\xde\\\x1f\xefU\x15\xe9\xa2S\xadlq\xb0\x1d7\x1e\x0f,\xee\x90\xa4o\xe6x\x9b\xad\xee,\x19,\x8eU\xe0\xb99\x03w_\xb3Akr\xc8O\x9e\x0e\xe0\xc9\xf3\xd3\x974M+M\xe0(\xcb\r\t\xdee\xba\xbc\xa4\x98\x92\xf6d\xb8y\xef2\x9d\xbe\xcb@\xd3!\xb9\x8fF[]\xc8U\xe1\xe6\xbbM7\xf7\xa6\x803 \xc8-\xcd\xac\x82\xe4\x07\x85\xc2\x00\xeb\x1bw-\x16?*\xb1$\xe7\xa6\x81*\xf6P\xdfz\xe8\xdc\xa6\x81\xea\xd9\x17F\x01\xb8|l\xfd\x91\xe5\xbd\xfc-v\xd39\x1b\xd9\xde\xa6\x92\xf1\xca\xf6\x8c \xb9\xa1\x1db\x84\xd2\x10\xfbloS\x07 \xd2\x02\xe3\xd5\xa9\xd7\xae\x19\x8c\xb6\xc2\xceyM\x00\x0e-\xebV\xbe\xa4CK\xbb\x88hnE\x12\xfbg\x90\x81D\x1c\x9c\xbe|\x93\xfd\xa1L\xd6\x14\x98\x1eFq\x13\x93\x8e\xda\xd2\x03\xdf|\xe8\xec\r[\xe7\xff\xe6\x95{9\xfd\xcb\xaaH\x17~;S? \xc6J;k\xb09\xc9\x17\xc0\xc6\x81\xaa]\xe3\xcd\xb51\x1e\xc1F\xc8\x16\xd5\xfe\xd4\xc4\xb8\x8b\xa3\x02\x1d\x99\xc1\xed\x19A\x82\xceeD_\x08LT\xac\r\xe6\xd7\xa4\xe6x\x9b\xc9M\xcc\\@\x89\x95e*\xd00\xd6\xf7VTF8\x13\xfd\xfeo\x1f=\xcb\xa88\xea\x13\xb0\x83\xc5\xb1\x021\x12;\xe0\x91\xb3\xbb\x04\xf1\\\x0f`qc\xb670\xd1\x90yq\xf7\x12\xf1q\xaa\xa2\\5\xaaO:\'-\xa0&gt;\xdekug1#\xc5\xb2v\x05\xe2\xdd"\xcd\x91\xedm\xba\xb1\xbfR\xae\x8d\xed\x0bw^\xf3\xf5\xfbO\xb1WI\xab{\x93`\x8f\x8e\xcc`\xf1\xab\xc6\xba\x0c=x\xdd6I\x11\x08S\xc0_\xa6\xc3\x9d\x02\x96\xb5\xe4\xf1m\xf7\xdc\x8aD\x89CK\x81\xcb\x9c\xd1w\xbfR3\x01( \xca\x12y~\x16\xd1V\xb0\x02\xc6\xabSg\xd9t\x93\xfe\xfasn\xbd(\xf6\x03\x88(\xdd\xcd\xe0{b\xa6\xfc\xcf\xa00\xc0f\xa2&gt;\x93\x88\xb4\xd2\xf2;\xb3B\x88\xe8\x8b\xd7\x1f(\x0fs\xe47`\x9b1\x8c\x81;\x0e\xadVIh\x11@!z\xe3\x02\xc4\xd9`qc\xf6\xfeE\x1d\xbe\xc0hy\xc2XUru\xb4\xdb\xcd\xfb\x96\xb3O-\x15\x05\xbc\xcc\x81\xad#uk\xbaJ\x008\x01\x0b\xeb2\xae\xdf&lt;\xa6|1rG\x13\xc4\xca\xbc\x81\x81\xa2\x18q\x809\xcd\xd5\xe0\xc4\xba\xe1\xf5\xbd\xe5D\xd4W\x10\xc9\xde\xda(K\x89P\x9b\x1c8[\xc3\x0e^\x11\xee\xd4\x9c\xec\x17f\x02\x7f\xa9,\xae\xdc\xcc\xbdw\xe1\x1c\xee\x8d\x15{F\x05\xfeV7\xedYzdy\xcf\x99-\xe3\x92\xe4\x90\xb6\x8c\xa0s;\x16\x1e^\xd6\xad2\xf6}le\xdf\x8ey\x8d\x9f\xber\xaf\xaa\xbd\xb5!j\xaa\xd9\x19\xffu6\x06\xb8"\xf6\xd9\x80#\xa7WE\xbar]6\xd7v\x97\xdd~h\x15\x7f\xb7\xdd\xf3[\xb8a\x99`\x8fX\x1b\x84\x9aHd\xf8Y\xaf:\x95\xf6Q@\xbc\x8f\xd0\x85\xb3l\xaf\xc3\xbe\x80\xc8y\x7f\xf5\x9e\xd3\xea\xbf\xf8\x8f_\xbd\xf4\x9bW\xee%\t\xfcK\xfd\x05\xf4\xe6G\x8e\x96\'\x0c\x15\xc7\x9a\x01\xad\xa9\xfe\x1d\x99\xc13\x93\x08\xe5\x83=;\x81\xe3\xaf\x93Z\xc1\x0f\x1c1V\xd3\xdc4\xe6\xf1\x19\x03^S\x15\x16\x82\xf4:\x037/\xeb\x14SnN\xf6\xdb&gt;Z\xcf\xcf\x15\xeb\xbaD\xe5P\x17\xe7\xc9u\x8b\x95\x03\xbb~\x1b\xa0&gt;\xce\xcb{*\xe3\x17n\x86\xa6$_A\xb3\\\x0e\xfb\x17\xb5\xf3\xedW\xaa\x0bz\xf3#IJ\xf8HW(\xfbz\x91\xe6\x18\xafN\xb9n\xd3&lt;\x8e\x91\xf6\xe4\xc5\xfd\xf4\xd5\x9b\xca+\x8c`C$: \xc4\x18\xa1&amp;\xd2\x91q\x00\xbe\x80\x1b`**\xe8\x93\xc4w\x9f\xbe"\xf7QY\xa8\xc3\x91\x15\xbdr2;IN\xb8\xe3\xf0j\xf6\xc6k\x8dM1\xbc\xf1\xc0\x99\xeds\x1b\xae\x96\\em\xac\x07;{wn\x98NcR+L\x00"J\xb0W\xa2ZZ\xb3\xa6\x92D)\xce\x88\xb1\x86\'pn\xfb\xc2H\x8b\xab\x10\xc0\xe4^\xbd\xd5\x9d\xc5\x7f\xff\xe89\x9d|j]\x0b\\\xc4\xc6\x9b]?\xfd\xf6\r\x00\xa1&amp;\xb2\xba\xe5Rv\x7f\xda"\xa0TQ\x81\x9c3\x01\xb7\xec_\xb1\xb6\xbb\x8cE\xb4\x92\xb59\xa49&gt;fr\xfc:\x81\xe7\x94\xea\x02q\xad{\x94\x05\x9a\x93\xfdjc=\x88\xfe\xc5~\xe0\x8f\x14\xad\xa9\xfe\xb16\x93EL\xde@\xae\x8fy\xa6\xa7\xf1\x8ey\x8d\x17v.Z\xd5Q4V\x95\xbc\xa6\xab\xa4O\xd4\xb1$\xd3\xc3X!\xeb+\x87y\x95IDt\xd7\xb1\xf5\xb3\xb9`\'\xc0\x12(\n\xb4Q\xaf\x9f\xc5\xdfq~M\x9a\x9c@\xb4/@D\x8f\xf3\x08\x8b\xcd\xc9~\xcd\xc9~\x87\x15\xa3FZ\x15\xc4\xd4\xc0\x1a\xb8\xeb\x9a\r\xdb\xe76\xac\xeb)\x03`;\xf5R)\xdccs\x80~\xf76}\xfd\xdePI\\\x95H\x85\x9b\x0b\xe6\x04\x19\xa0#3X\xbd6\x96\x9ck\xa4\\(\xd8\x9a\xea\xcfZ\xae?u\xd3\x01F\xe0\xd1\x1a]-\x0e\xb2\xcdp7\xe4?\x87\x08s%\xcd&gt;\x01\x1cE|\x01v\xc7\xd6v\x95\xaeh+\xd4Z\x01\xc4\xcd\xe8\x16\xdaz\xc3\xd9\x00GW\xf4\xb2\xbf\xad\xa7\x94\x88\x04hJ\xf2-\x0fs""\xa2\xcf\x13\x1d`\x02\xec]8G\xebO\x10\xc3\x0eh\xcf\x0c\xfe\xc3\xbb\x8f\xaf\xed.\x13x\xa9GV\xf4~\xf5\xd6#3\x08\xaa\xa8\x87\xa4\xf9\x8e\xb7\xc3\x99-\xe3k\xbaJ\xfc\xe5}\x08\xad\x13\x80\xa1\xba\x94\xa1\x19\xd0\x9e\x11\xa4\x90\n\xe2\xa3+\'\xec\x85;\xafY\xd4\x98%H}\x1b\x01D\xc4\x9f?$\xd3`\xe1fXX\x97\xc1\xea\xcf\xbf\xd7\xbb\xfa\xff;\\\x81T\xd7+\x061\xdc\x8c\xd1\xf6\xffB\x7f\xfa\xd9\x1d\x87V\xbf\xff\xe4\xcd\x0f\x9c\xde&amp;.\xde+\x0c\xb0\x9eAp\xce\x01h\x88\xf7\xd654\xc9G\xbe\xc6\xb2+;t\xdbh\xfdpi\xbcrc\x10\x9d`\r\xdc\xb4wi\x849\xd2\xdd\x0c\x88\xe8\xbf\xaf\x0ee5\xf5\x16\xed\x98\xdb\xe0;\xa9\x1aD\xf4\xc7w\x15\xbe\xc2\xb4\x8b\x89(\xd2|\x92~\xe3\x00\xc4\xd9N\x0ew.\x91n\xa9\x8d\xe8yU\xb0\xa2\xadp^e2\x11\xcd@\xc8\x8f\xc1\x15\xd82\\{hi\x97r\xbf\x9a\\_\xf3$G\xac\xed.[\xdc\x98-\xa8\xc2\x1b-O$"\xfa\xc3\xbb\x1f\xcb\xb7\x11\xe7#\xd4\x18\xd1V\xe8\xcd\x8b\xd0\xb5&lt;\x97\x1b\x1e\xdc8f\x93B\x96\x97Is\xb2_[z\xa0B]=\xfd\xf5\xe7/\xdcy\x9c?uq4\xcd\x9b\xf7.;\xbc\xac\'\xde\x0e\xd9\xde\xa6\x15\xe1N\xdf|\xfc\xbc\xe0\xbbE\x81\xb6\xeby|\\\x0f\xa0!\xc1\xfb*&gt;\xdc\x7f\xfe\xfa%\x05;\xfe\xcf_\xbf$\xfb\xa3\xb4M\x00l\x9f\xdaX-\xf3\xb2\x13@\xdf\xfd\xea\xcc\x96q5W;^\x93JDk\xbaJ\xef&lt;\xbcF\xf0\xd1\x0bw\x1eW\xc9\xd3s\x06\xcen[\xc0o\xe9\xf3\xa3\x831pv\xdb\x02A}\xf9\r[\xe7\x13\xd1@Q\xf4PI\xacdlA\xf3_\xba\xbaI0o6\xcd\x15=\xb9\xe1;\xc7\x9a\x1c\x00\x1d\xc9\xcd\xb20\x012\xdc\x8d|\x80u=\xe5,\xc5\xaa\x93$\xa32\x99\x81\x83\x1a\xd9\xa3\x96\x14\r\x11\xbd|\xd7\x89\x15m\x05\xcc\x9b\xfe\xc5OnS&gt;\xe6\xe9\x8dsiJ\xcb\xcc\x18\xa8\x8d\xf1 \xfa\xed\xb5k\x06\x0b\xfc\xad4j.K\x84\xce\xecP\xad\xedV$\xd1\x9c\xec7V\x9dr\xeb\xfe\x153\xd3\x8ccG\xf8\xcb/~B_\xbd\xd9\x90\xe0m/\xb3Oi\x88=\x11\xcd\xabLNt\x80\x99\x946\x99%p\xf9\xd8z"R\x13\x05\xaa\x08wZ\xd2\x94\xf3\xe8\xb9\xddw\x1f\xdf8\xb3k\x9e\x01\xbc\x80@\x9e\xffc\x0bHF#\xf7\xcco\xfd\xc3\xbb\x8f\x97\x86\xd8k%q^E\xcd(e;\xbec^\xa3\xdc\x17\xbf|\xf3!\xad\x13\xc0HY\xc2q\x15\xc5}\xc6\xc0\xbc\xcadV\x7f\xae\xac|\x97\xe4\x88\xa3+\xa4\x05\xa6\xc0K\xdb\xe8\xa1\x05,vI\xa2E\x90\x0f`\x03$;\xcf\x90\x98\x1f\x08\x84\x18\xa1*\xca\xb5"|\xe6.\n\x9b\xc4\xad\x81\x87o\xd8Y\x16\xe6\xa8\x10\x85(\x0c\xb0\x9eYkV7\xa0$\xd8\xfe\xde\x13\x9b\xef\xbdv\x13+\xc2\x94\xab\xf6\n3Ey\x98\xf0\xb7x\x02L(\xf1j\xa1.\xce\xb3(\xd0fIs\x8e@\x84U\x01\x82\xfcDI\xb0\x9d\xd6\x86_9&gt;f\x92\xdc\x07s _\xa3\x9d\x15\xc1\xe6\xc8`Cx\x01\x0bj\xd3[R4\x1b\x07\xaa\xfa\n\xa2v\x8d7\xcb}\xa5(\xc8V\xc0V\x14ce{!\xfd\xeb\xd7\x0f^\xb7]\xe1\x1a\xd4\x14\xcaF\x9a\xa3&amp;\xc6]&lt;=\\\'\xea\x11\xcf*W_\xba|BPawu\xb3\x08bx\x03\'\xd6\x0e\x8d\x96\'\\\xb3z\xe0\xf8\x9aA\xb9\xdd\x02\x81=\x0bZ\xd5\xa8\xce\x99\xa8.:Q\x80\xf2\x04\xa0&lt;\xd3\xb4\xa4h\xe6U&amp;\x7f\xf3\xf1\xf3r\x13\x00\xd4\x</t>
        </is>
      </c>
      <c r="E695" t="inlineStr">
        <is>
          <t>&lt;class 'numpy.ndarray'&gt;</t>
        </is>
      </c>
    </row>
    <row r="696">
      <c r="A696" s="1" t="n">
        <v>694</v>
      </c>
      <c r="B696" t="inlineStr">
        <is>
          <t>steps_per_sec</t>
        </is>
      </c>
      <c r="C696" t="n">
        <v>10000</v>
      </c>
      <c r="D696" t="inlineStr">
        <is>
          <t>3.3634157</t>
        </is>
      </c>
      <c r="E696" t="inlineStr">
        <is>
          <t>&lt;class 'numpy.ndarray'&gt;</t>
        </is>
      </c>
    </row>
    <row r="697">
      <c r="A697" s="1" t="n">
        <v>695</v>
      </c>
      <c r="B697" t="inlineStr">
        <is>
          <t>Loss/object_center</t>
        </is>
      </c>
      <c r="C697" t="n">
        <v>10000</v>
      </c>
      <c r="D697" t="inlineStr">
        <is>
          <t>0.20129958</t>
        </is>
      </c>
      <c r="E697" t="inlineStr">
        <is>
          <t>&lt;class 'numpy.ndarray'&gt;</t>
        </is>
      </c>
    </row>
    <row r="698">
      <c r="A698" s="1" t="n">
        <v>696</v>
      </c>
      <c r="B698" t="inlineStr">
        <is>
          <t>Loss/box/scale</t>
        </is>
      </c>
      <c r="C698" t="n">
        <v>10000</v>
      </c>
      <c r="D698" t="inlineStr">
        <is>
          <t>0.04569942</t>
        </is>
      </c>
      <c r="E698" t="inlineStr">
        <is>
          <t>&lt;class 'numpy.ndarray'&gt;</t>
        </is>
      </c>
    </row>
    <row r="699">
      <c r="A699" s="1" t="n">
        <v>697</v>
      </c>
      <c r="B699" t="inlineStr">
        <is>
          <t>Loss/box/offset</t>
        </is>
      </c>
      <c r="C699" t="n">
        <v>10000</v>
      </c>
      <c r="D699" t="inlineStr">
        <is>
          <t>0.15264086</t>
        </is>
      </c>
      <c r="E699" t="inlineStr">
        <is>
          <t>&lt;class 'numpy.ndarray'&gt;</t>
        </is>
      </c>
    </row>
    <row r="700">
      <c r="A700" s="1" t="n">
        <v>698</v>
      </c>
      <c r="B700" t="inlineStr">
        <is>
          <t>Loss/total_loss</t>
        </is>
      </c>
      <c r="C700" t="n">
        <v>10000</v>
      </c>
      <c r="D700" t="inlineStr">
        <is>
          <t>0.39963984</t>
        </is>
      </c>
      <c r="E700" t="inlineStr">
        <is>
          <t>&lt;class 'numpy.ndarray'&gt;</t>
        </is>
      </c>
    </row>
    <row r="701">
      <c r="A701" s="1" t="n">
        <v>699</v>
      </c>
      <c r="B701" t="inlineStr">
        <is>
          <t>learning_rate</t>
        </is>
      </c>
      <c r="C701" t="n">
        <v>10000</v>
      </c>
      <c r="D701" t="inlineStr">
        <is>
          <t>0.001</t>
        </is>
      </c>
      <c r="E701" t="inlineStr">
        <is>
          <t>&lt;class 'numpy.ndarray'&gt;</t>
        </is>
      </c>
    </row>
  </sheetData>
  <pageMargins left="0.75" right="0.75" top="1" bottom="1" header="0.5" footer="0.5"/>
</worksheet>
</file>

<file path=xl/worksheets/sheet4.xml><?xml version="1.0" encoding="utf-8"?>
<worksheet xmlns="http://schemas.openxmlformats.org/spreadsheetml/2006/main">
  <sheetPr>
    <outlinePr summaryBelow="1" summaryRight="1"/>
    <pageSetUpPr/>
  </sheetPr>
  <dimension ref="A1:E2"/>
  <sheetViews>
    <sheetView workbookViewId="0">
      <selection activeCell="A1" sqref="A1"/>
    </sheetView>
  </sheetViews>
  <sheetFormatPr baseColWidth="8" defaultRowHeight="15"/>
  <sheetData>
    <row r="1">
      <c r="B1" s="1" t="inlineStr">
        <is>
          <t>Value</t>
        </is>
      </c>
      <c r="C1" s="1" t="inlineStr">
        <is>
          <t>Step</t>
        </is>
      </c>
      <c r="D1" s="1" t="inlineStr">
        <is>
          <t>t</t>
        </is>
      </c>
      <c r="E1" s="1" t="inlineStr">
        <is>
          <t>t_type</t>
        </is>
      </c>
    </row>
    <row r="2">
      <c r="A2" s="1" t="n">
        <v>0</v>
      </c>
      <c r="B2" t="inlineStr">
        <is>
          <t>train_input_images</t>
        </is>
      </c>
      <c r="C2" t="n">
        <v>0</v>
      </c>
      <c r="D2" t="inlineStr">
        <is>
          <t>[b'1024' b'1024'
 b'\x89PNG\r\n\x1a\n\x00\x00\x00\rIHDR\x00\x00\x04\x00\x00\x00\x04\x00\x08\x02\x00\x00\x00\xf0\x7f\xbc\xd4\x00\x00 \x00IDATx\x9c\xec\xdde`\x14W\x17\x06\xe07\xee\xee\xee\xee\xeeJ\x0cBB\x84\x10$\x04H\x82\x13\xdc\xdd=\xb8{\x91\xe2\xee\xd0"\x85\x02\x15\x1cZ\xa0\xa5\xa5T\xa0\x94\x1aPj\x94\xfb\xfd\x18\xb2l\xd6-\x02\xdfy~\xb4awvv\xd6f\xae\x9c{\x0e@\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10B\x08!\x84\xfc_Pk\xec\x03 \x844&gt;W\xe0^c\x1fC\x93\x15l\x80k\x7f4\xf6A4\xb6\x083,X\xb1\xf0\xde\xd7_w\x18:\xa7\xb1\x8fE\x84 \x03\\ob\x9fQ\x94%&gt;y\xdc\xd8\x07!\x8f\x0c\x0f\xe3\xa7O\x9e\xe8\xe8\xea|\xf0\xed\xdf\x8d},*P\x99\x11\\\xd1\xbdku\xb7\xeaK\xbf6\xf6\xa146\x1b`H\xbf\xb6\xda\xda\xda\xd3f\xad\x7f \xffc\x7f\xac\x97\x83\x92\xa4\x99\xbb\xa1\xa5\x95\xd5\x1f\x7f\xfcq\xe0\xc6#\t\x9bey\x99&gt;\xfa\xf1\xb7+O\xe4\xde\xbf&amp;\xf0\x02\xb0\x00\xd2\xa3\\l\xed\xec"c\xa2\xdd\xdc\xdd545$&lt;d\xcb\x86M\x0b\xf7]\x90\xfd)|\xb5q\xeb\x1f\xc1\x1b\x8d\x81\x01]Z\\\xbb|\xe5\xf1\xe3\xc71qqQq1\x8eNN\x00fL\x9c\xbc\xef\xfa\xab\xb7Y\x1fh\x11\xe9|\xec\xd3\xfb\xc2/\xabc\xb2o\x8f\xea\xde\xfc\xb7\xfc\xf1\xc7\x1fY\x9d\x87\x0bl\xe6\x02|\x03h\x01;\x97\x8e\xbbv\xe5\xea\xe8\xe5{\x84\x0fok\xcdPGg\'\xd9_\x0e!\xe4\xade\xaa\xdc`\x80&amp;`\xad\xaaC\x11#\xceF\x9d1\xc6\x18\xb3\xab\xe7\'\x12\x10n\x8a\xa2pG\x15\xee0\xc2L\x85;S\\\xf7\x9c0\x07y\xb6\x7f|\xe3=\xee\xfd\xbf\xff\xd1\xde\xfa:&amp;i"\xcd\xd1=;\xccW\x1b\x9eu\xbf\xacY^&amp;\xec\xe7\x9b\x8f\xae\x1d3\x95yW&gt;\x9a\xb0\x12\x7fo\xa81\xdaD\xbb\x16\x85)\xf2\xb9\xdb\x02\'6\xce\x9e\xd5\xb7t\xdb\xdca\xeb&amp;W\x0b\xdc\x9b\xe5eR\x10b\x17b\xa4\xc0\x8e\xe5\xe6\x06\x0c(J\xd0\x93m\xe3\xa9=\x8b\x18c_\x9e\xd9\xbeg\xd1\x98\xfeE\t\x06\x80\x13\xc0\xd8#\xc6\x98\x8f\xa6\xdcO\xad\x0e\xf8jK\xd9fZ\xafb\xde6\xbdr#\xfb\x15\xc4K\xde\xde\xbbn\xf3\xac\xbaU\xac\x84\x8d]\x01\xee\xeb\xbam\xeep\x0b)\x07"H\xe4\x81\x1b\x01\x02\xcdCk\xbesfUf\xc8\xac\xbe\xa5\x92w\x9b`\xaf9\xbe\xa2e\x8a\xb3\xe0\x072\xbe"\xb7s\x9a\xbf\x9c\xc7\x08;`\xde\xa0\xb2ms\x87\x1bK\xdb\xd2\x06`\xec\t{\xe5\xa9\x8b\xccO\x91\xe6\xa2\xff\xf5\xf9\xdd\x97\x0e\xac\xd2\x92\xf7\xe0$\xd2\x04\x04vh\x08\xd8\x00\xa6@\x8c\x15\x8e\xad\x9d\xce~\xbc\xca\x18{\xf6\xe5\xd9\xff~\xb8T\xdd*\xd6\x16\xd0\x06\x84\xbf\xc6\x0b\x86v\xbaw~w\xa7T\xd1o]\xa2\xbd\x96)`\x05\xa4\xba\xe8\x05\xea\xc3\xa0\xf6v3\xa0\xa2Y\xd0\x8e\xf9#\xdf\x99\\}\xe7\xf4V&amp;\xb3o?\xd9\xdf:R\xe8\xc3\x13E\x03\x18_\x91\xcb\x18c\x7f\xdcm\xe6n\xa8\th\x03\x89\x0eZ\x93\xbb\xb5\x92\xb0\xff=\x8b\xc7\x0cn\x93\xc2\x1e^\xa9\xbd\xe1\xaf\xf7\xd7\xcf\xea\x94\xe2\xa7^\xbb[-\x80\xef\xde\xd7\xf6/\x9b\x10f\x02\xdd\xda\xcd\x1c\x80\xc20\x87\x01E\x89\x1fl\x99\xc7\x18\xfb\xfd\xf6\xa9\xc1%)\xeau\x8f\xf0\xd5\xe11&amp;\xc3\xab!\x84\xfc\x1fp\x14u\x92\x95Q\x8a\xb3\xaej/\x12\xc2x\xe7\xbb\x05C\xca\xeb\xf9\xa9\x94\xa2+\xf1^\x1fM\xf4/J\x90e?\x12\x9a\xa7*\xd1:\xd2Y\xdc]A\xfa\x82\xb7\xa8\x013z\x97\xbc\xfa\x00\x9e\xdcQ\xc9\x01\x04\xe8!\xccD\xeeGi\x03\xe6B7F\x9a\xe3\xe8\x9ai\xefL\xe9\xcb\x7f\xa3\x9b\xd0f\x0e\x809\xe0\x06\x84\x9b"\xd2\x1c\x12:b\x95\x19\xc1\xe5)~Q\xf2\xb6\x1ck\xad\x1c\xd7\xa3C\x82\x97\x82\x0fV\x9dx;\x8dO\xf7\xaf\x94eK5`bU\xfe\xf6y#\xe2m5\xc2L\x90`\xaf\xc9\xb5\xf9\xb9\x0f\xbc8\xc2\xc9\x08\xb0\x03\x02\xf4\x10m\t\x00:\xd2v\x98\xe3k\xce\xff\xd9\xb6\x89v\r7\x859\x10\xca\xd7\\U\xa0_\xc1\xaf}\xbc\xa7\x84{\x8d\x00\xf6\xf3\r\xf6\xf4\x8b\x91eY\xc2\xdf\x04\xb9\xf8j\xc3\x1e\x90\xdcnn\x1f\xef9\xbb_[\xc9\xfb)O\xf6=\xbbu\xc1\xd2\x91\x95\xfc\x03\n.\x00\xfb\xed\xf3\xads\x86\xf9K&gt;q\x08\xe9\x90\xe0\xf5\xec\xee\xd9\tUyR\xb7,\x8dq\xdb\xbfl&lt;{z\x87\xb1_\x7f\xb8xP\xc6n\xbf\x11\xf0\xcd\x85=O\xbe\xf8 \xcbK\xfe_\xa9x\x85a\x0e\x03\x8a\x13\x8b\xc2\x1dE\x1e\x86\xaf6\x0e\xad\x9c\xb4|L\xb7\xb2$\x1f= \xcc\x04N\x80\xa3\x98.Y\xa4\x05\x02\xc4\\\xb1b\xad\xd5z\xb6\x88\xf4\xd1\x84\x1bpx\xd5\x94\t\x95-\x05\xba\xf2\x86\x80\x030\xa6S\xf3\xcb\x07W\xbf\xf8\xfeS\xc16\xf5\xdf\xdf\x08\xdc\xf0\xfc\xabs\x83\xdb\xa4\x84\x9b\x82\xd7\x92\x96\xfc\xe5\xed\x9c\xea\xcf=pdY&amp;w\x8b\x1a0\x7fpGI=\x0c\xc6\x18\xfb\x93\xff\x1f_\x9f\xdb\x95\x1bP\xe7:\xb0s\xfeH\xe1\xc7&lt;\xff\xfa\\E\xb3 \x81\xc1|\x07 \xcb\xcbdD\x87\xcc\xd6\x11\xce\xc2]\xc4\x19}^\x9d\xcc\xd5\x85\xee"\x84\xfc?\xf2v3\xa8n\x9b\xc6\x7fK\xa2\x83\x96\x87l\x8furv\xe6\x9d\xa3\x95\x19\xe0\x0e6\x94\xbeM\xf5\x98\xd1r\xedS\xb8\xbdX\xaf\xfe\x02\x00\xb4\n\xb1c?^\xe9\xdd2Z`^\xe5\xf6\x0b\xbc\x7f\xe4C\xe1G%\xd8i\xba\xd6\xbd\xe5\'\xa5\x8f\xa4KZ\x80\xb8Y\x1d+`\xc7\xa7\xf7E\xde\x95\xe6\xaa\xdf\xba\xbd`\xab\x82\x01F&amp;\xb5\xd7\x11#/\xa9\xed?Y\xdc\xfc\x13\x9f\xfd.x\xa3\xf0\xb5J\xa7\xee\xb5\xf6\x1f\xe0\x97\xba\x1b\xec\x987\xe2\x93\xcf\xae\x18\x18\x1a\xec\xd9\xbe\x83\xbf\x11\xd52?\xd6\x0e\x082@\xb8)\x008\x01\xf9-"R\xc3\x1c\xec\xec444`kg\xe5!\xfe\x9b\xf1\xdd\xb7\xdf\xf6\x1d4`\xdd\xd6\x8d\xf6r\xbd$\xa0 \xc4\xfe\xc5\xf7\x17\x8f\x1d:\xbc\xf5\xc3/\xe4|h=`\xf8\xe2\xf6m\xe1\x9b\x9b\xfbY\xd8\xd6\xbd\xa5,\xd9w\xcc\xcc\xe9\xebV\xac\xfa\xfc\xe1\x7f\xe9Y\xc9\xe9\x99\x99\\\x1fp\xd9\xe8\xae\x87VN&gt;s\xf1\xdb\xa7\xc0\x03\xe0\xe6\x9f\xb8\xfa\x18\x00\\5\x11\xa8\x0f+\xc0\x01p\x07,\x01\xd4\x9dB&lt;r\xeb\x17\xfe\xcf\xf6\xee\x17\xf7.\xfd\x86_\x003\xf3\xd7\x9d\xcb\xdb/\x94zq\xef\x9e\xfbR\xc2\xbdO\x81Y\xe3&amp;&lt;\xfa\xea\xae\xa9\x99\xe9\xd7\x12\xf7S\x1c\xe1\xd46\xd6]\xc2\x06\x7f\xfc\x03\x7f\x0f\xa3\x9f%\xeed\xef\xb9/?\xbbqS\xc2\xefB\x13ptv\xd2\xd0\xd4\xf8\xf5\x97_\x9e&gt;y\xca\xbb\xfd\'\xe0\xc2\xfb\'\xbe\xb8u\xfb\xfb\xbf$&gt;\x81\x10{GG\x03\xf7\x98\xab\x97.K\xdd\xf2\xaf?\xff\xfc\xe0\xe4\xa9&gt;\xed\xca6\xcd\x98\xb8o\xf7\x1e\x07K\x99\xf6\xefn\x04\r\r\x8dEs\xe6\x1d\xfbB\xe8WZ\x97\xa7\x9a\x94\xde\x11\x8f\x0b\x10\x12\x16\xaa\xa5\xa9\xf5\xfb\xaf\xbf\xfd\x07\x08w,\xec\xec\xf47\xae}\xa7\xfb\xa4\x15\x1b\xcf\xdc\xfe\x13\xb8\xf9;r\x9b\x87\x7f\xfe\xc5\x99\x9e\x85"f\x87&gt;\xfd\x197\xff\x14\xfdDn\x1e\xee~\x01\xfe\xfeA\x0e\xd11n9-s\xff\xfa\xeb\xef\xef\xean\xf0\x0c\xf8\x1e\x98\xf4\xce\xe16y\x95\xe7\xce\x9c\xads\xdf\x93;\t\xae\xee\xfd\n\xe2\xf0\xeb\xe7\xdc\r\xdf}z`A\xcd\x9c\xf7\x8f\x9e\xfe\xfa7\x18\x03\x96@\x94\x05\x12]\xf4|4E\x9c\xaf^\xed\xe3\xf7Wo\xda\xdf\x7f\xfd\xcd\xfd.\x18p\xed\xf2\x95:\x1b\xfd}O\xe8q\xfc\'\xb0\x97;\xb7l\xbbx\xb3\xceu\xe0\xfc\x87\x1f&gt;\xbb{V\xe01\xbf\xff\xf6\xbb\xab\x9b[\xb0\xbf\x15\x7fk\xfeg@OO\x8f1\xf6\xf4\xe9\x13\x81P"-`\xe8\xe4\x89\xdc\xdf\xd4\x01 \x84\x00\xc0\xc7_\xffq\xe1\xc3s\xfc\xb7\x9c\xfd\xfe_\xc9\x97=\x9e\x8dg\xefp\x01\xd8Z\xc0\x98\x01\xed\x85G\xb3\xa4\x85\x03\x00\x80\x1e\x10\x1c\xea-\xee\xde?\xbe\xaam7\x1bI\x1f[\xf5RG\x87\x04\xaflo\xb3o.\xec\xf9\x991\xc6^|\xc3\x17\xb8R\x1c\xe1$W\xf4\x8b\x02R\xd2\xd3`\x1d\x92\x94\x9a\x12\xa8\x0fc@\x13\xe051\xae?\x17\xb1\xfd\x17\x0f^\xfc"\xe2f\xd1\x04\x86\xbd\xf6-\x1d?w`\x99\xf0f\x87O\xde\x149\xc5k\x0ed\xc4\x89\xed\xd9\x9d\xbc\xf7\xfc\xd6\xcd\xcf\x84o\xf7\xf5\xf7\xe3\xfd\x1d`*\xdb\x81J#\x1ci.&lt;\xef\xf17 \xb9\xa1\xe8\xe0\xe48o\xe6\xec\x8dk\xd7\x19\x19\x1b\xf37\xa2\x8c\x8c\x8cbB\xedut\xf0\xf7_\xb0\x05\xbe\x05\x96\x1e\xba\xb8\xeb\xf2\xf7\xe7\x1e\xfc\xf7\xc9\xcf8~\xf3\'\x1d]\x11\xa3x=[D\xce\xe8S\x92\x92\x96\xea\xe5\xe3cai\xe1\xe1 \xcb7\xf7\xb5\xddW\xbe\xd5\xb0\x0f/*-q\xd7@\x9bhW{@\x1f\x082@\x0b\x7fK\x0f5\xc5g\xd8\x14s\xee\xe1\x7f\xe5\x83g\x0b\xdch\x06\xe8\xea\xea\n\xbc\xa5\xe1\x91\x110\xf3SWW3\x02\xec\x1d\x1c\xfe|\xfe\x9ck4\xf4\x9c\xb2*\xb7\xdb\x18\xfe(l\xee#\xbb\xfd\x02\x9f=\x87\x0e\xf0\x17\xf0GmKNB&lt;\xc1\xc5\xda(\xfc3\xf7D}\xfb\xeb\xc7\xe9\x13\xa7~\xfd\xf9\x97\x9f~\x94\x14D\xee\xad\x81\xbc\xc2\x82\xac\x16\xcd%l\xf3-p\xfb\xee\xd3g\x12\x9f\xeb\x0f\xc0\xdd\xd3\xc3_\xd4Xy\xb0\x01\x82\x0c\xa0\x06\\\xfa\xe4\xd3u+W/\\\xb6\xfb\xf8\x97\xaf\x9b\xd4\xcf\x81\xfd\xbb\xf7^\xbd|YJ+\xbb.\x1b@GG\x1bx\xf6\xec\xe9S\xa9\x1b\x7f{\xff\xa1\xb7\xaf\xaf\x89\xa9\xe9O\x8f\x1e}~\xf3\xa6\x9e\xbe\xae\xa9\x0cO\xf1\xcbS\x1c\xdc\xb7_j\x07#\xcc\x04\xcd\xf3c\xfd|\xa4\x0f\xfbh\x01YY!7\xae^\x9b\xbf\xf5\xe4\xfb_?+\xca\x8dZ&gt;{H\xa7\x14?\xfem\xf4\r\r\xf6\xf1\xf5\xeb\xfc\x8c\xb0\xf4\xd0\x01C\xcf\xc4\xec\x16-d8\xe4\xd7\xb6\x9c\xbf{\xed\xca\x15#c#g\x17\x97\x83{\xf7&gt;\xfa\xf1\xa1\xf06\xdc\x8f\xff\x8b\x97\x980r\xf47\x17\xf6p7\xbe\xbfaV\xa8\xa3\xcf\xb9\x07\xff-\xdc{\xa1\xbaS\x17\x00\xf8\xe3\xcb&gt;U\xdd\xce\x9c&lt;\xf5\xec)^\x00\xc6\x80\xa7\x8dZL|L|RbVnl\x8bX\xf7d\'\x1dg\xa1\t\x81\xff\xfe\xfb\xef\xca\xa1\xb5\'7\xd5&lt;y\xf2{\x849\x9c\x00-\xe0\xc4\xfb\xd7\x97\x8f\xe9\x06&lt;\x01~\xba|p\xf5\x94~\x03\x0e\xaf\x9a\x8c\xff\xbec\x0f/?\xfb\xf2\xec\xc9M5?^9\xc2\xdb\xc3\xd7\xe7\xf7\xee\xda\xb6\x9d\xff\xb8\xd5\x81\x17\xff\xbex\xef\xc8\xb1;\xa7\xb7\xf2?\xd7\xc9\xe3\xef\xfd\xf8\xf0\xe1\x83\x1f~z\xc9w\xa3\x1d`fn\xfe\xf3\xe3\xc7\xb7\xef\xfc&amp;\xf0\xc2\xa3\xec4`\xe2+\xc7\xbbI\x08y\xeb\xb9\x02GVO\xed\x95\x1b\xa5\xe4~\x06\x95$\xb7\x0c\x14\\\x11\x10o\xa7!\xc3\xe0\xbe$\xf9\xc1\xb6\xb5s\x9e\xd2\xc7\xca\xbc5\xf0\xf5\xb9]\xec\xcf\xaf\x18\xfb\x9d7Uzh\xe5d\xe5\x0eA&gt;\x93\xba\xe6wN\xf5\xe7ff\x8d\x00\xd3z{\xa2\x15c\xba\xcd\x1d\xd8\xa1\xdev\x0f\x00\x8e\x00\xff\xf4t\x90\x81\xf4\x874\x1dA\x06\x88\xb5\x111\x17"rzd\xdb\xdca7\x8fod\xec\xf1\xed\x93\x9b\x15\x88Q\xa9\xe9\xdf\x8e1\xd6*\xc4\xce\x12\x18X\x9c\xe4R\x1b\xee\xec\x02x5\x8d\xd16\x1b\xa0}\xbc\xa7\xc0X\xb5\x1b\x90\xe6"\x14\xf8%\x1b\x7f\x1dY\x07\x80U\xcb\x1a\xd0\x03\x8c\x84\x02\xcayt\x81\xfeE\t\xf9\xc1\xb6b\xee\x07\x00{`\xcd\x84^\xc2\xe7+\x01\xb2\xf4\xdc\nB\xec\x84\xbf/!\x86\x18\xd6.]\xf2\x98{\xdbX\xf7.\xe9\x01\xbc\x7f\xbaJ\xdc\xd8W\x0b\xd5\xf9\xb1\x85a\x0e5\xfd\xdb1\xf6O\xa4\xd0,V\x92\x83\xb6\xc0\x1e\x02\xf5\xb0fb\xef\xfb\x1f\xed\xfd\xec\xfdMm\xa2]\xfdu\x04\x173\x88\x94\xe9i\xfc\xfd\xa7\x07\xd6N\xec-\xf0[\x17x\xc2x[\rY\x02\xe5\xd4\x81\xea\xfcX\xc6~\x1d\xd4:\x19\x80.p\xf5\xf0Z\xc6^\xac\x99\xd8[\xdcC&lt;\xd5\x10d\xf0j\x15J\xb0\xfc\'\x1c=\xa0u\x84s\xc7d\xdf\x15c\xbb\x0fn\x93*\xbc\x01\xffZ\xb2Pc|sa\xcf\xb2QU\x02a\x91\x89\x0eZ\xdc\x18\x7f\xa0\x1e\xec\x00M\xc0\x03\x18P\x9c\xb8e\xf6\x90]\x0bG\xed[:~\xc3\xb4\xfe\xcb\xc7t\x1b\xda6M l\x92\x8b\xf8_:\xaaj\xd9\xa8\xaa\x13\x1bg\x9f\xd92\x7f@qb\x96\x97I3w\xc3\x04{\xcd\x8d\xd3\x07L\xebY\xec\xa7\x83x[\x8d~\x05\xf1_\x9e\xd9\xfe\xc3\xc5\x83;\xe6\x8d\xb8\xb8\x7f%\xfb\xeds\xc6\x18c\xbf\xb6\ny}\x80N@\xaf\xdc\xa8%#+/\x1dX\xf5\xeb\xe7\'\xf8\xe3\x7f~\xf9\xec\xc4\xd6\x9a\xa15\xfd\xdb\t\x8c\xe8\xd8\x01\xe1\xa6\xa2\'(z\xb6\x88\xe4=\\\xe6\xb7\x93\x10\xd2H\x06\xb6N\x92\xe5\x94\xad$c\x80\xb1\'\xd7\x8f\xadWr?5\xfd\xdb\xf5n\x19\xad\x92C\x120\xa8u2cL \xd4[\x9c\xb5\x93\xfa|\xb0e^\xc7$\x9f$\x07\xedlo\xd3^\xb9Q\x81\xca\r\xc0Z\x02\xd1\x96(\x0csP`\xb9s\xbd\x86!\x19\xd6\r\xad\xae\x0fCJS\xf9\xaf:q6M\xa31[\x0f\xa2,\xb0xD\x05\xfb\xe7\x9b\x19}Jx7\xfev\xeb\x14c\xcf$\xac\x9a\x10IGT\xa0pSX\x01\x9e\xeef\xe0Z\xf7\x16e\xd6$wH\xf0j\x19 \xd3oB\x1d\x88\xb1\x826\xa0\x0e\xa4\xba\xa8l:\xc4JZ@\xb6\xe4C\xf2\x91\xb6z)\xcdU\xbf0\xccA\xde`0\x00\x8e\xc0\xc2\xa1\x9d*\x9a\x05I\xdelP\xeb\xe4\xc2\xb0W3M&amp;@\xb7\xacP\t}E\' \xd2\x02\x86@\xff\xc2\x84\x1b\xc77\x08\xafRo\xeeka#t\xe3\xd8\xce-^|\xff\xe9\xb5\xa3\xef\xb4\xf0\xb3,\nw\xf4T\x83\xb8T\n\x11f\xe0\x1a\xf4\xb9\xfe\x96\xec\xcf\xaf\xce\xedX$\xf9\xe0\x03t\xc5\xee\x8a_\x90&gt;\xbe\xf8`\x1bc\x0f&lt;k_\xda\xcaq=^|\xf7i\x97\xb4\x00\x89\x8f\x03\xc4\x0f\x9d\x84\x1a#\xd1^K\xc2\\\xae\x87\x1a\xd2\\\r\xfa\x15\xc4\x0fn\x93\xe2%\xf1\n\xaa\x03tH\xf0\x92\xd4S\xe4S\x9e\xec;\xbdw\xebY}K\xe7\x0f)_1\xb6{M\xffv=\x9a\x87\x0b\xf4\x9e\xa3-\xf1\xec\xcb\xb3\xec\xb7\xcf\xef\x9e\xdd\xc1;m&gt;\xbb{v\xe9\xc8\xca\x18+\xf4m\x15\xdb\xc2\xcf"\xd3\xd3$\xdeV\xa3S\xaa\x1fc\xbf\xb1\'\xb7o\xbe\xb7\xf1\xd1\xb5\xa3\xd7\x8e\xbe\xf3\xd5\x87;\x07\x95$\xeb\x01\x16@\x90\x01ZG8\xb3\x9f\xae1\xc6\xd8\xbf\xf7E\xac\x1axt\x95\xfb\x7fg1\x8b\xa1\x058\x03\x1b\xa7\x0f\xa0\x0e\x00!o\x8c\x06\x8bb\xf7TC\x8cr\xd9|\x1c\x80s;\x16/\x1c\xdaIEG$H\x170\x91-\xe3P\xaa\x8b~\x86\x87*\x93\xad\x84\x18\xe1\xc6\xf1\r\xdf\x7fz`r\xb7\x02\xde\xe0\xf1\xfa\xa9\xfd\xde\xdf0K\x85\xcf\xc2oH\x9b\xd4\x1d\xf3F4\x85\xd1\xf6{\x17\xf6\xf0_t\x1a\xfbp\x14\xd4&amp;\xdaU\x96\xcd\x82\rqa\xd7R^\xa2\x1e\x8b\xda\xb5\xb0\xc7\xd7\xcdP&gt;\x83\x93\x03\xd0\x14\xe6O4\x01\x03\xc0\x1ap\x01\xe2l\xd4\xfb\x15\xc4w\xcb\n\x1d\xdc&amp;\xc5C\xa1\\`2\xae\t\xe1\x05\x06\xea\x01\xa7\xde\x9d\xd3\xcc]\xa9IA\xde\xde\xc2M\x91\xe5e\xaa\xd8NL\x00Oi\x9dY;\xa0o\xab\xb8\xe1\xed\x9b\xc9\xb8 \x8a\xa3\t\xf8\xeb\xa2,\xc9G\xea\x96\xbb\x17\x8d.\x0cs\xe0\xa2\x87\x8c\x81loS?\x19\xe2\xce\xf2\x82l\xd6N\xea#|i\x10\xf7Y\xc4\xdb\xaa\xbb\x02&gt;Z\x98P\x997\xb4m\x9a\xb8s\xe3\xf0\xf6\x19A\xfa\xd0\x01B\x8dq\xe7\xf4V\xa9\x19\x17z\xb6\x88\x1c\xd51K\xea\n\xe6\x10#\x8c\xed\xdc"\xd9\xe9\xf5\xd1y\xaa!\xdb\xdbT\xca\xc3\xc4\x8b\xb3Q\xef_\x98P\x18\xe6\x90\xe2\xac\x9b\xe2\xac+\xb2k\xae\x06\x04\xea#\xd5E\xaf&lt;\xc5/\xdb[\xcaOW\xf6_\xb6.\xe0\xab\x05\'\xc0\x03Hv\xd2\t\xd0\x85p\xcf\xa10\xd4\x9e\xb1\xdf\xfe\xfe\xe6\xa3\x0b\xbb\x96\n\xb4\xd8\xfb\xe4E\xdb\x03\x1d\x12\xbcv-\x18\xd5\'/&amp;7\xc0\xea\xe6{\x1b\xd9\x8fW^5\xe5_\xfe\xb0s\xfe\xc8\xa2p\xc7.\xe9\x81\xbb\x16\x8cZ?\xb5\xdf\xd69\xc3\xb8\x07\xfe\xfd\xcdGO\xee|\xf0\xe2\xbbO\x19\xfbG\xb8#P\x10*S\x17u\xee\xc0\x0e|\x0fR~\xa1\x19!\xa4\xfe\x19\x88\x9f\xe9nj\xeau0Z\x03X&lt;\xbc\x0bc\xbf=\xbav\xac&gt;\x9fG\x84\xaa\xcc\x90\x97\x0f.\xfdt\xfd\xf8\xc6\xe9\x03\xfa\x17%0\xf6\x1f\xfb\xe3K\xee&lt;\xdaO\xd4\x1a5\xe5=\xbav\x94\xb1\xbf\xfa\xe4\xc5\xf4/\x8c\xe7\xf2?4V\xd3\xf1\x8f\xbb\x1f\xf2.\x1a\xa77\xcfm\xa4\xa3\x90\x83\x16Dte\x85\xaf\x90\xe2\xc6\xfc\x04\xbe\xc3KFV^?\xfaN\xb6\xb7i\x9bhW\xef\x06\x98\x8c\xab\x7ff@eF\xf0\x8e\xf9#\x17\x0c)\x0f\xd4\xc7\xd2\x91\x95\xdc\x87\xabp\x98\\\x9a\xab\xfe\xa8\x8e\xd9]\xd2\x03\x04\x1a\xa0\xba\xc0\x90\xd2T\x816\xb6\x0e0g@\xfb\xf2\x14\xdf\x00=eC\xe3\x82\r1\xa3OI\xb1\xf8D\xbd\xf1v\x92&gt;0\x03\xc0E\xd4\x17\x83\x9f:P\x95\x19\xd2\xaf \xde_\x86\x8eN\xb0!\x1c\x81lo\xd3~\x85\xf12f\x91\x1a\xd4:9\xd5Y\xcf\x04\xe0F\x91\xed\xf8\xbe\x96\x12\xce\xf9\xdcRT\xf9V\xa8\x00\x00&gt;\xdd\xb7\xf2\xf0\xaa\xc9\xe2:zy\x81\xd6\xbdr\xa3\x16\x0f\xef\xb2`H\xf9{\xef\xcc\x94:\xb5x\xe5\xf0Z\xc6\xd8\xdaI}\xe4?\x10\xa5\xb8\xd7\xbe9\xb6@\xa6\xa7\xb1\xb8\xf1o\xae\xcff\x07\xa4\xbb\x19\x88K\x19$\xc0\x0cp\x143\xa7$\xf2M\xcb\x0f\xb6-\x89r\xe1\x8f\xf2\xb2\x01\xba\xa4\x07N\xeeV\xd0.\xce#?\xd8\xf6\xcc\xd6\xf9\x8c\xb1\xdf\xef\x9c\xe6~b\xeb&amp;W\xdb\x03\xfb\x97\x8dg\x8c\x1dX&gt;\xd1\x19\x18\xdb\xb9\xc5\x8fW\x8fr\xf7\xfeu\xef\xc2\xc0\xe2\xa4\xdey\xd1\x87VN\xfa\xe3\xee\x87\x1b\xa6\xf5\xeb\x9e\x13\xc6\x85_.\x1f\xdd\xb5c\x92Oq\x84\xd3\xe2\xe1]\x04Z\xff\xf7?\xda\xcb\x9f\xea\xca\x10(\ns\x10\xc8 \xc4\xb9tp5\xdf\xe3\x9aX\xe5\x14B\x888\r\xd3\xf0\x90z\xc6\xb7\x01\n\xe5\xcb \xafb\xff~\xf7\tw\xf6\xf2\x15\xba&lt;\xf2\x8fC)\x99\xfbO\x98!\xd0\xb7 .\xd3\xcb\xc4S\r\xdd\xb2\xc3\xea\x9c\x80\x9f\xdc)O\xae\xdfeU\xd3{\xb7f\x8c\xc9\x9e?^8\x0c@.!F\xc8\r\xb0\x8a\xb1\x02\x80\xb6\xb1\xee|/\xf5\xb9j\xd3\x026)i\xae\xfa\x923\xff\xbb\x02\x95\x19\xc11V\xf0\x939\x11R\xcf\x16\x91\xb3\xfa\x96r\xe1@\xfa@\x13\x18\xfd\x7fedY\xe6/\x9f\x9d\xe8\x92\x1e\xa0\x0e\x8ch\x9f\xc1\xfb\x80\x15\xfbm\xb3?\xbff\x8c\xfd~\xfb4c\xec\x83-\xf3x\xe3\x91\x16@AH\x9d \x11\x03\xa0U\x88\xdd\x98N9s\x06t\x98\xdd\xaf\x1d\x17\x0b\xa4p&lt;\x90&gt;\xc0\x1f\xda\'\xf0\xd5\xf4\xd5\xc6\xdc\x81\x1d\xc4U$0\x02\xf4e\x0b\x1f\xea\x9c\xea_\x12\xe5"\xb5*\x84\x05\x90\xe9iR\x12\xe9r\xed\xe8;\x8c\xb1U\xe3zH\xdd\xb3\x030\xb6s\x0b\xe1o\x85&amp;P\xd3\xbf\xfd\xf21\xddx\xb7\x94\xc6\xb8\xad\x9b\xd4\x87;\xe9\x05\xe8\x81\x172$\x1c\x81S\x10j/\xe1\xec\xf7\xc9\xbe\x15\xdds\xc2\xc4\xdd[\x9d\x1f\xfb\xe7\xbd\xf3\x8c1\t)\xf6y\x9cj\'\xc7V\x8d\x97\xfeJ\x15c(-\x01+\x00M \xd4\x18\x92\x83|2&lt;\x8c\xba\xe7\x84\xf3w\xe1\x0c\x00_m\x11+.\xb4\x01oM8\x00\xfe\xba\x88\xb6\x04o\x96\xca\x16H\xb4\xd7\x0c\xa8;\xd7\x11o\xab\xc1\x9e\xde9\xb9\xb1\xa6\xb9\xaf\x05\x005\xc0\x1a\xf0\xd1DI\x94\x0b\xffG\xe0\xa9\x06\x1b\xa0\xbaU\xec\xde\xc5c\xb9\xf8\xd8]\x0bG3\xf6\xb8Kz \x80$Gm^*\xd2;\xa7\xb7\xe6\xf8\x98\x8d\xed\xdc\xe2\xee\xd9\x1d\xf7\xce\xef\x1eP\x94\xe8\x04\xcc\xea[z\xfc\x9d\x19\x16\xb5\x87=\xb9[\xc1\xd3/\xce\xbc&gt;%\xff{\x7ffu\x1b\'@\x13\xd0\x04\xcc\x80D{\xadY}K+3\x82\x85\xdf\x87&gt;y1\xbc\xc7\xfdv\xeb\xa4\xb4\xb7\x96\x10\xf2&amp;\xd3\x90-\xb7\xa6d\xc2\xed\xceF,!\xfe\xd7\xbd\x0b\x8c1\xf6\xe8\x9a\xe4\xcd\xeau"\xa2n\x9b\x981\xc6\xee\x9e\xddQ\x9fO(7e\xfa?&amp;\x80#P\x14\xeeh\x0b\xb8\x00\x83KR^&gt;\xb8\xc4\x18\xfb\xf2\xcc\xf6\xae\x99!\xca\x1f\x9b\xba\xccA#M\x90;\x90\xea\xa2\x97\xe1!\xd3\xf7K\x1d\xd8&lt;k\xf0\xca\xb1\xdd\xcb\x93}\xdbD\xbb\xce\x1bT\xb6w\xc9XE\xab\x0b\xa8XeF\x10\xfb\xf1\n\x97\xd7\x7fr\xb7\x02\xde7\xf9\xe8\x9ai\n\xecmk\xcdP\xc6\x18\xafs\xce\x18s\x15\xb3\xa5#\x90\x1fdc\x0fD\x98\x898\xb1\xc8\xc8\x18\xe0\x8f\'\xe1\xa4\xba\xe8\x95\'\xfb\xf2\xef\xd2\x01\x18\xd1!sbU^\x92\xa3\xb62\'\x84$G\x9d\xf9\x83;J\rt\xd1\x03z4\x0f\x9fT[\xefiF\xef\x12)\x0f\x00F\x96e\x8a\\\x08;\xaeK.c\xff]&gt;\xb4\x86w\xcb\x89\x8d\xb3\xff\xfe\xe6\xa3\x92(\x17\xdd\xda\x81m\x91\xd2\xdd\x0c\x9e~q\xa6\xa6\x7f{q\x1b$\xd8kJ\xe8\xe3\xf9\xeb\x80=\xbc\xcc\x18[:\xb2R\x969\xe7\xd9}\xdb\xee\x987B\xae\xf7V\xa36o\xacT\x11fh\x1b\xeb.K\x85\x04?m\x0cn\x93\xd29-\xa0,\xd1[\xe4\n\xa5x[\x8d\xaa\xcc\x90 \x83W\xcb]L\x80\xaeY\xa1S\xba\x17&amp;;\xea\x88\xeb8\xc4Xc\xf5\x84^\xbb\x17\x8e\xe6\x129\xa4:\xeb\xad\x1c\xd7cZ\xcf\xa2@\xbex\x7f\xae\xd8\xd6\xcf7\xde\xab\xce\x8fMv\xd2\r\xd4\x83\xad\xc4\x8b#/\xd0H\x8b/\x90\xd5O\xe7u\x95\x9b\x0f\xb6\xcc\x8f4\xc7\xc0\xe2\xa4[\'7/\x19Y\xc9\x9d+\xd4\xf8\xbay\x1ej\x98\xd2\xbd\xf0\xd0\xca\xc9\xec\xf7[\xb5\x0f\xfagz\xaf\xd6\x11\xe6h\x13\xed\xbazB\xafn\xd9\xa1]\xb3B\x17\x0c)\x8f\x11UJ\xc6\x00(\x8ep\x1a\xd3\xa9\xf9\xa8\x8eYM\xa1V\t!D\x8a\xdd\x8b\xc6\xe4\xfa[VJ[L&amp;\x92\x07\xf0\xc5\x07\xdb\x12\xed\x95\n j\x90\xba\xa5\xb2Z;\xa9\x0fclB\xa5\x88\n8}\xf2b\x86\x94\xa6\xe6\xfa\xcbx}\x11-\xc2L\xca\xa2\x0b#\xe0\xc4\x86\xd9\x9f\xbe\xce\xd8\xc0\x18c_}\xb8S\x99\'m\xca\xb8\xe1IC@\x1dPI\xe3u\xe7\x82\x91\xef\xce\x1a,a\x03] \xc9\xb1\xce\xb0m=/r\x16\xc1_\x17\xfd\x0be*\xd9&amp;Y\xbb8\x8fXk\xb5\xd9\xfd\xdaN\xeeV0\xa9k\xfe\xfc\xc1\x1d\x95\xab\x7f\xa5\x1aZ@u~\xec\xfa\xa9\xfd\x1c\x80\x1c_\xf3/\xcfl\xe7}\x93\x1f\xdfx\xcfOG\xc1\x19$\x17\x80=\xbd\xc3\xedGjl\xbdb\xcc\x80\xa1\xa5i\xec\xf9]\xc6X\xa6g\x9d\x11\xffA\xad\x93\xbf&gt;\xb7\x8b\xbfY\xe3\x06D[bx\xfb\x8clo\xb3\xe6\xbe\x16\x99\x9e\xa2\xbfGa&amp;\x10\xd9Z\xe2\x890\xc3\xd69\xc3\xda\xc6\xbaK\x9d\xfc\xd4\x00\xf2\x02\xad?\xda\xbd\xf4\xf8\xba\x19\xc2S\x94\xc2\x96\x8d\xee\xbaaZ\x7f\xfe\x19\x00\x03 ?\xd8\xf6\xef\xfb\x1f=\xfb\xf2l\x0e_z\xcd\x89]\xf37\xcf\x1a\xcc\x8d\x19\x8b\xa4W\xbbC\xc6\xd8\x81\xe5\x13\xc4m\xe6\x04\xb4\x90x\x86\xec\xd1&lt;\xfc\xc8\xea)\xdc\xa8Q\xbd\x0e\xf4\xc4\xda\xa8\x15\x85;\x8a\xfbi\xc7Z\xab]:\xb8\x9a=\xbeqf\xeb\x02\xa9\xd1;I\x8e\xda\xeb\xa7\xf6\xe3\xbex\xef\xbd3#\xceV\xf0\xcb7oP\xc7\xc9\xdd\n"\xcda\x0f\x18\x03\xe1\xa6\xe8\x94\xea/\xb9\x00sq\x84\x13\xb7\xc3\xe2\x08\'\x00\x91\xe6(\nwl\xee[\xe7\xe2\xc0\x05\xe7\xac\x9b\\\xbde\xf6\x90^\xb9Q\x8a\r\xb5\xb9\xf2\x95\xb9\xfcp\xfb\xa2\x10#\xd8\x03\xd9\xde\xa6\xc2\xcb\x124\x80\x18+\xb4\x8b\xf3(\x0cs\xd8\xb9`\x14\xefQ\xb7Om\x19\xde&gt;\x83\x17\xde\xf3\xe9\xbe\x15\xc2_u#\xc0\x0cp\x00\x8c\xeb3%\x1d!D\xc5\x18c/\x1f\\:\xbaf\xaab\x97TY&amp;\xaf\xdf,";$^\x1a`\xec\x97o?\xde\xa7XO\xc9\x8d\xcb\xb0a\x8ei\xbd\x8a\xc7vn!r\xd4\xc9\x1a\x18\xd66}\xc9\x88\x8a\x1c\x1f\xb3\x04{\xcd\xd1\xe5\xd9?\xdf|\x9f;\xe7N\xedY\xa4\xc0\x93\xfe\x7f\xda\xb3x\xec\xaa\xf1=%o\x93\xe8\xa0\x05@\r\x88\xb6B\xab\x10;y\xa3\xce\xe4]\xca.\xdc\xd0q\x05\xf6,\x1e\x1b\xa8`n\xcc:\xbc4p\xfb\xd4\x16\xf6\xf8z\x97\xf4:\x15\x14\\U\xd4\xa1\x92\x97)\xc0\x8dR?\xbe\xf1\x1e\x00s`\xff\xb2\t\xbc\xc6\xc4\x97\xb5yK\x14\x9eD\xca\xf15\xafn\x15\xcb\xfb\xa7\xb5\xa8)D\x85uI\x0b\xe0\x1dj\xd7\xacP\xfe\xbb\x12\xec4\xa7\xf5,\xe6\x8d\x95j\xd4]\xd9\xe9\x0e\x88\xfb\x0e\x9d\xdf\xb9x\xad\xf8|\x94\x00\x02\xf51\xb5g\xd1\xaaq=\xb6\xd4\x0c\x91\xfa\xd5\xca\xf00:\xb2f\xeaD\x19j\xf4\x02\x98\xd2\xbd\xf0\xca\xa15U|\xd1\x1an\xc0\xf8\x8a\x96\xec\xd1\xb5!m\x04\xd7N\xf8i\xa3G\xf3\x08\xc9\x1dH\xae\xdcl\xef\x96b\xb39\x0fk\x97\xfe\xe3\xd5#\xe2\x127Y6T\xce\tW`\xee\xc0\x0e\xab\'\xf4\x1a\xd51\x9b\xbb%\xc6\nE\xe1\x8e\xbc\x9e\xff\xbe%\xe3x\x1f\xb4\xd4\xb1j7\xe0\xfb\x8b\x07y\xdb\x8f\xab\xc8\xe5\xbf\xb7\x99\xbb\x11\xfb\xf1\xca\x8ey#\nB\xed=\x80Hst\xcd\n\xe9\x9a\x15\xca\x7fY\xcc\xf11\x13h2\x1f]3\x8d\xdb\xdb\x89\x8d\x82\xc54x\x02t\x11c\x05/u\x8c.\xcf\x8e0S|b\xf3\xc3\xed\x0b?\xd8&lt;o\xc1\x90\xf2\xa5#+e\\\xab\xe0\n\x1c_7\x83;\xc2?\xbe\xfa\xf0\xd6\xc9\xcd\xbc\x97\xcf\xfe\xfdV\xa0\xb2\x9d9\x90\xe1a\xd46\xd6\xbd\x7fQBu~\x8c\x92\xeb\xef\t!\r\x87\xfbQ\x9f\xdd\xb6@\xf6\x87\xf4h\x1e\xae\xf2 \xf8\xa6\xcfK\x1d\xe2\xe2}\x95\xc4\r\x88\x1a\x003\xfa\x94\xf0\xe7\xf5\xeb\x9a\x19r\xef\xfc\xee\x1b\xc7\xd6K\x1c@l\x12T\xd8\x08kH^\x1aH\xb0\xd7\xf4\xd5\x86\xbf\x8e\x88\xa8\x0f\x91\xc2L\xd0!\xc1K\x81\x8c=\xfc\xc3\xde\xea\xc0;S\xfa\xc6\xdb\xaaf\xe9M\x8c\x15\x86\xb4I\xad\xca\x0c\x89VjvJ5\xb4\x80A%\xc9\xdc\xc0!wK\x96\x97\to\x9d\xf7g\xefo\xe2\xfe\xc8R"I\x0b?]\xc0I%;\x02\xcc\x80\xe5\xa3\xbb\xf2\xda9R3l\xcab\xce\x80\xf6\xbf~~b\xc3\xb4\xfe\x92\x97\xb6DY`|EnM\xff\xf6\x92\xbb\x84\xa3:f\xb1\xbf\xef1\xf6bPI\x8a,\xcf^\x9d\x1f\xfb\xf2\xc1\xe5\xf5S\xfb\xf1R\x7fZ\x01\xa51n+\xc6v\xdf0\xad\xff\xa0\x92d\x81\xaei\xebHg\xc9i7\xdb\xc5y\\\xdc\xbfJBZ\xa4\x0b\xbb\x960\xc6\xc6u\xc9m\xc40N\x006\xc0\xc4\xaa\xbc\xf7\xd7\xcf\xe2\xf5\x94\xd4\x00_\xad\xd7]\xe2\xd9\xfd\xda\xf2"\xdd{\xe5FI8{\xe9\x00\xfe\xba\xf8\xef\x87\x8b\xb5\xdf\x8b\xdf\xc7t\xca\x11\xd8\xa6S\x8a\x9fSm.\x8dD\x07\xad\xb9\x03;\x08\xa4\xcdI\xb0\xd7,\x8ep\xe22\xe4\xfa\xe9\xa0u\xa43\xfb\xe5\xe6\xab.\xf1\x99\xed\x92_\x8b9\x10m\t[Q\xb5\x8d\xa5\xe2]\xaft\x01W \xd6FM\xf6\xf2#\xde\x9a\x98U]z\xfd\xd8\xfa\x83+&amp;\xfe\xf7\xc3%\xde\xef\x82+\xb6\xc0/\xc8\x00\x15\xcd\x82N\xbd;\x87\xfd}\x8f\xb1\x97CJS\xe5?RBHc\xa8\xfd]\xcbX\x96\x17\xd6\xc0g\xefoj\x13U\xbf\xf5y\xf4\x807z\x18A`\xf9\xa0\x04#\xdag\xdc:\xb9yR\xd7|\xe1\xbb"\xcc\xea\xa5\xbc\xabp\xdb\xd5\x02\x90/\x0b}\xc3r\x00R\x9ce\x88\xd5\xe5\xa3\x0b\x94\'\xcb\xd1_S\x07Jc\xdcd\\D\xab\xfc\xc0}\xfbxO\xc6\xfe\xedWP/\xf9\x9d\x849\x03~:Hu\xd1SS(Oh\x9e\xb4RV\xc2\xca\x92|\x96\x8d\xaa\x1aR\x9azrc\xcd\xae\x05\xa3\x8e\xac\x9e\xc2\x9de\x16\x0f\xefrv\xeb\x82\xed\xf3\x867\xb5\xef\x9b1\x90\x1b`\xb5pXg\xf6\xe4\xf6\xdf\xf7?\xde:g\xa8,+1\xd4\xa5E\x9co\x9c&gt;\xe0\xc0\xf2\t\xdds\xc2\xf9\xb3\xef\x8b\x0b\xdeI\xb0\xd3\x940\rW\x1d"\x18\x00\x00 \x00IDAT\xeb\xa5\xfe:\x96C\x96IW[`j\x8f\xa2\xbf\xef\x7f\xb4|L\xb7\x04{MS@\x030\x05\xb2\xbcL\x86\xb5Kg\x0f/\xb3\x87\x97\x13\xec\xeb\xb4\x07k\xfa\xb7\x13\x88B\x110\xb1*\xef\xbbO\xf6O\xe9^ n\x83u\x93\xab\xbf\xfb\xf4\x80\xf2\tm%\x082\x90i,&lt;\xd1A\xab,\xc9[\xdc\xf9\xd3\x02\xb8\\\x1b\xd3\xd2\xbbe\xb4\x85\x98\x0fE\x0b0\x06Z\xf8[\xbe\x1e\xfff?H~u:@\x8c5l\x01\xc7\xba\xb1\x85!Fh\xeek1\xa0(qR\xd7\xfc\xb5\x13{\xb3\xff\xbe\xe3v\'u\xbc\xdc\x0e\x880\x83\xbb\xe4\x8d\x80,/S\xe1mx\xdd\xb0\x16~\x16\xed\xe2&lt;\xbc5\x04S\x93I=\x95%9j\xf7\xc9\x8f9\xbbu\x01w\xb4_|\xb0\x8d\xff+\xea\x06$;\xea\xf4n\x19\xfd\xf1\x9ee\xaf\xdf\xa1\'w\xb8\x08\xbd\xb7\xb6\x9e\x0b!o\x8f\xdfo\x01\x00\xcce,F\xf3\x08\xd8\xb2a\xd3\xcf?\xcb\xdaa\x90\x97;\xc0^\xfe\xf0\x9c\xb1\xa7\x8f\xaf\x87\x9b\xd6\xd3\x93\xd4/}\xc0\x02\x88K\x92\xb4\xa4U\x1fh\x17\xe7\x01\xc0\xc1\xc9\xd1\xd0\xd00KT9\xfa\x8b\xbf\xe2O\xbe\x7f&amp;9jKM8-Y\xa2\x83VY\xa2\xb7\xb3\xd0xW\xb0\xab~Qa\x82\x87\xb4\x94\x85\x8d%1\xc6\xed\xd47\x7f2\xf6T\xf6\x878\xaa\xc1\xc5\xcd\xcdO\xe6y\x89\x97\xc0\xd9\x8f\xbe\xe6]\x8a%\x8f_&gt;\x97\xfd8\xc4\x08\x8b\x8c\x004\xa3\xe3c\xa5o\xaa\xb4\xf6\xf1\x9e\xdf0\xb6i\xe7*CCC\x06\\\x973;_\x80.\xb4\xb4\xa4\xc4\x9b\xc7X\x0b6P6\x9e\xb9\xfd\xee\xfa\r\x7f\xfd\xf9WPh\x88\xb6\xb6\xf6\xcb\x97/\xb9\xdb\xdd==3J\xfb\x96\xf4\x9f~_\xbe\xa3P\r\t_\x07{m\xe8hk\x9f9y\xaa\x7fy\x97\x98\xc0\xe8\x99\x93f~p\xf7\x89\xd4\x1d\xbe\x04\x1e\xd7\xfe-\xb2\x93t\xec\xf0\x91?\xff\xfc\xeb\x8fg\xcf\xbex\xf5\x06\xc0\x18\xf03\x14\xdd\x9e\xfb\xf0\xc1\x8b\x97\xa2n\xe7\xfc\xfc\x12\xdf~\xbc\x0f\xc0\xf5\xa3\xeb\xbf\x93zd\xc0\xd8\x91\x95\x03\x86\x0f\xd1vr\xfb\xfa\xeeW\x8f~|\xf1\x04\xf8\x0f0\x00\xbc||\xc2""`\xe3\x03\x9bPK\xcb\xd7\xfd\x17\x1b@[[\xdb\xd3\xdb\x9bw\x8b\xc0j`s\xa0C\x97\xce\x0e\x91\x91W.]\x16\xf7\xa4\x87\xf7\x1f\x185h\xc8\x9d_e8\xbe\xbad_\x87\x13\x1c\xe6\xed%\xc3\xb8\xc8\xd9\xef\xff\xddx\xe6\xce\x9fb\xee}\tXY[\x03xr\xe7\x83u\x07&gt;\xfe\x19\xd0\x04\xac\x85\xb2\xe1\xfd\x0b&lt;\x01LMM_\xdf\xf4\xe2\xc5E\x89\xaf\xeeo\xe0\xabGp\xb1\x82\x9b\xa3\xb6\x05_#\xf8\xeaS\xfc\xf5\xd7\x9f\x7f\xfc\xf1\xc7\xcd\xeb7\xfc\x02\x03\xa1\xae\xf1\xf1\x9ee\xe1\xa6j\xef\x7f\xf5L\xf2\x0b\xd1\x04\x1c\x1cmm\xa5\xcd\x16\xfe\xfc\xf87\xe1\x17\xcb\x15U\xd1\x03FM\x1c\xdf{@?\xbf@\xbb\x7f\xebn\x10 -L\xf0\xccw\xff\xec\xde\xf7\xd1\xd1C\x87\x1e];\x06&lt;_&lt;o&gt;\xef+\xea\xab\x8dq\x93\xfb\xf4\x1d2h\xd0\x88aQ\xadZ\x01\xbf\xbc\xba\xc3\xc8k\xdb\xbeUR\xf6K\x08i\n\x12\xec5\xb9\xc5Fm\xa2\\\x1b\xf10\xec\x015 @\x0f\xab\xc6\xf5\xe0\r%\x08\xd7\xa2\xe7i\x98l\x91g\xb7-\xd88}\x80\xec\xdb\xf3\x8f\xafH\x1e\x1a\xcc\xf66\x1dY\x96)\xd7\xc1\xcc\xea[\xbalT\x95\\\x0f\x11\xb0vR\x9f\xf1\x15-\x95\x0c(R\xac\x9c\x932\xd4j\xe7\xa9$\x17K\xb2\x06f\xf4)\xd1\x06|\xb4\xe0\x064\xf1\x9c\xfa\x8c=\xcb\x0b\x92\xbe\x1a\xb6G\xf3\x08\xfe\x7f\x8e.\xcf\x8e\xb5\x96\xf5\x03\xe8\x90\xe8\r\xa0]\x9c\x07c\xec\xee\xd9\x1dR{\x8f6B\r /\r\xb1\xa1\xed\x9c\xd2\x18\xb7\x91eY\x85a\x0ee\x89\xde\x126\xf3\xd6\xc0\x99\xad\xf3\x8f\xaf\x9b\xd1\xb8\xf1\xc1\x9e\xb5\xef\x9ci\xdd\xdb\xed\x808\x1bu\x1f-\xb8\xcb\x9cCF\x80\x86\x98\xa9\x954W\xfd\xa3k\xa6\x8d\xe8\x90\xc1k\x08\x06\x1bb\xde\xa02\xc5\xca\x08\x1a\x02\xeb\xa7\xf6\x95e\xc9\x8a\xb7\x06W\x1c\x971\xf6_\xcf\x16\x91\xbc\xdb\xb5\x80\x92(\x97\xdd\x8bF3\xf6/c/\xf8\x17\x17%;\xe9\x9e\xd9:\x7fj\x8f\xd7\xb7L\xea\xd6\x8a\xff4\x1bl\x88\x03\xcb\'v\xcf\t\x97\xf0\xbc\t\xf6\x9a\x91\xe6Hw3\x94k\x9e)\xc8\x00\x89\xf6Z\r\x9c\xc4v`q\xd2\xd0\xb6i\x92\xb71\x00\x9c\x80\xd6\x91\xce\xbc\xe5X\x1f\xefY\xe6.\xadlN\xba\x9ba\xa49\x8c\x01\xa7\xba_\xa7Hs8\x02\xb6\xc0\xb4\x9eE\xd3{\xb5\x96%t-P\x1fQ\x16b+\x8a\x88\xe3\xa5\x0e\x81,\xab\xb3\xfa\x96\xf6h\x1e\xa1p\xca&gt;\'\xe0\xcf{\x17\x18cmc_u]\x9d\x81vq\x1e\xdf_&lt;xl\xdd\xf4\x9d\xf3G\xae\x9f\xdao@Q"c\x8fk/\xddT\x04\x80\x907DQ\xb8\xe3\xf1wf\xf0\x96\x07\xa9d\x18X\x81D\x1f\x9a@\x90\x01\xda\xc6\xbas\x99\xbc\x07\x95\x08\xc6\x1a6\xb0p\xd3W\xed\xce\x15c\xbb\xcb\xf8\x90\x1e\xcd#d\xa9]/\xaf\x10#|\xfb\xc9&gt;\xe5+$\xe8\xa8"E\xa6\x99*b`\xe4U\x12\xe9\xfc\xfc\xebs\x92\x07\xfe"\xcd\xc1\xa5\xd4p\x05\x04b\x1b\x9a YZ\xf1Q\x16\x10H\xf7^!&gt;O\x8b\x00g`\xd7\xc2\xd1\xdc\xc0j\xa6\xa7\xf1\xa5\x03\xab\xe7\x0c\x10\x9b\xbdQ\x9cn\xd9\xa1\x92\x1b\xaaSz\x14~\xb4{\xa9JV3\xd77\xfe\xa0#\x03\x80\xeb\x06{k"\xcc\x04^\xea*\x088\x14w\xc6Ks\xd5\x8f\xb2\x80\x1a7\x94\x0btL\xf2a\xec\xc9\xae\x05\xa3\x14x\n]`\xd5\xf8\x9e2vQ\x96\x8c\xa8`\x8c\xb1\x17\xdf\n\xd4\xb12\x03\x16\r\xeb\xcc\x85}\x0e)}\xdd\x026\x076N\xef/n\xcc%\xc3\xc3(\xc7\xd7&lt;\xdd\xcd@\xea\tD\x99\xa5\xe7\xf2\xc5\xf9\xc9O\rrT7\xb3\x02\nB\xed\xcb\x93}Ol\x98\xcd^~\xcf\xd8\xe3\xef&gt;=0\xa44-\xc2\xecU\x14\xa5\xb7\x86\xe8\xaf\x8d\xd4\xef\x92%`[\xfb\r\x14\xbe\xcb\x95\xefh;$xe\x88\xc9.%\x12wV\xd9\xbdh4{xY\x85A\xbaZ\xc0\xc1\x15\x936N\x1f\xc0{i.@\xb4%\xae\x1c^\xdb5+T\r\xd0\x00B\x8d\xc1\xfe\xf9\x86\x17\xe9\xa7\xba\'\'\x84\xd4\'[\x80\xbf\xb0\xdf\xe8\xf2l\xa9UZ\xc49\xbcj\xca\xf1u3\\\x15\x1a\xa1\x97w\x9c\xa3\xbe\x19\xf0\x16H&lt;\xbf\xdb\xb8G\xc2\x85\xabn\x9b3L\xc6\xed;&amp;\xf9\xbc\xa1\xd1S\x12Hn\xfd7\x91U\xc8\xb2\xf7\xafd\t\x90\xd5\x06\xd2\\U\xd3\xb8\xfe`\xf3\xbc\x95\xe3z\xc8\xd5\xcc5\x04\xf6.\x19\'y"\xc5\t\xe0\x1f`nHr\xadKp\x04\xc6tj\xde2\xc0\xaa&gt;\xfa\xe7r\t7\x05c?\xfdp\xe9\x90\x84m\xfct^\x15\xe2\x15\xce\xd9"\\K1\xccD\xf4O\xa3m\xac;c\x0f\xfe\xf8\xeaC\xe1,7\x0b\x86\x94?\xbav\xec\xfc\xce\xc5\x02\xabd\xc4\xcd\r\xba\x00S\xba\x17\x84\x1a\xc3\x03H\xb0\x93\xd2\xb5n\x9a3ov@\x9a\xab~\x8a\xb3\xae\\9\x7f\xc3L\xd0\xcc\xdd\xf0\xf9W\xe7\xd8\x7f\xdfuN\xab\x93\xdf\xd4\x04\x88\xb3QS\xa6\xc7b#\xaa\xd3X\x14\xee\xe8]\xfb\x06\x1b\x03\xae\x80\xb7\xa6\x94\t\x07~\x06\x80\x1dp\xeb\xe4\xe6_??\xa9\xda\xeb\xa9\x93\xa8\xc5c\xfc+F|\xb5\xc0\x95\xa8c\x7f}\xad\xaau\xf9\x84\x90\xfau\xe5\xf0\xda\xf5S\xfb\xb2\x1f\xaff\xd7\xe6\xe5\xd8\xb5`\xd4\xde%\xe3\x14\xdb\x9b\x1d\xc0_\xb6V\\nl\x91\x94\xbfr\xf0_\x9a\x82\x0c\x14O\xdac\x03X\x00\x86\\Rp\xc6\xe6\x0f\xee\xa8\xec\x91)gL\xa7\x1c\xc6\xd8\xbe\xa5\xe3e\xd98\xc5Y\x975\xbd\xdaa\xf5\xad\x81\x9b\x1d\xba@\x88\x91\x88+\xa2\x9fJ\xf3D\xe9H\xebH\x1b\x002&amp;\xe15\x05"\xcd\xe5^S\xbe\xa5fH\xd3\\\x16\x02y\x86r\x01tH\xf0z\xf1\xfd\xa7\xec\xef{\xec\xc9\xed\xcd\xb3%\x95\x89\xa8\'\xfc\xdd\xb8\xd3\x9b\xe7.\x1f\xddU\xc2\xc6\xae\xb5\xb5\x99:\xa7\x05(\xf3\xa4\xb3\xfa\x96\xeeY4\x86\x17\xb6\x01@\x0f(\nw\xfcp\xfb\xa2y\x83\xca\xb85H\xb2\x88\xb7\xd5\x18\xda6\xcd\x15\x08\xd0\x93T&amp;\x0c@\x8c\x15\xfa\x16\xc4\x855\xbdr\xde\xda@\xe7T\xff\x96\x01\xd6\x1d\x93}\x87\x96\xa6q\xa3\xe32\xf6\xadm!\xb8f#\xdc\x14\xed\xe2&lt;d\xaf\xd9\'\x92\x9e\xf8\x94\xf9Y^\xa6\xcd\xfd^M\xa5\x18\xc8\x93\x0f\xc3\x1d\xc8\xf5\xb7\xdc\xb7t\xfc\xa4\xae\xad\x1a\xb8\xaf\xeb\x08T\xb7\x8a=\xb5i\xce\xe8\xf2\xec\x86}fB\x88\xa2x\x01\xf7\xf3\x06\x95q\xb7l\x9e=xty\x8e\xdc\x89?j\xf1\x0fm.\x18R.\xb2t\xa2\xf2\xcc\x01oMD\x9a\xbf\x9e0m\x1d\xe9\xfc\xfe\xfaY\xbcj\xb2\xa77\xcf\xfd\xee\x93\xfd\xf5\xf1\xd4\x8d\xc2G\xfc(\x90\xc0\x88\\i\x8c\x1bcl\xcb\xec!\xf5|D\nz;RC\xf4+\x8cO\xb0\xd7\xac\xefY\x07\xa9#\x7f\x96@\x8e\x8fY\xd7\xac\xd0\x82P\xfb0\x13\xb9\x0b\x14\xf03\x02\xf2\x82l\x14+\xd1\xc5\xf1\xd6\x843P\x9d\x1f\xd3\xa5n\xb35\xddM\xf5q\xffr\xf5d\xb4\x81;\xa7\xb7\xbe\xceR"\xad\xce7\x00G`\xe7\x82\x91\xa9.\xaa\xcf\xc2e\x06\xac\x1c\xdb\xbd[v\x98,\x1b+\xdf\xab\xed\x9e\x13\xde)\xd5\xdfS\rz\x80\x1a\x90`\xa7\xc9\xbd\x07\xd3{\xb7\x16\xb9"D\xe43\xe6\xf8\x98\xcd\xecS\xd2\xc2\xdfR\xea\xf2\xa1\x82P\xfb\x8b\xfbWm\xa9\x19\xaa\xecq\x03&gt;\xd2F\xbe\xf5\x01#\xbeu\x1d\x92\x19\x03f\x80\x1e\xd0\xbf0a\xd7\xc2Q\xf9A6yA6"\xf3\xf9\x98\xf3U\xc6\x15\xa9e\xa0\xf5\xb5\xa3\xefl\x9e5x\xed\xa4&gt;\x83\xdb\xc8\x94\x8f\x95\xe3\xab\x8d\xf9\x83\xcb\xcb\x92\xbc\xa5\x06\xe7\x0c-M\xeb\x9c\xea/o\xa6\xac$G\xed\xdd\x0bG\xcf\xee\xd7v`\xeb\xa4\xd1\xe5\xd9\xfc\xb3\x91\xae\xa2\xb67\x07\xbcTz:\xb6\x03*\xd2\x03[\x85\xd8\xa5\xb9\xea{5\xc9\x89 BH\x1d\xec\xd7W\x15g\xaf\x1f}\x87\xbb\xc5EbsS.\xf5\xbd\xaeK\x93/\x96Z\x1b\xe8\xd1&lt;\x9c7\xa8\xa3\x01HXC\xfc\x06\x11N\xee\x9e\xe1a\xccU_\xd6\x02\xc6W\xe4\xbe\xb7~&amp;\x7f;\xc5\x19\xf8\xfa\xfc\xae\x129\xf3\xb4\xd6oV\xd7\x06T\x1f\x89S\x9b\x02q\x13\xfa\xd6@\x8e\xafy\xfbx\xcfI]\xf3[\x06(\xbe\xc0;\xd3\xd3\xb8\xa6\x7f;e\xc6n\xd3\xdd\x0cu\x81_&gt;;\xc1\xfe\xfc\x8a\xff\xea\xef]\x0f\xcb1\xe4\n\xbd\x081\xaa\x1d\xe6\xf8\xf5s\xc6\xd8\x95Ck\xa4&gt;$\xd8\x00\xdb\xe6\x0c\x139\x81i*\xcfS\x0bk\x1d\xe9\xfc\xcbg\'\xfa\x17\xc9T\x07\xdaP\xe9jnf\xc0\xea\xf1=\x97\x8c\xa8\xe0\xf6\x13g\xa3\xce\xbd\x13\xfc\xa7J~\xf9\xc1\xb6\xbdr\xa3\xf8\xcb\x0c\x1b\x027\x8eo8\xbfs\x89p\xf4\x910\x13`\xf3\xec\xc1\r\x99\t^\xea\xd4_eF\xd0\xa9w\xe7|\xbao\x05\xf7\xa2l\x808\x1b\xf5d\'\xdd~\x05\xf1";x\xbcb\xed\xfa\xa2\xbaC\xc6\x00\xfb\xeds\xc6\xfe^6\xaaj\\\x97\\\xd9O\xb3\xae\xc0\xbd\xf3\xbb\x19c\xec\xd1\xd5A\xad\x93%\x1fu\xcb@\xeb\x91e\x99\x83KRd\x8f\xffs\x02\xf6.\x1e\xcb\x18\xbbw~\xf7\x9a\x89\xbd\xf8k\x8c\x18\x88\x89\x97\x1b\xda6\xadO^\x8c\xcc\xcf \x9d\x1a\x10o\xab\xc1\xcb\xf9\xab\xc2=\x13B</t>
        </is>
      </c>
      <c r="E2" t="inlineStr">
        <is>
          <t>&lt;class 'numpy.ndarray'&gt;</t>
        </is>
      </c>
    </row>
  </sheetData>
  <pageMargins left="0.75" right="0.75" top="1" bottom="1" header="0.5" footer="0.5"/>
</worksheet>
</file>

<file path=xl/worksheets/sheet5.xml><?xml version="1.0" encoding="utf-8"?>
<worksheet xmlns="http://schemas.openxmlformats.org/spreadsheetml/2006/main">
  <sheetPr>
    <outlinePr summaryBelow="1" summaryRight="1"/>
    <pageSetUpPr/>
  </sheetPr>
  <dimension ref="A1:E701"/>
  <sheetViews>
    <sheetView workbookViewId="0">
      <selection activeCell="A1" sqref="A1"/>
    </sheetView>
  </sheetViews>
  <sheetFormatPr baseColWidth="8" defaultRowHeight="15"/>
  <sheetData>
    <row r="1">
      <c r="B1" s="1" t="inlineStr">
        <is>
          <t>Value</t>
        </is>
      </c>
      <c r="C1" s="1" t="inlineStr">
        <is>
          <t>Step</t>
        </is>
      </c>
      <c r="D1" s="1" t="inlineStr">
        <is>
          <t>t</t>
        </is>
      </c>
      <c r="E1" s="1" t="inlineStr">
        <is>
          <t>t_type</t>
        </is>
      </c>
    </row>
    <row r="2">
      <c r="A2" s="1" t="n">
        <v>0</v>
      </c>
      <c r="B2" t="inlineStr">
        <is>
          <t>train_input_images</t>
        </is>
      </c>
      <c r="C2" t="n">
        <v>0</v>
      </c>
      <c r="D2" t="inlineStr">
        <is>
          <t>[b'512' b'512'
 b'\x89PNG\r\n\x1a\n\x00\x00\x00\rIHDR\x00\x00\x02\x00\x00\x00\x02\x00\x08\x02\x00\x00\x00{\x1aC\xad\x00\x00 \x00IDATx\x9c\xed\x9dK\xc85]v\x90k\xa7\xbf4\x11\x8c\x13\x07\n\x1a\x14\x11\x13!\x03\'Q\x1c\x1b$\xea@\x9c4*\x82"\x18\xa5\x11\x9c\xa8\xe9\x99\xd2\x82\x8e\x82 (F0$(h\x83\x88\n\x0e\x02Q[\x031\x04\xa2\xed@\x82\x92\xa8I\xc4\x0b\xb6Q\xa4\x91\x18\x13\x97\x83:o\x9d:\xe7\xd4\xa9\xda\xf7\xbd\xd6\xda\xcfC\xf3\xf7\xf7\xff\xdf\xfb\xeeZ{]\xf7\xadv-\x0b\x00\x00\x00\x00\x00\x00\x00\x00\x00\x00\x00\x00\x00\x00\x00\x00\x00\x00\x00\x00\x00\x00\x00\x00\x00\x00\x00\x00\x00\x00\x00\x00\x00\x00\x00\x00\x00\x00\x00\x00\x00\x00\x00\x00\x00\x00\x00\x00\x00\x00\x00\x00\x00\x00\x00\x00\x00\x00\x00\x00\x00\x00\x00\x00\x00\x00\x00\x00\x00\x00\x00\x00\x00\x00\x00\x00\x00\x00\x00\x00\x00\x00\x00\x00@*"-\xdal\xd0(\x00\x00(Gd\xc9N\xff\x97\x95\x83\xd22\t_7Z\x80LpP\x98\x1e\t\xb9\xbf\x19\xc2\xf3\xaf\xcaKL\x11b\xda\xc0 \x00\xd0\n\x11\xd9\x92\xfe\xee\x8f\x00f\xc1\x8b\x01\xe2\xd9\xa2\x85\xc0\x01\x0f\xe0\xc7\x00\x00\xef\xb0\xba\x07\x10M\xf62)\x00\x00\x00\x80zD\xbe8Z\x04\xd0\x82\xb0\x87\x03\xa0\x90vQI\xcc\x03\x004G~\xbe\xe0w\xc9\xd1\x00\xada4\x04:\xd1\xec\x96\x9aek\xc7\x9c\xbd\x06\x00\xe7\x90\xda\x00\x00\xc0-\xd4\xb8B\xdc\x1f\x03\x85\x1b\x7fc\xb4\x00\x00u\x11\x91%\xff&gt;$\xe70\xff\x83\x07p\x08p\x06[}\x00\xb1\x10-\xa9\xd8U\x97\xec\xc8n\xa1\xaeH\xa0\x13\x96\x80\x00\xdeb4\x0f\xbe^\xf6\xd9\x1a\xa3\x8az\x87\xb3\xee\x9c@\x01\xa8\x83r\x7f\x99\xc7\xa1ae\xad\x01\xd9\x95 \xf5\x17\xfb\x97\x9c\xd6\x102\xe0\x8av\x0e-"\xbf\xa1Q\xd3\xa3!\x0b\x1c\xe2^-\xac\x97\x02\xc4r\x12+\xc4\x90N^?\xffr\xc9\x1f\x99 \xef\x03@M\xc8\x18\xd3B\xb50\x01{\x00\xd0\x90\x0e+\xc3M\x8f\x82\xf7Ib^\x17\x1c^\xbf1Yt2\xa9\x1e\nD\xd0\x02\x05@/xi,?\xd2\xaa\xe1\xd6\x05l\x94\x89\xcf\x9f[\x9e\x1f\xcf[\x18\xbe_\xeco\xcb\x1a\x94R\x12K\x8cS\xac \xa7\x1b!\xc7\xbf\xb2\x1b\r\xeb\x18\x16/\xcb\xd6\x91\x1a\x05@G\x87\xe0\x02f\x00za\x9cb\x8c\xdc\x9c\x17BXm=\xbc\x12\x848\xaf\xbb\x14\xf2\xa3C\x00s3&lt;\xa4\x01\xaa\xa3\xc4\xab\xc7K`\x1f\xcf3\x80\x8c\xb3n\x00pI\x08a[\xc9\xdf\x02\xac\x7f\xa4M8\xc7 \xa1%\xd0a\x9c\x825Z\x80\x97[A\xc9T`\x06VE\x9b\xd1v\x87\xcc;\xdc\xf9D\xec\xd8\xa3\x1e%\x1d&gt;7\x99\xec\xb6F\'Tl&lt;\xaa\xf4\xa3G\x92\x19\xa8\xae\xed\xdeK@\xd5|W\x9e\xfe\x7f\x04\xbd\xa6\xa0\xaa\x02\xbe]\xa7\xf5\xcf\xe8\xf5X\xa1\x9cZ\xefO$\xed\xf6R\xdd\x0bao\xfd\x8e\x06O\xea\xf4\xa2\x90\xaf\xd4s\xc9l\xfd\xed\x8f\xc8\xff\xd4\x10&gt;\xf1\x18\x12\x15\x00\xa0!U\xb2\xa1\xb9\x02`HZC\x14-\x01\r4\t\x0ea\x0e\xf9W\xa3%p\xc1\xed\xdd\xb1\xe2v\x02g\xf5\xed38\x07R\x00 \t\xacVB\x1f\xdd\xe9\xb4\x10\x9esH\xb9N\xf2g\x00\x83_Yd\xf02\x8e\xc25z"9\x8f\x0e#\xf6\x9biT\x1a\x88\x90\x7f\xa5\\\'\x86_\x04\xc3!\x86\x91\x95 \xdc\xe7}\xe7\xdd\x1b\n\xc1\xde\x08\xc3\x05\x00F\xc1\xf2\xf1!\x0e4R\xc5\xac\xee+\xfd\x10\xd4)\x95U\xb9!\x98~\xfb\xcc\xaa\xdc3a\xd6\xb9\x9c\xa31\xea5\xca\xe4\x9d\xfeu\x17+\x03x\xa5h\t\x88u\x80\xcel\xb9xxR\xa6&amp;h`\xb8\x1b\xe4aSj\x9f\x94\xbe\x07`\xd4\x05\xcd2\xa0\xe2ne~\xbf\xfaD\xe5W\x82\xda\x00&lt;I\x0e\x8c\x1b\xf5P\xe1\x18\xa8Z\x17\xf4\xc7\xd8\xc8\ta_\x0c\xfa\x19\x9d\x9b!\xde\x92\xb2\x1b?D\x87\\\xfe\x03P\x995\xa2\xbe\xba\xfd\xeb \x19F&lt;\x16\x0c \xbb\xef\\\xda\xca\xfd\x86D\x85\xa9\xd9G\x96\xa9\x10\x03\xff\x88\x88\xfc\x0f{c\xffTQ\ru\xcd\x15\xb6\xbc\xaa\x11\x8f\x05 \xe5\x17\x9b\x88\x03\xf0\x80\xc5\xe1\xbf9&amp;\xd5.~\x95\x8d\x0f\xd5\x99\xef\xc0{6\x0390\x13\xb4\xc6G8\x03$\xa0\xd9\xe9K\xe4\xda\xaf\x9b/\x14\x00\x88c\xe4ep\xa0\x1f\xafy$\xbe_=\x15P~F\xcb\xd9\x8b5^\xddO\x0f\xce\x1c\x06*#\xf2\x9d\xe6BPD\xe4\x8f]\xfc@/Y\x86a\xbd\x8f\xec\x01\xa4\x82\xaa\x00\x96\xa5\xefeGj\xa3N\xe4\xe7G\x8bP\x01\xa5\xcaU\x89ZW\x04\x80\x1c\x8cF\xb4M\xa9\x01\xc0\x0e\x8cw^\x19\xab\x93y\x16l*vS\xa4\xebZW\x8bg\xb0\t\x0c\x03`\xf3j\x8f\x86\xc3?!\x84e\tST\x80z\x17Y\xf5v\xe39\xcc\x030\x86Q\xf9W\xb83\x07\xe2\xa8\xee!\xcc\x002!RaY\x16\x91\x9f\xad\xd2\xca\xee\x8fxV\x1aSi\x8c\xa9\xb3\x16N\x86k\x9e\xfcQD\xbe~\xb4\x0c\xd9X\x19R\x17.%O&gt;{\x10\x11\xf9[\xa3\x85h\xc3\xe4\x96\xb5\x8a\'\x9b\xd9\xed\x8b\xa1og\xb2\x04TB\xa7\r\xd8\xbe\xee\xb4:\xc3o_}\xa3\xdbS\xe1\x89\xcc\x11\x196\xd3\x81\xa1|z\xab\x01\xa3\xc5\x80\'6\x93t\xae\xd0\x8c\x06T\xe0\xc6\x06\xc3\x8f\x18\x0e|\xbar\x86+g\xb8\x00\x9a\xb9\x1f\xd0r\x9a\x94\xd9R\x98\x82\xd5q\xfd\xed 9\xe8\x97\x0c\r\xc2-\xa3\x99\xd6aS\x9e\x92&gt;\x8a\x02\x93\x83&amp;\x8b2\xc7\xd0\xff\xde\x08O\x9a\xf4:\xb0]X\x89\x8d\x83c\xa0\xb3p8rq\x10\xf9=Gd\x0e\xd4\xf5\xc4\xa6;m]\xabP\x96D\x94_\xc71\xfc\xed\xbfe-\x00|t{O\x8c\xe7y\x9a\x06f[~B\x97\xf1dw\xe5\xcc\xa0\xea\x10\x82\x8c\xee)3\x80g\xfcy\xde\xbbz\xf6\xb1\x80^\xbda\xb78\xd8r8G\x95=\x0b\xf5l\xc2La\xf4\x12\xdc\xd7\xadB\x98PV7B\x08\xcer[u\'\xfbh\xcd\x95\x96\xe6\xe4!\xf6}\xb9}aZ\xeb\xa3\x8c\x10\xc2\xc0\xf4\xcb\x0c\xe0\x18*\xe29\x13\xea\xa7s\xa0\xf6\x1c\x82\xec\xbb\xe6\xaa\x02\x94R\xaa\x0c\xfd\xdb\xeb\x14\x00\xff4J[!\x84\n_A\x84\x06\x14\xa5\x9d\x8a\xb7%\xd7jh\x10\xe5\x813rl\x0fp\x8e\xfa\xd1\xc9\xd4\xfce\xfb\x06\xd2?\xfe\x05\x00\x80\x1c.\xd3\xbb\xcb7\x0c\xfc\xf5\x08\x96\xc5\xa9\xb3B*x\xc1JL8Dj\xea\xbc\xa9\xd7\xbfS\x1e\x89%\xb2)\xec\x19+T\xcbb\xf3\x85\xf8\xf5\x1d\x12C\x02\xaf\x88b\x99W\x95\xee\xff\x8bZQ\r\x91zv\xd6\xfdY[U\xd8\xdb\x04nv\xa2Q)\xef\x84\xb3xxW\xb5\xa2?FCln\xd7&amp;M\x99{\xafV\x1e\x9b\x0e\xa8\\\x00:\x18\xac\xfai&lt;\xe5iT\xb5p\x89\xe8\xef\xcb\xea\x0ca\xf7g(&amp;\xff\xc2\x03L\xd0\x9a\xca\x05\xc0\xe8+T\x1f~\x86\xb75\xc7JHk\x93S\xf9\xca\xf8;v2\xa7\xe9\xd3^WmR\x7f\tH[\xe4D2\xf4u&lt;\x18\x80\x95|j4\xf5?\x91\x1a\\\xcac\xb1\xaeA\xfe\x9b\x1do\x84yqvi\xa0\xa1\xbe\xc8\x07\xa3\x05I\xc6\x99\xcfl\x984F]\x9aj\xc0\xa8\xbb\x03\xb4\xc3hD\xb8\x8ce7=*X\x02\x9af\xc5\xc4\x8b\xad\xc1*""\xf2-\x16\xd7(\xdd$\xca\',\xda\xe2\x10\'\xddh\xc7\xc7\x07A\xfd\x98\x1c\x86\x93\xfa\x19H\xbbG\xe3-\xbea3\x15\xf6\xde\x03\xe8\x0c~\x0bu\x91\xf4/U\xf5\xbf1\xb8\xee\xc8\x9d\xec_\x8e\xd7\xb9To\xe4s\xa3%x\x0f\x16\x9e\x84\xfe\xc1\x9c\xfa\xc4\xea\x12\xce\x9c\xbf\xaat\xdd\xeeA\x00]\xa0D\xd83\xe4\xd3\xe1\x03\n@\xfcO\x8aT&lt;\xba#;\xaa4\xf8\xda~\x8bf\x15B\x01\xa8\x86\x06\x15\xba4d\x92{v\xd0\x00\xe1\x92A\x8b\x8c\x8d\x1d\xca\x11i\xa2\xc6\x19\xf7\x00\x86\xafG\xfe\xa6\xd1\x024$.s\xac?\xd3\xf6$\xf1\xb2,\nlm\x8bG\x8bT\xb3\xce\xe1\x1e\x00\xe3\xd9$Bh\xb2\x95\xa27@4_\x1b\t\x87D\x1e\xf9\xe0d\x88Z\x9e3r3\x0b\xe1\x03JP=\x03`\x80`\x91\xc8\x90&amp;\xf2\x15\xf2q\xdc\xe8f\x9a\x86\x16\xfa\xd5a\xc1\x07\x00\xf4P^n\xe3\xe7\xf4\xebOR\xe0\xd5\xf2n}\xc6\x8a\xc9\xda\xed9\xe7m\x92\xab\xd5\xda\xf8\x19\x00K\x81c\xd9o\xf9\xed\rqi\x97\xd70\x88?\xad\x1eBP\x1c\x14\xf0~l\xce\x98}Y\x96\x8c\xb9\x8b\xd6\x147\xbe\x00\xacP\x03\xb4\xb1\xba\xf8\x89Y,~\x91\xe6\x04\x91\x1f\x1e-\x822\x8e\x8ck\xc5\xde\x8d&lt;s\xff\xb9\x88\x8c_\x84\x03\xb6\x11\xe8\xbfT!\xc9\xef\xce\xfdE\xab\xa7te\x90\xfcF\xd5\x05\x00\xf9\xbc\x86\xbd\xc8g\x94$\x82\xec\x94d\xba\x00\x00@\t\xef\x16Q\x9f\x7f&amp;\xbd\xd9\x93\x06k\xd1}\t\xe8e*\x14\xc2/*\x99\x1fe\xdf\xb8\xa2D~\xa3P5g\xe8\xff\x0c}\\\xde\xa7\x82\xd4\xcc\xf2\xb0\x1bW&amp;\x12\xf4 o\xf0\xaf0\xf7\xb1\x10\xd4\x93\xa9\xfa&gt;QW\x8b\xb9O)\x1a;\x89\x96M\xe0\'L\xfaJ\xba\x9d\x86L\x1db\xce_N\x95\x98\x062\xd5\xdc\xf1\xa9\xabxX\x0c\xad\xfdCi\x01\xf0\x1a\x16:\x06\xbcQ\x02\xf4\x11\xf5v\xd6\xa8\xf5c\x86r\xa2F\x05\xceP\x07\x11\x91\x9fN\xfb\x15\xaf1\xde\x02\'^\xb2\xb1\xf6\xc7\xd9\xb6\xa9\x95\xde\xc4\x0c\xff_\xf7\xb45|\xdcu\xb8\x00y\x18\x15;\x89\t\xba\xe8\x9313\x80\x87\xb7\x80\xbc\xf8\xce\xc7\xc1y\xed\xddIZv\xb8wG}\xbf\xd42\xc3:\xcf\x04]\xf4\xc9\xb0%\xa0\x12\x87\xd1\x9fdMs\x98\xb0\xfa\x7f\x94\xeaP\x86\xed\xcf\x19.\x80\xdb@$j=E\xab\\C\xd1\xb3\xf2\xe2\xe9~\x1b\xdel\x00O\xf8\xf0d\x0f}\xa8\x0ey\xaa\x11\x1d\xb4\x8a\xe1\xa0\x0fx\x1at\xc2\xab\xab\xb5\xe8\x17\xc5\x1b`:4\x1c)\x81$\x1ae\xea!\x9f\xe4\xbd?\x9d\xf2\xd3\x1d\xd4]NE\xa7\x1d\xb4\t\xdc\xe5\x9a\x8b\xa90\xaa\xcb\xa0\xe0&lt;8e\xa0+\x1f\xaa\xfe\xae\xae\xcf\x9c\xcb\xc4\x06\xfak@DS\x88\x88\xc8g\x1b\xb7\xef\xcdb.;e\x08Y\x16\xf9\xe6.O\xf1e\xe6\x98\xaeh\xef.\xb1g\x0b\x0e\x05\x81]D\xbe\xd7\x93\xebV\xecK\xec\xfc{}d\xf5\x93\xe0[O\x86\x9f1\xb7\xc2(\x8da)\x00%\x88H\xad0L\xda\x03\xa8\x1f\xf9[7\xfcT\xe7^\xf8\x18\xd1\xbc\x9bX\xf8\xe8\xdd\xe486b\xeb\xd9\xf0U\xe3\xd5Rql\x01h\xf7\x1eh\xdeW\xd6DD\xe4\xf3,Jt\xa3\xe97\xf6@9\xfb7\x1c\xed\x06]m\xc9\xab\xb9\xae\x9c\xfe\xeb\xc1\x83\t\x9a\xd5\x94F}\xb1\\f\xce\xd1BuN&lt;j\x1fh\xf2C\x95\xe3\xae[\x0c\xafb\xff\xc7.\xcfJ\xe2U\x03\xefT\xe2!\xe6\xe5{\xea5esgRD\xe4O\x8c\x16\xc28\xe6\x8c\xae\x9f\xab\x02P\xbf\xd9\xfe\xd4\x12\xe6$\xedd&lt;\xe2\xb5\xb5\xd4F\x14\xa9\xb83\xb2c\xb4,\xd0\x0f\xcc]\x9d\xf3\x02\x10\xd9\xc2&lt;\x91xR\x00\x92\xd3\xf7Q\x01\x88o\xa4D\xedJ?\x08\x13O\xf8\xa0\xdd#&amp;q\xe8\xea\xe4EB#a2P$\xcahb\xe2K\x95\xed:p\xf6\xf9\xdfJ\xe9(R\xa1\x1c\xa5\xd1Bd\x0c\xfc\xfa\xd6r\x8c\xe6\xe3\x83?-\x1f\xc1Eu\xfa\x98j\x06\x90\xcd\xab~\x0e\xb5&amp;\xf2\x19\x11\xf9\xc9nb\xcd\x86|\\GQ\xee\xadI\x8d\x0c\x89\x90\xba\x8f\xbc\xdc-\xac\xb8\xd2Z\xa5\x9d\xbcG\xaf\xdd\xd0\x99\xce\xfe\xf1h\x01\xde\xf1\x11V\xa3\xe5\xd8\xf1\xe3\xa3\x05x\xe2\xd0\xa34)\xcc&gt;\xa9\xcbgM\x85\x19\xfe\xc4\xba\x1c\xbeX\xbfO\x94\xfa;\x18)\xdd6Dh+M.j\x05[\x94\x15\x80nX\xec\xf4\xb0=\x00\x91V\xfa\xba\xc5m\xdc\x0f\x8f\xf8\xd0\x95\xf1C\xbc\x87\xc1\xfd\xf8\x1f\xab\xad\x816XRH\x19\xd6\x87E\xf3\x9b\nj\x05[\xd2|\\\xca\nF\x92{\xb4\xad\x9a\xea\x87&gt;\xaf\x0c\xdc\x04\x96F\xe3\x84[\xc4j\xb5D\x08\xfdoqh\xfe\x88}\x1dm\xd1\xbb\x06qu\xdd\xa0\xe6\x04\xbb\xe8\x1eG\xc4\xcb&amp;\xb2\xe6\x81N\xd1\xaa\xb7\x9c\x0f\xe2\xd3h\x01\x9a\x80\x99\xf7&lt;)C\xea]$\xd2\x9a\x10B\xfd\xd4o\xa5\xf3\xa6\x90\xac\xbb\xc2\xaa\x18W\x8f=\xdfI\x92\xa7\x9c&gt;\x8c\xfb(\xbc\x82\x8f\x8cOKI\xe0\xdd\xae\xee\xe8e\xbb\xea\x0f\xea#\xb7\xd2\xe9\xa7Fn\xee\xd4g\xeb\xc8\xe0"M\x14\x9c\xbf\xba\xa6\x8avD~\xb4\xbc\x91\xabG`\xc6:\x10\x12\xdd\xb8T\xf5\xa5!:\x18\xcbG\x96|\x15\x7f\xeb\x96\xf1\x8e\xb5n\xbf\x86\xed\xbb\xb9i\xd3G\x00L\x88\xe9\xfc\xffNn\xc3]z\xc2JG*Ji\xa3\xc3011.j%\x07Y\xce\xff\x87\x17\xc6\x99\xd1&lt;$\xd3\xef`\xc4\xe1\xd3\xff\xc3\x9b\xffn\xcd\xe1,\xc9j\x90mQE\xbf\x9e[K\xda_\r\x16\xb4\x0e\xb9\xe8\x0c\xab\xd6RUo\\\xa1\x0e\xcdq\xa2\xc1\xbc\xac\xda\xdf(\xb2\xa3^\x9b/\xff\xa5V\xd3\x1d\xd1~\x19\x9c\x9d\x11Fe\xc6\x9e\x92\x1a\xa5\xf0\xfag~8iV\xcc\x99\x06s\xd5\xdb\xd9\xbd\xea\xba\xc1\xbb\x8c\x14\xf9\x0cU\tM{\x01X\x96\xbf\xb0\xfe_\x0b\xad\x8d5\x82|u\xe8\xe3O\xe9p\xd3\xa1iJ\xbc\xb1[\xf0_&gt;h\xd4H|\x88\x0f\xd5}fv\x1c\xa8\xc9\xfc7\x0c\x04\xf3\x83\x9b\xce\x94~D\xf1\xfb#3\xb3w\xc8\x0c\xebt3\xab\xb4\x0c\xef\xad\x17\x9b6\xe2\xaf\x8c\xc6\xa5\xf5\xa0\x7f\x06\xf0\xc0\x84\x8e\xa3g\xb6\x08\xb6\xa8\x18,\x073\x9e-\x89\xaf\x7f\xa8\x97\xd3\x0f\x1d^\xd5\x16\xeb\xe1}\x88+\x7fu\xf4\xba\x02&lt;Sx\xd5\xd4@Z\xec\\\xb9A$g\x89\xa3\x8a"\xdb\x19E\xfeQ\xf5&amp;\xd3e\xf8\xc2\xe3\xbf\xae\xff\xac\xd7\xdf\xcbV\xde=K[\x14\xc4\x17*m\x92\xefq2\xa4\x96\xd3\xfbm\xce\xffV3I\xf3\xeb\xa9\x18\xb5\x98P\xb8\xfe\x13\xd3\xb8N[\x1f.(\x89\xc4\x0e\xfd\xefZ3\x1b\x8c1\xdc\xdc\xc3N\x0f\x8d-\x01\xbd\xe3\\\xe1\xeb\xdf\xca\xaf\xea%\rL\x80\x9d\x18\xaf\xc3ao\xe3u\x10\x96e\xf9/\xb7F\x14\x0f\x88\xeb`\xc83*\xae\xdci\xbf&gt;\xb7\x9c!\x034\xcd\xa3\xc2\x81\x0c\x9f\x01`\x91&lt;\xf0gUT\x9c\x01L\xb1T=\xc0q\t\x15M\xf4\xbc\x0cUd\x91?\xd5\xe19\xd5\xb8\xdc\x1d\xd9\xfe*&amp;W(\xdc\xfd\xd2 \xcfx\t\x0ea\xb32\x9e\x9b\xae\xbe6Z\x8e\xf7`\xc9\xb1\x18\xd5\xffI\x01\xf8\x15\xe9\x87\x1a&gt;\xee\xba\xa9-e\x01\xca\xc4\xa9@\xfd\xc3[L\xee.\xd1\xaf+\xbb\xdb\xe6&gt;0\xba\xa0z\xe2\xd8\xb2&lt;\xac\xfd\xbb\xf4\xae\x81Q\xb3&gt;:\xe3\xcd\x0f\x87f\x80r(\x00\x90\xca\xe5\xb0\xa6\xe9\x01\xaa\xa7\xa78\xf6\xde\x93\xc1\x81\xf9\xbe\xbb\x9b`-\x8b\xda5\xbbS\xba\xc9lQ9\x90M\x87\xd7ZDD~_\xc3\xf6\x95c;\x83v\xdeGpYo\x0c1\xf3\xb6\xd1\xa4\xddnO7\x97\xf2\xe1\xbd\xba\xde\x03\xe8~\xd7\x98\xd9\xb9\x92eb^\xe2u\x8fK\xcf\x13\xf9\xae\xd1",\xcbb}\x18\x0c\xe0\x1d\n\x80r\xf2\x86\xb7\x1a\x06\xc5=e\x18\xdeY\x00\x80\xfad\x17\x80\x16\xc2L\xfe\xc4\xa6\xb8\x9c\x89\x1e\xa3\xff\xf0%\x80\x12\x08\x96C\xcc\x1f\xb3y\xe1x\x0f@\xc3T\xae\x1d\x8e\xbb\xe6\x1b\x1fv3\x11\\&amp;r\\\xd2keU0\xa1\x96$\x8e\x0b\x80\x92~\xea\x8f\x93!\xcc\xab\x16\x15^\x99\x8f\x89\xd4\xbf\xc3\xb8\xba\xdb\xb0\xe5\xc6&gt;\xd6\\\x1fa\xcds\xd4cW\x99\xb8\xc2\x8aE%\xf4\x1e\xafv\xa1uwN\x14\xd6\x7f\x06p{\xee\xf6\xe8\xcf\xb5\xef~\xe3\xf6!\x8d\xe1\xf1\xcb\x19\xca\x95~\xaf\xaa\xd5\xfb\x10\x8aK\xc35\xed\xd4e\x8a\xbf,\x00\xd5\xa5\x93\x07*7\xde\x9f\x9a\xef\x018Q\xc9\x15c\xbb\xd8aq\xce\x84\x1d\xbb-O\xd4Z\x0e\rjVV72\x8f\xfa&lt;\xfe\xeb\xd8NE\xbc9T\xf3\xbb]O?\xa3\xcc\x9e9|\xaa\xd8\x966\xffn\xc1\xc0\xcb\x9e\x06&gt;\x1d\x92\xb0b\xacL\t{\xdeT\x17B\xe1\x17\xc4\xe2\x7f7\xe9)\xaa\x8c;\xf5\x91-\x91_6Z\x84\xe6&lt;\xcd9[\x0f\xcf\xc7\x8e\xfe{\xce\xae\xbf-\xeb\xb7.e\xcb\x10\xdf\xee\x02\x91\x81\xd9\xa2w\xfc,He0C\xb7]-:^\xd1\xb3\xa7zT\xaaG\x92T4\x0b\xddN\xa3\x1a\n\xf6/\xfd\xf8\x83]\xe7y \xa3\x0b\xd9=\xb7\xa5\xafy\n\xc0$\xdd|\xc5P\xaf\xad\xc8\xb9"\xf2O\x9b\xb5,\xf2\x95\x9c\xdf\xaa(@\xad\xa6z\xf0\xbf\x1b\xb49I\x01X,d\xc6B\xf1\xb6\xd5-\xe5\xdd\x9c\x99\xd50\xfdm\xe3\xc9\x1bpo\x15X4\x83r\x99k\x89\xe7\xa3\x06X\x97\xff\x95\xfd$T\xbe\\\xb3\xd9jm\xa5&lt;TD\xe4\x07\xfa&gt;\xf4\xf3Y\xbfU[\x0c\xbdt\x0e{\x07YF\x15\xe8s\xcf\xb9*,\xeaj_\x98\x9f\x84\xcf\xeeK\xffb\xdf\xe2\x89-\xe4\xffx\xd7\xacy\x81\xd4\xf5=\x80\xfeX\x0cE\xb5\xccx\n\xed\r\xe7\xaa\xe8\xfe\xdd\x8b\xc6d\xf5e`\xdcUW\xfe\xd7\xea6\xb7l;\xa2\xcdU\xe4\xc8\x0b\xb3X\xc73\xae\xa2\x11\xa0\x01[\xbe\xae\x15,\xfb\x02\xd0-\x00\x0f{!e\x19@v\xaf}H\xbd\x94Z]\xe1\x87d\xce\x00\xcc\x8d\x99\xdf\t\\\xe5\xfdL\xa6\x11\xe0\x9f[\x980Tz\xe6a&gt;Wc\x85\xe9\xf6\xeb\xff\xf9~\xeb\\Qs-P(\xd2\t\xebRZ;=z\xd8\xb5\x04\xe8\x8b\xec\x18.I\x95\x9fY\xe2\xf6\x18R\xfb\xdbt\' s\x06`k\xc9\xa4\x93\xb4G\xb7\x8b\xa4\xda\xed\xf0\x05\x93\xe1\x11\x12\x83\t!\xa1)I\x1e\xa0g\xdd5F\x92\xa6\x17E\x9c\xd7\x8c\x10\x1a\xeaJ\x8b\rL\xf3n\xb5.cA\xf0\xd4\x0fT\x1b\xabp!\x15\xf4\xb3_\xec\x8e\xfa\xf9eY"\xee\r\xaa\xbbn\xae\xdf\t\x8f\xf7!\xa2\x95P\xf7*\xa6\xd9O\x01\xd5\xe3\x07\x0e\xcc\x92&gt;(\xde|"\x84\xb0\x84\xb0\xfc\x98vo\xde\xd0\x1fx\x9d\xf1:%J\xe8W\xc4{c\xf2\xb1&gt;[*\x96%\x0e\x16\xf7S\x82\xa7\xa6\xba\x08\xda\x9a\xec\x8bs\xeap\xe9\xb4Y\x1b\xb7K\x82o\x1a\x9dK\xe9s\xdc\xc5\r\x15\'L\xd0\x10\r\xbb[\'(\x17\x0f@?"\x7f}\xccs\x87&lt;U\'=u\xe1)i\x1a\xed\x8bE\x99\xe1\x1d6}\xf0\x86\x92#L\xaf$\td{\x0f`}\x8d\xeb\xfe\xaf-m\xb1YZ\x9d\xc1\xb304\xdd\xaeu\xf1\x00\xa8D\x855\xf3\x9dJa\x1c\xa5\xf4\xc5v\x01X\xe4\xa1\x044\xb5\xc5\x961\xffn\xc3\x87t\xc5J\r\xb0"\'\xe4\xd1\xae\x02\xc4\x8f\xd03|,(\xbe\xd0c\xdf\xef\x86\x03\xa6\x8aMg7\xd5y&lt;\xc8\xf0\x13\xa0\x16\xadWQt.\xd1\xb4C\xee\xb7\xc8\xc5\xf6\xba\xa8\x80=\x1cc*\xab\x85\x1ct\xa9\x8e\x893\xd103\xf7\xf9;\x9eZ\x83\x8c\x84\xacE\xed\x9cmz\xa20}\xbb,\xa8"\xe2\xadK\xb0\xa5-,[\xcc\xc3\xc0?N\x9fZ\xf6\x00\xb0\xfd\xc6v\x1bD\xf9\xec\xd5\xdf\xfc\x17?\xf1\xc7\x9a\xa9\xb0l\r\xee\xaf\x91F\xeaSK\x01pIf\xfeu\x97\xb5\'\x07s^\xc2\xe8?\x83\xd7\xb5\xfe\xa7\xb7Pc\xa0\x00\xb4\xa5h\x0c\xfe;\x1f\xae,\xcfiAq\\e\xf4\xa7]\x9ah:U\xd2k\x03\xc5\xfc\xae\xd1\x02\x18\xe0(\x1cB\x08)\x13\x80\\f\xdb^\xcf\xa3\xa2\x96\xd2\xaf\x90Mx\xf4\x10kj}\x8df$"\x9f\x1b-Bs"\xcd\x8ek\xf4!\xeb[n\xcbm\x99\x82\x89\xdb9cwb#\xb7\x91\xf7oRt\x16\xd5\xe5Nu\t3\xdc\x8a\xf3\xb2jq\xdcS|\xa3\x0f\x9f2~\',\xaa\xd7\x16`%6x\xc6%\x9d\x10B\xd28\xef)?\x8a\x08)\xc2/\x81\xdd\x93C4\x96F\xfd\xd3\xb5!\x12\xeaW\xcb(\xe4c\x8e\x9fZ\x00\xf6\xeb\x07.\x97\x90.;\xe5\xaf\xcb\xaa\x10\x11\xf9\xb6J\xed\xbc\\aR\xc5v\x1a\xdd^\xa3L\xa3\xb9\xdds&gt;R\x00\xd5\x16Q.\x9e6\xf6e\xafV\x83\x98\xe0\x95*jy\x1a\xa9,\xcb\xf2s#\x14\x1e\xf3\xb8\xfcS@\xdf\xb7\x9b\xa1\xe9\x9a\x8fhA\x96\xe5\xdf\x8e\xd2\xcbj\x1a\xcdA\xde\xc1g\xd4\xf6=\x83\x87/\x05\xd5\xc3\x91\x86\xea\xd0\xe8S\x07\xdf\xd0\xa0\xf1$\x01\x1a\xb5\xde\xb0q(D\x8eF"\xce8\xe9\x9a\x86\x8e\x1f\xca \xf2[\xaa\xb7\t\xb5H]\x96&lt;id\xb8\xa5\x84]\x14\xd0O\x89\x8f^.\x97\x0f\x8c\xc0\xc3G\x97\xe7\x85\xc3\x16(\t\xb5\xa8\xbbR\xaf\xdf.9\xa7\x80\x00*R2+V\xbb\xf6x4\xf0_\x18\x909C\x14\x1e\xc8I\x847\x81\x1bb`\x00P@j\xdf\xa4\xfb\xa0H\xd9\x85\xed-_6V\xd4M\xdb$i2\xc6\xc1D~\xb0L"h\x89\x89iZ\x06\xf2%u\xcb\x02"\xadJ\x80\xb2\x8e\x1e#\x8f\x14\xb6SQ0h\x84,\x8b|\xfbh!`\xcf\xc1\xe2\xe9(Q\xda\xa33MT\xcf_I\r\x8e=\x95K\xee\xd6\xc3;sx2PL_\x14-\x01\xb5V\xfd\xd6\xfe\xfeA\x8eg\xce:\x97\x05B\x08\x85\xaf\x91\x17\xa5\xd1q\xe1}\xbb\xf4X\xa5Q\xfa\xa0*\xb7\xce`\x08K}\xec08\xaa3\x03\xb7\x89\xc8\xdf\x1c-BM\xe63 \xd4\x07\x1fRD\x8f\x02\xf0\xb2\x0e\xbb\xbe\xac\xdb\xf4\xa1\xd0\x0e\xf9n\x16\xc4\xbd\x815;\xa3e\x8e\xd0\xe7@\xd5\xfe\xe6\xcb\rC\x13%\xe13\xbf\x8f\xa0\x10\x80\x12\xb4\xec\x01\xf4\t\xe3\xb0\xfd\xa3\xefs\xab \x95\xbe\x13\xe9\tC\xe6\x03\x003(\xcc\xb3\x16\xb70Vi\xbfg\xb4\x18\xd6\x11#G]\xbba(\x04&amp;\xc2\x93M\x94x\xd8&gt;\xdd\xf7\xcf\xfe\xe5\xcf\xd2P\xb2\x94\x98\xf2\x1d1\x1aR\xdd\x01\xb0L\xcd%\xa0\xa0&gt;\xd8\xe2Q\xb2\xb6\xf0\xf8\xaa\xe1\xed\x0f}\x94\\w\xc5i\xac6[\xeb\xabu\x8dS\xe1\x8b\xb5\xd1\x99+\xa4\xbd5{r\xd9\x97\xca{\x00\xd9y\xd3\x8d\xc6\x1b\xf2\xa2Z\xfd\x9e\x1a&gt;\x18,C\x97\xc7tx\x8834zo\xd2\x97\xb4\x9bJ\xd2\x05\x15\x9b\xc0.4\xd9\x9c\x83\x04\xf3\x9bK_\xaaze\xb3\x05/.\xc5\xbb\xa5\xaa+\x87\xb4q\x98(\x0f\xdf\xca\xd4@\xe4g\xb4o\xa7\x16\x0f\xffVS\x87\x0c8\xe6\xe5\x1a\xe8\xfe\xaf5\xe9v\x00\xd9+\xea\xf2\xd3I\x8f\xf8\x89\xd4\xf6o\xbf\x9b\xf7k0\x1f\n\xf6\x86\xde\x92-\x95\xc5c\x1a\xe3\xb9|\x1b\xcb\xb1B\x15v\xad\xc4\x83\x87\xf4\xe5\x9b\x1e\x87\x93\xba\xb4\to\x88\x1c\xf6\xf5\x14i\xff\xdcl\xff7W\x00\xc6/\x01\x85p5O\xd1?\x8byO\xb6#T\xf4\xa4n\x1e\x991\xdf\xfcJ\xf4O\xbe\xeb\xc3\xcf,\xcb6\x17\x0f!T\x9c\x81\xe75\xd4T\xd5u\x1b/\x1c\xea\x96=\xfc\xccU\xf4\xa4\xcf$I\x86owe\x90&amp;\xae\xc8s6\x96^o\xf0\x1a\xd3\xeb\x07"\x92\xad\x9d\xa7\x18+\xdc`\x8f\xfc\xf5&gt;\x06\x85r\x9evk\xccq\x1e\xd4C\xfcp\x1fq\xeb\xa3+\x8a\x11\x13\xce\xd2\xfd\xcd\xf6\xd2\x02\x00My\xb9\xbb\xa2\xb9{\x9cx|d0\xf4w\xe29\x19X\x00\xac\xd7\x9e\x13\xda\x15\x9e]\x01x\xdb\xfck\x05jM\xda\'!\xdd\x99[;\xebA\x9c\xe5\xee\x19\xcd\xe7B{\xb7c6\xa0\x9f!\xd6\xb9\x8d\x8e\xfb?\xb8=\xed\xf4\x193r:\xf9\xabF\x82\x95~\x13\xb8\xfa\x9c\xc0\xf1\xe0\xa2\x04\xb4a\x1d\x91e\t5\xabw\x92K\xb4\xc8 xd]\xc2\xc3P\xef\xc1d\xed\xc2\xbf\xb4\x00\\\n\xb6-bD\x1d\xb0\xb5\xb3{\x0e\xef\xa0V\xbdA\x16\x193\x89&amp;\xaaV\x0eg\xb4\xdaV,U\t\xd3\x1b\x8b\xe7\xa8\x9a""\xf2#\xa3\x85\x80\x1a\xe0\xd5\x00\x17P\x00\x9e\xb88+\x9dxZ4C\xab\x98\xa1\x96+~G\x95V\x00\xaa\xa2k\xba\xb1?\xf42\xf5T\xe8\x83\xf3\xf9\xe96\xa5m\xb1qrO|\x89\x8d\xda=\xb3[\x17\xb6\xd0u\x82]\xb43\xed\xa8\xb3d\xea\xc3\xa4I\x1bLdub\xe2C\xb0\xfa%T\x81\xbf\x18\xf3\xd7\xa3\r\xaf\xfdz\x87\xbcty6\r\xa8E\xe4O\x8f\x16\xe1\x02g\xb7R\xc3\xec\xe0\xca\xe5\x03O\x85*\xb4kV\xe5\x92w\xdb\n\x1d\x7f\x17\xd0\x13\xba\xed\x02\x99\xb0\xe4Z\x03\x86\x84S o\xfe\xdc\x82\xfc\x02\xd0\xca\x17\xb5&amp;\n\x7f\xc37\xe8J%\xc7\xae\x18w\xd5C\xb8g\x81\xf2\\\x0bE\xee\xdfRj\xfc\xa8\xcc\x02 U\xbf\x17\xb8Gg\xfe/\xec\xaf\x88h\xd8\xdbv\x102[\x0f\xcc\xc5\x7f\xd8\xfeQL\x95\xbeWi\xe4 AE\xb4Z\xa5N\x94\xe7\xc6s)\xba\xf9\xd7\xd1RO\xbf\tsN\x01h\x1a{.\xb7&gt;\x94,\x80\xe8\x90bY\nnZ\xbe\x7f\x1fYOg\xa2)\x14Ya\x97\x9f6\xba\xe3\x87\xac\xd9\xf7\xe3VL\x0e\xe7\xb2vS\xf6\xeb@\xff\xfdUq\xffWKnl\xb4G\x91\xda\xac\x16u(f\xd3\xa7\x03Me\xb8\x1c\x1e\xf2\x8ew\xaaLRX\xff\xd76\'\xb7g\xf5\xeeg.\x01\xb5\xfa\xd8wr\x83\xea\xc6D:\x89|9K}\xba\xcc1\xb7\xfaN\x8d\xe10ze\xfb\x87V\xf4\xcd\x82\xba\x92\xd1}\xd5\xe6|B\xfa\x8f(&amp;\xe0j\xad\xd3\x8c\xc2\x9f$\xb5!\xb4\xa9\x08|}w\x01\x06\xb2\xd9\xa2\x9dQ\xd4\x1d\x03\xbd\x81\x17\xc2#\xaf\xc1`f0h\xa7\xc4\x96\xc4\x9d\x91\x1e.K\x97"wx\xeaC\xe4\x8f\'\xb4 \xb7y{Siu\xc5\xd0CW\x15\xeeye!-\xef\x9b-o\\\xae\xaeF\xa9x\xb7\xcf\xe1\xb3"\xbbp\xf7\rk\x8ea\xe8r\xa4Kg\xb0\xce\xd3\x96u\xab\xa7,5\xef4kj\x14u\x96\x96z\x8a\x1b\xcbGG\xc2\xb2\xe8\xbap&lt;\x9e557.`K\x8c~\x1cx\x85\xa12\xe0\x95\xea^\xf4.5\xef\x0b\xc0(\x97\x8d\x0c[}K@f#\xfc\x89U\xfb!\xd8\xcbY\xfbiX\xeb\x13DI\xba\xf9\xac5M\xee1,\xba/*\xc6c\x08\xe1\xd0\x83\x9ff\xb8\x91\xad\xad\x97\x85\xd4Z\xef1\x97v\xee|\\\x84T\xbb\xd9\xc4FM,\xdb6:\x8c\xbbo\xdc\x84\x1e\x92\xf8\xb1\xd1\x02\x80\x06Z\xfbv\xc6\xedO##MU\xa8\xb7H=.\xd3\x99\xc8\xcf\xb5z\x1b\x83\xabg\xc0\x0b\x87\xb1\x1f\x93\xa0\xfbG@\xe7\xdb\xaa\xf5-\x01\xd5\xe3I\x8f\x86\xe7D\xef\t\xe1\x1b\x9a\xf6\xcb\xa1\xca`2\xdee\xd3\xf3\xb8\xd9N\xc4v\xae\x01\xc3\xb2\x94\xb6\xd1q\xe1\x80\xfdcAMQ\x8f\x0c!\xbb\x7fN\x0b\xbeS\x8b\x930\xec\x13\xa4\x19\xc9d\x92\xd4q\x9f\x01t\xb9{.\x87&lt;K\x0c\xec\x8a\x83\xb7i\xc2\xee\x9f}P\xa8/\x95\xd1\xd0\x1b\x85v\xc9`\xdd\xadM\xcao\xf1?l=\xd8\xf5";F\xcbb\t\x14\x06=\xd9\x82\xf4\xf7\xe7\xfen}\x99\xc0\r\x8d\\\xa4\xb0I\xbc\x16`E\xe4\xcfe\x0f\xd4*\xc6\x11!\t\xfd\xc0\xdb&amp;D\x9b\xd1\xf5\x8c\x9eE\xbes\xf8X^\x8b.\x00\xbc2\xed\x8a\x9c\xa8\xdc\xdaQ%O\x92[(\x92\xbb\x18\xd3}\x19\x7f\x0ct;\xaecZ\x8f\x86\xd84-o\xfe{Wa\xfa?2\x8b?\xb3|\\[\x81\x96&gt;x\x92*~\x8fUD&lt;\x1d\xb1jqV`\xa2t\xf8S\xcd^\xfb\xaa\xd8\x9a\'\n5s\x7fGl&amp;\r\xb7\x18\xa3XW`\xb6B\x9c\xb9\x8e\xda\xde(\x15\xeb\x95\x16\xd9\x7f\xb6\x0c\xd5\x9f\xa9\x94\xbbw\xa7\xc3\x9b~\xf3\xda\xac\xd1\xcc\x00\x14J&gt;*\xde\xab\xbf0_\xb1-}V\xea\x05\x05\x00\xa6\xa5\xb5\xdb\xab\x8d\xacQ2\xe9\xd4\xc6\x12\xb7k\xf5\xa9\x8f(\x9dQ~\x077@#\xd4&amp;\xa3\x0e\x8c\x8aU\xb5Y"D\x14E\x9f\x05\x00:@\x8dT\x08\xe6\xa8\xcep?_/d\xcf{\xfe\xa5\xd8\xe3O\x01\xa9\xe2&gt;\xbd\x1dt1\x86\xda\xf9u61=r\xd6\xe5!\xa0\xc3F\xbc\xde\x91\xd3;HE(\xeb\x9d\xf0\x97\x7f\x97v\xafR_%\x1d\x89\xfb\xb1:\xc2x4\\\x0c\xf7\xad\xe9^\xbd\xef\xaf\xeai\x8d\xbb2o\xcf\xa1\nC\xb6\xc4\xeb\x9f\xec\xbaj\xf3\xa2\x1ay\xcc {\xc3\xba\xec\xe0\x8a\xec\x18-\xcb\x00\x9a\xf6\xba\xf9\x12\xd0\x9c6\x83\xba\x0bh\xb2{u\xe8\x9dG\x9d?\xb1\xff\x82^\xd75\x02\xe7Q6\xf5\nHS\xd7m\xbf\x07\xf0\x1dS\x1bO\x0f\xfd3`\xa3\'\x9a\xd9\xe7l\x9f\x94\xcd\xa8\xa2\x8c\x10\x96e\xf9C\xeb\x9f\xa7\x9d\x07\x00\xdcI\n\x83\xa61C4j\xc0\x99\x15\x0e\xbb3\xf9BP#\xa6\x18A\xc0%yg\xdd\xd6\xcbq&amp;\x19\x87B\x1fN\\q\xf8\x89\xcc$\xf6\x85J\xad\xcc\xf5\x97\x80\xa8\xcf\xb6X\xad\x95\xf9=\xb8\x0fS\x8f\x1a\x97\xe1ls\xf1\x19\xa5i\xf4\x92T?\xed\xe6\xd8\xf5\x0b\x80\xdaZ7\x0fi\xdeS\xe4j\xe3\xf3/5\xe0\x1cO\xfa\t\xff\xcfjzI\x95\xba[7=\xbc\x08\xc6\xb2\xe0\x13C\xf6{\x07\x1c\xb3\xb9\x19\xdddF\xe8\x86\xad\x8c\xf9\x1a\xc8v\xa3{\xd3|;\x13\x94\xeb\xe5^\x00\xec*\x1a\xca\xc8\xf7\xce!y\x7fe[\x0e\xee\xf9|\xf9j\xbfgM\xceS22\x9a\x9a\x9a\x07H\xb1Z\xee\xc2\xd9\xda`\x19\x8ed\xdd\xceak\xd7T"D\x95A#p\xdc\xb5\x84\x18\xcb\xa6\xb7\x99y_\xcdc#\x0f\x19-\x84\xb0~\x86g\xfb\xd7\xd2\x07\xd4\xc6\xba\x1fZ\x95{8k*7l\xf9\x08.\xd3\xc4\x16\xae\xae\xd5\xe0\x90\xeai\xab\xa2\'\xdc"\xeb\x83\x10\xc2\xf6_T\xb9\x99\xb8\x08\x7fn\x03\xcd$,\xe9;;\x00p\xc5\xfe\x12\xe35\xc1j\x88\xb5\xc3\x92I\xfc\xc3\xd4\xf0nN$\xdf:Z\x00\x07\x8c\xfd\x10\xa9W\'\xa7\x86A&gt;\x8f!Q4\x1f.\xdfK\xb0\xbe\x1a{\xc2\xa8\x8d\x96\x81\xbc.?\x8e\xb5o\xd2\x1aW\x8b-\x96F\xd8\x90\x12\xd4\xb2\xab\x01V|\xde\x18[\xe23\x94V\ny\xca\xb6J^\xa9\xddNpx\x1ajxx\x0f\x00\xdaq9\xf3\r!|\xac\xcf\x0e\x9e W\x99\xa4\xab\x9c\xe6{H4u\x18\x9as\xc3c\xd2W\xe8(\x19P\x00\x1c\xd29\x89\x85eY\x96oQ2 \xf2\x11\x96{B\xd8\xf2N\x90\xdf1X\x98&gt;\xdc\xf6~7\x8f\xfa\xf8W\r\x1ev\xff`\xe0hI\xde\xe1u\xbb\x02\xcehdr\x13{\xbc\xf2HaS\xb5\xa4\xaa\x8e^\xc9\xbc\x10\xa9a\xfd\x86\x88wcf\x00^\x18}\xf9\xfe\xb0\xe3\x19\x95\xdbS;\xb0[\x16\xdd\xf5\xc9:\xb2\xfb\xe8\xd09\xaa]$\x11\n\x80\x13\xda9\xe5\xc0\xfb\x1ebx\x92\xacPT\xc5\x1d\xd52\xf2\xd4!\x85C*V\xf7\xf8(\xd0\xec\xef\xf9X&lt;\x9a\xe2\xe9hAgd[\x97\x1d-Ik\xb6\x83@\x03\x0f\x86:~\xfd{\xac#\x89H\xffg\xbb\x9f\x01\x98\x19\xaf(\x1fh\x1b\xc0\xfe\xfa\x88\xc8\x97\xce\xb71\xee\x17L\xf6\x12\xe9-\xa3}\xb5\xa1\xb5G\xfa\xd1\x8fw~\xdexGj\x84\xe3q\x8a\x1e\x94\x9cLWrN\xbc\x16\x9a_\xfb\xb2u\x9ba*\x83\xdf5[\x96E\xb1\xe9\xed\xa1\xff\xf8\n\xd4e37v\xd7\x03a\x08\x00\r\x11\xf9m\xa3EpNa\x12\x1fR\x00\x14V\x1d\x85"\x01\xdc1q\xea\xff\x95W\x81\ru\xc1\x84\xa8OoZ\x18\x90\xf8\x91\'\x91[\xf4 \xa6M\x85\x9as\xbf\t\\\x13\x85\xf6;D\xe4\xf9\x83J\xe9-\xd8\xe8\xe9\xca\xb6h\xbbImi\x91\xda\x84\xa8\\\x83\x1c\xc1e\xd0)t\xcb\x91\x05\xc0\xdc`B\xa1\xfd\xde s\x9e(\xb2\xd8g\x13"\x07\xcb\xa7\xd4~\xe5\xcb\x7fi\xd8\x91\xd1\t\xcdRN\xb5"\'Db\xc6\xf3\xba`\'\x10\x13\x10\x9b\xfd\xb2(s\x1e\xfb5:s#l\x00?$\xc5^\xe70m\xbd\xa3K\xde\xd1\x00\x05\x00\x00\x0e /\x1c"\xf2\xaf\x13\x7f^\xb5\x1a)\x000)\xf2\x8d\xda\x83s,\'\xa9\x01\xad\xad\xac\')FK\xf1@\xaa4\xca\xc4\xef\x8b6\xe3=\xa1\\&lt;\xeb\xdc\xceA\xa1\xe47\x14\x9d\x10\xab&amp;\x85j\xcekd\x7f\xefZ\x1f\xfaKz&gt;\xd2.\x04\xbf\x12\x06\xc4\t/\x037\xa6\xc4\xa6\xf1\xbf6\xdc|\'\x024z\x1f\xe2\xac\xe4\xa4\xbf\x83\x119\x83q\xf8\x1e\xc0p\xd7\x81\x95\xcd\x0cM\x8b\xc0\xda\xf8~P&amp;\x1fw:6{\xe6\xa4T8\x02\x14\xfd\xfb\xc3\x8f\x9c\xf6\x17`=h{\xa8\x9f\x8f3\xb8I\xe9z\x17\x0b\xefqX\x00\x86\xbb\x0e\xac&lt;|C\xb5Y\t\x08!\xac\x99i\xff\x1f\xa5\xe5\x13K\x10\xf9\xc2h\x112\x91\xe8\xef\xa5\x9c\xb0\xa6\xb1\xc2V\x86\x8f\xf0v^\xdd\xa0\xf1\xdd\x9f\x9fFN!\xc4^\xc3\xb7\xff\xbdsu\x91+[!~/MLb\xf3\xbf\xd6\xda\x10\xf9\xc6e\xf9_}\x9e\x95\x8d]\xafx\xca#\xf1\x99(\x84P\xb7\xd72\xfa\xcb\x19\xbb\xe1E[)\xf2z\x9ag)\xf0\xc9\xf0\xe1\x92|{\xd7\x9d\x00\xb6\x7f\x1a\xb1Wl\xd2R\xfe\x1fl#L\x83V\x13\x9e\xded\x13\xa0\x12\x19\x1b\x17\\\x02\xae\x00\x00\x10\xbcIDAT\x06\xa7\xcdUh\x03\x861\xdcI\xf5\x06\n\xa8$\xc6[\x86\xbb\x94\xe6\nPY6\x8d]|\x8fZ\xab\xd4\xc2\\\xf7\xdc[d\xc3wO\xa5W*\x88,\x00\x1d$\xb9\x90a\xb4\x00\'h\xd0\x0fL\x8d\x9el\xd8q\xf5\xa9\xcfs\xc6\xa0\xc7\xa0\xa9\x18\x15\x1b\x00*`5o)\x03%\x02\\\xe0/\xd7\xd8\x1d\xf7m\xd8\x96\xde#\xbdo\xbe\xc3\x07\xde\xe3\xf0=\x80\x91p\xe2J\x1fvMb\xbd\xf4&gt;q\xbf\x9f\xa3\xef\xa8"\x1c\xf9@\x86\x00\x86\xae\xc2\x8e\xbf\xac\xc2^\x01\xd0l\x83CW3\xcd\xf9!\xe2F\xb6HjT\xf3y\x8cr\xdctL\xc4\xfc@|\x8d\x04\xf9\xb5c\xa5\x88b\x0bZCE+\x8a!\xd70MNgm\xcb3\xb1?\xdfE\xba&amp;\x9c\x08o\xba_O\xbc3j\xbc\xf9D~\xa6\xa2$U\x9ajD\xb9WG\x86\x90\xb5\x19\xc0\xe8\x97\x00/\xd1\xeeY:8\xf1\xce\x07\xe3Z\xfd\na\x02r\xbb\xbf\xe8\x87\xe4/\x1e\xfc\xad\xf2\xfe\x7f\xb9\xd8\xe1\x93~;\x84o*x\x94\r\xf4\x17\xa7g\x8c\x89[\x8fi;^\xc8\xe5\x08_D\xbe\xb7\xbfX\x83\xe86\x83i1\xcfH\x9d\x91\x1f\xfe\xb0\xbd\x94\xf7\x81H\xfdU\xad\xb4\xf9o\\kU\x04\x03\xa8\xc3\xe6\xda\xef\x1cs*\x8f\xd5\x10\xa2%IY\x83\xfc&amp;8\xd7\xd2&gt;\x1c*\x16\x00\x00\xa5x\xdb\x9e*\xe0\x9d\x1e.\xb5SK\x81\x87\x05\xe0\xfb\xa3\x7f7i\x06\x90"\x97+N\x14\xe5\'\x16\\t\x02z\xa0\xca\xe9u\x8e\xb6.ez\xbb\x86V\xfe\xdc6\xea\xd0\xa9\xe7\x99\xa9\xbc\t\x1c*E\xb5\xc8_\x13\xf9\xfa\x82_\xef\xe1d8r\tA\xfd\x0e\xe7\xca\xc0\x84u\xbe\x05~&amp;X\xd1\xe9\x91\x8f\xa7g7q\xfd\x08\x9fE\x80\xeaV\x8d\xc2\x91B\x0730\x961D\x8c\x9dZ\xec\x916b\xf3\xbc\xeaN\xb86\xd6\xce\xb7\x95,m7\xed]\xccO~k\x8b\xc7;#\xd5H\x9bg\xfd%}\x11\xbb0]hIk\xdd\xce`;y\xa1\xf5\x83\x1a\xb5?P\x86\xe1\xfd\xca\xe0\xd3h\x01\xde\x92\xba&gt;p\xfb\xf0\x90\xca\xec\xbf,7\xb1L,z\x14"q\x9f\x7f\x12\xa9wqF\xcd\xb6\x0e\xf0o\xb3\xc9\xb8}zw\r\xc9\xaa\r\x9b\x1b-X{\x11\xec\x945\xef\x84\x10\xb8\x93G9\xb7\x97\x9f*\x95\xea\x19\xca\xaaQ^\r|\x0f\xd2\xa1\x84\x06o\x19\x8e\xee\x13@Kj/7\xdb\x9b/\xfb\xa6\xc5\xba\xc8lV\xee\xdc\xd9\xd9\xd4\x0b#Q\xe2jJ\xc4\x80H:\xa4\xa8\x19&lt;\xe2\xb0\x8f\xe5\x05@\xef\x1e\x00\xc0!\xf1\x13\xf7\xc8\xdd\x08\x9d\x88\xfak\xaf")\xe9\xc2&gt;\xbb\x9d\xb4c_IglJ\x10\xa9\xef\x0f\xae\xf6\x00L`w\xce\xa6\'\x19\xadW\xca\x8f\x96\xa2\x07\xb2\xed\x96\x8c\xee\xefg\xc6&gt;~\\\xe0\x8c\xd5\xfby\xa7C(\xdd\xc8\x18P\x00n\x17H}\xb1\xff\x93U\xb0YlxH_\xa2V\xc0\x10\x14U\xa3Fl\x1d\xdc\r\x00G\xda\xe3\x17\x07&gt;{\xa3\xbb\x06\xfe\xf6\x88\x87:\xa7\xdb\x89c\xe5L\xd5\xf1y\xcd\xfc\xc1\xdfI\xff\x15y\n\x96\xfaBid\xdfQ\x97\x89"\xa9#[\xc7_\x7f\xe9P)\xa9:z\x18F\xad\x0fj=\xb6z\xed\xff\xe1\x13\xd7N\xbb\x1f\xe8M\x82\x9b\x15\xed\x0c"\x17\xb2O~=\xee\xbd\x8a\xdb\n\xf1\xeb\xcf7~M\xa2!\x85\xaa\xd3C\xb6\xff\xbf\xfb\xc5C\xcdl\x85"\xfeAOK@\xc7\xa5\xa6"/\xd9\xff\xed\x1a\x96ak[\xa3\xc3\x92\xba\xe9\xe8\xadF\x96\x12\x12T\'[\x15(\x7fl?NF\xf7\xf75n\xe5}\xb8\xa2\xba\xff\x1f\xae\xfe\x87\xf4]\x81\x83\xc2\xd24Vc\x87\xff\xf7+\xa9\x8c[\x1e\xa6\'c\\\x96\xf9 \x9b3\xe6\x99g\x87\xe7t\xf0\x9c\xdeJ?,\xf5\xfb\xee=\xff\x00~\x01.\xa8}\xeb@W\xfc\xad\xc7Z1G\xeb\xea8\xf8\x18(\xd76\x80\x93\xad\xbd+Z{y\xd3E&lt;\xfd\xe7\xd6\x8a6?U\xb2\xa5\xfe\xa6uwd\x01\xb8\xdd\nr\xfeC\x8a}\x0e\xaa\xa0?\x14\x95p\x99\x7f\xb3\x13\xb4\xc8u\x9c\xb5\xceD\xa5L|R\xa8\x84\xde\x05`\xf3\xa1\xb7{\xbf\x9a\x9d\x0c\xaaR\x18\xb3\x9e\x02\xfe\x89\xcb\x95\xd2\xc3\xbf\xcd\x8b\x1d\x11Y\x1e&gt;Ik\x8fM]d\x8fT\x86\xcd\x00"C\xf7\x9dE;D~\xff\xe4\xe28\xa3\x9d\x91\x1d\xb3m\xa2\xbd\x8f\x01\xe4\xca\xc1^\xff\xae\xa2olO7\x94:/\xbb\xaf\xbf\x0b\xf1t\xeb\xcb\x88\x02\xf0.\xa7\xbfd\xc0\xf3\xd3\xaf\xads\xe5?\xcb\xb5\xc1el_\xfc\xfad5 ?\xff7\x8a\x93&gt;e\xf81\xff&gt;q8\x98\x7f;\x18\x8a+Z\xfb\xe0\xba7T\xe3r\xe6&gt;\x1e{z\x17\x90\xee\xe5\xa9,\x92z\x94=v\xd4\xa5\xb5\x87&gt;\\)\xe0\xf8\xcc\xb3\x0e\xf2\x0e\xe4\x19\x1a\x8eUa\xe6\xf3\x7f%}\xdf{\xfeZGb\x9a\xda\x05WM\x95\xcf\xe6\xb4\x8d(?\xc2\x9b\xd7\x82:\x9b9H\n\xd9g\xe6\x88%H\xe55^\xde\x1dp\xec\xe0]v_9\xae\x88\xad\x0c\xa6\xee6P\x0f\xb39\xf9\x8de\xbfo\xbc\xfb\xd0\x91\x83x\x19\xb7\x84\xf8.p\xcb\xd7\x88n\xc7\x05\xbe\xaf\xb0\x99\x1e\xec-\xf2t\x9b\xd3\xd3O\xce\xb6\xd8\x0b\x17L\xba\t\x0cUy\xe7E\x03\xbd\xabZ\x01\xa8*~\x9f\x83$\'r\xff\xd6\xd6\x8f\x07\x80\xd98+\x00\xfd\xa5\xa9Wx,\x8e\x8d\n\xcf\x83t\x80\xd5\x06\x00o\xb4X\x8b\x7fJd\t\xdfe[\xbc]#\xe1\t\xac\x92@\xf9N=\xd4\xa2\xcf\xd5\xe5\xfa\xe9yp\xe0\xfc\x886\xa4\x92TS\x1b%\x1fu\x9b\xc0\x00q\xa8\x9eY\xbb\xc4\xc3\x01\r\xb3\xa0\xf9\xf1\x90r@3\xca\x97\x9b\x87\xa3\xed\x90\x85.i@\x0f\xfa\xf7\x8e \x8f$\xa3N\xeb\x03\xb1/6\xa76\xab\xac\x00\x00\x1c\x83\xa7z\x05\xb3^\xd2\xf4\xfbt\x9d.zj\xff\x89=\xf0\x0c\x05\xc01X\xd6\x16X\x0b\x06@\x96\x00\xd0\x00\x05[).\r\xe3\xb2S\xf0\x8e\x81of\xd9\xf5\xb4jo\x96\xf5y\x19\xb8\xf5\x03\xca\xe0\x18h\x0f\x92\\\xd6ndB*\xff~\xb4\x00+\xfa]\xaeI\xd1\xeaq\x15\xc4Ov\xba]\x1c|`zh\x06Vx\xca\xa6\xfa\x1d\xae\xc5h\xbdE\x83\x9b^\xb7\xc6\x95\x873/\x17\x008!\xe9\x06\x081uk\xb1\tz\xbe\x95]\x0b\x96\x80\x00FRul\x9b\xdc\x8e\xf2\xf1ik\xeav?\xd4\xf8\xbc\x1a\xc4\xd2\xedm\xa9\x16Oa\xa9\x07R\x91\x1d\xc7?\x90\xe8\xab\xfe\xb6\xa6\xfeM\xe2\xcf\x13\x86\x86\x8b\x95\xe99\xec\xcd\xed\x8cJ\x0f#\xa8\xbe\xc2`:\x82\xaa\x80\x06\x0cc\xbaz_\x0c\xe5\xacv\x0b\x8ca7\x82\xe0\x12\xff\xc65\xdd\xc3w\x05\xc0ta\x03+\xe0f\xb0\x98\xde\x04~:ne\x94\xba\xf2[\xd7\x06\xf4\x01?\x99\x87sK[-\x00\x8e=8\xe6\xd6u\xf9\xd1&gt;\xb2\x00x\xc6q\x1aY\x11\x11\x9f\x0b\xca\x97\'"\xbcr\xde\xdb\xb9t\x01\xc5\xcc\x16&gt;\xa6I5\xd6z)\xe9\xf9oY\x9d\x01\x84\x10nG\x98f\xdb\xc1?\xb5\xe8d\xba\xb8C"\x03x\xe1:(\xa6\xcd\x18&amp;Yw=\x16\x0e\xae9\xa2\xc5\x07\xdc\xe3\x9e+\xb8\x91o,\xbe\x99\x0cg0\xce\xb5\x85D\\\xf76\xe12&amp;\xf4AR\xbd\x0b_l\x01\n\x85\x13\x08:X\x19\xe2\x06\xf7=\x80\xdd\xf5u\x95\x9f1\xb9ww\x98}%\x97zPC\xea\xf4\x1c3;c\x1f\xbc\xfdM{\xb8\t\\\xd9\xc7X\x7fjN\xb3\xe2\r\x1dH^\xa2-3\xf3\x9c\xc7\xe7\xd4\xb2\xb7}\xff\xb5z\xab\xa7\x80`\xcf\x96A\xd8\xec\x19H\xbf\x94Z\xf5. \xe8\xc0\xb9\xaao\xf1;"zo\x8f\xdc\xcb\xc7\x961\x80ov\xf1&gt;o\xb8\x8bH\xb7\xce\xab\xbdu\xee6\x03P(\x19\x00\x9c\x93=\x82\xbf\xbfF3\xf1\x9eB\xbb\xa4\xf7z/\xb7\xda\x04\xfbiy\x92U\xab\xa0\x00\xfa\x91\xbe;^%\xc1\x1a\xc2"K`\xd7\xa8\x05\xebwa\x9e\xfe\xe3?\xbf\xbc\xdfe\xd4,\x81\x1d!\x00\x13|\xb1A\x9b\x84&gt;\x80\x16\xaaTb"\xda+\x0c\xd4\xa0.\x9c\x02RG\x85 \'M8E\xedRr\x0bX\x99\xe8\x00\x05 \x81\x0e\xce\xb8F\xb8\xfc\xf7\n\x8d\x00\x1cb\xe2=\x00\xe5\xe2=\xb1\xc9jKlH\x03\xeb\xc2\t"?\xac\xd6?v\xef\x9a\xfe\'\x1b\x05\xe0+\x96f\x00\xbbk\x14l\x08\x0cQ&lt;\xb9 \xd6\x85\x13\xd4&amp;\xd6\xa7\x9bB\x14J\x08\x8d\xb8\xb4\xf5\xa7&gt;r\xf8\xa0\xe7\xd2\nW\xb9\x1a\xe5\x97\xab\xb7\x17\x1e\xe5\x95\xa7S\xc8\x9d*=\x03\x8a\x16\xa8\x1dN\xc2;4[\x0b_r\xcc;\xcb\xae_\x04;\xff\xdd\x896\x81\xad\x05\xc0\x0f.\xcb\xc2Mz\xb6\xc0Z\xa0\x87\x10\x98\xedA"\x0c\x15\x01\xe6a\xa2\x19\x00@k\x1cW\xce\xc3a\x01\xc3\x05\r\xd44\x01K\xcf\x00\xd98\x8e\x9dw\x05\xa0\xbf$1\xb40\x84\xd6\xbeV\xc5\xb1\x07W\x04\x05\x81-\xe4\x0bz\x93u\x0b\x18\xc8F\xc2\x16\x01\x80[\xa6=L\xbc}_q\xb6\x8e\xa7\xe2s\x0f@\xba\x9c\xc9\xd30\xc4\x18.\x00\xe8g\xc2$\xb8v\xb8n\xc7+\xc6Z\xcc\x01\xcd\x88Ff\x8d}\xd9q\xf23?\xd5E\x8c\xc6\x0f9{\xfa\xa8GCu\xb0\xa6{~\xa2v\x83S{\x0ck|3\xf7\xdd\x1fF\x9d\xf9\xd7\x8d\x16\x00\xe6\xe5\xf5\xbbk0\x10l1!\x18}\x08h\x1d\xd4\xc1\xady\x13\x82\x995\x133\xad\xe428\'\x88\x9a3\x0f$\x85y\x18\xefm\xf0\x1e\r\xd9\xc0\x0c\xd6\x07\xadF\x17\x91\xc148\x9cu\xea\x1c\x03\xfd+UZ\x19\x8a\x8fjI\r\x80n\xe0l\x9aYO\x9a\xf6\xbb\x11Z\x897(\x11\xa3\x1cI?\xe9\xb4\xfe\xec\xfa?\x80i\xd1\x93\x8e\x06"_\x9a\xb2\x00\xb8!\xe2U\x877\xbf\xc8!\x01\x18\x84\x92&lt;\xf0\xef&gt;\x06C\x00\x07Xq\x0c%\xe1\x04\x03\xb1\xe5\x00zNf\x13:`\x1e\x13&gt;\xac_B\xd3Xp\x01HCDD\xfe@\xce/\xc6\xfd\x15\x1e\x03\x00\xa0\x91FW\x18d\xbf\x85\xe3\xf32\xb8\x85\xf5\x13\x00PF\xbb\x8c\x14B\xc8\xab\x01n\x0b@\x08\xc1\xc7\xc9N\x80\xd6T\xb9\x9c\x12\xe2\xa9\x9e\x9aV\xf3mF\xccl\x1f\x17\x00\xb0KI\xfc\x96\x14\x00f\xdb\x91H\x17]%\xb5\xff\xe9\xf9\x17\x185\x03\xd8a\x7f\x05\x08\xa1\xab\x9c\xd0e\x90\x9d4\xfcw\xbb\x04\x04s2\xddP4\x84\xa5\xb8\xd7"\x7f\xafdQ\x82\xe5\xd6\x04\x14\xea\x8a\xf9\x1bx\x02o\x06\x00\x9f\xc8\x9f\x1c-\x01\x00@u*\xceC\x1cOi\x06vm\xacV\xddZ\x14\xe2\xf0\x14\xd4\x8d\xde\x06\xc8@\xd7\x1e@\x15\x8d&lt;\x9d\x88\xb2\xceSG\xc6. \x8e\xd4j\xfc\xa5x\x9cK\xf1\x88\xba\xa5s\x17\x8c)\x00\xedB\xd4Y\xd8\xeb\xea\xcc\xd0\x08\x8c\x8f\xff\xb0\xfd\x03*\xf1\x1a\xad\xce\x02\xad\'w\xc5)(i\x0f\x05\xa0\x9bI\xc3\xb2,!\xbc\xf6\xbf\xbc\xc8\x9f\xb7`\xcfk5\t\x1c\xda\x8f\xc2j\x19(\x04\x15\xd1\xa5\x93\xd4\xb1\xd7\xf6\xc3\xfb_d&lt;\x9e\xcd]q;3\x8cJM\x8f3\x80\x8e2\x84\x97AZ=\x97\n\'\xad\xfd\xd7J\xcf\x18\x8e\xbdbvJ\xf5\x19\xe1l\xf9)^y\xe4nElf\xc3(\xed\xf85\x9av]\xaa\xd0\xf5s?\xed\xd9}\xfc\xc0I\x8f&lt;\x81i\xf2@cZ\xd0\x90_\xaa?\xddML\xb66M\xc5\x93\x05\xd3\xb2u\xff\x0f\x8f\x95\xa3\x01\x8d\xec\xea&amp;&lt;= \xf2\xfd\xc3\xed\xa1?\xc7\x8d\xa2\xe9lf\xb8\xdd=1z\x10\xd5\x84\xa6\x8e\xe7MY\xb0\'\xf9c\x8d-\x0b\x80cW\xcb\xeb\xd8VW&lt;\xab\xa6/\xfe.\rm\xda\x9d\xfd\xe6y\xbb\xa7\xc0\x18\xf4|\xfdnQ\xf9\x01\xbc\xe1\x89\xf7_,\x14\x00\xf0\x06\xee\xac\x05\x7f\xa3\xa1\xea\x88|y\xb4\x08\xdcs\x05\xa5\x88|&gt;\xeb\xb7X\xd2t\rV\x00\x98\x01U\x19\x97\x02\xa0\x02Y\x96\xdf3Z\x06\x00\xe8\x009\x17\x00\xe0\xcel9\xd1qgu]\x06\x07\x978\xf6\xc5\xd6\xc87\x8f\x96\xc0\x0b\x16\xdf%.\x8c\x9bnQ\xa77\xc0\xd5\n\x96\xc4\x97G\x0bP\xc2l#\xaf\xba\xa0\xbd\xba\xa8:\x08\xd7\x94\x0e\xbd\x1c\xa5I{\x95\xbc\x04\xd9}@\xd5"\xeb=\xd7\x85\xf2[WB6[\x8cM\xd8\xf7\x16\xac\xde\xb8\xa0O\xcbL\xb8\x04d\xd8Y+\xde\xc79\xe1p\x98&lt;U\x97U\x9bh\xd54s\x19O\x8a\x87\xcf\x1a(\x1c\xc9&gt;\xe5}\x07\n\x01p\xc0\</t>
        </is>
      </c>
      <c r="E2" t="inlineStr">
        <is>
          <t>&lt;class 'numpy.ndarray'&gt;</t>
        </is>
      </c>
    </row>
    <row r="3">
      <c r="A3" s="1" t="n">
        <v>1</v>
      </c>
      <c r="B3" t="inlineStr">
        <is>
          <t>steps_per_sec</t>
        </is>
      </c>
      <c r="C3" t="n">
        <v>100</v>
      </c>
      <c r="D3" t="inlineStr">
        <is>
          <t>2.4720843</t>
        </is>
      </c>
      <c r="E3" t="inlineStr">
        <is>
          <t>&lt;class 'numpy.ndarray'&gt;</t>
        </is>
      </c>
    </row>
    <row r="4">
      <c r="A4" s="1" t="n">
        <v>2</v>
      </c>
      <c r="B4" t="inlineStr">
        <is>
          <t>Loss/object_center</t>
        </is>
      </c>
      <c r="C4" t="n">
        <v>100</v>
      </c>
      <c r="D4" t="inlineStr">
        <is>
          <t>1.447577</t>
        </is>
      </c>
      <c r="E4" t="inlineStr">
        <is>
          <t>&lt;class 'numpy.ndarray'&gt;</t>
        </is>
      </c>
    </row>
    <row r="5">
      <c r="A5" s="1" t="n">
        <v>3</v>
      </c>
      <c r="B5" t="inlineStr">
        <is>
          <t>Loss/box/scale</t>
        </is>
      </c>
      <c r="C5" t="n">
        <v>100</v>
      </c>
      <c r="D5" t="inlineStr">
        <is>
          <t>0.13111402</t>
        </is>
      </c>
      <c r="E5" t="inlineStr">
        <is>
          <t>&lt;class 'numpy.ndarray'&gt;</t>
        </is>
      </c>
    </row>
    <row r="6">
      <c r="A6" s="1" t="n">
        <v>4</v>
      </c>
      <c r="B6" t="inlineStr">
        <is>
          <t>Loss/box/offset</t>
        </is>
      </c>
      <c r="C6" t="n">
        <v>100</v>
      </c>
      <c r="D6" t="inlineStr">
        <is>
          <t>0.36740452</t>
        </is>
      </c>
      <c r="E6" t="inlineStr">
        <is>
          <t>&lt;class 'numpy.ndarray'&gt;</t>
        </is>
      </c>
    </row>
    <row r="7">
      <c r="A7" s="1" t="n">
        <v>5</v>
      </c>
      <c r="B7" t="inlineStr">
        <is>
          <t>Loss/total_loss</t>
        </is>
      </c>
      <c r="C7" t="n">
        <v>100</v>
      </c>
      <c r="D7" t="inlineStr">
        <is>
          <t>1.9460955</t>
        </is>
      </c>
      <c r="E7" t="inlineStr">
        <is>
          <t>&lt;class 'numpy.ndarray'&gt;</t>
        </is>
      </c>
    </row>
    <row r="8">
      <c r="A8" s="1" t="n">
        <v>6</v>
      </c>
      <c r="B8" t="inlineStr">
        <is>
          <t>learning_rate</t>
        </is>
      </c>
      <c r="C8" t="n">
        <v>100</v>
      </c>
      <c r="D8" t="inlineStr">
        <is>
          <t>0.000265</t>
        </is>
      </c>
      <c r="E8" t="inlineStr">
        <is>
          <t>&lt;class 'numpy.ndarray'&gt;</t>
        </is>
      </c>
    </row>
    <row r="9">
      <c r="A9" s="1" t="n">
        <v>7</v>
      </c>
      <c r="B9" t="inlineStr">
        <is>
          <t>train_input_images</t>
        </is>
      </c>
      <c r="C9" t="n">
        <v>100</v>
      </c>
      <c r="D9" t="inlineStr">
        <is>
          <t>[b'512' b'512'
 b'\x89PNG\r\n\x1a\n\x00\x00\x00\rIHDR\x00\x00\x02\x00\x00\x00\x02\x00\x08\x02\x00\x00\x00{\x1aC\xad\x00\x00 \x00IDATx\x9c\xed\xbdy\xfc\x7fOU\x17~\xe6\xe3\x17\x12\x11\x10s\x01\x17,\x15\x90\x08rG@\r\x05\x13wqA\xad\x14\xf7=\xc9T\x0c\x17,1\x17PKA\xb3\xb4P\\S\x93DA \x90L@-\x11w%\x01w\xbe@*\x12\xd0O\x05&lt;\xbf?\xee\x9d\x993g\x9b3s\xef\xeb\xfd\xf9\xd0c\xce\x03&gt;\xdf\xd7{\xee\x99s\x9eg\x99\x993s\xef\xeb\xbe\x00\x16-Z\xb4h\xd1\xa2E\x8b\x16-Z\xb4h\xd1\xa2E\x8b\x16-Z\xb4h\xd1\xa2E\x8b\x16-Z\xb4h\xd1\xa2E\x8b\x16-Z\xb4h\xd1\xa2E\x8b\x16-Z\xb4h\xd1\xa2E\x8b\x16-Z\xb4h\xd1\xa2E\x8b\x16-Z\xb4h\xd1\xa2E\x8b\x16-Z\xb4h\xd1\xa2E\x8b\x16-Z\xb4h\xd1\xa2E\x8b\x16-Z\xb4h\xd1\xa2E\x8b\x16-Z\xb4h\xd1\xa2E\x8b\x16-Z\xb4h\xd1\xa2E\x8b\x16-Z\xb4h\xd1\xa2E\x8b\x16\rR\xf2/#bJ\x89\xfe\xb9wK\x9d\x8e\xb2K\xa35\xdc\xddB\xc2\xe8\x89\x00\x1f\x868!\x18\x01@\x93\x8cB\xdaf\x88\xc2\xd9u\xa2\xa6\xd4\xea\x82\xf9Z\xda4\x12}\x13\xce?N\xd2\xea\xeb\x02\xe3\\Rs\x89%j\xd7\xba\xdb\x03\xfc\x99\x96\xdb\x96\x88-\xd3\x00\xd2\x1e{\xbf\xaf&amp;&amp;K\x08\xc1s\x08\x11\x86z[\x99\xef\xab\xd8\xf0\xca\x8e\xd4\xcf\xc7\xac0]\xb1]\xb0\x87\xd8X\xa0O\'u\xf8\x97\xe0\xea\xee\xba\x18\xcak\x07\xfb#\xaa3\xfcv)\x9e\xe4\x96\xe4h\xae|8@J3N\xca\x83Q]\xa5\xf8\xdf\xaa\x82\xe1\xd9\x1f\xd1\xf3Z\xda\x1d\xb73\xb4\x1eHsF2\x00\xbf\xb0\xdb\x1b\t\x8e\xaf\xd1\xb4\xe2bt\x8aB=\x8e)\r\xcd\x8b/w5@J\xf0\xdf\x01\xb3\x93\xc9\xdc\x8dy~\n\xa9\xa3P\x93\x1d\x8eA\xaf\xa0\x93\x80:\x86\x07\xa7!-)\xed\xe3\x87\xa2}\xf46\xf7m&amp;\xf4\xcc\xff\xb6a\xa3\x08!z\xa2\xaf~\xc6\x7fU\xab_gR\xcc\xad\x8b\xdc\x11o\x1c!$\xc9\x826\xe9}]\xea\xab\xbe\xf2\xc9\xc5\'\xfc\x9e\xab\x80\xb4\xb9\xe6\x9bF\xc7\xe8\xd5\x12I\t\xa0\x11\xbd\x12\xff4#\xe1\x14\x8dT\xc8\xa8@?\xc9\x99sFi\x0c\xc68f\xe3\xea-\xba\xd2\xd0\xf8|\na\xaf:\xf1\xbd\x14\xf1\xdd!?\x8f\xa7\\\xb1\x88\xf6eR\xd4\xe1C\x11N\xe8\x8dPh1\xc4r"aIQ\xab\x12\x17\xb1_\xc9\xe6\x14\xf0\x8e}\xae\x9e\xe8\xdem\xe2\xe4\xa7/\xff\xf0\x06\xdf\xdf\xfc^\x88\xf6\xa5 %\xf50\x8d\xb2\x1d\x07v\t\xb7\x1f$z2s*E\xb3\x00\x07\x8fh\xe81c\x91P\x0f\x9a\xae\xd3\x11_\x89,\xf6\xb2\xa8\xa4\x99\xe4ds\x8e%\x07\x11\xb63&lt;\x9f\xad\xcaL\x89\xed\xc5-\xf0\x16`\xda\xb7\xb6\xb0CB\xcd\xf3X\x8d\xad\xc7\x87\'\xd2M\x11\xa6\x893\xee\xe9!A\xbdp\xb9\x82\xd2O2\xa7[\xdd?\x86OR\x83\xe3\xf3\x84\xd9?g\xd5\xb9b\xbb\x94\x8aRW\xc5)\xeao\xb4\xd9\x1f\xb2\xf9\xa7\x16hc\xb1\xb2\x0e\x85,\x193\x89\x7f\xc0\xf3\xd1\xb1\x96\x07T\x87\xd9-\x87\xf3\xa4\xd1\x8d\xc5\xc0}\x88\x94\x12~xW\x9e=\x1b\x90\xbb\x89\xbfR[\xf6\x0f\xa8\xe9\xa7\x1e#\x1fz\x18\xa6\xe8\xe8=\x00\x95N\x80*R\xa1\xd9=\xb5\xf1\x9d\xd8\x97\xcd\xdd\x85n?{\xa5\x87.!s\xdevD\xd7\x08=\x89\xeabn\xb9\xd0\x16\xd2\xa1\xc8(\x9c88\xf2\x8f\x080\xa0\xf7\x124z\x0bA\xd0\xdbPI\'\xe0\x19\xe3&amp;w\x1a\x94\xdb\xe3\xe0\xdd\xb5\xea\r\xc0\xa8=3w\xf0\xd4{9\xfb\xfd\x15\xe3XbX\t\x00\xc0\x8fw\xca\x7f\x87(\x90\xbf\xd7^\xba\xa5u\x7fM\t\xc1+\x02(/LCG\x95&amp;\xf3\xf8\xb9[\x95i\x1c_\x1e\x99\xda\x82`\xe4|\x1a\x14\xc2\x0f\x7fm\xb4\x94\xebs\xe3\x06pE\xba\xc0\xb3f\xff\xee\x94\xfd=\xe4*\x8a\xcf2p/\x1d\x1f\x93\x88\xb7&gt;\xd1\xa2\xd3\xa9\x9b\xf9,,H+\xc2\x93\x00\x9c\xd8\xc5\xcf\xfc\xab\xa7\xd1\xac\xe6\'\xef2\x001\t\x92\xb34\x9e8\xc0\xcc\x07j\xce\x10\xae\x92\xf3\x80\x07\x00\xdc\x12\xe0/!/z\xa6\x8d\xe2q7\xff\x86\x81\xd6i\x80\x8a\xe4\xce\x8d\x07W\x01N\x1c\x9b\xba7$\xd0\xd8\xe7"\xd9\x00n\x85\xab\xbdS\xdc!\xcdm\xb7Q\xdbM\x96Z\xf9\xc4\xf3\x1f\xc7u,4\xf4O\x96\x0f7\xd4\xad\x9d8\xd1h\x92\x16\xefI\xc7&gt;m\x9b\xddS\xf0\xcd\x12\x06n\xe1\xdcPd\r7\x953\x7fL))\xa11\xef\x13\xb0G\x04\x95\xc1UC\xdf\x9d\x1f\xa8\xd8_\x07\xb8G\x04\xfa\x95\x90s\x04\x84)\xfdU\xaf\xfb\x87\xf1&gt;\xfbs!\x9dn\xc4k\xc3\xe4&lt;\r\x19\x1fx\x9b\x84\xf8\xf9C?\xb2)\xa9u\xc0\x86t\xf3\xca\xb6\x97n\x00\xb7\xb3d:4\x17\xa8\x18\xf1\x94\'G\x1b\xfalS`J\t\xe0C\x9a\xab\xc5(\xed`\xe1\x86*-\x0b\x95\x82N"k\xa2\x99\x9b\xa4\x84\xec\xf3/\xcb\xc1L\xf0\xa2\x8b\xdf\x1d\x99&amp;\xcc\x18\xd8\x89\xeb\r\x15\x99\x03\x05\x04}n\xa3\xf6\xf7\x87t\t?fu|\xf6oalgNA@\xf1\xd9\xff\xc6\x8a\x01h\xfb/\t\x10\x11\xdf@\xee\x8f\xc2\xdb\xae#\x16\x17\xf1\':\xae\x08\xb2\xecmT\xbb\xd8\xf4.\'\r5)\xa3\xe3\xe7)\xbd\x88\x0f8\x885\xae\xf4z\x9d\xe6\x17\x84\x96\x87NA\xf5\xd1A0\x83b\xcf\xca|\x9c\x92V\n\x9aW\x1fV\r\xe5\xbc\xf1g\x94KQQy\x12\xdf\x87\xd9\xe76\xe34r\xbaU\xab\x01\xef\x16\xc8\xa5f\xea\xd7\x83\x05\xc0\xe41\xba\x8c\xce:C\xfd\x90\xf0[\xd2F\x94\x0f\x08\x9f\x13\xcc\x04\x9e\xb5\x18\xf8\xd2T\x97\xaaZe\xff9|]E*\x7f\x90\xf3j\xc6\x88\xb9\xf0?\xfe\xaa5\xde \x84\xf8\x1c\xfb\x86Sm&lt;\xac\xe5\xb4\x00\xcb\xa9\\\x15^\x1a\xe9\xf204\x94\x8e\x81\xe4C\xcc\xa98O\xd18\xb6\xfb\x94Z\xe3O7\xc6\xbbX\xdd\xa3\xa7~\xc2\xaa\xb9Su)\x01\xb5s\xf6Cb\xe9)9\x00\x90g~\x1d5h\x1cJ\xaal\xda\xd9KsRov\'x\x0e\x12"\xd2\xdb\x00g\xdf\x90\xb8A\x0f\xae\xf1\x98\xf7J\x0eXq\xb4\xf8\xaf\x80\xe4\xa8\xdc\x02\x01\x17\xf8\xe2\x8e\xef\xc6\xa0s|N\xd4\xbe\x06\x91)\x95I\xd8\x19J\x16\x83\xe0\xef\xc4H\x9d\xd6\xad\xc7\x99N\xf1\xf4\xd8c\xa0\xa3\x8f@\x1d\x9c\xfd\'\xf8A\x9b\xebOL\xc9s\xb3\x9b\xde\xcfH\xed\x91\xa2Et\xf6w\xaa\x00\xa7&gt;H)\xc1\x1bvn\x0c\xd0\xd1\xc2D\xc5K\x0fkx4{\xfc\xf6\x9c\x90\xb4\x87T\x9c~\x83\xe3D:\x88\x8c\xf6~X@\xd4\xf5\xf5\xc3\x16\x88\xb3\x82A\xa3\xef\xcb\xec&lt;\x9f"\xb8w\xf9TW\x0f\x8b\x0b\x834&gt;\xb83\xa0\xf2\xf6\xc3Sh\xdd0\xd38\xbb,\x17#\xd4\xa8\xcb\xd3^\r\xeb\xea\x9d\xea\\%]\x1a\x03b\x7f\xe3\xef\xbb]\xb2\x05\x94\x9a\xbb\xe0\x82\xaa~\xb6\x9d\xf0p\xb1#F\xb1\x956@B\xd3m|\xe3\x7f\xfd3c\x84\x86\x0f\xb2/\x82\xe2\x04\xbaAFe\x84\x9a\x1c\xe3\xe9\xedO_\xde\x9c\x8d\x18}LVj\xef\xf6\xb2\x860\xde\x08)\x81\xa3\xc4\xfa\xb6\x1f\x82\xea\xce7\xe3F"\x9e\x97\x83\xebMv\xf4g\xd3\xf4:\xe24\xc4\x9f\x19\xed\xcdB&gt;\r`\xe2.\xd1\x84\x96\xebB\x9d1\x1f\x14\x92o~\x9ck\xf9\xeb\x8d\x13mr&amp;Gc6\xd2\x1fc\xd1Y\xa5.D\xc4\xfbC\tG\x17\x9b=/\x96\xcf\xcd\xf4xt\x10_\x92\xf4\x89^#\xda\x05\x06\xe7\xb5\xaa\xc8\xb8\xc4[F\xcd8\x89\x8e\xebURs0\xf8\xc1z$\xc6\xf0\x0c5\x88\xf4OU\x08\xed\xf2)q\xe8\xac\xef`\xafA=\xd7\x936\xeb\x10o6\xaf\xc6\x1cPBp\xdc|\x1c\xd9gg\xfc!\xad2\x9f\x0f\xc0t\x15\x05v\xc6\xc1\xa2\xf3]\xc2\x9bl\xd0\xe7\xc0\x00Z\xc1\x8b\xed\xfb\x7f\x1f\xd84\x9e\x10\xe2\xf3I\xacQy\xd5\x12\xc1hz\x8d[b\xb9\xa0\x00\x90\xfc\x9a\x90Q\xb5\x06\x92\xd9!\x17\x1dZ-\xdb\x90\xae.+\xd6)\xa3i\x11l\x9f\xab\xa55\x92\xee\xfddgV\x0c\x98\x10\xe6\xce\xa3\x85\xb3\xbf\xe4\x06\xd9#\xf7HMii~$\xa6\xac\xc5,\x81\ri\x9b\xd3\x87\x93\xedF\x9a\x98\x94L=QZ`dMh.\xcc\xb2{\x9dKo\x1c?;&gt;9&gt;\xc2\x1f\x16P\xaa_\x05\xc0/\x0b*?\xea\xcd#a`}\xd5\x85\x84\'\xc1\xe8\x98\x8c\xf1t\x03\xa7nT\x0b\x90\xc1\xa1\xa1ah\xfb\xc4\xcbI.\x04\xf1\x9e\xf6\xa5\x1b`\xc4t(W0\xf5[A\xaaK\xd1\xad\xf4ec7\xa6\x96\x90\xd1Us"\x01\xd0}^&gt;\xbc\xf0{\xfb\xce8\x98\x98\xae\x91\x8dQ\x18\x80\x18\xe9\xcdh\xca\xc1\x9a\\WF\xa9\xfd\n;}\xe8\x89~\x85\x8e \xb8\xc4+\x1c\xb6\x1c/\x17\xb6?\xe9\xe3e\xa3:7]\xf6\x17\xf4\xf9\xf3jsZ|\xed\x12\x00a\x80\xcd\xd9\xfeK\x05T+\xeaU\xf2\xca\x8d\t\xe8\x18\xf8U,\x00\x80\x94\xa0y\x05\xea\xae\xaer\x0e\xea\xa6\x80-\x13Tl\x06\xce\xc4\xdell\xf1_\xe2\xf1\xc4s\x9f@U\xd3\x86ED\xa6t\xf8\x8d\x08\x00\x97y)\x08\xc0sSz\xf7&gt;s\x06q\x10\x00M\xbc2i\xa0\xf3\x86\x95@n\x80\x0b\x8b\xe6\xfc\xe0#\xec\x00\xdas\xb1\xaaF\xa2\x05\xf8jxeO\xba\xd1\xd5\xe6\xcd\x9b\xf6\xc9\xfa\x97\xf6\xea.f\x88\x88\xf8\xae\xa7,zN\xb1C\x17^\x15\'\xcc\x1e T\xc96\x80\xa0\x04*\xa7\xdb\xe5xy\xd0\x16#\xb7u\xc0\xcb\xcaeP\x91\xb9\xf5\x19\x05\x1c\xaf\x8ejmuj5UD1\xa9\xd3\x1aP\xfcR\x9cj\xe4\xb4\x01\x91t\xd2;\xde\x1aP\xbb\xc3\xe9o\x1a\xf0\x1e\xfano\x02@#\x96\xba\xba\xcb\xdc\xba\x0bKc+\xb0\x9b\x90\xd2\xfc\xbf\x13\xd1\x1ex\xa8\x8f)=5Co\x00\xe2c\xef$\xdb|YA]\x94E\x8e\xba9T\xbc\xc5\xe24w\xb2\xbc\xcb\xd5d\x03\x9b\xd3\xbd\x05\x00\xe0\x85\xb3*\xacu\xf1\xe2\x0b\x00\xfd7\xa6\xe9\x88\xd7OKr#\x93\x0f\xe4\xe7\x14\x8c\xac\xcfW*/\xaa!:k\x01\x08\xca\xe1k\'\xf5j\xa7Wo \xf4\xa20\x9c\xd2\x07"{\x84\xf6/\x82]Tq\x11~\xf2V\x06\xcb\xb6\xb2*\xc2\xbc\x93\xf2\xbe=X!\x15`\xe4r\xe0\xcbE\x96\xb7\xca\x0c\xbe\xc30\xba\'\xae\xb2hnD\xe3U\xbd\x9d\x91|\x01\x8d\x7f\xe0\x9c\x00\xef0.\xff\xee1\xed\x85\xc6v\x9c]N\xc4\x17\x97\xb7\xb2\xc5\x1c\x1a\xf7\xba\xd4m}\xd7Tv\xf4m,R\x98@?\xb7-\xc2\x1d\xc5\xdc0O\xbe\x93\xb7\x05\x82\xf71\xcf?\x8fM5\xf9\xf8\x91N\x97\xd4\x99\x14\xca\xcbZW%:$\x8d_,\xafm\xf6\xab\xf1p\xbfn\x9e\xcd\xd2\x8a*`R\xc6\xa6E6\\\xe7\x1c\xa6\xa2\xe1D\x95\x18\xbb\x8brDW\x93\x0711\xed\x02\xff\xd5\x10\xd8\xcdY\x12\xda\xc6_\xa4\x81\xb7k\x07]\xdd\xe3z\x1d_\xafI\xdd}{\xfc\xbdz\xb3\x04\xa0\xeb.\x04@\xfc\xd2\xe3n}}\x8f\xcatj\xd1\xe2T9\x08j\xc7\xc2c\xf8UE\xce\xc1PXB\x90\\\xedI\xd8\xc0\xdcR\xb9\xd4nz\xd8\x0c\x16\x9c\xcd(\xff\x80a=i\x15\xdeA\xa1\x11\x95\xe6\xd5\xc1\x91\xa0M\x94\x01\xf7\xd1?\xdd\x99}\xc2\xd72\x88\x13.U;\xb0DQ{\x99\x97\xce\x98\xfa\xaf\xd7Fr\xd7\xdefk\x93\xb8\xc8[\x0e\xd2;D\xb6\xe1\xed\xa4sP\xf7\\\xdf\x0b\x85"r\x94!\xbb\x9c\x0fc\xdc\xb5\x91\t\xe4H\xa0\x0e\xc6\x99\xda\xb3\xfdg\xb2:\xcc\x9f\xb9\xd8Aq\x02\xcf\xf1D\x8e\xa9\xec^\xbd\x10\x8ev\xd60\r\xc6\xb7\xe5]&amp;\x86\x84\xaa\xfd@\xef\xa8O\x18\x07\xb57\xae\xc5b\xc5\xfc\x05\xd1\xd1\xa5\xba\xa34\xb8rgpW\x91\xa9=B\x86\xe9\xa0\xb4S \x95\x0fv}\x10i\x97\x93\xc2\x90\xf6\t\xb2\xd2\xe9\xfa\xd6\x1c\x92\x8e\xcf\x00\xc7\xd3\xe6\xef\xb4`j\xb0\xfe\x16\xc0\xf8&amp;x\xeb\xfd6g\xccoQ\xc5\x8e\xa2\xba\x97?\x1b\x8a_S{\x1dg\x03\xe6t\xc8\xc5\xe3U$\xf7\x90\x82\xdf\xca\x99\xe1t:w\xe2cb\xeb\x9f\x1d\x0c\xb3Z\xb4\xca}R\xd4E\xdcp\x88|\x1cq\xac\xa1q!&gt;\x1f\xf4\x825\xd7O\xfb\xf7E]\x8dD\xf2Q\xf0e\x16\x8e\xb9\x8eE\xa2\xf4\xedt\xb1/\x11$\xc3+\xf1?\xcb\x18\x06\xfbM\x91\x95\x85\x88\xb8\xe3\xb8\x84R-0\xc1\xf1p\xff\xd92\xa4\xc4l\xb4\xb49\'\x17\x917\x1e\x91\xc9UPE\x8d\xde\x032\xdb\xf9\xf4\x12\xd3\xaa\x99\x03s\xd2f\xe7&amp;\xa7\xc3\x89&amp;KA,\xe1\xd1\xb8Q\x19\x14\xde\xca\xe1!+\x1f\xfb{\xbb\x06\xa1\xb2\x7f\rM\xa9-O\xa4\x82\xe4\x03\xc4W\xd0\xa36{\xa3[mU\x82\'\xdf\x12Ux\x06 w\xf0\\5I\xf7}I\xb8cP\xf8DGOfx\xfc\xe3cG\xc4\x1e?L\xe8\x9d\x90\x9c\xb5\xad~1\x91\xf3\xd4\x035u;k\xccJ\x89)\x1a\x1au1\x81\xc3\x00\xb6^\x88x[\x85a\xec\x15G\x9d\xb9\xd55v\xda\xf0\xb2\x8b\x02\xb1\x97R\x85\xd7\x0f\x06H\x7fET\xaf\xb3\xb6\x0f\x19\xd9A\x9e\x95\xffL\xe63Z\xc9\x13\xa3\xa0;f#\x12\x82\xeanO|x\xb1\x017B\x12\xc3W\xd3\xab\xc7fFe\xe4\x0ft\xf4dv\x1d\x87\'\xfd\xa2[w\x904\xd9\xef\xa2\n"\xf7\xbbK\xbd\xd3be"^(\x17\x9548\xacn\xa8\'\xdd\xfb\x9fb\xa9/@\xaf\xa6\xe9\x9fGt\x03\xe0\xdf\x14kv{\x16\x11\x12\xe2\xe7\xaa\xc1/\xfb\xc4\xbdiq\x9e\x92s\x13N\xdd\x17\xd4\xdeD\xd1M\x98\xe9|\xba\xe8\xa0\x1b\xc61w\xf5\x88d\xcafv7d2\xdf)\xc3@\x13;dH$&lt;\xea\xde9\xc8\xcf2\x0f\x11\xf1\xc9\xfd\xf5F\x02#\x02\xef1\x1d\xacS\x12Qq\xf8/\xd6c\n\x9f\xf3\x14\x1a)/N\xadC\xb7\xb8\x90\x0f\x07\xd5\x85f\x1c&lt;m=\xf3\x90\xb4\x1f\xf6\xf3%\xfc\xe5 T.\xad\xb79\x185\x06G\x82\xae\xf4\xfd\xb2\xd0\xc3K\xa1\xa9 \x06cT\xec!\xa2\xf3c\x17\xca\xfe\xf9|\x0c\xde%\x9a\xc4\x12\x92\xb5\xff\x90\xbe\xc3vT\x98\x1a5Q6\xbc^\xc8K\x05\xed0I\x99\x86|fT&lt;d\xb5\xf1\xf9\xe7Om&gt;Qm\xaa\xf3Y\xdbC\xce\xa8\x7f\x07\xe0]\x95"_/"sT\xe4Ta`\xeb9\xe4\xd1\xd1=\xbd|+\xe3\xdc\xb4\xf5}\xd5\x0f\x9d\x11=$|l#\x88\x88wi\xfaj\x13Bc btn!\x12\xde\xad\xcfC\x15\xc5\r\x18\xa2"\xba?\x91]\xac"\xf3){\xd6]\x00\x06\xb7\xb4W9\x03\x16m\x03\xf9\xdaN\xf1\xb4#\xc3?g\xc8\x95\xda\xaf\x8d[_?""\xfe\xae\xd1&gt;\x8b\xa1\xfd\xdc\xbatR\xe6\xb9D\x1d\x13I\xd1\x9d\xb3+p\x04\xc3]\xdb\xee\xec\xc3\x10\x15\x13\xfe\xebT/Ug0\x7f\x0eRD8\x032\x98\xdb\x03\xf8/k2\xb6a\x8e\x98}2\x82\x18\xfd\xa6[P8\x0eR\x96\xeepmr\x96\xbf\xd1\x18\x8aA\x8b\x18\xc3t*\xa0\xb6\x8at\x00\x9f\x17n\xbey\xb7\r\x07\xdb\xf3\xd3\x98h\x9fM\x04\xdf\x91\xccZ:\xb4Y\xec\x88\xda\xe9\xc5Cx|\xe6Q\xc3v\xe7\x94x\xdd\'\xb4\x11\x99\xc3\xe6t\xf1-\x9a\x03\x13P\r@\x125\xc2_8\x11\x11\xf1kC\xb9\xfd\x0f\x94\x8dBW\xdb\xe9\xe3\x91\x88\x1ebF\xfc\xb5\x98\x9c\xe9\xbc\xb1:M\xb8\xc0\x89DWT&lt;\x0fd\xc7\x01f\xc4\xaf3\xda[\x1aE\xa1\xa0bR:\xe6_ \xd5\xc6\x96^\xc16\xb7,If&amp;\xe1\x82Ck\x90\xce\xdda\xcf\xd9U\xfa\xb0\xaa\xd6\xe6\xaf\x1d\x8f\xa0=Bg\x85ot\xcc!"\xe2\xe3\xc9\xf1\xc9\'8]\xc5\x88n\xfc&lt;\x8am\xdc\xb8\xc3\xc4*\xa6\x00\xff\xe4\xd4iu,\xeb\xf3\x80\xc0\x8d~[Wdu\xa9}\x7fx\xea\x8e\xcd\x81\xc5\xaf\x91s\xe1x\x0f\x89\xa5G\r\xd3h\xbaFU\xe7\x07\xba\xcfyE\x1e$\xbefF\xccN\xbfr\xa0\xaf\xa4\xd0yN\xd8\xfe9gQ\xfe\xed\xbf\x1e\xa4v6@\xc4O\x0c\xaa\x89 \x01\xc0\x1f\x0cm\xb0\xceZ8\xd5CfM\xd7\x0e\x83:\x17\xf1\xbf\xf8%\xa3\x0c\xdfPhNH}\xcb\x9e\xb8\xfa\xd3\xb4r\xc9\\\x91\xaakOJK\xce)`\xae0\x93\xba\x12\xc8\xe7p\x96p!^\xc72\xb6\xfd\xb4B\xfcnv\xbd#VKV\xca\xef\x87\x18\xf1\xf9\xea\xd5\xdb\xabC\xc8\x02\xa1\x1br\x81\xf1#f\xc0i\xf9&gt;&lt;\xe9\xd5\xae\x96`\to!\x19`\x8e\t\x0cr\xca^\x11l\xd31\xdd\xe4\x8d\xd9+\xc2\x1d\x0cL\xd3W\xae\xb5\x01\xbdG\x12\xacC\x88\x88O\xb2\xfd{\xd2\x0c\xabJ\x96H\x8e\x0b\x19\xe8\xdb\xe6\xdc\x01I\x9e\xe4\xf1\xbe\x8d\x1c_\x94\x95\x1c\x17J\x16\xbf\xd2\x91x\xac\x013\xa6t`\xa0\xf9r\xce?\xac\xa8{\xa3c/Ar\xba\xff\x87\xb0\xf7\xd4r\xea\xc9\x13hb\x14\xb1S\xc9L\x9b\xd3\xebe\xd8~\xa4n\x0b&amp;\xb3\x05\x92\xa1\x8a\xcf\x93\x87\x92\xf8\xff%BD\xc47\xbc\xa4\xf0\xee\xd4y\xe2\x19\xe2q\tV]l\xed+\x9fq\xca\xb48A\x8e2\x0e\xe8\xdd\x95\xf6y\x8d1!h\xcf\x17\x17%&gt;g\rw\x1f\xcb"\xe7\x88f\xc2l\n\x9dv\xff\xe9qQ\\,\x9f4U6`\xaec\x8b\x99*\xcaj\x1c\xc2V\xa6o\x93a@\xe0\x98\xea#\x12N\xa6\xae\x99C\xfb\x80&amp;\x96d\xccnF\xc7]\xdaG\xe5\xcd\x8f\xbdi\xc2\x98Sp\xbc\xac8w\xa6\xe1\xf3\xc8\xc8\xc1\xe2y(\\\x84\x9f\xe6\xed\xc7\xd51\x7f\n\xc8\x88\x90\x88?F\xa7Z*\xb9\xcb3\xd7q\x82N,_v\x81\xbbX\xa4\x83\xfd\xa0\xf8 \xc2nL\x0b\x0f\x8aK\xe5\xaa\xda\xab\xa3t\xfb\xf7\xf7\xad\xc0\x9d&lt;\xb4=$\x19\xcc\xe5\xb5Y rQ|\xbed\x12\xa4P6\x90\x8eA\xc9\xd3\xc0\x98\x106y\x04\xa5W\xfe\xf1\x95\xc3\xfaLr\xc2S\x1a\x99\x13/A\x8e\xa5*\x9e\xb8g\x0e\x06=\xe2\x8e\xb8\xbb\x94C\x95\xf1Qz$:\xfe1\x854\xf5`2\xc8\x8c\xea\xca:\xcb\xd5\x0e=\xdd\xde\xd5\xc9\xfc\xaf\xcb\xd8ot\xc4\xd21k\xc1\xbc\x9aau\xf5\xe3W\x03\xa16""&gt;\xfc\xa8d\x92Ls\xdd\x01\xe0\x9f\x1e\x04aKf\x1f\x90\xfd\x19\x88M3ZFF rR\xda\x83}\x9bK\x06\xbc.\x98\xf8\xa5\x18\xb0\xf1\x8dT\xc0{\xda,\xe0y\xc3\xd22\x84g\xa3\xf7\xda\xda/3/\xf8\xd3h\xf0\xd2P\xfa\xa9\x18J\xe0bI\xb8q\xfe\x8f9uc\xd84&lt;\x0e\xc2\xb7\x1c\x90\xfc\xb0`\xf2\\\x88\xae\x97\xdey\xc2\x8f\x0fs\xda\x96\xb1KV\x00\xb6&amp;\x1e\xf58Vw\x85\xb7\xf8I\xaf\x17\xd3F\xe8\r\xfe\xb8*9\xbfP\x15G2\xb2\xca!\xd2\xe2\xbd\xdaF\xb7\xf2\xd2b\xa1\x8e\xd2\x88\xf6i\x93\x87\xfa\xc6U\x98\xd1\x018\xa1*\xd2\xe6n\t \x88\x906\xde\xed \xb2V\xb2\xe3+\xc60\x14\xb4\xa1\x10c\xfe\xd7\xc9C\xab\xa3e\x08\x1ac\xad0\x12\x86K=\x05S~d\xbb):/\xa3k\x80\x1a7\t\xa7\xd3\x16\x1a{\xd5\xbf\xf1\xc1\x06Zt\xd9\xa5\x88(\x8aGv\xf7{Y\x7f6\x92\r\x9cq3I\x17\xee%=\xb9/\\\x1aH\xe9\x88\xcdq\xb0\xdeK\x8e\x18qi\x14F&lt;\xca6\x9e\'\x06{\x9e\x92\x96\x91\xbe\xe6\xa59\x89B\xfe\x852\xc4\n.a\x00vy\xfb\xf8-1T\xf2\xb2\xc3^\xa4Y\x99\xe6\xf9Y{\x9d\x0em\x90\x02\xca\xdf\x8f:\xa96\xefn\x19\xad2\xeb\xfa\x10\xde^\x99=uN\xea\xc7\xc3\x83*\xb2\xb3\x8e\xbb\x87*\x88c\xdb8\xdf\xae+9\xb6\x00\xa8\xa5\xb1%P^\xbd\x9a|0\xf4Fk\xcfS\x12\x17\x11\x11\xffD\xdd\xe7\r\xe5\xd5\xa0\xc6\x8b\xaf\xac\xe7\xcc\x1d\xc9e\x08\x975\x1dEnf:\x97\xe4\xd4\x89\xb9Tr\xb4\xe82MlM\xa9$\x00\x84\x8aB\x05?\x91cu&lt;%O\x8c\x19C\xb0\x9d\x910\x03\xf4\xedaN/\x03F\x84\xcc\x85\xea\x14\xeaj\xdf\'\x9a\xef\x07D\xc4\x9f\xe9\x15\xbfZc\x10\x83\x96\n}_\x1e\xf4\xcc\x9f\xd8r6\xcd\x13\x89\x8e\x8cf\xb1\xdd\xd2\x9e,\xce\x10\x7f=\xe9\x84\xb9#R\x15\xd9I\x15\x94\xefM\x82=\xbdC\xe1\xd9x\x1f\x124\xaa\xfd\xb3\xd1\xf8\xed|\xff1J\xa5\xaf#`N\x83&gt;?\x98\xcco}\xddr\x9b*\xf6\xbc\xa0\x15\xc5\xa3u\xd9\xf5\x1d\xc6\xaan&gt;\x7f\x85\xa7\x1b\xd5v\xf9\xa7\xbaH\xa8\xf2\xadF\x9fa\x88\xd4\xbe*\x8ci\xf9\x88\xf7\x99\xebk\xca\x1c\xa9\xf24&lt;M\xaf\xa1\xfeC\xea\x9cI\xe4\xactG\xbc\x87}i\xa0"\x897\xaa\x8a\xd4\xbe\xf4\x8c\xa5+)\x12J\x7f`\x1e\x1c\x08B\xcb\xfb;\xd2NSvc\xd2\xeb\xc2\xb5\xa7d`5c0\xf0\xd7\xd1\x99\xeadw$\xbd\xbca_\xe8f\xc6\xcfU3~!_\xc7\xa9Zd \xb1V\x17o;b\x19\xd5Uw:\xe5M\xfa\xb0v\xc3u\x1f7\xd4wT\xd7\x10\xc2\x80\xd8F\xe2\x17\xbb\x9cJ_s\xa3\x19\xfe\xc2*\x9b\xdf]\x1b}\xf3\xb1\xad\xdf}N\xc6\x8c\x88\xf8I\xf9\xcf?\x18P\xeaS\x81\x82\xa2qZ\xe6\xeb\x1f\x1d1\xb8\x99\x8cz\xcfD\x04B_8\x07\x8eS\xecK\xfd\x8c\xb4\xa8\x0f\xb1\x08\xd1\xc7\x9e3\xa1\xeb\xc3\xc0R\xed \x8c#V\xd9F\x8d-\xac\xd7e|\xcce)s\xd1P\x88\x11\xbfnH\xa1U\x86\x1f\xa1#\xf2x\x82\xb5i\x10\x87\xaa\xe6\xdeAT\xbe4z\xa1\xcc\xce\x16\xff\xb9.?\xcbL"\r\x8a\xc3\xe1\xbc\xed\xe0Y\xe4\xdeZ\x8a\x11"\xa6\x14\x92\x83\x88\x00!\xde\xe2}\x9f{g\x13L\x88\xb85"BJ;\x1b\xe5z_\x80\xff\xae\xa7N\xd0\x94&gt;mnA\xe1b\xe6\xaem"/-\x92\x9f\xf5u4\x8eB\xf7u]/\xb2B/\x838*PRDZ\x89\xd7\x96K\x0e\x92-\x94\xdb\xa5\xf8\xa0\xb8\x1c\xc9\xe1&amp;]\x11\xf4\x80l&lt;b\x1d\x13\xa8x\xb20\x90k\xdb\xfcyi\xaf\x12l\x89L\xd7\x87\xd4\xce\xb9\xfdj\xe8\x9au!\xb8\x00:3\xba\\DS\x1a6\xdc\x07\x91\x92)2\xed\x0c\x14O\x05\xf63b\x0c\'!\xeb`!\xb0\xc9\x92\xd8\x18\xdeDZ\xb0\xdd\xb3\x94\x8f\xd8\xfei\x91u\xdd\xd9\xb1\x1b\xcd\xdf~\x1b_S\x16{z\xc1\x0b\x00)\xa5\xf7\xb3\x13eB\xdd\x1e\x88\x94`j\xd4\x15$\xa5\xb7\x9atXNUR\xc2\xbc?\xb3d^\xc0mB\x05\xfb/\x00\xc8\xdc\x8b9D\xb2u\xca\xb2\x9e\xc0\xc7\xa7\x14\xac=\xd8P\x89O\x1fg$g\xbb[&gt; H\xcd\x96Qt7\xc4\xd6!~R\x86\xe4\xa6\xd0O\x8ckq\xb6a\xc77gA\xef[\x9b\xc1i\xf5\x9e\xbb\xc4z\xe3lx\x1d\x1a\xd5\xfb\xa9\x1as|\xed?\xb2@\xfa\xbad\x0e\x1c\xd1\xb5\xf5d\xbe\x9d\x13\xe5\xa8h\xd4]@\xc5(\xe1c\x87-uR\xa8\x9bf\x959\xac\xcb\x92v\xdc\x81|4M\xf5\xf5\x8d6\xc1\x1b\xea\x82\xa3Uti\xe6\xd2\xd3\x93jr\'\x82\xdb\xf9\x06\xb2\x12\x1boJ\xe9u\xe4\xcf\xaa\x86\x14\xb9\xa1S\x1d\xd1Q\xf2\xccm\xa3\xd8\x91K\xa8\x0b;\xb4\x99?\x8b\x00H\xba\xc7\x99\xaf\xe8i\xa1&lt;/\xdaZ\xcb\xf1V#\xe8\xddR\xfa\xa5.\x8cf\xdbV\x0e\x82\xb6\x0fh\x9c\xaa\xe9\xa2`\xd8\x99\xac\xaf\xa5\xab8\xa4\xd9\x1e\x1d\xd8;c&gt;\x15\xbc\xee\xc4F\xcd\rE\xfe\xf0\x94Aa\x97F\x87\x95.K\x1c\x01\xcd\xa1\xa2\x90\xe8\xe9\xdc0\xc2\x06Is\x0cH/e\rJ\xfb.-sX\x0c\x06\x00r\x12\x95\xd2\xf4p\xb3\x88\x1f\x01al\xb7\x93\xb7\xd5;\xca\xb2\xa0\xbd\x968&amp;\x11\xf2\xa5\xa1\xd1\xcb\xeaX\x83\xaaJ\xf3\xdb5\x0f\xb2U\'\xb2\x08E\xa8)c\x11\x01P\xee_\xca0\xc8\xffv\xbe\xf0\xb3C\xca\xff\xa6\x94\xe0\x13I\x97\xe7\xee\x87\x0fn\xed\x93\xd4\xfdq&gt;4\xd3O\xaeT\xcay?U\xaf\x91#9Cz\xdan\xa2\x14\x96\xe7\x1eH\xfd\xf1\xd3\xc7&gt;!\x89\xe7\x88\xf9\x87j[O\xe8\x01\xa9\x91\xea\xb2;\x9c\xa5\x84nb\x88;d\xad\x10::4z\xbb\x1eZ\xa9%\xee\xa4\xe6\x88\x18*\x10nQ\xb5\xb1E\xcbl\xd76\x11\x01\x14y\x99\xac\xcb\xcc\x99\xc9s\xce\xa082c:e\xc5\\\x97^\xbd\xc0w-\xa3\x13\xfcP\xb1\x83\xf5\x16\xa2Y\xa7(\x0b\x12\x90\xb9\xbe-\x81\x0bY\xed\x8c\x01\xb5\x18\xd3\xe2\xab\xbb\'\xf3\xa9,\xab0\x18w0&lt;im\x1c-\xf9\xd4\xc0#\xb6\xa8\x8e\xeat\x19O\xdd\x83\x1diw\xb9+\x9d\x16\x08u\xff\xd7\xdf\x9d\xa8\x95\xbb\xd7h\x00\xebF\xdf\xea\xd82\xd7\x029r\xb4\x90\xf2\x1d\x9a\xa1\xdb\tb\x95r\x97\xb4\xac\xa2\xfe\xdd\xf6\xa2\x0c\x91\xe2\xb8\xbd\x13~4\xd0\x8c\xcc\x9b\xc0\x10+\n \xc6S\x04J*e\x85Z*\x94"zH\x85\xca\x8f\xed\x0e\xae\x8a\xed\xc9nW\xf1\xb1\xe57\xcf\xfe\xcd\x9f]i\xed(\xda\xd1\xaa\xc5\x17\xcbfe\xf3\xa4\xabH\xd6%d\xce\xe9Q\xca\x1b\x91\x89\x8c\xf4{5\xf5\x17\xd9\r4hs\xc5Xv\xae\x13\xd5Q$\xcf\xdb\x9d\x9c\x893\xa4\xaeJ\xf8\x8c\xa1\x8eT#S\xea\xd4\xe6(\xfe\xc4\xc7j2w9\x1d\xd5\x15&lt;\xf1\x07\x16\x00t_\xd7\xc2cB\xd4|\x96%N\xc7\xb7\xc98Q\xa52mC\x82y\xaei\xe8\xed\xd4\xed\xeeF\xcdjg`\xdb!\xa54\xf3,\xcd4E\x1c\x84\x88\x8f\x0b\xf4\xb2\xa6r\x1a\x07\xfd\xaa\xbay"\x0c\xba4\xa1\x8b61\x9e\xee\\\x87\xae\xe4N\xdf\xb2\xd0\x04:q\xcc\xe1\xe9x\x08\x12\x18\x03`\xceF\x87S1g\x04\x9bllD\x11\xb6\xcf&amp;\x0cC\x8e\xc0\x87)\xea|\xd5\x0c\x80\x8e\xdfv\x8b\x97\x9c\x12\xc9\x88-\xba\xba0\xec1\xb1\x82\x9e\xa0\xa9S{9W!{o\x02\x89\xc7S\xd9\x14\xe4\xa3\xde\xa0\x93\x8f\xa4[\x06V\x17z\xb5\xe7\xb1!hg\x93\x99\xe2\xdb\xaa\xb5\xf3\x18\x1d\xd59W\x93\x1f\xf1\x94&lt;v\x03c\xe5\x0c\x06\x95\n\xa6\xac\xd6\xd0\x1d\xcd\x97\xd1R\xdab\x9eH\xd0\x90:Mr\x135|\xe4Q\x15\xc2\xa0!\x87\xa8\xd24\xf9\xd8\xfe\xf9\xe6C\xf2\xd5\xa8JE\x11&lt;\xf5\x92*\xe4v\xde`\xc6\x96\x9a\xf6\x80\x15\xba\xc0\xa9\x8eB\x8e-\x7ftH\x8c\x97)]i\xc1\xf5\xec\xc1\xc6d=c\x83\xc4 \x84t\xe5\xc9\xbc\x85^\xc8\xce\nh\x94\xcc\xc0\x03\xe0\x07\x01"\xe2\xbbu%H\xa7tx$\x86nx\x8ex\xa5\x1bxvu4K,\xf9\xf8\x8d\x80_Tx\xd8\xb4;\xb9\x9e\x15z\x9b\x1e$&amp;\xb6+y\xda\xc1R:\x867\x01\x964]\x85(\x0eFM\xabY:\xb2\x93\xf0\xe5\xb3\xab\x81L&gt;m\xedw\xba\xe1\xf0o\x0e[c\x13\xbb\x16\xe9\x02-K\x07@U9\x11\x00\r\xd0\xe7)\xbb\xf9\t+t$_n(\xc5\xc0\x8e\xd0u\xe9\x11x\x93\x84\xf8^\x13*-\xc7~\xab\x11c\xd4F\x9a\xdca}HO\xe9(N"\xffIjw\x12\x92\xf9]\xb3\xec\xa8\x06\xb8\xfc\xa9j)0\x86\xb5\x07\xfa\xf8\xa9o\xa5\xa3\xc29\x08\x0c\x01\xcc\x17\x9bE$\xb4IB\xc5V\x86\x1elc&amp;j\x06\xe4\x01\x8cB\x9d5\xb6O\xd4\x11E2`\x9a\xe5\xc6#\xb0\xady`\xa8K\xbc/\x18y\xce\'\xa9\xb3\t5\x12\x0c\xf9\x83\xb1\x99\xd0%\x9f\x8e\xf5,5*\xfei\xff\x86\xa6\x1e\xdb[}?\xda\x97\xd9\x95\xe9\xbaU\x8a\xf5\xae\x9e\xa1"\xa8\x8b\xb2\xc9\xbc\xa4\x90N\x1f\x1e5\xdd\x8f\x08\xa1\xd2\xea"\r\xfb\xe7\xebR4\tlM\xe31&lt;\x88\x88\xdf?\xa9\xfa\x08\x9d\x95\xf9E\x9awU\xbb\xac\x0e\xf0QO\x9a\xf3\xef\xf8\x0e{N\xaf\xd4b\xb5\xe4\xcf\xb6\xcc\xb3K\x13[\x13~6\xf9\x1c\xf5\x11"~m\xfbg\xb0\xaf5\x83\x07\x95\xaa\x8d;}\x80\xa9\xd1\x92\x7f]f\x0f\x17\xcc\xccn,\xc4f\x0f\xcbK\x0c\x0f\xc4\xbfR\xc7\x83\xc1\x0c_\xees\x18\xf4\xbd\xb3\x83\xe4\xac5Ig@\xfc\xb0\x03\xf2;\xda\xaf\xdf\x82\'\xc9&gt;\x80\x1a.\x80\xac\xb9{\x0c\x8f\xf2\r\x9c\xab&amp;g\xba\x87\x0b\x0c\xb4\x93iz\x0e\x1a5\x8c\xad\xf3\xe7,\x00\xd7\xdb\xad"}Cl\xbe\xc02;\xdf\x9a\x1e\\\xb8\x02\x10\xf1\xee\xbc\xa5s",}x\xb0\x00!\x8bJ\x7f:@I\xd3\x8a/L\'b\x9b0\x14\xdb\x948\t\xc8\xf94=\x87\x1c\x97s\x83\x93\x93\xe0Wu\xe0\x13\x18h\x16C3A\x9c\xba\xac\x05\xa7\x9b\xee\xe6q\x08\x815\xed\x04-!\x13\x9c\xc73\x82\xa8\xf4j\xff\x1c97\x94\xdd!\x10\xa0KL\xbc]\xc0h&lt;\xabw:\x92\x0b\xd1A\x8c\x13f\xb6\x07b\x8f9\xa4\xfelb\x13\xc2Dw\xd4f\x9e\x83{5\x89\x04\x9f}@bP\xefT\x02_6\xe3\x9d\x91F]\xbe\xe1\xb6\x86"m9w\x94N\x0c\xfbf\x0f\xf1{\xfdY\xdb\xba\xce,\xc5\x87z\xa6\xb5\x8ey\x8a\xe6$\x85^\xe5\x02\x8b\x93\x8c\x8a\xd4M\x03\xd4\xb4\xdbN&gt;\x1eF\x05\x06\xf7\x95\xd7Q\xa5\x03`\xa6\xbbN\xe8\xbaA\x17*\xbce\x9eR\xaf7\x12\x9f\xb0\x8d\x17\x1f\x8c\xbd\x94\xf0\xfd\x7f0\x91\xa6\xe9F\xcc\ng\xa4Y..\x05\x9a\x94\x00\xe3\xcem\x8b\x17e\xaf\x17\x1f\xf7V\xe5\xd85\x1c\xb4\xf1\xc06\xd4T\xb8/\xad\xabZ\xf4\xd2T\xfb]\x1c\xed\xa4\xc5\xb1W\xbd$\xdb}\xfc\x126\xd0\x80\xde\xab\xad\xfex1\x18Yzy\xe3\x10\x1e)6\xce\xe90\x1f\x84q\t\n\x02\xf2\x93\xf3\xa2VM\x08\xdf\x07\xe6\xe7\xec\x9f\xdb\xc1\xe8\x1a\xd2\x1b}\xd71~\x8d\x157\xc2\x91\x1d\x86\xa9+!\xa8K\xbf48g\x19\xf2C\x0b\x80\xca\xd0\xd5\xc2KW\xdb\xc08l\xca\x88\xf5Q\x96_\xb4\x0e\xbe\xa4\xe4Q\xa7\xe9\xb0\x0f\'b\xe9\xbc\xc9\xf9A\x00D\xfc\x08\r&lt;\x03i\n\xcclp\xb5\x95;P\xbd\xdaY\xc1AG\xdd\x08\xa4&amp;\xc8\xe5\xec\xa2+=Uq,\xdf\xcc&lt;\x97\xadN\xa9q\x00\xc0\xc88w:\xb6\xbd\xa5\xa8\x8b\'\xdb\xa6\xb296\xe9\xa1\x1c\x93,N\x8a8O`i\tj\x0f"\xb6\xd8\xe2`\xb2\x8b\xc47\x18F\x9c\xa6:\x99\xca\x07\x00\xa6BJF\x00\xc4\xdb\xb4b\xd9\xba\x82`\x0fB&amp;\xd9\xc1\xd97\xa4\xdd\x1a\xca.\x8d\xab\x1dq7\x181C\xa2\xb5\xf6\tk\xea\\\xaf\xf9:\xec\x08\xda \x95=b\x7fx\xe4!\xe6^E\xfci\xd6\xf8\x9f\xe4\xd0\x8b\x0c\xc6.\xa9\x02\xc5\xa8\xed\x0bq:\xf2\xd9\xf2$\xe4\x01L\xb2Q\xc5\x1a\x93&amp;EA\x9d\x1ax\xf2\xa1\x96\xe8[\xcb\xb8\xf2\xe8\xfck\x06 \xa0\xe8k\xdd)@\xcau\x04Z\xd9P`\xf8\x86D\x0c\x84\x91\xe5\xdcB\xca\x98U\t\xd4\x87\x1e$]C\x9f\x8e\xf4\x9d&amp;\xd4n\xe3\x07\x81\x1c\x07L\xd3\xc0W\xcdJ\x84\xa0\xf0c\xe8\x14\xd5C]d\x8a*\x9c\xe39\xc3r\\\xea\xeaK\xf8D\xbdvy\xae\xb0"2\xa6\xb8\x1c\x1d\xa7&gt;\x18G\x85O\x12"\xe2\xdf\xe7\xf9\xea\xcf\x1a\xceLA\xb2\xf6\xa9\xaa\x04i\xcc\x89\xb6\xc5C\xa2\x1ax\x9b^B;k2[\xb4 06\x1c\xffD\x0c\xa1\xad\x9e\xa9\xaa\xae\x97\xf5\xc0\xf5\xe4X-&amp;T\xad\xd7$\x88\x11\x925\xc7H\xdf\xfe\x16V\xefH\xfaZ\xf1\xb3\x03\xcb\x18\xf448\xe2\xbd\xb3\x9c\xef\xe4\xe7\x90\x02\x0b\xce\x10N\x14\xb3J\xe9\xee\xe0$\xfce\xaf\xac\xd9\xd2\xeb8\xea\xcdnL\xe5\x045\xa8a\x00\x8ab\xa1\x9a|]4\xea\xb6\xb7+\x81u8h6\xb6e\xaf\xc3\x16\xb7\x8b\xf4\xd2\xc7-juM\x1f\xaa\x9d\xa6]`\x88O\x18E\x8f\xeeMl\xc1\xac\xb31\xc7\x96\r\x1c]\x8a,\x81\\~\x17\xc4\x19TL\xfe\r\x9f\xcd\x950\xd1\xb1\x1b\x19\xf5*\x82Y$\xc6\x1d\x16\xe1;\xcb\xfb\x08\xf0\xaf\x8dI3\xd4}&lt;\x0f\xac\x1e\x9d0IW\xdb-L\xd0\x9d\x85^&lt;\xcf\x81\xbb\xc0\x1fo\xb6;|z\x99p\xd3\x80n\xcd\xea\xaf\xb17\x01\x0e\x9ar\x8d^\xefvG|\x91\x05\xe9\xa0\xd9jw4f[\x8b\xbfvlg\xf9S03\xed\xe4\xf3v\xd5\x9e\x88\x1f0\xb3\x86\x05\xe1u\xa3\x1c\xb0\x8c\x89:a\xc0L\'\xc3\t\x994K\xe4\x14B^\x1aH\x98HXI\x16\xf5\xa5]\x17\x7f ~&gt;\xf2\xb1??^\x00\xe0\xe3\x8egE\x0b\xc0O{\x0c\xb0\x1d\x07\x13\xcf\x8a\x93u7\x8dm\xc1\xe8\xc3j\x93O/\x1b-E:\xdb\x01s\x8a\x1c\xfd\x92@0\xedn$P\xf1\x1b\'\xe5t\xe3\x8d\xc6\x03\x0c\xa5O\xe9}b\xf6\xc4\xe5`3x,\x9e{\xa8\xd8\x94]\x94\x9f\x1e\xca\x06y`(\x0ee\xc5\x10\xa1+\xdc\xd38\xa5u\x8f;\xd5\xbe\xd3\xa7\xc3\x19\xc3\xe7r\x84\x8f\x17-#.`9\xd4M\x18W\xd4X\x08\x18\xd7\x10\xe6(g`\xd7x\t\xe2?NVh\x87\x19]\x00\x00 \x00IDAT\xebO\xab\x83\xf1\xfb\x85\xf1\x9fHdr\x90\xfd\xe4:\x00\xbc\x0e\xe0\xda\x81\xdf\xf6CTqB\x1b\x8f\x89\x1f\x87\xbb\x04\xb5\x91V\xb0\xa0\xfd#\xc6\xfb\x8fd\xa9\xf1r\xad\x92Q\xa8\x97\x88\xc0\xd1\x9f\xf6\xf4p\xb6\x9e\xdf/\x8d\xff\xd6\x9dfo\xd3#\xcb\xb9\xd2\x1fM\x9aP\x86\xb3?\xc7*\r\xdc\xff\xbe\x80\xae\x01T\x97W\x014\xfa)\xc5\xb3t\x0b\xd0\x91\xc1NC\xdc\x953\x97\x0f\xc0\xa7\x82+\xca\xe0\x9b\x00\xe0\x0fS\xfa\xa5\x03"\x12\x04~J\xae0\xe7H\x147\xf1\x1f\xb7\x03\xc0k\x00\xc5\x1dS\xbf4\xa8\xce\x89\xcc\xbf2Nr\x92\xba\x1c\x95\x01S\x1c\xf2\x86)\xfd\xa5\xc6i"\xc9\xbf\xde\xce\xc6\x01\xe6\xf3#\xdc\x85\x03\x80\x99\x91\xd2\t%\x9a~\x05\x82\xe4\xffY\x82\xa2\xa2\xfc\x8e#\x9d\xf4\xab*Q\xe7t\xdd^\xe1\xd5\xf1\xbfE\x1b\x01\x00^\xa7dT\x03\x1b[\xfe\x98R(SO\xf19\x02\xa4\x1a\xc1nw\xdd\x90)\xca\tS\xa7\xdc\xae\xa8\x0b\xa52\x9d\xf4\xbb*\xf4\xfa`\x10\x1b\x9dj\xacu^\xca\xdcy\xa6\xe2T7\xac\xfe\x12\xdb\xae\n\xa3v]\xc7J\xf4&amp;&gt;2\'\xb7T\xd8\xc5_\x8cd\xf5\xa0B\x89\x0cO\x0c\xfcL\xb5\xe8\rb\xc1\x97\xab+\x02|\x18\xc0O\xd8h/\x17\x0f\xd4f\xe5\xbf\x18\xa92\xd8\xef\xe5\xb2Kl\xc3\xaa\n\xe8\x9f[\xd8\x9e\xd7\x97Rk\x9dj\xb1\x91\xcf@7\xa0\xc7\xd2?/\x067\x81?\xf4\xda\xd9#$7Q{\xf3\xd2qVn\xf8i\xa6V$gM\x16C\x1bw\x95XO\xa7b\xb3\xc6\xfb\x11\x1b,\xe4\x96\xcc\xc3\xfe*s\\\x7f\xecp\xcf\x9c\xbd\x06\x9f&lt;;a\x99\x92\xf0\xfd\xd0%\x07P\xf7\xdc\xaa0\xe0_\x1b\xe7\xdat\xbd\xcd\xdc\xf8\xf53\xf7yP|QP\xb6\x1c\xb1E\xef\x188\xf2\xb3\xdc\x89\x08\x1f"\xd8F\x01HE\xbe\xa8\x16\x00g\x8a\x008r\x0e\xeb\x8b\x1d\xe2\x99\xc0\x10\t\x16d\xb7\xd4l\x9c\xb5\xd4\x0eA\x7fLI\x8e\xe3\x0eG\xfc\xa2\xe9&lt;o\xe4\x90\x7f}`31\nt\x99\x0b\xfd8\x0cw\x1c\x95`=\x8bt\x19S\x01\x88\x88\x0f\x1c\x804"~\x00\xc7\x18\xc9\xbe\x11\xdcNZs\x99\xb3\xd3\xb1\x05\xf52n\x1b \xb4\xcd\xe7&lt;\xbc\xe5\x92\xa8\x8c\x98\x16\xedj#\xe6\xc4\xbd\x1c\x18*\xdcq\xc2T\x8e\x84\x17\x803\x0c,R\x8a\xbc\xce\x9c2\xa8\x17\x01\x10\xef?\x84\'.Y\xd2\x13s\x02t\xa5\x11\xab\x87}\xe9s\xcfM\x0eN\xaaS\xa8\xac\xcb\xfb\xda\x11\x91S\xcd\\\xce\xd0\x0c\x893\x1f\xa7\x84t\xa7?%6z\xfbW\xc8\xe7\xf7~\xc5\xde\xb6\x989s\x93-pG\x05\xed\x9d\x14\xe2\x9f\x03\xdc\xeez\xdd\x1f\xfe\r\x80\xf2\xe2~\xe6\xb7K@\xc2\xcb\xc8w\xdc\xab0\xb3\xc3\x96\x16\x8f\x7f\x10\x18\xc9\x93\xdd\x8d\x1f\x9a\xd2\x93\x9a^\x9d{\xceg\xec\xb5\x85Qi\xbb\x7f`\x01\x88\x1f\xceD\x92\xfc \xa9\x1e\x18\x1a\x98\xd2\xfcS`\xa2}\xe2\x14\xc3\xc3{Z\xce\xf4\x8dEr\x87\xd9a\x1b\xc2\x16\xb9\xad}PQ\xa1\xfd~\xeb\xfe?\x87RrN\x84\xfdEo\xf7\xf7.&amp;\xdf\xb9\xba\xf0\xdc\xea\x1f\xadn\xf4\xd3Zfg\xe7\xbeIW\x85RD\xf8~p]D\x8b\x87\xbb\xd3.\x17-\xfe\x01`\xf3U\xbeQvi]&amp;\x86\xb6&lt;\xd8 \x91l\x89\xc8\xb83h\xc5\x11\xd2E\xf4\'\xd9@}^e\x13ov\x82\xcbdis\xbb$\xcb\x7f:\xe50*M_\xe8U\x17+\x91\xa9\xff_\x0b\x97\xfeS\xf3^\xd1\xb8~\xdd\xe6n\x01\x9e\xb4\x9e\xd3c\xacy\x02\xe2X\x14\xe4\x19\xace\xc8\xc9\xb1FD\xc4\x7fd\xede\x18\x0e\xebjd\xe3\xa3\nd\x97\x9c\xc6\xae|Gc\xb7\x91w\x8c,l\xe4\x07\xc4\xe3H\x989\xf4O\xa9\xf1-\xebaKP\xcf\x00]ze\t\x8a\xb7\x93\xc2\xe4W%\xd0\xab\xea\x01c\x04F\x08\xc18\xa9\xc1\xc5\x07\xe9\xf0\xf0Gt\x1b-\xb1`\xb8\xfa\xb89\xc6PU\x9cl\xe9\xc2\xfco\xb5\xff\xa3\x0e\x82\xf2\x08\x8f\xcd\x12z\x98\x86\xb2s\x96\x90\xde\xa4\xbc*\xa5\x0c\x81I;C\x06J\xbbL\xab`B\xa4\xb5\x12\xc1Y\xee\x08:WEk\xb1\xc5E!\x99\xaa\x14\xab\x01\x10\xef\xcd\xbb\x17f\xa1\xee\xc8\x0e\xe1\xc4\x14\xb3\xc2\x17\xeb{t\xf2\x8d\xf4\xed\xb2\\\xc1\x80C\xfb\x96\xc9\x1b\x8e\x8b\x02#\xaf2\xc3\x87\x1e\xb7F\x13\xab\x9fV\xe3S#\xa2^}a\x07O\x12\nR\x18\xae\x14\x83\x17\xd9\xab\xc4q\xb2zU\xa2%\xfft\x0c\x13vmL\x11\xfe\xeeU\xa9U\xed\xa2\x96\xaer\x01\x98\xf0\x89\xec\x8b\xe1\'\xa3(\x12\xe7\xaa\xa5n\x08\xe7\xf5"\x1fm\xe4\x94\xf4\x14\x0c\xa3\xfc\x16l\xbdqo\x7fqT\xb8\x0c+\x11;\x04v\xeb\x87\x8f\xf1VA8\xaf\xc8\x1b"\x7f\x14\x8c\xe6\xb0\xe4G\xec\x0f\x076E \xa7!\x83\xce\xa0K(\xa7"\xd9&lt;\xc8\xd4(.\x18Wd\xa8\x1e\x16|V(\xe6z\xe2\xc3\x9b\xd4\x99\xcb\x0c#\xab.\x98`\x96`\xcc\xa7\x07\x87&lt;9\x0e\x19\xc5\x07M,|\xad\xab\xf1\x02~"*f\xe7\x1a\xb5\xcb\t\xe9j\x14(sB\x83h.t\x96\xe5\xabC\xfb,wb\x808\x99\xefHb\x8a\xe4h\r\xeb\xbf&lt;YAB\xbc\xbbv\x85\xf1p\x93T\x0b\xe7\x8co|gK+R\x07f\xcf\x03\xc1\x98\x0b\x1e\x9d"\xa5\xfa\xd1\xe2\x9d\xca\x94\xf4I\x94\xe7au\x8e&gt;B\x0c\xd8\xb4\xf7\x1c\xf9\x13\xfc\xd3\xea\'f\xe7+P\xe1\xb3^\x1a\xf0(a8\xa9\x18[\x1d\x08\xe7\xe2\xe9\x8d\xe9\xb91?\x91\xe7t\x8bo\xc0\xbb\x81\xe28C\xf2T\x8b\x06\xd5\xb2\xef\x14\xcb\xd5)\x8f\x89\xfd\xfb\x00\xf7\xeaH\x18\x98\xc2\xe8\xf5!\x13d\xf8\xa1q]n\xd7\xfc\xe9\xc8\xf4\xea\x9a\xb6/\x8d\xc5\\\x06S\x15\xfd^\r\xffo;W\xad\xee\xff/\x8c\rB$\xe8\xed\xday\xb5\x18\xae\xac\xd7\xde7\xd2\xe2\x16%\x13\xdaK\x92{cG\xcb\xb0H\xe18\x1a2\x95?&gt;\xe1\xbc\x1e\xd0g\x19uth\x0e\x134\xea\x11&lt;cK5\xd7Q\xed\x85\x7f\xc9G8\x889\xd4\xfa\xcc\xc4\x9e\x9b!,.C\x1d\xcfA\x10V\xa7Z\xff\xff\xc2P!Db1\xda\xb1#\xd6\x129\x9dL\xa7\xcfS2\xe1\x15\x9ew\x07\xb0\xf7\xca\'\x82aHN\x91\xafV{\x13}_oH\xccYy\xae\t\xfb\xb4\x99\xc4\xb3\xcc\xa8\xf6\xd9\xc5F\x82\x0f\xaa\x93\x1d\xc9xV\xac\x18\x85\xd6\n~\xfe\xa0A\x1e\xda*\xfc\x8d\x8fH\xed\xab\x9b\xec~\x0b\xf5\x88\xef\x98P\xa9%\xfb\x02\xdf\xc9\xe39Y\xab\x81\x01\x00\x10\xef&gt;\x95\xb9[\xdfN=!\xd5\xcd\xe1\x8c\x94\xd5q\x81\xac\xc5\xd3\xfb\x1f\xc8\x9f\x83Cu\x00\xd5I\xb3?\xf5\x15i\x1cCr\xfd\t\x07\x07\x80:\'\xe6\x96\x8f\x92~u*\x94\x89\x10\xa3\xa6w\x00\xfc\xd0\xab\xe7\x8d\x9fR\xd8\x03o\xd8p\xa1\xac\r\xa0\xadz+\x98\xdb\x99CnD\xac\xfe\xba\x88c\x81P:\x9e\xe57\xab\x96\x94\xc2\xe5\x91\xd7(\xe6\xd1\x8e\x8e\x10_tM9\x17\x8f)\xd9F\xae\xe4\xf0\x89S$KHG;o|\xdc\xbc\xde\x00\xaa#\xd6\xd5\xfe\x9f\x90\x8f%\xc8\xfb\x7fFg\xd4S\xe8\xd8\xb7\x96\'\xbe\x87\r\xcdb\x17\xff*y}k)\xa1!\xfd8\xa8W\xe9(^4\xed\xbcfY\xbe\xaa\xb9x\x8c:!\xf8\x8d\xf39B\xfb\r\nX.oz\r\xad\xd4\xf9\xac=\x18\xbb\xed\x8b\xf2\xd6\x9b\xb7\xdb7\x7f\x00\x1d\x83\xca\x9bB~.\xc1\xbdw&lt;\x16\xb0\x08$\xd6\xa2\xbe2v\x0fY\x82\xf2\x12"\x87-\xa8q\x1e\xed\x966\x86\xcf\xf70\x1a\x83Y1J\xe6\x1ep\x1b#\xc8U?\x9c\x92\xc6\xc5j\x15U\x83y\xf6%\xcf\xdb\xfb\x80#}Q\xbc\xeca\xa7v60_\x98\x91/\xe4\xf4N\xf9\xb5\xcb\xc8z\xe6\x96\x86\xe1\xd2_\xf0\xbe&amp;\x9b\xa4\xa9yg\xd7V=\x04\xda\xc0\xc2UB[\xfe\xed\x11\xfd\xe2vjI\x11\x7f\xea*\xca\xa4\xa5\x16\x0cx\xba\xe8;c_P\x99\x10\x11q\x93\x03_\xd9\x88r\x8cj{Gk\x10T6\x9a\r&gt;\x80z\xdd\x8f\x843i\xfa\xb4\xb1If\xddX\xe3\xdd,\x88\xfb}\xb7t\x1f\xfam\xfbt\xf8%\xbbo\xa6[A\xdez\x92\xf2\xec\x0f\xa7\xe6U\x9c\xcad\x00\xb6\xcf\xf7\xc1dK`\xdeV\x9c\xaf\xcf\xfe-\x86\x9e\xe4\xe9\x02\xcb$\xd7\xf3u\xc1\xc1\x9f\x9a\x92\xad\xdf\xcc\x95[\x8a\xacO\xe4\xb0+\\\xc3\x8cTL\r\x07\xb0\x16\xbc\x9a\xa9?\x83\xca\x0bS\xd9sI\xf4\xd8\xd2K.\x84D]{\xac\xed\xa7\xe8\x88\xed\xe7\xae\x15\xd9^!\x87\xf72\xd0\xf6\xe6\xe1\xbf\x01\xf9\x18$3\x92\xa3!=E,a\x04\xad\xb7\x00L\xcfO\xde\x01\xc2\x05\xde\xf7)T\x98a\xb2x$\xbf%V\x8d)\x18&amp;[\xbe\x95`\xba\xd1W\xc4\x86x3\xbf\x0b\xe0 \x89A\xe0\xf1L\xc8\xecr\x06\x05B-=\xf5&gt;\x88\x1f1\xed\x17\'m\xf8\xdcb\x97\x95\x96\xd5Ao0\x86\xdb\xe4\x96\x9b\x07m9Dq\xe8\xf2\xc2h\x96\x9cElT\xdb\x80y\xc7\xa7\x89\xdd\xcc\xd6\xadtg\xa2\xec,9l\x82\xeda \xd3\x13\xbe3\xfc\xf7\x9e\xb14d\xe7n\x80\x8a\xfcs\x056\xc2\xb7X\xb4\xeaF5\xaa\xec\xa5\xb1\rnQ\xea\x8d\xe7\x80\xc6K\xf9D\xc5\x10E\xd5&amp;vW\x85/3hc\x9d\xa3{J+[D\xee,\x1e\xd6e&lt;\x97N\x88lP\xab5\x90\x8f\x03\x18 \x91j\x1ez\x92^\xbf\x89\xe3\x88\xd5.\x13&amp;\xeb\xa3WCk\xb1\xd5\xe9\xb2\x85\xb4\xfd\xd7\x02t06\xdd\xee\xbbvY\x86\xfc&lt;\xe5q67|j\xb3\x02TZ\x8eXD\x87\xf4\x11!G\xf2~\x0fb\xb8\xfbAu\x97&amp;\x1f\x9b\x8f\x19\x1b\x82\x0f8\x1f\x1b\xc7\x80\\i\xc8\xabW\xe9\xf9:\xae\xdf\xf9\xe4]\xd4\x18\x06\xe7\x12\x1b\xe9\xd7=/\xbbn\x92!g\xa1\xef&amp;1\xbb\xea\xf0\x07\xf3in\xc0D$D\xd8\xe2\xb9o\xe3\xac\x1f\x82r$\x17m\xdc&gt;\xaa\xc3rh\xacF0\x1c\x91\xe5\xa5Q\x1c\xc0`\x08\xba\xbc\x07=\x13\xa4\xb3\xb4\xc8q\xd7\xc4e\\\x89\xba=*\xc2\xda4\xbb\x1b\xe2{8\xe1S\xd5\xb3\xc6\xfbi\xa5\xdb\x89dmP\xael\xa2=Q\xd1\xf1a{\x8e\x1a\x19\xf0\xf8HfW\x1d\xfe\xa0\xb5\x0e\xd3\x89\xae\xea\x9a\x83\x88\xdb+\x15\xf0\xbd\xb87,\t\xaa\xc3\x9c\xd3\t\xad\xb1\xfdS\x15kkt\x8c\xc5&lt;\x89X&lt;\x8a!\x11V\xd6q\xaa\x84\x84\xa1,R\xf6\xb8;\xa3S\x97\x8d\x1a2J\x14\x15\xb3&gt;\xe2\x85\x12\x1d\x04@\xbc\x1b\x13\x9b\xdb\xd1\xd9\xcbv\xe0\xb5H\x9c\x18\xd1\x92\xa5\x97Q\xc6\xa5+\\q\x85\xcf\xaf@\xed\xcc\x02\x90\xe1\xddI\xb6\x9f\x83\x89\x90\xf9tW\x1a\xff\x99\x1b\x86\xef\x84\xe7\xc0F\xf5j\xdcx\xf8G\x9d,\tj&lt;\xd4\'\xc6\xf6\xc6VJI\xc6\x86\xaf\x87Dr\xa1\x88\xa2\xd4\xa5\x02\xee&gt;q\xa4ra~\xb4\x94\xea\x95\x18\xba\xb4\xcda\xb2]&gt;\x89\xa8&gt;\xf4I\x83\x82\xad\x0f\x81\x98\xcf:N\xe0\xbc4Y\x86X\xd1Qs\x803\xa4\x04\xf6/yu\x87\x03Z\x0f&gt;\xf6\xb0\xd9\x02\xb7^\x06Z[fd\x1e\x88\x0f\xf0\x12}Ul\xd09C4!38.\xce"\xe51P\x95"\x8b\x0f{\xd4\x0c\xec\x1a&lt;"+\x08\x0cb\t\x1d\x976,_&lt;\x99Z\xfe%\x0f,\x82|\xc03\xe5\xe7J9\xda\x1e\x92\xae1\xd6\xc3\xa4;$\xf1\x14\xe0`1\x84\x00\xf0\xf2v&amp;5\x9e@\xb7E \xbdLzK\xe0\xdc\x99\xa5Y\xd1y\xbb\xf2h6~\x04h\x8eR\x16\xe0\xebGrvH\xc9\xfc\xdd\xbd\x86\xa7JP6C\xdb\x7f\xf2\xa3\x99\xff\x95\xf5\x8d\xcc#m\x02+\x8f\xf0v%\x88.\xd5\xacx\xaeug\xff\xd1-\x8eZ\x12\xd5,$\xcb\xf0Y\xb5v\xd0\xe1M\x17\xf7*\x9e\n\xcf\xd5\xa4\xef\xf9\x02\x1d[\t\xa0\xfd\x19\xde6\x9e`\xe7\xdcn\xef,GG\xfa\xe3\xc8F\xf8\x14H\x98O\xcf}E\x88\x88\xf8&gt;*\x80\x08\x0c\'{\xe6rk\xe3\xf6{a\xcbv\xa1\xa1rB\x142:\t2\x0e\x9a\x8c\xa3\xdc\xe2J\xbe\xee\xa4N*\xed)e{\x00e\x1d\xbd\xb6\xd2\x8e\xc0\xd0\xaf\xbe\xd1\xa8\xc8s\x88\xe2\xa16\x96\x96\x02\xfa\xb4\xc8\xea\xf9w uHR6U\xc9&amp;\xf3g4\xed\xde\x1c\x11W\xaaq\xff\xfc\xac9(\x821$\xa1\xcc\xe9\xdd&gt;t\xaaz\xba\xc10D\x11c}\x06\x9ap\xa3D\x83\xce\x90PKk\x1e?lLx$\x9au\xe4\x9c8N8\x92s\xd6\x00\x98-P\x8a\x04\xd9\xf1\xe0\xf8\xbd\x04Q4\x8f\xea\x8e\xfa\xe7\x02~\x05\x94\xeb\xea\x92\x8f\xf</t>
        </is>
      </c>
      <c r="E9" t="inlineStr">
        <is>
          <t>&lt;class 'numpy.ndarray'&gt;</t>
        </is>
      </c>
    </row>
    <row r="10">
      <c r="A10" s="1" t="n">
        <v>8</v>
      </c>
      <c r="B10" t="inlineStr">
        <is>
          <t>steps_per_sec</t>
        </is>
      </c>
      <c r="C10" t="n">
        <v>200</v>
      </c>
      <c r="D10" t="inlineStr">
        <is>
          <t>10.292508</t>
        </is>
      </c>
      <c r="E10" t="inlineStr">
        <is>
          <t>&lt;class 'numpy.ndarray'&gt;</t>
        </is>
      </c>
    </row>
    <row r="11">
      <c r="A11" s="1" t="n">
        <v>9</v>
      </c>
      <c r="B11" t="inlineStr">
        <is>
          <t>Loss/object_center</t>
        </is>
      </c>
      <c r="C11" t="n">
        <v>200</v>
      </c>
      <c r="D11" t="inlineStr">
        <is>
          <t>0.78572077</t>
        </is>
      </c>
      <c r="E11" t="inlineStr">
        <is>
          <t>&lt;class 'numpy.ndarray'&gt;</t>
        </is>
      </c>
    </row>
    <row r="12">
      <c r="A12" s="1" t="n">
        <v>10</v>
      </c>
      <c r="B12" t="inlineStr">
        <is>
          <t>Loss/box/scale</t>
        </is>
      </c>
      <c r="C12" t="n">
        <v>200</v>
      </c>
      <c r="D12" t="inlineStr">
        <is>
          <t>0.023736127</t>
        </is>
      </c>
      <c r="E12" t="inlineStr">
        <is>
          <t>&lt;class 'numpy.ndarray'&gt;</t>
        </is>
      </c>
    </row>
    <row r="13">
      <c r="A13" s="1" t="n">
        <v>11</v>
      </c>
      <c r="B13" t="inlineStr">
        <is>
          <t>Loss/box/offset</t>
        </is>
      </c>
      <c r="C13" t="n">
        <v>200</v>
      </c>
      <c r="D13" t="inlineStr">
        <is>
          <t>0.28417045</t>
        </is>
      </c>
      <c r="E13" t="inlineStr">
        <is>
          <t>&lt;class 'numpy.ndarray'&gt;</t>
        </is>
      </c>
    </row>
    <row r="14">
      <c r="A14" s="1" t="n">
        <v>12</v>
      </c>
      <c r="B14" t="inlineStr">
        <is>
          <t>Loss/total_loss</t>
        </is>
      </c>
      <c r="C14" t="n">
        <v>200</v>
      </c>
      <c r="D14" t="inlineStr">
        <is>
          <t>1.0936273</t>
        </is>
      </c>
      <c r="E14" t="inlineStr">
        <is>
          <t>&lt;class 'numpy.ndarray'&gt;</t>
        </is>
      </c>
    </row>
    <row r="15">
      <c r="A15" s="1" t="n">
        <v>13</v>
      </c>
      <c r="B15" t="inlineStr">
        <is>
          <t>learning_rate</t>
        </is>
      </c>
      <c r="C15" t="n">
        <v>200</v>
      </c>
      <c r="D15" t="inlineStr">
        <is>
          <t>0.00028</t>
        </is>
      </c>
      <c r="E15" t="inlineStr">
        <is>
          <t>&lt;class 'numpy.ndarray'&gt;</t>
        </is>
      </c>
    </row>
    <row r="16">
      <c r="A16" s="1" t="n">
        <v>14</v>
      </c>
      <c r="B16" t="inlineStr">
        <is>
          <t>train_input_images</t>
        </is>
      </c>
      <c r="C16" t="n">
        <v>200</v>
      </c>
      <c r="D16" t="inlineStr">
        <is>
          <t>[b'512' b'512'
 b'\x89PNG\r\n\x1a\n\x00\x00\x00\rIHDR\x00\x00\x02\x00\x00\x00\x02\x00\x08\x02\x00\x00\x00{\x1aC\xad\x00\x00 \x00IDATx\x9c\xed\xbdy\xfc&gt;\xcfQ\x17\xd8\x13"\x02+\x04\x10\x82\x10\x90K\x0c \x89B ,`4\x80n\x96\x9b\x18#B\x00\x01\x11\x10\\9\xb2\x82x\x84E.\x91UATX\xd0\r\xc4\x95C\rG$\x02\x11\x12@P1Yd1/AC0\\\n/\x90#\xe2J\x10\xb6\xf6\x8f\x99\xe9\xe9\xee:\xba\xaa\xba{\x8e\xe7\xf3\xd4+\xf9\xfe\x9e\xa7\xa7\xba\xea\xdd\xd5U\xd5\xd5=\xf3\xcc\'\x84#\x08\xf4\x9c\t+\x84\x00\x00\x00\xfa\xde\x9d\x89\xd4\x0e+\x1d\x02\xe9Ng\xa6\xd9c%\x86\x9a\xdbp\xde\x05yh\\\x91\xc0\x92\x07l\x92\xafn\x9a;\xa5\x14\xdd\xbf\x1aN{\x809V\xfd\x9d\x1e\x18\xddpmA\xd6R\xba\x8e\x03\xd0&lt;Tz\xc4\xd1\x00T4\xad\xffN\xd3t\x06$\x91j\xf5]\x00x\xc9P&lt;G\xd1\xadf\xa5\xd1\xe4\xb3\xdbMZ\xbb\x88e\xfd\x18\xc9\x1cp\x83\x06\xba\xd3\xf9\xe9f\xcb\xb3\xdd\xe9\xe4\x86&lt;\x04\xdci\xcb\xffvL\x00\xddf\xfc~\x06{\xa7\n\xdd]\xe3\xb4t\x8f\xdb\x87I\xbdR\xf6\xfe\xees\xf7W\'\xdd#\xfd*t\x86{-\x0f\x84\xbe\xb0Y\x02\xbcq\x07\x18\x17\xa5q\xb7\x91%\xa5\xf7\xd0\xd8\x93\x00\x889&gt;v\x06n\xde\x03v\xdbP\x9f\xdc\x92g\x03G\x9a\xebl 5\x84\xdd\xcb\xe1\t\x07\x1e\xfb\\\xd1\xe67H\xed\xd3o\x95p\xf2\x84\xd5\x8b\x1e\xc80\xef\x94\x12\x84\x00o\xb0\xd3\xd4\xab\x9f\xf6a\xd9\xee.z\xa7\xfet\xf7\xaa\x8b\xd2\xc3\x99\xb6\x87\xe3\xa2\xccon\x0e\xc1r\xa7\xe3\xa8}\xca;\xc6\xcc\xc3\t\xbfk\xd1C\x9b\x9749\x1e2\xf6\x93\xff\x0c\xad\xd1&amp;\x80&gt;\xdcIK7l2\x80G=\xb4Ds\xa7\xd3\x92\xefx\xa4\x97\xff\xba\x03\xe1*Ok\xb6\xe3\xbc\xc8@/K\xc7\xda\xf7\xc6f7{\xdf\xc6m\r\xed&amp;\xc9~\xef\xea\x1f\x98U\xb4i\xbc:\x01\x00&lt;\xfeh\x10\xbb\xd05~\t\x8c\xe9\xe0\x9f\x04\x1f\xfd\x83\xe4\xbe\x94\x8e\xe6\xf0\xdfZ\xdf\x06q%d\x97&lt;:M\x93\xf1\x11\x98_\xca0(zb\'8\xff\n\xd0\x0b\xe1l\x9e\xe9\x87|}\xcfo\xa7;\xdd)\xa1\xbb\xcb^\x91\xf4\xb3\xe6~\xe5N\xc1\xcf.i\x16$\x00\xf03&amp;\xddG\xd0="\xee\xb4\xd1\xfdWQw\x1aG\xa9ca/c^\x02j\xab\xfe\x95\xcc\xca\xf7\x92\xaa\xd5\xda\x84\xb7\xd3=No\x9c\x0e\x9c\xdb\xbbc\xddi\x04\x15\x0f\xf3\xe0\x04K\xfc\x04\x12\x00\x00\xfe\xfc\x1e\xe8\x08\xbdg\x0e\x83\x93?\x98t\xa7V:jr9\xb7?w8\xdc\x02=4\xfb\x92\x8f\xbdW\x13\xef\x1e\xc55\xb9:\xddIGw\xbb]\x95\xeen\x7f\'\x81\xf6\xf1\x8b\xbb\xff]\x9d\xee3x\x0b\xb4\xffR\xf00\xdfru&lt;\x02;\x9d\xc0lw\xeaI\xf77\xc4\xdc\xe9!Rw?\xbe\x9f\x9e\x99H_d&lt;\x04\xf35\x96\\\xee\xae\x9ac\xb7.t\x8f\x82\xd3\x910\xf1\xf7\xb9\xb2\x92l\xb1\xbb\xf7c\xaa?\x87\xb3\x0f\x8ek\xd2\x1c\xbc\xff\xa9\x93\x1cG\xaf\xeck3\x8c;Id\x9a\xa1\x9b\xd9\xd0\xb5?\xd0}\x1e\xba.\xf2q\xd4n\x13R\xc2\xce\xb7p\x0f\xb9o\x06\xb0\xf3(E0\x0f\xd9\xbd\xf7\x19\xf9\xa5\xcf\x16.\x01r4Ump\xb7\x91L\\\xae\xe7\x98w\xcb\x8e\xe7H\xc2\'"\x80\xfb]\xa2K\xd1\xe8\xd9\x1a$\xfe=\xc7\x88U\x92)\xec\xd3\x12\xe9\x1e\x1a-\x04\xcc_\xd6-O$z/\x00\xf0\xa9\x01\xe0w\xf4\x92\xd6\x8b\xce\xb9\xf4\x9c\x13\xd5)h\x1f\xcb\x98\x8f\x80\x06\xe1\xb89\xda\x92\xb8\x98\\d\xf3_:&lt;\xce\x89\x9d\x9c\x8eb\rh_\x0e\xcer\xe0r\xa7;\xc9t*7\x9d\xc1\x9c\x08\xd0Jn+\rJ\x04\xa7\x9a\xb5A4h\x8c\xca\x05\xa0\xa3\xba^\xa2\xeet\xa7\x13\x11\xc0k\x1d\r\xa1Bg\x88=\xb0\xacg(\r}\x1e\xcb\xd6\x03\xdb\xc3$\xf2\xc0\xc7\xb4N\x0f2\xbeUlw\x18w\xa7\xba\x93\x81n#\x0b\x9dj\x0ckj\xfa\xfd\x1a6\xb2}\x0c\xae\x9b"z\x01\xe8}`\xe5\x98\x0bS\x97[z\xb7\x0f^\x8c\x8fBr\x00=\xa4\xb1\xeeAg\xf6\x9e*6e\x1d\xba\xe7S+7I\x85\xf5\xe6d\xda\x9eR\x8f\x9d\x91\xce\xf7\xb1w{.\xf6h\xbb\xdd\xe9Fhv"\xa53\x1d\xe2v&gt;\x8d\xdc\x81u\x0fD\xb7@&gt;S\xfc!\xca\x07\x1a\r\xbb\xfcJ\xd6\xdd\x7fw\x02\x00\x80\xf7\xf6\xf4\xea\r\xa3\xab\xbc;\xd5\xe8n\xf1\x82n\xc3\x1c1\x7f\xe1\xe9\xbd\x8d\x01\x92\xe49l\xe1E\xddC\xe3\x10\xba[\xfdN4\x9d? O\x82\x90{\xb8\x85\xfc|Kt\x92Q\xed`\xde\x9b\x9d\xc1\xfb\xba\xcb\xd1\xdd.\x82\x05.z\xe89B#\xbe+\x00\x90\xb5\xdd\x1di(\xcd?g=\xad\x91\xe1S\x93\xcf\'\xc5x\'\x8a\xce\xebR\xc3p\xe9O\xe7\x87\x1a\'\xdeQ\x18\xa7e\xcf\x05\xe0N-t\x1b&amp;\xbc\x8dQ\xecL\x8f8V\xfd4M\xc7\x02\xe0h .\x00\xed\xa8y\xb6\xb5\xec}\x1b\x97~\x08!\x9c\xd4\xee\x0ca\x8b\x1d\xe59\xbd\xb2\x0c\xb9p\x1d\xf5\xc4H\xbb)\xcf\x90|\xaf\xe5\xd2w\xbaS\x854OU\xfa\xc4&amp;wS/SB\xa3\x1d\xc0\x93\xdc\xe0_\xbf\x1f\xaaq\xb4\xff\xac\x9c\xd6\x11\xce\x8a\xcbC\xa75\xf2\xc1t\x894\xf4\x8a\xf5\xc3%\xd0\x92\x04y&amp;\xed~\x8c\xe2_\x93\x94\x9c!\x84\x10\xdec\xe4\xd2u\xdd\xc9\xb5R1N\xd3\xb8/T:\x1cK\x85\x91\xeeF#\xe8\x9c\xa7\xb9\xf23\'\xd7\xa5\xf4\x9c\xe1\x0c\xd9\xbf;\x8cF:\x0f\x92F\x1a:\x8c\x9b\xb1RJ}\x07\x05\xa8\xde\xba\x13K\x07&lt;\xa3r\x04\x80\x1bv\x85\xdb\x18\xda=\\g\xba\x1b\xa1\x17\xdd\xed\x98Q/\xc7:C\xdd\xea\xd1\xb5\x9b&amp;#\xdd\xe3}\xa6\x96\xf4?\xbfn\xc1\xa7\xd4\xab\xf3N\x97\xa4\xfb\xfb!\x8e!2\xbc\xef\x93q\'\x1f\xdd\xc0vAF\x7f\xed\xb1\x9d\x9b.\xee8+u{*\xae\x93\x9c[%\xb8\xa6\x89\xae\x9e\x1f\x05\x82\x01/\x8d9\x1b\xb9\xf74{\xd2\x8d\xcf\xc1`:\xf8w\x00\x91F&lt;\xc3{\xacc\x00\xbc\x88h\xf4J\x9b\x1e\xccc\xce\x97I\xaa#\x7fNq\x16\x13L\x17\xf0\xba\xb3\xfe\x94\xe8Nw\xca\xe9\x06N\x0c\xee\xb43E\x7f9\xcasn\xcf_ooD-t\x96\x1d\xc0C\xa0\xf9\xc7\xab\xf0\x9aG\xe3\xb8\xd3u\xe8\xf0\xf2\x96\xd4\xdfR\xca\x08\xddvZ\xe4\xda\x1e\xef\x96\x995\x82\xeeU\xe01\xd4n\xf7\x1d\xe6\xed\xee\x1c\x0f\x8dT)C\xbez[&gt;\xb3\xdbF9&gt;\xa4o\xd2\xd8\xbe\x00\xdci!\x80/\xdaQ\xd7\x83\x9e\x9a\x07&gt;\xfc\xdb\xa6K\xffb\xb1;Rk9\x7f?\x98=\x80F[\xfcl\x93z\x06&lt;\xd6\xa7]Od\xbe\x95N\x08\xe9&lt;\x04\xeb\xcb\x9d\xc2^\x0b\xc0\xe1.\x1db\x06_\xbf\xbe\xc0\xea\xe4\xbf\x80\xdf1u\xfc\xa0.L\xf1\xa5\xe1\xbb\xfe\xba\xea\x1cs\xc6m\'\xb9\xc6}\xd1\x1d\xa6\xb4#]\x1d\xbf\x9b\xc8\x81Sn\xf6\x9e\\\xa9\x01\x91\xa7_\xd1}\x86\xe9h\xfck\x10\xc5\xb3\xbcg(\xd4\xaeM1\xd5\xb5\x9fl\x9e\x93\x88\xedv\xc9\xa0\x10rw5\x0b\x9d\xdfL\xe7\x99M\xf2\x05\'\xee\x9f:\xca\xa3r\xc8&lt;\xd6JU\xe5\'\x99\xc4;]\x89\xc6\xb9LGw\x1c\x9a\xa1\xfc\xf5\xd7i\xf2f#\x9ds\x0c\xd1\xbcn;w\x9c\x9e\xb8\x05i\x95\xc3\x8f\xa5\xdd\x9d@\xfd\x8b\xcb\xefhQs\xa7\x93Pt\x97\xd3\x06p?Q_\xd0K\x14%\xdc\x8f\xd3\x1a\xb4\x07\xae\x19\x97[\xaa\xa8\xa3G\xbb\x04c\x97?\xcf\x8bR6\xfa\xa8\x97c\xfcT\xbb\x88;a"gf-Ov\xc6r\xa7\x93\x12\xc0\x0btlw\x8f\xd9H&gt;\xde!N,\xf3\x96\xef\x14$\xd7\x16\x10|\xa1z@:\x8e:\x94\xffL\xffBr\xf2\xd3\xbc\x16mw\x1a\xf3\xc4\x82w\xab\xbb\xf7{]&lt;\xe7\xa7\xbbh9\x0f\xe9\xa1\xbfj \n\'\xb5\xdckeo\xe4R\xed\xd6\xc4\xf7\xd9\x16\x0c\xedA\xb1\xdf\x02\x10\xc2\x9b\x15-\x8c\xb9\xcc\x92\xcb\x05`=Xs\xa0| 4"\xb3\x9bT\xef\xd9\xd1M\xee\xb5\xca\xc4\xec\xbe\x01\xd8HJ\xa5\x97\xbb\x91\xb8\x0f\xe1!n\xc7\x95\xc9\x07k\x96\xd6\x1bn\x91\xfbl-\xb3Z\xf0(j_\x1a\xef\xd4\x81vH7\xb2\xfc^\xda\xdb\xef&amp;U\xe54:\xa8\xf29\xab\x1d\xc2\xa0Ez\x81\xed\xe6\xe3U9@\xd1m6\x9e\xa1\x93kXW\x00\x1c\x81?\xd4-!\x04\x80g\xf5\x15x\xa7;\x99\xa9\xba\x00\x8c\x8e\xe1\x93\xd7A\xa3\xb3\xc0\x81\xa4|\x9e\xe4\xb4T\xa9\xb4rN\x8d\x97\x15\x07)-\xd8\xf6\xa7\xeep/g\x01\x89\x9c\xa7\x19T\xe3\x9fk\x84\xa2T}\x1a\xe3?\x9c\x05`\xdc\xa1\xd0\tIi\xf6\xe2\xb0\xf4\xba#\xd7\x8c\xd6\xe7\x8d\xe4\xadfADU\x81;(\xc0\xf5\xd7\x11n\xc3\x9f\tJ\xce"\x9f\xf4\xd06\xf2\x91L#=\xea,\xfeZ.X\xe4\xc4\x8b\x92\xedh\xde\xf8 \xac[N\x19\xa7\xfd|C)\xe8]kB\xdcWMl}\x83\xe2\xd2;\x9bV:Q\x85y\x04\xf5\x1d\xb8\xfe \xd5v&gt;{\x9a\xf9\xc1\xcf\xc6\x00\x00&lt;R\xdd\xd7\xa4\xeb\xd0Q\xef\xaf[\xbb\xe7\xc8\xbf~L\xbb^u\xf6oU\xd1q\xad\xc2w\x8c\x7f\xae\x8b\xec\xaa\xea=\xb4\xecM\xe4\xc4\xdc\xe4H\x07Q\xd5\xb9}\x16&gt;a)\x8dW\xb8S\xc1\xbb\x16u\xc9\x89\xf2Y\x8a\xac]\x89\x01\xaf\xfa-\xa8R\x00\xde\x93\x9c\xac\x97\xb5\x96\xba1\x8f\xed\xf0\x07a\xa6\xe4\x8fVD\x1b\x1d\xfdw,XzV\x08\x9f\xa1`\xbb\xc0,\xf3\xbe87OG\xff1\x11\\\x1bN\x87\xa2\x1a]\xa5\xeeI\xed\xea\xe6\x99qO\xc6&lt;\x8f\xd34U\'t2\xfeY\x1b\x00\xd83\xfc\xf4\x0e9\xad\xe4\xd0r\xfet\xd2\x81\x00\xbe\xe7\xba\x8b\xe4\xe50_\xc2\xce2\xc8xi\x87\x81\\\xc2\\z\x1a\x1dh\xbd\x84\xcb\xb3\xef\xbb\xad\x9aK\xe8p\xdb\xc0\xc1l\xe2\xbf1\xdf\x93\xe8\x01\rU\xa4\xc2\x04w\xa3\x08\xd4\xddg\xe8C^\xa3\x96\x93\xcf\x98\xbc\x00\x9c\x1az\x08!\xd9\x1d\xb6\xcc\xbe&lt;|\xef\x01Q\xfd)#Y{\xa0\xc2\xdf\n\xe3Jt\xec\xf0Nn\xda\x03\x8ds\x12\xb7\xdb\xb3&amp;\xf8\xa0$3nd\x14\x02\xfb\xde;\xf1\xe6)\xf3\xe08^\xa5\x90\xa5`\xf7\xdb\x95\xba\xff\x7f\xcaz\x11\xa0i\xf6\xcf9\xa8\x07J\xa6m\xdaP$n:+.\x15\xf5\rr\xb9.\xe3r\x93\x15\xc3\xce\x9e\xe0\xb6\x8f\xbe\xa3l\x00d.\x07\x16\x03\xf55\xef\xa0\xc9r\x0b\xed\xfb\xc0\xd2\x0e\xd4\xe1&amp;\xf0\x99\xc9t\x87\xc7$\xb9\x98\xe3\xe7\x98:[\x08\xe3\xba\x8cs%\xa4\xc7,=\x0b\xab\x08\xad\xe26\xddO\x86\x10\xder\x8a\xbd5\x00L\x9e\xd0e\\\x8e\xfb\x8a\xb3(cG\xdaz\x85\x90\x8e7\xe9\xe1#\xfd\tZ\x99F\x07=S\xe0\x17\xea\x99\x97\x87A#V\xc5\xa3R\xe1\xb1\x8b\xfc\x85\xea\x8b`9ah\xd4BJ\x98[\x1d\x07\x17\x8d\xe7\x00\xa3\x89\x1c\x8b\x80\xf7\x90\xf3\x16\xb7\xb6\x93\x18\xffx\x04g\xa63\xcc\xd0\xcet\xc2\xcd\xdd\xd9\xf0\x1cE\x9c\x1d\x00\x00\xe0\x89\xc5\xf1\x90\xc6d\xff\x96a\x936(\xbb\x904R\xd5)Y]\xbeu\x80B\x97\xf2v\xa8A\xa6\tB]\xcb\xc1\xb3v\xa0\xee\xdb#\xc7\\\xb6O\xbf/\xf2\xf1yt#\x8c;a\x8a\xa9\r\x1b\x17(j\xd2\xd5\xd2Y#_\x01\x8f+\x90e\x17\xd5\x8c\xddj\xa2\x0f\xa9\xa9\x18\xba\xef0\x89=$\xf4\xce\x1f\xef}\xce\xaa\xa0\xc7\xc9\x17@\xcf\xf3\xc7U&amp;`T\x9c"\x10\xcd\xe1\x1bc\x94\x19\x9f\x1d\x9b\xff{\xd4)!i\x90\x8b\xd2\x12]\xd3T\x94\x8b\xc5/\x13q\xc7fG\xddl(x\xc5 S\xc7Q[\x8f\xff\xe7\x0fr?n8rh\x08l-\x99aF\xdc\xcb\x82\xb7\xe4\xf9\x1d\xa9\xcfM`\xdf\x0f\xe4\xa0\x8c\xdb.X2bP\x91\x87\xc5\xcf\x1f\xe1\x1dS\xf2aZ!\xb58\xa2p\x02\x80\x19\x00\xa0\xf8\xd9\xf3-\xc5\x80\xffw\x99vJ\xad\x9a\xe9\xe4!\x8c\xba?9\xff\x04W\xe4\x81\xdc\x1f\x94U(N\xd6q\xab\xa1\x1c\tfk\x99\xa2)\x11\x08\xd4\xa1\x90\xbe\xbe.O\xa2,u\xf9\t\x0f~o\x9f4\xe7--s"\x1cY\x9e|\xb2\xab\xe0R\x86\xf8\xe0\xf6@@\x9d\xe8\xb7\xf1\x97d\xf4\x9aC\x9e\xfc\x01\xf6v\xb0\x17\xa08\xd4m%\xb0\xfb\xf6I\x8cu\xady\xbb\x0e\xd2S\x12\x00&lt;u\xfd\xd0.\xcaz\x89&gt;\xc1\x1c&lt;\xa3\x0f\xc4a\x1e5L2\x99\xfa\xe7\x8fY!|\xa54\xd2\x81\xe2\x02@\xee\x0eK\xe6\x9d@I$\x94e\'$\xf9~\xfb~8\xaeE\xca \xece\xc0v1Y\xfc4\x8b2\xb5\xe3K\xdd\x1d\xebf\xfc\xb4\xc8\xef\xd4&amp;`\xa7\x05 \xd5\xd0EiKwe\xdf\xc84\xc2n\xfa\xbe7\x937of \xfd\xe9\x01\x16b\x91\x0e\x19\xf5\x0315\xde\x02\xc0\x0f\xae\x1f\xd2\xab_\xb8\x07\x86\x81:\x90\xc6\n\x83BB\xc4L\x82\x07\xa6\xdd\x002\x95\xe3\x96\xa2Qt\x1aW\x7f\xa0\tNC\x17:\x956Q\x1aE\x0c\xc3W\x99F\xcd\xb1\n\xdb\xe4\xfc\x00\x84\xbc\xd1\xbdA\x95\xd1^\x91\x8a5`\xfe\x049\xed\x84d\x1f5\x9dH\xe1\xba\x92\xe9\xc0\xb2\xf2\x1dh\x99[r\xf5\xd3Q\x96z,\xcc\x17\xa2b\x8c\xfa1$\xf9h\xd4\xc0G\'\xb8\xabL\x18\x88t4\xba\x03\x08 |e\xed\x8c\xb1\x92\xdf\x95\x87H:;\xcb\xc2\x00\xde\xf8aN\xd3\xb5\xc9\x96\r/\x1b\x8a\x05l\xfd(\xe0\'\x05\x99u\xa5\x90\xfc\xeag+\xd6\xd0\x1dUk\x9a\xbb\xeeD\x90\xf4\xce\xc9\xe7\x11I\xbf\x8b\xa0\xa1\x06\xf7\tW\x1aJ\xcbV\xdb\x86B\xed\x1d\x0f#\x0ctK~~RR\x1aXy\x9e\xf8%\xed\x80r\xa5ZN\x11Y\x81\xbc\xdd\xab\xd2\xb4^^Z\xc1\xc0v8\xbbahIm\x80&gt;\xdc\x00)\r\xa2\xf7R,\xbf/\x92\x8e\xd4\xe1\x8c~\xed/\xc8\xf0y\x1d@\xf6G\xe0\xdb\xa1\xfa\xe8\xa8\x05\xe0\xa5\x08\xc6-\x05]F\xca\xb1YK\xd4\x96\xee\xa4\x04\x13\x8f\\\xf2W\n\x19\xf8\xdf\xab\xaa5\xc0\x00\xde\x1b\x18SXE\x99\x018\xfa\x1cD\x9d\x8b\xfd]\x1e\xda\xe9\x05\xb8\xe34u\xaci\xb8\xaf\xfb\xa4\xc0\xa8\xe5v3\xee\x99H3\xaf\x8e\x99\'\xbbt\xf7 \xb7\xb8C\x96sa\xd3\xa0\xe9\x15\x14{\xf0\xa2\x97\xcc\xea\xc3S\nq\xf7\xe4\x04\x1eQf:\xe8X\x17Z\xbe\x0e\xd55LE\xcd-\x07\xa8\xb4\xd3%\x9c\xd0Ok\x89\xda:\xce\x1f\xe6\x85;\xf0t\xa4\xfd\x0f+\xa3\xde.),\x1e\x1f\x91\xed\xf5\xee3\x92_jDq\x00a\xdb\x9d$\x14\x8fZ\x99\x84 \x15\x00=\x9e\xb7\x9b\xe1XU\xcd\xb9\xe21L\xd6o1\n_T\xb8zy\x14\x89\xb3}\x0e\x97l\xa0\xd1y\xaa\xa6\xf7\xc3\x1b\xf5.\xd2\xbe\xe9\x8c3\xb1C]\xb6}\xe5\x83\xbc:\xbb\xe7\xb3\\\x08\xcd\xa1er\xe9g\x84\x00\xf0\xd5&gt;9\xee\xe0i\xaf\xbaR\x0c\xc1xgh\xdb\xf65h\x94\x18\\bGP\x17\x1b\x9fg8\xfd\xa9\xe3q\'y\xd2\xdd\xc8Y\xf420\x03\xc0\x0b\x89F\xabR\x9fv\xa7\x8a\xed\xdc\xd3p\xaf\xa2Y\xe9\x1e\xab\xe7I\xeaw=\xe9k#\xe9\x16\x94C\xaf\x9d\xbf\xdb\xd9\xac\xa5{\\u.7\xb3V:\xea\xbe\xf7\xb9(=)\x96&lt;\xbe\xad\xb2\xb0\xd2\x9eGF]4U\x1f\xd2\x08\xbb{\x1b\x00\x00\xbc\xfen\xeaZh\xff &lt;\x7f\xd8\xa7n\xd3"d\x87.7C\xf0\xa6!\xecx?\xfc\\$\xaf\xf9&amp;_T\xae%\xa7\xa2\xc6I\x1fZ\xda_\xbdN\xa9\xe2\xd7\x0f\x0f\xe0[|\x00Lx\xf6!eQ\xd5q+?\x94\x9es\xdc\xd1y_\xb5\'q\x8f\xb1t\xe0\xf8P4:\x85\xa4\xfd\xb8\xcf&gt;\x02\x17\xaax\xb2\xd0\xf1\xee\xcb\xfa\xf9#\xad2\xe1\xcd=\x8a4\xed\x0eJ\xc1\xbb\xc5n\xbb\xa8\xd8\xf2\xafk]\x98\x97\x0b\xd5V#\xed\xb9h#\xcdJ\xac\xbe\xe2\x98/\x80\xd70\x01\xc3\x92\x95\x06y\x08\x99\xf3N\x1b\xed~\xa6\xa1\xe1\xd1\x9e\xf0\x12}\x91([\xf7\x06\xd5\xa44,\xbc\x8bdR\x11\x00\x00\xfc;w\xf7*\x8f\xe9N\xa6\xa0h\x90\x1d\xf0\xd4W\xb5\x0c\x9a\xe8:?+\xa7\x8f\n&lt;\xf6\x07Q\x11?4j\xbf\xc9\x03\t\xa5-\xad\xc0\xf4O\x1c5j\xca5r\xe9\xdb\x18&lt;\x9d0]\x99\xb0\r\xbax\x05\xde\x01\x8c#\xa0\xfe\x82\xb1\xaa\xe3qG1q\xf7\xd9A\xce\x8e\x8f*h\x00\x8cV\xb7\x9b\xae\x0b\xd0l\x0c\x80\xd7\xce\x8f X#\x15\xb3\xd5&gt;y=v\xd6\xc4iC\x9a\xdf\xad\x05Q3"\x82\x9e\x9d\xaa@\x1ao\xcc%\xf7,\x0b\xfc*\x8c\x96\'k\x85\x95\x1e\xd7m\x7fP\xc1@8\xf9P\x8d\xdd\xa9\xc0\x8b\xeb\xb0\x1b\x8b\x85k\x90\xe0IOPt\x1c\x14\xaeJ\xb1$\x9b\x1b\xd3\xd0t\x9c\xee\xa2^K\xd7\xe5\xfb\x86\x81\x19Gz\x97\x10\xea\x0c\x8f^+\xbf~\xf7\xc9\x8c\x08\x00~\xd5\xa8T\xd4R\xbd]\x91\xd54\xd5\xe0S\x0eoP\x08\x93?\x0f\x82\xa7\xe7z\xbbk\xe5i\x8b\xbd\x1d\x95^\x83Z\xcc"\xf7\xednm\xb1\x10\xf3\x0e!\x93F\x87\xcd&gt;%^\x08\x01\xe0\xf7\x15\xfc\xcel\xd8\xbbT&lt;3\xcd\xe3\xabf\xcf\xdd\xf08\x08\xec\xd3T\r=}\t\xe5\xf51\xe9V\xf0v\x1f(_\xb4\x1c\x8a\xbaP{\xa28)\x99\x86\xd32\xf4\xa1\xb6[\x0f\xa3\xcc\xf2\x0b?;3\xc5\xe7@L]f\xa3[GwZk\xd43\xf5\x0b\x02\x18\x1f\xff\x84\xdf\xde\x08\xeax\xd2\xccW\x11\x80\\\xda\xdd\x1e7\xd2\xe5\xdc\xc6\xb8\x86\x7f\xce\x8a\rG\x9fp\xe22\xe8\x06\x17\x00\x99\xf0\x89\xf3\xfeJ\xf7!\x00\x80\xb7\x97\x19J\xfe\x8a4\x86!\xbd$\x95`\x8c\x10\xbd\x0b\xbe\xd4\xe5\xb5\xd0\xe3\xe6\xe46\xc0\xaek\x8ff,;G\xa9\xb6L\xd6M\x9c\xd9V&amp;n\xa5\x01\x8d*FX[\x96\x19o\xc0\x9c$\x13?\xac%a\x10\x1d&gt;\x9d\x9c\xcfANi{/\xbd\x02\x1e\xac\xd1\x90\xca\x19\xe4;\x93C\xb5\xd0A#m\xcf\xc1Z\xa7C\xe8\x0b!\xbc\xa0\x93v9{\xea\x85\xef`\xc9u\xefn\xecu\xa6\xa4{\x1e$\xa7&amp;\xa9(^\x19\xf6\xc4C\xc0\xc0\xe5\xf6.i\x94_xp\x8b\x19C\xb5\xd7\xe88\x1f\'\xfap\x87\t\xb5\xccU\xa9\xb5\xc5\xf5\xa0E\xfb\x88\x19u\x9c@\xa6\x1d\xf9\xab\x10\xee9\xf4$\x04\xf1\xd4XUgy.Ud~k*D\t\xa3\xd5\xdb\xeb\x9b\xcd#\x8a\xe8\xbe\x1a\x1d\xa5b\xf5\xaa\x1f\x8c\xa3\x0by`\x9d[\xc8a\xaf\xe8\xed?m\x87\x14\x92\x13s\x1f\x91\x0b\x80C\xe0&gt;\x9e\xe9\xd6\xb1\xcf!R\x94p\x86\xb2\xe0\x01\xd1&gt;\xc6\xee\xb5\x12\xc4\x80O\x99\xe5\xfc^\xcd\xfd\xed9\x94\xe4p\xac9z\xf6Yr\xe3\xce`\xb3\xe3\xab\x9a\xf2`/rg\x91\xea\x1a?j!\xc4\x0b\x98K\xd1&gt;\xf5\xc9P\xf1\x87gm[\xa0\x8dBq(U\xa7\x80\xf32\xc7\xe4)\x13:\xd9\xd2^s\x99\x16\x80\x1d(j\x07\xf8\xc7\xb8Q%!\xd8n\xb7*\x87\xecv\x89\xdd\xa8\x8bvy\x01\xb0\x1fO+x\x16\xceoL5\x02\xbc\x15\xd7u\x9e\xdc\'fZ \xb9\xf4\xe4T\xec\xc3$v\xf1\xde\x19\xc7-\x91)\xba\x14\xd9$\xf5uM\xf6ag\xb4&lt;\x1cW\x01\xcc$\x17\x00\xc0\xfbk~Y\x0b\xf9Y\xc0\xd3\x92M\xb9\xf5\xb2\x85\xba\xe7\xf6\xee\xabE/\x81\xdc~\x087VwNJu\x81\x8a\x08A,\xbd8q\xedG/\xcc&gt;jA\xcc\r\xb8(\xf5\x1a4&lt;\x18\xb2z\xa1S\x8b\x02\x03=\xa3VE\x8a\xa8\x1eA\xb3\x8e\xeeU\xb9J\xd4YS\xc0\xb8sd\x83(`\x93\x05\xc3\xafbwX\xbb\xc8M\x00?b\xe9\xdb\xfa\xac\xd48\xfa\x86b\x83B\xf1\x14\x8d\xf0^\xa3\xc0t\x8c\xa9Tf\xbb\xc0\x93\xd2n\xc9\x11)\xcd\x00\xb81\xd0\xe9\xde\xb2\xff\xb0\xaa\x1eQz7\x92\xd5\x86Vs+\x99wq$\xb4\x1d\xf4\xee,\x15\xbaj\xdb8\xe1*U\x8a6\xc6\xda&gt;\x85\x9a\x8f\xde*\xf9\xdc\x0e\xe5v\xd3\xed\xf9\xc8T\xb4\xf6\xd1\xb8\x86\xc1\xfc_}\xf2\xc2\x1c\\G\x1c~\\\xd6\x06 \x02U\x03\xbe\x8a\x01u\xfc\x9bU\x9eF\xe2\x8a/\x82\x13\xb2Y\xe8\x8bag\xf2MGH\x9c\xc4g\x01\xa1\x1b$&lt;VT\x92F\x04\xa0Q\xe0%(\x9d#\xe7L\xf5\xc0\xd0,\xe3\xac\xa4K^\x9eR\x88\x9b3@\xa4GK\x89\xaa0\xd4\x85\xe4\x81Z\xed\xd5xp\xd9\xd0\xbb"\xcadJ\xd8\x06\xab^\xc3\\\xa8v&amp;}\xb2h\xf4A\xa13n\x02\x00\x80\xf74\xeb\xa8jo\x14\x12\x96\xed\xd4!\xb3\xa6]\xa7-\xf5\xd9\x08\x00w2\xd7/)3\x1b!\xfb\x9e\xd4s\x92\x01\xb2J\xb0\xcb\xb2t\x14\x99\xa7)\xef8tq\x1aD@\xbd)H\xb9\x13\x82\xa9\xc3\xc0\xb9\xce\xa3-\xd0\xc5]\x01&gt;\xfd\xfc\xde&gt;\x08\xdb\xc9G=\x90\x00\x00\x9e\xe9\xe8\xd5Gu\x07).\xbdi\x11!\xc0h_\x004\x1d\x1d\xc2\x07\x89\x1dD\x00\x00\xf0/\xf6S\xd7\xd2\xb7}\x01 \x0f!\xedB}H8\x7fU\x8aJ\xfd]\xee\x02\x89\xd8\xd6\x9d\x87\xb7\x9a\xdc\x9f\xce\x12Q\'\xa4\xaa\xc7t\xd2\xd2|r\x9a\x87\x07\x0e\x96\xe4R\xde\xa5z\x86\xd0\x88LM\xd0\x9c\xa7\xeed2\x9e\xde\xb7\x85y\xa9\x1dN\xd2\x87x\xe4\xe7:\x06\nU\xee\xf64glT:\xfc\xcc\xf1\xbaJd\xa4\x84U\x91\xe1~\x15#j(\x01z\xdc\xe0l\xf4\x88Ar\x95\x9e7Ma\x9a&amp;\xa2;\'\xb6\x01\x92\x86\xb0\x13\xcf\x9f\xa6\x99\xa4\x9eK\xaf\x8di\xfdT\x89\x8a\xb6\x94\xac\xcf\xe9\x1c\xf838\xa8\xf2\xbc\xa5\xa7F\xdf\xb0%\x0f \x94\xe0\xef\x9c\xde\xc2\xb9\x00~\x0f\'\x04\xe1)1\xc9~\xcaJ\xe2\xbbM\x1bl\xfaTv\xf1\xfc\xb0\xf8\xbc\xec\xec\xd3\x8a\xf8\x17\xd95\xaf65K\xa0Q\x83g\x84L\x13\xc1\t\xd6\xf9t\xd0\xb4\x83\x8eK\x91r\x8fY\xd9H\xea\x8a\xeb\x94Y\x8bO\x87\x84\x8cd\x1c\x12\x1a\xbd\x1c\xbc]6F\x9a\x9b\x9c\x1f]\x0c\xca _\x12\x0b\xf0\xc1\xd9W\x93\xe43\x93&lt;\x12\xcd@q\xe9-s\xca\x0c\xf3\xbf\x7f\xd1wf\x98\xd6\xda\xf9\xf9g\xaa\x19{\xfe\xa9\xe89\x8c\xa1\x06\x01]\x8d\x86\xda\xa3\x89\xceQu\xcd\xd4gy\x02\x00T\xc2l\xab\xb4JB\x0ee1V\xde?j\x89\xa6\xac\x16\xe5\xf1\xb3\xaf,\xda\x87\x00 \x05\x08\xb0\x14]\xa1\x07\xecj\x99\x83-\x9f*M\xe7\x11\xcf\xb2$\x96\xc7Oz\x8bErHy!)Q;\xcer\xa1E\xddkW\x97\xab\x8ez6,*\x87\r\xc0\xcaL6\xf7\xb5L\xeei\xc97\xc5:\xc9\xd2\xbc\x8c\xd3\xeb \xff\x11P\\\xe4\x00\xf0\x06v98!\xba\xfcQV\x1cn+\xfaG-\xf1\x83\xbc\x8eb~\x8e4\xf5\x16\xe6\xe9Y\xec$\x00\xe7\xedj\xf5\xccI \xf8\xe6L\xb0\x8cS\xaf\xc3\x8f\xc7+\x87D^\xf4\x9e\xd6\xa4\xe3\x83\xc7\x99F#\x8c6\xecy\x82;\xd24\x85lQ7\xb8\xee\x94\xf7\x8dG\x1a\x9c\xb5c\xad l\x82\x85\xa3\xb0\xa2\xcb\xd8\xfd\xc44J\x85\xec\x8d\'t\x103\xad{\xc0G\x84\x10\x1e\xc30\xf0\xbd\xc6\xee\x7f\xda\xa5\x03\xf3\xc3\xaer\x01\xe8\xe7=\xb2Y\x1a\xb5t\xef\xae\x0f\xe0.\x00R!\xa7:a\xe8\x0e\xc6*\xaez\xfeS$\xd3\xbe\x01\xa8\x11\x18\x19\x9ek\x14\x1b?7\xc3&lt;#\xdd\xce\xb8L\xe30\xf9\xab\xdcK\xc3\xec\xb6\xf1!\x93#\x9d\x98\xef\x87\x82%\xb4\xfb9\x00\x805ln\'\xccrR\x8e\x8a\xb4X\xd7\x05\xe0\xff\xc6K\x00Zu*B\xfe:\x16\xdb\x05\x9c\x85\xf6\xf7\x93\x1b\xf1K\xab3U\x99M\xc5\xe6\x01\xd3vDBi\x8f\xd8}6^\xd7\xa23X\xc3_\xa0(\x1f\x7f\xf0\xcao\xa4T\xef\x19\xdc\xeeX\xe7?\x83\x05\x86\xd0&gt;i\xe5Z\x99\x0br\xc0\x02\xf4\xa2]\xe2\\\xe8UM\xc0\xc4\xf3\x93\xb4\x8c\xbb\x92\xb9\x11Y3\xe3\x95\xc7z\xa7\x92\xda]\xf7\xd2\xce\x7f\x009\x8c\xe5\xb0\xb0q\x93\x81R\xb0\xe29\xb9A\xe48\xb2 ;tpk\xe1\x8e\xdc\x9a\xfb\x93\xed\xfc=\n\xc2\'\x1c\r\xa0\xa0e\x06\xe3\xd7/\xf6t\x1fG\xdd\xe5;N\x17\xb8\xd8\xd1\xcb\xf19\xff=^X\xc2\x86\xd1\x988MC\x1c\xbf\xf0$Cu\x01xj\xaeE\x86d\xf2\x1en\x14\xf4U\xa6\x8bR\x9d\x83hK\xe2=\xfbSF\xa8\xee/s(\x9d-\xaae\xefJ\x1b\xf7\xc5ES;\x8aj\xdd\x86\xc7\xee\x13\xd5\xde\xe5$6?\x92\x84\\\\|5-\x00@\x0b\xf9\x1f\xf4\x85\xaa\xc0\xa9_\x00\xe6\x8b\xb2\xb2\x9a\x10\xf5\xe9D\xd7\'v\xb6\xe5\xe74nZ,6\x87\xe1\xa8\x11\x9e\xb2^h\xb9\x9a\xc0*\xa4p9}PX\xb5\xd8 \xed\xb2\x0e\x99V\xbe\xb3\xac\x8a\xa7\xa4&gt;\xaf\x82(~l\x02\x7fkk\'\xb9\xb5r\x01(!\xbfB0\xf2\xc04\x1a\xf9\x9fl\xcc\x82\xbf\x1b\x92#\x12Y\x14CD\xf9\x1f\xd4)@r\xee\xe7d&lt;\xec\xd3\xd9\xa7\xf9)\\\nb\x04$\xfd\xf4\xc8\xc6\'^R\xd2\tm\xf1\xf3\x14\x00\x80\x0fg\x99\x01\x1e\xcd\t!\x1f6\xdf~"\xd3\x9c\x85\xf1\xea"\xf3O\xc9o\xc4\x18\x81\xa3\n\x11\xd9\x91\xfc?\xa8\xb9\x93@E\x89\xa4\xcde:\x1e\xb9\x9c\xc1\x95\xbb\xc3\xa7&gt;u\xfd\xf0\xb5\x02\x12\x8e\xf8\xdb\xaa\x1a;`\xfcz\x02\x80\x98\xf4k\x9c\xa7.\xb1CC.\xa8\x96{\x00\x00?\xdaVb\xef~l\x05\x94\x1b\xfb&lt;$\xb8\x16\x006\xdc\xfe\x1fC\xa5"\x87m8Y=&gt;\x0e\xcc\x99F9\x8cpZ\x148\xcb\x16\xfb1\x1f\xa7W\x03\xd2$?\xe1\xc9\xaauj!`\xc5\xbaG\xb7\xf10\x1d\xe5^\x8c:G\'\x95\xd8q\x8e\x0e\xf0\xfe\x81\xbbo!\xda_fx8TX\x00Bx\xdavi\xa7\x1b\x06\xc4\x92\xe6*\xd7\x06\x917\x9aTi\xc7\x85\xe8Rd\xcc\xc2\xac\x04\x93\xc6\xe5C[\xf6\xd1\xebM\x13z\x11NL\x02Z\x06;s\xb3k\x98\xe2\xa6\x82\x06\xde\xb1}\x8f\n\xe6\x96\xfc\xae\xec\xb6s\x00+\xb5\xb5\xe4ll\xb4q\x1e\x18B\x80\xb7\xcf\x8b\xa7\x16Y\xc3\xc8\xe9B\x9f\xaf\xe0q\xc8\xbd.\xad\xd3\xfc\xc5*\xe6\xc4\x1d\x1c\x0b\x00\xa4\x9f\x07\x9c!\x10\x1a\xc5-m\xd6\x82.9=,\x1ee\xa8\x10r\xedR\x99\xac]\xff\x1a\\\xd9:v\xd3\xa4\xb8\xc5\x9e3\x17)\xd7$\xae\x1c\xd1\xf4\xf5Bk"u\x89xjj\x04\x7f\xf1\xd1\xabI\x18fVw$\xee \xa5W\xaa%\xad\xfa\xf5\xb5L#9\xa6/\xed\x01\xb5c\xa8\xee\xfe\x01\xdf\x96\xa9 \xf5\xaa\xe4 &gt;\xb9\xe3i\xbd\xfc\xb4\xc0\xdc\xa4\xf4\x9a\xdd\x16\xefA0\xc2\xb0\xd3K\x03\x80\xf6\xcd\xd0\xd1C\x18K\xe9\xe8\xe0\x15\x0c\x0fS\xbc\xc8~\xfc\x1a\x99\x84(\xe4i\x98sD"\xed(M(\xdc\x80\xca\xb3J`\xae\x95\xc9\xa0\xcdZo\xc69\xa8\xac\x13\x00\xbb\x9dA/\x1a\xf7Q\xa3\xa6\xb3\xe1\t\xc9\xdc\tW\xad2?V\xa5\xd7*u,q\'\xd5a\xab\xe4\\bO9\xe9}H\x99\x1a\xd2\x0f\x9a\xf8\x87\x84\x82\xee\xd0\xdf49\x02\xabP\xb3\x07\xef\x86.\x0e\xbc#\xed\x97@;)\x8a\xcb\x89\xb9\xa3\xba1PFv\xe3\x1fda\xd3\x1a\xdcE\x8e\x9e\xb8-c\xafYs\xf0\x9c\x8a|\xb1\xbfg\xb9s\x00q\x81\x8d\x0f\x10\xac\xe5\xe7\xf9\r\xd7}\xa3\xb0\xe7x\x95\x1a\r\xb3\xd6\x0c\xa9"\x1f\xfe\xaf\xf5\x83\xffh\xebpj\x9fe\xdfN\x0e\xb5\xab\xef=$\xe5\x97\x15\xb7\xcc\xef\xae\tz\xd1\x0e\x9ag\xfb\x7f\xc0p=\xc7\x11W\xde\x16\xf3j\xf5\xfb\xed\xd8\x07_\xe2\xba\x18\x84\xdbf\x9e.B{\xa7\xec.\xa9A\xafH\x19~2(\xc8\xff\xf2\xf5\x88\x80\x02\x80O\xc9\xf7^&gt;+\r]_\xf5\xb9\xec\xf0\x85\n(\xb4\xb5\xdd\x86sfu\xde\x95\xf1&lt;\xd5\xa5\xc8G\xd7(\x19NN\xdc\x147.\x00d\x17Y\x88p\x15\x92\x7f\xd9\xee\xc5-\n$\x19\x0b\xaf\x1ey\x9f\x8d|\xb3P|\xb0vl\'\x8d\x9d\xeb\x0c\xbd\xd0\xb4\t_\\\xb1\xf3y\xa0\x81\x13\x12\xc2\xc0\xba\xa2R-0\xd7\x8a\xa0;\x95\xa4\xa9}z\x15\xcbU!\xc2\xd5\xcf\xab\xc5I\x01RY\xcd\xe9K?A\x88\xb3c\x11c\x8a\x18v\xe8\xf2\xc3;Y`w\xdc\xaf\xc1\xfb\xe5\xf5\xc1\x0fo*z\x88\x1fH\xbd"Q\xab(~\x0e{\xfc\xbezg\xfb\xebR\xc4\x05\xbc\xa2\x894\xfe\xb4\x95\x1c\xaf!3\xd6\xba\xeb|W\xda\nH\xa7\x19Y/\xcdJ\x93\xae\x16\x10\xc2\x17T\x91Q\xbab\x90\xa8{WP\x9d\x84\xb8Y\xd8%\xff\x10D\xe2\xf1\xac\x88\xb4du\xf7\xbf\xeaW\xddN\\\x10)\xc1\x90\x1d\xf9Y\xce\xca\xa9\xa1\x0b\xcf\x08\xc1\x9a\x8a\xaa\xec\xf2\xce3\x9829\xf4\x05\xd6\x8b\xba\xbd%\t\x00\x92\xf7A\xc1\xfcz\xb8\xf4\xd5T\x9bJ\xdd\xab\x99\xd2\xee\x01YP\xf3w\xde\xad\x1a}\x04\x00\xb3\x02H\xfe\x02\xbbF#\xf6\x89v\x9cX{a\xc6\x93\x90\xdeJ:i!\x04\xff0\xfb\x82\x19A\xd0)Pc`\xe2\xd1Z\xfd\xb6\xe0$\x11\xce)\x10\'\x813\x9b\xba\xa0t\x08\xcaYX\xf3@\xf6\xf2\xc0^3xR\xdavy\xde\xc3\x99\xaa\xfcx:_\x08\x11d\x82\x02\x92\x0f[\x94\x1a\xe5Cv\xc9*\xaa\xb50*v\x12\x1d\xe9\xf0\xdd+\xc0o\x07\x8a\x10[\xd6\xf2WvDx!\xe2\xa6\xd2\xe4\x80nwh/\xff\x8b\xcd\x84\xa1c\x8b\xd2\x1e\xc8\t\xb1\xe7\xd8\x13&lt;\xb2\x8f\x98m4\xcb\x1bn\xc34\x05T{\xe2\x95_\xb90N\xbc\xbd\xa4j\xe2\xe7\x15\xa2y*\xb0\x15\x85\xcf\xf2\xdf\xf5\xfb\x94\xf0\x04K\xddM\xd8$V\x1c\n!\x90\xbf\xea\xd9Ze\x08E\xd9\\\xfb\x1cR\xb8\xac\xaaE\x9er:\x92MO\x0f\xd0\xa4\xf1M\xdb\xa9\xbe\xb6\xab\xaa\xd6\x94\xf0\xec\xdb\xc2\xa9\x91r\xfc\xee\xf2\xbd\xbd\xf0wKhQ&lt;%\x05n\xcf\xbd\xcb9\xb6A\x1d\xfe\x1e\x00\xa4\x13\xf3\xf4\xd5L\xb5\xfb\xa2Ki\x99\x97\xcf:R\x1b\xee\xb7Bx\xa9\xfee\xe0SY]\xf2\xcb&gt;\x97p\xa7\x84\xb4 \x13Z\xd5\xbd\x03\xcb\x80\x918\xd4\xac\xc6\xaf\xd4 \x00\xf38\xfa\x1d\xd4\x00&lt;\x99\xb9\x14\x19fT\xea\xe2\x88\x1eB\xb2\x1fj\xa9\x13\x1b+\xb4h\xb5\x11\xf5c\xc8\x97HM\xf67H\x0e\xc1!m\xcc\x18\xd9\x00\xdc\xf3\x1c)/\xf3&lt;\x04\x00\x00_\x96\x0e\xe7\x14\xe9\xbf/\xcdn\xaet\x83\x18\x9c\xea#\x1a[ \xbd\xfb\x86G\xd2"\x1c^\x15\xeb\xc1\xa00\xce\xd4\r\x15\x9e\xdf\xdc\xe6ha\xe8\xa57\xb7&lt;P\xeb\xbd\x00\x06\xe4\xab9\xe6Bf\xf1!\x85\xc4\xa2\xe5\xa7\x9br\x8f\xaf\xe1T\x93\xd6\xe6\xd5Vh\xe7\x93\x02\x9f\'@\xf2+\x01\xc8\xdb\xfd0\x14\xc9\xa1=hb\x06h\x94S\xd5\xd2\xe8\x06g\'2\xb6\xbb\xabP\xda\xb0X-\x84L\x11\xe2\xdc\xfc\xf3M\x8b\x13\x9b\x82Gh\x97\xe19 \xc9H\xb0R\xd9J\n\x99\xdfNf[*u\x12S\xc3\xe5\xf4\xd7\t\xe5\x1d \x99_\xd0\xdb\x97\xf4\xb6j0\xa9\xe8\x18F\xb12?\xc0\x8f/\x1frO\xe0\xf2c&gt;\x89\xc42\x9fI3\x01\xa5T\xd0\x0c\x08\xd893,\x84\xf0\x117\xbf\x00t\xa1\xad\x88\x80\xf9_(\xae\xce&amp;t\xd8Q\xb6&gt;\xaeI\x03\xe5^\xa4X\x8d\xfcF\xea+\x97\x8dU~\x8f\xc5\xe6\xa0O\xac\xea\xaa\xd4\xe0\x9al\x9ev\x14\x96\x80\xa2_\xe3\x8c,\x9e&amp;\\\xad\xfb\xc6\x86\x99\x13\xe2\x86\xe7 2\x89\xfb\xfa\xca\xa1AF\x93\x8f\xe4\x9f\x047\x9ao\x87\x12!\xe4\x1e;T\xddU\xa9\xac\x174]\x189\xddM\\\xad/\xb8d\xba\xb6\xd0\xed\xc7RZ\xd9\xe1K-ft\xf4\xd3g\xff\xe0\xda\x07T\xa4\x85\x00\xf0\xd3f\xd0j\x92\r2.%\x0cu\xb9\xfaN\xb7\xf8z\x1a\xff\x8fH\x1c\x072\x8e1\x9ce\xd8"\xf5\xf9\xa3\xf0E\x04\x9a\xb2Hz3g*\x1e\xbc\xe1\xba\xa4z\x139\xdc\xc3\x0cY\x8b\x0e\x15\xc6\x86\xbf\xe2\x16\xa4\x0eR\x1el\x16\xb7\x8b\xc4\xe2\xc2\xdc1\xfd\xb1Fmy\xfb\xa0\xe4\x12\xbck\x05\x8fX1k\xa9\xf2\x10K\x10\x9f\x9d\xc0\xb3\xc3\x8b\x82y\xcb\x000M\x8f\xb1\x00\x14\x04\x96\xf25\x06\x19z\'p\xd09X\x153~2\xc2\xad\xcb\x9c\xa6?G\xc5\xe6\x00\xc4u\x11\n\x97\x1b\xbc\xcd+P\xeam\xa4QFT\xe8\x0e*`T\x8aD\xe2\xa0\xdc\xa2+WJ\xe6\x08\xce&amp;\x1a[9"&lt;*\x84\x10\x00\xfeT"\xa7\xdc\xab\x16\x13\x1a\x14\xb6\x02\x80\xbf\xce\\\x92{\xb15&lt;\xa2\'#\xa8\x96\xde,\x06_\xc7\x90X\xa9\x9c\\\xb7\xc4\xae\xb4\xcd\xe0\xa1\x958\xa9z7&lt;z=\x0e\x1f:\xc9D\x9f\x9d@a\\n_\xd6\xcb\xc4\xb4pE\xfa\x98\xaf\xc9\xf0+W\xd5xL\x0c-\xf4v\xf8\xf0\x8d7\xc5zuA\xb54\xbe[\x87\x18.$\xdb\xe8\x00\x00 \x00IDAT&amp;Sx\xe5\xe4D8\x08\xe2\xb50\xed\xac\x8a:r\x04C\xd1I\x14\xc8\x08\xe9\xe2\x04\x85p\x00x^\xb3L\xa3\xf6\x00?o;\x1b\xe8\n\xa0\xbf\x10\x08\x01\xe0\x1f\x1e4\xa0\x0b\x92\xc6L\xa75\xe4\x9fi[\x00\xdc\xe4\x10\xabL^\x01e\x16i\x01H\x9a\xb6\x05\xa0\xc7\x90q\x06\xaf\xe6S6\xfb\xeb"\xb1\x18r#\xfe\x8f\xed7\xf5\\\xf6\x17\xf8\xf5\x8a\x85\x99U\xcb\xf0\x13\xac\x9b$\xbc\x0e\xed\xa0=\xb8\x16\x00Mh\x14#2m\xb3N\x9b\xebTT\xcc"\xb2\x0bS\xc8\xb8\x06mZcol1\xa6\xb7\x0er\x17\xfeLiK\xe2\x14s\xea\xe2\xaaUd\xc4\x02P\xcb\xe5R\xf9o\xaf0l\xae\xa5\xe4\xb3\x90\x0c`\x9b\x8e\xe6#\x14\xbd\x89\xfa\x92\xa0O\x1e\x9dF\xc8\xa0\xc1p\xb6b}\xf2;\xe7\xab\xf4I\xef-\xd3VHjbO\xc7C\xda\xddgT\xdcM?\xa9\x18\x80{f\x1b\xf0\xbb\xf4\xe5\x12l\x03L*\xb5V\xdd:B\xaaYcC-\xfbw\xc4,\xa7\xadzw\x11\x8b\xe3n\x01\x1e\xe0\x8bj\xfc\\K/+-\x80\xfe\x8f:[E\xc2\xc9Rf\x8b\xf3\x9fr@\xc3h\xc4(\xab\xc6\xab&amp;\xf4\x82\xb9\xf0{\x00\x80\xef\xa9\xf4z=\x84G9\xab\'\x9cw\x196\x97@\xbb\x0c\xc4\xb1\xf6\x80\x98\x14\xaa\xd9\xbf\xa3\xf9gaKM\xf7y\xbe\xee\xa2g&gt;\xceV\xbdV\xe7\xd1\xa4\xddG\xd8\xc8\xf5a*\xdco\xf9\xf0\xee\x1d\x91\x1eF#\\\xf1\xa4\x14g.i\xa9\xf3\xf7\xd2\xab\x14\x1bs\x8a\tL:{\xd6\x19\x15890\x8d$\x06Xy\xc2\xc3\x02KCQ\xb3\xceuN\xb5\x1b\x82\xe4\xcb\x7fC\x9cc\x17\x80\x9e\x83\xc2\x95\xca\x98\x82i\x93\xaf;X\x07\x00\x80\xc7\x06~\x12\xe15\xea~\x12\x19\x1eD\xa6\xb3\x10\xe9\x85\xb7i%\x1crB\x12\xb1\x9a@\xf2\xe0\xf5_\xbd@\xabj\xbd\x8b[S\xcfi]!\xdaS\x83\xb0\xef\x10R\x1b~\x00\xbf)\t!\xc03\xf6\xdb\x01H\x805&lt;\xbbO\xb4I\xdd\x9f\xc4\x85\xd4*D\xb0d\x1a\x14\x1d\xc1\xf4\xa2\x16\x95q\xcc-\xeb\xb4\xe9\xec\xe8\x94i\xc0Bk9&amp;\xf3\x10iT\x9f+\xb3\xaf\xc9\xb9\xea\xce\xd1%\xeb\x92SO9\n\xc4\xb9\x99\xa5\r\xa4@\x1a[\x01|\x12\xc9l\xb2\xb3/\t\xa7u}.\xe7]\xcav\xc5&amp; \x88\xa1\xd5\xa5\x0cW\xd9\xd3\xa5\xe8\x87\x187\xd0\x98\x15\x19\xd0\xa6z5]\xb9\x00\\(M!\xff\xb1y\xf2v\xe2\xe7\xf2\x10\xd0M\x93\x06\xc9%\xa9\xfb\xa8\xb0\xc0$\xc2_=\xe5\xd9y=\xf0\x11\x00\x00\xfc\xe7*Lr \xf8&lt;\xc1\x07 \x07\xd3\xcdd\xed\x92&gt;,\x87\x94\x1f\x04e\xd2\x01_E\x9c\x02\x9e\x1e\xd9\xdfS\xcd\xb4i4O\x17\xc9/\xad\x8b\x10\xfeVZ\x05\xefxJ9\x82\x8a\\l\xd5M\xaf\xc1\x8d\x98RQ\xa7OV*2\xedw\x92^\xfe\xc1\xe3\x15~\x9ee_6\xdby\xd9h\xac\x0e4\xdd\x05\x0e\xdc\xde+\xce\xb9\xc5\xc9\x97\xb3\x00\xbe+\x93\x8c\xb3\x98\xb8\x0fp\xe0\xf7\x91UY\x0b&lt;GR&amp;\x99\xab\xfd\xc7\x19p\x90d\xfdJ\xcfy\x08\xd4\xb6\x8c\xb2\x96F\xe6k\x93\xdb\xa7;\xc6\xea\x12\x1b.\x00\x05\x8c\x81\xde\xcf\x05d\x8e\x01\xe0QA\xac&gt;\x1a\xd7\xce\xd5\xd7;,\xc0)\xbd\xa2\xa6\xd1$_\xd3\x87\xdf\x01\xac\x0c_dR\xeb!\xc7\xda6\x0eL\x08\x01\xf2\x17z\xb9\x03\xb3\x0f\x18f\xef\xee\x90\xdf9W\xd4\x16\x0c\x92#\x89\xd02c\x08\xbd\xeeT\xa1.6\xb3\x165d\xea7+\x85M\x94\xa0K!\'_\x00D\xe6o1Jv\\j\x94\\\xb0\xb1k\x9e\xa2c\xe5\x10\x9fY\x002\x1eFF\x1f\xaf\xab\xf9Ou\xf8J\x0fT\xa2%\x13n\xb5%\xbb\xea\\\xb0\x89^O\xe3\xcb\x1d\x93\xf0\xd8k\xcf\xe4\x8a"\x1a\x83)\x17\x80d3\xfa\x90\xca\xffF\x1aq\xce\x18\xb8\xd2\xa3l\xe9\xa9\xa8p\x08\x82S\x14\xd2\xbc\x14q[\xdan\xc9\xc5G\x90\'\xbbT\xa9n\x01`\xd2w\xad\xf6O\x85p\xdd\x83}\xcbH\x02\xa8\x0e\x81\xbc$|\xad\xf2\xab\x10\xd6V&amp;\xb2\x11\xd4\x7f\x82\xb3\xd1c\x95\x04\x00\x00\xdft\xb6t\xba\xf3j\xf4\xa0\xc9^\x8c\x00Y\xc5\x90\xfejub9\xdaM8\xb3\xbe\xbdWA\x807m_T:!\xe1\xd3s\xb5\xefs\xb7\x93\xbd\xd8\x9f/\xfcY\x00\xac\xfc\xb5t\xd5\x0c\x81\x94\x06\x8aU\x96\xd9\x7f \xe7\x94\x00x\xce\x16\xde&lt;\xe9^\x05\xa0DB\ni\xf71\xb3c\xa0^\xa3\xfd\x1c\x90\x1b\xe8\xfd\x19&gt;\xf0\xbe!\xd8\x91\xb8\x94\xc0,\x00=\xdc7\xf9\x17il\x94\xed$g\xc6\xa5\x84\x04\xe3\x16\xa1\x08\x92\x90\xa7\xefj/\t\x0c[\xf5\xdbjy\xb4\x11\xac\xd8)Yr\xfe\x9eZIm\xc3\x87Z*\x00zL\xa8\x86.\x91\xaa\xb01\xac\xb6\xf1\x993\xb2\xcf}\x7f\xc3\xa2+\x18\x17\xd7\x1b\'h\xd8}\xd7\x85Sk\xc0\xfe\xc6\x07\xfe\xe7\x11;\x80\x89&gt;\xb7\xb5X\xf4\x92I\xd6\x01 \x95f\x95 \tg6y\x1a0\xfaK\r\x9c\x86\xf3\x1fA\xf2\x968\x1a&amp;\xa2\x91.\x91\xb3\xac\x86\x11g\xe7\xef\xf2\xbdT\xd5\x0c\xa9+\\\xc4\x92\x9d\x89\xf7lm85\xd5\xb0\xfb\xe6\xfdT\xdd\xfc\xe1\xe3\x8a\x8ax\xf9@\xfb_\xe7\x14Im\x80\xb8TB\xa6\xa4\x04p\xbd&lt;\xef\x82YIk\x10\xbe\x11ng\xbb\x08\'\x1ec\xccn\xca\xda\x85\xdb\x90 \x0f\xc9\xfe\xc1\xb8\xffs\xaa8\x02\x06gM\xcdd\x1d2\x11\xd7 "\xaf}f\xab\xc0\xa6\xfex\xcbo\xe9e\xd5\xeeF\xcb\xc57\xd46\x8f\x91AFR$\x91T\x1b\x00\x9db\x00\xe0\xeb\xcaB\xde&gt;\xb0\x1c\x80\xbf\x7f\x03\xc5\x911\xc7t\xb5\x80\xd7+R/\x00xv\xc8\xf6=i7\xcdx\xf7/\x8c\xba\xe3\xe2\xa7\x91\x01\xe5+\xb3\x1a":\x04x\x1f-\xe7\x8dP\xcbT\xd1\xb5O3$N\xb2\xc4\x9f\xf75uv{ia\xb6\xec\xb4q\xfd\x10P\xc2\x12\x1cT\x06\x02\xabd@\xe4\x1c\x00\xa5\xf7\xc0:\xa9\x9cD&amp;\x0b\xab\x16\x00\x9dY\x8a\xed\xa6,&lt;\x9d8\x87\xd1\x01\x86\xfc\xc2\xc11\xfb\xb2\x05i\xb3\x17\xf5\x87F~\'\xcf\xd4,&lt;\x18\x1bP\x078\x00\x7fX\xab7?\x86\xa5\x18\x94\x92\xceM]&amp;I\x92\xdf\xd2W}\xdc\xc4\x8dB\n\xe6\x84aK\xd3\x8a\x8e\x1a\xc0d\x8e^\xb5t\xb0\xf9,\xa0W\x8cQ\xc2_\xd0WfG\xd2z\x85\xda4\x00\xaf(\xd6\x80\n\xbf\xae,%!\x91\xd2\xba\x90\x80\x07_\x82\xdc\xdb\x03\xbf\xb9)\x1a\xa3\xe3U\xc0\xa0\x95\xb5\x17U#\xba\xda=\xff\xaaS:\xfe\x97\x89\'"H\xfe\xb5\xf6\xcaZ\xfa\xa5\xa7\xc6UD\xc0\x90b\x04\xf4~\x82\x06\xb5~HG\xd1\xb6z\xdd\xc4/bp\xe5xN\xc2\x99\xd7\x91\xc8\x8a\x96\xecP\xeb\x85LE_\xcb\xf8\xa6\xfdA\xca\xefs\x1ex\xb6\xa44\x8aU\xc6N_\x076\x1d\x7f]\x95:\x0e)\x9d*\x87\xd8\x9d\x13P\n\x11\x10\xed\x06\xe3&lt;\xc4T\x7f\xbf\xd8n\x8d\xeb\xdasv\x85\x11\xf8\xf1\x91\x84\xc6\xf1\xb8\xebY\xe8\xa9\x8fb\xdaG\xd5\x18/O\xca\xea\x8f\xf2\x83\x11\x83\xb9o\xfcsA\xcf\x94\x85\x9b\xd0&lt;LJOcd\x9fH\xa7\xb9\xf8&lt;.\xf9\xceb\xdfC\xc13\x08\xc3\x9e&gt;\x04!\xbc}q\x185\xb7\xb7\x1cm\xb5YDc\xd3\x11&amp;\x02\x80\x9fm\x96\xb0\xd2\xefcy\xa8^*\xe1\x8c.#\xc6\xd8=\xbb\x05\xe5\x13\xb5s\xba+\xd4\xb9\xc7\xefC\xad\xdcr\rJJ7E@\x91\xc0\x16\xf2\xc9\x96;jd*AjG\xf1\xab\x1ay\x82\x9c\xcfi\xeaO\x08\xb4\xb9`\x92\xfd\xb3\xaa\xd0\xac7\xc7\xf0G\xad\xfd\xf3\xee\xf2\x184\xf0\xa0\xa8\x18\xc4^\xedq[\xf1\xc9\x7f\xdbGK)\xb6\x8b\x10\x1d\xac\x8b\xe65&amp;\x0fT\xba\x00\xb5\xd8ht)\x8d\xf9\xa0\xa9\xc8\xecJ\xce\xa5\x85\x894`\x88\x90\xd9o \x81:T=j\xfa\x93|\xa7=\x1fX\xa6\xe0\xe5\xc4\x9a\xda2\x86\xf6(\x10\x92\xb5rq\xd2xB\xe4\\\xf9\xddx7\x8d\xf4\xa5\x0cR\xb3\xb4\xdaI}Mr] \xdd\xb1"\xf6\x14yO\x89 b%\xdd\t\x8fE9\xbaS\x98`(\x01|\x94\x8d\x9f\x16\xb2\x19\xcaj/@\xb1\x9d\xb5\xeb\xb7\x17\x9d*\x9al\x01\xd0e\x1c\x9f\x96\xaaHH\xff\xb5.\xab\xcd\x88\xc9\x80\xb1\x8a\xa4g\xca\x05-\x1eqTq\x9c$s\x15$/\x00\xd8\xda#\x00(\x85\x83w\xba\xf7$2N\xb7\x96\xa4\x9d\xeb\xae\x19\xdd\x99-0\x84\x1c\x8e\x88SO\xbdKL\xee__w\xb5\xea\x02\x00\x99sW\x95K\xa88\xed\xdcWI\x9a"eW%xse\xcf\xe8\x05Pe\x04C\xa5\xd6\x86\xad\xda];AF\xf9\x1f\xac\x11jW\x17v\xc92EyT\rs\x13$\r+\xc0\xcf\xf5sH"\xdd\x93\xb3&amp;;\xdb\x83K\xee\x1a\xd2\x1b%Z\xb6%C\xd5r;\xcbO^\r\xa4s\xe8\xd2\x8d \\\xf8*\x0bt\\\xc2l6\xf0\x03j\xb7\xea\xf4\xe8=\xe1$\xa5\xa58\x16j\xc9\xb7\xcbo\xc4fbv\xabs\x84IU\xce\x0eDB\x951\x00\xbc\xdbHD\x97"\x00\x00\xf85\xe1\xaa_\xb2\r\xc3vf\x17\x98,\x93|x\x8f\xc0$D:b\xbd\xfb\x18\xae\xaf\x10\x1e\xa6Q\x07\xea\xa8\xcam\xf2\xd8\x0f(\n!\xc0\xf7:%\x97\x8aj\x89\xe6\xd8\x84\xbebh\x85\x01\xf0\xeb\xa5/5\x1f(Y\xbbS\xeeQ\xdf\x1c\xbb\xe19\x08\xeb;\xc3\xec\xa7\xa4\xc4s.\xd0\xbb\x11\x9b\xc8\xba\x95\x12"g\r@\xb66\xa0\x83\x1dn\xf1\x97\x17\x00\x12g\xc8=\x80\xeb#,\x00\xe4\x82\xa4\xa1ZH\xc7\x0f6\xc9e\xf6\xef\x94\x19\xd0\xb4\xd0&lt;\x1d4\xa5\x02\xed\xf1\xe9\xcb\x868\xdb\x96^\xc1\x8b\xac\x1ad\xeek\xc5\x94r\x93\x83\x92\xe5\x8d^\x10 \'\x92a\xa4~\x96\x96\xc01\xee\xb0\xc9\xf6\xb3-i{\x90r\xd88\xeb\x91\x0e\xba\xe5\xee\xfc\x88@pe@\xb9\x06k!!\n\x00\x849\xce\xbf\x06\x00x\xa40\xec\xae\xc4\xc5\x8f\xdeq\xe7\x9e\\\xf8\xb5\xbb/\x9e\x08\x8dX\xbd\xea*S\xaf \x84\x10\x9e`OI]\x0c\xd8EN*M\xcfL{W\xbc\xda\t\xccQ\x89r\x9c\xdb\x87\xda\x9e\xef\xa8!\x9f\x82\x84,\xc0m\t\xd3\x1eeB\xa9t)\x9d\xd8\x11\x03\x81?\x16\xc0\x8d\x8d\xd3\xda\xe2\x16\xbe\xf4\xd4~:\xb1H\xcbe\x16\x8a\xd2D\xd6\xd1\xfb;\xae%\xe7\xa1\x16\xcc\x00O {&gt;Y\xa1\x94Cr\xa0\x01\x07)\x06\xbe\xc0\xef\xb6\x00\xd4Lw1\xa7l$.M\xe3FP\xb0\x15\t\x05_M\xd9Z\x9c\xb8\xbar\x14\xeb\xcd\xf2Y\x96Ys\xb2\xe2\xea\x0e\x11\xe8SQ\x9c0\xa4\xa2\niU\xf9-\xb3\x93\xcdx.\xb0{\xfe\xe2\xea\x80\xf3\x109^\x00\xf8\x01\xcc\xa9\xab\xc1\x8f]\x00H\x1a\n\xc74\xd8"N\x8bK\xb50w\xa0\xbb\t\xe2|Tc\xfa\xe2xg\xee\x84\xd3e{\xea\xc7\xa8\xaa)\xcc\xea:\'q\x00\xa1\x1a\xa2\xf9iG\x97\xaa\xfbZ$8\xfd\xa1\x98\xe3|\xce\xbf\xa7\xd7\xce\xa6T\x8a\xb43\xd8\xfa\xaa\x1dBJ\xe3\xb4\xdb\xb0\xef4\x8c\x98\xd6v\x02\x00xI\xdc\x07+\xaa\xc0=@\xa9h\xa7#k\x00\x98\xa6)\x840\xff\xbb4\x86\x10\x00\xa6iJ\x1b\x05\x9a\x08\xc3\x81\xb2\xaf\x89\x96s\x9f\xf8u=}\n\xbc\xb2\x0fQ\xc0H\x1dw\xca\x1bG\x8cBE\xf3\xa0t\xda\x8b\xaa?\xe9\xb5}\xc6\xa2\xe6\x96\x9c\x9f`(\xda\xd6I\xa8\xcf\xef\xc2\x80\xb4\xc0\x00\xabN\xd9G6\x8a\xb1Za \xf8\x12\xc7\x0c\x00\xb3^\xf5|I\xae\xa5\r:\x06\x89\x16\x83\x86\xc9B\xd34\xb5\xc8\x84l\x12%\xb6\x00*\x0f\x9a\x05\xa6|u\xc3\xa8\xadw\r\x92\xd7c\xd3\x8a\xad\x11%\x94\xf9\xf2\xa5\xe2C\r\x89\xed\x1cCOd\xc1\xbb\xaa\xe0{\x89\x128E\x05\xec\xc6\xa2/6C\x82Y#\x90\x04\x86?Gz?\tC\xc3\x96\xce\xdd\x93\x13\xe8=1(\xda9_mT\xaa\xe1\xdcn\xad)\x85Zb\x01B\x80\xe7\x89?^C\xd2NR\x1a\xe31\x92\xa3\x86\xe4o\x80\xebmx\xbe\r\x8c\x97\x00\xe0k\xd3\xaf\xd9\xa5\xc54\xdd\x12\xa7\xe2\x84\x07\xd0K\xf91_uwv\x14\xe1#\xe6\xcarX{\xd9\x1ci"\x9a\x13u\xacI\xfev\xeb\xacr\xb3\xc6\xc4\x15+\xbd\xef\x04\x99\x8e\xbfZu\xd5\x16\x00\rs\xbb:\t\x83K\x8b\x94\xdfa&gt;\x9d\xa3.%}w\x9b\x82</t>
        </is>
      </c>
      <c r="E16" t="inlineStr">
        <is>
          <t>&lt;class 'numpy.ndarray'&gt;</t>
        </is>
      </c>
    </row>
    <row r="17">
      <c r="A17" s="1" t="n">
        <v>15</v>
      </c>
      <c r="B17" t="inlineStr">
        <is>
          <t>steps_per_sec</t>
        </is>
      </c>
      <c r="C17" t="n">
        <v>300</v>
      </c>
      <c r="D17" t="inlineStr">
        <is>
          <t>10.399325</t>
        </is>
      </c>
      <c r="E17" t="inlineStr">
        <is>
          <t>&lt;class 'numpy.ndarray'&gt;</t>
        </is>
      </c>
    </row>
    <row r="18">
      <c r="A18" s="1" t="n">
        <v>16</v>
      </c>
      <c r="B18" t="inlineStr">
        <is>
          <t>Loss/object_center</t>
        </is>
      </c>
      <c r="C18" t="n">
        <v>300</v>
      </c>
      <c r="D18" t="inlineStr">
        <is>
          <t>0.8576304</t>
        </is>
      </c>
      <c r="E18" t="inlineStr">
        <is>
          <t>&lt;class 'numpy.ndarray'&gt;</t>
        </is>
      </c>
    </row>
    <row r="19">
      <c r="A19" s="1" t="n">
        <v>17</v>
      </c>
      <c r="B19" t="inlineStr">
        <is>
          <t>Loss/box/scale</t>
        </is>
      </c>
      <c r="C19" t="n">
        <v>300</v>
      </c>
      <c r="D19" t="inlineStr">
        <is>
          <t>0.11471361</t>
        </is>
      </c>
      <c r="E19" t="inlineStr">
        <is>
          <t>&lt;class 'numpy.ndarray'&gt;</t>
        </is>
      </c>
    </row>
    <row r="20">
      <c r="A20" s="1" t="n">
        <v>18</v>
      </c>
      <c r="B20" t="inlineStr">
        <is>
          <t>Loss/box/offset</t>
        </is>
      </c>
      <c r="C20" t="n">
        <v>300</v>
      </c>
      <c r="D20" t="inlineStr">
        <is>
          <t>0.25118095</t>
        </is>
      </c>
      <c r="E20" t="inlineStr">
        <is>
          <t>&lt;class 'numpy.ndarray'&gt;</t>
        </is>
      </c>
    </row>
    <row r="21">
      <c r="A21" s="1" t="n">
        <v>19</v>
      </c>
      <c r="B21" t="inlineStr">
        <is>
          <t>Loss/total_loss</t>
        </is>
      </c>
      <c r="C21" t="n">
        <v>300</v>
      </c>
      <c r="D21" t="inlineStr">
        <is>
          <t>1.2235249</t>
        </is>
      </c>
      <c r="E21" t="inlineStr">
        <is>
          <t>&lt;class 'numpy.ndarray'&gt;</t>
        </is>
      </c>
    </row>
    <row r="22">
      <c r="A22" s="1" t="n">
        <v>20</v>
      </c>
      <c r="B22" t="inlineStr">
        <is>
          <t>learning_rate</t>
        </is>
      </c>
      <c r="C22" t="n">
        <v>300</v>
      </c>
      <c r="D22" t="inlineStr">
        <is>
          <t>0.000295</t>
        </is>
      </c>
      <c r="E22" t="inlineStr">
        <is>
          <t>&lt;class 'numpy.ndarray'&gt;</t>
        </is>
      </c>
    </row>
    <row r="23">
      <c r="A23" s="1" t="n">
        <v>21</v>
      </c>
      <c r="B23" t="inlineStr">
        <is>
          <t>train_input_images</t>
        </is>
      </c>
      <c r="C23" t="n">
        <v>300</v>
      </c>
      <c r="D23" t="inlineStr">
        <is>
          <t>[b'512' b'512'
 b'\x89PNG\r\n\x1a\n\x00\x00\x00\rIHDR\x00\x00\x02\x00\x00\x00\x02\x00\x08\x02\x00\x00\x00{\x1aC\xad\x00\x00 \x00IDATx\x9c\xed\xbd{\xd4~\xcfU\x17\xb6\xc7\xfe\x08\x100DI\x10P\x88.\x02\xd2\x05\x91D@"` \x92\xb4A\\\rZ\x96\x11*\x0b\x14\x01\x0b)\xad\\$\x11$\xa5xA\xb4\xe0B\n\x895\x8b\x94\xaa\x80\xa8\xf1\x86\xa0,\xc8EKL\x88B\x10W\x83\xa4\x8d\x86KH\x04\xb96\xa4h\xb3\xfb\xc79g\xce\\\xf6\xde\xb3g\xce\x9c\xe7y\xde\xf7\xfd|\xd6\xef\xf7~\x9f\xe7\x9c\x99\xbd\xf7\xccyf\xcf\x9e\xbd\xf7\xcc!\x02\x00\x00\x00\x00\x00\x00\x00\x00\x00\x00\x00\x00\x00\x00\x00\x00\x00\x00\x00\x00\x00\x00\x00\x00\x00\x00\x00\x00\x00\x00\x00\x00\x00\x00\x00\x00\x00\x00\x00\x00\x00\x00\x00\x00\x00\x00\x00\x00\x00\x00\x00\x00\x00\x00\x00\x00\x00\x00\x00\x00\x00\x00\x00\x00\x00\x00\x00\x00\x00\x00\x00\x00\x00\x00\x00\x00\x00\x00\x00\x00\x00\x00\x00\x00:\x11\x8c{\xccLD!\x84\xe4\n\x05\xab\xc6Z+\xb4\n-\x94\x89\x02\xd1\xcab\xbbB!\x04\xb6\xc5\x92\t.uk\x16\x14\xc9\xd6\xb7l9\x0b\nb\x85\xd8X\x8e\x128\x9a\xef\x87 \x83&amp;\xca\xd2\x95\xdb\x13\x9a&amp;A\x0fV\x01\xf4\x8ee&amp;\xa2\xac\xc7z\xfbj\xa9\xf5\xff\x85\xf0\x88Y`\x81!\xc6\xbcG\x04\x00w\x18\xbf\xc6\xbaY\x8d\x12\xcf\xb01\x86t\xa9\xce\x92\x82!\x84X\xb1\xc9\x84\x99?\xb0\xbaV\xb0]\t\x86\xb0|\xaco5U\x8f\xa4b\xb9\xd2\xc8\x89\xf6\'\x9a\xab\xfd3QB\xd8;F\x91=D\x99\xd5i\xe3D0\xb3\x83/\xaf\xff\xe7O\xbc\x0b\xc1\xd0\xfe\x03\xe4\x00\x008\x15O_5\xe7\xae=\x05E\xba^7l\xde\x1d\x9f\x10\t\xeae&lt;tR\xa6Zy.\xf1\xa9b9?\xbb\xb3\xd1\xe8\x97s\xf96\x1eK\xeb\xa1\x99\xf4\xabN\xe6\x8f\xb2d\xb8\x9d\'\x02\x00\x0f\x1d\xcb`\xac\x87\xa4p\xe5QN\x82\xea w\xa9\xa1\xe5\xc3\xa6V&lt;jk\xc3\xef\xbbq\xc5\xc2\xa6!|-\xb5\x98t\xf5P\xf5j\x92\xaem\x05\xc6\x04\x00\x00\x0f\x04\xcb\x08\x7f\xb3~K\x1b\xff_\xb6\x17 f\xd7\x04\xf0r\x87f9\xa8n\x06*kU\x8c\t\xe0\xea\x9aq\xdc\xfc_\xf1\x1e\xeb\xd7T\xdd\x0b\xab4h\x7f\x00\xb8\x83X\xc6m\x1c\xc0\xcc_\xa7\x97\x94/zF\xfe\x98\x828C\xa9p"\xcf\x054\xd6\xddU\x8e\xa9\xc4\x7f\x8e\xf2\x99{{4\xfb\xcf\x06\xc1\x00\x00\x98\x8b\xcd\x87\xd3\xd6\x1e\xac\xe8J\xfe\xe4\x86v&gt;h\xbf}\xd4\x90f\x9f\xa2)\x86\xb5jo\x93\x85^\xedd&lt;}\x02\xa8]\xf3\xfeZ+&gt;\xb1\xb3\xee\xd6\x84\x17\xf4rM\xb8\x03\x00@\xbd\xe9\x82q\xa8\xfbS}bIv\xa4\xfd\xc5\x18q\xb3\xe4\x98l\x02\xbb\x19y\x93\x9e\xa6\x19\x15\x17\xb8sg\xb3\xa2\xc3\xacga\xe9\xc3\xe1\x87\xb5`\xff\x91\xd0\xbe\xb8\xabi\xd6w\xaf\xde|\x00\xb8\xd30\xd3@+\xa4\x03U\xcc\xfak\x1a\x83v\x814\xd5\xb1K\xb0ZB\x91\xb5\x90\xc2II\x84Q\x17\xceo36r\x8a\xd4z\x8d\x1d\t\xccL\xf4\xfa\x9dG\xac6\x9aL9\x0b\x81|\xd9\xc1E\xadXE\x97\xdf\xb3^\xf4s\xbc\xa3\xbe/\x008\x15}\x13@\xc4f3\x97#\xaa\xce\xb8\xaf?7\xc7\xa1S\xa7-#\xba\xb0$\xdb\xd5*^\x05Q\x85\xd9\x0b\x9c\xca#\xd2\x13\x9b\xa9\xcbg\xe5 m\x1f?x\xa3~[\x06o-\r\xf3\xa7\xf9j\x96\x0f\xccnXYx\xa9\xed\x7f\xe8X(\x00@\x0e\xb7\xb7\xc4\xbd\xcc7\\1M/\r/\x9b\x83\x99\x88\xfc\xdb\x89Wr\xcd\xed\x9d\xbc\xb5\x96\x95fk\xd7#\xaf\xb8c\xb9\x90\x8d\xf3m\xc0\xf1\xabgG\xdbR\xde\xe9R\xbb5_\x87\xd8c\xf5SffC\xf4\xa2Ko\xb9\xbd\x00p\xcf\xe0Z\x01t\xad\x9d\x8d}\xb6\xd9v\xd6\x9d\xf8\x9e\xd5\xb7\x19\xe0\xaeL\x9e\xcc\xd8fG\xea\xc7\x96+\xa2\xc5\xb2\re\xb3\xb7HUI\x81\xb6\x14&amp;\xd7&gt;\xe3\x8d,i\xd3IU\x8c\x88\x98\xbf\xe6\xb6\xbc\x18RG\xcaM\xd7\x7fBW\xf7b\x01\x00 \x80\x99\x99\x7fNt\x8f{\xa6\x04\xc1E#\x97\x89:\x99\xf9#\x89\xfa\x1c\xee\x05\xde\xd9_\xd8\xcdd\xaf\xee\x94\xa7\x97rID\xfa|H\xf4\xfeD\x9d"\x92\xa1:\xc6|d=R\xa7E\xe2d\xde\xed\xe8\'r:\x9f\x00\x00\xb0\xc0\xb9\xd2\x19\xae\xae\x16\xc8#\xaf\xddC\x9d\x89?%O\xfd\xf6\xc9z@\x8bv\x08yd\x16\xa8\x13+\xc7\x1eD,\xcd\xb9z\xf5\x8b1\x0b\xfcjG\x99J@g\x939\x9d0\x90\xe2\t\x00\xb3\xc0\xc7\xd4\xa5\x9bx\x7f\xdd\xadbZ\xd9/\xea\xc1\t\xc0a\xcc&gt;\xf7H\xa7\xd5Zl\xe0A\x14\xe5\xcfy\x86\xe7\xa2c\x02\x90\n\xdd\xb5\xe6\x02\xc0MB\x1c\x81\xf2\x90c\xe2\x0fqS z#\x11?g\xcd(\xed\x13\x89\xe8\x83\xfaj\x14\xf2h\x8djV\xf4\xac0\x92\xc5\x8dN\xa4\xb8\xd2`\xdc\x8f\xf3f\xee\xb3\x91\x99\xf3\xbe\x06\xf0\x16I\xca.\xde\xc5\xc6\x03\xc0MAT"\x86bI\xf5\x8e\xe1\x05\xe2\n\x86\x00\xc5\x87a0\xaf\x9bNw\tw9\xdb\x1a\xd3\xafO\xb95U\xd4\xaa\xca\xd5\x80\x1e\xb4{\xf6LL\xe1\x9b\xca\xdf\xf4\xed\xd4\xbf%\xe8\x7f\x00h\xa2\x95jY\x15M\xc7\x95\x9d\xe8\x99~\xd6\x8a\xe9\x94\x14I\xa4,L\xb9&lt;/i\x99\xa4\xa9\x8eTB\x8f(\xccL\x14(\xb8^W`S\xe3*\xf1\xb1x_\xcd\xf1\xac\x98]\x86\xd9\xef\xa8q1]9\x8f0\xe5-g4\xed%n=\xf7\xba\xcf\xa7t#\x00\xdco4\xd2@\xf7\xb4M\xdd\x90\xcf\xca\xaf\xef`\xc9.-\xff\xbe&gt;\xd1\xc4\xd5~\xb1\xb6\xa0\x8d\x97\xa1\x94\x82\x11\xad\xef\x1a\xeb\xdb\xfe\xd3".\xbf\xf3\xa4a\x9c\x1a\xb72\x1f\xfd\x8atb\x98`\xc6\xb2\xda\x03sm\xe4y\xb4BB\xcb\xfb\xec\xd2\\R^\x1b\r\xed\x0f\x00\x87\x91zr2\x0f\x8f\xc3\x8dS+\xb8\xf4\xd6y\x0e\n\x99W\xe5\x1f\xb0\x85o\x92\xcd\x88;\x05\xcb\x89,\x9f\xc4^\xf4\x0bfD\x1a\xec\xea\x93\'\x80\xf4\xb7Q\xdc"\xe2\x97Ld%\xe0\xb9\x99\x18\x85`\x7f\xe1\\\xde\x00p\x8fak\xf9\xe6\x04`W? \x92\xa5\xbf\x9a\xd1\xd7,\xccXh\xe4\xee\x94\xf9\x8e\xb6\x15\x05\xb9\x9c +\x9a\x07zl\xacn\xcd\xb4\xe8\x1f\xb5\xa2~\xb7\x8e\xd0\xce\x05\xf3w\xd6=\xe5\x89\xeb\x00\xc0\x03\x87\xc7\x9d2\xe2\xd8M\\\xf6!S\xc8\xbe\xfa\xcc\xed\xc3\x03zE\xb2I\r\x9f.\xb9\x0bs@\x8e\x94o!R\xa3\xe2\xec\x83\x81V\xee\';P\x06\xc4^V\x16\x9aX\xcb\x82\xae\x08\xa5$\xf7\xe1\x10\x02\x00\x01\xdd\x87\xc1\xd5vV]\x80\xb7\\\xc8\xc51\x9b\xfag\xbd\xda_$-\t@\x96\xe1\xe9^|\x84\x90\xde\xbe\x82\xc9\x98\xc4N\x8c\xb34(7\xb4\xd7~&gt;\x03\r\xdf\xd1WP\xec\xde\xf7\x1a\xa0="v\xfb\x9c\xb8\xfc\xa8\xda\x82g/;\x00\x00VhN\x12M\xb1\x8a:\xb7\x99\xc9\xa7q\xd4\x887\x95\xbb\xb7L*\xa1R\xd8\x9eC\xbeH\x9a\x84N\xf2&lt;\xf8&amp;4\xa5n\x93\xb2\xc3\t\xb6\xb1\x7f\xf5\xb0 \x07Z\xb0\xe2y\x1ae\xe5\xe7q\xd2\xb3\x00\x80\x87\x05\xe7\xd0\x8a\xd7\xf9ozS\xc2\x0bR\x0e\xb5\xbe\x7f5\xc96t7\xd7\xb3\x94\x19\xe7\x18\x0b\xf6\xce\xc2IdW\xe2q\x02h\x16;\xacY\xf7_\x88\xdb\x80Xo\x99\x11\x05L\x00\x00p"\xd2\xc0Zs\\\x95\x85\xbf\xd8\xa6\xbcS3\xd4\x9c\x11i\x1c\x80W\x9b\'\x8d\x8d\xee\x85\x96\x96\x8c\xb5^\xa3\xf5U\xaf6\x8fd\\\xac\x9dDK\xfa}\x13\xb6\xd1(\xfb\xf7\x11o\xbeh\x88\xb8C@+v\x8d\xf9\x00\x00\xda\xd0\xc6I6\xc2_"\x16P\x0c1\x91Z5\xe0\xf7+\x93\x1aR\xb0+\x9a\xe0\xaaU\xadN\x9a5\xed\x0eH/~\xe6&amp;\x98A\xd0\xd1\x91I\xe1f{l\x16C\xd5Iir/E\xce%Q:\xcd-\xcc\xf3\x84\xe9\xe4\x9c_\x16\x00\xdc#\xd8\xb6\xb6=\x12uE`zW6\x9f\xc0qM\xd4\xc4A&amp;\x9e\x8a\x1dm\xd7\xa2&amp;?P\xa8\xbf\xcf&gt;\xdd\x05\xc4\xa5\xce\xed\xae\x9e\xe2E\x1d6\xbb\xd8Q\xe2\xd7&amp;A\xc5\xfe\xf8\xd8\x94\xce@\x03\x01\xe0\xfe\xa1\xf1*Zk\xf3\xbd\xf96(\x95_\x9a\xa8G\x8b?e\xcb\x13M\x0e\x00PjLCt\r\x9c\xc6ac\xc4o \xfa\x00\x91E\xddW\xd5\x9ba\x88\xa4=\xad\xf6s\x11\xcb,\x9c\x1a\xbb\x9c\x13y\x06\xba\x84\xb7L\xd6\xf8\x81\xb6\xc7\xebK\xfdZ\xc5\xacS9\x07^\x16\x966\x7f\xf9\x99!\x0f\x14\x00j\xf4\x8f\xf3\xd6{\x13s\xf2!f\xe4U\xda\xed\'\x89\xde7/\xab%q\x1f8U\xe6\x863\xc0\xf36\nb&amp;\x05\xb2\xbb\x9e\t@$\xe5\x7f\xcb\xa6~ \x12\xe5\x92$\xafeS\r\x02\xaf\xb0\xc6O\xcb/!\x00\x00~t\xef\x03\xb0\xdf\x9bX\\y\xb9\x95\xd5\xfe\xbe\xdbE\xff+\x14w4\x97\x1a\xb1\xc0y&gt;\x13?z\xd6E\n\x81k7\x81V\xfb\\\xb8\xb6@m\x81\xfb\xc1\xb6\xb5\xbf\x97\x12\x00\x00.xG\xa7fB\xd6V[\x97\'\xe1$#\xbd\xe9]\xb9$\xdeF\xf4\xae\x92\xcd\xee\xe9\xa8\xe8\x18I\x8b\x9d\xb7\x02h\x12\xf1\xfc\x00\xce\x03\xcc\x7f\x00\x98\x8b\xbe\x15@m\x82\xd5\x03\xf1\x8a\x833u\x99l\x9f\xde\x94\x7f\xbd\x02\xde\xb5\x08cV\x05\x8c\x1e\xab\xbc\xff\xdb\x87\xef\x98#\x1b\xe5\xb1_{\x9d!\xca)\x8a\xce\xcc\x7fu\xd3\xd7\xc3Q\xe5\x84\x1a\xfdb.\x87U\xf8\x08\'\x00\x00R$I\x14\x9f\xd8\x9b\x85\xbd\x7f\xfe\x99C/\x80\x1c@\x99\x00r\t\x9e\xa5\x00\x85$\xb9T}\xa4D\xf4\xca#\xa6\x99vm\xecp\xf3*S\xb9\x8e\x90\xad\xa9\x01\x000\x0b\xd6\n \x1fn\xff\xa8\xe9\xc9N\xb1d\x83\xacc\xf6=\xd7\xb3_\xd64\x9f\x94E\xae\x95\xb4a\xde;\xec\xeb\xbc\x19\xb1\xd8\xabG\xa7%\xbb\xf8w\xad&lt;S\xba\xc5\xcbg.\xad\xc8\x96\x18\x8bd9{\x05\xf1\x0b,\xbc\x83\xa1\x88\xffK\xe9\xbfN\xcep\xfd\x00\xc0D&lt;\xa2\xdd\x10\x06e\x8fs\'\x1b\xd5y.\xd02\xe2Wb\x8bi\x9c\x84\x83Eu\x10\xf9\xb2~\x1e\xa4\x01\xf9\xb5\\\x94\xeaa\x9903w\xbdQ+\xa7\xb9s\xe7\x7fB\xf4L[\x9c&gt;\x1c\xf7\xe6\x8bD\xed:\x1d]/9\xe3\xa4\xbb\x0e\xbe\xb1\x8c\x9d\x94\xcc\xd6\xf1\xb1\x00\x00t\xe3\xa0\xdb\xa1\xa6\x96\x91\xad\xae7\xaa\xe7\xf2P\xcb\x8a^Jy\xc4^\xeeK\xee\x91\x85\xc2\xe6?\xf1\x18\xab\x13\xfbK\xa3\xc9\xdf5Nj%(\xba\x95f\xc8\xbaq\xf1\x10\xfd\xc1\x03\xfez\x8eO\xed\xa46\x00\x00@\xa7\r\xb0\x01j\xb5$\x05\x91\xd2\xb3\xe4\x9e\x00\x06X7J\x1e\xe4g\xd1w\x16\x93\x05\x91\xf4\xfe\x88\xc8b8\xa1f\xf4\xb8.\xa2&gt;\xbc0mE\x14\x06\x13\x00\x00\x9c\x84\x93,,\'-\xfe\xef\x89\xf9\xc9\x03\x9a+\x9d\x00\x06$/g\x17\x07\xcb\x1b\xd1DE\xf70\xf3\x0f\x17w\xb3\xcc\x1fo\x96\xce\xda\x99\xafLX\x0c\xc8\xe6/)M\xde\xda\xa3w\xae\xcf\x00\x00\xe8\xc3\x7frL\x00|\xe6\x0b\xff\x0c\xd5\xdf\xd2\xfelk\xe4x\xb1\xbeYk\x9f\xdc\x01\xd5\x16\xb5\xa6\xe6j\xad\t\x8f\x8a\xab\xe3\xab\x8aH\x1f\xef\x97h\xedIi\x9e8O\xe5&amp;\x82\xbf\x987\x8f\x9f\xd6\x1en\x1d\xfa\r\x00\xc0\x08j\xcf\xbbVl\xff&lt;u$j\xea\xac!\xcfv\xdb\xd0\xc8\x86:\xd3\xe8\xbb\x98V%\x8cZ\x7fJ\xa3e\xd1\x1f\xa8\xd2Q\xcd(]\xb6\xcbM\xdfv\x19i\xb5#\xd9\xa6\xe8\xdd\x8d\x04\x00\xc0\x83\x01/J\xa1\xa2\x8f\x8c\xca\x7fmM\x00~\x19TW\xb8^}p\x1a\x13)\x8f\xc9 K5*\x0f\xbf\x7fw\x95\x0e\xe2\xad\x1a\xe9\x04P\x97N\xbf\x1e\x0b\x0bC\xff\x03\xc0l\x0c\xa8*\xaal\xc31}J\xd6\x04`QT\xfc\x15\xd9\xc5^\x81\x98\x88\xf9\x93\x9cY@\x9e2\xc3}2\x80f\xd8v/\xd9/\xd6Hy(k\x00\xb8+\xe85\xafj\xe7\x806\xe6\x99\x88\xf9\xa7,R-tH\x95\x97Ol\xd2\xd2ed\x8b\xd1\xc5\xa5\xd9"\xbf\xfc2\x91\x9e\xf2]\x94G\x05{\x1aT;\x00\xdc\x15\xf8\xf67\xad\xea\xa0c\xa7M\xacB\xd5!\xefu\xb1x\xc6Y]2j\xa2\x10\x82\xe6\x106\xf7\x07\xed\xe7\xd1\x17\xf4y\xdb\xd8T+;\xfb\xe06\x9b\xa3\x8d\x92\xd7\x10!\x8f\xc0y\xc9\xc6S\x10ku\x89\xc6\xcc\xf5\xeb\x1c\xfa(`\x97/\x00\\\x1c\xedA\xb7f`\xc4\n\x9d\xa3\x9a\xa2\x0e\xaa^\x0cRk\x7f\x9b\x85n\x96\xaaB\x15\x1aP+Z\xe9/\xfbt~\xe1~d\xa3\x81\x99C\x08\x1cE\xe9\xec\xd2|"\xac\xfb!\x10\x95\xaf@\xa9\x89\xf8\x9f\x1d\xf7\x1c8\xba\xca\x93T\x90\xe7r"\xd2\xc9F\x99\xb5m\xdb\x98\x1e\x00`:\x1c\xa7\x81Nqh(\xda\x7f\xbf\xbf\r{K\xef\xa8\xb7T\xbe!\x04\xcfI\x03\xf1u\x04\xdb\xbfBs2RUZ\xd1\xe6HR\x85[(\xaf\\(kK\xca\x8b\xab\x8aM\xd9\xe9}V\xda\x91\xce\xc8\xaa\xe2p\x95\x94\xe9\xf2\x82\x07!\x08\xa3\xcf\xe2a\xf9\xf3\x9dq}\xb6{\x0eys\xd2\xf5\x89\xa7T\xe0\xc6/\x1a\x00\x80\x1c\xc6\xd8+\xbc\xe7i\xc9,\x12\x90\xfb\xf9\ro\xbbS\x1e\xef\xc4C\xf4$\xa3\xbaL\xdc\x9a\xd52e\xbd\xf9\xa4b\xc9\x0f\xd0\xa5Ud\xf8=)\x9f\xb2\x03{r+\x99\x88\xbfl\xd7zu\x17\xc92h\xe2\x99|\xa5\xb6H%\xf3\xbe\xf2&lt;\xac\xac\xb0#\x02d\xc9\xa9\xdc\xf7\xc7\xc3\x01\x00 \xf2YL\x82\xae\xec\x1c\xf6\xfdR\x8d\x10\xaf\xd5\xcax\x99\\\x0cCN\xadz1q\xee4\x87&amp;HM\xe1\x1a\xf2\xad\xb7\xfen%\x1b\xbf\xb9\xab9*\xe5\xd84\xdf\x93\xda\x97R,\xb5\xe2\xbd\xb2\xc9\xfb\xf9\r\x01\xf6N\x06\x00`\x1c\x03\xa3\xc8\xb6\xa3\xa7\t\xd6O\xdc\xa7\x18\xcb\x92m\x82N\xee\xbe*)g\'\xf9\xbd\xc6o_\x19y\x1a\xf9\x96\x9c\x82\xaf\x11.h\xcc\xbb\xfa\xbcn\x82\xf3\xa7x\xea\xaf\x0e\x00\xee\r\xda\xafl\xccB\x8b&gt;\xff\xb24\xf0\x8e\x9e\xd5+\x86\x10##_\x1cu9T\xb8\x94\xcd\xae\xdb\x08]V\xf1O\x8f\x18k_&amp;\x01\x87\xaa]T*\xba\x16\x8b\xb4]\xab\xff}4t?\x05,qO\xa5R\xa3\xf1J\xad\xce\xac$\x8a\x9dL\x08 \x03\x80\x02\xd7;{iK&gt;\xe9\xce\x0c\x89l\xd2\x98\'u\xeb\xa6\xa6\xe2\xe8\x82!\xdbe\xc0eB\xea~\x96=S\x96\xb4\x9a\xc1\x14\xb4\xe8\xd5\xf4\x1d\x0c\xad\xaa\xa7`\x97\xa7\xca\x0eJa\xbc\x0c\xf9\x88\xc8\xbd\xd3&lt;\x00&lt;Lx\xdf\t|h5\x9d\x8f\xbd\x10\xffl\x94\xdb\xc4\xdd\xa1\xd1\xcb\x83\xfbEZ\x92d\xd2\xef\x14\xfba\xeb\x8e\x10\xc2c\x84~\xd3i\x96b]\xb9\x97\xc2\xd6\xccZ\xecz\x19\'-\x18\x0f\xb2o\xec\xe4\x00\x00\x80\x1a\xaf\x84,\xbe\xf7\x9b\xff\xa2\n`f\n\x14B\xf8\xa1&lt;\x15\xb2I\xcd\x0f{J\x11\x14\xd0x&gt;RC\xd5z\xe8~\x1e\x95D\x16\xf9~1\xb9\xf8\xcd\x074\xa2{\xffW\x07M\xad\xd3\xec\xfe\xd8Si\xd3\xd5\xcf\x0c\x94\xab\xba\xf8\xdb\xcb\x97\x9e\x08\x0c\x00\x80\x17Y\x08\xae\x1a5\xe2\xd5"\xad\xc5\xc9\xa5G\x0cG8\xd47\xceY\x01\xf5\x04\xbd\x9fnO]+\x97O\xf4\x90\x9a\xa2\x98\xd2v\xd8\x04\xeb{[\x80\xda\xcdE\xbf\xd5\xa8+t~\x9b\xe9\x98&lt;{\x9941\xe1\x107\x00x\x18\xb0\x07hs\x02\x988\xcc8R\xfeYw\xe1f\xc2\t\x11\xf3\xbb)S@\x8b\x85\xf7e\x93*\xcd]\x19}{\x9b\xdd\\\xd4\tZ\xbd\xed\xe7\xd17@H\xaa\xdfb\x19o\x1a2SB\x93\xcc\xc9\x9b\xfb\x8f\xb6\x05\x80\xfb\r3\x01\xa6\x99\xb0\x91\xe7\xb1pB\x8e\x8f\x9d%\xa0\x15\xdb\xce\x8dh\xbd\xc0\xfc=\x88~\xa1\xac\xdcL;\x89hJ\x9e\xd4\xb2\xcaV\xc4\x83x\xfa\xd0\x85\xe3\x93\x8a\xfa\xfb-Do\\?z2\x8eF\xb3k\xba:\xbc\xa5\xa9\xcb\xfe\xb4N\x85\xa2\xb8\xba\xc9\x8e\xcd\x00\x80\x87\x0cW\x10X\x1d\x87\xd1\x96\xaa\xf7\xfd\xb7i\x12\xbf4\xb3\xa3\xc5\x11\x99\x19l\x8b\xf67%Z\xf1\xf3\xeb\xdb\xdc\xd7\xff\xfcH\xbc\xc6\x86\xa9\x98%\xb6\x98\xc4\x88\x88\xe8\xedIjOE\xd38\x1b\xe7D\xac\xbe\xf8\xb0\xe3\xdf&amp;\xf7,,\xf2\x87\xd1\xdc\xcaZ\xf3\x1a\xba8\n\xf7\x95\xcbs\xc9}\xfa\xdaY~\xb2\xcc[\xe6\xd5BfHv\x00xH0\xd6\xe8\xc6\xfa\x9d[1\xd8\xb2d\x89g\x19w\xbb\x9b\xe0+\xf6\xb6\xba\xa2\x83\xe3\x80T\xb5+\xc3S%e\xe7\xe7u1\xf4\x8a\xc5\xfc\x1f\x8e&lt;S\x81{\x8b\xd0,^\x00p\xcf\xe0r\x01-%\x0b\xb3\x89w\xbb\xbcL\xe6\xe9\xdc\xb3\xc3Z\xd2z=b/f\xbb\x89\xad\x9bI\xdfmA\xd7+\x86\xeb\x9a\xaf\xcc\xf2\xb1\xa3}\x0f}\xab8}WGMs\xe07\t\x00\x0f\x04\xde}\x00\xf5\xf0\xa9\xd3\xec\xe2\xc5.\t\x96\n[\x82\xa0\x90 \x7f\x1d\xccc\xbd/eR\xf2\x1d\x82(&gt;\xa2\xe7\xac\xba\xf7\xc2\x86m6=3/\xde$\xfb\xa1\x17\x068\xf3\x9e\xa6Y\x97\x1c\x91\xc7v\xfd\xd3U\x7fH\x00pG1\xb0Jof\xda\xf5\xfbL\xdaR\xc4\xfbN\xba\x1a\xa9\xf4\xb2\xe6\xc8\xea\x92\x9f\xab\x0c\x16gE\x91\x94H\xe1\x02~\r\xbfOO\xaen&gt;\xc1\x8fI\xe8\xf3\x81\xc9l\xa2O\t\x00\x1e\x0e\\+\x80fT\xf0U\xfb\xe8\xcd&lt;\xd6u\xc9\xe2\x83\x97\xb9a\xe2\xed\xa4\xd8c\xe6\xa93\xd3JlM+\xa4-\xd4\x99\xf3\xd2\xc9V\xed\xdd\xbf\xfdJ\x9b{\x13u\x084^?\xcf\xb8\xcd\xe6Uf~\xc2!j\xa2\xa4\xff,F\xe9\xcdp=+\x9fs\xe2\x0b}\x18\xfb\x00p\x18\\YU\xb6\x11\xca\x12\x04\xb2\xf9-\xbf\xdd\xc7\xfc\x05\xcau\x8bW\x93\xec^8Q\xe2M\xf9]\x04\xf3\xb7\x9803\'3\xc1sM\xb3\xfaT;\xd6\xbdN\x12:\xc4\x9e\x02\xbb%\x91\xb2\xfb\x89\x88\x7fM\xd6\xcf=}\x0e\xf3\x1f\x00:\xe0\x0f\x02\xc7\x1a1\xf7\x7f?\\sK\xcf\xaf\xcaKV_\x1a\xffL\xab\x8c\xd9\xb2\x8b\xc6Pr\xfc\xfb|\xbf\xb1-i\xa3\xea\x02\x03\xa2\x16!\xdf\xbd\xd5b\xff\x9c\x1d\x7fvo\xd1`\xf6\xbe\xe9W\xeb1\x8b8\tK\xaa"\xfe\x1fB\xe07\x13\xbd77I/\x84`\xfc\x03@\x17\x1a.\xa0"\xd2\xfb\x11\xd98\xccl\xb4\xa5tY]\xa4\xa90rH+VT\xeb\x0e\xeb\xcf\x81P\xb6\x016\x9c\x1b\xba\x97\x8c\x0e\xdb\xb3Z\xf5\x8e\xa6mE\x1b1\xde.\xb1b\x15g\x8a\xd7{\x0b\xbe8\xca#\x13k\x0f\xc3\xfc\x07\x80\xf3PDY\x99\x99\xf9\xef\xa4Kwq9\x9f\x96\x1fb\xfa\xe8a=8\xe4\x94\xd8\x9d\x1ecL5\x9aU\xd7I]T\xbb\xdd\xac\x90u\x14U\xd0~]\x01U\x8f\xf2\xe4\xd6\xe1B&gt;F\xd9\xf4f\xfb\x95\x982\xbf\x9cZ\xa6\x8a\xb1{\x1dF\x00\x00\x0ccS\xfa\xb2\xf7\xdf\xa9\xf2T\xe2[\x14\xd9_E\x96\xf0o\xf5W\x91D\xed\x12&gt;\'\xf8\xccJ==\xca\xa3\xfd\x13\xe5\xbe~\x93\xfb\xf3p\x02L\xec\xea1\x88\xc9W\xd10\xcf\x94\xb2\xa2\xfd\xc7x\xbf\xa5\xa2#\x12\x1f\xa0\x0c\x00@\x1b\xdb \xd7&amp;\x80\xaa\xbccP23\x7f\xfd^\xb8[\xa4\xdc\x18\xcc\x15\x90\xabEZ\x1b4\xd9w\xfa:\xd9_\x91T\xa1\xd8&lt;\x91{qA\xe9\xedf\xd7v\x80}^\x1df\xfe\x82(\xcf\x07\x8b\xb3\xd7\xf6\xe1OM\x16;\xd6\xa9k\x97?\xc8^\xd2\x00\xf0\x90\xd0:\xf5\xcc\x11X\xe3\x18\x00H"\x01\xcd\xd8f\x1d\xbc-\n\xbc\x0b\xd1\xdb\x1bL\x1f\x17By:hJ\x84\xb7@\xe2\xef&amp;\xfa^n\x07\x12\xd3\xea\xa9$\xf1\x96\xb8\xc5\xd4\xe9S_z2\xf5}\x0bAf\xc5\xd9]e\xa3Zjm\xe2\xdeZ\x97\xeb_\x13&amp;\x04\xda\x0f\xefk\xeaa\x95\x95\xd8\xc9\xc6\xcf\xd2\xe0\x85\xcd\xc0\x00P\xc0|!\xccnMY&amp;a\x0c\x13\xef\x1f\xf2\x02?&amp;[\x94\xa5\xab=l\xc7\x93-_-\xed\xff\x99\xcb\xbf?\xa3\x19y\x91\xd4\xf2\xe1\xfbtR6j\xf1\xa4BeI\x111\xbb\xc5\xa0\xe6\x8f\x99\xeb\xf2\xbc\x97!\x03\xf3\x9b_\xaa\xde\xda\xf4\xf9K\x1a\x05\xbc`UKK{\xc8\x9b!\x88\x9cB.X\xb4\xf6a\xf0\x03\xc0\x1c\x88A\xdd\x83K\xea4\x90\xf8F\x9f\x9fA\'%\x8b\xe4\x0c~jMa\xfe\xac.\xaf:\x7fb\xe6\xefn:O&amp;z&amp;\xc4\x07\x94\xb0\x90\xaa|\x94\x8frU;\xa3_}\xa5Z\x92?W\x12\xa9\x7fC\x99\xfc\xbd\x8d\x17\xc9\xe6\xc4\x0c\x87\x1e\x00\x00m\x14C\xf4\xa6F\x12+\xca\xd4)\xa0Qf,\xac\x9ai\x9a\'\xb4\xcb8\xc9\n\x14\xf4\xb8\xcbcr.c,\x0c\xd6\x947\xe1\xd1\xe9\xdd\xdc\x12\xff]U\x0f\xef2\xff\tY\xfea\xa94R\x98\x00\x00\xa0\x89V\x0c\xa0r\xa9\xc7\xaf~\x1e\xdc\xf3r\x98.\xf0\xe6\xe5/\xae\xec\xdb\x97\x86\x18\xdb\x9ezM\x8c\x0cJ\xb5Z\xe0&gt;\xc1\x14-&amp;\x86R\x86\xd9\x18B\xb2\xd2-\xf5o\x83\x99\x7fg\x08\xff\\\xa4\xaf\xec\x04\x14\x99.\xb7\x8d\x86\xd4}R\xfcV5\xca\x00\x00\xb47\x82-\x1f\x16e\x1a\xaf:\xa9o\x96\xd77\x8f\x8a\xd7\x80x\x1c\xe9"\xdf:\x11\x8c\x91M&gt;7-H\xf1r\xa7\xe3&gt;\'\xa8p\xf2h\x7f\'\x0b\x0f\xe4vU\xee{V\xb4?\x11\xbdJ\x138\xfb\xf6]\x06Sf\xce\xd7\x0b\xc2**\x17\xa9\x8e@\x01\x00p\x0c\xcc\xcc/\xdb&gt;H\xbaP\xd3\x90\x9c\xb8\x89/\x8c\xda\x1d\xef\x0c\x0f\xac\x85\r$\x8e&amp;&amp;b~r]\xbeA\xb6\xb7-BJ\xa8\xc5\xebPp%ry\x87\x8b\xa6\xa8\x94\x99_\xe0l\xa8\xd1\x10-\ne\xf7a\xbc\xee\xae\x01\x00\x80\x0f\\\xed\xba\xbc\xb8\x00\xe3\xcc\xbbj\xd6e\x8fG\xc5\x07j-Ec\x05\x9b\xfb\x11e\xc7\xe5\x1c\x13S\xad\xf6\x8b]\x8d\xf2F\xe3u\xe2bo3\xbf\xda\xd98\xe1y\xb9\xea\x01\xc0\x03\xc2#]\xa5\xd3\x14\x7f\xee&lt;j\xad\x00\x0f\x05\x066\xf7.OY\xe9k2D}\x9brY\x12K;\x88\x13Q\xdeE\xa2o\xda\xc6^\xa5\xaay\xc4\xd5\x13\x89\xad\x1e\x9b\x9c.-=\xfc!\xc2Yx\x06\xd3\xd2\x13E\xae\xee2\x8a\x15\x07\xc3\xd5,j\xf1\x96\x0f\xff&amp;\x84\xdfJ{\x14g\xa9\xb9\x18/x3\x0c\x00L\xc0q\xab\xea\x90\x9b"\xc9\xf4\x18\xa8\xd5,6\xc5f\x14\t\x18\x06oZF\xacbH\xc5\xcc\xccO\xf3\x08^[\xd4Z\xb1\xfc\xab\x1e\x99\xe8\\Z\r\xa0Iz\xe1\x9f6\xa9vLa\r\x00\x005\xac \xf0\x97{\x86\x8dc\\\x89\xea\xa6\xd7\x12\xdb\x95\xfeb\x10o\x11B\xe6\xcfqR\x18Ypt\xcaV\xd5.\xf7\xc1\xc6\xedr~\xa6\x81\x88\xe8?f\x97\xdeXU\t\x81\xe8\x15\xfb\x17\xed-\x92y\x9d(\xbc }\x19X\xd6\x8f\\\xddZt|\xca\xd4\xd08\x08z_\xaee\x97\xfb)\x01\x00\x90C\xb3\x13=V\xa4A\xad\xa8\xd5k\xc8\xa76\x9d\x1e\x9c\xbc\x9c\xb9\xe7\xb0\xb8\x8b\xaf\x9e\xe8hF\xd6\xeem\xffSHK\xb2\xf1|s\x0f\n\x11\xbd6^\x17\xc9*\xa4\xa6\xcf\t5\x93\x9d\xf5\xcf\x17e\xb2.;ir\x02\x80;\r\xefK\xe1m\x94\n]SU\xc6\x81/\xee\xe1YZ\xd0\xbe\xe4\xc8\x93\xf0*\x95\x7f\x01\xee\xcaAZ\xaa\xd0\xda1\x7f\x94Z\xcd\xb1W\x15\xa9\xd6\xceJf\x8fL\x16\xe0\xd5\xdb\xd3\xfc\xf0\xe5\x19\xb1r\xde\x822-\x11\xcd4\xbb\x93\x0e\x14\x16U\xe1\xb1V\xcd\xa9\x82\x00\xc0=\x81\x1dU\xa38\xd2\x84\x1d:\xb2\xe7\xa0\x8csjQ\xd6z\xefR\x1a\xf4S\xd8\x15\x9a?\xabe\xb4\xc29\x178\t\xa6\x85\x17\xc4P\xaap\x94\xdb\xaa\x04\xc3*\xca^\x9c\xb4*S\xc4\xf3\x13\x8cP\x1dG\xc9\xcf\xa0U\xb2-!o\x14\xd3\x1d\x03\r\xbaI-W\xe1\xbd\xe4\xaf\'\xfa\x0f\xed\n\x00\xf0Pag\x01eF\xfd\xf2\xc11\x8c\xc2\x9a\xfe\xa2\x1b\xbc\xbb\xae\xd7\x18\xcb\t\'\x992\xef\xdd\x8d&lt;W\x05\xa4S]\xeaT\x11\xb7em\xfa\xab\x12 \x11+N\x15\xf6&amp;2\xe3A\xd4S\x9d\xd2\x8d*q\x05\x1d\x8b3\xda\x1a+n\x15^V\x1f\x9c_,\n\xc9\xbb\x9ak^-16\nN\xd9\x01\xe0!\xa2\x9d\x06Z\x18\xf5Q\xa7d\xd7Wu\x1f6k1\x1b\xe7\x16\xf1\x85\xa6\xac\xec\x85\xc3\x84\x07\x14xs\xff\xf2\xaa\x9d[\xb1Y\x89r\xaa\xdcM\xac\xeaO\xbf\x9f\x94\x14g*\x8f\xfb\xa8\xd6\xfe\x94,2\xea\xc9\xa0\xa7\xbd!\x1ef\xad5c7\xff\xa5\x88\x91\x93\xafS\xfb\x0fds\xc2\xfc\x07\x80\x1a\xde\xa3 \xb4\xbbq\x1b~\x08\x81bNy\xe5\xa8\xd1\xb0\xf8\x97-\xe33\xadm\xb8\xb9\xb3\x80\x9f,\xaaVe\xcb+\x1a\xb4\x15\x83\xa4\xb6x\x8b\xe2\xda\xcd\xd7|\xf7VK(h\xb52\n\t\xadX\xad\xa0oSH\xf9=1\xacQ\x8c\x94`!p\xf1A$$KXS\x93\xe9\xec\xad\xf6(\xf3\xefN\x89@\xfd\x03\x80\x84\xbe\x8d`\x0bTgE\x1a\xa2\x0b\x14B\xe0\xbdty\xc0\x0e\xd1\xcb\x88\x9e\xdef\x16\x88x[\'\xd4\x92,\xf7O[\xe7s1\xff\xb4\xbd_\x81Xp\x9a/\xf7\xacz\xa2B\xdc|:~\xff\x1bs\xc3\xf96\x86\xff\xab\xe0R\xe7\xaa\x9ag\x05\xfa\x174\xf2\xf5\xa4\xfep\x84\x06\x00\x80\x1a\xe3Y@\xf5\xa8\xfa\xbc\xc2\xc4\x8c\x19\x1aT\x9a\x8d!\x84\xf5\x8d/\x951[(\x80\xb0&amp;\xa1\xe7\x06\xecfb\xd7\xe9C\x1e\x159:a\xecK\x8c\xdaBO\xccr\xae\x95\xb9\xc7\xbd\xa4FV\xfb\xc5lRX\x845\xb4\xf0@\x17\xed\x1d\xd0\n\x02\x0b\xc4\xcb\x0e\n\x07m\xf6t\x91\x84(\x00\x00\x8c\x80\x99\x9f\xbd}(\xa0U\xf9=eabf\xfe&amp;\xe2\x1f\x9a)U!\x8a&amp;\x99\x92\xaf\x98\xd7U\x1d\x0e\x12\xaf\xb4\x96\xde\x1b\xce\xbe\xb28&amp;Z8\xe5\xd5GdL\x02"f~^\x8bf\'IE0\xab\xeb\xba[\xad\xb2\x1b\xae\x0f\x00\x0f\x16\x8b\xde\xf9\xe8\xe5\xb3\xac\x06\xa5ZBZ\xc7\t\xb2\xe5\xeeuQ\xbc\xa6\xaebW\xec6\xa3Q\x10\\&gt;\xd7D\x06T\xb6\xc2Z\x16\xa3Uq\xc6\x0cTU\xfcG\x8e@K\x07q\x07\xf7C\xdd\x97P;F\x03\x00\x1e$\xb8\x1a?\xe2\xd8\xdc?\xb4\xc6\x1b\xeb\xe7\xc9L\x90\x96\xb9\x960\xc5\xdf\xef!\xa5\xc9\xe9\xd7K]\xaa\'\xed\xd3\xf4CQ\xa6\x97\x1a\ry?4\r\x9c_\xfe\x13\xbd\x92\x1ca\xdd\x8b\x83\xd5\x01\x00 \x92\x06\x92\xb60\xf7\x0c\xdd\xcb\x0f\xcbaK\xbc\xae\xc0D\x8f\x9aa\xd7\xab\xec6\xaa\x1a\x8b\xf4*\xf3\xfe&amp;\xde\xb9\x92P\xfe(\xc5\x8b_\x7f\x80\x8e\xb3\xca\xb7\xf5\x8b]\x119@\x02\x00\x00\r\xe9\xc0~\x83|\xddE\xe1L\x19\xe7\xc33\xc35\xab7\n\x101\x7f\x82\xa5\xfd\x15\xf4\n#\x0b\x10?&lt;\xa5\xf2t\xd5\xbe\xaf\xaan\xb1\xfe\x1b\x16o\xa0=i\xcc\xbd\xb9\x0c\x05\x00\xe0\x104\xddc\x0c\xf7\xe2N\xac\xbcj=\x93\xcbd\xe1\x89\xfe\xf4X\xc5c\nw\xad\xf9%\x96`\xdb\x1cP\xb2`\xc9\xad\x9f\x8a3\xa5\x9b\x8cy\xa5X\xf69\xfb \xa9\xe5(\xa9\xc8cR\xa6\xe7\x8f&gt;\x17\xcc\x0f\x00\xd0F;\x8b\xa6P\xeb*\x9d\xaa\xa4F\xa5,\xa3\x10\xac\xbe\nzS\xaa?\xa0,\x9eR\xe8_\x7f\xcd\x8a\xf5X\xc5O\xa62\xe9\xa8\xe8\xba\x03Be\xe2\x19\xcf\xa4\xf1\xb4L\x9af\x01\xc3\xe5E\xfc"\x97\x9c\x03\x8ffJ\x8f\x01\xc0}\x86\xa6Y\xb4A\xd7V\x1fE\xb1\x03f~\xac\xc2\x92\x12\xf9\x8c\x84\x91*\xfc\xe7w\xf0j\xaa\x9a\xc1ft\x82\xab\x97\x9c\xfc\xe4a]\xb6?\x97\x96\x9b\xcbxX\xda2\xce\xc5}\xc5\xf3\xf2\xebj\xbb\xc4\xc71\xfcC\x02\x00@\x06\'\xdaa\xbd"e\xda\xc4[\xf6h\x8cW\xd2;&lt;\xa4;\x0c\xbe\xae\x16u*\x0b\xb1i/Q\n\x90\xa9\xbc\x8e\xc3\x90[\xf3\xa4\x99\xd4\x8a\xe7bu\x0f+\'[p\xf6p\xff|Z\xe0\x97\xec\xc6h\x16\x86\xea\x07c\xe6\x97\x8a\x8f\xa3\xf7\x99\x02\x00\xb0\xc0:D~\xf1\x01\t\xc7\xf6\xee\xb5C&lt;hL\xbf\xa9\x82\x87^\xd1\x9a\xf2Jes\x1d\x8fS\xd55\x0b/\xa7*\x88j%9\xd2\x99\xa9V\xbf\xf21\x19\x07^I\xcb\xc9\xa1\x17\nq\xe1\x163{\x8eM\x96\x1fqR\x91\xb7G%\x92\x8a\\X\xf9\xc1\xb8N\xb0(\xf1n!\xbcM, \x9e3\xea\xe1\x02\x00@\x01\xd7Q\x10\x9am\x95\x9e\xd02p\x80\xa5=`y\xb7\xfbT\x9a]&amp;_\xe8\xd1\x11\xdb\xa1\x0e\x9b\x94{\xc5\xe7\x15\x82\x14\x8aQ=\xa9-\tx\xf7\xae\x12X\t\xf5:zx\x9b\xa1\xc5\xbe\x8a\x87%\xfc!\x99k\xf2\xe5\xed\xa4i\xff\x94\xd0\xf6\x16\xcc.(\x13\xec\xdb\xf2\xafa=^\xaa\xee\xdb\xedl\xda^\xbe\x00\x00\xa8\xc8\x97\xf6\xae\x15w\xd3\x8f\xdc\xc1\xbd\x89\xd4\x7f\xed\xe65\xe6\x05J\xa5\xda\xe9(\x027Z\xf4\x17\xf7\xcf\xef\xdf\xc3wo\xb2\xd2\xc3\xf5dY\xdd\x92\x85+\xbaQ}\xb8JV\x8f\xe1\xc4\xf3\xf4\xb3\xf0L\x99\x99\x89\xf9\xd3\x8dZ\x00\x00\x9c\x8bT\xa1\xd4\xaa\x81\x99\xf8o\xca\xb5\xd6\x0fc*V\x96AB\xca\xeb=;\x0cjK\xc9\x1d\x11\xb5K\xd3U\x85\x9b\x12\x95\x1d[\x91\xb1\xeb{\x1al\xcb Jn\x87p\x84\xf2\x15u~nB\xf9\x7f"\x81G\xc2\xab\x0b\xb3\x9f0\x00\xdcC\xb4b\x00\x92\x97\xbf\xebH\xde#k\xf3\x95\xe9z\xc8f1\x98\xc3\xeeS\xe7\xa7\x12\xbd\xca+\xd5J*\xbaF.\xe7=\xa8\xf4QX\xde\xb3\x92\xddrH\x93\xd3\t!\xa81\x00\xbf`\xfb\xe1\xa0\n\x89\xc8t?e\xd3t\xbe\x8bw\xb5*\xf1\xc7\xb6\xde\x1dhC\xc5\xc2\x90\r\x00\x80\x05j\x0c $\x7f\x89\xbc\xaf\xd4P\x9c\xd5\x87\xb0J\xb2\xf8\x7fC\xa0\x97G\xdd\x1d\'\x86WuR[)-h\xca\x1b\x0b\xccn\xd9\x8c\x84\xa1m\x02\xa1\x83s\xed\xfeI\x8dzgg,\x1f\x13&lt;\xe9\xd25\xc2\xb1\xbeV\xe8\x80\xf6\xaf"+\xa1\x98{\x98\xf9\x83G\x89\x03\xc0C\xc7\x80\x1b\xe1\xb8\xbeL}\xfd\x05\x17\xbfT\xa2\x90\xcb\xe7?6Tk\x18\\c\xb9n\xbb\xe9\x9bd\x0f\x8aU\x89\x97^|\x9e\xa4\xee\x99\xff\xa5\xee\xad!"z\xac\xdec\x9c|\xb0\x89\x0cH\xae2\x85K\x08\x00\x86\xe1\x1c\xabG\xc6\xf3{\x8e\t\xd6\xcf\xef\x85R\xbc\xb4Ice\xe4&lt;\x0b-\x8f\xa2\'D\xc4\xa8\xc6^\xde`\xede&lt;\n[\x81\x1a\x85\x99\xbfM\t/w0\xa5\x03::\xae;5\xf1\xb3`R?}\x00\x00\xd21\x9f_\x97\xcb\x18\xf90*\xf1CR9J\xe6_?1\xd3\xbfn\xad\xd7\xbc+hwC\xec\xa4\xcc\xfeA,\xdc\x94\xef\x18z\xed\xf1\x98&amp;P75\xcd 0\x18\xc5\xaf\xd49\xfd\xec\xa4\xf2j\x1a\x05\xcf\x13\x01\x80\x07\x88\x8eWB\xa6\x1b\x83\xb2\xeb\xe2U\t\x9b\x91{t\x04\xfe\x01\x99z\xa6S\xb2ii\xd3\xad\xe9\xd8\x0f\xe1\xbb\xd2\xda~\x07\xba\xa8Aj%\xbet\x8cF\xb6p\xa9\x0b\xe4\x98\x9e]\x14v\xca\x17\t\xf8T],\xd8\xeb|\x0f\xdb\x9b\x1c\xd3Mq\xbc\xcd\t\xa4\x84\x8d\xca\xc7p\xe0\xad\xce#\xb5\xc2\xd1\x97M\x02\xc0\xc3\x85hFu\xad\x00\xa6\xd8`\xa5\x00\x15\xd7\xaa\xc0g\x88|\xd3J&gt;\x7f\x85l\xd8\xb2\x84\x9e\xe6\x942G\x12\xc3\x1d\xe5\x94\xe3\xa0\xe4\x06)\xbf`\xc3\x02\xd4\xb5\x8e\xb5\x00\x00\x1e\x1c\xc6_\n\xbf\x8c\xb4b\xb4i\xa6\xea:&gt;\xb7\xfc\x9b\xb96XFO\x1a\xfd!\xfcoA?\xc9`\x13/\x9d04FR\xdd\xa6H-\x84*3\xe9\x05[?\xdaT\nm\x97\xaa\xc2\x95Z\xbejK\x1b9]S\x86\x10\x88~\xd7\xf6\xed\x97\xc9\xf4)\xfd\r\xe3\x10\x91\xed$\t\xaf\x84_^\xef\r\xee\x93\x1c\x00\x00\x15u\xb0\xb4\xcbdc\x16l\xdb\x03\xc2\xa8\xac\xd3\xefb\x00\xd6\xa0&amp;\\\xb7\xaadjK\x0b0\x8aA]\xe6/\xb5EZ\x8b\xfd\xb9\xb6\xccj\x0f\xa4\xbd]5j\xbb\xff\xe1\xb1\xa0\xffQ\xb6\xc5\xce\xa9\xd4T9\xef\xdb\xba%\xda\xad\xbd\xba\xc0\xae\xa4y\xa4\t\x00\x00X\xa8\x15\x90\xa18\xb8:\xab\xd9*\xec\xe2.\t\xd0\x92S\xbc\xee\xa1\xaf\x8b\xc1b\x15M\x00ff~\x998%dU\x88\xd2\xb3"4\xd6F\xeb=\xbd-\x96i6\xd9\x89\x94DJ\x93\xf5\'\xf2\x9b\xa5G\xff\'\xf4_\x9a8IP5=\x00\x00\xd0D\xff\xd1]\xba\x7f$P\xdc\x9dU\x16\xde7\x10\x11\x11\xf3A\'\xd0.\xc3\xc64\xfe\xff\xe4\x10^W\xc9)lFm\xedw\x15j\xa6\xc5\x1c\x1dWwT\x08\xc1\xaeXT\x91\x9diT\x05Q\xf5\xce\\\x14c\xe3\xdc\xd3R\xcei\x1e:fNw;S"\xbc\xbc\xa1,\xe7\\\xdc\xa2\xea\x81\x16\x8fX\xec\xf0J\x1e\xe9\x06\x00&lt;T&lt;\xd2UZ&gt;6r\xbd\'\xe8\xf5z\xa0-\x991]L\r\xa4\xbe\xff\xe5\x9f\xd7%\xac9\xd75\x85H\x9b:\xc8\xef\xe7\x8a\xc6\x81\xfb.\xa2\x00\x00 \x00IDAT\xc1\xd7,\x96k\xa5h\xa8\xdag\'$W\x8ev\x95\x19\xf8H\n\x95\xbe\xab9\x0fH|\xfa\xbcf\xfd,\x87O\xb4i\xec\xa7e(\xf4\x8d^J[\x92u\xef\xf1\x9e\x05\x80{\x81\xbea\xd0p\x11\\\xd0\xb0Z\x86pa\x0e{\x8e\x9d\xa9\x0b\xd4E\xa4\xb9\xacK\xb6U8\xe5u\x02\x16\xed\xa2\xfc{\x87\xf0\x96\xf4\xae\xb4\xc0\x1a\x105]\x87\x19}8\x86\xe6\x04\xc2\xfc\xaf\x88&gt;\xb4\xbe\xee\x7fm\x802\x83F\xfe\x02E\x98\xff\x00P\xa3/\x0b\xa81v\x14ws\xafL&gt;I\x88\xb6\x83}\x0e\x13k\xb8\x0ez\xb1&amp;\xf0\xe44^\x153\xffM\xda\xc5\xed\x9f.n\x9f\xd0\x97\xdf\xa2s\x1f\x86\xfd\xd0Cx\xd2\x18Y\xbb\x07\xe3t\x16\x8b\x8au\xa1\xfd\x01 b\xd0xT\xc9I^\xd7\xb3\x07]j\xdc\xad\xff:X\xdf\xb2I(\x06\x03\x96\x85E\xbe\x02\xb0&lt;\x19\xb1\x07j_\xbcP2\xe6e\xd2H\x90\xa6+2!\x96?\xfe\x18R\x9a\xb7\xf7H\x01\xe0\x16\xd1\xb1\x02X\xcc\xf9m\xff\xe7\xf8\x8e\xcae\x8c\xbe\xa3\xc7\x9ce\xa6\x1f\xd1\xeff\xc6\x1d\xaf\xdbP\xe99\rk\xef\x96M\xc2j\x1e}D\xb8*\x05Sb\x9e%\'W\xd6\xc8\xcbve;\n)s\xfb\xa4\xbe\xb3H\xc7\x16rK\xec\xd9\x18\xe8\xf2\xd7\xa8CA\x8bCo8\x1b\x89\xe3s\xaf(\x03\x000\x01\xf5\xd8\\u\x8d\x92\xdeg\x13\xe9\x1a\xe9\x1d%\x93*\x9e\xf2:\xc7#\xb57"\xa3&gt;\x9b\xee\x0e\xaa\xeb&amp;\x9d\x96\xd2a"~\\\xa4\xffc*\xd3\x16s\xce\x7f\x0f\x03\xcfT\x95\xbc\x9f\x02\xf3\x0b&amp;\xb0\x07\x80\x87\x87V\xd8\x8d\xac\xa5=/\xbe\x85D\xcb\x1596Z\xb0n\xb9\xecIRlR;X\x85\x15w\xc7\x00\xc7\x89D\xa2\x12;R7\xad\xbf&amp;&lt;\xc5\xcf\x9bS\x88\xa4Xz\nG\x08\x9d\x8a\xdf\xc0\x98\xd8)\xd9zAR\xfc\xea\xb2\xafT\x08\x7f\x93k:\x00\xb8I\xb4\\@\xb65\x15\xca\x91\x9f\xde\xda\'\x83\xc7f&amp;|\x1c\x9f\'\x9c\nQ\xa2i\x0e\xa63V]\xf8\xa81\xd9&gt;\xcdA\xadID\xdf=\xa2\xfd#\xe7\xcc\xbb\x95{\x94\xb6\x7f\xa2\xaf\xe8h;\xa7\xd9\xdc\x85O\x8e7\t\x8d\xe7\x18\x88\x9e\x96T\x81\xf6\x07\x80\x99\xc8\x1c\x08\xfcq\xf2]}\xe5\xcd\t\x85\xa6\x7fF\x1b\xe5Cn\x81&gt;\xafDQ\xd0\xc91\xfa\xdc\xd7\xaf\x1f\xb97m\xc0\xff\xf3\xd7\x8f\xa9R\xbb\xb9\xcbe\xb1[x\r\x9d03\xff\x03?;\x87\xd7\x88\x0f\xbc\xf4L\x90\x96\x99\xf9\x97\xea\x92\xbfF\xf2O\x02\x000\x19\xe2\xf0bS]\xa6*`l\x84\xda\xf4\x13F\x85\xea\xe9\xd2\xff\xb1\xfc~&lt;}\xbb|\xa5s\xe3\'\xa7\xcc%M\xbd\x16\x13\xbd\xd5\xdb\x84\x06\xe3\xd8\xc6\xe3H\xf8}y\xcd\xb5\xab\xffM\xe2\xed\x96\xc9\xbfL\xcc\x07\x00p\x1c\xa9\x9d\xab\xcd\x01^:\xfd\xdc?th$\x8fN\x00}\xdaj\xd7\xf8R,td\xb6\x93\xaai\xe48\xef\x19\x83\xb1!\xcaA%\x19\x7f\x1b\xf5\xbcr\xd2\x04\xf0\xdb{\xaa\x0c\xf0\x05\x80\x87\x03G\x006O\xab\xe7\xc3\'\xf9\xf8q\x84W1\xf8\xfd\xbbL=\x85\xf7Z1\xb2\xba\x9em\x90\xf8\xe0\x93\xf8d\x07A)\xd9?\xce\x9b5\x1df&amp;zu\x08O5\xe4\x8f\xb7\xa4l\xcf\xbd\x0e\x1d\xdbS\xc7UK\xc7\xba\xb4\xa6Y\xc0\x08\xda{\x0b\xcf:\xec\x02\x00\xee8\xda\xfb\x00\x96\xa1\xb2D\xe7\xb8\x1a\xe1N\xe3z@2\x1e\xd5\x1a;\xba\xd4n\xa3@\xe1\xc8\xda\xd4\'\xf3\x97\xe4z4\xa38\x96\x05T\x08\x13\xd2;e\x8f\x87\x10Bxj^&gt;\xcb\x90\xc9\x97\x08\xcf\x10\xc9\xaeLGm\xe7\xb5\xbc\xb9\xa7\x82\xab\xf2\xfc\x9f\xfb9\x10\xb5\xb7\x01\x07\xf2mOYW+\x00\x008-\xa1\xe9V\x7f\x93`mN\xfa)\xa7\x15\xa3\x16n\xd2*,bcKs\xf69Y\x1eM\xc9\x86L\x8d\xd3|U\x11\x8a\x93\x854[;\xbdS\xebqe\r!\xc3\xb1l\xa2\xd6\xea\xa4$\xe6\x7f"\x19\x05\xa5p\x9a$\x1a\x7fT\xcd\x95\xc7%W\xb1\x00p\xcb\xe8;\x0b\xc8\xb6\r;\xcc\xc6\xe6NQ\xb79\x99^\x14s_\xd2M\x07\r\x89^\x94\xa4\xae\x96f\xf8~+\x95m\xf9\xe7\xc3\xb2l\xfb\xbd\x8e*?3\xf3\xaf\xc8b\x08\x82E\'\x13+E\xce\x82\xfd@\x99\xe5.\x8f\x90\x9f`T\xe9\x0e\x01\xb4\xdd\xda\xfb"%d\xa5\xd3Z\xba\xd8\x0e\xc6\x00\x00\xd4\x10\xd5?\xa7\x032\xbf.Qp\xf3\xfal\xf1\xf5O\xaa\x8f\xa2q\xd7\xcb\x96\x14\x02\xce\xba_\xddt\xa2\xf8},K\x11~\xb4\x90k\x94\x17\xfb:\xdbu\xe3\xef\xb4f\'\xf76\xa4&amp;u\xa0w;Y?\xb3\xfc\xb1\xf1\xb6`9\xcc\x1f\x00\x1e&lt;\x8a\x11\xd8\x1cR\xa5\xdaj\xa4\xa6\xecC|\xffk\xaa\xa7B\xc5\xb8[Q]i\xcdR\xcc/\xadY\x97B6\xdb\xc5\xcc_\'O\xa8\x92&lt;*\xe1\xbagl\n\xb6H\x7fad\xa6\xe4w\xe8}^\x8b\xc5\xad\x9d\x01\xce\xc7\x17\xc9\xfe\x82p\xeb\xcf\x8b\xac\xf7\x02M\xea\x00\x00\x18\xa8F\xb5\xa2\x94K\xbd\xfc\xfa\xfd\xd6_\xdf2\xeeE\xfa\x0e\xe3\xd4\xa3&amp;\x14\xc9\x07\xea\xa5\xd5K\x01\xfc\xb2\r\xb7B\x9b/=\x13\x00\x99\x13\x00y\x94\xf2\xe7\x08z9e\xa9\x11\xd7V\x87\x02\x11\xcefPC\x18\xb1\xa2\xc5ZZ\xf74\xe9\x03\x00 \x83\xb9\x1c\xf0\xdah\x1cSvbEff\xfe\x1fSJQexind?\xdf\xdb\xd0\xa4\xee\xe3b^\x8f\xd0\xa2*\x83F\x15Jl\x95W\x06\xa9l\x93\xd4\x18/\x89\x0e\xf1\x7faQ\xd6\x88kw\xc5\xa9\xab.\xacQ\xe7\xb5\xdb\x89\xf9\xe5\xaa\xcc\xda\xac\x89\t\x00\x00\x88\xa8+\xa2\xc8\xbc\xa6\xa8o\xe3\xa7\xca6\t\xfb\xcb\x05\xeb|\x0c*\xea4y\xd5\xb2\ny&amp;\x94.!\n\xa6Z:|oz\xce^1\x08/\x8c\x0c\xc2\xdbh\x95\xf0\xa7$\xad\xceteXS\x10\xf3\x7f\x9c\xd9\xf1\xb3\xb2_8\x8a\xd8\xa2-J\x98U7e*\x9a\x10\x93\xafh\xf4i.4\x91\x05\x04\x00\xe4\xcf\x02Z\xc7!33\xff\xe1\xe5\x8c\xb3z\x04\xe5\x86[q\xd3\xce\xcd\x88\xb5\x98?\xbe\xd2\xfd\x9f\xa5\xe7\x98\x17N\x89&lt;n,\x7f\xd6\x0f\xb0k3H\xa8l\x90\xda\xd9&amp;\xe6\xc9\x81\xdc\xc2\x1f)\xed}\x92[\x1a+\xa6\xc9\xe8\x06\xb98I\x0c\xf9\xc43\xf2?g&gt;\xdb\xf5\xc6\x7f\xa5T\xb7;\xc2\xd7Q\xd9\x92\xb4\xd9\x1ch\x7f\x00X0\xbaUJ\x1aC\x85U\xd8;\xcc\x9cV\xbf\xc6ND\x92\xd6IT%\x8c\xb7EZ\xd3\xfc_A\xf44M*\xd1D\x95\xa9\xe5+\x00\xa3V\xdd4u5\x13\xb3D\x97*\xe9\x12-[\xae\xa9\xb2q\xdc\xcc\xec\xfe5\xf8\x9b\xbc\x95_\x05T\xfamP!s\xfdZ\xe3|\x89\x06E\x0f\x006\xdc\xfb\x00\xd6\xb1\x14\x88\xde\x93\x14M\x1123\xbf{\xec-\x15=\x0b\x85\x15\x8a\xf6\x0f\xf2!\xcc#za+\xf7q\x15\xfd(B\x87\xf5\x1c\x82\xba\x01\xa2t\xa6\xd4\x05*\x9d[Z\xfe\xbc\xfe\x8d\x0e:\xa7x\xa1\xfa0\x1d\xdb/B\xe3\xc0\xfc\xe1i\x1c\xc5E\x93\x93\x07\x91&gt;\x8f\x9c.|\xfd\x00`\xa1/\x06p1\x93\xcavmoeV\xfb\xdci\xf71g+\x801\x83W\x8f+\xec\xe6\xa7\xc7\xd3U\\1l\xf3\xa6\t_\x11_\xfds\x82\xfa\x9b\xf7\xfc&lt;\x0f\xa8A\x81\xec)|P\x1e\x0f)\xff\xa3\x07\x80\xfb\ru\x05PgP\\rA\xad\xec\x00-\nmk\x8e\xd4\x184\\\xd1\xf9-OcR{\xf4\x9b\x9a\xf2\xb8\xed\xcd\x94\x8e\xd1\xcc\xb1\xee\x0e\xfa\xcb\xdf\xe3\xf5\xc2\xd0\xee\xb1\xbc\xc7Q\xafr\xa6E\xa4\xe3\xa2\xc7\xbbv\x9c\xc2\x16\x00\xee&lt;\x1e\xd1n,\xee\x18\xbb\xf2\xf45\xc1;\x13\xfd\xbf\xee\xc2\x05c\xcd\xd6#\xc9V\xf5H\x1e\xe3\xde\x1aqZS\x80\xc8\xe3_\x1a7\x99C\xa0#\xfd\xac\xd6\\\xed`~\xf6V\xb0_*\xea\xb2\xa6\x99S\xbf\r3\x13\xfd\xb1.\x9e\xba,\xa5\'\xacU~\n[\x00\xb8\xd7\xb8\xbc\x0b\xb56E\x0f\xda\xa6E\x9ayz\xf1\xef\xd9\x15\xf7\xba\x83\\\xb42\xe9W_#\xceESr\xb9V\xf2\xb0\x9cyD\xda\x83\xa8\xd1\xd9\x82\x84\xc5\xfb\xe44?p\x98\x12\x00&lt;lpKI\xcdUa\xda\xf8\xb7\x95\x02\xb7,\xbe)z%\xe6cj\x9a\xce\xc9\x81%/\xd1\x98\xee\xab\x1dt]\xf8m\x12k\x8e[\xb1\x9c2\xc4*\x1f\xea\xaaU\xb7\x92\x0f\xcc\x01Z\xc1\xe3\x8f\x1b\x00\x1e\x0e\xd4\x18@\\%\x7fi\x0f\xb9\xb1a\xb7\x8d\xd6\xe7\x11\x11\t\xfb\xaa\xca\xc2\xfb\x18_\xfe;U\xb8\xd8\x15\xccK\x92\xcd\xe7\xd6\x05&lt;\x11\x0b"\xe2\x7fRLXc\x02\xf1\xd6j\xef\xea\xa4\xba\xf8:e\xfe\xe0\xc4\xeb\xd5Dlr\xf8\x91d\x7f\x96\x0b\x9b7lO\xd9Z\xdc\xf7\xfd\x19IzA\x83\x04f\x07\x00h\xa3iHef\xe3\xaa:\x14S\x9d\x1bFb\xbc\xd9\xb4m\xbb\xacEOI\x8f5mSq*\x94\xa2vm\xff\xbe\xddC\xa5\xee\x81\xef\x15\xcb\xec,\xda\x14\xb2)\xf5\xc0R\xc9\xaci?\x8a^\xbeZa\xcf\x0f\xe3@\x13\x01\xe0^\xa1\xbd\x0f\xa0\xbd\xb4\xdf\xfe5J\x86@\xf4\xb1F\x1e8\x13\x11?\x97\x98\xb9?9\xc4*\xec3\xcc\x99\xba\x94B\xa1\xc4\xf7\xcb\xb2U^\xa8"\x85Q\x08!\xbcKB\xd6B\xd1\xa2\xdf-\x16\xff\x9d\xdc\xb5&lt;J\x08K\xbb\x10\\\x1e\xbf\xa5z\xb3P\x10\x13\x95\xdcO}\x11\xa61\x9f\x90C\x12\x00\x00\x0c4\xc7&lt;s\xd4z\xd6Pdf~\xc9\x08\xa3\xfa\xda\x9b\x0e8\xcd5\x8e\x1eR\x86\xb7:\xd6\xe5DQ\x8a\x1a\xbf\x16\xbbf\x9dj6K\x9e\x1fm\x877\xcc\'"\xb4\xcb\xd3v\x81\x85\xc9\xba\x8e\xe7\x1fW\xcaZ\xff\x8b\x05\x0es\x03\x00@B\x1d%VuD\xa9\xf5\xac\xa9%\x16eEe\xb0\xc4Z\x15\xd2`\xb4\x97qQ\x13\xf5N\xd9\xb4\x7fa\xaa]\x87\xb6}\x81&lt;+\xa8}X\x97\xf4\xb0+.p\xde\xab6w\x96\xaeo\xf2\xbc\x8f&amp;p"\x0f1\xd1wk\xedw@\x9c\x8c\xf3\xd6\xa9\xb7\x00\x00H1\x9e\x11\x9d\x0c\xadu\xf5\xbe\xe8\x07\xe3\xd4\x9aX(\xab\xa6\x92\xcd\x8a-\x0b\r;\xcb\xbe\xbe\xcb\xbe\x0czO1\xd1\xbf\x13\xb6\x90u}&gt;\x84\xd2\xba\x95R\xb3\xedy\xbe|\x03-j\xcd\x1dl\x02\x0b\xe9\xc4\x8b_&amp;z\xf7\xe5\x8e&amp;UY+\xf9\xbe\xb5}\xf3\xff\xe4w\xbbP&lt;\x0b\xe9\xb9S\xb9\xea\xfb\xf8\x10^1\xc4\x0c\x00\xee/\xfa\xde\t\x1c\x91\x8d\xff\x1f\xd9/+\xc5?5t\xa6\x89D,g6\xc8\xce\xf5\x8a\xab6y\xc8\xb5\x14\r"\xfb4\n\xa2I\xda\x8f\x10f\x90\x0f#Z\xef\x88a\t6\x14\xfd\xc7\x0cN\xd2\xc9\xee\xe8\xf1\xba\xf1k\x08\x81\xe8\xd7\x12\x91\xee\xf8\x11\x88T\xda\x9f\x88\x98\x98\xf7\xc9\xad\xc7D\x8fe\x85(E\xbe^\x14\xfa\xf9\xe5X\x0e\x00@\t\x97n\xe0\xbc\\jZ\xa6&amp;\xbfa\xf9F:\xbd+\x80\x94\xb8j\xfe;\xc8j\\\xca\xf5\xcaNJ \xc3\x07\x8cVK\x18R\xa7\xb7u\xde\xac\xed\xd9\xaa\xcc!\x01R\xee-r\r-\xaaT\xaf\x1fk\xba4t\x87\x7f\x93\x1f\xdb\xfe\x7f\xa8\'\xe8\xa6\xc0\'&lt;F\x00\xb8{\xe8\x18\x06\x9c\x9c\xbe\xab\x0er}`qr\x16\xdb\xce&gt;\x04\xe6\t[\xf35s^-O\xa5\xce\xcd5\x0b\x8b\x84\xb4\x86\x1fG\xb4\\\r]\xa6)2mj4\x1e\x07k\r\xd4\'\xbf\xac\x18\xe5\xbd\xe7\xd3\xa6Y\xadx~\xdfaM\xfcx\xa2\xb7\x16=\x93\xd34\x9e5\x00&lt;pX.\xa0e\xc9\xfc\xe2\xf8\xbd&gt;}7\x87\x91q)\x9b\x8d\xab\x198aa\x9e+\xca\x18\x064}N\x8a\xa3&amp;#\xa4\xdd:\x80\xd8\x15\xa9\xffc\x95\xbf\xda\x08\xe0Q\xb3\xd6BJ\n\xff\xee\xcfB\xed\xf8\xc6\x03)Su\xa5Ho\xa3\x96\xee\xcc\xe9\xc5\xbf\xa7\x86\x93k\xe5\xeb8.\x10\x00\x1e\x1aZ\x91\xcf\xc4\xabs\xc4T\x97\xe3\xc3\xb4\x9dZl\x0e\xca\xa5\x80\x11\x01.D\xf5D\x02\x98+\xd7\x81h6.^~\x83k\'D!\x8dxo\xdbKfL\xba\xefG\xe1\xc7\xcd\xba\x86\xb7d\xd4B\xf78v\xb4\xf5\xc7\</t>
        </is>
      </c>
      <c r="E23" t="inlineStr">
        <is>
          <t>&lt;class 'numpy.ndarray'&gt;</t>
        </is>
      </c>
    </row>
    <row r="24">
      <c r="A24" s="1" t="n">
        <v>22</v>
      </c>
      <c r="B24" t="inlineStr">
        <is>
          <t>steps_per_sec</t>
        </is>
      </c>
      <c r="C24" t="n">
        <v>400</v>
      </c>
      <c r="D24" t="inlineStr">
        <is>
          <t>10.157482</t>
        </is>
      </c>
      <c r="E24" t="inlineStr">
        <is>
          <t>&lt;class 'numpy.ndarray'&gt;</t>
        </is>
      </c>
    </row>
    <row r="25">
      <c r="A25" s="1" t="n">
        <v>23</v>
      </c>
      <c r="B25" t="inlineStr">
        <is>
          <t>Loss/object_center</t>
        </is>
      </c>
      <c r="C25" t="n">
        <v>400</v>
      </c>
      <c r="D25" t="inlineStr">
        <is>
          <t>0.621753</t>
        </is>
      </c>
      <c r="E25" t="inlineStr">
        <is>
          <t>&lt;class 'numpy.ndarray'&gt;</t>
        </is>
      </c>
    </row>
    <row r="26">
      <c r="A26" s="1" t="n">
        <v>24</v>
      </c>
      <c r="B26" t="inlineStr">
        <is>
          <t>Loss/box/scale</t>
        </is>
      </c>
      <c r="C26" t="n">
        <v>400</v>
      </c>
      <c r="D26" t="inlineStr">
        <is>
          <t>0.2026644</t>
        </is>
      </c>
      <c r="E26" t="inlineStr">
        <is>
          <t>&lt;class 'numpy.ndarray'&gt;</t>
        </is>
      </c>
    </row>
    <row r="27">
      <c r="A27" s="1" t="n">
        <v>25</v>
      </c>
      <c r="B27" t="inlineStr">
        <is>
          <t>Loss/box/offset</t>
        </is>
      </c>
      <c r="C27" t="n">
        <v>400</v>
      </c>
      <c r="D27" t="inlineStr">
        <is>
          <t>0.2672765</t>
        </is>
      </c>
      <c r="E27" t="inlineStr">
        <is>
          <t>&lt;class 'numpy.ndarray'&gt;</t>
        </is>
      </c>
    </row>
    <row r="28">
      <c r="A28" s="1" t="n">
        <v>26</v>
      </c>
      <c r="B28" t="inlineStr">
        <is>
          <t>Loss/total_loss</t>
        </is>
      </c>
      <c r="C28" t="n">
        <v>400</v>
      </c>
      <c r="D28" t="inlineStr">
        <is>
          <t>1.0916939</t>
        </is>
      </c>
      <c r="E28" t="inlineStr">
        <is>
          <t>&lt;class 'numpy.ndarray'&gt;</t>
        </is>
      </c>
    </row>
    <row r="29">
      <c r="A29" s="1" t="n">
        <v>27</v>
      </c>
      <c r="B29" t="inlineStr">
        <is>
          <t>learning_rate</t>
        </is>
      </c>
      <c r="C29" t="n">
        <v>400</v>
      </c>
      <c r="D29" t="inlineStr">
        <is>
          <t>0.00031</t>
        </is>
      </c>
      <c r="E29" t="inlineStr">
        <is>
          <t>&lt;class 'numpy.ndarray'&gt;</t>
        </is>
      </c>
    </row>
    <row r="30">
      <c r="A30" s="1" t="n">
        <v>28</v>
      </c>
      <c r="B30" t="inlineStr">
        <is>
          <t>train_input_images</t>
        </is>
      </c>
      <c r="C30" t="n">
        <v>400</v>
      </c>
      <c r="D30" t="inlineStr">
        <is>
          <t>[b'512' b'512'
 b'\x89PNG\r\n\x1a\n\x00\x00\x00\rIHDR\x00\x00\x02\x00\x00\x00\x02\x00\x08\x02\x00\x00\x00{\x1aC\xad\x00\x00 \x00IDATx\x9c\xed}u\xbc5G\x91v\r\x12\xdcma\xd1\xc55\xc1%\xb8\xcb"\xc1%\x8b\x86%8\x04\x16w\x12\\\x16\r\xb08,\x1fY\x9c\xe0,\xee\xee\xae\xc15\xc8B\x80 \xf5\xfd13=\xd5]\xda=s\xee{\xef}\xa7~/\xe1\xdc\x99\x92\xa7\xaa\xab\xab\xab\xfb\xcc9\x07`\xc3\x84\x12\r\xb7\xb6\xd24\x00\x02$\xd3\x9c\x1e7\xf2\xc3\xc8\x99\xe8\xba\x8d\xd6{%\xc7p\xc7C\x98\x85\xeb\x14X\x13\xa47\x92\xd7\x9e\xaa\x08\xec\xd1GD\x00\xbcc\xaf\x13\x12{\xc4kL\xff\xf4&lt;\xa9\xa5\x1e\x86p\xfdq@\xc6wb\x0e\xe9\xc4\xd1;\x8f\xf3\xf9"\x9ec\xb8B\xc7I\xc4\xd7\xd8\xb6x\xac\xa6\xe1(\xae\x03\xe0w\xe0\xaeb\x9cu\x85F\xfc\xbf\x13\x056\x0c\xee\xb2\xd4\xac\x10S\x88\x8a\xeb2M\xb9\x9d\xe8\x83\xa56\x8d\x00\x01\xf6\xd59[=\xd8\x81\x14\xcd\xa9MY\x97kAPp\x0e\xe01\x81\xcau\xc8\x93\x92y\x13\x98\x05\xc3\x88\xe7\x02[\x17\xde\xd3\x99lz\xfeOI\xef`\xb0fQ\xbb\x97\x0b\xe6\x19\xe6\x85\xb5\r\xcc\x10\x90\xd3\xd0\x8b\x8e\xb6I\n\xa4\x9a\xa5\xd4\x14v\x9d\xb5AR]\x13\x15"\xe2u\xda\x9cm\nVP\x80/\xc3H\xfe\xdb@\x9753\xd0\x06\xa5f\xaf\xc7\xd3\nv\xa7Q\xee\xf5\xf18\xc3\xdd\xb6\x1e\xd3HZ\x9fXE\xaf\xb1M \x16\xc3\x1f\x80$3\x17\x0b\xc0\\\xdc\x0b\x91=o\xc4~\x99\xb7\x84\r\x13o\x0bH\x9a\xb7r\x95\xf1\x17\xf5\\[T\xca\x0c\x08\xbfI\xbb\xf2\xb7\xa5\xdc\x0bw`U\xcc*\xe6\xff\xadkw\x04wz\x18W5\x99\xd9\x8a\x88R^\x05\xe9\x94\x00\x88\x9fSR\xb0\xa7\xef%`W\xd3\xc0\x8c\xe8\x0b\xc7\x97\xdd\xda\xee&lt;Z\xca\xe7\xa0\xb4k\xae\xe8\xe6\x16\x19\nD\xc0G\xccB\x95\xc3\x939\xd3r5\x13\xf0\x92\x8e\xbb\xad\xd3\xb7\xa4\x05\x80Y\x1ff\xce\x12\xd9B\xab\x00\x12\xcd-z\xc2h\xf8my\x9d\xa8\xf1\xccm\x1b\xed\xbb&amp;\xa7i\xb4\xc6q\xc9V\xe3\x0e\xa0@\xe8JJy\xd5\xb8_G\x00\xc4\xfdJ\xe4\x1a\x19JR\xf4\xeei\xb8\xd6\x12\xd5\x9dM\r.k#\x111\x94\xe8O\xc5]\xadZ\x9d\xb9\xd2\x9f\x9cn\x19&gt;\xe8\x08\x92\xe8\xea\x82\'?\xf3\xbb\xbcL\x1b\xd3#6\x92A\xeb\x86\x9b.N~\xb81\xc7\xc7\x99\x112\xca\x84i4?\xd9\xc8\xe9\x86\x9c\x99N\x93\x8f\xd9\x9a3g\xf0W\x1e\x8c\x91\x95\xf7\xda.\xe1\xd5\xa3\xeb\xae\xe2l\xa8\x97W\x1b\x0bL\xfb\x9e\xd0\x94\xc1\xe2\x9fO\x9e6|\xb6\xbf\xc1\xf5\xbc\xdb\r\xd4\xec)o\x06#q\x13+K\xea\x9aAV8k\xe7\x08\x00\x88\xafZ|L\xe5c\x93E\x93g\xc1\x8c|\xea\xd8e\x0bV\x94\x12l,\x0f:`5\x9d\xd2|\xcb\xf7v\x15m\xaflq\xd1\xadR\xa1Y\xbd\x95\xdb\xa2\xe8_l\x88\xc4 \xde\x18\xe0\xf2T$\x863\xc5\xe1\x8d\xbe\x85I\x10\x11n\xa0\xeb\x94\xa5fG\xdb\x1a}\xdd\xfa\x0f\xf3?\xef8\xad\x04\xeabp\xa8\xb8\xfc\xf4\xff\x0e\x02\x048Mq\x9dS\xab\x8f;\x89\x16\xf1\x14\x01\x10\xf75\x9a\x02\xbc\xaa\xb1nk\x0b;7\xd1\xbaP)J\xe9\xe4\xa9V+\xdbr\x92\xa7\xaeG[4!\xbd\xaeV0\x82\xf8\xac*\xeb\x1a\'Uaup\r^m\x03\xaa\xc2\xcfW\x0e[\xadv\xf72DaC\xe0\xfaQ\xf8\x0f\xf3\xaezk\xf6HM\xc9\x10\xce\x81\x17h3N\xdf\r06\x98J\rN\x7f\x02\xc0\xc7\xf4\xb5d\x9e\xa3;\x81\xb6\xc6U}\xdaW4\x83J\xc7]\xf7\xe6\x1e\x98\xab\xbd\xbb\xcf\xf8\x90k\xcb\xc0O\xe9\xc4\x9e"s\xe9Z\x9c\xc6\x98\xa80BJ\x14\xa8\xd2\xb8\xf7t/\xdb\xbf\xe6\xf3\xe2\xad$#t%\'\xe1\xe3~#\x00\xe2O\x12\xf3\x95u=_\x98\x14\xfa\x1b\x05\xc4\x8f\x0f\xd3\x84\x94&lt;\x04\xc0_\x1b\xee\xcc}\x07\xcb 2\xfb&gt;\x86\xf8\x0ei\x16f\xcc\xc3\x8b\xcb\xaa\xa8\x94\xd4\x92,N"\xf9Y\x96N\x0b;\xbf\r\xc9u\x15\xbd\xa7\x89#:?\t\xf0\xc4\xfcV\xe2\x90\x07\xe062\x92\xdcJ\xdd\xeae\x0c3\xd5ck;m\x85\x95,e\xdd\xdc\xca\x97\xa5\xe2\xe2\xd7=s\xd9\t\xe9\xfe2\xe7\xbeY\xfb\x99\xbfX\xb2\xb3\x93\xb6n\x91\xc8\xeb\n\xb7\xf5&lt;4\x0e\xbe\x18\xe7\xc4\xc6=o\xf0SP\xc2\xa7\x894\xe9,\x9dd\x1c\xefT\x89\'H\x05\x1a\r\x19\x02\xbc\x80A\x92\x01s\x1f_\xc8\xddA\x04\xf8P8!\x03\xa1\xda\x15d\xbb\xda\x10\x0b\xbb.\xbb\xd1\x97\xf9MCa`\xb2=\xfegP\xa1l\xa5\xd8j\xe8\xd6mx\xed\x1e\xa9\xe1\x9a\xee$&gt;*0?\xd9\xc5\xe8\xa9 ]\xc0lh\xb6\x1b\x95\xed\x8b\xcd\x8c\xcf\xee\xb9\xae\x9b\xbb6\x0b\xc0H/\xa2xt\xb6\x88\xcd-\x08{\xa1\xfe\xb6\xf9Vf\xc8L\xc2\x7fn\xc8\xb6/!\xd8\xfb\x8d\xd7\x0f\x95N \xc3k\xc0\x06\xbc\xdffd\x84\xb59\x1e.\xbb5\x00\xfe \xe5\x86*&lt;\x95u!\x00\xe2\x1f\xd2\x85\n\x85R\xd1\xa4\x0b\x80\xedr\xc1p"\xa9\xa1k\xf0HS1\x85\xd7e]\x94\x98\xb5\x1fr\xfbf\xd9\xb2\xba\xbf=K\xf10\xf2\x8a/&amp;O\x9b\xf5\xf4\xa9WMg\xd5\x88\xbb\x89:\x93n\x90\x97\xfb\x11a\xdd6E#*~P\xbeuH\xbb\xe4\x92S\xa6\x8a\x93\xcf\xbd\x82jG\xc5\xcdoo\x00L\xfa\x9f\xa9\xf92\xacc\x0e;\x1f\xdd\xd2\x1b\xac\xf4\x91h{L\xb9\xe9\xb6Q\xd5\xae1&amp;(k)=\x1c\xca\x93\xd0\x12y\x85\xbfs\xa8\xb0\xc4\x8d\xf7a)\xa5J\xc0\x9b\x07ZC&lt;\xdeA\xe6\x85\xac\x97\x89\xa1\xed\x95\x1b\x96\xfc\xa52\xa4\x18\xd6\xac\xcd\xcf\xeb\x83\x90\xbd\x01\xe5\xb2E:\xd1F]x&amp;@\x04&lt;\x9f\x04F\xa6\xf7\xcc?\x0c\xd8UT[\x1fa\xa3\x0b\x80\x97-\xe2mL\x9f\xd1U\x86V\xd3\xa6y\x87\x07\xf8\x13\x1b\x01\x10\xefQ\xa59\x97\xf5E\xed\xfd\xac\xce\x0f?\x9b\xdd\x84.E\xf8\'\xe9\xec(\xbd\x88\xc5n\x8b}\xf1\x03-3\xcf\xb6\xab\xec\x14\xe9\x95\x0b\x89\xcc5 \xe2G[\xa6\x92I\xdc6/@&lt;I\xa5\xad\xbc\xb5*{\x7ff\xda[\x00\xf0\xd8m3;\xb6\x0b5$D\xb0\x1fY\x84$\xb4j\xfb,_\x1c\xa4\x0e\x0e\xfb\x17\xea\xec"&lt;0ed\xcb\xa4U\xb3\xf9\xe2qW\xf6$!\x02\xe2e\xd8\x95\xf4\xda\t@Cw2\x9f\xa6\r\x8aY)0\x9c\x00Q\xa3\x926z=AR\xe7\xda)jm\x89O\x15\x044\x10Ln\x08j\xf2\xdd\x80\x8aX\\\x01@|\x02W\xeb\x17"\x80o\xb7\xb9\xbd\x19\x12\xbe\x9fg\x8f\x11"B\x07\x1dtc\xeaw\ncq\x1dA\xda\xea\xab\xa2\x95\xfd2b\xd7M\x06\xc7\xd724\xcaIM\xc2x\x1du\xa7\x14\x92\xd9_\x17\xe0\x19iL\xdd\xfa*\xd1uJ\\?#\x99A\x00@1\x02m\xf4\x1a\x80\x9b\xcd\xd5Q\xc6;G\xd7\x8d\x05M\xc0\x9c%U\x91\x04\x9b\xa4\x8e\xbd\x90\t\x01\xfc\x89\x12&amp;i\x94\x8b\xa1\x1f\x97\x00\x95\xba\xdf\xc5l\x1d\x90^}$&amp;@0PW\xbf\xd3u\x00\xff\xe8\xba\x0e\xa1/\x1a2\xaa\xae\xab\xa9\x0f\x99\xad\xf2\xac\x93\x16\x8fR!"t]\xac\xbe\x9c\xab\x16\xca&amp;ik\xb2\xda\xa2\xc8\xf0\xd8\xb3/\xb2\xacS\rH\x0c\xbb\x82\x11\x00\x11Jnv]\x87\x88\x86F\x1a\x10\x91\xab\x17\xb7y2\xe6\x89\xc6\x89\x12\x93\x954\x00\x00\xfc\xa1\xebN\xa6\xb0-\x13( \xa33C\xa3\xbd\xdc""\x9c\xb0\xeb\xfe\xa2\xc3\xc8\x1d\xdf\xaa%`\x19\xaaj5\x88\xb3\x83\x97u\xad2D\xa3\x93\xa9\r\x8a@&gt;\x10\x03&gt;\xab\xe8+\xa6\x01\xc0\x9aw\x89^\x03pS\xd9}\xa3\xbcOz\xcd\xd0\r\xa0\xb7O&amp;\x1dgO\x03\x80\x0e\xa0#\xb4tp:\xe8:\xde\xf8ue3\xb8\x11\xcav\xd0\xa9\xfa\x03\x00\xc03t\xa9\x0e\x00\xe0\x15c4\x98\xce&gt;\xbd\x10I\xc4B\xd4u\xd3\x8c\xa9\x92\xed\xc6\x00&amp;)^\xfd\x07\xe0\xc7.\xb4L"9\xff\x98q\xbca\xa3\xe9:\xb5\xfaC\xbeo\xdb\x1a\xaa&lt;\x9fP\x94\x00\xe0\x95\x00\xdb\x9e5\xa1\x19\xf1\x00\xee\xfb\x94=\xe3\xebn|\xbd\xa9\xea\x0f\xc0\x12\x00\xe1\xebP]\xfd\x01\x86\x11\x8dXS\xaa?\x83B\x0bK\x10\xcd\xf6)\xfc\xdb\x9c\x82\x07w\xeeq[\xd4\xdc\xbd"o!$\xa3\x0f\x0c\xaa\xe7g\xe8aD\x9a\xc2\x16U\x04\xb9\xfa\xee\xc5\\`\xd0\xa2\x99\xf3\x0bG\xa85\xda\x10\x91\xff\x86\xc1\xcc\xe0o(b\xa2\x95\x99\x96\xec\x19\x800\xbc\x9fi\x9b(\x87\xe0\xbc0\xbe\xe1\xc9\xde\x0e\x9d\x01Oa\x00\xc4\xa7 \xc0\xdb\xe8\xc5\x97\xb7\xa7D\xa6|\x00\xa0\xdf\x8d\x9c\xe0{\x18\x1ehk\x18M4y\xb07\xd1\x97#\xe9\xa2\xc5\x1a\xe0\xda\xf5\x16\xe3\x83\xee\xe5\x80\xa9Va;\xdd\xc0\\\xa3\x8d^\xcfg\xe30\xd5/m\x83\t\xcd\xe1\xe0&lt;\xaf\x8a\x89c.\x140\x15@O\xcfj\xc5\xb6\xa7\xa6\xe6\xfc\x00J\xd3A6aX\x12\x17`\x94\xe0\xb1\x9f8SQI\x00l\xd3&lt;\x99KLt\x1d\n\xd2(\xbb?\x17\x91\x1fvP+\x8c\xbc\x8eZK\xc8M\xca[a\xd4\xbb\x82\x9a\xfd\xb5\xe3\x85\xaf\x94b}&gt;\x91\xd73\xd4\xb4\x00\xc4\x07\xb2\xadA6A\xc2=\xf9\xad\xe9\xf5\xc0y\x8d\x90\x9b\xea,\x8a\xc3.C\x14ki\xf1/j\xb7\x1e\x8f\xb0\xe6T\xc4\x8b\x866vC\xb4\xc8\xe6\xcc\x8e[$\xb6r)\xac\x19\x0e\xa2\xea\nT\x063\xe56~?+\x10\x11\xcf\x1b\x1d\xbe\'\x89~y-\xffd\x9d5^\xc5f(\xb1\x1d_C;\\?^C\x18w*e[\xc5V\x8f\x8dh\x19\xed\x7f\x1bZ-\x0fD\xf5\r\x06k\xc1\xf1\r;\xb5\xe8\xec\xe2ul\x9a\xa7*\x86\xd7\x86\x86\x8f\x17\xd9\x90\xfe\xc0T\x8f\x18\x95Hy\x9fb\x1b\x93V\xcej\x9a\\a\x15Iq\x14\x8b \xd3\xf0X=\xa4\x91D`v\x89\x0c~&amp;\xb8\x00\x94\xf7\xe7\xa0q\x974W-\xb2\xf9\x8e\xfa`\x01\xc0_\xd2\nAd^\x0e\x80_\xde\x9bv\x00\xd4\xcfWo\xa0\xd5\x92G\xee\x08\xc6\x06\xf0uRLM\x855\x9b\x80X\x87\x9b\x98\xfb\xd6\xa0js"\x18\rg\x0f\xde\xc6i\'\x99[_6\xc0\x0f,\xaf\xb3NQ9\xb6"\x9e\xa6\xa7\xff\xa3\x03\xb3\x05\xb5\x1d:n\xabG\xad\x9b\xa9\xe1\xd0 \xda&gt;+j\xcb\xa6\xf8\xa1\x80\xf4z\r\xf8K\xb3\xceo\xd2,"\xcf7\xb8\x99`\x04\xbaB\xb6\xfb\xc9\xd6\xe8\xb8\xe0#_\x00\xd2u\xd5(\xdb4\xdc\xa1i4w0\x95\xc1\nx^\x15\x15m \xa9\xb6`\xc6\xa0\xc6/g\x0b\x03`z\x948jG\xde\x06\xa0~\x8dgn\xd7\x98r\xe3\xb6\x14\xdcA\x99\xc2\xab\x7fK0\xc1\xb7\x8f\x114\xdf\xeb\x84&lt; \'\x0c\xd9\xf5G\x90a\x8b{\x9c\x8c-\xb2\x18E\xa7\x8cJw\xec\\\xd2Pm1\x19\x136&gt;\x97\x05\xb5\x1e\xfd\xd9\xd5\xf0\xb4le\nX\x14\xd0\xfe"-0u\xf07N\x9bz\x0c4\xf2\x94a1\xc6\xb0\\\\\x04m\n\x9a\x89\xe9\xabA\xd5I\xefs\xd3\x15\xce\xd2\x0f\xf6x\xab\xda/+E\xf0L\x08p^O~\xb0\x9b\xf40\x85\xc3s|\xde#|\xe9!]\x88&gt;\xa0K\x9e\xac\xac}Ru|\xf8\xf2m\x1d\x00t\xaf\xcf\xe5\x84\t8\xfcu\xd9\xe9\xca\x9b\x17\xdfj6\x92p\x8c\xa0\xf1\x8c\r\x02W\xe2DNL\x92\xae\x03-\x7f&gt;S\xf1\x10\xa2\xf1!\x95\r\xc5\xd7\x00G\x9f\x14\xef\x1f\xbe\x0cz\x12\x81z\x02\x97\xe3\x90\x1cJ\x83Y\x1c\x9e\xf2\xd8&amp;\xc9Ii+\x1eLM\xe5\xb8cS:]\xe9y*\x1e\x0e.S&lt;\x7f0\x98\xddu\x15W\xad@\x13\xec;@\xf7\x12\x03\xd5\xc4\x8fR\x04T06\x92Q\x89:K\x11x\xaa\xc9\x9f*0\xf5\x14\n\xbb\xaeK/DU]\x1e\xc69\x9f\x9c\xc2\x1c\xd5\xa4\x96(\xc5\xf1\x8a0p\xb9m\x8c%z\xe6B+z\x1e\x81\xf1J\xa9q0\xe7\x85\x8b\x83\xb7E\x10\x00\xfe\x00\xddI\x19\xff\xf8\x11\xaf\xf1\xf2\xf7\x01\xcen\x19\x165#\xc2\x97;\xb80\xc9\xaf\x86G\xf25\xfdE\xde\xce\xfe\xe8]hR\xd7\xb8\xdf\xf2\xc9\xb5Y67N[\xf1A\xb0\xfe\xb3o\xdc\xe74=R:\x07\x15\x8a\xf5q\xe8P?+F\x7fS\x0b\xafZ\xfd\x89/W"\x9f\xa2\x8a+\xb6n\xa2\xf7-\xe6a;5\x9f\xbb\xeb\x06\xff\x14/:\xf2\xdf:\x10\xba6\x81\xd8\xc6.\xb2lGV8\xfc\xf7\xdcD\xf3F}\x12\xcb\xcd2\x10\xe32\xde\x81\x99\x1b:xu h\xf5O\x97\xbb\xf4\xe9\xb6\xe1\x13Lgg\x80-\x1a\x8bs\x07\x17\x06\xf8g\x18\'.\xc2\'\x01\x00.\x19\xd2\xe1\x11u\xc8\x9c-\xc1\xa1Y\xf6\xd3|5\x8a\xb6K}\xdf\xee\xf4[zHG\xae\xdfA?\x18\x05\xf1\\\xcf\xb8\x15;u\x13\xce\x19ubx\x80\xdf\x0f\xda\x8d \x91]s\x95\xe4"\xf5@r\x85\xf5\xbapF\x10\x0cm\xb2\x89\x19\x8e\x16\xa2\xcb\xc5,3Q\xfb\xfbw\x96\xb6\x9a\xe3R\xcc\xd7\xb2\xe9=O\xc9OC+\xe2C\xa8\x00}C\x08\x89\xda9DQ\xe5\x17K\xe5U\x86\x94\x87\x05\x88/\xf58\x7f\x9e\xb0Ms\xad\xe2\xdd\xc4J\x83\x1b\xa4=\xfcU\x10\xa7\xa4\x7f\x90\xb8\x0c\x8d\xf5\x96\x04j\x98!sF\xa5\x13\xfe\xe4\xc7\xdf\x91\x81\x97\xf6\x8f\x1d{!\xd8\xe4\x88:\xf2-\x0e\x0b\xd3\xa3|\x96\xcc\x11\xd3sm\x06*Q\xe0Ap\x1am\x9b\xa4\xbdd\xe5\xe7\xfb#\xd4u\xe7\\PYM_\xdb\xd1\x13\xcb\xf4\x9f\x16\xab\x8f\xcb\xfe\xfc\x07\xf4_\x051\x02Q\xb7\xa4K\x14\xbc\xe1\t\x84\x87\xb6I\xdb\xb1r\x1f\x84\xc8p\x0c\xb5\xe2\xf4\x08i\x19\x1c\xfe\xc1\x8e\xfc\xa9\x97\r.\x00\x91X\x14&lt;y\x00;\xce\x00z\xef\xd3\x16\xfa\xd0)\xa1&amp;{\x1f\xba\xdd\'e\x1a\x11O5\xb1\xfdu\xcc\x93\xbaZ\x9c\xde\xef\xea\xe8\x85\xe9ky\xa2j\x12Z\xa9\xd4\xd2\xce\xc5\xa0\x92\xe1Q\x01\xc3ET\x8dQ\x93f`Z\x92\xb3\x84\x90NJ\xe8\x95\xaaS\xb6A\x84\x81L\xe7$K\xd6\xff\xe5T\xcd\xa2\xf4\xe6Av\xb5\x13^1\xea\x00\xe0\xb0T\xed\x11\x8e\xcb\xd7d!\x93\xea\xa6\x96\xc4M!\x1dZ\xa5\x8dj\x18\xbf\xb3H\xd5\xad\xcf\x82w&amp;\x96l\xe7\xa5\xf4-\x88p\xbf&amp;\x94\xbb\x8f"\x9b\x1d\xbe9z\xe6p\x1d4ic\x1fgm\xbe4\x005\'?\x85&amp;\xdb\xa2\xe3\xf8\x98&gt;\x89\xfb\xd5\xe1r\xec\xd2\x88*sp|\xdd\x1b}D\xb6\x8b7\xd1\xb6\x1d%\xc5\x03"\xdeN\x17S@N\t\xb0\xaf\x84m&amp;\x95#\xa8\xefH\xf6\x08\r\xf0.\xe3s\x86\xb4\x91H\x97.\xc7\x12O\x1cV\x12\xc3\xe8WD\xc8\xca\xb5dx\xc4\x90\xcf\xcd\xe3\xf2\x95\xc0AP\x14\xdb(\xa0+,\x0f\x15\xcf\xd9:\x89v0a\x9em.\x9b;*\xd3\xca\xcb\x0e\xdc\xa7b\xaa/\x0f\x82\xdd\x94\xf7\x95\x14\xc4\xef8&gt;rL^\xe8k\x9e\x1d@\x0f\t-\xa61\xaf\xc4pE\xbc\x12E\x02\x16\x84\xc0&amp;\xcc\xd9H\xa9\xee\xcf\xa1\x02e\xc3(,N\x03\x8c\xe3\x96\xa5d\xae\xda/\x01"\x9e\xa1\x18\x9d\xbc\x82\x87\x80\x15\x11K\x17\xef\x06\x08\xf0\x94Vx\xdf\xd6\x8b\xc6\x9cU9\xd4\xe4\xb9J$~\xb5z\x88\xbb\xed\nk[G\x1b\xdc\x9b\xf6~\xcex\xb2\x93\x9c]\xe6\xaar\xce\xccB\xa9\xe4\x7f\xbb\xae\xf8B\x9c\xc49\n\x04\xe1\xc9\xf6$\xd8\x02\x93N\x86\xd7\xbe,\x00 \xb2\xc7\xfbZ\xc80\x8a\xb9r\x1b\x1e\x8e)UH\xf5\x92 %\xdc\xc4\x99\x0fd/\x93\x1e\xcc,\xac\xf7R\xf3\xcfi\x04\x9cP3\x06\x1b\xa0\rA\x9aN\xd4\x8a\x84\xc9\xff\x8c||\xa7@\xd6_\x9eT\xcd(+\xd8\x1f\x95.\x1a}9\x9e\x05\xb9\x0f\x1d\xb1d\xee\xac\x1a\xd2\xf1\xa7c1&lt;\x89\xb6\x92\xf6\xfc\xef\x01$\xa2Aymy\xdc;\x9d\xdf\xd9]\xe0\xe5\x8b\xc8*\xd5\x1ff\xe5h\xd6$v\xd2o\x18\x84\x9e\x17\xbe\xed(N0\xd7eFv\xa4{X\x85`NUF\xc5\x994\xb56\xf2)3\xe1{*\xd3F\xde+&amp;o\xa9\x8d\xf7q\xea\xa5z\x9c_\x00@\x94\xb6\x03\xcb\xd0\xab@\x1f&gt;\xd4\xd6\xfbei\xd3&amp;x\xfbT,\x06&amp;\x8d\x0f7\x14\xef.-\xf4\xc0e\xc3\xdb8\xaeJ\x18\xdfQ3\x08\xdfS\xa7\x12\xc7\xb6D\x1e\xacm\xd4\xe3\xef\x19\xc2\xa6\xd9\x92\xf6G\x86\xac\xbb{\x9b\xcaH\x04d-\xd1b\x97Y\xdc\x03\xbb\xbb\xde\xe0-\xa7?\x1f^\xa2}\x94s\xcc\x154t\x01\xc9\xeb\t\x86\xb2\xbd\x9d\xaa\xf8x\xdd\xde\x17\xdb\xc7q\xb2H\xd0\x01#\x9d\x98\xc2\xc3M%\xb5#\\{v\x91\xe3\x91\xc3&gt;\x8ci\x15\x0e"{\x9a\xf1\xf5\x99\xd3\xc5\xb0c\xf4p#\xc7\x99\x9f\xa96a\xdb4\x19\xd9e#&gt;\xac\xb6P\x88\xd6\xcdI\xb4\xdb\xa8w\xf2\x88\xd6\xa5\xd0\x0e\x13.\x14\xcd/\xd7\x8e\xab2\xca\xe8M\xa1\x9a:\x95\x1d\x7f{\xcc\xa5M\r\xe2\xa4S\xbe;\xab\xb1\xd5\xc221\xa8\x82\xe5 \xa6\xbf\xc4h\x0b\x0bv\x10\xe1\xcb\xac\xae:\xae\xcd\xe6\x92\xdf\xa5\xe0\x0e\x06L\x18x"\x99\x1f\x0c\xcb\xa9\xf2?\x1f\xeb\t"\x1d\xa0l\xf8x\x93\xf1TSS\x94\xe8z\x13\xe1tx\x0c\x9a#+i\xe3\n\xb5\xe5|w\x12N3\xb6I\xfcp@\xc4Wy&amp;\xda\xe2I\xce\x17f-\x00\x9b\x18\xc6*+\xc6zS\x88\xe2\xf8\x0c7\xd7&lt;\x7f)m\x8e\xca`\xfa$L\x15\x94\xf5E4\x14\xb4\x15a\x0c\x82\xbe\x88e\xe5\xa3"\xa8\xe4\x05\x10\xefl$nw_\xbb\xab\x90\x95\x1c\xc6vcWt\xacg\xf3\xe5s\xe4\xfdyq\x979\x1f\xe1\xa8\xc8\x0fZ\xe2\xa4P\x7f\x05\x88\x88\xdf\xa0l\xe2|\x8f-0\xdf\x8f\xd7\n!\x86\xda.y\xd7\x12No9\xc5\xf8\xf9\xe1@Dd\xa4\xbfW\x00\x1b\xf2\xe9\x80\xf9\x0b@\xcd8\xf2r\xe6:\x15\xb7\x94\x95r\x07F\xa9v\xd3\x0b\x00~\xb5\xfd\xb0\xa2W\xf8\xaa\xfc\xcf*\xa0I\xea\rM\x18j\xad\xd8\xe8\xc4$/\x9a\xa4\xb6\xe2\xee\xeeA9}F\xd0p\xfe\x88\x12\xea\'\x02\xe0\x13\x1a\x936\xd9u\x0c\xd9\x8dNd\ng&gt;\xd6Ct\xcd\r\xd7\x9f\xd0\xff\xc1w-\\\xb0\xc6\xec\xce\xa4\x8b\xd70\xcfM\xfa@D\x91\x0fC\x7f\xbd\x8aZ\xcb\x10\x84\x87_\xb7}\x12\x99\xbfr\xee9\x1e\xb5m\xd7L\xd3\xadZ\x93f\xf5OE\xa4\xd8F\xccp,\n\xb2zzO\x08g\x86\xbe\xd7\xd6\x9a\x93\x1a0\x8f\x07\x10\x11\xcf\x1c\xa8\xbf\xae\xb9;\x00\xea\x1f\xee\xb2\x95\xd4to\xaa\x88\x07Pw?\xd7\x91vN\x07\x888o\xb2\x80\xdd\xddIt\xf3\xd8$\x1bN5\x00|n&gt;x\\I,\x93\xdaF\x91\x9bv&lt;\x12m\x87Et\x18\x13\x878\x81m\x11\xdf5q\x01h\xfc\xa5\xcejb\xee$lM\xda\xf0\xc0z\x8b!cUCV\x8d!(\xe22&lt;[:\xc8\xee\x87\xfb\x07\xb1Y3\x03\x83\xbd\xa7yc\xfd\xb4\x1d\xd4\x9a\xf8B\xc7M\x85\x92\xd3\xa6+Z\xb8J0\xdb\xaa\xfc\xef\xc9\xc7Q\xd9)\x91\xf0\xf0l\x85\x06\xfa0\xa5\xc8&lt;\n\x94\xfc5s/}\x83\xa9\x8b\xb3\xc7F\x1fj\x9bRK\xfbq\x02\x03\x89\xfet\\\xe9\x97\xc9&gt;\x98\xe0_\xaa\xac\x88\x95\x90\x94g\xf9\'\x18\xaa\x86\xadx\xf4\xb9\xf0\x05\xb0\xfd\xd1\xc4!\xb5&lt;\xd4\xfc\xa4\xf3K]g\xbcU\x00\xcax\xc1\xbc\x00\xe5:\x87\x0fOh\xfa\x02yx\xec\xf0+v|4a\xcc\xfe\xc8\xacq\x92\x16\x8c\xf9&gt;\x05V\x05\t\x10\xac\xa54\xdb\x81 \xd7\xae\x83\x95\xe7\x8c\xb9\xf4\x81\xfe\x85x\xab\xfe\xc1\xe2\xec\xfer_\xa0=\x9f\xf6\xec\xe7\x00\xb0\xfc\xb3_#\x9f\x1f]$\xb3\xafl\x11\xdf|\xa1\xccP|\xd4\xe8*\xe5\xf9k\x04\xb1\xd7 P^ \x93\xadv\xd9\xef\n\xd2\x95t\xe9\xd1\xec\x9e\xcb\xf9\xde\xe9\xf2[n\xba\xae\xbb\xc3\xf8\x8d\xc4\xacv3YT\x1f\xc0\xef\xa4g\xb8\xf1\xe8L\x99\xdb\x1c"\x02\xfeB\xc7n\x12_\xa9\x8c0L`\x14s\xf9\xf70\xc5\xc9\xa9\xfe\xa0\x96\x95\xf2\xf2\xb8?\xbbX\xa4\xa1\xce\x85\xd3\x17\x95\t\x94\xf7\xc3\x1a\xc3\xf1\rC\xe4\xc3^Nx\xb2RH\xda\xe4\xb1\x80Zsb\xb0\x12\xfa\x9a\xec{dW\xd9#\xff\xe5\xe7\x89\xba\x0e\xba\xee\x06dN!\xcfjs\x96\xe7\x95$\x8f\'\x89/\x02\xb0\xea_J\xec\xd5\x14\xdd\xb6U\xea\xb9\xac\xc3\\y\xee\xdf\x04\x0f\xf1\x0c\x05kf\xf7\r\xa6\x17q\xcf\xc3\xf4\xe0&amp;\xfdy\xc9\xfep\x012\xa2\xab\xeaP\xab"\xbe9\xdd\xb6\xfe\x1c\x06\x17\nx\xe4\x0c-"\xe8\xaa\x1d\xe9\x8e\xa2\x81\xd3\x16C\x03 \xfe,2&gt;\xc09\x91\xa8=M\xc2\xd4wQ\x85\xd2O\x87*\xee\xcc*\x86i9)}7](V\x1e\x05X\xa5\xef\x99]\xff\xdd\x91\x19N/L{\xf6\x08h\x08D\xd7u\xf9\xae\xea \xe8^$|g\xc0k\x01nR~\xfa_\xda\t\xf6\x1f\xd2\x96\x9b\x87\x8a\x9d\xa3M\x92z\xa5\xdd/\xbf\xcf@\xf9\xa4\xb8\xb5#n z\x88\x91\xe7\\Eg\x9b\xc6e\xfc\xc4h\xf4\xac\xa9\xa7_\x00\x9cNOw\xf9|\x8c\xdcO\x10\xf6\xe9\xba\xbf\x8a\xd8Fa[\xb9F\xbdw\xb3\xce^X:\xd5jC6\t\xb53\xa2\x8c\xc4\xc3\x99\xfe\x8eb\x05t\xb5\xca\x97\xac\x84\x9c9\x0f\xc07\xf49\xa5j\xce\xb9\x8c\t\xebR\x16\xae\x9ftp\xa6\x0cL\x96c\x94\x93|\x8f\xb5\x0c\x9e}\xad\xc5I\x01\x0e\x04x\x9eh:\xfb:\r&gt;\xdf\xb9\xee\xedr\x08\xb4\xa9#\xa0\xdaU.m\xcd\x00\x00\xe0\x85 .\x947\x05!\xbd\x85H\x8e=7yT\x19\xa6\xfd\xd9B\xcb\xaf\xd4\xb5\xb1\xf6b\xbcS\xda\x15:\x9fn\xf1\x93\xc1.\xff\xc6\x12b\xbdh\xfa\\\x1d)_\xcb\xc4\xf5\xf2\xf8\xf4!\xa0\x92\xe6\x01\xda\x80\xeeX~o\xdc\xb6?\x06\x00\xe0\xdf\xd9}\x90\x9f\x9a*\x8c.0\x15\x85}L\x95\xbc\x94\xbf\x01\r\xc2\xf1\x9c|(3\x1dqd\xc7\xd6\xb1\x1f\x8a\xb8\xbd\x87\x02\xe0\x1b-s\xaa@\x8a\xe4\xbf\xd5\xd4\xa5\xff\x00\xc0\x99T0\xe5\xb2:\x9d\x18\xebv\xf3;\x7f\xc8\xab?\x00\xfcJ\xc02\xf4v\x9f\x1d\x0e\xcb.(!\xde.\xd5\x1f6\xb7\x03\xc0@c5L\x95}\xbb\xee\x8b\xec\xe2H\xd1&gt;\xaeg\x0evO\x0bQ`/\xd2\xbf\x15)\xf7\x17[\x99\x05\xb5\x9d{L[H\x07\x89\x8a?\xb2Z\xf5\xd4\xbf\x80\xaf\xfbs\x07\'\x02\xb89\xc0\x11\xe3=\xcb\x80`\x11@\xfa\x95c\xde\x98\xcb\xe2 \xe4\xdb\x12\xb1\xe5T\xbc\r\x145\x92+\xfco\xe8\x0e\xec\xd8-\xa3Ow\xbe\xfb\xcf.\xa0\xb90\xed\x8f\x87+\x90EO\xdc\xe7E\xc8\x98\xf5\xde\x16D\x7fs\xad\xeb\x00\x8f\x0b\xf0w{_\x9e\x9c\x02)a\x04`\xdb\xa7\xf9\x07\x80\xcd\xed\x00"nv]\x07\xa7\xc8\xaa?\xa7H-/\xdf\x8e\x91\xbe\x9dmy\x12J\x92t\x10\xc18\'\x81\xe5\x16*_W\x17n\xfa\x02\x94\xbd1\xed2\x8f\xc6\'\xeb\x8a\xb0\xb1a\xd6\xd5\xe3\t\x11\x00\xe0\x7fRWY\xed\xa3P\xc3\xfa\x96\xb9*\xf7\xea\xec\xb1+\xe2\x19\x16y\x99\x9e&gt;\xa3\x7f\xc6(\xd3s`.\xd7\x01\x00&lt;)3\xe4\xa2-\x15\x8co\xd7\x9e\xa7\xeb\xba\xae\xbb\xcb8\xd8"\x10{\x9b\xcb\xf7y\xb3\xe9-\xd6\xcd\x01\x8d\xe2""\xc0\xdf\x00\x10\x9e\xe1\xe88\xbc\x0b\xbc!\xbe\x12%\xc4Wj\xf3\xab\xfa\xad\x18\xc2\x8a\xc2\xc5&amp;\x02\xfe^\xb1\xf5\x9e\xe1c5\x8b0\xbdO\xa5\xa0R\x9c\nE\x919\x1b\x13\x9c\xf9\xce\xdbL2@\n\xef\xcf\xab\x9c*\x1f\xa6\xbb3\xf0x\xf63z~\x89G\xe5&lt;\xf1\xc0y\xca\xdcV\x7f\xf1,\x99\xf5\x11[3\xaaL\xb0&amp;\xa3b#PM\xfb\x06l\xe1x\x8a\x1a\'\xa4#nN\xaf|R\xc3\x8f4\x0c\x17l\x7fc_r\xb0\xba\xa0\xed\x15d\x04\xa3*\\\x88\x9f\xd4X\xd5\x9c\xf0\t\xc8\x7f\x830\xd4\x92D\x85ec\\[\xa4\xa37L\xc7\x04\xf7\x14\x19\xbdu\xdc\x11#\x92i\xf6\x16F+A\xd6\xc52\x18~\x91c\x1c\xc1\xb7/\x8e\xaa\x81\xca\xdaw\xe4\xe6LI\xe6\x96]\x00\x04[\xe4\xe4?]/f\x90\x82\xaa\xd5\xbb\xab\xd8\xa8\xf6\n*\xdc\xbe\xae\xbd\x00\xe4-\xad\xa3\xd9d\x96\xd3B\xa3\xa9O\x17\x04\x03020\x0e\xb3\x99\xe5\xf1&lt;\x91\x1dydDt\xcf\xd0\xe5Y\x11\xcc\xa7b4\xe8\xda\x9c\xa7z\xe6\xe0L\n\x9fg\xb31&lt;\xa6Nuk\x12J\xb2d\xe5&gt;\x1b\xdc\xc0\x15\xc9\x7f\x87\x8d\x19"\x16)}\xadQI&gt;\x16\xbe!.N\xae\xe3m-\xe6G\x04\x96(}Y\xda\x93\x9b\xef=@)\x10\xd9E\xf3\xbb\x1fh\xe0\xfe\x97\xdf\xc5\xf2\x8d\xf8\x9e\xff\x84\x1a\x00\xfc4\x1dHiH\x04$\xfc\xfc\'\xeeiT\xa0\x95\xf2\x07\x19\x02\xcel\x1b\xca\xf6\xe0\xfd\x95\xfc\x93\xf7\xb5~h\xbe\xcf\x8f\x83\x0b"K\xaa\xc0\x8e\xcd\xce\r\x04@\xfc\x8e\xa8!\x85\x884\x19\xb0\xf80#K\xe0\x88\x85\x04\xe9\x11sLoI\xf2V\xb9\xc6\x13UV\x12\xfd\xee\x87\x91\x99\xfcj\xc2\xf6\xa1\xcd\xbeu\x81\xd2\xe7\xd1O\x0c\xf0G\xb4&gt;dO\xc3.&gt;*^&gt;\x13\xd2_d\xa6\xc7w\xf8Gm\xf4Y]\xf29@\xf9\xb9i\x05C\xb2h\xbf\xe3\xbf\xb9\xb7\xfa\x11\xf1\xc4]\xf7\'\x06\x12\xe0\x9d\x00\xd7\xda\xa8\xe9\x06JCC\x83\x03\xc0\x1e\x8e\x1a&gt;\xac\x00tv\xf8O\x91}\x05\xe0\x02\xd6lj\x0bE\x06U\xfd\xb4\x87`\xd7y`\xa6\xe7\xd1\xef^\r\xe0\xbd\x06\x92:k\x15\xa4\xb8\xe3\xeb\x1f\xe0\xcd\x03RT\xe3\xf4f\xf7\xb2I\\\xd6|\xfb;*r\x9a\x9e\x13\xe2c!&lt;\xe6$\x8dW\xf9\x99\x83m4G7\xfbU\x10\xa2\x9f\xc7@\xc5\x87\xec\xfd6d\\[\xbf:]9|\xe8\x990\xff\x84w\xffg\xfe\x00\x8b\x06cb\xe9:\xde\x1f\x89\xed\xdc\xf0\x08\n{D#r&gt;PA\x17\x1d\xaa?\xa3k-\xa3\x7fYJG\xfe\x85\xfb\xe5&amp;\x1c\x11\xc6\'\x85\xa4\x18\xcat\x81\xe5p\xe6`\\\x8e\x06\xad\xf6\x83"\x1d\xab\xfe\x9e\x9dS\x08\xec\xf49\x88/\xc5\x9e\x08\x90\xcd\xc4\xaa?\x00t\xddo\x02V\xe2\xd4w\xdf\xfe\x96\xaaJgL\x15\xa6b\xc2\xe8d\x01-J$\xa7{\xe4q\xb3m\xb4\x07\xd8\xd8\x07\xc1fI\x1f4\xfc?\xc9CL\x9d\xbb\x92\x9b\xe7\xffy\xaa\xb3\x07\x1b\xaa\xa3\x0bO\xbfy\xe9\xc6o\xbfQ2\x83\xb5\x16\xf2\x15\xf5\x0e\xd4o\xe7?\xef\xdc\xff\xa8~\xabv\x8fo\xea\t\xb1\x8d\xaf\xc4\xbdrq\x01A\xff4\x93L\x9bj\xa3\xfa\xa5\\N\xb5\xf6\xa05\x9c\xffZ+\xc6\xef\x98\xfe\xa1\xe9\x19\xc6\xf6B\x08\x88\xfe\x83\x95\xd2@F\x16\xdf4R\xa7\xf6yu\xe3\xd6e\\\xee\xc0\xa4\xd0\xa1\x0ck\n\x05\x9d\xf2\xa7\x86_\x00\xfc\xbe\x88\xd2=\xa7\x87\xaa\xdf\xc1\xc5\xa30v5U\xf9\x9a\x96\xc5\xa2B\x15&lt;\xa2N\xfd\xd0M&lt;\x88\x8b\xe2\x89h\xe2;\x01\xd1\x90m\x1f\x11\xf1\xbf\x07\xef\xce\x11\xc3Fd\x05\x9c\xaa`M&lt;p\x9a\x05\nf\xc4kZ\xb2V\xe0\xb4;\x0f\x0c\xb8\x1fq\xca\xf1\xad\x89\xc4Ps{Z\x95oY\xe9\xadHF\xe1\x05\xfc\xaa\x90\xc1\x94\x18\x7f\xacs\xa4\xc2\xba@\x0f\x9fe\x82[\x11\xd9~\xa7\x83)5\x08\xb5\xc8\xf1 \xc5m\xd9\xc3\x80%hcG\xd55\xaa\xfbn\xbb\\Ek\x0e\xca\x10\x01\xe0\x12\x00\x9f\xd2\x18j\xcf\x16SE\xef\xa5\x87\x0b\xe4\xe4\xba\xfc\xfe\xa2\xfc+w\x94O\xae\x06\xbe\x9e\xa8\xeb\x88=\xf9\x9d\x06\xed\x83\x94\x00\x00W\xe9\xba\xf7+\x1eQ+\x13\x95\x90\xa4^F\xfd\xf4\x8e\xfc\xf6\x89\xa0!3\x96#\x99\x94\xb7|\xa8J\x9bK\x8b\x9e\xb2\xaag\xbb\xa3-\xf0\xc0\xf7\nj1\xb1H\xaa\xdf$,\xc7!\x10\x84\x1e\xd8\xa7:\xb8\xe4`\xeb\xfb]\'\xf4!\xc2\x98.\x11\xe1h)Tlis\xa4\xe4\xf1\x90#\xf9\x9fh\xdd\xd7`;2V\xb7\xf4b\xfb\xbc\t\xb0\xb1\xf7\x00\xc2\x0b\xdd\x0f\x01\xfe\xd2\x01\xf4\x03y\xe5P\\\xf8J\xdeu\xd0u\x9fvgX\xc5\xc7\'a\xfa\x1a\x9c\xf1P\xba?\xa3\x1e\xce\x07Jm\xe3\t\xd5\xf4\xdf\x0c\x9e\xfd\xd1Y\xe2\xcath.\xa4\x95p\x84T\xd0\xfb\x8c:\x95&gt;\x92\x0b#H\xa1\x9cL\x17\x9eI\x16\x1a\xb2)N{\x7f\xdd\x1b\xa5\x18\x8d\xa6\xd3Y\xff\xc1\xddP\xd1\x16\xfe e]\xeb\xa0w\x85\xd3\xe3jV&amp;G\xc1\xb3\x85\xd6\x9d\x1eL\xad*\xd1\xa5Oz\x937Q"\xa8\xfa\xa1\xb8\xd4\x94\xedC\xf5\xcf\xb6\x14 \x8d)\xfe#\xa0\xde5\xcf\xf3/\xfay\xf5l\x0fnX\x88\xa00\xf8\x860\xfao\xef;\x10N\x00\xf0\xef\xae\xa6]D\x1b\xdd\xe9\xd8\xdb9c\x17\xb6\x110\x93\xc5&amp;q\x99\x1e\'\xe66\xff3\x99\xb6"\xc2\x01\x9b\xd1Hw\xf1\xc7uG\x04\xdc#\x17\xcc|\xc2\xa3\xf2\xc3\xc3*Y\xe5\xd4n\xb8\x1b!\x00\x00x\xa7kh\x18\xa0\xab#\xc2Y\x01\xde\x01\xd1\xf1\xc2\xebX\x087A\xe2\x99\x89x\x18\xb5q$\xc5C\xc3=\x06\x1d\xa4\xae\xe7\x10\x97S&gt;m\x1b\xef\xde\xa9\xb8[\xea\xd7\x89\x1f\x16\xc5\xf7=;\x9a\xaa\xde\xf2BD\xc4\x7f\xb1\xf9i\xdc\xed\xd1\xfc\x91&lt;$-\x0b@p\xd9h\x98\x12r\xc2)9\xa4\xdbm=\xf9U\xfc\xe2:j\xf5\xa37:\x9b\xa3\xf6\xd2\x9f\xd1?\xa8\x9e\x19\x83S\xd8\xca\xea86\xe5\x8c\xac\xbc^\x89\xb1\xec\xd9N\xee\xc1\xc1%\xd8\x847\x0b\xfb\xeb7\xd6\x04\x01\x10\x9f\x8f\xb7\x19D\xae\xac\xf2\x94\n\xa9\x87\xe7\xd5\x87\xac\x88\x15\xbe\xbe\x84\xca\r\xb5\xc6`w\xd1\xb0\x98W\xe6SQ\xf5\x14\x9e\x92\x1e\xec)4\x10Z`b\x98#\x08e2M\xc7\x85\x06\xe6?RAS\xa1\t\xb5\x94\xca\x98\x9d\xd1\xa9\x18\xe9\x1a\x1a\xed&gt;=\xc6\\\x1d\xf8\xf1\xf2O\x87?\x95\x18\xaa\xb6Xl\xe9\x0eo\xce\xf6\xb4VVM\x1b\x00\xc4\x9b\xda\xa1\xd8\xb3\xab{aV\xe8~,Ya\xe3\x8b\x00\xcfL\x1bbI\x1b[\x1d\x8f\xd1\xacd#\x9bi\xe3J\xd6\x05 o[\xe2s\t\x94\xf4\xd5\xf4G\x92U&lt;:\xc0\xc0oC\'\xf16\x12gZ\x1c6\x88)\xabH\xd1\x8c\x04\x9e\xac2\xa4I\xfc\x00\x86\xd6\x88\x80\x83$\xe0W\x1b\x05\x83&amp;\x82\x8c\xc4\xf0\x95\xacq\xe3fx&amp;O\xd9\xf5/\xea9!\xb5)\x1fi\x8a\xb6\xe8#\xff\xa2\x8f\xd62\xafl\x91\xbd@81\xda0\x15F\xfd1K\x9ct\x19\x9e*\xfea\xe5\xb6\xcc\xd3\x16\\kKUR\x87T\xe7\xf9\xee\xa3!47k\x92-\x94 &lt;J\xd3?\xd1\xbf\xd9\n\x8b\x01O\x9a\xb3\x8c\xb9F\x0bZ\xd9"\xfeFH_\x91,%\xa1\x05\x80wmY\xed 9j[\x8e@\x02o\x16\xd9J\xc4\xc58H\xc1\xa0%C\x1fO\x16\x0b\xd3Q\x1d\x82NQ\x98\x84Z\x98\xf9\x81\x01\x94\x8e\x11\x08W\xca\xde\xc6P\xf7o\xed\xdf\xb84t)Q\xea\x04uq^\x8a\x94\xa6\xfb7&lt;n\xfa\xaal\x13\x9cz\xb9\xe5\xad\x9c\x98\x19\x92\x96#\xbb\x1dIF\x1c\x11\xff\xb4`\n\x89\x86j\x87\x12\xcf\x01\x88o\xd4\xc4\xe7\xe7\x84\x8a\xd9%C\x89\xa2\xc7\xb6%\xdc\x9d^/szS\x18\x14\xc7\xc5\xf5%`G\xd1P+\xb9\x14\x80zq\xa36y\xb6\x8a\x81\x13$\x8bK\xc8\x86\x0f\x9f\xd9\xfa\xaeXk\x88\xdaH\xb3&amp;G/\xe7\xb9th\x01\xd8ORX\x18\x9a\x1a\xc1\xb7y\x80\xf7\x01@\xfc\xb94"[\x1d\xba=I\xda\xa8T\xcd\xb4\x91\xf9\xf21C\x8a\xf5\xa6p\xe3\x05\xe5\xf4Zd\x07\x87\xf8\x05/)C\xd8E\xe6\xac\x9d\x97\xfa\x91\x94\xcd\x82\xc2QP\xbb\x1eq\x1d\xefe-$B{[\xe7\xb4nw\xdeW-N\xf1Q\x82\x10\x12\xaf\xf4\x80JT\xc9\xd2\xf7\xb4\x8c\xcd\x07\xb2|\xd8?\xec\x91\x05[\xc9\x9f\xc5\x89\xc4\xe7\xd9\x02\x86X\xe6\x08l\xba\x08\x12\xef\x98\t\x98\xfe\xb9\xc8Y\x94f\'\xf8\x8e"-\xc8\xe2\xb0\xc9\x1a\x02\xbd\x86j%?\xdd{d\x0c\xf3\xc9M\xe5\xbd*\x1f\x92\xf9g\xbah$d(:\x14dyEH\xb5r\xcb\x9f\xdc!w-\x13a&lt;\\$\xce\x99\xe8/\x01\x13&gt;\x06\x98\xa6k\xbd`\x0c&lt;}]\x1b#\xae\r\x01\x01\xfe\xa0\xe8w\x91\x18E\xf9\x98\xfe\xee\x91p\xba\x16\\{\x8c\xb4\x85M\xb8\x9b\xe8\x8e\x82\x9e\x7f5\xa6\x9bhW\xfaE\x10D\xc4\xd3gs\xa7\xdd\x97\xbde\x01\xd0n\x05\xf6\x01y\xf4\xa7\xeb\xfbp+\xba\x96\xaa\x80[\xa7\xa8D\x8d\xad\xaf\xb0\xa7\xcd\xc9\xcbT-\x00\x88\xf8L\x1f\x7f\xe9\x0b\xf3\x9c:\xa8\x98\x91T\x85\x17lY*\xc8V\xa9?j\xbdF\xeb\xb0`\x1c\xd9\xb8U_\xc4\x85\xac\xfd\x1c\xe8\x943\xa32h{\xc5\x02;\xd7-&amp;{\x01\x00\xbe\xbb5=\x94\xb2B\xd4\xa9\xd3\xa0\xe4VI4\xb2\x13\x1a\xa4\xee\xbe\x97-\x00\x06\t\xe7\x12y\xd2\xaa\x15\x93\x00\x00 \x00IDATD\xb4\xe5\xa1\x08\xf7\xdd\xcc\xda\xc4\x8f&gt;&lt;H\xc6"\x14RUt\x8e\xf8\x0ek\x05*\x13\xcb#\x13&gt;{\xceA\x8c*\xb9\x10\xb7\xd2VLChU\x18\xce\'Bd\x85\xe0.o\x189\xfbj\xf6\xd3\x88|bp4\xd8\x0f\xa5\xd4\x07\x9dL4hR\xa0\x80\\@M\xaeSi\x17B\x1b\xee\x9ai^\xf0[H\xa4\xe8c\n)\x8d-SrM\x92\x8d\xef\xdbL\x8b\xb3\x03\xc8vV\x084\xbf\xe5-\xb0\x03\xc3\xa7e[\xf5\xdd\x81z\xdd^\xae\xb8G,\x02\xaaq\xb7"\x073&amp;"\x86\xef\xd4J\xa4\xd7g\x85\x93X\x9b\x12\nZ@\xc4\xa2\xe3\x8e:l\xc0\x8b\xec\xae\n\xc0&gt;c\x18\xcc\x8c\xc7&lt;J/\x98k\xba\x88\xb1\xaa9\xf5\x91\x94\xb3\xe9HPE\x08\x80x\xf3\xe6\xea\x95f\x13\x905[\xdb\xeb\x03\xc0\xbe\x93\x83\xe5W\x9f\x12\xfc\xe7\xaf\x1d.\xd1M\xb2R\xbeFK\x04\x04@|I9.\x86*\xa9\xcaE6\r\xbb\x81\xdci\xc4\xe7\xadvQ5AEl\xe5\xba&gt;\x97\x07\xf11\x01\x1e\xe1V\x86\xe1\x8a\xa6\'\x91\x9ae\x06\xe3\x8b\x9a\x06\x12\xa8\xdc\\\x194\xd7\x98\xbb\xa0\xd2;/\x11}\xec\xff=\x0f\x10\xe0\x16\xfd\x95\xaf\x93[\xca\xc3\xe9\x03\xc3\x8f\x99\xaa\xb1\xea\xe1\xff\xd5/\x00af\xc1\x0b\x9c\xbe\x90[\x08\xe3\xa8P\n\x80\x14\x93\xe4`\xde3\t\xfd\x10{3\xc3\x85\x9a\xc5*\xf9K\x1b,\xc9\xe3\xcc4+X\x9a\x19q\x1a\x96w\xa9\x15&lt;\x08\xf1cv\xc4\xe9\x16\\\xf5\x8e}\xc4\xba\x81\x029\x93\xd8\x00\x01\xf0\xe2\xea\x02puG\xd5\xde\xb9\x00 \xe2\x1b\xc42\x94E\xb8\xad\x13\xd4\x02Z\xc6]R\xe5\x0c\xf8\xc0\x03\x88\xffO\xbb{\x13\xafM\xab\xe8d=\x8aj88\xdb\x8b\x14\x15D\x9d\xa2\x92=kY\xcd\xbds\xb1"\x00\xe2\xb3\x87\xbb\x9f\xafr\x7f*X\x8c\x99\xc9\x02@\xbf\x07W\xf0\xf0\xc1\xc2?X\xa6\x15\x9cYT\x85\x10)A\x16]\xbe\xb9\x00L\x8c\xde@7\x90\x1c\xb1mN\x95\x0b\x00\xf1\xbb\xba\xbf\x16y\xfa-&gt;\xae\xab\xec\xa3\x11\x11\x1f\x86\x00\x9f\x10u\x1a\xcb\xdb\x90\x1e\xcf\x14\x97+\xea\xfb\xf4\xe7\xf8\xfal\x8a-\xcd\xf9$K\xf8\xbf\x1el=\x93\xa2\xbdl\x01`U&gt;\xe7)Wo1\xf2\xcf"\x8dR\x05\x00\x82\xe1\xc6\xd3\x9f\x12\xc8~`(\xdd^\x01\xc9\xbc\xc0cBiZ\x81YO\xa0\x888\x7f\x1d\xd4\x13\xb4K/\xa5\x97\x91bT,\xf0\x02\x83K\x9c3\x10\x10{\xd5w\xec\x8a:\x0b\xba\x95p\xf7\x176\xaa&gt;\x0e\xbf`\xcd\xb5\xf1\x95$\x0c\x16KK\xd3$\xc9\x7f*b\x86;\x10\x8bR\xf9\xa8\xf6\xbep!\x81A\xee?\xc4\xaa\xcdt\x1a\x19\x95\xedT\xa4\xe1\xce\x96\xe4\xdfh.\x98\xd1\x90\xad\x07`\xe7\xd1\xf674\xbb\x87\x92\xa7&lt;\xb2\x02[\xd6q\x0ft\xd1\xfe\xcf\xf1\xca\x1f\xa0\x9a\xa8\xe2^\x8f\x0f\x981\xb9\xe9\xd0\xa7\xe0w\xea\xe1\t\x18\xf2\xd7n\x16F\x14\x06\x13\x1a\xf49\xa0*\x1fo\xfa\r\xe0\xd8\x17\xc7\xac\xcb[Cb4\xbbu\xf4\x8c\x80\x00\x00~\xa5n\xc5-\x8b]\xde\x9d8!\x0b\xf3\x18\x98\x11\xf1klI\xa0\xcdiP\x89\xdf\xf6\xda\x81 \xf4\'I\xf9|\xd2\xf4\x95U\xc5\xec\xa9#w\x11\xe0\x9bF4$UI\xf0M\xe3\xc5\x03\xbc\x06n\xe9\xf0lo\xb2\xbc\xbf\xb6)\x08\x80x\x01i\xe5\xa8\x04P\xd3*\x12\xcc\xe2\xf1\xeb\x9e\x19\xbd\xf9f\xab\x16\x00\xd1h\xc4n3H\xc4\xa3\xf9(O\xdd\x1cS6\x7fD\ns\x1c\x7fD\'e(\x98\xdd&gt;\xa3\x81\x04\xaf\xafG\x8b \xb9{\x18|\xd3\xc6\x9c;(_lX\xa2J\xb5\x8b\x9dr\xf0\xd1\x10W2\x8d.\xe1V\xff\x9e\xee\x03xa\xd2\xb3\xf2\x7f\xb9=!i\x87+o\x1d\xf9\xbf$\xc46\x04y\xb7P\x83\xff\xfb\xa5\x12,\xbe\x81\x1e\x8eZ\xda\xf4\xe5\x83\x07\xf8\xbd\x98\xb8\xe7\x82!\xd2F#Hv}F\xd2\x0c\x11\xd0}p\xbaTi\xee\xa9\x86\x9a\x10\x02\x804\x97H\r2Q\xd5z\xc4\xd1f\xb6\nzZ\x95\x0b\x8d\xe3\x1f\xc4\xbc\x9fR\xa9G\x00\xe2ef\xeb\xe2\x82\xef\x13\x8c\xe6!\xe4\x18n\x93\x1d\xcb\xcc$\x9e\tz$\x14\xf1\x08r\xaa\xf6\xdd\x9c\'\xbcUBD\x807\x04D\x1a\xc3\xb1\x01\xda\xd8OB\x9aN\x8a\xbfV\x84\xe4\x7f\x89\t\xf1a\x00\x8fUe\\\xd3\xe9\xc7\xd8j4\x8c@D\x172-%[\xfdO\xbd\xe5\x1ar\xe5$\x1aU\x8a\x07\x9d\xbd\x88\xe8E\xe0W\x0c\xa1\x8f\xa4ix\x02?\xe37\xee\xe8x\x8d\xbf\x19\x99\xe5\x80lQ"\x17\x05\ri\x12\x12\xaa\xc4\xe6\x7f\xb2/\x8dQ\xc4P9\x9bF)5\x1a\x84a\xfa]\xb7\x81\xb3\xe3\xd3\x01G\xd66\xaf\x95\xc9\xae\xfe\x80e3\t\xfe\xfe\xb4\xeb\xced\xf2\x9byNv\x16e\x12ZF\r2&amp;]\xc6\xb5]~\x18lc?\t)S\xe96\xdb2\xa7!K\xbf\x1fx(\xf4?V\xd7f%\xb5\x86/\xea\xd8L\xa8\x01\x9a\xae;\xbf@Z\xb7\xc6\x0f\x1bfz\xe1\x87\x99\xad\xf4s\x94!uI\x10\x86\x14\x8b\xfc\x06\xa5\xa5\xc73&lt;\xfdjf\x15&gt;fF\xbdRtR\xd7\xb4\x0b\x8a\x8fBk&lt;\x96\xa2x\xdb[9\xa2\x1d}\xed\xcb\x0e]\xed\xaf(\x9a\xe9wI\x87\xc4\xca\xc0t^\xb1\xfex\x15`\x80a\xf0\xaa\xa5\x1c\x95%\xe9\xd5\x1f\xc2\xbf\xd6Y\xfcT#o\x10\xf6\x9a\x1fr\\\x94\xe8abl{^}\xf8h\x19\xf5\xf6\\\xf13\x10C\x8fu(\xe1nN\xbfS}@\xdf@\n\xb4\x07.h\'\x05a\x9e\x86\xfc=pc\x13\xad\x85=h+@\xd5\xe0\xc7t\xaa:\xf7\xd0N\xba\xeaL\xd3\xb0\xccwf\xa4\x9b\xe5\x8e\x0c\x03\xa4&lt;\xc5h\x9ex\x0c\xe2\x8b\x10\xe6H\x8a[-\xda\xf0\xc1\xd3\xc0\xe9\x11\xb3\xa7y\x12\x1bTEXW\xda\x10E\x0b\xf7\x87\x9d]\x1a\xd3#gX\xd2.\x8f\xf3\x89u\xfd\xfa\x9c\xa9\xf5\xd4\xe74\x13\xb1\x9c\xe7A\xf3\x0c\x86\x8d\xa4\xb6\xd8\xe9SN\xbb\x15\xd6\xecS\x18%U\x98`W;(3\xbc\x04\xe4w\x864\xeb\xcb.\x00\x9c\x1eHM\xfc\x9d\xc3P\xde\xd1\xc9\x91\xd0\x7f\xcbR\xee~\xc8J\x11\x1d;E\xedE\x0e\x0b%\xc5\xdd\xcd\x8c\xc8\xdeE|8\xc5@\xca\xe3$\xb0\xa9#qQ&gt;\x84\x06\xa4\xfc&gt;&gt;\x87\xca^\xd3p\xe7\xa0\x19\xd3\x95\xcd\xf6\x9b\xbaRJ\xe2ffG\x9dw\x0e@\x105_L\xe7iy\x9b\xb1\x9cK\x86;\x00\xd7i\xc4\\\xeaii$\xff\xd8R\xd4\xdc\x80\x04\x03Fb[\x91Qm5\xc8n\x939r\x89\xee\x14sk\x1e6\xc7\xfbI\xe4\xd8*\x13\xf8m\xd7\x80\xb3\x00lf\xf1\xdb\xb5\x94N\x06Xr\xab\xd3#\x92\x01v\xf3\xc5\xe5QYl@\xbaU\xd1\x03J36&amp;\n\x1f\x90\xf2\xac\xd6VN?\xc3\xd87\xf9\x94\n\x03\xfeF\xa0\x0eq&gt;:\xc3\xd0\x8f\x94\x0f&amp;\x869\xb35")\xe6\xa4[\x8e\x0bG\xca\xc0\xd6\x03py\xe8\x95\x82~\x1e\xd9\xd0\xc8\x9a\x01\x00\xf0\xb2\x83\xf8\x7f\x0e&gt;\xda\xda\xf8\x89\x13\xa4\xeb\n~\xe7h\xc8\x8dR\x15\x05\x9b\xbff\x9a\xdc\x1fs\xe65\x06\xcfD/,\xb6&gt;\xeb\x02\xe0\x93\xbe\xd3w\xc678\xfa\xc6]\xc1\xae\t\xf5\xd5\x9a\x89\xc0`\x1f\xd8{z\xfa\xea3\xf4\x11$\xe0_\xfdR\x92\x8b\x84Ci\xa8\xaa\x94\x12mQ\xc1s\x87\x07n\x8f\x90\x13\xb7\x8c\xae\x12RHW\xa0\x19\xbe^8\xb6\xb7\x13\xacW\xfb\xd5C\xbd1\xbb\xd2\x13;\x12*\xdd\xcc\x00\x89\x87\xf8\x06\xce 1TZ\x00f\x11\x92\xff\xea\x18,\x00\xdb+\xb9\xf7\x08\x19=5\xd0\xea\xe6\xe7$\x93\r\x0c\xbe\xd0[\x15\t\x9aw\xb8u~\x95\x18T\xe63\xd3\xa6`\xe4\xd4\xdapD\xf81\xbb\x92\x1b:*b\xd6X\x06\n6\xcbG&amp;jGI7*F\xcc\x8f\xfaVN\xa1`#\x12D&gt;\xe8\xcc\xbf\x92\xe1\xb8s\xe0y\xc7\xee\xa6l\x85W\xe2Yv\xaa\xe6\x82rY\xff;\xc9\xeb\xfb\x8a%\xfeh\xaa!\x16\x84kd\xb6\xca\tx\xc9\x98\x92\xf9\xa4-x\x9cmo\xa7X~V/\x00\xbf\x0b\x9e6\xd0\xe3\x8b\xf4_&amp;\x10A\xe8B\x158\xd9\xfc\xc7\xdf\r\x07\x1d\xc5\x16{Vpj\x05\x05\x06]C\xe5&amp;\t\xfc\xe3\x85\n}i\xd4\xb6\x8c\xccX\x1d\x15G&gt;\x88\xe8\xf9\x1f,y\xfb\xe4\xfd\x13\xe2\xdf\xaa\x83\x98\x81\xf1sI*m\x8f\xc7K\xc9h\xef\xc1u2\xc7\xd3\x8d\xc8V\xc0\xf7b\xc6*\xb8 \x05\x8do!\xa2mI\xc5\t\xfe\x98\x16ow\xdb\xf91c\xe4\xd0"\x00\xfe1\xd4K\n:\xd9o\xa5\xda\xc9\x83\xf9k\xb3I\x04\xc4\x9f"e\xd6\xf8\xd2l\x84\xd0\xac\x10\xa7\x13\x04*\x88\x1d\x1d;t\x96u\xcfn&amp;k\x07\xcd\xd3pj\xa2\xaa\x84\x14\x86\xb1\x14\xd5\xc6`r\\\xd4\x13\xb2\x08\xf8]Ia\xe3\x80\xf8 \x15\x13\xc6\xe9?\xa5\xe1\xb1\x82\xd7\xcf\x18\xf1\xa4Y\xbenS\xad\xf3\xad\x14\x89\x0f\xee%\x0b\x00\x02|F\xbc\xce\xbe\x8c\x85\x0f\xd4\xd8U\xc9\xd5\\\x9c\xe7F\x0b a\xb0x\xdc\xdc\xc1\xb3({^\xb3\r\xb9\xban\xbd\xa7\xe7\xe5\xda\x9e*Eo\xd3\xe4\x86.c\x96\xc6\xae\xde\xe2\x8c\x85\xa4\xf2\xdb\xeb\xb6\t\xa1\xf4\x01)\'\xe5\xf2\xd7\xe2\xb1\xf2F\xc3`\xac\xd6\xd7\xe4\x9cz\x93An]\x95i\xba\x05\x02\x9c\x98\xf9[h\xd6\xe1\xd1m\xbd\xd3\xe5,K\xa4\xa1\xf9\xde\x84Aa\xfedl\x93\xb7\xe3\x89\x0c\xc60\x04co[fi\xf1\xb7ZF/\x1e0\'R\xc9),B\xb2*\xcd\x96&gt;\x84\x9f\x9d\x92O-\xa6A\x9c{\x846\x87(\xdb\x03=C\xee\x8c\x1atn\xd7@ZDA\x06\x0b7M\xb9\xe9\x8d\x13\xceC\x1e\t\xdd\x10l;\xdc\x85;`N\x16U\xa1\xe2\x81\xa1J\xe0\xf4\xf2a\xbcy\x899\xa1B\x00\xc4[\x0bU\x0b\xe0\x83\xbaT\xf8\x8b\xa6v2\xf5Q\xf8&gt;]\t\xf2}e\x1a\x19\'\x0f\x8c1\xa4\xe6t="0G\xd5\xbc\x9d\x1a\xdf5\x0b\x18\xaa]\xdc\n\xca\xc2\xa8\xf3\xb4h\x96\x1e\xe7m\x07J\xc0\x18\x91\xdc&gt;\x11\xce\xaa$\x81\xc2\xb1\x7f^\xd70\xfc\xbb5\x95\xfa,\x90 X\x00\xaa\x9e\xf150x\x89[\xdc\xf0\xdav\x83J\xd9&gt;\x7f\xde\x1a\xc1\xcf\x1f\xbd\xb7?g\xbeh\xff\x91\xc0_\xb8^\xe7.\xa4"I\x10\x11\xf1|\x90u4b\x00\xd3\xdd\x07\x04\xc7\xe6\xfd\x81\xect\xa0\xd6l\x1e[\x8d\xf4\xb2\xce1\x94a\xab\xda)3\xc5\xe9J\x0c`-Z\x856\xd5\x9cie\xde\xf8(\x16u\x9d\x8b\xaf7\xbd\xb9\xdb4"T\xee\xd6T\x1fqg\xc9\x17\x80\xac\xd9\xc2\x1b\xa1\x87!N&lt;\xda\xffA\xee\xbe\xba\xd2\x1dM\xa78\x9c\xf1\x9e\xac\\\x00\x14U\x84\xee\xd8\xd8\xd6\xc4\x16E.\xb2\x17\x11\x02\x9c\x8c\xfcy)\xce\x10\x8a[\xd4Vx (\x80T\xfa\xa3\xbdy\xd5\x90Gp:\x19\x93\xd1\x8d\xda\x16\x00\xe1\xd6I\xb2r_\xe5\xb5\x8dS\xc3`\x9c\x8c%%\rD\xd5*\xc0\x14\xc1&amp;saT\x03"\xcd\xdf\x96\xae3\x90w\x177J\xaa\xae\xf9\xb7\x99\x15\xb5\xd4\xf2\xd4}K\xbd\x17\xae\xce,n\x19\xaa\xfb_H\x14\xd7\x14\n\xca\xfd\x93C\x04\xc0\xf7\xd5\x8dN0\xc8"\xda\xbd\x9a\xdc\x96\xb3N\x9b&gt;\xaai\xec\x99H\xe4\x0c*j\x08\x01\xce\x18\xd8\x8f\x03\xf0%\'\xeaT8\x18\x99\xb8|\xeb\x8bJ\xa3\xa4H\xb80\xb4\xbbT\xcev\x07\x11\xf0p\xdd\x97|\xbf\xc2n\xfd\xb0\xa2\x95\xde\xe4T\xb4\x0f\x07\x12\x8f,\xeb\r\xb3\xbd\xda9\xd6\x8bm.\x00\x00\x9c\x9a\r\x1c"\xe0Q1\xef\x9cH\xd4Q\x1a\x94\xfe\xb1!\xbc\x0e?\xb7\x91\xa42\xd7nQ\x0c\xab9\x16\xf2\xb84xw\xe6X:\xa5\xe0\x87\x15\xefR\x1a\xa3\\\x9e\x18\xceU+\xd2%\xac\xca\x15K\x8eR\xea\xa3&lt;\xb1&amp;muK\x9a\x9d\x10\xa2\x15\xd9\x85\x881Cy\xdc\x90i\xeca\xb6`^\x80j\x95W\x05V\xa3\x8f\xea\xa5D6:\x0ek\x9c\x8aH\xf2l2\xeb\xfb\\\x0f\x999\x1d\xcc\xe3J~\x08\x14\xb2[7\xc5D@X#2|\xc4\xe7&lt;L\x95\xd9\xf6Y&lt;\xca\x88\xa0\x9e\x8am\xee\xeeG5\xc7\xba\xc3\xddO$\xc4\x7fK\xa1n\xe8\xc8F%\x17@|\xac7\xc6Y\xe0\xe</t>
        </is>
      </c>
      <c r="E30" t="inlineStr">
        <is>
          <t>&lt;class 'numpy.ndarray'&gt;</t>
        </is>
      </c>
    </row>
    <row r="31">
      <c r="A31" s="1" t="n">
        <v>29</v>
      </c>
      <c r="B31" t="inlineStr">
        <is>
          <t>steps_per_sec</t>
        </is>
      </c>
      <c r="C31" t="n">
        <v>500</v>
      </c>
      <c r="D31" t="inlineStr">
        <is>
          <t>10.284642</t>
        </is>
      </c>
      <c r="E31" t="inlineStr">
        <is>
          <t>&lt;class 'numpy.ndarray'&gt;</t>
        </is>
      </c>
    </row>
    <row r="32">
      <c r="A32" s="1" t="n">
        <v>30</v>
      </c>
      <c r="B32" t="inlineStr">
        <is>
          <t>Loss/object_center</t>
        </is>
      </c>
      <c r="C32" t="n">
        <v>500</v>
      </c>
      <c r="D32" t="inlineStr">
        <is>
          <t>1.0454123</t>
        </is>
      </c>
      <c r="E32" t="inlineStr">
        <is>
          <t>&lt;class 'numpy.ndarray'&gt;</t>
        </is>
      </c>
    </row>
    <row r="33">
      <c r="A33" s="1" t="n">
        <v>31</v>
      </c>
      <c r="B33" t="inlineStr">
        <is>
          <t>Loss/box/scale</t>
        </is>
      </c>
      <c r="C33" t="n">
        <v>500</v>
      </c>
      <c r="D33" t="inlineStr">
        <is>
          <t>0.09869925</t>
        </is>
      </c>
      <c r="E33" t="inlineStr">
        <is>
          <t>&lt;class 'numpy.ndarray'&gt;</t>
        </is>
      </c>
    </row>
    <row r="34">
      <c r="A34" s="1" t="n">
        <v>32</v>
      </c>
      <c r="B34" t="inlineStr">
        <is>
          <t>Loss/box/offset</t>
        </is>
      </c>
      <c r="C34" t="n">
        <v>500</v>
      </c>
      <c r="D34" t="inlineStr">
        <is>
          <t>0.33985752</t>
        </is>
      </c>
      <c r="E34" t="inlineStr">
        <is>
          <t>&lt;class 'numpy.ndarray'&gt;</t>
        </is>
      </c>
    </row>
    <row r="35">
      <c r="A35" s="1" t="n">
        <v>33</v>
      </c>
      <c r="B35" t="inlineStr">
        <is>
          <t>Loss/total_loss</t>
        </is>
      </c>
      <c r="C35" t="n">
        <v>500</v>
      </c>
      <c r="D35" t="inlineStr">
        <is>
          <t>1.483969</t>
        </is>
      </c>
      <c r="E35" t="inlineStr">
        <is>
          <t>&lt;class 'numpy.ndarray'&gt;</t>
        </is>
      </c>
    </row>
    <row r="36">
      <c r="A36" s="1" t="n">
        <v>34</v>
      </c>
      <c r="B36" t="inlineStr">
        <is>
          <t>learning_rate</t>
        </is>
      </c>
      <c r="C36" t="n">
        <v>500</v>
      </c>
      <c r="D36" t="inlineStr">
        <is>
          <t>0.00032500003</t>
        </is>
      </c>
      <c r="E36" t="inlineStr">
        <is>
          <t>&lt;class 'numpy.ndarray'&gt;</t>
        </is>
      </c>
    </row>
    <row r="37">
      <c r="A37" s="1" t="n">
        <v>35</v>
      </c>
      <c r="B37" t="inlineStr">
        <is>
          <t>train_input_images</t>
        </is>
      </c>
      <c r="C37" t="n">
        <v>500</v>
      </c>
      <c r="D37" t="inlineStr">
        <is>
          <t>[b'512' b'512'
 b'\x89PNG\r\n\x1a\n\x00\x00\x00\rIHDR\x00\x00\x02\x00\x00\x00\x02\x00\x08\x02\x00\x00\x00{\x1aC\xad\x00\x00 \x00IDATx\x9c\xed\xbdy\xf8}\xcdQ\x17\xd87,\x1a|\x12e\x08\x0f!\x08&gt;#$\xec\x18\x1c\x16#\x01\x06Y$:\x08\xb2\x8c\x08\x861\x100\xb2/!\x06\x1e\x86\x848\t\xfb\x84\xe7I\x02\x02\x01\x87\x80/\x8b\x88H\x18\x08\xcc\xf0\xb0*\x10\x05\x82\xc1\x00A\xb6\x90\x80\x80\xa0\x13\xb6\x19\x10j\xfe\xb8\xf7\x9e\xd3K\xed\xdd}N\x9f{\xfb\xf3\xbc\xcf\xf7=\xb7OuUuuuUu\x9fs\xef/\x84\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89\x15\x00\x00\x00"\x01OCu\x14x^?~\x07\xd1q\xa18\xb7PZ,\xcc2U!\x02\xaa\x15:\xae++\x9c[\xc69\xe9\x981/Z\xf4\xc8\xf9\xe4C\xf8\'\x19qz7nG\x8cY\xf6\xc5\xec$i\xa8%\x94\xf8\xb8\xec3\xbe\xac\x03a\x9a\xe5\xae!N&gt;\x1f\x1b\x98\xf0\xeaQ\x86\x8d\xe0b\x88Z\xc8J\xf5\xcaX\x8c\xf2\x84\xa2=W\x06\xd33\x11\xf7\xe3a\xa5\xb9\xfeMh\n\x1d\xca\xe1g\xbd\xca\x1c\x90\xf7"\x98d\xfa\xe3\xdd/wg \xb8S\x8c&lt;\xef#\xebv\xfb\xd0\x84\xdd(\xda|\x08\x1a\x10\xb1.\xeb\xf53b\x0e1\x8d\xc0\x01W\xa8\xcc\x1c_\x9b\xeaY\xaaM1\xcfX1\x9a\xac\x7f\xa3H\x1d\xf7\xca\xe4\xe6\xb2 \x00\xe4\xe3\x85\xc4\x02/)\xf9\xac\x1c\x14yqb\x82\xc1\xc8\xce3\xaef\x13\x0b\xac\x01\xa8\xb9\xc3\xa1\x89\'\x0b\xf0L\x85[V\xe8y8\x86\xf8\x1aI$\xb1\x0eQ\xfc\x7f\xc5B\xba\xde\xc54\x17\r\xc2g\xa0\x92\xf9 \xcbf\x105&amp;x\xf4N\x00#\'\x98\x89\x04L]\x1cBxM\xf5\\\x02\x00\xc0;7UM\x92X(P6\x06\xf4 HbE\xc9\x82\x12y\xfb\xf9cT\xd4+vH\xf0\x1a\x01\x88[\x942\xfcfh(\x0c\xa9\x94\x0c\xc6\x98c\xday(\xb8M4m\xbb5\x96\xe3`\x92@:PVI\xa9\x98V\xe6\x00\x1d\x13\x84\xef\x0c4\x94&lt;\xdb\xcf\xc8Jol[\x00\xd9G\xdd!;\x96ShJ\xbd\xd2,\x1f+\xc1 +\xf3\x15u\xdd\xebG!\xce\xd1\xc4\xc4\x8d`\x10_\x97\xa3\x95\xba^\x8b\x83\xaci`\xa8)(\x0e\xf9\x86\x03\x1e*\xf6\x82\xf4V\x93\xa4[\x83\x11\xe6\xfd\xc6\xb0\xbbAorNk\x86t\x93\x06i\x89\xf8\x88#i\xb7\xc4\xdc\x9catx\xddd\x02L|\xa8\xc7\xa7b\xa9\xbe\xb1\xaf\xb42\xce\xd11Mp?\x98\x0e?\x16*c\x90x\x86\xb0\xc1)!HGO\xd9a}\xa3\xd3\x15m\xe3\x04\x85\xcdb\xc1 {\xdc\x89]0\xa7^@e\x02\xc8NZ\x9a\x9b\x1b\x8a\xf7d|\x02\xfeU\xc4\xad9\xea\xb6\xa8-3G\xc3\x01\xce\x953\x91\xe1\x88.qD\x9d7E\xfc*\xe4\xaej\xd8\x14\xd8]\xe1\xf1\x91=rX\xf0\x1e[+\xb2\x11\xa6GLL\xe4\xd0&lt;\\\rD\r\xbb\xe5\xdeY\x94t\x88\x88?\xd4\xb1\xfe8\x9atE\xf9nU\xef\x81\xdf\x85Y\'\x8e\x8e\x1e\xc1\xa8\xfeL\x9fy\xa9\xe6\xb2\x17\xe9\xacIoV\xe3D\x87\x91t\xe9\x05\xe2i\x7f\xcb\x81o\xf9\xb2\xec\xedO\xd8\xc4fh\x1a\xd7^\xd4\xf6Y1B\xe3\xe6n\x81^\xca\xbe\xd1s\xcc\xf46\x1a\xb2\xc2\xbf\xbc\xbb\xb1&gt;&lt;\xc6\xd2fbbLX\xdf\xf8\xec\xa5\x86\xf7\xf8K\xec\xb3eE)\xe2(\xd1\xb3D~\xee\x83Y\xbe\xe1\x18\xbe\xa8\x1d\xab\xf11\xfe\xecO\xa8p{\x13\xa9\xff\xa2V\xad\xa0\r#u\xa7o\'\x88/\xc8\x1e\x17\x10\xfd\xa67c\x9f\xc1N\xe4\xf6\xd6`\xe2\x9e\xc1\xaf\x93A4\xf1pkJ\x96t\x19*~xq\xfc\x11\xe0\x80\x14\xe9\xad\x84\xa0\x81\xac\x07\xd5\xf3\x98\x98\xa8E\x95\x1b\x9eN\xa7\xb2\x11\xae\xf7\xd6\x16b\xc9\xd4/\xa4\x88\xc3OV\xb2\x8a\x81\x8c\xaa\x82,\xe9rBmv\x9b\xb8\xad&lt;\xe1\x8f\xfbh\xbf\xd3\x9f\\\xefz\x15:.\xeep\xc8\xf7\x8b\xec\xc7\x12\xda\xce\xfd\xf4\xa4\x89\x86\x10\x8f\x80\x1a\xee\x00b\x9e\r\xb9\x1d\x02w8\xe4\xbb\x80fm\xcc\xb9?:\xc6\x99\xbf\x1eo$K\x0f\x00\xda\x0b}\xec\x1d,\x8ax|7?\xd8;E|H\xca\x10\xd4\x89\x98\xae\xb3\x03\xa0\xf8x\xc3\x13\xd1\xbc\xc0\x9f@1M|k\x88^\xa2x9Ap\xb3\x93&gt;\xe6\xc0Ziu\xc3\x13G\x01\x1d\xf2\xc8\xa9\xc1\xad\xd7\x06C\x1a\xd5fN\xdc\xd8pZ\xa2\xc3\x01).\xa5\x0b\xdbj\x82{\xc0h!\xb0F\x9f\xc5Y\xe1s\xb0\xbb\xf1W\xcd\x9b\xfe\xb8^\xa6C\x17\xbe\x13\x13:\xb4|%\xe5\xec\xcdw\xf4\x9a\xcb\xfd\x01B\x08\x00[N1@\xa8\x97vV;\x84\x13\x99\xc7\xf7\xf0Zh\xbb\xfc&amp;&amp;\xech\xf96\xf2\x89x\xc91\xaa\xa4f\xbdspl&gt;\x83\xa7S\xf9o8k\x1di}\xa8{\xa1\xef\x7f\xdca\xb1\xcf\xc8\xd1\x7f\xae\xd4;A3\'\x04\xba0\x9c;\x83\t7\xce\x81(s\x1d\xc6\xd9b\x9a\xac%\xeb\x82\x06\xebJ/\xd5(611\x0e\xb6\xf8&gt;"\xb53\xd8\x17oW\xd7}\xe4\xdd\xcc\xb8\x9a\xd9q\xc2\x8a\x14k\xf4\xaf\xf1@\x931MRFv\xa1\x89\x89\x06\xd8\xd1\xc5\xdd\xdfHx\xaa\x92\xffo\x18\x15\x9ah\n\xf6m\xfd\x1cJ2\xd5\x17Y\xd0_\x88\x93~\xe2\x89\xd1\x81\x17\xd7\x04\xa3\xe5\x99\xd1\xf4\xb1\xe2\xe8\xfao\r\xde^\xbd~ym\x96Wu\x18\xdf\x80\x94~\xca\x80~\xbe\xc7$\x00\xb4\'\xf5\x86\xa8\xb21\xa7\x11)\x1aa\xfc\xd9\xec\x87{\x1e\xbb\x88\x8dNf\xe6\x0b\x0f\xe3\x80y\xaf\xe6XG\xd8\xd4@\xc4\xd3\xff\x85\xe6\xdc~}G\x88$\x8e{\xe9\xedS\xe3\xf3s\xbdLl\x83\x8d~\x93\xb0|\x88W\x93\x94gJ\xaf\xc1q"\xbc\x08g\xdd\x1d\xaeO\x05\xd0\'\xcc|/5mU\x04\xdf`\x8a\xf6]D\xbb/\xe1\x19A\xce\xb0%\x00}\xe0^~\x19B\xa0p\xe2[d\x05ris\xc6\x05@\x93W\xee7\x84\xa1\x18\xa7f\x1f;#Rz\xca\x06\x1e\xd5C\xc42\xe0}\xb7z\xbbo4\x8f\xe4\xe8\x13\x19\xf0#\xd7?H\x08\x9e\x8f\xf5\x12\x13\xd8}\xe6\t9[\x1f\x07\xd4\xa3\xdd\x9f.)#\x970&lt;\x05\xe6\xa5W\xf4\xed\xc1\xe7\x88\xd2\'\xb6\xc4\xed$BM\xfd\xba\xfd\x17Y\xad\x98\x87\xbf\x95\xa0\x028\xf5\x18@Ci\x90\xdeh\xfa\xa6\x1bLl\x83C\xfe\xbbD\xc4\xd2\x95\x0b\x97\xd3\x00{O\x1e]\x95\xbb\xe7\xca\xce\xf4U`\xf76\xa0\xd5\xf4\r\xed\xa3c\xe366\xb2\x9b\xc1\x99\x00v\xb62\x16\xc4G\x8b\xec\x1f\xb2\xb7\x021\x00\xe0\xad\xe8\xb0r\xfd%\xd7MU\xea\x05\xe6\r\'\x00\xed\xbf\xf56\x98/\xdd$*\xcf\xdb\xa8\x9es\xee\xfa\xe2&lt;g\xfa\x99\xd3\xbfL}D\xdc\xdb\x13\x85\xe45\xf9QG\x87&lt;\x01 \xbe\xab\xb54\xb68\xff\x9f\xc01m:2\xcc;\x00\xfe-\xe9r\x15\xc5?\xc0\xb8n\xc3o%K\x8b\xc3\xb8\xe1\x98r\xa4R\x0b{\xf0\xb3\xfc&gt;D4G\xc7\x19Q\x08\xe1 \xdeu0\x9b\xde\x19&lt;G@\x978N\xef\xc1V\xca\xf3\xd7m\x96;\xd7\xbf\x83\xfb\xc4\x9a\xb1\xea\x16\xd8\x8e!\x92}\xff\xd6?\xa8\rFT\x1f\xd4\xa8\x9f\xa4\x157\xa3\x07\xcahg\x1c)\x07\xf7D\xb6\x99\xdbW\x99c\xc1\x93\x00.\x8fR\x0b\xdf;\xbb\xe3\xd2\x8cn\xba\x1d\xe26\xc3\xaa\xde\xf5\xa2~\x81\xed\xb5D\x19\xb1\x8bJcNF\x13\x8b\xe1L\x84C\x9e\xbb\x0b\xa6\x00\x0f\xec\xad\x02\t\xd3\xe1\xea\xe5k}p\xb9\xee\xa2\xcf\xd8\xb1\xcb\x8d\xbeN\x0fc\xbfs9a\xc2\x06\xef&amp;\xb6\x15\x81.\xda\xe2\xd8gm\x9c\xd8\x00\xe8\x14\x8f\xff\x1d\xc4[\re}_\x03\x1d\xdfd\xee\xc4~\xab\x15\x01\x03l\xdd\x9a\x8d\xc0wi\xeb.\xe4Y\xd0\x8c\xfeF4tv\xd4\xd6\xa6\x19\xb8\xc3\xa5\xd7\x0f\x87\xfc\x1e@+\xd4du\xcb\xef\x10|\xa2O\xc4\xb0\x00\xe2Z\x83\x8d\xa3\xed\xf5I/\x11v\x86\xfc\x97*vG\x16`\xcfoQ\xf5\x114\xf4\x9bW\xb1f\xd3O\x0e\x0f\x87\xa3\xe9\xff\xf5A\x96\xc9\xb8.n\xc5\xfc\x85\xa5c\x01y\x0ew\x8b\xb3\xb6\xcd\x88n\xcdj\x1b\xe3\xf6\xdcN\x891\x87]jEM\xd0\x98\xfaOh\xb0\xcb\x8b\x18\xeb\x0b9\x16\xe2\x1aA\x13\xfb`\xf0\x1d\xdc\x8eH\xbe0\xb5\xa3\x1e\x16(\xe7r\xce\xf8\xb0\x18db\x00\x1e}\xbd\x18D\xa3*\xdc\xc6(z\xe1N\xacs\'\xdf\x14\xbd\xfd\x11\xde%\xe6\xacN\xdc\x17Zy|\x13.MN]\xe7\n\x9e\xd8\x177\x9cDf\x824\x83\xf8R\xe5\xd6jl\x0f\xf7\x8f \xdd\x81m\xee\x0e\x87\xdb\x14\x1eK\xdb\xdd\x11\xff"\xc04\xdd\xc4\x05\x10\xc2\x7f\xb3\xf7zh{E\x8e\x8a\x1d\xd7Rs\xc9G\x8c\x0b\x1a\x9d\x1d\xe3\xfa\xeaKG\xbbB^\x1c\xcf\xf4w\x85\xc7\xed\xad\xc0\xc68b,\x08\xf7\xb1o\x9b\x98\xa8\x04\xc0K\xf6Va\xa2\x02\xbe\x02\xbcmL7\xf1\xda\xf2u\xbd\x89\x1b\x80~.\xb7\x9c\xf7\xe9aw\x84\xc1\'\xfb6\xe2\x1d|v;V\xf0Z\xcdx\xdd1\xa2\x93\xe2W\xec\xa9\x87\x84YR\xf8p\x83C\xea\x01x\xe3Ak\x90}\x856\x81R\xf3\x98J\xec\xd0\xd0\x16\xc75\xec}b\xce\x96\x88\x9a\x1f;\x99H\x00\x00\xf0\x9c\xb2\xf1\x1es\x80\xe6]\x02x\x19\xd2K\xcb\xdf\xdeq:w[\xcc\\x\x93\x98\xd3\x8a\xe0l\x94;1\xcc\xae/\xae\x90\xa2M\xbf\x99N\xd1\xf0\xfft\x0c\xc0\xdf\x14\x99L\x1c\x11\x07\njMT\xd5\xfc@\x05\xf9k(Q\xfb\xab\xeaU9.\xc4\x17c\xe7\x0b\xb3\xcd\xb1\xd9\x97\x90\x9f\x8c\x89\xee-\xb4\x13\x0e\xab\xf8\xa68\xee\xfcZ\x91\x1c\xe90\x15\xd5\xdd\x18\xc4\t\x80\xaf\xbe^\xec\xa7\xc3n\x92\xf7\xc46\xa3n+e\xae\xa6\xc11\xcb\xb5\x89\xfbBWw\x9f+\xe9n\xd1\xfc\x1f\xc6\x99\x18\x19\xf0\xf1{k0\x14\xd0\x9f\x9c=\xe3\xab\x06st\x9f2\xca&gt;#\x8c\xd4\xa7\x01\xd5k\x84\x115\xc7\r\x0e\xa9\x11nr\xba\xdbb\x9a\xc8\x8c~&amp;\xdbl*z\x1f\xc2o\xe3U\xd3w\x0f\x81\x91\xa7i\\\xcdZc\xaf\xd7\x14\'\x04\xc0\x1e^x\x1b\xae\x80n\xd4v\xd1d\x1bP\x83\xbb\xa5Q\xdf\xd2XP\xcc/\xaf\xdd#\xf8\xf4{\x0f\x13\xe69S&amp;\xae\'\x16\xc0?\xb7\x10/o\r\xde\x81\xbf\xdd&lt;\xb8w\x9d7T\xe3v\x00M\xdf\xf1\x98Kl\x81\xdb\x14\xee\xaf\x0b\xd4\xf3\x1f\x01\xcd\xf77`\xe40\xb6y\x04\x1c\xe8)\x97\x03\xef\xe0\xeau\xd0\xc1n\x84i\x9b\x12\xd3&amp;\xa3A\xfa\x8e\x9b\xd4\xbd\xad6Cb\x86\xb9@\x18\xe1\xce\x0f!6\xc5\xe0?"\x14B\x80\xc7\xef"\xd6\x83\xbbu\xce\xcc7\xf8\x07\xf7c\xbe\x02?\xa0J\xb7\x84i\xde^he\xd79?1\x1c\xd6\xa8q\xf1\xa3,\x0f\xfdyE\xf2\xebx\xc3\x8f\x0e\xd5o|\xb5[\xe1&lt;\xce&amp;\xc3=3)9\xf1\xc6,\x0b\x88\x06\xaaL\xdc!vt\x9c\xe9\xb4\x13\x1b`K/k(k\xccm\xdf\xada\xf9\x918\x8d\xa5o\xf5}\xdb\x86\x83\x82\x1fl\xc5I\x12\xb4\x91\x9c\xadei0\x9a&gt;\x0cnr\xbd\xec\x8ei\xd56\x00\xdd\xe3\xb5\x95\x1e\xfe\xa8\xa7:m0\xb2o\xc0\x9bn(kHVM\x00\x00\x00o\xbf\xb7\x169\xe0\xa3\x90\xc6\'l\xae\xc6\xc4\x84\x01\xd6\xef\xcd\xde\xcf\xb6\xec\xc1{+`\x02\xf6b\xe5.\x8a\xdc\x05\xa6iw\xc4\xf7\xce\x1d\x80\t\xbc\xa9\xee\xd0\x90\xbb\x0c\x19~\xac3\xff;\x9c\xc8\x89\x83\x83}\xef\xcb\xd3k"\x81\xeaX\xbf\xbb\x16U\x18\\\xbd3D\x8f\xbc\x81o\xeel\xa9\x9b\xf1+]\xe3\x1a\xad\x06\xf0\x7fa\x8d\x9b\x0fv@\xf3jT\x1aO\xeb\x1b\x85f{\xf1F\xdd\xf8\x8f\x8f\xe4\'\x1f\x06\\Lj\x00\x04\x80g\xef\xad\x05\x8e#\xdb\xb5\n\x1b\x8c{\xb7\xaf\xf20\xb7\x00\x00\xfe`;Un\x1e5\xbf\x9e\x99u\xbb\xdb\xa5(b\xb3w\xda\xf4R\xac\xfa\xcc\xc9\x1d\x13\xeey\x19m:\xe7{\x9f\x8d\x91\x7fW\x82&amp;\xa3\x0c?g\xa3\x15\xae\x0f\xdb!k\xd9Q\xa5\x18\xe3h2a\xc2-M\\\xa7\xb1\xdc\x92\x89\x1eT\xd3\xf9D\xb5\x9f\xa8;d\x97\t\x1f2S3\x96\xdf\x1a\xa7\xd3Q\xd6\xc9\xbez\xfe\xe9\x1dec\xd8\xdd\x85\x00~\x80h7OS9\x963\x13\xdf\xfbx\xc7\xf0\xe6\x03a\x1at\x1c\xcc\xb98(\xcc\xc7n\x9d\xf4\x18\t5[a\x08\x01\xbe\xa2\xad:7\x04\x80\xd7h\xca\xad\x977\xea\x1e\xebw\xda\x1e\xf6\xe0\xda\x1d\xa85^{{=&amp;0\x1c\xd3\xa7\x8e\x84s\xca8\xe8\xe2\xdd\x1a\xc5\xaf&amp;\xb9\x98\x84\xf0\n\xf6nW\xc0\xd7\x8eub\xde\x15\xf3W\xae&amp;*q\xf3&gt;\xf3\x06\x83=B\x1b\x1a\xb7a%\xe5|gOY{j\xd4\x0b\xd98\x8f9\x88Cb\xb3\xd7\xb46\xfeR\xc5\xed\xfd(\x08\xc0/\xee\xad\xc211\xc8\xfc\xe9\xb1x\xafu\xd9\x8c\x1f\xfd\xa57\x9d\xb9d6\xfe\xe8\x8e\x88~F-\xdf\xfeBZz\t\xdf\x02\xc5\x98j\xb9\xb5a4\xc1\xe0\x10Vf\x94\x04\xf8\xc8-5\xb1\xc2\xf4&gt;&gt;\x18\xbb\xdc\x03\xf6\xf9\xc5\x8e\xbd\xdfD|i\x0f\xf1\xfd\x01\x03\x98nB\x85%W?}oMDx\xbf\x9b\xd6\xb2\x9c\x02x/gG\xb3\xa0\xa3W\x81Z(G\xb9\xcb\xf7\xd4jX\xdc\xc9\xf4Y1\x8d2\x04\x96i8\x9f-T\xbexS\x9cS?\xaf\x8dn\x98P\xc7\xb2j\xbe\x143v\x1a\xf6\x1a#\xe7\x07;\n\xd17\x00\xde,\xb77\xde\x1b\x00\xbe0wQe\xa2\t*C\xe4g\xb7\xd2\xa3\x114\x91t{4)\xea\xcb\xd3\xffJ\x9e\x83\x18G\xc4\xbez\xb6\xad!zl\x0e\x1cO\xc5\xdcj\xccw.\'\x12\x8c\xe6\x0c\xf9S\xb5\x96\xdf\x7f\xe0\x84V\x12(\xa5\x00\x00\xc0G\x07\xd7\x16a\xb4\x99\n\x8d\x8e\x80\xfa\x8d\x0b\xae\x0f\xe1\x1b2\xe4\xeenu\xd2\xd5\xfb\x84j\xd8\x13\xb0a\x15\x1b\x08\xe8K&amp;\x97\xbf!\xfc\xdf\x18\xfdWIL\x8e\x0b(.\x10\x1a\xf8\x92\xfa\x04p#\xf6j\x87\xf4\\q\x1f\xf3\xb4M\x00\xf7\xf3hg\x03\xf8,9\xed\x9f\x00\xf5H\xb8\xfe\xa7g\xa2\xa5|\x14\xd6\xa8\x16\x84\x8a\xe6\x1eN\xd0\xbd\x96\xeb\xa75\x114\xaaWm\xb3/\xe9\x81q\x9e\r\xb4\x8a\xda\xf7\x19\xfdG\x1b\xf2X\xda\xec\x0e8\xf8?\xec\x0e!\xbc\xae\xbbo\xbb\x05Y\xc3\x07\xe0\x95\xd1u{\xfe\x87\xc0\xc8\xe3\xdbw\xeb\x06\xf0.=\xd9o\x01\xd4\x807\xef\xd2GB\xfeZ\xcb&gt;ZD\nt\xf8\x92\x174\x8a\xf8\xe2&gt;\x00\xe0\xc7\xf1\xd3\xf9v\xc9\xe6X\x8b\xa7\xb9\xae\x1b\x0f?&gt;\x02\xc5\t0\xfaj\xa1\xf5&lt;F\xc1-\x8d\xe5\xde1\xe0\\j\x13\xc0\x15\xf5\xac|h\x15\xb6\x0f\x97\x00\xbabwk\x18\xce?7\xd7sG\xbb\xec&gt;/\x19\x86Rf\x08l??\xca\xf3\xe8\xef\x11h$)\xed\x0eR\x00\xbe\xd4D\xbf\x19v\xf4f\xf8)\x05\xcd\x86\xefM\xce\x85\xbd`(C\x8c\x96\x00&amp;r\x0c\xf8b5\xfb\x9a\r|\xb7C\x8a\xbdK,\xf1\x8c\x17\x18\xb9\xc5gM\xd6\'\x99\x1a\x11\x9a\xad\x8c\x89\xa1\x15\x1a\xd1\x0b\xcd\x1d\x9e\x878\x94\x9d\xb1\x92B\xe9\xe8\xd3V\x83\xc24-wR\x1e\xe0\x0f\x03\xf8\xbb\n\xd3\xec~\xec0\xc8\xec\x99r\xe1f\xf8q\xa2\xbd\xb7\x96"\xff\xd1\x0c\xe5\xc0\r\x0cab7\xf0;\x0cS\xdf~\x81U\x99\x00\xdc\xf2\x87\x8b\x97\x04\xa2=\x04G3\xc8h\xba\x07\xf71\x86yDL\xd3\xe5\x18g\xd9\x0c\x05\xe9\xf9pU\xf7&amp;:dd\xbbL\xa1d\xa5Go\xa5\xc8\x10\x98\xabhbb\x94e\xb0MV\xcb\xd2\'\x84\x00\xf0"w\xf7\xf2n\x95r\xdd0\xaa^w\x07\x80\xf7\xed\xc9|N\xf3\x84\x1d\xf7\xb6\xa3\xa8\x1c+\x9f\x00\xf4\x9b\x80C\x9f\xef\x0f\xee1\xbd\xd5[_\x130\xbehV\xa3\xd8\x0e\xef\xa16\xf5\xd2\xc1}\xe60XOW\xe3F\xfbS\xdc\x86*\xd5\x00\x1d\x8e\xb2\xe3f\xa30\x84\xf5\xf4\xe3_\xee\xa4\x90\x11\xe3L\xf7\xf6\x88\x97\x86\xe6\xe5\xae\xbe\xcap\xd5\xc3\x96\x8a\xb4D\xb2\xa5\xee\xfb]\x9c~\xbc\x8f\x03\xe6\xdd\t\xfd\xcb\x85\xd3\x925 \xbf\xa9p\xb9{\x892\xf7\x1cv\'x\x1c\xd47\x0e\xa9\xf4\xfd\xe0\xa0^\xd5\x16\xbc\t\\\xfb\x0c\x84C\xdb\x97\xf6\x1c\x137\xe7\xba\x1f\xf0\xea\xaa\x05\xe7o\xb8\xf2\xdfn\xf3\xfa\xf7\xe9[\xc3x\xd1 j\xdc#\x8ek\xfam\xf4\xa6vZ\xe0]\xc6\x9d\xbe\xdbu\xdcy\xec\x8d\xae\x96\xf9\x89~\xac\xfbcc\xb7\x99\x0e\xda\x06\x1b\xcc\x9a\xb2\xc8\x1d\x10V\xcb\x9c\xe9\x9d\xa1\x9c\xe82c\xf1.\xf8\x14\x1d\x99;s#\xac0&gt;(\xdf7\xab\x17\xd6\x01\xb3n\xb8S\x88\xb3\xbe\x97[\xd4\xcb\xa5\xfa\xe7\xc78\xd1\xd7\x94|\xdfTb\x9e\xc4P\xf4\x8czz\xec\xbe^\xf7\r\x19\xf0+\xec]\x9do\xa3$\xf1\xcb\x08\xcd\x87\x08o\xdf\x98a+\x1c\xeb\xad\xa4\x89}p\x033\x9d\xbf\x9f\xa3\xee\xf5,\xbc\xdd\xab\xc3\xa8\xaf~\xea\x19\x1c\xc2\x19L:\x02\x00\xc0\xfb\x9f\xc7\xf5\xc7q{A\xd6O\xb1\x1dK\xae6\xe32\xcb\xf5\xf4\xbaw\xa8\xc3\x96Hp\x80E\xdcU\xc3.\x07\xf1\x1dxjE\x1b\xe7\x93\xa7G\x8e5\xe2\xf7\xfc&gt;\xdf$\xea\xdc\xdd\xdc\xa5\x12\xf1{\x9f\xf2\xe3\xfa+e\x03\xb9\xd2\xd3c\xa52\ru\xd0\xd7:\x94&gt;\xdaw\x0b\xe7\x81\xd2\xf6hko\x80\x9fW\xd0\x8c;\xc7J\xd5\x9a\x0c\xe1i\xedX\x99\xb0\x99\xc0$\xe8\x8f\xb4\xb6\x016\xfa\xdd\xb4\x91\x06\x8d\xc0\x17\xe8\xdd\x82\x1a\xf2\'\xcfi\xdb\x89\xb8M4\xf7\xc7;\xb18|\xa5\xa3FV\x114gK\xf42\xbdQ\xaa\xa0q\xe8\x805\xbe\xbe\x9dO\x13\xa0\xca\x0c\x1d\xad\xd5p\x8fA\x93\xa4kB\xf9m\x98w\xc2\x0f8`\xc2Xv\xf7\x9d\xb6\xde\xbb\xd7\x88{\xcb\xef\x05\xa0\xff\xb1\xeb\x9a\x10\xe9\xd6\xa7\x15\xe0s\xd2\x8f\xe4+\x06}\xa4c\x8d\x0f\x96\x94i(k\xc2\x8f\xeb\xebk\x1bJ\x1c`\xc1l\t\xd3h\x071MrP\xd3\x87\xad\xd8\x0e\xf0\xc8v\x92=\xd0\x1fs/%01\x90\xa6j\xf5\x81g\xf7\xc6\x06\x8e\x1e\xcb\x1c\xbe\xae9\xcb\xbb\xc7\xb9&amp;\xba\xb7\xa0\x8c\x82\xb7BC+\xfdV\xc6Y\xb7\xfc\x9a\x9f\x99\x06cDF\xc8\\\xbdPq5}\xc5\x16\x1f\xdb\xf5\rN\xdd\xc3\xedl\x14\x97\xf9\xfa\xf7\x06\x89\x0e=\x11&gt;.\xca\x9b\\\xff3\xaa\xa9\xb0A\x02\xb8\x81\x04S.\xef\x8d\x07\x05O\xf2v$\xf4|eV\xe9\xff\xbe\x93\xbf(H\xd3\x91\xab%\x8d\n4\x7f\xf1\xa6\xeb\x01z\r\xba\xd6\xe0\xd4\xd7\x1a\xb6v\xfb\xe3\x87\x8e\xd1!T\xbe\xd1\xba\xf2\xafpV\xba\x8f\'\'n\xd4-MW\xbd\xe0{v\xde\xcc\xd5\xfb\xc9\xb0\xe8\xfd2L,\xa8\xab\xf1\x1cs\xb3&lt;8\x81+J\x9e\xe8u=\xaas\xd8\xad\xf9a{P\x07\x971\x81\x86\xac\x9f\x02~\xce\x9d\x8b/_\xafl9\xb5\xd6\x0b\t\x1f\xf2\x93\xea\xbd\xd7\xc9\xee\n\x98@\xc5A77\x99\x86\xec\xeb\xec\xa8\x87f\xa4\x1b\'\x80cy\xcb\xe8\x80\xb6\xee\\-\xbd\x87\x1a\x97\x1c\xf6M\x9c\xeb\x98\x0c \x1a\x8c"PJ\xb1\xce\xc6\x86o\xf1o$\xa8\t\x1c\xda\x02\xc0\xcf\xc5\x1f)\xb2\x87\xbb\x14j\xf7\xc4\x02]\xb5\x95\x93\x83v\xb7F\x86\x19\x9d\x0f\x86Kp\xd4=\xef\xba\x01\\\xd6\xcdc\xea\x98\xe8\xb6M\x0c\xbe\xb1\xa9\xa9\x87\x9a3&amp;d\x0c~:\xa4T\x0e\x00\xe0o[\xd8z\xf5\xe1u\xe8\xc05\x04I\xdb~\xfb\xf5\x89}\x00\x1f\x9b~\xdcpc\xdb\x1b\x00\x8f\xd9E\r\xcd"Q\xee\x0f*w\x0c\xd6\xfd{\x13\xc8{#\xaf\x0e\xbdgS\xb9\x19&gt;S,TT\xaf\x9aG\xc7\xa2&gt;#\xac\xaf]\xc0?\xad\x9c\xf0\x00\rX\xf7\xe6a\xd4p\xb7\xb4\x03\xfc\xbfE\x8b\xb2cr\x08\xfb\xb9"\x8dC\xc4-\x81\xcd\x97Z\x0e\xf9\xf1K\xda\xb1\x89U!B\x0b~F\xe9T\xfb\xa8\x91\xe1~\x8e1Z\x82\xac_Z\x7f?`\x1b?v\x88h\xa5\xd7\x8e^\x97&amp;\x00\xeb\xf3\x03e\xf5}!\xd6\xe6\xa4a\x8a5\xbc\x82n{\x04\xd7\xcd\xb7\xb9M\xc0\xc9\xc6\'HC\xdelR\xfa\xef\xe4\xba\xb2\xbf9(\xdd\x17\xdd%\xcc\x07D=`\r\x9d\xf1W\x04zF"\xef\x13\xcb\xe6\xda\x14\xfc\x19\x1f\xe6\xcf\xc741Q\xd4\x1f\xd9\x10\xf0\xf4O\xc0\x99Hrp\x89\x9a\x8d\x02Y\xce\xaf\x0c\xf5\xc2e\xdd\xe2k\xc0\xda\xdbb\x06\x96*\xb8\x13@\xd8\xe9\xe4\x84\xf1\xda\xe3\xba\x02:\x07\xca\xe3\xf2,\x1cx\xa4\x17\n\x94G\x1cn\xdb\x1ewR\xce\x90\x13@|\xcd\xc6\xe2V\x86(%6bL\x8a[\x1d\xac\x93\x88\xa6o4M\x18\x909\x10]1\xc9eB\xcdY\x84\x03m\x8ent"\xb6\x18\x0e\xda\xf8\\]\xdf\xeb\x1e_}\xa4#&lt;\xaa\xad\xe1p\xf8\x88\xef\r\xa9mO\x96\x0cr\xf3lM.a\x06\x0f\xddP\xf9\xa3{\xc8\xad!vx&amp;\x15\x9b\x12\x00r7\x04\xf8\x05\x8fz\xad\x00!\xfc\xe9=\xe5{\xe0\xaf\xbb\x97\xac\x80\xb3\xad\xd0\tgx\x8c%\r!h\xde\xe2\xdcf0\xca\xc0\x1d\x11\xc8\xef\x8f!\xdbb\x8b&gt;\xcb^0Kfm\r\xa2\xaf?\x8e\xe1U7\x00\xf2\x94\xf0\x08\xcf\xcaPY\x1a\x89c\xbaW\xa5\x95\xf8\xdd\xb4\xe6\xec\xdbA\xbf\xcd\xcc:\x0b\xf3\x9d\xb2\x93\xf9X\x1fm\x8f\x8f_\xaeDT\xe6@\xb7 \xd6\xd1/\xf3\x8d\xce\xbb\x9e\x19C\xb9\xc1t\x1c\xa5"\xd9\x19\xd4\xd9qs\xf3Q\xfe$\xf4\xaaVcG/\xb0\x05\xda\xc8&gt;m\x8d\x8f\xaca[w\xd5\xc4\xe5i\xc6"B\xa7\x86\xff\x0c\xda\x98\xf0\xc6\x8a\x1dg\xe5?\x82U\xac\x89\xbae\x04\xc8\xa4m\xbfxk\xb0\x14.\xef\x8b\xde\xddZ\x9d[A\x8d\xe1\x86-\xc4\xdcu%{\x17!\xf8\x99\x9c\xe6=2\x86\xa6\xc2\\E\x86/lce:R@\xdc\x00\\\xe9\xba\xad)\xf8\xed\x17\\\x8f\xf8\x0e=G\xc7\xd5\xfc\x16 \xda\xbe8@h\xff\xe3b\x9by\x00#\x86[f\x18\xb1 \xa8\xa8\xe5!e\x05\x10\x9eCl\xd8\x1d\xb0\x06,\xbeZ\xd7\xa7\x96;\x84b\xea[\xf2\x04\x00\xf8\x8f\xd1\xc7\xd4\xecBGi79Z\xe4\x85{u\xaa;\x05\xf2\xb4\xaa\x83G\xc6q}3\xf7*\x0f\xd6\x96bm\xfdk\xaf\xc4\x03\x15\xd0%V\xe5m \xae\xef\x13le\xf0\xae\x8dO\xe4r\xfel\x8c\x8e\xff\x16\xb3\\\xa9\x98\xe6X\xcf\xb0%M8\x7f\x82O\x9f#\xefd&amp;\xc6\x08%C\xe8@\xbf\xaa\x01\x11\x94\xacbz\xaaS\xdbQ\x8b\xc5c[\x98\x0c\x12\xf7\x92\x08^O\xcf$\xe6\xa6\xd1\xc4g\x9br\xa0;\x06&lt;\xd1\xec\xf1]f\x9b\xa83\x17\x00|\xdc\xfa1\xbb\xab\xd0V\x0fT\x9d\x11\xc2\xc2\xd0\x98\x06\xca\x80\x86\x06\x8e\x9e&amp;v?L[\x8ew!\xfa\xc8k\xdb\x0fG\xf1\x10*fi\xbaX;V\xc2]\xf1\xea\xb7\x02\xc2\xd6\xd0![\x01C}\xd3G\x81\xab\x1a\xcc\xad\xa3\xb8\xf3`p\x98\xadpV\xec\x8b\xf0\xc7\x07z8\xeb\xabmc&gt;\xd9C\x97\xdbp\\\xe5\x18\xfa\r6z\x18\xb3\xa7=\xfb\xc9n2.Ui_/\xa6"\x11fL\xb8\xbb\x95\xdc\xef\x04k\xb1\xc9\x9c8\xbb\xdc\x8b,]\xfb\xcf\xcd6\x8b\xfc6Bss\xdc\x9eY|\xd1\xaas\xa9\xbb\xd9a\x9dV\xb4\xf6\\\xa8^\'\x8e\xff\'\x99\xf4\x99\xe8k\xa6q\xe6\xc0\x97\xc3&amp;\xac\xd8\xac\x84l\x8b\xf3\x83Y\xd4I|OGZ\x1d\xf5\xb8\xa1\xddr)\x08\x1a\xae\x9bzV\x1b\x94\x8fw\x84\xa1\xc2\xa2f\xc9\x9c\tDB\xd9\xad\ta\xa3\xd8\x82@\xf9 .:\xd9\xd8S\x99C#~-\x87\x1aR\xfdP3\x97+?\xa2\xed\x1a\xb6H#\xfd\x80j\xe1\xaf\x14\x94(\xc9\x929rdHN \xb83\x03\x82\xc3\xd7\x94JN\xa8PyT=8\xf0\xb7\x02\xb2%\xd7R\x9cvE\x01&lt;\xacR\x10\xd0\x1f{\x03\rX\xdbc\x87Tw\xbd\xf8\x98\x1a&amp;\xd2k\xbb\xa8D\xde\xa9\xa8\x02\x0e"\xa4\xed\xb2\x1a\xd42\x114)&lt;\x93\x91\x92tT\xd2\xa9!\x16\xb5\xb7\x1a\xf4&lt;p\xeeR\x9b\xebq\x1c\xa0;bM2]\nv\xab\xf5b\x87\xd6\xe5\x98{\x9e\x9f\xbe0\x19\x9f\x8a\xe9\xf1\xdddf-jP!&gt;\xa3\xd12$t\xce%J*)\xc5\xf5\xc3-W\xb5\xe3 \xb3r\xe4\xc4f&gt;M\x94\xa9gb\x92\x85\xca\xf3)\xa1\xd9\x91,\xc6\x86?\xac\x15\'(\xd3\x8d8$1\x0b\xbf[\xc9\x9f\x13]\xcfA\xbdq4\xc4\\\xe6\xc4\x03/\xea/\xb7b;\xca\xfb\x83\xb2\x85\xaf\xe2\t\x86\x95au\x91\x0b\x00\xf0\x01\x0bO\xc9\x98~\x81\x13F`UmR\x9ed4L\xa5\xd3H\x1f\xfdB\xda\xc7O\xb2\n\xce\xda\x91i?\xaf\x96\x87\xb7\xe0\xb90\x1c\x19\xbd\x8b6\rs[\xf2kt\xc2\x80\x87\xda\xebn\x00I\x8a\xe5\x13 \xc9t&amp;\xc3Rrm\x1c,{\x08\x807L&gt;\xba\x05\x1b17\t\x08(w\\\xee\xb6\xb2\x9a\x95\xcf\x80s\x05\x1b\x84-\r\r\xc0\x1b]S\xf5\x80V\xd2CT\xbe\xd3\xf8\xf83\x8d\xb2\x85_#zV\xa2J\xe7.\xe2\xd7gT\xb9\xcdb\xb9\xac\xe6k\x05\xbe\xd8\x97r\xd8\x8c\xd7\x1d\x90y\xb3\xa6\x94\xc0\x8f&gt;\xc4SQ\x8fv\xb7\x83\x9ff\xef\xde\xb9q:Av\xe6\x0b\x99\x82O3\xa5R\xb6l-\xbf\xb1W\xa0\xe6\xf2\x85]\x82\x95\x8fOm\xdc\x9fiC\x85\xed\xbdMK\xd9U\x8f\xcd\xb1\x997n \xc7Q\xd2.\xd7eO\xc7\x8e\xb0\xf6Hz\xd7\xd0P\x1c\x83\xd8\xce\x12\xf5[\x137\xc3PXX\xc9\x9f\xd7\x84\x12$\xf1\xcc?\xce\xc8\xde\x12\xe9\x0f\xd4_\x1b\x1b\xf2\xcf\xde\x858\xd4\xecA\xf4\xd7\xcd\x01\xa2k\x06\xff\xa1\xec\xa8(Q\xcd\xfat&gt;\xb9R\xe9\x90}\x84\xe5b#\xc5\xf8 \xd5\xeb\xb8i\x00\xcb;\x00Wh\xc8\xe8\xbb/Q\t\xd2\xd5I\x0c\xcd\x11-\xbc5T\x87\xcbh\xa1\xd1C\x9b1\x90n\xc9\x93\xf6\xae\xa3\x8e\x8f\\\x95\xcf\xdf\xea\xf5\x19v\xfdXka\x11\x8fg\x05q\x9a\x8c\xe4\xed5\xe7*\xbe\x12A\x94\x8e\xf4\xca\x17\x11dw\x19q\xcb\x135\xa5\xb2\xd6M\xc6\x84\x0c\xcal\xe8\xd3\x1b\x80\x00o\xd1W\x9f\x91\x01\xcb\x7f\xedv\xa3\x8b\xff\x8f\xe6\xc1\xa3\xe9\xc3\xa0\xf9\xe9b\xb7g\x00\xf6.\xd9\xc7?I?&gt;\xec\xc2\x96\xd2\xd7\xda\xee\xc0\xe5M\x84e3W\x08\xe2%\xb95\xc9\x0f\x88|\\\xee\x16\x90\x02\xbb\x85\xf6\xaa\x91\xe8\xef;\x02\xe2\x18\x8d\x19\xad\xa8}\xbe\xce\xc2|\x8cS\x02\x9f\x0e\xa5\xff4RG\'}[\x89-\xf6a\x86\xb2Z_\x1a\x97\x94\x00\xdf\x84r\x96\xf8\xd8\\Q\xecb\xb5\x18\x80\xb6\xc0\xda\x7f\xc1\x1c\x17T\x02\xc8\x9av\x0fJ#\x84\xc53L\x81F\\E\xe5\xedqFj\x02\x84\xf0\x07&amp;\xfa\xbaT\xb7\x8b\x8d\xd2\x05\xe2g\xa2\x0c\xaf\xd9zt\xca\xa3\x15\xa0d\xd14*\xce\xe8\xc7\xae^]J9\xe8"\x1a\x17\xabe\xed\x07p\x95\x93\xd1\xa9(\x86\xd7\xba\x04\x91\x97\xd4\xb3\xda\xb5\xfbfh\xa8\xe7\x08C\x1ed\xb3\xc5 \x0b\xa0\xd7\xad\xc0\xba\x12\x99\x8e&lt;[^V \x12\x80\x15K\xe7&amp;\xdcJ\xb6k\x8b\xad k\xa2\xc5\xf1a\x9a\x92\xc8\x11Y2\xa9\xd1\xf1l\xad\xd3\x8c\xed\xeb\x06U\xc5\xefN.\\\xca\xd5\xeb\x91=Wo\xa3\xd0A\x90\x05n}/}\x1cW\xd6g\x19\xe7$\xc1\xa0\xa7\xf6\x9a\xe3\x17E9\x08\x9f\xd2\xfei\n\xbf=:\x7f~qS\x89\xb7\x83\x1dk\x9f\xb6\x82}\xac\x00~\x8b\xbee^\xa5\xa5&amp;\x1a\x16-+\xa2:\xa4\x0b)\x00\xfcNv\x17~E\xe8h\x1a\x85f\xcc\xd6-fy\xcbTg(UZ\xebY5g\x84OE\xdf\x9c\xd5k^/\xb0\xf3\x1c\xbc\xcc\xbf\xdcU\x1d\x95h&lt;T\xff\x12D\xe7#\xa0\\\x96"}\xde]!\xb2\x025\x0ej\xb0&amp;6J\x82c\xd3\xcd *B&amp;f_\x96\xd0\xabFQR\xab+\xdb\x11\x0b\xcc]\xb1\xb2I\x90\xe2El\xc0J\x19\x95\xa8\xb1\x9bd\xa1\x1cZ\xb9h\x13\xc3\xf9Ty\x04\xc1*o\xe1\xe5\xee\x11"\x11%]\x05\xc1\x04\t\xfd:\xeca_\x80\xdf\xbc^4\xe4\xb9\xd7\x86\xa6)\xb7\x96\xcc\x08\x11-\xa39\xd6X\xd7]\xd7\x91L\xde\x94&amp;\x00_\xd6J\xca\x06L\xa8L\x96q{\xafjA\x8b,&gt;\x95r\xdd;\x14\x07\xa523\x014\x06\x00\xc0\xff\x13]\xb3On\x95\x06\x06\xe9\x97]UL\xde\xc9\xbbf\xe8\xc2\xd0\xc0dT\x7f\x02\xd7!2\xc3\nmo5\xf6a\x0e\xb7\xfc\x8fIc2\xa5W\x9cI\xea\xbd\x17\xbd\xeb\xe0)I\xdcB\x16\xa4a\x9d\x1b#\x9d\x00\x10b\x8b\x92\xcb\xda\xc9B\xc4 .\xba? 2Gl\x94\x8fRw\xdf\x05\xfblN7\x16\xe7:do\xa9\x00q\xddO\xcaf\xd0\x84\x9bN\xc7\x95\x14s\x87, \xacw]\xd4\xeb\xc7\xcd\xc0\x8c\xa88\xa9\xd7\xc6e^\x7f\xeb\xe8\x86\xad\xf3\xf6\xc4\xbe\xd5_\xf9\x90\xa0\x9eg\'\xc0R\x15n \xcb[N6\xe1\x13\x1a\x1e\x85\x17&lt;\xb6\x7f\x04\xe7xB\xb0\xce\xb5Q\xd3,\x08\xda:\x9b\x04Q\t\x00\xdb\x8e4\\\xe3\xee\xbb\x051\xf3\x03\x04\xab\xf3\xf5\xb0\xe0(\x01e@\x983\xeak\xd2\xb7\xaa\x1f6\x94\x91b\xfbl\x80\x9e\x93v\x17\xaa\x1b\'^1Q\x95T\xffT\xeaI\xff\x9b\xd8\x95\xaf\xf4\x85\xbe\x85\x92\x1f\xa6\xf7m\r\xd1\xd8\x00xg\x03\xb1\xc0\xca|N\xcb\x10\xd68\xf30%\xe5`hh\x16\xf86\x1d\x99}\xa3\xbdM\x01\xbe\x8as\x1d\x05\xd4\x04[*|K\xbdj\xa3\x92\xe3\x08\xa2\x92`\x04\xe8\'\xb7\x7f\xfa|\x99^\x80\xe8\x96\xd8^\xf0\xc1\xd4-^P!WK,3WH\xa7\xce\x85\x1a\xeeE&amp;\x02\x00|u\x87"Q\xf3\xae\xc8\xe0\xa7r\xfc&gt;T\xf3&lt;\r\xb5\xaay\xa7\xa5z\x14i\xceRF-.\xf8\x82\xba\xee\x9dP\xefH\xf4N\xd4\\\xba6\x01/MY\x9ad$\x8fc\x9c6\xed\xa5T\xb274\xc6GO&gt;\xc7\x19\xc2\x01\x10;\x13\xf6\xe3Q\x0bY\x07\xd1\x16\xca,\xb0\xb6\xd7\xa6\x11 \xbd\xd0;\xa8fH\xad\x06\xded\'~ \x88\xa5\xeb^1C\x17\xc4W\xa28&amp;\xae\xcbV\x17\xf2\x18\x9a?\xa1nX\x00_\x9b~,\x84\x82=:\x9b\x8eCo\xc2U7G\xb9\xd1\xdbX\xba\xcaw\xed\t ^9#xF\xb2t]!\x98\xab\x83\xd0Lc\xd0\x8d\xb9\xd5\xd1x\x9a\xf0\xe7\xe0\xd9\\\xe7\xb6\xfc\xa8r\x1b\x15\x02\x00\xf0\x03\x94V\xed\xa7\xe6\x92Ql\xce\xb3\xe6!^\xb1\xca\x89\x81\xebD\x94!\x0b\xaf\xa8\xe6V`_@q\xb1\xb5\x02cO\xbfR;m\x82l:\xde%q\xf6\xb6\xe1\x08s\xa4\x0c(jnX\xa3E\x81\x8d\x11\x87o\x80\x17\x86\x9dB\'#\x0f~\xd1\x93&lt;\xe2-\xc8\x08nv\xb3(\xdd\xc5a\xed\xcbl=\t\xe7_R\x96\xd7\xa5&amp;\xb6\xcd\xa6\x92\xac\xc5\x17\xdfL\x12C\xa7\xf3\xb71\x9e\x7f^\xa4\xd4s\xc0b\x96O\xf7\xac\x17U]2\x9a\x98\xe8;A\x1f\xc4\x97-\xa9/\xee\x9b\xfa\xe0\xc6\xe1\xf7\xa0-\x12R\xcca&amp;\x83\x0b\xea\x8f\x0e/\x04\x05\xb1\xc3\'\xd6\x8e\xf0(^n\x97\x9d\xaf&gt; \xb2\t)H\xde\x9cP\xaas\x89xP\xa0\x04\xd5\x17\x9e\xa7z\xa6\xadg\x88R\xa2\xac\x9e\xa9\x90\xa2\x15\xd1\xfe\xe4\x07\xbe\xb3ll\xc1v\xa3\xb4j\x89\xe9\xc3F\xc5\xcb\xb1\x0fK0\xaa\xee\xe3!\xcb\x84Q\xd8E|\xa5\xa2(h\xa3j\x03.\xbb\n\xd5\xe4\xce\x92\x04?\x0bn\xaa\x8c~\xa2\x1bF+\xa4Bo\xc2\xb7\xc36\x9f\x0f7!7\xa6\x91\xb9&gt;(G]x\xad|\x80w\xab\xe6\xd0\xcd7\x92\xbb\xc2\x8cl\x94Po\r\xcb\xaa\x8f\x13\x00\x7f\xa8\x92\xdd\xf2\x08\xb5\xe8V#\x88\xe6\xbc\x8ah\xc8Q\xa5\xe9\xae\x00\x00 \x00IDAT\xd6\x07\xd5\x0eL\xcfM=_\x95cg\x16\x9c\x89\xb3\xe7\xa8\x10=a\xa7\x1d\xb89\xb6\x91#\x1eC9\xf6\x8e\xa1\xf0\x81\xbdB\xe7\x08Ko"\xc4\x0e\xb0\x99+\xc0?\xd6\x8a3\xa9d8\xc3\x89\xd7\xc0\xaf+\xd9\x1f\x00b\x0c\xe4\x13\x802\x1c\xf8\x08\xd0\xc6\xaf\xb13\xd7\xc8\xd5\xf38\x8fV\x95\x83#\x92&amp;G\xd2\x99\x1a\x88b\xdd\x16c\\W5\x14\xa4\xe7\xf2\x83\xed\xb8\xcdDR\x8b\xa5\xfc\xc7\xef&amp;\x94\xeb.\xfb\t[\xa8&amp;=\x1a\xc2\x96M\xdc\xf7\x0eq\x9eI \x8e\x0bxc\xc6\xe1\xa02\x10c\xa25A\xd6/\xd5\xd7q\x19,U&amp;/\xf6\xcc(*\x0f\x9d\xe1\xe5\x89\xac\x85y,7\\\x07\xd5)\xc6\xc1\x87\x04\xf8\xd4\x1e\x8c#\x11\xb6\xbd\xa0\'\x1b\xf9\x8cs\xefi#34c\x0efm\xa8eY\xb5\xe3\xb9]W\x08\xaf\xb6+"0.x\x1b\x1e\xc3X\x0f\xd6\xe1\x7fkP\x8cW\xcc%H\xa3]a=\x88YS\xf6\xbd^\x9c\xf5\xfc\x8c\xec\xd9\xd8[\xafwy&gt;\x8a\x96@\xd8\xa7\x1e\x1b\x1c|\xd5\xf45\xc7\r\x91\xa1[\x9b\t\xcd|\x00\x1b\x10\xdb\xa8\xd1\xb4o\xbd\xaa\xe7\xfe&lt;\x13\xc0~ug\xad\xe0\xd2F\xbd\\\x83\x96\xd5\x1c\xf8|\xbf\\0\x1c\x15V*\xea\x06\xbd~{\xe3\xea\xf5/\n\xae\x1a6\xe2\xb0~\xbc\x12\xb8\xf4I7\x04\xca.\xdb\xa0\x95\xe3u\x96\xdbJ\xecM`\xb1\x86\xa2\xcak\x93\x00\xb6\xb1\x7f\xbd\xb2\xa2eD\xee\x1fO\x13\xc7\xaa\xc5\xb7\xa8kF\xbd0\x80O\x0f[\x81UF\xdbJ\xd1\xd6-\x02\xc9\'\xcf\x1cN\x87l\x02\xdf\xba\xd2\xf4\xa08W\x9e\xb0!\x0c\xd3\x8ba\xbd\xb7;2\xdf\xfa9\xec\xd6\xda\x82\x1d\x14\xf0\xcc5\n`\x8db\xbfD\x01\xab?\xfa\xe6\xbb\xed\xeeg\xd9^\xc4\x7fs\x1a\xb6{t\xfd\x81m\xf4i\xbd\x0c*\xd99O\xed\xea\x84\x8e\x86\xa5\x8cI\xf2}\x1fA&amp;\x95L]DY\x95\xf3FuV\xb2\xbd9\xafQc)\x93\x97M\xe5\x1a\x92\xe8\x88\xd0\xc4\xac\xc0&gt;mF\xe8\x95t\x82J-\xb8X\xf0\x14\xfa\xd6\xba\x90\x8c\x8aA\x9e\x00\xc8\xce\xcf\xc4\xfa2\xcaXW\x02\x00\xfc\rS\x07\xa3&gt;Ve\xb2\x0b}/}D\xdb8X\x00\xf6\xccY\xaf\x0fQ`a\x87\x96\xd1\xb1\x12\xc0g1\xc6\x8c\x83\xc68\xa1\x93\x19\x94\xdc\xb7\x83&gt;\xc7@f#`\xad&amp;\x1e\xf5\xb6E\xae\x1b\xb2\x1dA\xda\xf7\x82/Y\x96\x83\xea\xa7\xc9\xf5.\x19\xec\xd0\xe7\x19&gt;q\xf0\xca\xcb-M^A4\xf1\x96\xff6\xfak\xaf5\xfc=A\xfe\x86\x91O\x96M1\xd6\xf3\xad\xacP\xe6K\x9d\x97Q*\xa3A\x9c\x006pZ\x1f\x13C\x02\x18#\x86\xec\x03\xd4E(\xca\xb7n/\x9d\xb9\x85\xcc_\xd9\x18\xb7\xc0\x17\xb6\xd6O\r\xa5\xb7\xb5u\xb5\x9a\xaa\xa7\xad\x1at\x98pV\xf1\xadt0t\xbf^\xff)\xda-\xa3\x04@\x11T\x9ff\x14)\xb3\xd5tB\x8aP$\x00C\xc4\x8cz}A#\xf5\xda\x82\x1f\xcb\x1d\xc7{\x0c\x9c\xa5\x1a\xc5\x93VQILW\x9d"`\xc3EXI`\x97\xe8\xe8\x82h\xe1S\xec\x89\x1e\xd1\xf6]H\x93\x04\xa0f \x04\x17\xe2\xd6o+\xd8^.B\x00x@\xa5\n\xcb*O$E\x02@:\xbae\xf9\x14\xd5\xf1W\x9e=l_\xfa\xdc\x02x\xab\x89\xcbb\x97\x92s\x17dkIIi\x15\xd1&lt;Chk\xba&lt;R\x98\x84l\x84\xe5\xd0\x06\xb9U\xed\x88\x90\xc3\xdc\xbd\xbc\xf6i\x94\x1f\xce(RN&gt;}h\xfb\xa51d-!\x84\x07\xaa\xa3g\x8d\xcf\xf3w\xef\'\xc2\xec\x80\xc5\xbaK\xc9\x80\x12tW\xc3r\x12\x15\xf7\xda\x18\xd0\xa2\xd8\xccyJ\x9c\x1ck\xe0\xfc\x9b\x95Li\x86X\x9b\xcep\xfa\x14\xb2\xcd:\xe5\x12\x80W\x81\'&amp;L4\xc5\xe6\xcf\xfe\xfa\xe5B\xab!\xcd\n\x1f\x0e\xd5\x12\xdf\xe0\'\xb7\x1c\x0b\xf3q\x8be\x8e\xbd\xcd\xe9[\xe6J\xaf\x9eP\xa1\xc6p\xe6\x82\xb4u\x9aA\xb9=\xdc\xc7K-\xcb\xa1m\xb1\xf6\xba\'\xd7a\x99\xb3\xc5,\xdb\x91\xe5\xe9\xaf\xdei\xc5\xe2\xf2H\xd3\xcb\'?/\xd5\xff\xaa\xea\xa8\xb3 \xf8g\xa52\xa8 \x87\x1b3\xbd\xf2\x8fu\x95\x99{\x06\xe3\xa7/\x0b\x07\xd6\xd3\x04\x82{A\xcdc\xabr\xee5\xe2P&gt;\xeeu{\xdc\x19D\n4\xda#\xcb[\x07\xf5]j\xa2\xaf\x07\x14\x0fV\xf3I&gt;&gt;\x101/#r`m+\xaa\xda\xdc\xd4\x19;\xb1T\x0f!?\xc0\xa1\x96\x9e5\xa6;\x17]\xca\xa7d\xeb\xe1\xa9\xd7\x9c\xeeK\xd9\xc7-\xeb.\xb0\xac\x10\xbc}+k\x95\xb3\xb8%jF\xd9C\xdf\x01}\xd4\x11Cq&gt;Q`-A\xf7*\xe3\xa6\xacd\x96\x00\xb2[\xb2\x9e\x8a\xe1T\x02U\x8c\xac\x03\xe8\xfa\x80\xef\xa8U\xc6\xce"\xa3w;IM\x19\x8a\x97\x14\xe3\xad\xa0q\x81\x9f\xccT\x14A@\xc7q%+\xf14`\x9c\xe9\xad_xzA&gt;\x82$\xbe8EwYQ1K\x80\xff\xc2&amp;\x00\xbc(\xd6\n\x8a\x86\xb0\x96\x1a\xb2z}\xa7u\r\xdc\xa9PS\x02\x88\xe9\xfdU\xbd$Z\xd37o\xb1\xccQ\x935\x94\xba\xd3f\xb5\xebaa\r(i\x9dR\xc59\x84\x00\xff\x1b\xd5\xf7\x85e\xb8)\xa7s\xfb\xb9\x05\xf8\x89 UaX/\xdb\xae\\\xa4q\xdc\x8d\x8f\x08P\x19\xa3\xad\x14$\x9a\xd0\xfe`\xb30K\xcf3\xca\xe2\xac(\x8b\xe1\t@ME\xf5Oh\xe8&lt;\x04\x95^nG*\x01\xc4\xe9\x02\xdaX/\x15\x89\x12\xc4\xef\x08\x9d\xa9\xee=G\xac\xde\xf0\xb6\x02A\xd2x5\\\x93Z^\x89d\xc1\xbf\x9a#k \xcc\x05\xab\xe0\x1aEM~\xbbM\xe2\xecgx\xf4`\xb7,{\x83z\xf6\xd9}\x86\xaev!\xc27\x1f\xd0\xf7\r6\xd8\x19\xda\x19\xaf\xd1]\xf4\xd7U\xf4e7\x85\x00\x1f\xa4$\x9e@\xe0\xb3W\xb9\x95\xe6\x88\x1b\xcd\xca\xe7I*!\x8d\xd8\xbfS\xb3\x8b\x8b8\x84\x92\xb5&lt;]9\xd6\x88\xab\xe9\xd8\xd5\xa0\xf0?\x85\xc0\x96\xff\xa2\x0e\xa6Ae9\x86\x93\x98\xb6\x982\x90U+\x1fPWY\xf4\xd4\xd7\x10J\xba\x1e\x87\x84\xa2U\x99e\xd2V\x93\xdb\xc4R\xc8\x9b\xcc\xb5x\xcffV\xdeN\x90$\xae\xd5\x06Yd\x82\xd7\x92\x96R\x97\xe2 \xf6\xaa\x1cc\x87(P+\xfdk,\x13\x87\x8e\x1f\x00\x00^\xe6\x10\xdd\x1bT\x88\x8f\xefBq\x17\xae\'3\xcbM\xd39\x95xP\xe66\x04\xa5F\xf9\x91_\xaa\xb6\xac\xaf\'\xbd1\xc4\x93\x9b\x94\x06\xcc\xc9\xdd\x85\xcc&amp;\xa5V\xcf\xca\xfeVq\x9bTg\xbdE\xf4C\xab,H\xf2\xcf\xa2X\x13\x17J\xa1!K\xdbuR*\xb5$T\n!\x00|\x83\x96\xfe\xda+\xb3a\xcc\xf0J\x13\xde\xb3\xe8\xa8\xd0\xa4Y\x01\xa4\xe1\xc4\xcc\x17Y$\x1d|}m\x07$\xb7\xc7N\xf3,\xf3\xf3\xab*e\x1e\xc2\xbd\x8a\xaae\xb2Iy\xde\x03Q\x02\xbe\xb6\xd4i\x82V\x7f\x97\r_IL\xe8\xa3i$\xa4+\t\x89\xee\xc5u\xe5\x94\x94\'\xe0,1~\x10\xe4\x14}\xbd\xf8;:\xd1h\xf9\xa5w\x863\x95\xb5P\x13W\xb4\xc9\nT`\xe9\xb4\xae\xd2\xf9zv\x1f!\xb7\x08t\x9e\x04?\xe8\x13\xfd\x1b\xc2\xaa\xdc\t\xe3\xa0\x91\xe2\x13\xc7\x8b(\n\xcf*S\xc7J\xa2w!}\x9c\xa3\x1a\xb8Nn\xbd\xe6\xcd=,K\xae\xfa^\x1c\xc3G\xb5\x0fj\x8e\xa1\x8bk\xd6\xdd\xdd1\x8f19\xb5\xa3j\x0by\x80\xe5\xca\x92\x8e\xbf\xee\x02\xe5\xc4,\x89\xba\xadO\x90\xac\x9ap\xd9CVl\x04ui&amp;WXz\xcb\x9afAC\x1c/T_\xbdfJ\x9c\xdb\xa36\'ql\xcd\xdd\x7f\x9c\xa1t%\x00 \xea}\x80df\xadl\xf54hI\x84&amp;\x00\xbe\xdaP\xaf&amp;\x95V\x9a\xc6\x1d}rP\x00\xfc\x90\xb2\xa6X\xe6\xf6\xfc\xff\x87Z\x05\xa9\xd7\x0f\xa1\x86\xe7\xee.\x13\xce\xfb\x19\xbc\x1by\xd0\x81vC\x974\xd0\xafad\xf3\x85\xd3Ds\xe1\xb3\x90.^\\d\x199\xbf\x14o\xb71\xa9\x9d\xf9\x86O\x02\x18M\xfeu\x08\xf0\x18\xadJ\x0b&gt;UMYJ\xc6#\xa3\xb4R\xf0\xda\xb1\x88\xf5\x99\xaf\xe2\xae\x1b\x9f}\xad\x94\xb8Pq\x12!\xfd] J\xe1\x89\x0b\xd4)\x17\xcd\x9f\xbf\xbdD.\x80O4/\xec\xd5!\xcc\xd2e?\xe0\xe3]\x9f\x82\xc8\xc4\xad2Rx\xc34\xc2\xc4\xc4\xaa_\xce\x8eE8\x05\xa4L\xd0@P\xc3p\xe5\xbc6\xae\x83j\xe2 &gt;&amp;THE\x03nL\x86\xf6]x\xea\xed\x06\xf09\xbe\xd1/\n\xa2\x19\xa5 s\xae\x9a\xda\xe4\x7f\x93@\xa7\x1f\xa7TT\x97J\x89\xfa|\x93\x97\x12\xba.\xfa#\x14\x1da\xd6K\xc5p\xd1\x04%\xa7\x8a}\x8d\x14V7`\xea\xf7k\xa0G{\x99\x93kW\x98\xe2\x8e\xc8*\xe6\x99\xce\x91\xa4\xc3\xab\xc8PX\xbf\xb9l\x92\xd7\x13\x95Pe\xb0\xa0i\x0c\xeb\xca\xd5\xfa\xe8\x9a\x19\x03\xea\xdd\x84\xfen\xd8\xd0\xd9\x8e\n}D\x8e\xaf\xd3\xb5Q%\x1a\x8f\x92\x11\xdfU\x96\xb4\xbf\xa6\xc2\x1cE\xd9\x04\x97X\x0fi\x8b\x97?\x93ke5\n\x8b\xc5\xb7\x00\x00\xe0\x1bt\xf9\xbe\xd9\xb6\xa9\x06\x8d\xe7\x88v6\x948\x93\xae\xcc\xfd\xf5\xd0\xae\xc7\n\xfe\xa2\x08\xc7\x80\x0e\x1aF\xef=\xfckJ\xf2\xb8\x8c\xc2\xee\xca.\xe5\x08j\xd6\x891\x91WNz\x99\x87v\xaf#\xf2\x12\xf5\xfd\xf9\xc9\xf2\x89\xa8\xb2\x1b[\xf3\xe2\xff\x82\x03\x95\xcf\xda*P\xb6C\n\x96\xa7\xc0\xdc\xa4\x1e\xb5#g\xf6\x91\x0e\xd1\x00\x1f\xce\x8f\xcad(\x93h\x1ey\xc6m\xc8:\x12\xd1{\x14\x87\x84\xb0\x1d\xc6\x1a\xf5\x8f\xa9\xa0\x80\xaa\xd7\xa8\x13\x83\x0e\xa0_\x02\x00\x80\xd7v\x99\x82H\x00Z=_\x80\xf3\xb4j\xe1A\x13K*\xcf\x13\x96\xac\x96\x1c\x92\xb8\xb6\xc5\xe5G=\x1c\xdb\xb2&lt;\xe5\x13\x1b\x17\x8aO\x8d\xaaqEHm\xdf5:0\x9c)\xfa\xca\x12\xe4\xde\xeb}\n\xa5\xeb\x00\x08\xab]o\xc72\x01(\x13A\xa5\xa7J\xcc\x11\x87\x13%\x9d{HU\xa1\xf6\x18J\x8f\x86F\xb02\xca\xa2\xcc\x06P\x96\xc0\xcd\xc4]\x84\xb6`\xe5;\xbbS\'\x80t\x85\xe21T\x94\x15\xaa7sz0\x81^/\xfe\x85(go\x9a\x99X\x91\xe5\xd5rZ\xa2vd\xca4\x13@\xc5{\xa5\x0bR\xaern\xff\xc8\xbcQ\xe4\x17\x11\xdb\xcbvx\x8e\xe2\xb0+b\xeb(8(j%\x9fX"Z\x02\x0bI=\x9a\xa9\x9a\xa5\x03\xe9\\(\xf3}+|\xb4kr\x83n\xc8\x9a\xdc\xaf\x15Wy\x0e9XtCcEM\r\xc7\xcf\xa0\xca\x99\x1dR\xef\x16e\x98\x86\xf4u\xda\x9a\x04@\xd1\x17Y\xa1j\xce\xc0\x18\xb6\xa8\xe4$ty\x9aG1\xb4\xc5"\x17g\xdb|\x9f!\xad:s\x1e\x8a\xd9n\xb6\x81\xd86\xe3h\x0f(n,\x1e\x95\x8b\x17\xa1\xb1\x9c\xa7\xf95\xd1SJ[\xa8\t\x1c\xca\x05\x85\xd5}\x86m\x1a\xc0+\xe3\xbe\xef\xe7\xd1\x94\x90"\xe8\xf0\x94L\xa5\x86\xceA\xe5Nm\xd4\x80\x00\xf0\x8f\x10\x0e\x1d*\xeb\x92\xdd\xbe\x8b\xa4Fz\xbd\xde\xdb\x87u\xf8[\xa4\x0e~\x9ev\x06x(\xa7C\xe7\xdfE\x99H"*\xab\x9f\x94U\xfaQ\xc9w"\xb6\x94\x14\x86.\x86M\xba\x104!\x84\x1f\xb3$\x00q\xa5\xf9f\xd4\xd1KT\xd8\xb4WX\xd4@\x13\x80\x92\xe7Y!\x94\xc3\xe7\xb961\x82\xac\x9d\x96\x8fRj\x13\r\xa9\x94\\\xc3PEV\xcd\xa7L\xcf\xba\xb2,r\xb6\xaf\xbe\xec\xec\xf3\xc3^\x99\tu-\xef\x17\xb3\xa0\xd1\xd0\xcdx\xe9\xd6#\x81\xbb\x83o\x1a\xa8\xa0\x93\x85r&amp;0\x95\x94\x0e5\x82\xce\xf9\x1cw\xdd\xca\x88\xa5\x93R\x19\xd4\xb6TGP\xbc\x86{\xa5\x97\x8bYX\x89\x15\x0c\xb3\xbe\xba\x1aBRR \x04\x80\x9f\x17\xb9\xb4\x839\xc2F\x1f\xca\nI%\x91\x0e[\xdc\x8a#X\t\xb2\x8a\x93:\xe6\xae\xc4,\xa3\x8f\xda?\x1d\xa7\xd1\xc3\xb7^\x1b\xd6F\xb7\t\x8du\xf4A\x8dJ\x00</t>
        </is>
      </c>
      <c r="E37" t="inlineStr">
        <is>
          <t>&lt;class 'numpy.ndarray'&gt;</t>
        </is>
      </c>
    </row>
    <row r="38">
      <c r="A38" s="1" t="n">
        <v>36</v>
      </c>
      <c r="B38" t="inlineStr">
        <is>
          <t>steps_per_sec</t>
        </is>
      </c>
      <c r="C38" t="n">
        <v>600</v>
      </c>
      <c r="D38" t="inlineStr">
        <is>
          <t>10.359443</t>
        </is>
      </c>
      <c r="E38" t="inlineStr">
        <is>
          <t>&lt;class 'numpy.ndarray'&gt;</t>
        </is>
      </c>
    </row>
    <row r="39">
      <c r="A39" s="1" t="n">
        <v>37</v>
      </c>
      <c r="B39" t="inlineStr">
        <is>
          <t>Loss/object_center</t>
        </is>
      </c>
      <c r="C39" t="n">
        <v>600</v>
      </c>
      <c r="D39" t="inlineStr">
        <is>
          <t>1.1464125</t>
        </is>
      </c>
      <c r="E39" t="inlineStr">
        <is>
          <t>&lt;class 'numpy.ndarray'&gt;</t>
        </is>
      </c>
    </row>
    <row r="40">
      <c r="A40" s="1" t="n">
        <v>38</v>
      </c>
      <c r="B40" t="inlineStr">
        <is>
          <t>Loss/box/scale</t>
        </is>
      </c>
      <c r="C40" t="n">
        <v>600</v>
      </c>
      <c r="D40" t="inlineStr">
        <is>
          <t>0.16674791</t>
        </is>
      </c>
      <c r="E40" t="inlineStr">
        <is>
          <t>&lt;class 'numpy.ndarray'&gt;</t>
        </is>
      </c>
    </row>
    <row r="41">
      <c r="A41" s="1" t="n">
        <v>39</v>
      </c>
      <c r="B41" t="inlineStr">
        <is>
          <t>Loss/box/offset</t>
        </is>
      </c>
      <c r="C41" t="n">
        <v>600</v>
      </c>
      <c r="D41" t="inlineStr">
        <is>
          <t>0.37073514</t>
        </is>
      </c>
      <c r="E41" t="inlineStr">
        <is>
          <t>&lt;class 'numpy.ndarray'&gt;</t>
        </is>
      </c>
    </row>
    <row r="42">
      <c r="A42" s="1" t="n">
        <v>40</v>
      </c>
      <c r="B42" t="inlineStr">
        <is>
          <t>Loss/total_loss</t>
        </is>
      </c>
      <c r="C42" t="n">
        <v>600</v>
      </c>
      <c r="D42" t="inlineStr">
        <is>
          <t>1.6838956</t>
        </is>
      </c>
      <c r="E42" t="inlineStr">
        <is>
          <t>&lt;class 'numpy.ndarray'&gt;</t>
        </is>
      </c>
    </row>
    <row r="43">
      <c r="A43" s="1" t="n">
        <v>41</v>
      </c>
      <c r="B43" t="inlineStr">
        <is>
          <t>learning_rate</t>
        </is>
      </c>
      <c r="C43" t="n">
        <v>600</v>
      </c>
      <c r="D43" t="inlineStr">
        <is>
          <t>0.00034000003</t>
        </is>
      </c>
      <c r="E43" t="inlineStr">
        <is>
          <t>&lt;class 'numpy.ndarray'&gt;</t>
        </is>
      </c>
    </row>
    <row r="44">
      <c r="A44" s="1" t="n">
        <v>42</v>
      </c>
      <c r="B44" t="inlineStr">
        <is>
          <t>train_input_images</t>
        </is>
      </c>
      <c r="C44" t="n">
        <v>600</v>
      </c>
      <c r="D44" t="inlineStr">
        <is>
          <t>[b'512' b'512'
 b'\x89PNG\r\n\x1a\n\x00\x00\x00\rIHDR\x00\x00\x02\x00\x00\x00\x02\x00\x08\x02\x00\x00\x00{\x1aC\xad\x00\x00 \x00IDATx\x9c\xed\xbd{\xfc\xbfO9\'~\x8dBBrJ\xa1\xd8\x9c\x0f\xc9!\xeb\xb4N\x95\xc4:\x13\x92\x9c\x89\xdd\xcd:Ej\xc5Z\xb5\xad\xb0Y\xf1shws\xca\xa9\xc8\x99J\x12\xd9\x10=B9D\x87\x95B!!as\xfd\xfe\xb8\xef{\xeekf\xae\xeb\x9a\xeb\x9a\x99\xfb~\xdd\xef\xf7\xe7~&gt;\xea\xf3}\xbd\xef{\xe6\xba\x9es\xcd5\xd7\xcc\\s\xbf\xee\x17\xc0\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q\xe2\xc4\x89\x13\'N\x9c8\xb1\x11\x10\x11\x11\xc5\xbb\xa4L\x82\xbaX\xfe\xf3U\x01m\xa9\xa9\xc1\xc7@\xd6E\xceN[%lLsVD4\x1a\xca\xc7\xe6\x8cP\xda\x03D@\xfc\xde6QJ\x9d\xe1F/\x9c!7\xb5N\xc6\xe56\xdb\x81\x92@\x9b\x95\x0e\xc2\xfc\n\x00[\x07\xbc?\xa6&lt;\xc9\xcf\xee\x92@\x00|\x0c \xc2\xfd\xccng\x95\x8c\xd1z\xf0\x90\r\x86\xbd\x99\x06\xd3}\xbb\x8d\x1c\xaa\x05\xbfxkm\x89\xde\xfd\x94\t\x04"\x87{\xd8\n\xf7pN\xd61\xce\xe6\x1f*\x86\x1ay\x1cg\xde\xba\xce\xf0.*7\xe2\xb0\x9b\xa2\xb1\x9a$\xd3y\xc7\xe7X\x1ax\x0f\xd8\xaeW3y\xc7\x19\xa0\xb8A\xffF\xc9\xe2-DK_#Y+t1\xa1s\x80GR\xb5\x9b\x8e\xd1\x879.\x1e\x9a\xae!2\x83\xea\x13\xc0&gt;\x86\xb7t0\xf1\xfb\xde5Tsu\x9e\x12;\x01\xec\xeb\xb8d#\x82,\xabQ&lt;J\xb1cwT\xba\xbaU)2\xc5\xb6\xb39\xe2\xa7Kb\xafVlB\x14;k\xe7\x86LLV\xbf\xddS\xf7\r\x8er%"\r\x1dc\xbfl\xd7\x83\x94X\xff\x08o\xd88\x9b\xb8\xb1\x13\'^&amp;4\x88\x13\xc0\x88\x85\'\x14\x06\xdc!\xfa[z\x9c\x14\xfc\xf4\xcd\xe8\xb4\x9f~y\xebm8\x93\xc9d.\x15\x84\xb7k\xec\t+z\x03\xeb\xc6\xd1\x9f\xfe\xb9\x85\xa2f\xa8\x13\xc0e\xdc\x9a\x0f\xff\x83\xc4\x02\x00"&lt;\\P\x07\x1d\xa7P\x8aRcc\xd8\xfc\x8f\xcb\x18;\xefc\x94\x92v\xda\xa3l\xbd\x85\xb3Z\xcd~N\x00\x17\x87\xd4\x07\x98\x16X&gt;\xef\xcaj\'e\x1d\xe0\'\x80i\x13\xf0\xea\x17XXMv{\xfb!\xa2\xd4\xd9\xbd\xdc\x96y\x07sY\xb0\xaci=0\xe4\xd4\xba6|\xfd\x91H\xaa\xca\x0f.e#^\x9b\x00\xc6\x9f\xeb\x0c\x8d\xc2\xf6\xc3\xdb3\xf6_\x00\xcc\x18\xf3\r\xda\xb3\xbf\xac\xd0W\xc4\xe5\x9d\xa3Y6\x8ebJ\xec\x99L\x81\xb5\x1d\xd6\xa5\xba\xb4\xe6(.\xee\xe6o\xf6 8\x84Q\xa9\xce\x16\xfc\xe7\x92\xd9\x07V\xb8\x97\x8c\xbd\xfc(\\\xf5\xf8\x1f.M\xc0\x8dy\x1b\x1fB\xc8\xae\x00\xbdve\x80\x88;\xd3F\xb9\xd7\x913#{\x11\xd6 \x92\xf0\xc7\xb4k.\x8eyp\x8e\xa0\x14\xed\xb0\x0c\xf80\xb9\x9en.\xc9zF\x8dS\xc5is\xb2\x83]c\xc3TV\xb1 \x80\xd0|\xe6F.\x04C\x08Q\x94$$Z\xdb\xdb\xf6M\x87\x15\x1dA.z\x94\xd5\xda\xb9\x17\x8d\xc2\xafv9\xd5\x8d\x08\x00!\x84@\x8f\x83j\xab\x89C#u\x9d\x9f\xdeX\x9b\xfe\xf0]\x08\x01\x1e\x14\xb0\xb8\x98\x8f\xcf\xd9\xd4\xb8L\xbe\xc9z\xef8\xd1\x7f\xc5X\xc7\x08\x01 \xb0\xed\xc4\xf43\xe2c\xfb\xb5e\x01wS\x04S\xf7idB\x84Zy\xbe_S\xd6\xdc\xecM\'\xcb\x1e\xd1\xb1E!\x04e\xbau\xa5\xfen\\\xe0\x06\x07wQ\xf2\x0e\x1d \xed\x947\xd2l\xcc\x10 \xf9W*\xb0\xa6V\x0c\xfb\xfd\xb10\xa5\x18\x9c%\xdd\x1c\x00\x10\x7fI\x92\x8c\xb54QNr\xce\xa7\xe7\xb7&gt;4\x16\xd8\xd8\xb8\r\xc9\x966V\xb1Z\xdd&amp;;{U+\\\xfc\xb2\xf6H\xce\x03\x00\xf8\xa1\xe7\x04\xe0\xc4\x95\xb3\x96\xe4\xe3\xe5\xd9\x1a\xbd5D\xa3p\xd7\xfdHF2\x13tQs\xc36\x01&lt;\x80-6$\xb0H2\x90\x85_\x0e\xec\xe5\xd2\x8a\xbf\t\xe5\xbb\xa23.\xcfb\xd9T4h\x18\x89\xaa~\xefxI\xfe\xac\xcd\x82\xcb\x87\xab\x17\xdc.\x80\xcb;\x8b\x1f\xc89\xd0&amp;\x1b\x9a,0\xa9e\x1cbc\xf4?\xaa\xedy\x0bo\x19Y\x9c\xf1\xbf[]\xbf\x04\'\xc7j\xa7Sg\xeb\xa3\xf4\xf9\xb5bc"\xa3w\n\\+n6IG&gt;\xcd\xdc\xae*0\xffF\xe8\xcf\x1b\x1b\x7f\x9d,4\xb6\xcb\x9b#\x92^\x90\n\xdbn\x0e@\x00|h\x97\x84_\x19\xc4\xc4\x88\xcc\xc2\x1bYf\r\x10\x03\x05r\x9f\x1bEm&gt;\xf1\xcd\x8a\x86\x89\xf2K\xcb\xa6\x9f\xe1m\x8d|\x10\x11\xf19\xa3\xc5\x1f\x15l\xb0\xd2\x8d\xfb$\xb2\xe8\xf8\xd6\xd1L~\xad\xb82NCE5v\x0f\xc5DZ\x8a[\xab\xe5aY\xdd\xbc\xabA\xacZ`\xfd\xd7\xc5\x96!o\xc8\x80\x95\x94\x8cZG\x86\x92\xc2&amp;[\x84\x86M=q\x88\xf4!\xec\xbeAW\x81\xff\x96\xe5\xb9\xdb8\xbd\xb8\xd2\xeb\t6`Y\x96\xa2[p\xc8.\x0eTQ\xd7&gt;V\x9a\xc3\xa2&gt;\xb1\x00\xf9R\xa8Gc\x19\xc1]\x1b\xed\x86\x96I}\xdd`+^\x94\x8f\x8eI\xcbh\x91\x17\xd3\xd2\x03i\xd9\x8e_w\x81|@\xd5O\xe2m\x873_\x85^\xd8\x04\xf6q\xd7\x9fp\xd4\x08\x0c\x94x9\xec1\x01 "\xde\xb5\xa2\xd1&amp;\xb0\x93U\x03X\xbd=M\xb8.\x8e3c\x8b4\xf4\xa6\x06:\xb8\xfd;\xd7\x13cq\xd0\xef\x01T\x9e%\xa6%\xa7g~\x8d\xa5\xbd4\x86K\xec\xc6\xb0\xf8\xddm\xae\xec\xbbN\x00O,o%Z\x94d\xd1E\x07\xad\xd5\xd5`\x00\xcb\x83\xc7\xa6\x12\xb8\xfc\xf3\xf8\x10\x10\xdf\xd0\x9eR\xd3[\xba\xf1\xc8\xba\xc9\xb6\xe2\xfbp\xa4/J\xde\xa8\x98\xfcSO+9\xa4\r\x1a\xd8_b\xd1\xe5_\xc4\x8f]\xf8+\x92\xf9\x87\x8b\x0c\x8a\x97\x12/\x1c\xc8\xad\x13\xfc\x0e\xa0f\xc0\xd2\x13v\x0e\xf8\xcd\xbd\\V@d\xb3y\x0e\x1a\xfde\xd2\xc2\xc6\xb2\x0c\xeeM\xe5,{\x9avq)\xdc\xb1\xc2)|\xec\x98\xbd\x92@\xc4\xfb\x8f\x168\xca\xb2\xef&lt;\xae\x93L\xc3&amp;9\\\xb5\x97\xdf\xd0\x87\x10\xbf^\x8e\xfe?m\x8a\x9b\x17z\xf5\xb4\x8e\x86\t\x80\x95\xb0\x15=NW\x0b\xcb\xfc\xa4]:\x0b\x19\x9c\xb7)if\xbeJ\x9e\xa4\xea\x1d\xad\xb1z\xab\x85\x86\xe1h^~\x056#sW\x1d{\xe3\x84\xf8\x87\x10\xdev\xfa\x04!L\xce\xeb\xa2\x1c=\xd2\xfe^\x11K\xf96\xb1C\x8c\x9d\x8d\xb1\xe3t\xa0\xbd\x8dl\x98\xa8V\xa4\xb5\x98\xb7\xdcL/2\x89e\x9a\xec\x12\x8f\xde\xc9\xbb\x89|\xc2p~\x1bO|\xdd\xd0*-M\xee\xcd\x7f!J\xef\xbf\x18\x039"/Z;^\x9e\xb3\xb6\x0e\xa0al\xf6c\xd2{\x9c!\x10q\xd03\x00\n\xe3q\xc0\xceS+\xf5W\x04\x00x\x9bi\x1d;\xdd[\xca\xf4JV@G)\xca?K\xe4: Y\xd7\\}\xb9\x8b\x86\xba\xf2\x1e\xc2V\xd7\x9eLp\x90\x9a\xad\x97_i\x05.\xee\x91\xb0mH\xd7\xe0\x9aHH\x1b&gt;\xc7G\xa6J\xf5b\x88\xef\x01\n\xf4"=\xcd\xd9#z1\xe6\xc5,d\xc7\x12\x9f\xeb\x90:\xb7d&gt;2\xdc\xac)\xd2&gt;)8\xe7\xe6\xdd6(W`\x02\xa0\xa8\xe4\x11\xb8\xc2[\x19\x92t\xa7\xd4\xb1\xaeX\xd1\x14Y\xfeb\xf9\x80\xd9\x7f\x13\xc9\x0e\x81\xeb\xae[\x8e\xc9uLMy\xbe\xc7\xe3\x17\xa5\xd9u\x00qj\x1b\x0fe\xe8\xd6^qF\x84\x14)\x94A\xec,\x98\xd7\x02\xec\x1d\xc8\x8e(Bx\xab\xa5\xceR`\x8a\xb3k%\xbb\xe7\xb45s]\xbb\xcc\x8c\x82h\xed\xc2\x05\x10\xe1;\x85dN\x95L\x08[\xf5\xcbN\xd3\xe4\x89\x81\x18\xe8\x08\xe4\xd0\xcc_\xb7\xa9\x1e\xa6pkU\xa5\xf5[F\x12E\re\xd4\x86\x00\x88w\xeff\xa4\xc9\xef\xc7/\xa8=R\xde\xea4s\xde_\xb2\xa4x\xf2)\x15\x92nU\xc9\x91\xae\x14g&gt;aoWg&gt;MgU{\xd68\xb2b\x1d\xd5\x10\x00_\x96(e\n\x8c\x18/\'.\x80A\xb1n\x91\xd6C\xa3G\xaf\xb3v\x9a\x84H\xc6\xea7\xa7\xd3X\'+&gt;\xacpp\x88\x15\xcc\x85~;\x0c\x07\xdaZ=F\x97\xcd\x80F+\xb7\xb1\xd2\xa3\xb3\xb1b\x85\xbf\x1c\xeb+-R\xb5K\xc5J]\xd4\xaf\xa4\x07\x16\xd8\x16\\\xdc\x1b\xaf\x0f\x10\x00\xbfq\x1b\xc9\xe3\x06d\'\x8d\xfdt\xa5\x1b\x0ef\\\xa5%\xc7\x13\xe8\x9b\x00\x9e--\xc4\x8e\xd1\x95`Z\xf3\xd6\xe3u\xbf@\xaf\x91\x1b\x0c\xa8\x84fK-#7\xde&amp;j%\xae\xbc\xa2AWT\x1f\x05,\x19\xa31\x8f\xe3\xb7\xc7\xc5v\x16\xba\x01\xad\xef\x8d\x0b\xdbj\xef\x9ecb\x13\x94\xb6\x1c\xa4\x83\xab6\xb7w\t\xaa\xd2\x10\x9fi\x0f\xb2\xf1\x06\xb5\xa4\xabQ\xf7\xb2\x97&amp;\x8a\\\x1eX\x9e\xaf\xba\\\xb7\xc7\xd5\xd10y4\xfb\xb0ev9qI\x1c\xad{F\xa6\xe6w\x9f\x00\x94\x0cI\x8b4|4r\xa1\x01\xd4\x11;\xbc\xbdv+*\xd9\x8cT\x94\x96\x0f)\x0bs\x13\x80\x00\x03\xb1\xf2\xb4\x00k\xe9\x14\xafIY^\x92\x96!\xee\xda\xe9\xea\xf5~i\x9fZL\xac6\x1a\xa2W\xe0)\xa0\xcbF_\xec\xe6\xd0\xb3\xc2\xcd\x07!\x19\x9d\x1d\x8c\xf6C\xc92\x90g\xf2\xea\xd5\xeb\xcd\xbcg\xe0\x1e\xbd@\xac,\xda\x06\xceCDHq\xd6m\x13\x8f3\xdd\xe9\xbf\xd5\x9fI4\xf1\x16,\xfck\xe2\x13kI\x95%\xdf\xfd\xfc\xd5\xe5\xaa\xb3\x9c\xcb\x94&lt;=&lt;\xee/K|{\xe5\xdb6\x00mQb\xaaY\xfdf\xc9M\xe0i\r\xc2\r\xb8z\xcf,M\x1b\xd4}\xbeR1\xe9\x82\xe5\t\xe2\x16\t\xf3\x90v\x13F\x00\xc0\xdf\x05x\xa7\xf9\x8b0\xe9\xc0\xe8l\xfe4\x8c\x0f\xf8\xb5\x14\nKG/\x9dS^_\xcdUJ\xd0\xef\xaa\xea\x12\xbb\x15\xd1\xf0\xcf\x01\xde\xa4\xfa5\xc0X\x8b\x95\xb3^,\\n\xf6F\x8aBW\xd9\xb3\xae\xc6\x1ag\xc4\xe2\xdbm\xee\xef\x88\x95\x8a\xc87\xdar\x9a,+\xf7\x80*\xcc^\xaf\x92v\x81&gt;j\x10\xd1.\x1a\x97\xb8o-\xbfY\xa4\xbe\x02;\x80\x0c\xfb~\x81\x0f\xc1\xfaK\xd9&lt;B\x08\x10\xdcQf^s\xc1;\x01l\xfb\xf5\xcbc\x02\xa3\xd9C\xfe\x0b\xf5\x19$\xbb*_\xf6\xc9&amp;R+\xa5\xdb\x90\x83q1J\xfe\xa7\xe9\xb6Q&amp;a\x91\xc7\xeb\xc5\x01\xd2be\xc5\x92\x12\xf9Zo\x03\xda\xbe\xeb\xc0&gt;\xfc\xae\xec\x16\xd8\xe8\x1f\xb5\x87\xb0\xcd\xa6?\xce\x91\xafi\xaeA&gt;W\xd7L\x9b\xbc\x8d\x92\xa8\xdfN\xf6\t\x11\x96\xdd\xb6T\xa0?\xdbH\xb7\xdc}\xf9OI\x05{\xab7[\xda\x89\x9e\x8c\x99C\x8bG\xc3l\x8e\xf7\xcd\xedV\xf4\xd2r\xfd7\xf5\x13\x88\\\xf8"jm\xb8\xecT\xee\xdei\xee\xcd\xdc\x0f\x19\xaf\x14\xaa\x90\xcfF\xe1\xf9-\x0b\x13o{\x0c\xac\xb4\x8a\xbb\xb8\xa5\xa2\xfdD/\xecF\xa4&gt;\x82\xcf\xd3\xea\xa2\xff\x87\xd4\xeb\xaa9?Gn`tkQ\x0b\x0c\xd2uq\xe0]\xfa\xaa\xd7Ba4\xa6\xc5b{\x9a\x15\xd7\xd9\xc5PR(\xe6\n\xbcR\t\xb6\x96=\x92\x0f\x9c\x00z\xf0?\x9aj\x1d| \xddh\xd9\x85\n\x96\x87\x11\x00\x96\xed\x1e\xe2\xfcr\xb7\x9dN\x1d\x8a$\xef\x16Z\x17-G9\x05\x88\xadf\xf2\xf57\x87\xf0\n\xb5n\x9f\x13K\xa7\x08%7\r\xcb\xfb\xdd(\xff\x97\x01\xdc2\xbdH\x83\xf1\x0e\xa6\x9f\xfb\xb8Z\xccvH\x80E\x8e\x1b\xb3\xe3\x07XR\xa6\xae\x13~\xcbk\xbe\xc8\xa8\x9c\xaa\xcc\xff\xb5\xa8\xb1\x01\r\x03|&gt;\xcds\xaa\xde.}?\x04W\xef\x0c`c |w\xfe\xf2\xaf=\xfbo~\xfbX\xfa2\x14$\xff\x0e\xc5\x9ap\x88k@\xe3\x8al&lt;\x17!\x14\xe8\xd1\x7ff\xd3\xc3\xa7\xb1wo^\xca\xc8\xf8\xbf\xdeBl\x9d\xde\xc8\xdd\x1d\x96\xb0\xc1\xa0\x11\x91\x1e\x84h\xb6\xa8\x0e\x04\xd7\xf3]&gt;\xd0\xd7\x13\xc5\xe3\x9dqO\x0ce\xddTa\xe1|T\xe9\xc8\xd1\xff\xc4\xd5\xc0\xf0\roLk\xe4Z\x0c\xc1\xf4r[p\x06H\x9eX\xaf\x12j`,\xe5\x1e\xc8\x94)Z\x83\xcdWx\xd3\x18c\x93~\xec\xf5N\x99\x9d\x0cmy\xb3\t\xff\x86\xd6\xf2X\x91W\xc7\xf6l\x95\xdb\xe2\x00\x0e\xa5\'|\xd8\xce\xb6\xcd\x0e\x8b\xe9\xe7k\xd0\xfb\x92\xc7\xeb\xf6q\x05/+\x93\x8e0d&lt;\x83\xb1\x9f\xa0d\xc5\xb2\xf8\x80E1v*\xe5\xea\xa6g96\x1b""\xe2-c\xc9f\xbb\xa3\xfa\x1a\xb8N \xf9\xd0\xac@\xa7\'5\xdc\xdb \x04\xc0\xef\xad\x8b\x85\xb8\xe7\xb6\xed\x0cN\\\r\x8c\n\xdc\xf8\x82\xeb0\xff\x8b\xaeo9\xe5\x1b\x11M\xd6\xa8\x8a\x88\xf8\x82Ni\x9a"C|\xc9XA\x11\xa9\xa5\xea\xca&amp;\xc0\x18\xeb\xd9\xf9\x8f\xd5\xdelyW\xaf!&gt;\x80\x95 \x97\xb7\xd3Pn\xd5\xaddR\xd1\x9d\x11\\\xf8\xac\xd3\xc39\x01\xec\x8d\xe1\xf6\xb6g\xb7m\xa2\xc6D@\x00 \x9b\xda\xbd\x11\x93\xfe\xf9\xf5Z\xd4\x1b\xd6\xf6qf\x14\xe47*"\xd16\xc93\x94\x0b\x08\xa3\xad*\xa1M\xaaK\xab\x17\xf4\\pM\x00\x159\x1cOS\xddZ\xc9\xd5\xce\xb8vA\x0b\xc3\x11N\x85\x05:\x05\x9e\xb8$\xd6\xc1&lt;B\xda\x87\xa9\tt\x97\x92\x81\x8e%Rj\x15u|\xbf\xd73\x1be\xda\xbdU\x0b.\xf1\xe8\xcb\xa9\x1c)&lt;\x94\x13\x0f"&gt;\xa9\xaeB\xd3No\xb75C2\x82/\x81\xde\x11\x13\xabUt\xc9\xf5\xea.65 \x07\xb7\x84\xa1\x94N\xf4\xc2\xd8\x91\xf5\xa5\n\x1bm\x97\xb1\xa4\xa8\xf8\x14A\xce\x98\xc4T*\n\xf1e\r\xc3\t\x85\xd6\x1d\x10\xc6\xd1i\xeft]\x91\x9b\xd8\xa0M\xe7\xa8\x8eh\x0ed\x92\x10DD|Fz\xddP\xab[\xb5r\xd7$\xa7\x9e\xe4d\xca7\xfb\xc0\x89M\x90\x07_\x06|-{\xa7\xd4\xbcD\x13%\xdd\xcd\x13\x08C\xd7\xda\xa5\x1cE\xb2tg\xba\xd6\xc0\x86\x15g\x8c\x80mM\xe7:=\xf5\x8a\xaf^\xcb\xfc\xd7\x16\r\x8d\xc0\xe5\x08\x81\xbf\xdb,\xb6o2\xa8\x9a\xabAHv\xddU\x85\x14\xb8g\xbc\x8e\xc2W\xadp\xf9W\xd1\x92\xabS\x9b \xdc\xac5D\xaa\xe6\xd4r\xa2\x17\xf9Po\xda\x9c\xb2\x85\xacuk\x8a\x84\x19H\x94\xd37\xb6yJ\xea\xa8\xebUj\x916R\x87\xa6\xf7Ca\x9al\xcc\xc4\xb6\x86\x92o\xec\xa1\xd4\xd9\x9cl\x8c\xc8!R\x8b\xb3^\x0e\xd5U\x0e\xbd\xaeDm0D\xd5&lt;\x0e\xa8M\xe0\xff4\xb5\xa9\x8e!\x9b\xbf\x13"Dg2L\xd4s\xb8\x94\x16\xadf\'h\xe8\xe0\xcc/\xf5\x14vM\xd4\xd4\x84_\x02q&amp;\xfb\xe9\xea\xa8\x1b\xe6\xee"\xc9\x8b\x84\xdfL{Nbk:\x96x\x87\x88\xb8|\xc1\xcd\xbb\xae\xec\xb1(+\x00\x01\xfe\x8bK;\xe2\x97y\xf5\xd6$\xdbU\xeb\x85c\x11\xa5$\xbdc\x14[H\x18\x1c\xe2;\xed\xd3\x83+\xf9=\xb5y\x8f\xdd\xf4\x9a\xcc\xc9\x9a\xf1\xdd\xb3{|#\x7f\xa1\x1a;\x92U\xea\xe2#\x89\xc2\xe5\x1b\xed\xd3\x92I|u\xed\xb8\x8eW\x14M\xeb\xb6Q\x16vI\xa3\xf6\xc1\xfc\x0b\xb1\xf6w\x80\xb6\xc0\xd2\xcb\x90\xbc\xfdX|{s~\x0bf+\xf4\x98\x14\xff\x16\xc2\xebr\x94\xa6\xb7Y\xc8\x8e1\xd0g\xbcPl\x92\x97\x84\xd9\x1b\xa7\x10!\xbf*|\x96Q\xc4Vr\xbd\xdbqqyu\x84\xf1m\x1c;\x0c\xa2\xab\x8a\xa76\xd5\xe2\x97`\xe9V\xb1\x93\x98\x93\x0f \xc0]\xc7\x88b\xc8g\x1b\xa0d\xd9\xbbAC\x11\x9f\x8d\x00\x0f\xeb[S\xdb\x89-=\xf6DK\xc7\xb5\xf5\xef\x0e\xfep_\xa2EIj\x03\xd7\xc5#\x97\x9cx\x87t!l\xf8\x1e5\xc94\x9aT\x98hx\x97\xde\x0e\x9bH7n_\xdc\xcasG\x83\x82\x83]\x04"&gt;K\x92\xb0{\x98:"\x86[\xe1\xaa[v\xd9\xe4\xbem\xfc\x13V?\x9e\xael\xdb\xb8\x98+C\xc4\xaf\xdfP\x0f\xd1\xc8f\xf9\xc5\xc2x\xfb&amp;\x157\x0e\x18c\xd6|\xc6\x18\x1b\xd7xZO\x0f\xb6L\xd2CziR\xfd\xf32\xabK\x05\x07\xaaw\x07&amp;7\xe8\xce\xa2\x9a\x07\xb8\xe0\x86\xd7\x08\xdc+\x85\xc5\xa9\x86lh\xef\xf6n\xcbI\xfd\x16\xea\xf4\xa4\x99CN\xf5W\xcc\x8e\xeaZU\x8f\x8a\x91\xa8\xf63mu\xdf@\x92w\xf22\xf4\xd7s\x88j\xce\xb3\x95\xd6\x1b\x95l\xdc\xd4an\xd0\xb7\x81V;&amp;\xbb\x7f\xc0\xa5a\xcf\x9b\x17\xe9\xb2bM\x19y\x04\xb4\xe9m\x06.\xe7n\xdb\xad\xd2C\xfc\x87\xea-\x99\x00\xfcl\xa7\xa6\xa3n=\xab\x1e\x95\xbe\xa3\xd6*S\xb9&gt;6\xae\xb5\xd9\x14\x11\xf1\xbf\xaf\x7f\x0e|\xa7\xe9\xa8U\xca1\x97\x0bG\xc1&gt;\x9b\xb5c\x8e\xd8f\xac;\xf4\x02`\x18HE\xf5\xe1\xf4\xdc/]`\x18\xca\xbdfd\x9c\x9d\x15\xe1\x93\xe1\xe1\xd9\x95\x1d\xbd\xe2\xaa\xf8_|B\xa6\xdaYC\xac\xd7w\xfet\xe1lO\x86\xe30\xb9J@\x04\xc4\xc7]\x9a\xc5UB\x19\xf4\xb9Y\xc0\'as\xce\xe6\x044a\xd8;\xa2\x90\xbc\x11l\x96y\xef\xed\x9f"5\x97ik]V+\x0b\xd6Czs\xa3\x87,\x86\xbbY\xe4\xc8\xae6\x96\xcf\x0fd\x1b\xd2f2\xa58{k\x9f\xc1u\xe2\x06\xc2/X&amp;\x80\x9a\x90XL\xaf\xb1\xb3\xeb\xda\xdb \xdd\xc5\xe2\xe1\xee\xb1\x91q\x14\x92U\xf6|\x05\xf1u+\xb5\x80\xeb\xaf-\x1a\xa8?\xdd\xd4(s\xc7.\xa0\x8a$\xbd\xfeA\x93K\x16\x0bx\xca\xf7\xe3\x06=\x03\xb8B\x18\xeb\x02\xe9\xef\xe3\x06\n\x9a\xb3D\xc3\xc3\xaaa\xce\xe4\x069K\xb9\x89\xf3Z\x06\x85\xf4\x008"\xe2_\x83lT\xa4\x9f\xb2"\xfca\xe6\x88\xe4\x8ck\x9c\xe3\xfcp\xcd|\x88\xba\x9a\xe3\xe5XN`\x19\xd5T\x08\x00\x00|\xba#\xc3l\xe5\xb9\xe4\xc7H\x18\xed\x8a\xe0{N\xbd\x8b\xae\xd7S8\xac\x9f\xe9\xf0\x89w+\x1a\xf2/\xee$\xf72\'\x9b\x7f\x95\xd6\xc0\xfb\xc4\x05QuP\x1c\x1d\xc7;!.j\xbe \xa6\x17\xea\xd5\x1fd\x90\x19o\xc1\xa0X\xa9\xb2\x127\xf5\x94\xa1\x12\x89\xb2[\x8b\xc0\xf9\x96.P#\xa6qv\xae!\xf5\r\x9cY\x17{]\'\xcfi\x13\x14Uv\x99\xb6v\x1a\x98\xe7\x05\xdc\x82\x05u\xe4\xf3c\x94\xe4L\x83\xe4B\xd08\xd6\'.\x07\xd6\x1b\xd8|\xc2n\x94\x1a`\'\xc7&amp;\x7f\xf4\xf1Ike\xd7\x07"\xca\xb7\xec`\xa4\xea\xb3\x04\x8eZ\xd6Dc`{x,\xbf\xb8J\x8c\xd4\rq\x91\xcd\xda\xeb\x02\xf2\x88l\xd44W\xbc?Qm\xd5*0\xf4i\x97\xa4)\x05,\xa2\x1a\xb5\xdb\xcb{\n4\xd9\xe3\xc4\x15\xc1\xb5\xef\xdd\xf2\xf4\x8c/\x16\xd7\xd4l\x82\xd5\xa8\xcbP\xb65\xc2$\xdc&amp;\t7\x95\xe4\x17\xea\xaa\xd1\'\xde\xd5\xc2\xa2\x87\xb9\xab\xee|`\xf0\xfd\xe9\xf4f\xd12\xfd\xef\x87\x1a\xf5\xaeB\xda\x1a\x99\xb7\xc2\'B\x9e\xbf\xf3\xfa\xad\x8c\x14\xd5(\xedA\xd9\xc2c\xb5_C ~\x82p\xbd\xd9\x9d$E\xdfo\xef\xb9\xa4\xe2\xc6\xc9\x8d\xed0\xd6\xfd\xaa\x1d\xc2N\x00l\x99j]\x91\x80Au\x16\xeb\xe3\x92\xbc-F)\xad(\'H\x1d&amp;uM\x81x\xd5\xfec\xbev\xad)\xa0\xb6\t\xa0\xb5\x99\x159\x86\xf2\xf9\x15\xd2#\x9bg#\x8b\x0f\xd5\x92\'D\xe0\xf2r]$N\x89\x9e\x87\xfc\xa4\x98\xa2\x94o`\xf8y#T_!\xfc\xcf\xe2\x8aw\x84\xb3\xe5H\xa0\xb9I\x0f=\x89\x9b\x12I\x8c\xc4g\x86\xdf\xad\xebz\x10\xd5 io\x88\x8c\x88$\x95\xd4\x17Uk\x8a\x10\x11\xdf*\xfd\xd3E\xb7\xa7\x99\xac(Gy\x91\x0c,\xd1\x03\xbe\\\x16\xbb\x91I\xab\xb8\x88\xd2\xc3\xa14B\xf3\x98IWv\x92:\xba*\\\xaft\xd2F\xbc\xeb,\x19\x7f\xb8A\x1a\'\x7f\xab\xa1\xde\x06\x96\x8c\x8b"\x1d\x8d\x8c\x90mN\x08\x1a"Q9\x8b\xeb5\xd7X\xe3DO\xa3\x8c\xc5\x1a\xb4\xd0\xf5\x96KNY~\x83^e\xf5\xaad\xf8x\xb2\xd6\xb2\xef\x05\xabn\xe0\xa3\xed*=\x08\x87|\x0c\xb4x2\xadx\x02Oy\xf4p\xc5\xdc\xab\xc9.V+]/\xb3\xe0\x0b\xb8\x8b\xc5S\x82O\x9c\xbf\xef\x1e&gt;\xd1"\xf3z`z0T\xe9\x9blT\xcc\xa5\xf3\xee5u\xae;\x94$b\xbf\xc4\xf1u\xff\x18\xbc\xe2\xb4\x87\x88\x88\x0f\x905\xc1\xfcre\x9d\xce\x9e_\xf2_tM\xafJ\xb6!\xa6\xea\xfa\xa3\xd3\xdc\xd81/Y \x99\x00\xe1~Y\x9e\xfe\x91\xde\xfc\x83\xfc)\xe8X\xa0\xf6N\'\xdd\x0b\xbdM=_\xf9PA6)cmQ\xe6Z\xb04\xaf\x8f\xf6\x01Y\x95\xbc|\x94\xcc?\x1f%\x88\x83+\xf7%\xf5]\xa5\x96\xbf\xbf&lt;\xeb\xd7\xac|\xb1b\xacT\x84\xac4J\xc7\x0f^N\x99\xa2\x9c\xa4P\xec\x85kw\xdc\x85/\xc2\xb6\xa2X/\x17#Ea\xbd\xc5\x88\xb2tDyY\xe9G.\xdf\x90d\x0e\xaaL\x06\xb4\xea\xc4F\xb0\x8c\x8d\xcb\xc2\xb1\x1c\x1b\xda\x86\xe1\x16A"\x16\xf1\x1e^\xf9.*\xd5\x10P\xab\xde\xa2\xc5\xa5T*\x94%$Gy\xe7\xd6^\xbeJ\xff\xe1\xe9\xcf\xfc\xd6\x16J\xebd\xda\xa7\xff\xb9\xb2$\x01m\xdf\\\xdb\xb9\xe17\x16p\xd0\x8f\xae\r\x1c\x1b\xc3\xbb{\xcb1\x0b\xf8C\xeb\xe0,\xb5Xt\xea\x96C\xbe\xe4\x8c\xffW\xcd\x90\x16\xba\x0c\x8cxu\xf6\x8am\xf2\x97\xb9\x8d\xd8\xd3\xb6&lt;\xach\xf1\xefH,\x84s\x15]\x82\x19\x15\xfc\xf5AZ\xbc\x88\r\xb4\x10\xb8\xbbg\xd9N\x8b\xf54\xb1\x7f\x93w#\xa2:\xc0\x1a\x04\x0e\x102\xba\x0b\xfbe\xc5\xbd*\x7fka\xdc\xec\x81\xe2\xb0O\x95\xa6\xf1\xf2\xbb\xe2E]\xb2\x8f\n\xc1\xb7\xc6\x8c\x8a\xb9Mvu\x8b\xb9h\xa3~2\xeaz\x16-S\x11\xa2\x90\xd9|\x0e\xdb\x02\x19WW\x13\x86\xb7\x11\x97\x99\x98\xbd\x95\xa9\x8b\x1c\xdbh\xd8+RE\x88\x88?\x9b\xf7u\x83\xf6\x1b\x11\x88\x88O\xba4\x89\xdd\xd1\xe6(4\x16g+\xbeL`\xdbz\x90\xa5$\r0\xa5\x8cA\x91\x8f\x95\xa5\x8c7\xceJ\x85\x11\xf3\x88\xff\x8e}\xf3\xb7%\xcb|Y\xb0\xcc\x12O3\xdbv`+\xa32\xbb\xe9v\x0b\xbe\xa5\xbfMj\xab\xca\x0f\xea\x01\x17\xc4q\x87E\x8a5\xf1\r\xf0\x9c\x8e\x94\x0e""\xbe\xb3+T\xb1d\xb2\xea\x9d\x02Sz\x15Q\xe5\xf5ZP\xc8h\'\x8b\xfa\x1e\xb6\x94\x80\x85v\xd5\\\xecz\xbf3\xbb\xf2\'Qc\xc1\xa7C\xea\x00X\x8c\x06\xa4\xcbl\x85\xf7\xa6W\x94\x1fF\xc0\xa0\xab\xc0P\x0b\x8c\xc5!\x1f\x03\x9d\xc0\xf5\xdbl\xcdiEf\x94\xf16[\x90\x9bA\x7f\xff\xed\xadg\xb6\x81\x8ekO\xbf\xff\xce02\x00\xf8\xd8\xf2Z\x87d\xc3\x03me\x99\xda\xcfK-\x9f\xb2^\xb6=&lt;g\x19\xd4\x94\x80\xf4.\xcfjE\x88\xbf\x12\x95\x951\x1b\x97\x8d@o&gt;_J\xc4\xc6)\xd0&amp;x&lt;\x8c\xaaq~\x0ffY\x9d\x11\x88\xe3~\x1b\xab\x01\x0b\xcb\xb7\x8fW\xbc\x13\x82\xbdtj\x91\x10m\x14\x00\xf4H\x90-A\xec\xdc\xae-\xc4\xbc6\xfe,\xe2S\xbd\xf3\xff\x06\x04s-\xf4CT*\xb5B\x17\xd5I\xb7l\xf2\xc1=\xaa\xad\x8f\xec\xa1\xca\xae\xdd\xeeW.\xf8\x97\xabn\x1a\xcd\xd9\xed\\\x0eY2?\xdb\xa4\x97g\x9c_\xef\xa6F\x1b\xc8\n\xad\xe4X\x8a\xf3*\xb3^7}\xf1XB.\xbcF\x8cs\x02\x88\x18b\x86\xaaA75\xf6E\xba\x13\xf1\xa5\xa6X\xc3\xd7%\'\xc6\xc3\x99IL\x86\xc5\x88q\xf1f(\xb2\x84\xb5B\x0e_\xd5~\x0etAD\xbe\x98\xfc9r\x06\xa8\xca\xd1\x8e\xdc;\x16\x19JE\xc4\xd7Y\x8b\xd5E\xfd\xbe\x91\xc0\xb1|\xf7\xe0\xb08\x17-\x90e\xc9\xb7\x0e\x16^\xd1\r;\x86\\\x82\xf9\x15Ie\x89\xe1\x83VR$\x96\xec\xd0\x88\x05\xfffQ\xed\x1c*\xf1bg:n\x0c&gt;\xa7\xddf\x02`E)Jz\x86\xbc\xb8H\xeah\xe0T\xee\x13\x853\xa4\xfd]\xf7X_?F?!\xc4J\x86q2hL\xcfM^0]\x89\xb6\xde\xeeK\xf9\xf8\x07\x10\xde\xceV\x12\xa7\xd6cF&amp;\xe3_\x11\x02q\x1c\xbb\xdbD&lt;/y\x8dA\xa7q\x10q\x9f\x97\x1e\xd0\x91\xb3\xef[\x16r\xed\xfbsh\x188\xb9\x04\xb3\xdbL\x81T*G&lt;pE\xbf)\x96\x94*/\r\x97\xf3\x94RM\xbc\x05#\xdcC\x8b\xceN\xa1e\xe0\xda!\x1c\x958\xd6!\xb0\xfe\x0e\x19\xc1\xf6\xbe9s=z\xb4\xd7\xe9\x801\xfa\xc3r\xaaVD\xff\xf8\x81\x8c\x80\x02\x9c\x05\xdc\xed\x9b\xd5\x0fz[K"y\xb0&lt;U\xd7\x16\rh\x05\x7f(\xeaY2Z\xca!\x16\xaf\xd3\xf3c\xe9}\x80Z\xce$Z\x97\xdd\xb02O\x02\x8c\xe9\x0ed&gt;\x190\xfbC\\E\xdd\xce\xfe\xdb\x8d\x00\x00\x88\xef`[\xe6\xbb\xdbXY\xb6\xee\xb5e&lt;\xd6\x040\x04\x99\xddD\xff\xbb\xc4|K\x94\x9bb@6%dDi\xfdy\xa3\xd0\xd7\x9cX\x93\xfePp\x92]i\x90\xb9\x97y/\x1d\xfa\xd3\'\x8e\xe6\xfde\x12\xb6\\\xf6\xa3Y\x8b\x8ab\xa1\xe1v\x8d\xb3\xae8"\x0c\xc64\xce:\xa3\xfa#!#/\x05\x95\xfas\xc4\xfd\xbf\xebf\xc9\xc6\xed\xd9\xb9\xf6T\xeeL.\x98\xa4\xd5\x0e\xd8\xe6\x97L\xe2\x1c\xfe\x0f\x9f4\xbc\xa2h\x0ff\xa39\\\x15\xe1\r\xb9NZW\xbc\xf5\xd5}\xb4\xea\xaa\xc7&lt;\x1bcV\xa7Y\x08\x85\x024\xd0\xc7{\xc5\x91\x86\x8b\xc6\xbb\xb8\xeaP5o\xed\xad\xc2\xdd\x9d\xbe\xa7\x8d\x1fc\xd4\xaf+\xfa\xc5\x92$\xab\xb6b\xfc\xe5."\xf9\x89\x03\x13\x01\xa4\x9f3\x02\xe5\x14k\xdaU\xd8\xf4\xe6\x92\x8f\x7f\x88t\xc2\x88\xe6`j\x97\xbf\x85L\xaf\xd8\xa9\xb8\xd4\xd4\xe9\xf2\xed\xc6\xb0\x93\x08\x0c6r)m\r\xdf\xad\x0b\x8b\xd7\x98&amp;\xaal\x02(\xe0\xe5i\xacBT\xb7\xbe\x8f\xcf\xc5\xcc\x80?\x97OGu{\x10\xeb1o\x9a\xc2A\xcf}\xb8\xaa\x8f\xb2\x0f\xe2\xcf\xde\x10\x13@g\x13\x8f`\xa2G\xd4\n\xe0\xf6\x13\xc0A\x80\x88\x88\xcf\x95\x9ai\x8eP&gt;+\xfd\xe22\xfe\xef\x0f\xc9\x83\x16\xf7\x1c\x1d\xb3\xb2h\xf4\x0f\xe9\x04\xd0\xa0&amp;\xa3\xd60\x03xs&gt;4,\xfa\xb8rS\xd4v\xfe\\\xec\x87*\xba\xca\x02X4ySla\x96k\x1e,&amp;\xf44\xd2\x9bc\x1d\x0e{\x97\xef\xe3\x85\xa5\xd2\xed\x04\xb2\xa2\xfb\xa7\xba\x86j\xf36\xff_\x96\x0f\x02\xda\xf8\x10-\x8c\xb4\x8f\xdd \xcal$-\x13k\x97\xfe\r\x00\x00\xf0y\xc2\x04\xb0\x91W\x1b\x15)\xca\xf7\x9c\x00\xf6\xb1\xc9\xf5D\xb3\xb1\x8e`\xed\xf1\x83?\x15\xde%\n\x11\xf1\xe9\x9d|r\x99\x99|Q\xef\xde\xbd\xc2.\x18\xd91\xd9\xc0\x8b\xc8xsL\xbfu\x81\xf8\xc7\x07\x1f\xf0\xfd\xb1\t\x97\xbe\xd6\r\xcb+\xedb^\'\x1f/\x96]\xdc\xd1\xe2&amp;\xb6\x17Z\xe45\xe0XO\x01\rx\x8a\xe3\xa2o\x1dY\x1f\x9e\x19"0\x15\xde%*\x84\x10\xee\xd4\xc9\'\x97\x99\xfd\xbd\xc4\x85L\xefF/\x82\x89j\xcaqV\xd3\xf7\x89\xd1\x98.j\xc5p\xbee|Fk\x19\xed\xb7\xcf\xb8\xc1\xd0@\xd0)i\x08\t\xf6\xb5H\x89\x96"\xff\xbe&gt;^\xbc\x14h\xd1[\xff\x99\xd8\xb5/\x16\xa6\x0b#\xff9\xedZS5\xbat\xc7\xf2\x18U.\xea\xd2\t\x8c\xab\x81\xb2?\x10\xbf\x16\xae\xd4\x94\xbb\x1b\x1a\x16zJ\xb9\xf2T\xcd\xc3\x84\xe5f\x17\xc0\xca\\\xd3\x17\xc81\xb7,N\xa3\x04\xa3F6\x93@Eg7\xc7\xbae\xa7\xa8\xcc\x1a\xaf\x0e\xd6\x87\xcdk\x8f\xd6$\x8d\xf69\x9c\x13\x16\x7f.\x1du7z=\xf0\x0e\xd5Q8\xcaWf\x8c\x98\x0c4}\x89w\x99\xf0!~{\xe5\x8a5fKL;\xe1\xe4\xd2q\xbe\x1f5\xf5c\x08\x80\xe2\x17J\r\x12\x00\x96\x87\xaf\xa7}\xbf\xf8\xdd\xd4\x9a\x16\xa3\xe70\x83\xb3\x90\x1b\xcb\xcc\xce\xb9\x90[\xbf\x88^\x14(\xbf\xdb\xc1\x92Y\x1e5\xea\xea\xc6\xb5\t#\x9c\x81\x8bVa\xfa\x16\xf9E\\-\xe7\x13B vcn\x1d&amp;b\xd0\xd1\xba\xf30=V\n\xa8D\xb6\xbe\xa3)\x85\xc9b\xd1\\\x07\xe9\xcb\x83\x80~\xa5k\xfet\xa4u\xcf\xf2\x9e\xdc\x9eN\xcb\xbf\x88$\xee\xc7kZ\x9aI\x94\x15\xb3\x1c`]r\xf1\xd8\x0f\xbb9\xc2\xf8\xcf(l\xb4\xd8\xfc\xf7S\xf6\xc3\xa2_\xb95\x82\xdbG,\x130G&amp;\x90\x7f\x0f\x81e\x95@2\x8ae\x91\x03\x8d\xdf\xfd\x90\xef\xb7\xe7\x8b\x80\x88x\xafK\xb2\xfaz[\xb1\x8b\xe4\xa6\x94\xf3\xd8}t\xed\x80\xac9\xf4\x8f\x8d\xac\x9d%\x13\xfa\x85\x80\x9c&gt;B|\x1a\x96J\x11\x11\xf1\xa3G5a\x84\x95\nv\xedr:\x19\xb2\x15K\xeb\rk\xf98`\xf1uE\x96#\xe2\xaf\xecH\xea0(\xfbl\xa4\xfbv\x84E\x9d\x04\x02\xe0\x132\xff{Z\xbc\xb55Xb\x91\xf0\x10?\x9aDI6(\x1d\xbaY\x8bF \x99\x00`\x0b\x0f\x19\x0e6\n\x95\xe1I\x98\x15\xc6\x84\xb2\x91#(\xc7\xaf\r\x95\xd64\x01\xc8\x02{\xb8\xa52\x87H\xe2\x85O\xff&gt;y+\r9\x0e\xb4\r\x92\x80$\x87\x1bm?$S\xd6#\x8dzA\xfe\x067\x80)\xbbMs\xd3/\x04x\xf3\x9a\xd2\xcc\xb3\xda\xf3\xe3i\xbf\xe2z^bj/\xae\x07-+\x7f\x85\xaa\xd4|H\xfb\xae\x8d\xbc\xebn\xc6-\x840}:\x8e\x97\xb3vS\xfa\x1dI&gt;=)6\xbd\xe0\xacf\\\xe6(h\xf8\xab^\xa9\xe8!\xe7\x13\x9c844\xb6*sTz\xbd\xc1\xab/.Y\xc2q\x86F\x1d\xab7\x8fz\xc1\xe0\xa0\t\x00\xb8\xc1\xcc\xc4w\x98\x7f.\xb2, ,*\xc6\xb4\x13\x11\xd3\xb3\x80\xf9O#\x13e\x02\xd8\xd3Y\xed\x9dE\xfd\x04\xcc&lt;3+m\x07v\x90\xf3}\x01\x00\xea\x04P7\x85\xd0\x9b\xc3\x96\x1a\x9bE\xd8!\xd2\x8c\xce\xec\x93\t`\xb1\xfc(l=%\x1c\xfa\x108\xdb\xbb\xc5\xa7k\xaf\xc4\xacU\xee\x14\x95\xe3j\xf6;\x04\xa3\xda\x99\x99L\xb1\xa0}s{%\xfa!\x00&lt;\xc2\xc3\xd3\xdb\xa0\xb6\x0c\x03\xcbg\xb6\'YF N\xa7\xdc\x08\x00\xf8\xd4\xb9\xd0M\xc8l\xe0\x8d\xfe\xc9\xe9\xf4\xf2l\xfe\xb8\xd75W\x80\xf8\x99\xfb{\x17;\xac\x1a\x90\xec\xdb\x8a\x05\x13\xed}\xa9\x8dm9\xa8\xa9\xc6\x86)\xa7\xc3\xc25\xb4z\x0c\xd4\x9c\x1cT\x08\xea2\xbd\xf1\xa2\xa8\xe8\xd1R\x95)p\x93j_\xd6\x17\x9b;k#\xb0\xe6\xea\xf5\xa8T\xf2rk\xbe\xe8\x92\x8f\x9d\xcef\x93\\u\x98H\x9e\x16\x18\xdb\x8f\x97\xf2\x89\xc2\x0e|\xbbJ\xfb\xac=\xfbS\xaa\xfc\xe6\xfe\xbb\xba0:\x16)\x7f\xc9\xb8\xe0Umi\x14\x02 \xfe)\xfd3\xabkQ\xddc\x90\xc3z\xdd\x9e\xac\xe8D\x0b\xcbPg\xf9$\x9db\x9b\x98\x95[I\x98X&gt;\xbcqS\x13(%\xad\x00\xe7W,O\\&amp;\x86\xf9\xf6S\x12\x92\x92\xf0\xf2\xb343\x1d\xd3\xeb"\x18\xc2\x89\xb9\xb4ZR\t\xbd\xc5\x87\x1d\x89[\x01k(\n_\xb1I\xd2H\x93\x0e\x95\x16-\x1b,\xd5u?\xee\x92\x1c?\xd4\xde\xa4\xbaE\x17K\xb6J\x02"\xf0_\x9a-\r\xf2\x0ei\x98\xc8&amp;oR\x85c2\xce\xb6\rR\xb2\x9de\xa4\x92\x8d\xbf!n\xa0F\xc3\r\xc7q\x8fl\xb6\xe1\x96\xd5\'\x16&amp;\x95%\xf3\xb7\xdaI_9 \x87\xe5zZ,\x1bi\x88?r\x11\xc6\xdb o\x7fS\xdd\xad\xf8l#\x1c6vwI\xb2\xd4(D\xc4w\x89\x05\x1e\xa8\xd75h\xd7^^\xd4@[\xc7G\xebLl2?p*/\xc6&gt;\x93\x14|3\x8b\xaa\x04\xcfw\xd7 \xea\xd4\xbdE\x8f\x83e\xee\xef\x9d\x0b\x11\x11\xf1\xd6.\xce7"\xca@S\x1a\xe5\x9b\x9a\xba\xf3 \xa6\xb5Pn^g!\xf2\xce4\xce\xef{G\x91$\xbf\x9f\xa7E\x0b+\xbfl\x97\xfdD\xa7\x8d\xb0\xab\x86Kzu\xb1\xb9\x10p\xd3n\xee\xf7j\x95\xb7p\x0e/\x00\x00 \x00IDAT&amp;&amp;\xc2-e\xae\xb2\xb9.\xbb\xa2\xcf\x86U\xdbX\xd0K\x0e\x1fVv\x1c\xfa)\xa0\t\x99]\xbe$}H\xa0\xecl`S\xb1\x17\xb2/\x03\xf5y\x84\x9c\xa2\xef\xe9\x05\xedW\x9dZF\xaf\xb7\x82W~J\xa9\xe1i\rK\xa3\x8a\xf1\x9cxB\xa6\x14\x97\xbdeF\x8c\x95\xcc\x12\xbe\x85\xca\x04I\x97"\x00\xe2\xf3\xa3.\xb6-!\xbd\xbe\xa6e\xe6h\x95+X?\x7f\xbb8\xd34\xd8\xb9\xfdY\x9aM\x1e1\x12\xd3\xed\xa38\xa4\xf1\x1d\x01\xc5\xd7\x1byl"\x96\xb4\x98\xf7(\xe1kS\xe8slvI\x9f\x8a\xf1H1\xbf\x19o\x91\xfe\x89?\xad\xf9Aj\x8c\xaf\xcc\xae\xe7\x85\r+A\xa9;\x10\x01\x7f\xbc\xa15\x8c\xfc\xb6ZU\xe6ly\xc9U\xd6\x92\xadk1c\xf9\xecH`\xb6\xe4\xea\xde\x15\xe1BW$\xf2\xdf:M\x90V\xfb\xd7B{Sx)\xe8]h\xe9b\x93p"\xa4\x98d+*J]\r\x1e\xc5r\xeb\x94\xc0\xe2X\x8fr\xf3\x8d\\f\xc6\xaa\t\xb2)\x14w\xffZ\xdd\xd6\x88\x0eI6@\xd3\x95\xe4\x8b]`X\x98L\xc9\x8e \xbc\x93r\x11\xae\x19|\x0b\xdbF&amp;\x94\x9e\xc8\xca\xc3\x80&amp;w\x0cO\xd0\xf3\x0b&gt;\xf6\xfa\xcc\xc7@fm\x1d\xb7\xc3\x90\xdcU\xaa\x95\xd4\x8d\xe4f.k\xe1\x8b\x0c\x01D\xed\x8b\xbb.G\x1dX\xb7.\x1c\xf2\x19\xa9oK:\xd7\x9e.\x1e3\x16\x1d&gt;\x05d6[Y0\x8d\x92\xd7\x01\x8c-\x96&amp;\n\xb7eQ\xc4&gt;R\xb5\xe5\xabI\xeb\xb7\x87V#\x87\x80\x1b\xe4\x88\x92w T\x8a\x9a\xe2\x0b\x95l\xcfc\x88E\xe4\xaa\x16\xd3\xb3_\x00#\x1f\x85$CV`mE\xa0=\xb8\\\x82X\xca\xcck0\xe6xg(\xd9\x13\x13\xb7\x88\xa7\x01\xe6\x1e\x19\xf2\xf5\xb1\xe8\xc4mr\xf6\xd9\x9f\x1d~\x02\xb0Y\xa141\x02 \xbe\x0e\x00 ~Q\x99\xd5\xbd\x06\x98\x9aD\x9b\x1d\xb2\x18]\x96GD\xfc}\x97\x96%\xa6P\xb1\xf3\xaa\x86KB\'\xea\xa2R\xbb:\xa4\xcb\xa5\x860&lt;\xdd\x16\xf6\r\xfd&gt;0*\xe4\x04\x12\xa4]\xd1!\xe9\x86Z=W\x04\xfb\x8f\x000bF\x8f\xfb\x0e\xa5LWx%+\x12\x13\x13\xees\xe6\t4\xa3\xe3\xed\x91\x92\x1f\xfbG\xdbN\x82\xf2\xbc~\x11\x8cG\x92}+rme\x92N\x1a\xd8\xf4\xfaF\xa6+=i\x1fL-\x8b\xe9c#\x87\xec\xd4\xa4\x9b\x00\xe9&amp;\xa1\xccW\xc4\x92\x9e. \xbd&amp;\xa4q\x9b\xf8\xbbj\xed\xd0\xad\xcb)nKC\xb6!3d\x8al&lt;D\x19+_)\x91U\x9f\xfe\x8b\xf9o;\x0f`\x1f\xf7\xc7\x16iY\x11v\x9c^$\xd4\\\x00E\x0f1\r\xafF\x7fX\x06\xd8\xa6\xd8"\x07b\xd4\xdbXq\xd0\x04\x10\xf1\xb0\x9a\xd8x\xf5q\xeb\x951\xae\x8c\xf1\x7f\xbf`-o\x95\xbcq\x08\x03\x9b\x03W$\x98\xe3\x94\x18\x07\x1b\xb4VuY\x06fg\xc3kuQ\xfdr\x16\xad\xbe\xcf\x02n\xd6\xf7\x10F\x97\xc4s\xf88\xbdb\xa0M_-\xf1\xed\xe9\xdd\xc2B\xbb\x19\xeb\xeav\x8c\xe4X\xfd\xcdq\xf9\xeb\x10\xdb!"\xe2g\x8e\x90$\t\xaf7\xa7\xa1!\xb9\xf7\x92\x0eq\xf5\x820\x08\x92\xfd\x13\xe2\xdf\x00\x17\xeb-\xadk\x0e\x8e\xd5\xe0U-`U\xd1Q\xf7\xb9\xe4\xb3Pl\xd80W\xda+j\xbf\xcaAf\x0c\xb8\x01\xc2\xdc\x92\xaa\xdfs,\x87\x11\xd2\x14\xf9\xdb\x88\xd74fZ\xfbiD\xa9\xd5_i\xbb*N]]bck$b|[\n\x10\xb5]lV\x89\x15WJ\xb6\xd0\xce\x8a\xb8\x1a\xaa\xcb\xb7\x8c\xdf\xdd\xc0\x86Z\xc4\xaf0\xd23\xed\xc0\xe4.&gt;\x80\x01\x0e\xf6\x18(\x05\xd7\x01\x81\xda\xbc\xe7l\xddR\xd7^\xb2\r\xb1\x81]\x0f\tx^y\xbf\xd6]D\xc4\x07\x10\xe3-\xa3\x9c\x92|\x83\x90\x9d\x81x\xa7\x10\x9e\xae\x15\x80\xd5&amp;\xe4\n@\xf1\xab8\xd1\xf8\xcd\xedd\xe3\x0b\xab\xc5\xae\x84\xc8|\x15\xc0M\xe7g\x10\x81\x8f4/\rA\x7f\xc7\x1c\x92\xe8 1\x99S)\xee\xe7qa\xfa\xf5\xf8K!6g\xb2K\x1b\x938\xfe\x98[\xd4t\x90\xd8\xbf\x1c/\x97\x1d,G~\n\xe8M\x8b+s\x7f5?B\xe0Zt\x8cx\x0e\xcc\xa0\xa0SE\xdb*\x02\xe7\x07x\x98Ug\xeb\xb2\xa4\xa1![/\x03\xb3&lt;\x86\x14\xfd\xd7\xfd~A&amp;\x00\xc0;\xd7\x1f\xd0l@\xe5+\x0e4\x99S\xbc1\xf8\xaf\xea\xc2o\xba&gt;\xaf\x1b=9\xd5\xf8F5\xcb\xeb\xad[rV\xee\xee\x9b\x9f+\xf3Vc\x08\xb8Uc\xf4\xf98\xeep\xfe\xf2&lt;\x92\xf7\xaf\x18\xa5)\xcf\xa9\x05\xe13\x10\x9f\x7f\x9d\xe5ySW\x13Nhxd\xad\xc0A6\x9e\xa3\xd0\xe0\xb5K\xc5dOJ\xff|\x90G\x82\x9f\xf2\xdeX\xc3h-\xdf\xea\xcer\xa8r$iY\x88\xe7\xd0\xce\xaa\xc2\x99\xf4\x9aKf\x96\'\xa1&gt;\xe3\x165\xaa-5\xcb$\x84\xe5&lt;\x8c\xd8\x01\xdb`\x07\x157\x04X\xfb\xb1\xab\x91!\x96\xde\xb9\xc7\\\xba,\xeeT&gt;&amp;\x939|\xf4J\\Wv\xdbb\xffA\xa0e\xf3\xeb\xd1\x84\x7f\x8f#+\xa4!\x94d5\x98\xb9\xc4(\xc8\xa0\xa8\xa3nFuu\x1eZ`#\x02\xd9\x91\x8cn\x9b\xf2.[\x9a\xed\xb2\xdd\x1dS\xc4q\x98\xec\x07\xb45;F\xabz\xb1\x11=:K\xb9s\xa7\x18*P\x9e\xc3F\xfb\xa2"g\x1a\xbd\xb7/\xb5\xb7j\xb1WD|/\xbf\x127\xca\xd1.\x90\xa9G\x93\xba\xae\xbe\x8e+k\xe18\x07\xee\xc7\x1ay\x7fny\xfa6\x8f\xb0\x86y\xb4g\x02(\x84\xb3\xea\xb4^f\xf7m%\xda\xf8u\x83m\xe0?]\x88\xcc\xc5`\xe9\x02\x84\xc4\x05\xfb\x05BmA:\xdc1\x10\xf1\x07\xab|\xc6)\xd5\xc6$\xe2mk\x1a\x11\x11\x1f\rPYD\x9b\xf6";\x00\x01\x10\xbf\xad\xa4R\x89Mr\x14\xa8\xf9\x06#\xa4\x85\xf6!\x8c\xc7 k\x14\xe2\xcdi\xac7.\xc9a\xc4 *\xe2c\xee\xd8X{v\x93\r\x1a\xd3\x1f7\x9f\xab\xeb\xe3R\xe5\xc6}6\xd5\x15\xac7&lt;\xec\\\x01\xb8\xdal/\\-)-\xc9\x8f\x83\xc5K\x0c%=-\x89Ng\xc9\x900\x91q/\x07]y\xda\xa6\xfc\xac\x94e\xb9\x80)L\xac,\x85\xae22\x83d\xb6\xa1\x7fTM7\xca[:e\x8ce(\x06nOE\xc9p\xf8\x04\x17\x97F\x1c\xeb)\xa0\xcd\x1e\xbcY\xde\x98\xb8 \xb3\xf6\x90\xc7\x12\x9aa\x89k\x0b=K\xeeK[\x01I\xc2\xeb/V+\xfb\xc6\xf9\xe0iu\xdff\xd9\xa9\x19\xd5\xdd\x91P\xc3(\xba\xf6\x82\x1a\xa3\xf0\xb5\x8a\xb7\xc26\xd8g\x1e\x8eJ\xa6W\x8eZt\xd2\x12C\x866\xe6R\xdd(i8&amp;|\x03p9*i\xa8\x9bY\'|\xc8\x00&gt;^\xa5\xc7\xc5d\xd9\xbc\xf3\x00\xc0\xdf\x06\xe2\xca\x97o&gt;\xf5=\x9d\x0fk\x01\xae\x98\x18\xe8\xb0|(\r\x00\xd4\x97f\xebJ\x93\xe9\xa1\xc2\xca\xdaL\xb5z\xbd*.\xf1\x9eq\x15\xd92CH^\n\xc5jf$\xf3\xfa\xd2$&gt;\xd8\xce\x8dD\xf6b\x1b\x8d\x10\x82q\x08\xf8$C\x12\xafM\xdf\x10Z\xab\xac\xdfLZ\xbeRS_\x17e\x1a]\xaa\x87\xe3X;\x00\x17vY\xf7t\xa1\xba\xb4hh\x81a\xb9"\x96`\x9f&lt;\xb7\xbc\xb8\xb1 \x80\xf8\xffR\xfb\x9b\xc3D\x0f\x96\xd7\xdd\xeb\xc0\xf8\x9f$\xa0\x03\x00\xdcWOS\x04\xf2*\xe0\xa9\xd0\x01}\xac\xda\xffs*|\x172\xb4[\xd9\x0e\x1e\x15\xfd\xe3\xbf\xc3\xa3d\x83\xb8d{\x99&gt;\xce\xdf\xfa\x86\xd3\x8d\xbfrtU\x80\x8f\xb4n-\xbd\xfb\xb6X^\x0f\x01c\xa1k\xaa\xe5\x00[\xd4\x81\xdf2\rZ$\xe6e\xc4\xb43\xa9\x055d\xe5W\xa9f\x7f\xda\xad=\xd0\x86\x1f;\x0b\x1c\xf8\x12\xa4\\\x12\xdb)X\x9b\x97\r\xe9DN~#\xf1F\xe0.c\xb6j+\xa6\xcaB\xca\xcb,\x192\xbb\xdb\xf3\xd0\xf0\x9c\xf2\xf9L\x17\xcb7L\x1e\xcd0R\xed\x1f\\\xcbh\xdf\xb3Q\x7f\xc0\xaa\xa3\x17\xd7\xa1k\x13\xab\xde\xb5\x9e\x81+2\x8b\xf0X\xd7kW$Y#\t\x13\x1bw\x10r\x10J\xb64\xfc"\xcfJ\xc4a{@\xcc\xdc\xaa\x87r\xac\x1f\xd2\xcf\x98\x95\xff\x9d\x1bw^\x98GKy=)\xd0&gt;\x01\xec\t\x89jv\xa9\xadE\x99\xc0&gt;\xa6\x9b\xc8_\'\x80G\xceB\x149\x95\t\xa0A=\xa7\xa2\xcds\x8c\x92yu\xa9j\x07\xdd\x0e\xe8-E|\xecEB\xb9\x0b\x08\xf9|viF9\x8c\xac\xf0\xc7*\x0b\x11n\x028b{\xf7\x80\xd2\xdf\xf4\x8a\xdd\'\x1aL9\xca\xf0\xf7\x96y\xae\x8d|\xd8\x80\xe8\xbf\x03\x9a\xb9q\xbe.\xadI7_\xe8%$\xbe\xd8\\\xcb&amp;6\xab\x925\x15_k\xc7\xfd\xd9\xfaY.\xb3\xd0\xab\xf8\xe7\x06\x9c[2-[;\x86+W\x89\xc9\xa4\xde\xa8\xd16(n8D[\xe8\x16\xb1\xdbl\x7f\xe3"@5\xb6\xb0a\xf1Jx\x02:\xb3\x96R\x0b\xb7\x1e\xd2U&gt;\xc3\xc5V\xb5(J\x07R\xaa6/YY\xff\x99eq:\xd2V\x87w\xf0\x19l\xc3\x91|\x18h\x9a\xab0\xeewG\xd5 \xb6\xe8\x7f\x91t\xbf\xab\xb0\x88\xf1\x0c\xd7\x94\xe5\x80\xf4\xb7\xb1\xee\x1e\r\xf3`\xa0\xf6\xa95\x0fT\xefV\x0f\x9c\x86\xbb\xa8\xc5\xccJ\x99\x06W\xb4\xb3\x1f\x92wb%\x8c]O\xb0\r\xa7\x97\xaa\xdd\xeaT\xb7\xd3\xee\x90\xc5\x11\x9f=\x9a\xc2\x14\xfb;\xef\xce\xd7\x8e\xcff\xdd\xe1\x11\xab\xa5\x0b\xad\xaa\x8a\x84\xc7\x9b\x84\xf0\x17\x89\x1f\xc4\x07\xcb\x00P}T\xdf\xcap\xd1:q\xa4\xba\x9a\x1e\xccO\x9exS\x18\x96\xce}\xd8\'\xdeh+\xe6\xee\x94K\xce\x9f\x84\xc6 \xe2t\xef\x16\x00\x7f\x83(\x17t?)\xaf;C\xd6\xcb\x92\x84\xf9SZ\x86\x0e\x19\x8aC\xf5\x97\xd7\\n\xf9\xc5\xb8\xc0\xf8\xb4?\xf1yT\xfb\x14\x9ccv\xc8\x00o\xc3\x11\xbf\x07\xa0x\xaeQ\x82%\xfac\\\x7f\xb9\xc53\xf0\xbe\xdb?+\x19\xc2_@\xf680\xce\xbf\xfb\x0e\xa3F ig\xb9\xba\xf1\nK\xa2\x7f\x94\xda\xcc\xed\x00\xc0\xd7\x06\xc8L\xa1\x1eWL\x90:&amp;\xf6\xe4\xcb\xe3\x17\x0b\xa4\x92N\x9e\xba3\x84\xb9@\x00\x14\x97\x96!\x0bc\x11\x87\x8f\xfe\x00\x00\x9f\xbc\xa1\xa7%S#Y\x81\xc1\xf23\x06\x11\xd2\xcf9\xcc\x9b\xec\x9fM\xa5\xd5p8#\x1f\x13\x88\x88w2\x97\xacl\xbd\xf3]\xaew\'\xdb\xef\x84k&amp;\xf15\x99[\xc3\x915\xd8\xb7\xcf\xb7\x8ae$\xe1\x92w"\xaa\x9f\xd2\xd7\x94v\xf0\t\x04$\xab\x81\xb4\x01e\xf9\x116\xdb\t:?\xc4/\xc8\n\x97])\xe5[.\x08\xbb\xe5\xb7\xe6\x99\xd9)3\xd9\x95\xf0\x90\xab\x04o\xdeM)\x8c\xe6a\xbci\x07\xf6\xf8G\x9b{\xd1Z\xc6\xf8/\xc5t\x1d\x92\x9c\xe9\xde\xa5\x06\xc6L\xe0\x1d\x85\xeb\x19\xee\xce;I\xd6\xce\xd4\xa4\x9b\x1c2\xef`,\x8b\'\x0c\xe1\xd3\x9f\xac\xb7\x9bwxG\xb0\xf2%\xefG\x80/\x1c\xa0\xa2[\xc4\xb5\x81\xc3C\x9d\x02\x07\xc9\xf3j\xbf\xc0\x1aAtY)\xc0q&amp;\xe2\x97\x8aZ\x8dDl.\xa7\xb8k4\x8b\xb7\xfb\x94\xf2_Zl\x8f\x96*"\xed\xf9\xf3\xbd\x93\xc9LQa\xe7\xc9\x93\xef\xa9\\\x15\xee\xb4d\xbb\xa2\xee\xa0l\'*\x95\x1c\xdb\xd2\xba\xdfW%\xc8\xbe\xb1\x98\xab\x9b\xe5\xd5\x05\x89\x0e\xf9\xca\x0bT\xdb\xd5%_\xda\xae.\x8f\xc1\xff\xd0\xee\xb8\x88\x88\xf8\xaf\x93+\xc52\xb6d\xc5\x82-\x03dP\x91\xcb\xffMj\xaf\xd4\x8cx\xcbh\x17\x96\x95\xa5\xfc\xa8\xae/\xddOI$6(\x95\xec\xdf\x06E\xc0@\x9b\xd8hTt=B\xcd\xd49\x14\t\xda\x87\xb7W\x92iT"\x91\xd9\x88\xed\x15C\x92\x9c-,2}h0\xcf\xc5m*\xad\x86\xb4\xe08\x9a4\xe7\xb25\xa8~\xa9,\xf1bpT\x861\x02 &gt;W\x93\x9fv}\xf9\xa7\xde\xd8\xb1VDn\x84KI\xf36\x17\x9d\xf0v5\xf9=\xd8?\xc0\xd8{\xca(\x8d|\xe6\xaf\x97\x92\xa3\'[I\xfba\x97/\x15\x1b\xeb\xaeW\x03\xf5n\xbb\xd6F\x99\x9c\xe6\x9e\xec-\x7f\x9b\x1b\xecdH\xef\xe4\x87]\xa9FM\xf8\x8b\xfc\x04\xd2\xb6$C\x97\x96\x91\xca\x1b[m\xc7\xa2N+\xb0\xe2!\xd3\x95\xe6\xe5?\xd3\x8a\xb1\xed:\xecxj\xa3\xa5\x97/\x1cXS\xd1o\x8f\xc4\x1b\xfbV\x00\xdd\\\xae\x0e\xd8\xd6J\x83\xe1\xfa\xa1\xea\x97&gt;i\x1d~\x8c\x15\xf4\xb3\xe3qw\xce\x08\x15.?$N\x00\x837L\xecL#\xecK\xe2E#\x91\xac\x9aTE\xdf\x81\xb9[\xb4MO"\xc2\x1dS-MB6\xf4\xb3\x8f\xf7\x84\xd7\x06c{\xab\x88\x1b\xc7-\x8d0\xe1X\xcf\x9f\xe2\xd1\x08\xed\x8b\xd8\xd9\xeb\xd7\x91\x1</t>
        </is>
      </c>
      <c r="E44" t="inlineStr">
        <is>
          <t>&lt;class 'numpy.ndarray'&gt;</t>
        </is>
      </c>
    </row>
    <row r="45">
      <c r="A45" s="1" t="n">
        <v>43</v>
      </c>
      <c r="B45" t="inlineStr">
        <is>
          <t>steps_per_sec</t>
        </is>
      </c>
      <c r="C45" t="n">
        <v>700</v>
      </c>
      <c r="D45" t="inlineStr">
        <is>
          <t>10.230385</t>
        </is>
      </c>
      <c r="E45" t="inlineStr">
        <is>
          <t>&lt;class 'numpy.ndarray'&gt;</t>
        </is>
      </c>
    </row>
    <row r="46">
      <c r="A46" s="1" t="n">
        <v>44</v>
      </c>
      <c r="B46" t="inlineStr">
        <is>
          <t>Loss/object_center</t>
        </is>
      </c>
      <c r="C46" t="n">
        <v>700</v>
      </c>
      <c r="D46" t="inlineStr">
        <is>
          <t>1.3338451</t>
        </is>
      </c>
      <c r="E46" t="inlineStr">
        <is>
          <t>&lt;class 'numpy.ndarray'&gt;</t>
        </is>
      </c>
    </row>
    <row r="47">
      <c r="A47" s="1" t="n">
        <v>45</v>
      </c>
      <c r="B47" t="inlineStr">
        <is>
          <t>Loss/box/scale</t>
        </is>
      </c>
      <c r="C47" t="n">
        <v>700</v>
      </c>
      <c r="D47" t="inlineStr">
        <is>
          <t>0.12878466</t>
        </is>
      </c>
      <c r="E47" t="inlineStr">
        <is>
          <t>&lt;class 'numpy.ndarray'&gt;</t>
        </is>
      </c>
    </row>
    <row r="48">
      <c r="A48" s="1" t="n">
        <v>46</v>
      </c>
      <c r="B48" t="inlineStr">
        <is>
          <t>Loss/box/offset</t>
        </is>
      </c>
      <c r="C48" t="n">
        <v>700</v>
      </c>
      <c r="D48" t="inlineStr">
        <is>
          <t>0.33191946</t>
        </is>
      </c>
      <c r="E48" t="inlineStr">
        <is>
          <t>&lt;class 'numpy.ndarray'&gt;</t>
        </is>
      </c>
    </row>
    <row r="49">
      <c r="A49" s="1" t="n">
        <v>47</v>
      </c>
      <c r="B49" t="inlineStr">
        <is>
          <t>Loss/total_loss</t>
        </is>
      </c>
      <c r="C49" t="n">
        <v>700</v>
      </c>
      <c r="D49" t="inlineStr">
        <is>
          <t>1.7945492</t>
        </is>
      </c>
      <c r="E49" t="inlineStr">
        <is>
          <t>&lt;class 'numpy.ndarray'&gt;</t>
        </is>
      </c>
    </row>
    <row r="50">
      <c r="A50" s="1" t="n">
        <v>48</v>
      </c>
      <c r="B50" t="inlineStr">
        <is>
          <t>learning_rate</t>
        </is>
      </c>
      <c r="C50" t="n">
        <v>700</v>
      </c>
      <c r="D50" t="inlineStr">
        <is>
          <t>0.00035500003</t>
        </is>
      </c>
      <c r="E50" t="inlineStr">
        <is>
          <t>&lt;class 'numpy.ndarray'&gt;</t>
        </is>
      </c>
    </row>
    <row r="51">
      <c r="A51" s="1" t="n">
        <v>49</v>
      </c>
      <c r="B51" t="inlineStr">
        <is>
          <t>train_input_images</t>
        </is>
      </c>
      <c r="C51" t="n">
        <v>700</v>
      </c>
      <c r="D51" t="inlineStr">
        <is>
          <t>[b'512' b'512'
 b'\x89PNG\r\n\x1a\n\x00\x00\x00\rIHDR\x00\x00\x02\x00\x00\x00\x02\x00\x08\x02\x00\x00\x00{\x1aC\xad\x00\x00 \x00IDATx\x9c\xed\xbd\x7f\xec~_R\x17v\x9f-?\xacE6hq\xb1`E\x8c\xb1\xa9\x8d\xe8ZLU`\x03\x86\xe2\x1f[\x8c\x88V\xac\xdb\xa2\x90U\xda\xc6\x06\x16\xecjK[\xd6\x95n+]7aI\x88?\xca\x96\x9a\xa8+\x08\x98\x9an*5\x8a\xfd\x81\x0b\x16\x90F\xad\t m\xd4\x80%\x94\xa6UZ\xab\xd3?\x9e\xe7\xb9\xcf\xb9\xe7\xc7\x9c\x9993\xe7\xc7\xbd\xf3\xca7\x9f\xef\xf3\xbe\xf7\x9c\x999s\xe6\xcc\xcc\x99s\x9f\xfbl\x9b\xc3\xe1p8\x1c\x0e\x87\xc3\xe1p8\x1c\x0e\x87\xc3\xe1p8\x1c\x0e\x87\x05\xa0\xda\xe0\x89\x1e\xd2\x1c\x99\xa6\x17K\xb7\xa2\xeb\xf0l\x1c\xde\xc2\x87\x906\x88.\x1c\xe8\x13\x88Gm\xd2\x8bb@Y\t\x88&lt;[\xa0\xc0\n\xfdg\xff\xfe\xf3\xee\x98\x16\xf0\xc5\xa3%\xa8\xc1m\xd5\x04\xb8\xf7\x040w\x13\\\xfa\\a\xf6\xd6i\x00\x08\x1bD\x01&amp;hV\xa4\x16\x13\xac\xc9\x96\x8d@\xd9^\xb8N\x90\xc9\xda\xb6\xedg#\x128\x1c\x05\xcc\xef^\xe7\x97p1\xe0\x19w\xda2\x8b\x8f%\xb4/\xb1\xf8\xb9\x04!q\xa4\xd1\x8bn%\x94\x96\xc7H\x10\xe7\xd7;\xeb\xc7\xbfI\xb4\xa8r\xfc\xbb"\xf1|%8\xd4\xe1F\xe5(\xa2\x9a\xdb\x8e\xc2\xd3\xff\x8a\xfa\x12\x88g7\r\x99\x02Q.T$\xd4\xa8\xd2zef!\x9cf\xa6\xdc\xea.\x01bm\x81\xe2\xa4\x14\xa5\xb2\xc0g\xea\x91ze\xfa\x89\x02\x89{\x9dl\xe3\xc3-\r!\x9bi82`\x95\xf5\x1c\x08Zt\xe5z\xee\x8a\x13\xa8\xbb\x90\x863\xcf\x0frU\xb2\xb4\xf4\xdf\xc2\xa2D\xa7$\x8c\nZ\x8a~\x8e\x10\xae\xa8\xb3\xe2r3;\xcf\x80I\xd5\xf9J^\x167\x96\x8d\xae\xbfN\xa2\x07\x93:s\x9f\x81\xb5\xa3\x1b|\x96\x11\\N7x\xedbTe\x83\xcb\xb1\xd0^\xb8!\x18\xb2B\x82B\xdc\xd5l\xd0qZ\xc8w\xc6\xbe\n:\xa0Q\xcbi\xe7\x99\xa7\xcd=\xec\x12\xe8&lt;;n\n\x8e\xeb\xa2\xf1\x19\x80R\x8am\x01\xc5\xc7\x15f\x0e\x00S\xcb6Z\x00\xc7\x12\x98\xd9\x86\x1d\x19L2]n7\x0e\x87\xe3\x04x\xc3h\x01\x1e \xba\xd4[[w\x87"Lu\xee\x13\xeap\\\x02\xf0\x1bMV{S\xbdH\xa9\xcd*\x98\xd0\xdbN(\xd2\xeaHU\xeaJv\x8c\x87[\xa1\x00\xa7\xd7\xd9\xd9\xc7\xe7p8\xa6\x04\xd7\xf5\\$\x80M8\xcc\x01\xdf\x81\xe8\xcc\xcf\xe1p\x9c\x00\xe9+z\x8c\xb8\xf4\xf4\x89\xd6\xec\xdc\xdb:\x1c\xd6(\x9d\xaa\xae\x07\x00\xb8\xdd\xf4\x87#&amp;K=\xd6V\x95\xd9H\t\x0e\x87\xe3\x948\x89\xb3\x00\x80\xbb+U\xf7\x80\x00\x1b\x8b\x9e8)v\xc7\xedp8:c\x96\xc7@\x89\x80\xe0C\xfcuY\xa3\x82\x04\xd9-7\x7fU\xcd\xdfv\xeb\xe8\x84+\x1b\x9a\xaf\xb2\x10\xb3\x07\x80h\xae^\xde8\xc8\xf4\xef\x1fn7\x93\x1c\x9aBR\xf1\xd7\x08&lt;\x0c8\xec\xb0\x1b\xd6\xed\xe6G,\x8em;M\th \x8c\xfc\xb5W\x84\x1c\x0e\x875f\xdf\x01\xfc\xa7\xdb\xb6\x95\x9d\xacb\xea-\x83\x1dw\xdf\x07\xb8\x06\x1c\x0ek\xcc\x9ef\xde\xbd\xc0\x9c\xe9p\x0f\x0f5\xe7\xc8\x9f\xb8\xd4CG0\xffj\xa1\xe1R\xb3\xe6\xc01\xbb\x1d&lt;~\xa3v2\x83\xed\x95\x9cN6l\x87\xc3q.\xcc^\x02\xba\x05\xff^\x0f\xd7-\x82Lr\x18&gt;\x83\x0c\xba8\xdf\x88\x1c-\x98:\x00\xfc\x85m\xdb\nip\xcf\xf7\xfb\'\xac;\xf2\x85\xab&gt;\xada\xf4PW\r\xd1\xe4\xden\xb7\xc9=&amp;W&lt;\xdfT:BLm\rx\xb1rH)s\x84;\xb8m\xb7\xb9\xe7\xc9!Bj\xc0^\x9dwt\xc6\xd4;\x00|1\x9ch\xa9|\xd5\xb6m\xdb\xf6\xae\xc2\xddq\x9b\x1d\x87%R\x03\xee`\xd2nJ\x8e\x10\xa7\xf1\xa1=\xa0\xbdxn\xcf\xaf\xe6\x84\xb3Pb\xe1\xfb\x80\x91\x98-7\xcf\xcaC\x14\xb2\xdbX\xb8\xafQq\xb0\xa02\x8fS\xef\x00\xa6\x82A\xea\x04\x87\x0f\xb7{ \xb8m\xdb\xcfA\x1b\x9f\n\x9f9Z\x00\x04\xe1\x8c\x0f\xf4\xfeY\xc3\xcb\xcaC\x14\xb2\xdbX\xdc\xfb\xdf\x01?fBVe\x1e}\x8a\xa8\xb0\xdf;\xdf\x1e\xff\xc0Vt\xf7Se\xa1R\x9c\xe6\x81z#\x84\x99\xddl;\x0f\xc7\xc9p\xaa\x1d\xc0\xe2\xdf\xcb\x85\xedK\xb7\r~\x05\xde\xc4qz\x84\x1e\xdf\xbd\xbf\x05\xfc d\xc7x\xf3\xe2\xe68\x00\x9fz\xbb}\x7f\xfe\x96\xd9x\xfaZ\xcc\r\xf5\xf4\xee\x13.\x8a&gt;\xbb\x01\xd3E\xe4\xb6;\x1b|&gt;\x0e(\x1d[y\x00\xd0\xc2E\xea?=\x87\xe9\x8e\xd5!\xc6\xa9J@\xed\xe8\xbb\x8eJ\xcc\xf0`\xb3\xf6\xee\xf5*\x8e\xca\x8b\x0c\x8e\x15\xe0\x01\xe0\x85\xf7\x14\xae[\xa5\xffo\x17\xf6s\xd72?z\xa6\xe4\x9e\xfe;\xc4\x98\xc8t\x86\xefd\x11\x01\x94b@X\xdb\xb93\xf2\xdf\x8ft8\xc6`\xb8\xc3\x99\x01S\xec\x00&amp;\xd9.\x1b{\xff\x07\x93\x9d\xaa\xa7\xf2\x0e\xc7@\xb8\xf7\xdf&amp;\t\x00\xf7\x89@\xfc/\xc5\x05/\xe0M\x1f\x1b\x005\xb3;\xf1\xd3l\xe1\xc8N&lt;L\x87c,\xa6\x08\x00wd\xd79}\xf1\xaf\x11\xcd\x95\xf5};\xabk\x0c\x93\x01\xcf\xd4\x1c\x93#LR\xd7Z\x92\x13\x05\x80,\xf6\x1f|\xdf\xaf,\x9d\x0f&gt;\xde\xf5\xf0\xdbZ=\xda\xf3\x87\xd2\x16\t{\x0e\xc7\xa9q{\xbe\xbd\\\xfd\xf1_8~V\xf7}\xeb9\x90\xfeG7j!g\x17\xbb\x99\xa0\'\xc5\x0e\x87\x00K\x1f\xfc\x02l\xdb\xa6,\xff\xec;\x80\x14\xcb\xce\xdfm\x03\xf0\xa3_\x87\xc3\x02\xc4,mY\xef\xb1m6\xdfRZ/\x00,\x0bH&gt;8\xa8X\xba\xee\xe7\x10\x03\xe0\'M=\xbb\xcc\xae\x06Z\xa3z\x00\xf3\x00\xd0\r\xb7\xed]&amp;\xd9\xc7\x15\\\xe3\xd2\x89\x9b\xe3\x0e\x81\xdf\xbc\xdd\xdeh:\xf52\xe2\xc3\xbf\xae\xa4H\xed#\x14i\xf5\xc7J\xbf8q3\xfb\xbe\xc3JZp\\\x02\xa3J\xed\x9d\x97\xc2\x90a\x9e\xfc\x0c\x80\xf2\xd4\xff\xeb\xdb\xb4}\x94\xff\xe6v6oV\xf4\xfe\x91\x05\xac\x95\x1d{1\xe7\nh\xf9\xbd\x9a6\xbe[\xcf\xc71\xd7ZzYL\x17\x00(\xe8\xac\xf5\xdb\xf7\xb6\xd3\xf8E\xed$\xce\x81\x13\xac\x19k\x9c&amp;F\x0e\x19\xc8n`g\xb23;M\x9eIK\x86\xe8h\xca\xf8\xbb\xa0\xb7\xd4\x85.\xfdd\x9b\xc3\xe1\x18\x88\xd9w\x00\x93dC]&lt;\xec\x8dR\xd2J\x9b\xb8\xf7w8:c\x88_\xb2`:{\x008\xb9w\xfb\x9a\xdb\xe3\xc7\xe0\xef_\xeaE~\r\xb8\x86\x7fCU.\x87\n\xd4W,\xf1\xbdX\x0ek\x0c\xf1K\xb7\xdbM}\xf6O\xed^\xb5\xa1\xad\xfd\xe3\x9b\x1c\x08\xde\xff\xe4\xe1\xd0\xe1\xb8\xcco\xc6M\x82\xd9w\x00\xa7\x06\xbc\x1e\r\x82\xb7^\xe3\x81~\x87\xa3\x02\xf7\xfe=\xe1\xda\xe6a\xec\x06|\xc5\x1d\x80\x9fQ;\x1c*\xb0XJ\xbe2y\x80\x862}\x0b\xdc\x87:\x16\x85\x97tf\xc6\x92%\xa0\x92\x03\xee\xf2\xd5\x0f{\x1e\x8e\x02\xfc\xfcsE\xf8\x8a\x99\x19K\x06\x80\x92I\xf51\xb5\xfd\xdd\xdf\xdd@g\'s\x90b\xb7\xda\xd9#\xfb6(\x85\x87\xc4\xeb\xe0\xfc\x8f\x81\xba5\xa7`y=\xa1\x83\x14\x1b\x16M6\xdcp\xc3\xbbn\x00\\,\x17\x12a\xc1\x9d\\O\x81K\xbc\x8cd\x98\xc8~\x90#\x8e9\x0f\x12;\x9c\x07\xf4\x195l\xdb6\xa5\x86\x1d\x8e\xab\xa1\xb3\xaf\xf35\xdf\n\xe5\xc8|\xbb=c\x8a{d\xc7i1gJwA\xf8\x1c(@3\x06\xdc\x1e?\x1b\xecp8\x1c\x08T\x82\xe8\\g\x00;R\x97z\xff\n\xfc\x9c\xd5\xc3\xdb\x8d\xf4\x1a\x1f\x12\xa9\xeby\xff9\xe7\xd4\xe1\x98\x13\xfbzQ\xd9B]\xcd\xdb\x98C\xec\xce|G\xec\x18\x05\x7fT\xff\xb2\xf0y7\xc4\x15~\xa8:\x82\xd7v\x1d\xa3\xe0\xb6\xe7\xa8`l\xb5\x01\x0e\x18(\x88\x02\x96\x1f\xc0dpm\x9e\x0f&gt;\xa7\x0e\x87\x83\n\x8f\xa9\x08VW\x8dlr\xdd$\x1c\x8e3\xc0W\xb2C\x007\x1b\x87cFd\x9fRc\xb5w8\x1c\x9d\xe0\x8b\x0f\x81\xf0\xf5A\xee\xd1\x8ehQ\x88+\xf3:\xa0$\nn\r\x8e\xa9\xf1\xdd\r}\xdd\xd99\xae\x80\xce\xaf\xf4q\xc4`\xe9y\xadIq\x1br8\x1c\x17\x02\xd7\xe5\xb9\x8btL\x8eiMtZ\xc1V\xc1Z\n\\\xe3{\x13\xba\xdf~VD8\xd9\xb3\xc9\xe6\x98\x19\xd3~\xf9\xb6*\xd8\xb4\x92O\x82\xb5\xf4\xb3\x8c\xa8\x000\x8f\x8f\xbd\xbf?9wg\x16\t\x1d\x0e\xc7Z\xf0o2\xaf\x01\x08\xbe\xd3\x1b\xdfZ\xff+\xbe\x0e\x87C\x11\x87\xdf;r\xef0-\x883Sz\x99\x03\x04\x1f|\x92gC\xe7\x85\xe7\x060-\xa6u\xc1\x14\xc1,D\x9f\xf4u\xd0\xfd!\xdez\xddC\xc1\xab;\xac\xf6P\xd1\x15\xd0\xf97\x9c{2s\x9c\x02\x94\xe2\x8f\x85]\r\x0e\x00\xac\x80&lt;[\xf4\x06\xf8\xe0\xf3\xc7\xbb\xc2\xafo\xdc\x0f\x08\xe6\x12\xf5\xe2p\x8f\xec\xb8\xa3s\x91}\xda\x9f0\xd91xi\xb0\xce=\xee\xaa\x1c{N\x12O\xe7\xedv\x0b\x04\xf3\x87\x82\xfac\xc5\xa3\xb3\x15ev\xc8\x00`\xb5\xff&lt;\xc3/\x82\xb1\x06p\xbb\xdd&amp;\\6\xf0\x97\x07\x08\x16\x9f@L\x9dd\xd8\xe2v\xbb-8\xfa\xf7\x8c\x16\xc0\xd1\t\xf3y\xac\x03\xe6\x96n&gt;D\x9e7\xf2\xfb}v\x00\xd1\xb7"f\xd8\x189\xae\x06\xbb\xc4\xd6\xd1\x13g;\x04\xee\x99\x0cf|\xee\xebJ\xef\xc51y\xa9\xd1q2\xb8\xf7W\xc7\x90\x1f\x8a\x9a%\x00h\x8d\xdc\xda,C\xa7\x0f\xe1\xb1o\xcc\xddp"\xef2\xfc\xf7OI\xee\x7f\xfa\x0e\xc0\xe1X\x1a\xe1\x86\xde15J\xbf\xec\xb8_\xa2\x7f\xab\xe0\xf5\x99/\x03\xb3\x87\xe3\x12\xe8f\x17n\x81\x8e\xeb\x02\x0ea \x0e\x07\xd7\\\x1b\xd5Q_S-gB\xf4\xbdV(\xdf=\x01t\x87s2\xe58\x0e8\xc7\xdc\n\xbe\x96\xe1f=!\xec\xa6\xe4R\xd3m7\xd8K\xa9Q\x02\xc8\xe5\x17\xa7\xc4\xea_\x1c\xbe\xc6,\xf5\xc0$\x9a\x9cD\x0c\xc7\xd5\xa1r&amp;\xbe\x845\xcf#$E\xe3\xb3\xc8\xeap4\xc0\xcdx\x01\xcc\xe3\x19\xb3\x10\x8b7\xf3\xb8\x8c\x1eE\xcb\x92\xe4U\x9c\xb4Dq\xac\x8fF\x1bu[r\x0c\xc6\xb4&amp;\xa8\xe5\xfe\xa7\x1d\xa0\xe3\x04p\xebr\xbc\\\x15\xd7g]\xd6z.;\xf0!\x80\x8f\x1e,\xc0\xefR\xa56\xe4kJ=\x91y\xa8\xaf\xcb\x90\xc5\x0cN=\x19J\xa9\xe8p\x1d\xc9F!\x13{\xe9\xf5\xf93F\x0b\xd0\x8e\xa9\xf4\xaf\xeb\xbb\xce\xed\xfd#\x7f\x0f\xb9\x87\xbcG\xcbh\x85I\xbf&gt;z\x7f\xc2\xf0\x04\xdfn\x85\x8b\xbd\xf7q\xd4+b\x9e\xdf\xbe\xbb\x96\xb6q\\\xcd\xf6d88\xf7D_\xe1\x8f\xbf\x9eR\x99\xb3\xbc\n"\xc2\xedv\x12uG\xef\x88\x1e\x0e{Qz\x0f\xf6\x91\xa0=R\xb7Is\xd5\xdf&gt;Z\x80,\xa6SSw\xe0\xde\xdf\xe1\xc8\xc0\xe8\x9d\r\x94\xcdf\x87p\xadZ7P#Uf\x11\xe0c\xb0\x9fkvTQR\xd9Y\xd5\x99\xa9\xf7\xffx\xfc\r\xa4\xa8\x164R\\\x1bx\xcc\xdb\xb6i6\xcb3\x88\xa1+\x83\xe9\x882\x0b\xf2v\x13l\xd8\xef\x1b\x87\x9e\x9a\x07_x\x13 \xb6\x9f\xdb\xedn\x06a\xd9\'\xc2\xf0\xe5\xb9\x03\x00T\xa4\x99\xae\x044(\xc8\xb6jR\xe9]\xa6\xe3\xcdk\x1e\x13g\xa3\xfc\xdb\x0c\x95~\x06\xa3\xc6\xb9/\xab\xe2S\x03`\xbb\xdd\x00\xe0\xf6\xfa\xed\xa9x\xa2\xe6\xd9\x04h\xfd\x04\xd5t\x01`\xc8\xda\x88t\xf9M\x02\n*bh\x10\xa1\x83\xf8\xa8\x95\xfc15NO\x83\xa5\xc5P\xa7&gt;\xef\xf2\xf2\xec\xe9D\xe6qXk\xe0\xf1z\xab\r\xe0\xef\xdc\xff\xb6\xe2cD\x97\x0f\xcfE2\xf0\x1dz\x15\xfd\xcb&amp;\x19\x19\xd2-\xfcv\x08;s\xeef\xc0\x7f\xc1m\x02 u\x9e\r}5\xff\xc9&amp;n\xba\x1d\xc0\x0c\x98s\x86\xb9\xd9\xdc\xd7\x1b\xc9\xb1mo!\xabH\xeb\xfb\x1c4f0\x89\xf7\xaf\x0e\xf9dN\x04\xc7j\xc7\xa7\xb7m\xdb&gt;\xd67O\x8e+\x03\xb7\xfeIV\x06\xbc?y\x90\xe3J\xef\x91]\x0e\xb3\xcdJ\xe6)\xa0 X=\xcc\xe9y\xe9\xac\x0f\x02\x9d&lt;\x13\xf1b\x8e\x0c\x00\x80\xe4\xa9\xf3\x141\xf2\x1by\x1b\xc9\xdc\x96\x1a1\xc3Cn!\x10o\xfe(\x01\x05M\xc3\xeb\xcd|gx\xda\xe3\x01/\x0192\xb8\xddn\x88\xb7c\xfdx\xa9y\xd2\xb4/\xa6\xdb\x13F|l\xc8\xae\x08\xf1\x8c~\x99\xa6\x146\xf8\xb5\x0f\x0b\xfa\xc2m\xdb\xc0d\xd2\xe7\xf1\xfe\xdbTV=[\x820\x03&lt;\xebt\xc8\xe0\x96CA\xe9\xab$\xbb#\n\xb6\x98&lt;\xe7\xb4\x8a7\x9bh\x07\x80\xbc5\x81\x9eq\x9c\xacH7\xb9\x05\xdd\x95\xfdC\xa3\xc5p\xa4\x98\xdcr\xe6\x05\xc0\xb6\xdd\x823%\x89\xf7\x97t\x18\x845\xa4tXc\x95\x84e\xf3\xdcv\x04tu&gt;\x95\xb1\x95S\xc6W\x15t\x16Y\r0\xd1\x0e@\x1d\xa7\xda\x0b\x8c@\xf88\xc4D8\xe3\xc3\x18\x93C\xd7\x03\xce\xe3\xfd\xef\xb8\xddn\xdf|\xbbm\xdb\x07\xef\x7f\x1dn\x9d\xda\xfb\xcf\x85&gt;\x8b\xfa\xb2\x9eC\xac^\xa4\x9f\xfb\xe1\x85\xa0\xfb \xe3ib\xf0i\x06\xe2\xd86\x82\x7f\x1f;\xdf\xa6\xbc\xff\xa2\xb4c\xe5\xa9\x7f_"\xd3\x83\xf4J\x8f\xd2\x01\xdb\xf1\xfa\xd5f{\xb6\xe1\xe6\xbe\x93\xe0p\x10 6\x97\xf3\xd9\xd9\xd9\xc6c\x03\xf8}\xdb\x16\xcc\xfe^\xf13\xe48\xa5\xa5M"U\xe4\xf7\x01\xfc\xf5\xe6\x0eG\x02\xc1b\xe0\xf6\x80\xc2g\x07\x02wR-\xd8}}\xfe\xae\x87\x01\xc7\x1dC\x8c\xe0\nv\x17*v\xd1\xc5\xa6(\xf1z\x837\x86\xb5Bp\x93;\xf3V\x00\xf8\t\x9a#\x0b;-\xf6\x9c\x9fIL|\x121\xaaXE\xce\x0e \x1d\x84\xd8\xb3\x10\xd0,\xb9\xf6h\'z\xda\x180\x03\\\xad\x0e\x875&amp;_c\xfd\x9d@\xe8\xd6\x1f\xa5\xff\xe0\xd6\x16\xc5\x80\xfd\x9dtz\x02\x9c\xf9{\x00\x08R\r\xce\xf6l\xb2\xa3\'&lt;\xfa\xf7\xc1\x9ckl\x9f\xfd\x01N\xe0`y7\x08^i~{\xfe\x1bx|}3\x1d\x1f\x00\xf0\xd3\x0f#\xcci\x88k\xa1\xbf\xcfl1\x12\xbc\'\xf2\xde\xd3i\xb7\x86\xed\x82M;\xb4\xee\x98D\x0f\x8f\xd7N\xe4\xee\x1c\xedPo\xe2\xc6\x07\x00\xf7\xc5\x02\xcc\xb0t[&amp;\x0e;\xef\xaa\xbd\xa4\x97\xcd\xebIW\xd0\xb7\xf3o\x05\xb3\xe8\xb4\xcb\xd6\'\xe1\x85m\x83\xcf\xed\xc0G\x0eE=h\xcco\xd7\xb5=\x85\xfb\xadZ\xf3\xfe*\x92\xa9^\xa5M\x81\xcaB\xb5\xc3\xe4\xe2\xe9B\xf6B\x9bK\xa9h\x1e\x94\x93aZw\xc2OV\x94\xec\xa1\xe7\x8c\x97\x02F(@\xb6\x8d\x96\x84\xe3w\x00\x14\xdc\xeey\xc4d\xaf\xd2\xa6\xe0v\xbb\x8d\xcf\xd5\xc9XHT\x01V\xb3\x9dKC\xf0\x12\x1e\x08|e\xe9\x87!(\x85\x94\xc1\xf1&gt;\xe5n)\xcf\xf8\x00@\x8c\xb7\xa6oe\xba\x17\xd8\x8c\xea*\xa1\xd86\x8f\x915t&gt;j\xde]d\nO\xff[\xd0\xb5VI\xf0$\xb3\xcf\xe6\xedvK\xd2\xff\x9b\xa5\xd8\xe3\x03\xc0\x1d\x83s\xcf\xdbm\xebb\x1c\x16,n\xb7\x8a\xf6\x90\xbbs\xaf\x06\xc7\x01\xcb\xed\xcf\xa0o\xc56Z\\\xd5\xe3\xfb\t\x83\xc1-\x99\xe5W\t!\x90VQ\xf2\xf1\x01\xe0&gt;\x98}@C\x8e7W\x7f\xe9+.&lt;eh\xdd\x94Ny\xaa\xc6\xc8\x04\xaa\xdf\xb44\xe1J\x00\x95q\xcbCP\xda\xa3\x83\xe4C\x16\x03\x97\x95\xdd\x8f\x83*"\x951\x95\xf9\x11\x15\xec\xeb\x13g\x83\xec\xd0\xcf\xb1C+\x81\xe3\x9e\xaa\xf9\xc4e1\xa7Z\xc2\xd0\x92\xe6\xe0+8\xe1a\x80\x9cs\xaf\x1f]\xa8\xee\x00\xa6\x98\x9e\xec\x91=\xc0C?nC\xabcN\xcf\xb5]\xc9C\xd9\x8d4\xf4_C\x94\xd9\xc7\xba:p\xc9z\xf9d\xeb\xa6\xac\xe3\xf1% \xe4A\xa8\xdb\xad&gt;\\\xf6\x8b\x1e\'\xfej\xcf\x99\x10\xea\xd8\xf0\xf4\xfe\xc1K8\xa1}\x1c\xd6\x07\xcb\x12B\xaf\xe2\x9b\xd6H\xd3\x81\xe0G\x94\xf1+\xf6\xf8\xf4\xab\xe8\x13s:p\x89\x9e\\:z\xaa\xdb\xb3\x8d\xbd\x1c\xd3\xc2\x1d\xf7$8\xbe\x9fd\xf0\xa4\xcco\x13b\x15)\xeav\xd44E\x01\xc0\x82l\xe6\xae\x16\x9bA\x80\x08\xa3\xe51G\xe30K]\xbb\xa9\xee\xacS\x94\x8e\x8b\xae\xd2\xfb\x8b\xab\xb8\xbd\x1c\x144j\x935\x89Z\xe8\xe6\xca\xfa\x84\x197he\x103\x05\xae\xde/\x12Ag\xc6\xb4\xaf\x0cZ\xd7.Z\xacz\xec\xa05\xbd\xb3\x16\xa1*\xa3\x9a\xb6\x97\xb5\xa3\x99\x80h\x19\xe0\'\x95y\xe9\x92\x9b\x98\xe9rX\xd7)ka~\x05\xd4\xeb\xf8\xc8\x99\x87\xea\xa6\xf0\x985\xb6\xd3+p\xb1"\xec\x18\x81\x81{\x82u\xf7"\x1d$\xe7\xb2\x807\x9cg{\xc7\x7f\x90\xc1F\x8e5a\xfa5\xfe;\xfe\xb4\x1d\xe9\x00\xe70f6:W\xf0O\xe35d`\x8d}_Wsjl\x1e\xa9\x1a%a\x07?\x95\xf4\xb9\x9d\xc4\x91ZU*\xad\xf9\x02\x00\xf8\x14\x15J\x07\x9a\xca\x14E\x98B\x08\x87cG\xcfJ+\xaf\xbd\x91\x1c\x8bc\x88\x1f\xab\x94\xc8\x83\xb2\x8f\xb5\x9f=\xabU\x9cu\\\x86\x98$\xa4\x0b\xa0\xff\xad\xfd\xc9\x9e\xc6\xc9\x8a\x01\xf0_\tz9"P\xb4\xa4\xae\xc8\x94\xe0w\x1e\xeeb~\x9f&amp;\xb0O\xbdC\x1b\xef\xee\xceq\xb8\x15G\x0b\t\xffSF\xf3u\x9d\x9c\x18:\xe6G\xdbS\xda\xca\xe7\xbd\xa5\x06\xfd-\xea\xd2\xd5d\xc79\xc0\xfd\xc6\xc9\xf3T`\xff\xd3N\xb4\x12\xeb\xab/:\xf3B\xca|\x1a\xae?\x8b\x89=F\x18&lt;,\xa4,\x97\xc3\xb1&gt;X\xab\xe2\xe1\x85\x8f\x7f\x16Z~l\x83P\x8e\x17\x16u[\x91S\xae\xd5\x82\xba\xc8\x94\xf2\xcd^\x9c/\x04:^\x10L\xcf\x95gT\xa5\xd4cDm]\xf4\x19\xf8E\x95\xcb\x07\xe9,\xa1/;\x87\x02t\x1f\x12\xbd\xce\xb4E\x99\xd7@I\x1c\xfd!~.^\xfd\xd9\xd0\xa9\x80\xa8\x04\xbe\x94\xd0\x9d\xcae\xb6q/\x85\x0b\xd67\x1d\x0e\x16\xf6ZJ\xc9\x94\xd5\xcf\xf3\xa7\xc2\xb0/r\x0e\xe1z5\xcc\xe6\xa0y\xdf\x9c\x9aL\xf8\xb1\x98A\x1b\xe3%8\x17\xfaT\xcc\xb3o!\xe4&gt;\xcdL\x17J\xa5\xa4\xdc\xa2\x82\x19V\xca`\\\xf9\x0b\xba\xa6#\xef\xfc%\x80\xf8\xd0\xefCM\x14\x1c\x02\x0c\xff\xee\x1e\xe5\x89\x9d\xfc\xf5\xef+\xae\x05\xc1c\xa0\xa1\xe5#\xdd\xff\xb3\t\x1eru&lt;\xe0\xdaT\x07\xe5\xd1\xc9F\xa5\xd3\x9f\xf4p\xcc\x0c\xee\xb4q\'\xfaU\xb9B\x1f\xd9\xcc\xde"\x05\x00\xa9\x9c\xe2#\x13u\xb0\x1e\xc8v\xbc\x00?m\x96)\xdc1\x954\xa6\xba\x99M\xf3\xed8\xdf\x88T V\x0b\x840\xc8\x12\x04\x11E\xc2\xe5\xfd*d\x1cR \x13\xf93\xa2\x96\xdd\x05hll\x01\xe5\':.\xffXQ&gt;3\xed/\x07\x1f\xb2\x82\x0c\xabei\xa3\x19%\xd7\xf0l\xcc\xdd\x92\xe2"\xb6\x1bd5\x84P\x18\\s]X!\xabLW\xf0\x0c\xe0\xda\xf9\xb4\xb3v\xee\x15+\xcb};\xe8\xa4\xa5\x9eS%\xd8yN\xcfmB\xfd\x90N9\xaeX\xec\x91^\x15\x81\x1c\x1a\xf0\xe5\xd1\r\xd6\xaa.\x94\xe6My\xb21\x89\xbd\x01\xb8\x17r8.\x0fJ\xf1\xa0\xbdA\x07$\xc9Y\xfd\xc9\x82\xb4=\xe5"C$\xa4\x1e%\xa2\xa6\xa8g\xf8\xd5\x15^Z\x8cN\x88\x0e\xbaI\xad\xd9\xa7\xc4\x02\xc5\xa2j\xb5\xa3\xba(\x8e\xeb\x01\xc8\x8f\xf7\x98&gt;#\xe7\xd0\x81OC\x84\x9e\n\xe9]W\xed\xc9L\x04n\nL\xc1[P^\xdc[IK\xb6&lt;v\x19z;\xe8G\xb2}\x0eoYI$:\xa1\x8d\x828\x1c\x06x\xac\xa5w\x8e\x96\xe3\x92Xt{\x1a\xef\xb3{\x9cRD\x7f2\xf8\xb5\xc8vw\xfe\xccG\x04\xf5\xc58\x0f\xb0G\xb2\xca]\xec\xe4Y\x14\xae\x92i\xe1\xe6j\xf4\xdc\x8e\x8c\x90Q\x11\xd8g\x99\r8"wk\x94hk`W\x10d\x1f\xa6v\xed%\xb8\x88JzV9\x8c\xcc\x0c\xfe/\nk\xf9W\xd5d\x1dQ\x9a\xea$O\x87\xecy,d\x9f\n\xed\'\xd4\xc2P\xb7\xe3\xcf\xe9\xc2ef\\j\xb0Yd\x13\xb2|Kc\x19\x88\xcd\x04S6p\x96_I\xdb\x95-M&lt;t\xbc\xe3\x9b\xa4d+L-7#W6\x03G\x16\xab\xb8\x06|]4~\x9b\x97x\x9c\xab\xfc@\xe7\xbd\xbe\xafE\xae\xc0\xc2\x92\xfc"\x18U\xdfq\xdd\xabCW\xa5\xd9Z\x16\xa3\xfbL5\x81\x8b#T\xe8\xe1\x0c\x80N\x81\xd0\x94Z\xa7"r\x1c\xf4\r\xbb\x0bala\x7f\x95\x83\x05\x15!\xa9F?\x99N\xb8\xc2\xfc|#9\x12 b\xf1\x9e\ti\x17E\xcaz\x14R!\x91\xe7;X\x05a\xc5\xe1\x7f!\xb9\xa5\xf6\x9ec\x81\x19T\x03}\xb4Fz\x81\xe0\xdf\xb1\xe8\xfbh\x7fc\xf7~\xc2v^\x0f\x1f\xafA$\\\xc6\xa6\xf2O\xe8/t\xe59\xec\x15B\xad\xce\x17\xea\xb2\xd2\xf4\x89U\x0bcx\x00\xb0\xc3r\x02\x0f\xc7l\x1a\x9bM\x9e%\xb0\xeb\x0c;\x0f\x10)v\xbaX\xb7m\xdb\xe1\x147\xb9\xd5[\x96\x05Q\x8a\xf0\xc76\x1d\x05J\xb9ktl1\xdd\x0f\x88{\xda\x03\xbe\xa6\x17#\xd5\xe54U\xfe\x88\x0bB-js\xb6\x02\xf3\xecz\xe9\xb8\x7f\xd9\n^\x7f\xbe\x8aC\xeaSydTo\xfc\xf8@\xa3\xcc\x11#C|\xce(\xa8\t \x7f\x87\xdb\x91E\x07\xd5]dv\x16\x1a\xa6\xf1\x93i\xf9\xa7k4C2\xf9)\xcf\xd2\x9f\x8a\xdc\xab\x94#\x85\x94\x9a[\xcc\xc7\xe9\xfd\xbfv\r\xd1@\x86y\n\xaf\xa1\x14]\xeb\xf2\x8a\xa4\x1a\xe4\xb6\x1e\xf2\x0c\xb3L\xde\x01X\x0b\xa2\x80F}&amp;\x01\xa0Y \x1b\xcc\xe3\x1f\x1cB\xe0S\xc8\xcd\x17L\xd1\x9fu\xfb\x01r\xa1\xd0\xd7i \xeb.Mb\x9a\xdcA\x92!\x80 ]\xd0-\t\xd6Y\x97\x0b\xfd\x8d\x04;\xf7u\xd4\x01\xa3}:\x11\xa5\x8d\xf9\xb4XF\xd0\'\x96\x138\x04|\xc8\x9e\x05\xd3\xf6T\xcc\x95\xd8?\x93\xa552vt\xc3#\xc8\x8f\xcd\xacG1\xb6Gt:\xad2RZr\xaa\xc1\xa9/\x88\xfa\xe9?\xb2\xaa\\\xc0|Ee\x1f\xdc\xd74A\xf8\xe9$\x17 :\'\xe0\xf65\x90h\x1d\xac\x95\xdb.\x8dT\xcb%\xcd_dFv\xdb\xcb\x9f|\xce\xa1\x84\x81R\xb4\xac\xcd{\xbf{\xff\xcee\x1c\x1c\xf0\xaf\xd2\x9a\xf1\xc7\xcej&gt;\x8fB\xae\x0e\xee&lt;\xf3\x1a\x03\x00\xfc\x00O\xa0\x8e\xb0+P.a\xdf\xd9\xc4m\xce}@7DC\xa3\xa4\xf0\xd9\x16{}5\x84\x96\x902\xd0\x93t\x80O1\x14\xa3\xc8\xf4\xc4fua\x9clV\x87\x9b\xa9.\x7f\xf5C?k\x0c\xd1?\x97g\xea\xfa-\xc2\x00\x00\xfc&gt;-Z&lt;\xbev\x94\x17\xb1\xc2\xa90\xb9\xd6\xa6\x16\x8e\x8f\xe1\xc3\x81wt\xe4\xa5aZ\xfd\xeds\xec\x89\x1a\xee\xfd\xc3\x08\x00\x1cQ\x01~\xe6\xd6\xd1\xfc\x84\x8f\x95k\xd9L;\x89\xc9\xa1\x98\x0b\xd0K\xdb8\x85\xc7\xbf\xdf,\xa7\xd3\x0e\x16\xc7A\xc9\xe0\xe8\x1d\xc0X\xf6|\xccP\xfd`\xa1\xc5\x8be}\xfdO{\x1e\x03\xa4Q`9\xe58\xe4\x88\xbe\xf1\x0c\xf0\xb1\xc1-\xcd\xd3H\xb5\xd0\xe2\xa6i\x86\xe8\t\xa5\xf8\xee\xbf\x80}\x8d\xa0\xc3\xbc\xe8\xb2\x18hH\xdf-\xeaE\x148j\x86e\xfa\xaf\x18pB\xa7\x0f\xc9\x07\xa4e\xc6\xda\x9f\x8e\xf1|\x9a)"\xcd\x02\x00\xe0\xffC\x9b)\x0bPm\x90{A\xc7\x89Q\xf2\xb6\x16d7\xfe\xd9{\x91\xfeoy~\xd0\xa0f\x81\xfekz\xcc\xd60\n\x00\xf9[\xaf\x00\xb0\xb7\xc1e\xcd\xd1;\x1b\nq\xf3\xd4\xc8\x04\x80\xb1\x02\xe5\xc0\xdd\x0b\xd3\x1b\x87-\'\x1c\xb8\n\x00\xe0\xeb\xc9{\xbb\x96\xf9\x9f\xd2v\x1eh\x1a\x97\x94\xe3\x90\x1dR\x9c\xfe\xc3\xf6\xc7\xc2\xbb\x9c\x87\x82\xa2\xdd\xe1T\xb3k!\xcc\xae\x8dY\x1d\xa1\r\xc6\x8e\x96\xc8\x9ah\xa6w|L\x83&lt;\xe7\xc3n\xd3\x9bh\xd9(\xa6\x05\xb2\xc0\xcc\xed\xab\x08:\xcb4G\x19\xe2\xfd\xb7\xec\xd9o\xad\x81\xb5\x9c\x19!U\x88\x18\xd4\xa5\x11\x9d\x9c9 T\x95r\xf8\xd3X\x18.\x8c,\x18\x00&gt;\xaat\xcb\x82_w\xd0C\xef\xbe"\x1aU\xbdnV\xb5K\x9e\xf5\xa7[.\xbe\xfe\xad\x83\xab\xe5s\x14J\x9a}\xf8\'\xc9\xe59\x01\x00~\xbfD\x06v\x1f\xbd\xeey\x9a\x13P\x98\x08D\xab\x04r\xcb\x810\x0b\x00\xe2\xbd\xff\x87\x95E\x11A\xe2t\x08\x87\xbd\xea\xba\x9e\xdf\xc0B\xec\xee~\x179\x15&gt;\xe7\x82\xfb\xa5\xdbU\xbe\x7f&amp;\xd8\xd5\xf5T&gt;\x97\r\xc0\x9f\xd3\xe4\xbe\x8e\x8d\xf5\x03\xe1\x00\xb6\x93\xd5\xeabN\x89\x7f\xcfh\x01&amp;\xc1\xd8\xa9Q1\r(\x93\xc2\xbd\x7fh\x99\xd1g\x15\xa9\xfe\xfdB\x95\xff\xe1\xee\xf7\xff\xcc\x02\x80"\xb5\x92ze|\xdfm#\xcfb\x90\x8d\xe1\x0c#\x9f\x1b\xc2yQ\x97\xc3\xd1\x0c\xb2\xff\xd7\xe1\xb5\x05f\x10nJ\x8a1 \x10\x81\xfbl\x05Q$;w\x01\xdb\xf6\x9d\xe2\xbes\xac\x967\x8c\x16`\xdb\x9e\xb3\xfe\xb7\xf6?\x83\xeb\xe9\xe4\x01\xc0\xedvc\x10o\x14\x8e\x899\xa6U\x8e\xbb\xc2Y\x1a~t\xdc6v\x1f\x820s\x06{\xf8\xf5\xbd\xb3\x10\xbbTI+\xd9\xdf\xa9\xecf@3\xa2\xdb\xab;\xe7\xf9\x0b~\x01G\x7f\xben\xdb\xf6\x99\xe2\xbe\xea\xabeQ\xa4\xd3\xb2/\xfb&gt;klR\x1f3\x08\xb3)\xe3n\x0c\xdf#\xea(\xbe\xdbH\\\x0b\xe1*\xa0s\xc4\xcfW\x0f\x8f\xdb\xabn\x02&gt;\x1e\x11\t\xdd\x80\xc0\x0f\x17K\xbb\x00\x00\x7f5C\r\xe1\x82q\xe7\x0cg\x08\x16\x11S\x15\xe9\x98\x11-\x0cQ\x10\x91\xe5T\xf36\x9b\x19\xcd)OOc\x12\xb3b%\xbc\x00A\xe1\xa5\x18\x00\xe2\xeb"\xa9x\xa7\xf1X\x0c\xc8I\x92^\x84\x9fw\xb8\xb5%*E\x9c\x06\xde` "\x89&amp;\x94\xb0\x07\xe8\xa3\x1e\xa2\x9e,\xd3j\xdc\x1a&gt;\x97\xb8\x00\x10\xfc\xab\xcd7\xc3k\x946\xaaN\x81GM,F\xb3\xaa\xa5n:\xefe[\x02\xc0\xfe\x00.\xbb\x08\xc39\x90\xc0\x85c1\x8f\xb6DX\xcb\xa1k\x16\xbe\xbd\xd6\xc0\x80\xe9\x02\x85\xa8{\xfe\xb3b\xc9\x0c\x98\xc7\x15sb\x9eQd\x8f\x19\xba\x89\x07p\xe7_d\x87\x9c\x82\x80\xf4d%&amp;\xf2$A\x1c5\xd1\xa3\xf1\x0e\xd5\x02\xd6\x91\x18\x14\xa9\xca"\x1d\xba\xdeI\xa9On\x1fk\xb9oO\x88\x134vq\r&gt;\x04\xcen\xe5"\xdc\xb6\xad\x1a\xfc\x86\xa7\xdbYL\xe27[pw:\xc5[\xb9\xcf\xda\x02T\x1atS\xf2\xedv\xbb\xdd0vU9\x00\xfen\xab\x10\xcf\xfc}\x1bg\xf3\xb8\xc2\xab\x85\xa0\xdb]\x8f/b\xf7?\xff\xe9\xa8\xeb\xbdM\x18iB"|\xa9\x0fd[P\xe5\x0e\x00D\xef\xaf"\xcf\xda\x98\xcdqC\xee\xd7J\xe7\x121@\xf8\xb8\x94&amp;Y\x021A\xe9`\xef\xb8)\xa9\x94.\xc0\x0c3\xa82G\xbc\xd2\x07\x14\xaa.\xbf Sa\xd7\x92\x871)\x95j\x8c\xb0\xe3\x86N7S\x81\xf9#e:\x05:\x0bV\x99t6\xb7)\xc7k\xfcs\x0c\xa9eI\xf4\x1f\x82M\x05\x7f\x8a\x898\x1f\xda\xbd\xed\x96=_\xa1=\xe8Y\xad\xb9\x1b\xa1$p\xc4=\x95\xa3E\xbe\xb0kD#\xfd\xb3\xfdlF+\xb4_w\xe9e\xf3nr_\xe5\xe4\xf7\xba\xd3PJy\xfa\xcb1\x08\xc0y\x1e\xa1B*G\'\x9b/\xb7\xd8\x1b\xbd\xbb\xc0\xf9\x97Z4&amp;\xd1{\x00\xa0\x13\xd9T\xfdl;\x11.)\x95\x9d\xc4E\xfd\x92\xcc\\\xd4\xb8\x0f\xe1\xaa\xe7\x86t1\xb3\tj\xc9\xf6\xf9\xc7]\xe9N\xf4\xcf\xaar\tqHW\xa3[\xd5\xbe\xea\xd2\xf4\xc2\xa8\xac9\x8d\xf1\x93\xa4\x9e\x17E\xbc#+5\xfbd{Q\xae\x07-\x0b\xfe\x0c)\xa33- \xad\xb1\xcc\xefVZ\x92\xf1\xa88\xd38X\x90\xbe\x1e\xb1@m\x8a\x94|\xf6\xe9\xd7\x05\xc5\x08\xf0\x06\xf0\xd1\xf2\xbeD\xcc\xbf&amp;\xed\xa0R\x15!V\x1bV\xd13E\xceU\xc6\xb2\x04J^B\xbdn&gt;\xc4\x0e\x05a\xec&lt;\xd6\xd5\x12\x00~\x15\xf3\xe8\\\x0b\xbay\xc7@\x9c\xc6\x8a&amp;Dc\xaa\xdb\x7f?\x01\xc9\x87\xa9\x00\x00\x00?\xab\xdbboaSIX\x1b\x9e\x9b:!\x00\xbe_\xbe\x9d4n\xaf\x8b\xa9f\xf9\xf3D\xbd*\x96\xdd\xd6\xbd\xd2W\xdc\xd3\x18w\xc1\x06\xaej\xae\xbb\xd9fU\xe6\x90L\xce\x86\xecTk}z4\x1e\xc2t\xdf\xaf\xcd5\xb9\x00\x7f\xa1#/\xabR&gt;\xa9\xa8\xd2\x85\xcb@\xb0\x1cG\xe6\xb9Ii\xc7\x920dY\xa8\xc0\xc3d\xbaO\x8a\x16\xb8\xf8\xb1%\x81`\x8d\x90\xd1\x9b\xdc&gt;M\x90\xdd\x1d\x1b\xa9\xe1z\xda\xbd\x1c\xd4\x8b\xc2t\xbe*Dv\xb47\xeb\x0fA\x14/\xed\x9fB\x9a\x8d\x9b\x18\xb5b\xdaS\x9eF\x8e\xc5\xc3\x0c\x91T\xcb#\xfb\xdc=Q\x1b\x13\xae\x01\x0b\x0c\x1fb\xfc\xd8\\+\xb5\xe2\xb4\x11G:Z\x1f\x19\xf4\x7f\xd6\xc0\xce\xf8\xc9\xabO\xe7\x8b\x02\x8f.\xc6\xed+\xd4\x86$\r\xd9\x8b\x13\x1a\xb75\xc4c^"\x00\xb4KH\x1c\xa6F\x85\xa4(@3\xed#\xc1\xb7Q\x84y\x9fU\x89v\xe2\xbd\xf6\xab\xdc\xf1G$\xbd\x04w\xc5\x18\xa8CS\xd6;m\xeb\xf1\xc9\x16\xf5\xb4\xa6+D\xbe\x04\xe4;\x00&gt;\xa2r\xaa&amp;eEZ\t\xe5B\x1et\xd1\'%l*\xef\xdb6\xe5\xb6)E\xc9\x1e\xa8\xdd5\x06\x99\x96\xd7fS\xdd]\xb6\xf7\x8f\x16\xa3\x07(\xc5\xd0\xd7\xe7\xc7\x87\x06v\xf2\xae\xabB}+\xcd\xadc\x04\x9fI-/\x12\t:\x80z\x1a\xfc#\xc3X\xb3Z\xb2ex\x9e0\xa7\'\xcfQ\x04 \x1d\xcc\xe0\xbc8"E\xed\xdd\xe0\x8b\xf8\xde\xe0s\xa3\x83\xa0\x9f\xf0\x88a\x92\xdc\xa9S\x0c\x89\x97\xa9\x97\x0e\xb2\x90\xbb\x04v\x99\'@\x1c\x93\xe3Wv\xe7ha\x16\xdcJK`\xea\x7f\x88\xd2\x8b\xf8\xcd\xa10\xe4\x10%9\x0f\xa8e\x9ff\n\xedh\x17u\x08\x1e)\x0f\xde\xc6T\x00~{\x99&lt;\xd6\x96`S\xa8\xd19F\xeeiu*\x91~\xbf\x08\x85\\{\xce3\x8c]Z\n\xcdi\rf"\xc8\xbcj\xe3^)\x1br3\xcdD\x87\r\xac^\xd6&amp;\xb2\x0b#f$\x96\x8f\xa2[ \xd7\xee\xcef\xf7\x01`\xdb\xbe\x9b\xd5&gt;\xb1\xb0\x9e\xca\x11/\n\x9cZ\xecR\xb9\xf4\xb9\x02\xad\x8cS\xad\x85\xf6\xb2 \xd1"\x15\xadvf4\x9e\xa7i\x01(\x01@\x85QcB7\x81\xb2\xb8\xc7\'\x02\xd5i\x1d\x93&gt;&gt;\xfc\x15\x05juvFdg\x98r2\xf0\xa2\xeb%\xa0\xe5\xd1&amp;\x0c\x00\x8d\xd4{n&lt;\x0f\xf4)mz\xed\x81\x86,\x06]\x9e\xdc\xf2&amp;\xe5p2\xdb\xbd\xbd\xfa\xc1j\x93\xb2\xa3\x87\xae\xe7\xb6\x80\xd6\xba;d\xdb \x19#\xe2EG\x05\xd2\xc2\xa5\xba Y.\xf2\x13\xec\x84\xd4\xdb\xd7*\x85#\xd4Ni\xe8\x82!\r\xd7\x02\xcbk#W\xe8\xa1\xab\x1b\xaa\xb2\xcc$\xec\x89p\xacS\xc7W\xac92;\xfe\xdb\xa6\xa2q\x97\xc4\x9e\x1c\x8d:i\xe8\xbc\x80\x89\x076\x8e*:o\rY&amp;z\xec\xf88\x15\x18;\xe3\xac\xc33\x00\x80_W\xbeK\xa8\x882\xa5[\x1c\xd5daKV&gt;\xc0\'\x8a\x19U\'` d\xebD\x106F/\xa7\xaf\x14\xf5R\xcb\x19\xe1\xf8\xb9\xbf:\x14M\x119\x0f\xab\n\xe0\xd8qLC\x9b,b\xc5J\xe6H\x90*\x98\xc7\xf6}44$\xdf\x1c\xbb5\x06\xf8\xbd:t\xb4\x8b\x15Y\xa5\xc8Xd\xe8H5\xde\xe4&amp;F\xd4sv\x81-\x0cl9\xcf5:\r\x9a\xab\x026\x0c\\-\x0c\xc9\xd7\xe0_\xef\xcb2\'C\x07\x82:\xf9\xf5|\xe5]#\xc0\xb6\xc1_\xef\xcbqb\xadZHF\xcc\x0e\xab\x8d&amp;V\xdb\x033\xcf\xac-\xe2\xd3!f\xfbR\x9b\t\xd5\xd9R\x06U\x17\xa0J6\x1f!j\r\xe8\xf4\xf3\xbd\xb4\tj\x81s\xca\xd2\x95\x1d\x8f\xac=\x8b,\xaf\xad\xe1\x18@.\x80\xea\x93NSz\x94S\x80\x98-\x962V\xd6\xf5\x0b\xa2\xa4\x07;\xed\x84\xca\xe7\xf8M\xc6\x94q\x85\xa7\x10\xe7\t\xb0\xbeu\x99\x0e!%]:\xf0\x08ME0\xad\xdf\xca\x97\xedH!\xff9\xe2"\xa7/\xeb\x05\x00\xbff\x81]KW\xb0\xa6a-\xd5\xc9\xa4\xfdBZG\xc1\xa2j\xe9\xbeI\x03\x00\x8b\x17\xc0/\xd0"E\x07\xfc\xc1\r~\xf0A|H\x05\xff%\x89R\xa5\xae\x9d\xe6Z\x0b\x8d\x0e\xf6\xaa\x91q!L\x01\xb6\'\x161]\x1bk\x8d\x19\xe0\xff\r&gt;k\xca\x0e\x164\x95\xf2\xdf\xf2\xb6\xec\xbd}\x12g\xbb\xfd\x9f\xee\xf1\xc6T\xdb\x88\xa9\x84!bE\x99C\xa4\x01\xc0\xa2\xac\xba\x18\x90A\xb6,?\x9d\xa4)\xf8\xd7\x94\xd1\x91\xa0\xf0\xd9P"q]\xc8\xa6G\xcd\xa5\xfe\x04\x9b\xef\x99\x16\x15\xfc\'\xcc\xf6\xf98\xad!I\x99#B\xbfq\xb7\x8a4\x8b&amp;\x1ah\xef\xe6\xec\x0c\xae5\x9e\xc9tW\xc2\x07h\xcd\x14\xa7GVQaQ&gt;\\,,E\xbb\x0c\xa5q\\x\xd2 f\xb1\xca\x02S\x8fbF\xc3&amp;\x9e\xc4\xd80\x7f\nP\xe6\xf2\xdeJ\xdf\xdc\xc5#q\xb9d\x18\xdf\x98,\x94o\xad\x8a\xfbH\xb2C\xbd_S)\xb1u\x80\x95\x11\x10\xe8w\x18\xacu\x16\xf4\x15\x01\x00\x00 \x00IDATi\xc5\x942\xe7\x80\xe1\x98-\xaePx\xfc|\xf4n\xa4\xda\x7f\xc2l\x9f\xfd\xa0P\xa6\xfcb\x114V\xcfoZ\xa4g\x15B\x01\xe0\xc3\xb9\x8bb\x9a\x8d"\x9d\x01?+\xf8\xbc\xd0\x0e\xddTJ\xca\n\xe9\x13\x00\x8c\x1ao#\xe6z\xac2\xb9\xc0%\xea\\\x96\xc4\xb1\xe7s\xd8\x01\xe6\xa1 \x83%\xe6\xfdg\x02\x92?\xb5,\xbf16\xccg\x95\x06\x98\'m\xa7\xd7\x93\xbf\xa6\x97\xd8c\x1d\x13\xb7d\xac+\xad\xed.!{\xdd\x82\xd9\x08\xb4\x0f\x04\xf8\xde\x87\x95J\xef\x1f\xb2.\xf2\xb0c@\x8f\x10,\xea\xae\x1b\xee\xd3s\x1d\x0b+\xe5\xb9\x19\xa5Q.\xd1&lt;\x8dYf\xd08\x85\xa6e\xb8\xfd\xe0(7\xe5\n\xac\x01\xbe\'d\xa7\x02\xc1"L\xaf\xf7\xcc\xccqVqq&amp;XN-\x12J\x0b\x8c\r,_Dlk\x86MD\x12m\xdf\xff\xae\x12\x97\r\n\xc8\xc6\x16\x16\xa9 p\x1a\x1ck\xd7\xcc\xa6#\x99\xcbK)\xdf\xb7t+\xdb\xf2\xc1\xee\xccA\xa0\xc1|YvP5\x02H&gt;TY\x8ba4\xa1D[\x99\xd6\xa0\xe2\xcdx!C\x1c%\xcf\xb44_\xc4\xd1T\x14\xc7\x07\xa3\x10\x1b\xb8]#\xdc\xc9\x97d\xae^\xa1\xdf}\xb4\x99\xa0:\x0f\xe4\xe9pT\xf0\x96\xd1\x02\xe0\xb0\x9ba\x0b\xeb\xd12\xc9\x16\xe3\x86\x0f\x1c\x94v\xb3\xf4\xf5\xac\x9d\x87._x\xb7\x05a\x02_\x8a\x8bLv\x00\x96BQQ\x15\x83\xeeU\xb9[\x87\xa4\xbb\xac_\x95\xec\x14z\x1e\t\xaeu&gt;\xaf\xe8P\xde\xda\xaa:s\xce\xdf\x10\xa1t}\x06yU\xeb\xb1\xec\x02u\x83\xa9*J\\\xa5Y\x02\xa5:!\xb9\xcb#\x84|\x96\x91|5I\xc2-W\xa9M_\xa1\xa6\xc4\xb4Z\x98S\xb0\xaaP\xf0s\x1b\xe9\xf3\x86\r\xdf\x12+\xea#\x942\xf1\x1f\xe3\x88\x81\xf0\x12\xdf\x1d\x8ey\xb2\xf5\x10\x00\xff\x0e\xb1\xbc\x137\x90s&lt;x\xff\x81\x1a\x91\x9e3%9n\xbb(\xb3\x81e\xac\xd9v\x9f\xad(\r\r\xaf\xe3\x01\xf1.AK\x94\x88l\x83\xc5\xe4\x17g\x9b&lt;D.\xfb\xadQ\xa5\x18:\xee\xfc\xfb\x8b1v\xdcZ\xe35\x9a?\x15\xaa\xd6s\x8a\x04\xbf\xe7\xf1\nO\x00\xf8\xf1\xd9\x13\x116X;5k\xb0xM2\x0f\xa9\x19-d"\xa1\xf0\xf0\x1d\xd4\x96V\xc2\x98RW\xe2\xdb\'"R\x0eKg\x88\xcdU4J\xb8\xf7\xfe\xe5\xe1E\r\xfaZ\xfb\x83\x93\xa04\xac\x0e&amp;&amp;~0\xa0\xdb\\\x84%\xc2\xe8zzq\x9bce\nv!\x9d#}v\xe7\xf4\x03\x84\x8e-L\x93+bb\x86\xc8+\'\xb1\xbdl\x0e\x1b\xfe9m\xea\x86\xf4\xcdR\x89\xc7X%Hn\xe9x\x00\xf1\xc2\x1d\xb6i\xf20^X*\xba.8$H\xa4\xda2"Y\xc7v\xc0?\x18\xc14\x18\xb0i\xe0\x94\x91&gt;\xfa\xd3\xa6i\xa5\xb8u\xfc\xe2+T\'WB!\x1b!\xcd\xc6\xea\xbdt\x837\xabc\x9a\xe5\x14\xdd]3\xc7%1d\xb4\xb6\xab]\xef0\xa7\x94\xe9Sz\xf1\xbap;\xdc{\xfd7\xa2nD\xe2fN\x19\x9e.\x15\xa7~\xe7\xdf.\x03\xfc\xa8\xa8\x97`\x12\rT\xf6\x01\xfbme\xe8\x19\x01\xfe\xc6f\xb9\xfb\xff\xd5L\x91\xda\xb1+o\x9f\x9dk\xf9\xf7\x16tS\x16p\xf2\x97\xaa\xd7@\xfed\x88t\xdcP\xb3\xe8\xf4Y\xaeF\x8c\xf2I\xa8:\x1b\x02\xfa/\xd7*\xafO%P\xd8\x93\x06\xc4l\xc2f\xf1-\xd4\xf6\x14\xc2a"\x95\x9d\xbb\x17L\x9f{\xe7\x89`\xbe1\'\xf8\x1a\xfc\xcf#\xc1\x17\xe5&amp;\xc9\xf2\xc4\x9b\xd2\xbb\xd2J\xb8\x88\xb9w\x18$j\x18\xb6\x19t\x86\xe3\xb6\x01\xc0O\x94\xa5zl\x80\xc8_\xc4\xa5\xdc\xaa\x88\x94D\x91\x0e\xf1\x95\xa2y\x00\x80\xdfq\xf8\x93B\xb6Q0\x07\t\xa6z\xae\x9f\xe7\xb4T]e=q\x9a4\xaa\xab[g\xbb\xf4&amp;\x01\xb8F\xb6t\xf3&gt;q\x9f\xa8.\x10\x01\xb8\xc5\xe0^^K\x85\xed\xc1\xaf\xa5;c\xd5\xd0\xb6\x0bF\x8bKfZ\x97\x80\xe9\x0e\xc0\x88\xf2\xa64g)\x8dg\xea\x84\xb3\xb6:I\x1b\x82P.Rvf%F\xa5\xb2\xd7\xee\xa7\xfej0\xbf*\x9ehoca\x12pTu\xc5&amp;\x05\xec\xc9\x10\x049\x95}\x8c\x98\xeck^\xde.\x93\xc2\xa1\x810;\xf8\xe4\xa1\x92l\x1c\xd3\x19\x92\x83t\x0024V\xa1@\xe5\xd86K\xf6\xf8\xe71\x1e\x94o1\xb9\xe8\x9e=\xc6\x01\x80]\x10/\x12G\xe7+\xb9\xb37\xe6\x0e\xafP\xa1\xfa"\xfa@\xfeN(CH\x84\xc3:;"\xa2\x00\x08\xe5\xe1\x8bnjX\xef\x1c\x019\x06\xf8\x9d-\x9cSI\x90[&lt;\x87\x1e\xb6\xffI%\x9a}\xd0\x7fs-\xab~\x94\x9aQR\xbfl\x93\xa9\xe6\x82\x1d\x00\x0c\x0e\x03\xb8\xd0\xb2\xe7,\x1d\x84t\xd4&gt;\xdd\x02\xfe%\xba!%\x94)\xbd.\x84\xfe\x1a\xc1\xf3D]\x1fz\xa7U\xf0\x0eC\xc6\xde\x8f#\xb2\xba\xa2\xcf\xb9\xc5Y\xecR\xe7\xdb\xb6UOE\xc2;\x00\xc0W\xa4\x17\x8dK\x1f!\xf7\xea\xdd\xd4\x7f\r\x14i\x14)&amp;\xdfz\x06\xc0\xd9\x98\xba\xd3_\r\xc4M\xeb\xf0\xa9\xcd\x9b&amp;\xad\x99\xaa\x18\xac\xc6\x9d\xa2\xafL\x92\xddifsF\xbc/\x99oE\x06:\x1dAw\xc1\x1e\x88\xd5\x12\xe9\xf6\xadD\x8a\xcb"Sy\x93\x93\xd2\x10\xc8\xd1\x82\xe4\xb0\x0bsOU\x97Q\xe8\xc5m\xbf[\x18\xc3]\x96\x9aeC\xc5X\xcb\x83\xfd\xf7\xd2\x04}\xdb\xf8F\x1f\xc8\x1d?\x15\xe0\x17S\x88#\x85\x88v\xad\xeb\x97\xd1T\xe9\xd1\x89\x99\xda_5\x97\xcf\xce\xd1\x97J)#\xd7\t\x04e\xfd\x96\x05q\xbc*ji\xf1\x9b,\x01\x04\x85\xd7j\xc1a{y\xff:\xb5[\x95].}\xc3_\x8f\xde\xbeD\xb18\x9ak\x83\xc6]\x06qA3\x16\x91\xec\xc6\x11\x1f\x08q\xaf\x19\xb5\xff\xe1\x0c\x97\xff0j\xa6\xe5I?W\x83\x08}R\xc6\x95}\x8aAZ@\'\xfd\xb3T\xed\x94\x91=!f\x1eaO\xc9\xa0V$a\x90\xd2[N\x1df\'\x926\\9\xac\x81\x08\x82\xae\xace1\xa3O\xc3\xaa\x81\xf6p\x9a\xa9\x18&lt;\xcb\xe1\x88\x814\xe6\x9ak\xbd\r\xe1\x8a\x11d\xabif\xb76\x06\x14\x85\xe0NP\x11*\xd9"\x9dH\xe9\xe9\x1d\x19V\xb7\xad\xd8C%w\x93\xf6T\xb2,\x19(\rR\x83\x84\x00\xd9\xebt\x19d JNo\xff\xdeV\x89\xb6\xad\xa0(\r\xc2\x0f\xe2\x99\x8b\x8d\t\xbb\xf1\x8f\x81\xa9T\xf6V_\xe9$\x88\xb3\x95*\xb5\xe1\xd8ei\xdc\x00\xc6K\x0bm\\\xa56\x15\x00\xfeQV*\xae\xa0U\xef\x1b\xee\xf4\x81^x,g\xfa-\x01`o\xf4/\xd1\xc4\xc8\xf6\xd5\xea\xc2-CArE\x11%\x82\x99\x1d\x80\x86\xd9h\x01~;\xa1\xcd8\xf1\xa6F\xb8h\xfa{\xa8\xfcj\x8e\xdaH)\x0bej\xe3\xdb\x8e\xe2"d\xd6L(\xd3\x8a\x94S\x88\xbc(]d\xb7\x10F\xdc\x00P\xcaa\xabb\xefw\xe1\x1fW\x04\xae\xee\x9e\xc3\x06w\xc2\xa9CoDkV\x8e\x1a\xde\x0c\xe9KV\xc9\xd4\xa8?\x81\xfc\xb3\xe0\x98\xf5\xbf\xc5\x8a\x0b\xa1\x01\xb6hU\xe7K\xe0\xd4\x94\xf8fd\xc03\xe5\xf6\x00P$\x9e\xe8&lt;\xe3I\xcb\xc5\x04\x96\x00\x00\xf0\xa7P"\xb2\xe1\x08\x02\x00\xe4\x9e\xda\x04m\x03[\x11i\xf5\x0f&gt;\x90\xd7U\xbe\xfb\x98\x05%\x0c\x00\x8d\\N\x02\xc1\xc0\xbe\xc8@\x0c\n\xb2\xeb\xf6u\x97\xb9\x80\x87\x04\x00VB\x8aw\x89\xba\x8b\xbdg\xf5V%+n\x06\x97|\xc9\xd1\x1f\x92\x98j\xf6mv\x94\x9d\'\xf2\x8d\xed4\x9e\xa4\xf2!\xad\xb2qQc_ \xc8\xb5\x101\x05(t\x8f.R\xcab\xd5\xfd\x19\xb7\xcbU v\x08Z\xea\xabN\x7fg:\x8d\x1c\xb5\xba\xbc\xf6\x13\xf4.5R[a[\xd6\xa8%\xa9\xfd\xdc\xff\xfd\x91\xfd\xf3N\r\x00\x00~d\x17\x93b\xa2P(\xa0\x87\xe1\x84\x14};f\x12P\xfe\xd2\xc9\x10\xcfT\x8d\xb2,\xe5\xe4\xb7e\xc6~\x83\xde\x06\x06)\xb97HqX\xa4\t\xebu\x82SO\xef\x12\xc5y\xb9\xc2\xf7P\xe9\x0f\xd8[\xfc\xc0\x06\xf06-\xee\x87\x00@[\xc6?,b\x8d\xef\xeaR\xa9R\xf1\x04@R\xc2\xccn\xa2\xd6Q\xe0V\xd2JK\xa1W~\xbbCdz\x0ed*\x90-\xd4\x9a\xeb\x8d\r\xcc\x1d\x01\x88k \xdf\xb7\xd0\x96\xb7\t\xe54f\xa1oJ\xa8\xe0\xebU$\xe1R\xeb\xa3\xa5\x92\x03\xddo\x89w6a\xcb\xd2g*\xa9m\xdb\xb6\xed\x8d\x066y\x0e\x87\x85\x04\x80R\x9cn\x19\xf8o\xa5\xb1v4a\xb8i6\n\xf0WP\xca\xdd\xc6f\x14\x00\xb8C\xe0&amp;V{\xa1\x86\xc3D\x82\xc8\x17T]\xc3\x90\x80j\xa7\x07]\xba\xc0\x9fh]\xee\x87?\r\xe6\xd1\xfd\xfb\x0b\x8d\xba\x10\x94\x02(\xbd\xe8\xb1\xbd\xda\xa8\xb3\x057\xba&lt;\x157]\xa2\xdc\xdf\xeb\x99*\x7f\xa0\x93\ne \xf2FZ2\xb7\xc5c\x06K\x0e\xf9\xadf\xc6M\xc6!\xa9\xa1EE\xdaH \xf8\xb4\xf1Y\xe9\x14\x98S\x0b\xf0\xfcWQ\xba\x07\xcd\x8e\xe3U\xe1\xb5\x8bm$9\xddse?\x13\xfb2b\xb9t\x94%\x16\x13\xda\xb7J \'\xb7lf\x16\x11l\xa7\xd0\x9e\x82dh\x1e\xe8SX\xcc\xe9\xfaz\xa3\xb1\xa0I\xa4\xcc\xe8eF?[\x05\xd6"n\x84T\x0cV\x1cx\x06\x8f\r&gt;\xaeH\\\x10\x00\xb8m\x1a\xa3\x97n.\xa9N\xdf\x08\xfb\xecd\xb5\xf7\xda\xf7\x18q\xff\x13\x846\xc8-\xb2W\xb1Jk\xcc\x12&amp;G\x1dU\xcd\xef\xf7\xed\xc2O\x86\xa9\x86M\xfc\xaa\x1a\x0b\x96&lt;\xb263\xc4i.5a6P\x8e\xd9\xa0\x17\xba\xce\xed)JV_W\x0bz+\x9d\x1a\xeb\x98\xe4\x18\x8c\x96y\x8d+z\x1c\xbf\x06\r\xaf\xaa\x8f\xe8X\x97\xbf[sU\x94\xa0\xf2\x11\xdfS\x1b%\x91\x05c\xe1*\xb8eF\x90\xd2?\xc5\xd8^w-\x93\xd0\xe1dw\xfdf\xb4T\xedK\xe7B\x17(\xec5.P\xe0\xfe\'\xfcp\x86`\xa65\nEm\xb0\x8dx\x9a\x99\xb0\x13\xa4\x1a\x14\xe99/\x91\x1d^\x13\xe3j\x9d\x90ho\x00\xf5oo\xf0\x98\xd2\x9b"DF\xdbW\x89\xf9\xbfgW\xe1i8hQ\x15\xa4\xc7\x1b\x88\xd3\xf9\x9d\xc6\x9d\x9c\x11\xd4"{s\x83\x9d]\x9f\xe9&lt;\x99\xc9P\n#\xfc8\x9d\xa1\x9c\xfe\xf9\xaan\'\x9e\xa8T\xf2VDu\xc7\xa0\xc2\xc2\xda&amp;\xbfD}G\xd8\xa6\x99jh/q,\xd5\xf7\xc4hW\x0b\x9e\x18-\x0f\x80\xb7\xae26J\xe9\x07\xe0\xb0\xcf\xcd\x1a\xf1\x8e\x1a)aQ~9\xa4\xab=[}2\x1a\xeb}.&gt;\x14|\xde\xf2\xdeG\x9f/"\x8f23%L+\xd8\x1d\xfb\xdc\t\x8f\x19&amp;\xab\x02\x9d\x13\xe9\xec\x08\x06\xdfM[\xb2\x89)\x15:K\x94\xe1\xd7\x08\x98\x9c\x07\x94tO+\x19\xc7I ,\xee\xd7\xbf\xb6\x91=\x8a\x99]\xbf:\xd2$h\xff#\x9f\x86\x03|S\x81N\x9e&gt;\xca\x9au\xbd\'f\x90a\x01tX*\xac\x9d\x97\x91&lt;*4\xa3\x81\xa8\xec&lt;\xfaC\xbchK\xdeDk\x98\xe4\x1d\xdd\x02\xc0\x87\xb0\xd6\x08+c\xa1\x12\xe9\xe1dJ\x17\xe3\x1c\xe8,F\x96\xaf\x8a\x10\x1b?\xae\x93\xf7k@H\xfaX\xd7K\x8d\xc5s\x83\xc9&amp;\xa3\x98%\xb5\xb8\xe9\x10}l\x9faF\xb2\xf4\xd1\xac\xee\xfa\xc7\xa9\xd17\xaf\x16\x90\x94\x04:d\x84\x06-\xa9\x04\x17_\xbc\x18\xf0\xf4\xa94nE\x8d|\x8e\xb4\xa3X\x02doad\xc5\xbb\x86\x1be\x1e\x8b\xe1\x19\xd0\xce;+IvZ)\x02\x97H\xa5\xdc\xc5Q\'/\x1b\x87\x02\x97WC\xf7\xe30\xd1\x93\x12:\xaf\x16\xa9(\x15];\x8c_x\xa6\x08v\xd0\x0b\x8f\x94~\xe8\xb4\x0f\xb5|7\xba\xf2\xb1i\xb3O\xe4\x8aGlF\xaew1\xf9\xf3PO\xf3M\xd9#|ke\xb4\xd4\x88\xb9\xba\xc2\x92\x83\x9f\xcd\xa2D\xe5\xa5B\x87\xe2\xb2\x89\xa44$*\x12\x97mz\x96vM\xd3!qp\xf9i\xe1\xea\xfc\xdb\x8a\xec\x86M^\x955%\xf5\xcb\'\x9bm|\xd5\x01\x00\xf0\x1d\x96\xc4\xf5\\\x8c.t\x93\x97\xdd\xfb#\x1bb\x16\xab!\x8a\x12\xec\x81\x88\x8d\xe9\t\n\x92{\xe1\xbd\xe0\xb9Q\xd6U\xdd&lt;\x16;\x1e\x94\xf5\x02\xcc\xfd~\xb5q5w\xa3\x03\xb6\r\xbe\xbf\xdeF\xc6+\xdb\x81E&amp;\xeb\x8f\xf6\x83\x90\xa7\x8b\xd9`\xdb\x08\xafWa0\xdd\x19m\x84\x81\xff\xcd\xc2\xf5\xafBX\xe4\xd8\x11AY</t>
        </is>
      </c>
      <c r="E51" t="inlineStr">
        <is>
          <t>&lt;class 'numpy.ndarray'&gt;</t>
        </is>
      </c>
    </row>
    <row r="52">
      <c r="A52" s="1" t="n">
        <v>50</v>
      </c>
      <c r="B52" t="inlineStr">
        <is>
          <t>steps_per_sec</t>
        </is>
      </c>
      <c r="C52" t="n">
        <v>800</v>
      </c>
      <c r="D52" t="inlineStr">
        <is>
          <t>10.17919</t>
        </is>
      </c>
      <c r="E52" t="inlineStr">
        <is>
          <t>&lt;class 'numpy.ndarray'&gt;</t>
        </is>
      </c>
    </row>
    <row r="53">
      <c r="A53" s="1" t="n">
        <v>51</v>
      </c>
      <c r="B53" t="inlineStr">
        <is>
          <t>Loss/object_center</t>
        </is>
      </c>
      <c r="C53" t="n">
        <v>800</v>
      </c>
      <c r="D53" t="inlineStr">
        <is>
          <t>0.23565799</t>
        </is>
      </c>
      <c r="E53" t="inlineStr">
        <is>
          <t>&lt;class 'numpy.ndarray'&gt;</t>
        </is>
      </c>
    </row>
    <row r="54">
      <c r="A54" s="1" t="n">
        <v>52</v>
      </c>
      <c r="B54" t="inlineStr">
        <is>
          <t>Loss/box/scale</t>
        </is>
      </c>
      <c r="C54" t="n">
        <v>800</v>
      </c>
      <c r="D54" t="inlineStr">
        <is>
          <t>0.22626944</t>
        </is>
      </c>
      <c r="E54" t="inlineStr">
        <is>
          <t>&lt;class 'numpy.ndarray'&gt;</t>
        </is>
      </c>
    </row>
    <row r="55">
      <c r="A55" s="1" t="n">
        <v>53</v>
      </c>
      <c r="B55" t="inlineStr">
        <is>
          <t>Loss/box/offset</t>
        </is>
      </c>
      <c r="C55" t="n">
        <v>800</v>
      </c>
      <c r="D55" t="inlineStr">
        <is>
          <t>0.33491927</t>
        </is>
      </c>
      <c r="E55" t="inlineStr">
        <is>
          <t>&lt;class 'numpy.ndarray'&gt;</t>
        </is>
      </c>
    </row>
    <row r="56">
      <c r="A56" s="1" t="n">
        <v>54</v>
      </c>
      <c r="B56" t="inlineStr">
        <is>
          <t>Loss/total_loss</t>
        </is>
      </c>
      <c r="C56" t="n">
        <v>800</v>
      </c>
      <c r="D56" t="inlineStr">
        <is>
          <t>0.7968467</t>
        </is>
      </c>
      <c r="E56" t="inlineStr">
        <is>
          <t>&lt;class 'numpy.ndarray'&gt;</t>
        </is>
      </c>
    </row>
    <row r="57">
      <c r="A57" s="1" t="n">
        <v>55</v>
      </c>
      <c r="B57" t="inlineStr">
        <is>
          <t>learning_rate</t>
        </is>
      </c>
      <c r="C57" t="n">
        <v>800</v>
      </c>
      <c r="D57" t="inlineStr">
        <is>
          <t>0.00037000002</t>
        </is>
      </c>
      <c r="E57" t="inlineStr">
        <is>
          <t>&lt;class 'numpy.ndarray'&gt;</t>
        </is>
      </c>
    </row>
    <row r="58">
      <c r="A58" s="1" t="n">
        <v>56</v>
      </c>
      <c r="B58" t="inlineStr">
        <is>
          <t>train_input_images</t>
        </is>
      </c>
      <c r="C58" t="n">
        <v>800</v>
      </c>
      <c r="D58" t="inlineStr">
        <is>
          <t>[b'512' b'512'
 b'\x89PNG\r\n\x1a\n\x00\x00\x00\rIHDR\x00\x00\x02\x00\x00\x00\x02\x00\x08\x02\x00\x00\x00{\x1aC\xad\x00\x00 \x00IDATx\x9c\xed\xbdy\xfc&gt;OQ\x1fX-\x08\xa2\xae\x8a\x80\x17\x9e\xa8(\x1e\xa0\xe8\xae\x07\xdexK\xe2\x15\x8d\x1a\x89J\x8cG\xa2FM\xf0\x0e\xa2\xb2\x9a\xf5D]Q\xbcE&lt;0H4\t\x91\xd5xF\xd0D\x05\x94x\xe0\x01"\x04D4\x1aDE\xa2\xd6\xfe1\xd3=\xd5]GW\xf7\xf4&lt;\xcf&lt;\xcf3\xef\xd7\xef\xf7\xf9&gt;\xcfLuUuwuuuu\xcf&lt;\x01n\x1e\x888}\x08!\xf0\x8b\xc5u\x91\xc0*\x9e\x17\x16e\r\x81\x873\x02\x04\xf2y*\x96\xee\xf2\x82E\x1dM\x82\x90X\x0e\xaf\x9a\x01DX/m\xaaE\xd6}\x00@\xdb\n\xb1\xbbR\x13\xf3\xd7\n\xe1\x0f\x95\xa6\xa6\x9d\xd2+"k\x04\x84\xac[\x938g-pb\xc7\xcc\xbb\xda\xaf\xf6\x88\xf0c\x96\x0f\x00\x92\xc2Ssi\xe3\xab\x0f\x88\x7f\x04p\x8fb\xfc\xa6F\xa3\x94\xa7\xb4\xed\xd3\xe0\xe5\xce\xad\xc0\x99\xa1\xfa\xcd\xf7\xaf\xf4\xb4\xc7\x14B$\xc2\xe9?\x84i\xb0\xff\x91\xdb\x8c\xd8(\\\xaec\x8e$\xb2\xc20\x92\x86\xe9?\x82j]\x16\x0e\xdc;\x80W\x81\xd1\xd0Z(\'*Z\x89\xa1\xa8~\xc8\x9dr\xbf\xf7\x8f\x1f4\xef\x0fn\xef\xcfz\x9a\xaa\x97\x91\xcd\xbe\x9b\xe9\xec\xad\x85FVk\xc3\x81\x98MT\xd2$\xe4\xb7\xc6X[x\r\x80\xd7\xe35++{u\xde\x1fF5\xe0\xe5\x82G\x7f\xade\x134&amp;\xf2\x98\xedjx\x1e\xdc\xb52\xc5\xe8\x1d\xfc~\xa7`N[\xcc\x19\xf4\xad\x0fr[\xa15Tk\xbb\x0b\x8b\x03D\'\x1b\xd1W\xae\\I\x18\x1c\x8a*\x87\x10\x9e\x05\xf0F\xed-\xcf\xd7\xbeMQ0U\xa3\xaf\xb2\xff\x08\xe0\xb1-V\xbaf\x08\xdbL\xb2\x8a__\xf0\x0f\x00\xc7\x04\xb0~u\x9f\xd02\x01T\x8a\x08L\xc0r\xfdk\x1cz+\xa8\x07\xf4L\x00C\xc6g\x07\xb4LH\x03\x07)lG\x04\x80\xba\xcdLd\xa9\xec\xd8\xd4\x9f6\xa1.U\xee\x15\x13\xf5\xfcy\x80w\x016\xeb\xfb\x19Oy\xa4u:\xb8\xc4y\x88=\xf1G\x91\xf4\xeb\xd0\xe4\xc0\x8d\x02\xa3\xa1h\x0bd\xd4\xe1\xe2\xef@\x83\xb6\xe3V\xf1&lt;\r\xc59\xd3;\xa7\xc9\x1e\x88\x90\xfb\xc5QJ\xac\x98\xa7\x1aX\xce&gt; \xb4N\xe5\xfa|\xab\xb8\x8bZu&amp;\xe2\xd8\xd4}\xad\x8d\x00_\xd3QLT\x86\xce\x81\xecz\xb5\xac\xa7\x02\x85\x05V\x95iR\xe3Fp\xc7s+p\xf1Xv?\xe7\xdd\xa9\xb8}T\x8b;\xce\x12S\x8c\x14\xaa\x0f\xa1W\x03\xf8\xd3|i\x15\x02\xd0\xf6\xc0\x8d\x97\x05E"B\x16\x84\xeel\x0e\xcc[\x93\xd1\xa7\x05\xa3k\xf3\x95G\x16A\x7f\xad \x9f\x10\xe5\x987bIB?\xd1\xbfP\xdb\x8d\x9f\t\xea\xae\r\xe9&amp;g\x08\xc9\x86\xbb\xfb#\xd5\xbalOD\x8c[\xba\x00\x8f*\xa4\x17x_\x80\xbf\x8e\x9f]{l\x00H\xf6\xab\xb5\x11\x17B8\x9c\xbd\x86c]3\x12BX\x91\x1f\xa8h:\x8f\x91\xf3\x8c\x83t\x19N\x19\xcf\xd3\x83W\x96f\x0c\x8a\xf41\xcb\xae\x82\'\x91\xa2\xc9m\xca\x0c\xbc,\x84;\xab4=\xd9\xfc,\x1d\xc4\xe6\x02d\xdd\ry\'\xf2\xbcJF*\xb2\x92\xac\xc8\xd0Pg)\x89x\x83\x00\xcfi\xcd\xf0\x80\x96\x03,T\xd0f#\xeb\xacZ\xfb\x06@\x95m\xd1\xd7E\xfc\x81\xaf\x0b\xf0\xdc\xfeT\xf0E\xe3\xd6O\x01q`Z}\x8fX%\x8a\'m\x1aM-\x9d$\x82)\x14\xdc\x89\xa1N\xb5\x98\xeb\xf5\xb1y\x94\x1d\x82k\xb1\xdf.\x14\xb1\xf9\xe0\xe7\x9dbn\xa4]\xda\x0cR\xb5b1\x81E\x1d\xe8\xb7|\x01\x14 ds\xc5\x0f\x152\xa4\xe6\x92\xcf\xba\x88gcB`T\xaeV\n!\xc0[Z\x9c\x15\xac\x1a\x19u\xef\x0f\xd6\xfa\xd2\x96\xcd\xefF\x9e1E\xb6\\\x8f\xb9\xa0\xe7.F\x95\xd2J\xa6\x90\x03W\nd0(\x8d\xe2z\xa95*\tJ6\xb3;\t\x96\x19T\xd1\xb3{\x98iE\xc4\\\xb3\xddL&lt;Mo\xcb\x9d\xb3,u2U\xc3t7O^\xcb\xdb&lt;\n\xf3\x07pn\xc5\x95\xad\xad\xa2\x98MK\xbd\x1fG.\xb2\xbb.\xfe\x95\x16\xa8l\xa5\xe8\x96\xf0\x10\xaeO!\xabU\xd5+\xc0&gt;\x82\xc9\x1d@\xecr3T\x81dl\xe51A\xbdX{\xfc*d&lt;\x88\xaa\xbe\x0cFT\x97\x1dg\xdc2\x0b/&gt;\xc5C\x84f\r\xceH\xc5|\xae\xa1\xf3\xd4\x1b\xc5\x1a_d\x1fo\xf5\x9e\xc4\xad\xf4\xef\x92j((\x17\x95H&gt;GN\x07)\xfa%\xcd\xb5\x04\xa0\xad\x9b\x07\x1e\x0e\x939IM\x9a)4\x19\x00\xbd\x15H\x94}\x82\x03BY\x91\xb4\xcf\x81I8O\xcc\n\x17\xaf\x1eG\n\xa8\x04\xcf\xd8(d\xd9\xe8E2\xa4\x8db\xb6Q\x89Q\x87\xc9\xcf\x15\xa7p\xdf\x9at\x158\x0e\x8a\x7f\xaa\xe3g\xce\x8aH\x1a\xf6\x88\xcb\xb9\xc4\x94H\x00\xb3\x1f\xb7\x89\xf3H\xc6Il\xcb\xe4\x92\x8a\x1cQ\xac\x80j{\xa1\xf4\\\xc5\x97\x8a\xc9\xd6\xf5\x8e\x13\x97i\x03\x81u.\x1d/4Y\x16\xc9\x0b)\x9f(7KU\xbdR\x0b/B\xae\xca\xdb\x84,\x91J\xc2\x91l\x1akQ\xe6\xc0U\xc0\xb0J\xc4W\xd7n\xae\xf4\x96\x1d\x89\x88\xa6\x85\xaa^#y\xee\xf7p^\x99RG\xf2AdS(\x80\xca\xf5\x8a\x14\x9d\xf3\xa6\x0b|1\xbd &amp;\x1fz\x18J\xacZ\xf9\xb4*_a[3\x86\x82\xdb=\xbb\xb3\x7fz\x8a\xa6\xa3;\x1f\x92\xab\xd1\xde\x98\xed"\x0f\xec\x1cF\xff\xcby\xcf1B\xbf\xd1K\xd92&gt;\xbb\x93\xecP\xab\xdd{\x94\x1e\xbc\xb91\\n\x05?\xbc n\x9auf\x9d\x1e(]l\xd5\xd6Oj\xca\xe2}\x87\xf8\x16E\x11\x9b\x0f\xe6\x93bkM\xea6\xa3\xc0K\\g[\x16t\xeb\xceY=&gt;\xbb\xbe}HNu^\x19\x00\x1d\xd8)D\xa3\x9c\xbb&lt;\xbf3\xd0\x02Z\xb9$;\x9c\xc2g^\x1c\x11\x11\x1f\xc4\xeb\x82\xb9\'"\xd7\x15\x11\xba\x02\x92&gt;\xbc\xdd\x8c[=\x8d\xd7\xea2\xe6V\x92\x9a\xc8U|\xdd$\x9a\x980\x95r?\x98\xdf\x92\x99(\x0e\xb3\xc3\xeb\xd9\xd5A\x052\xb1o!\xc2\xdb\xd0(Rc\xb6\x9c\xd0\x13\xa5h\xf5Z\x8f\xac\xb2G\xf8\x7f\x95P\x87\xd9\xecG\xb2[\x1e\xd3\x87\xd5\xee\x03\xa4E\t\xe27\xcd\xde_\x1c]\x9fP\xe8\xf6\xebu\x11\x82Pu8)\xf3\xcd\xacC*\x95\xaeU\x1a\xc8\xd0\x8a\xe9\xb0\xbe1\x1b\x15(\xb15\x7f\xb5\xcd\x93\xdf\xf9\xf3\xb6\xf5VAZ\x9d\xcf\n\xe6\x1eO\xe7i\x1d~S,\xc1\x1b\xa3}q\xe3.\xd0\x88\x8e\xf5\xd6\x81\x0b\x83f\xca\xf3\xd8c7\xab\xa3WK\x8f\xb4\x0c`2\xf8\xf3LH\xa1\x15j\x89\xe6\xe6fX\x94l &amp;\xeb$r\xc5\xfb\xa4\xbe\xa6@\xd6\xda\xbd\xeb\x86\x02_\xdc"]D\x938\xdb-6\xb1\x16:\xd7\xed\x9d\xc5\xaf2q\x85e3\xfc\x1cKc\xce4o(k4\x10\xb6\xbf$\xe3\xdb\x1d\xeb\x92\x03W\x02|b\xfe\x95\xf4\xb8bO\xb2iHc5#x\xa8G\x99\xbc(\n\xd7K\xf6\xd5\x01\xb0\x1d\xeaJ63\xdcD\x7f?O\xaa@\xaa\x82XZX\x159\xd3#\xeeFR:]-!N\xbdv\xb1Qm-\xda\x80\xb7l\xa6m\x03\x07O\xeb\x14w0Ii\xe2\xec\xac\xc9\xe5\xe0&amp;\xce\xbaV\x11\x03h\x80\x96\xd3\xca\xd4\x1e\xd4c\xd1\x04\xed\xaf\x7f(\x8b\xd9\x9c\x97\xbb\'?\xc3\x9c\xda/\x04A\xc9\x1d\x1e\xa9\xc6\xda\x03\x19S-\xf2n\x85T\xc9\xfci\xe0\xd2N^\x1f\xe09y#\xa8\xaf(\x88|\r2\xdb\xed\x94\xcf\x88\xe4\x0c\'\x12\xc1\xbdo\xdf%\x9a\rwqxJ\x08\x0f\xf0\xca"\xd0\x1f\xa0\xa9\x91\x91\xa7\x19l\xe2K\xc7\xad?\x07\x80\xef:\xf5\xf1\xd4\xcd\xbf\x98\x1d\xcd\xae\x97\xfeK\x81\xe1\x08\xad\xa63\xf2\xc5\xc1j\xa2\x94\xacZ*5\xdcB\xab\xd9\t\x98\xda\xf0a\xe5a\xedm\xd4\xa9\xabT)\x8b\xd8\xf7\x16\xa2T\x9e^\xe5\x9c\xfe\x00\xbc\xafU\xa0D\xc2\x93_-)\x94\x19\xef4\xfds_\xc2\xb6"\xf7\x14\xe8\n\x9d\xc9\xabS,\xef\x0f\xf9\x83\x08\xbc8\xbddH\x99\x80H\xff\xa1\x9c\xaf\xca\xef\'\\g\xad\xfc\x10\xa3\xf8j\xec\xbf\x14\xcf)+kD\xe3\tR \x83\xc4\xe72\x91\xd8\xa8\x83|\x00&amp;%\xad\xa8\xea\x17\x03\xbcc\xfa\xda\xa0\x176\xfe*\x03\x0f\xcf[\xca\x02t\xbd\x87N[\xf0\xa9\xf4Q\x98\xfa\xe8\xb2if\xae|C\xb1\x16\xe1EB\x08\x00\xbf\x0c\xf0v\x88|)\xb0\xd2r\x9c\xbd\xd6\xdd\xe0\x1d\x10M\x94hR\x0f\xe7\x8d^^cu\xbb\xc5\xad\xaf\x00f\x90\xf0\x01\xa7\xec\xe3\xeb\xf9\xca\x91\xcf\xd5\x01+\x1aNLIby\x89\xa6\xa5\xf6\x01\xc5\xf0_\x12o\x07\xf8\x02B\xec\x1b&amp;g\xc9\xac\xdacx\xbdJ\x0b\x07\xf2\xb4\xb3\xa0F;\xe7\x10\x02\xc0\xf7\xb9\x1eU\x8f"\x10\xe1\xed\xcb\xe7\x8e\xa3\x9eR\x11g\xdd\x91m\xd5\xea:\x9f\xceiNO)\x7f\x89\x8b\xb4\xde~W\x99\xf4?`\x81\xee\x9e\xad\xe2S\xdb\x92\x02\x80\x17\x11W_%VU]\xa3e;\xfe\x88|\xbe\x8fD \xea\x9f.x\xd4=\xfbf\x9b\xa6\x80\xb3w\xbea\x90\t\x81dE\x16q\xbeq\xaa\xd3D&lt;W\x958V\xb1\xd3C\xad\xbeCa&gt;\x18\xb3\xe2\xe3\x95=3\xaej93\x04\xa9\x97\xd7.\x90\x81%\x8b\x85lc\xca\x044\xaf\xcd\xb1\xb6 \xa5\xe6\xba]\x08V,\xba\x11\x85\xb7\x89-\x9a\xd4\xf4\xa8,\xe1\xb7\xb1W\xa4\xfa\x83\x9a\xb7I\xfdU\x8f\x1cA\xadE\xabu\xa1iB\xeb\xf9\xf7\x81{\xc2\xfd$Fb7\x85\xf8J&gt;\xf9\x15\x81\xd5U \xfdJ\x0eY\xec\xa7\xa2cp\xa4\x80J\xb8\x97\xd75&gt;\xc6[\xbdfA\xe9c~^\xc2\xb9\x7f\xa8Sb\xca?\x9c\x00|\xdb\xd7".\x1dG9\xd2\x8c\x033\xf3\xbb\xca\xc6/}\xf8\xce\xbf\xa8\x03\xf1#\xa5b\xfeZ\xb4vJ\xa6\xdbY}\x8f\xdc\xe4\x93J\xbbq\x8a\x98\xfe\xcc\xde\xbfg\x1f\x1dR\xf9\xc4v\xa9\xfc\xb5\xad\x01\x8e\t\xa0\r\xdd\xfd/\x9e\xf1\xe0#g\xfdH\xc2\xf4\x97\xc4\xdd\xab\xb9*\xb2\x96\x03T\x06M\xd2\xa2\x9c\x1d0\xe6\x91]\xc2B\xc0\xb8C3\x17\xae\xad\xe8;\x87~\xbd\xb9jUf\xb3\xc2\xa2\'fW\x1a\xf4\xc9\xcf\x19?[I4M\xe7U6\x99*\xe8"\x89\xa82^P#\x10\x11\xf1\t\x90\xdb\xfc\x0b\xa8]\xc5O\x81\xa0\xca\x95\x8b\x19\xa5\xf0\xaepL\x00\x00q\xc4\xd6\xc9b\x82\xb0\x99\xadx\xd8\x001@\xb6\xe0\x189n\xcb]\xe5\xb7\x19\xc6\x99\xc0?\x96\x8c\xe3\x16\xf3\xfa\xba\xcab\x89\xac\xad\xd4\n\xbb,x\xc9\x95\xeb\x87\xd7-\x9f\xf9`\x8d\xc0\\?\xbd\xd7*.\xe5\x1dh]\xde0\x17\xc1\x8b\xe4\xea\xa8\xd3\xa4\xbf)\x02\xfb@\xb9h\xa5&gt;9\xee\x00m\xec??\xb4\x90\xf1\xda|\x99\xd6\xc6p/k\x9a\x03\xa7\x803\x1c\xe3\x91\x9d}\xd7\x88N1\xbe\xebF\x93\xba\xc6I\xa1\x8en\x9e\x1dZ\x8d\x12:s\x938\x1b\xb5+n\x90\xe0\x1b\xf0\xcb\xba\x14hy\x91\x00&gt;X\xd8N\xcc\xf4y\x99K\xe8OH\xdb\x92E}\xe5\xaf\x99\xe6jG\xf4\xf5\x8d\xd3\xa8\x10?\xcfC\x87\xf3\xd8y\x0fNP)\xa5\xb4\x89\xd5X\xbdu\xeces\xe0\x12\xe0\xec\xdc6\x17PKUogJ\x9a\xed\xae7\xdf&amp;\x0e\xf6|\xd9\xa9\x80\xbbv\xda\xbd&amp;\x95\x8aR\xad\xd5\xc1\xcf\x1c\xe3\x8c\x16\x86)n l\n\xae\xa2\x04C\xe8\xd2\xa44\x7fXQc.`\xd7\x86w\xd6\x17\xd7X\xd5S\x8aeA\xb9]#\xc3\xcfZ\xd1\xd4\xc3z\xed\xc0\xde\xe1\xefh\xe3\xee#J\xcaA\xcauA\x1c\x1eO[\xc9\xd3\x1d\xd4O4\xdf\xbbN\x9c\xcd\xbc:&lt;\xb5\xfb\xa4\x16\x8dr\xcd\xde7f;\x8f\xb6k\x80P\x8f6\xd4\xb2\xd2\xa9G\xcf(\x98(\x9c\x95\xf1\xa8\xd6\xdaD\x9b4\xa5\xa5\xcf\x13\xb6\x91sf\x1c\xa9\xae\x19\xd4\x90\xec\xb3\x95\xc6\xf1\xbePf\x87k\xc74\xb7&lt;\xd8\xc13L\x9e\xf3\x8b\xd6\xb3\xa9\x91\xa9\xcd\xca\xd9\x92\x94\xbe\xb5\x19\xa8&amp;\x9a\xac\xd23\xc4\xdb\xa9\xec\x90\xb6O\xca\xd3\xd6\xb6\x9f/\x95\xd5\x1d\xa1I+W\xb1\x19\xa7\xd79\x81\xc9+V\'\x1d_\xee\xac\xcc\xa4\xc0\xb2\t$lh\xebe\x1d\xa6x\xa0\x8ac\x138b\xda]t&gt;\xe2o\x13\x90\xb8\xc4\x19\xc6\xb84lD&lt;&lt;\xe2?\xf9\xe0\x08\x07\xe6=\xd8\'i\xf71\xa3\xf5\x9eg\xf5\x90eE\x96\xfd\xe7y\xf3\xbc\xf4\xfe\x84yQ\xf9\xea\xf1\xdc\x8c\x0f\xeb\x9d\x1f\xd2\x94\xb7\xf9\x15\xe2\x9e3\xdei\x05\xf3\xa9\xe3\x02s\xbdD\xc3K\x8e\xb5A\xb8\xba+f\xdc.&lt;\xfe\xd4\x91\x85\x92\xaa\xbc#\x1ds` \xfc^X\xa3+\xf2\x03\xf8\x03\xf5\xd5q\xf3Rw\xc3\xf5n\x05\x88\xde\xfc\xcf[\xb6&amp;\xd9\xb7\xa9\xd1\x9a\xed\x07\xbe}Z/R\xeb$\xc4W\xf6t\xe2\xc9\xba\x98\xe57\x18\xfe\xc2(\xcbR@b\x95I\xe7*m"\x14-\xb6\r\xe8\xadOV\xf4\x17\xd9V\xea\xef\x86?\xcdu\xa18VO\x00\xd4\r\xadXO"[8\xdb\x19\x95T\xc4J\xa7@\xdb\xbax#\xe0\x08\x1d\x10\xb1(\x9a\xb1\xdd\xcdJ\xbe\xda)r\xa9\xf9\xc5;\x08\xf0B\x08\xaf\xa5&gt;\x0b\r`3O\xb9\x955\xcaT\xe1ph\xaaL\xb1\xac\x96\x7f\x13\xae\x87\x10j\rR\x1f\x17z\x9aQ\x13\x1d\xef\xb6=\x15\xe3L{^.\x8e\x14\x10\x00\xa8Oy6\xcd\xfc!&gt;{\xbe\xcc&amp;\xfeR\xda]\xf6d\xf2\xe9C\x915\xd1\x0f[7\xe8\xac*\xbb\x8es\xbb\xfa7\xa2uVz\xf4\xb8\xa2y\xd3#\xc4!\xbcV%h\xac\xf5\xb8\xf4\x10\x92\xadu\x1b\xea\xe5\xbf(4E\x86\x8fv\xa7n@~\xd6\x9a\t\xab\xe5\xe8\xb2\xcd\xb6\xaf\x12\x08^\x89\xa5\x04\xe9\xa2\xc5\xe0,j\xcb\x14&gt;p]\x185\xbaF\rQS\xc4v\xbc\x99,)W\xd0P\\B\xe2\x1ci\xca\x0f\n\xabe\xbbdeg\xd95r2G\xd3\xcd\xd9\x9c\xd7\xeb\x0c\x8b;\xeb\x81\xd8\xadM\x1d\x9d(\x12\xd1\xf3\x12\xdbBa\x80\x7fjk\xa2\xa9W\xadEKOe\xf8\xc6\x1a\xeb\x037\x85\xc5\x9a\xd7\xc7V5{\xe4&amp;\xdb:\xf6\xce\x081\x8dk\xd1+UsV\x15?\x87=\xd1:"\x16.\x15z\x91%B\xe6`\xfa_\xa3x\xb7\x8dim\xa8\xd1\xffN#C\x19M\x1a*\xb6\x9d\xdd\x8d\xd3\xbc\xc6\xdc\xd3\xf8b-&lt;4]\xd5*\xf1\x9e\'\t\xf2N\x89c]3\x12\xd8\x9e\xd3\xd70j\xc9\x99,u\x8b5,\xa2u\x92\x95\x0c\x92t^\x90\x9c24\xd5\xd2\xd4\x1e\x92\x93\xb5\xf7f\x1e\x00\xf0\xf3J\x8aY\x94^p\x9b\xfc\xb3\\\xdc\xa79W\xaft7fyj\x84ZM\xdd\xfe\xeb.!\xbc\xd4Gi\xed\x81\x89\xe2&lt;\x87eW\x1a\xad8\xdc\xfa\xcd\xa6\xa5\x17.\x05\xc7\x1e\x80\nq}ZA5wi\x94"\xe7\x1aGaS\xef\x0f\x00/\x08a\x8e\x88&gt;\x86\neO\x1f0\x07\xe9~\xe7jy\x9fo\x8at\xc0.\xf9d\x17\x83@\'7v\xb3\xf6\xbc\x85\xfdj&amp;\xd9g}\xd7Re=\x00-o(\xf1jj\xc0ZK\xfe\x95\xadfb\xbeX\x9aX\x11q?\x96]\x91\xa6\x04C\xbe\x85\xb8P*5\x12\xe5\xaaL\xec\x95\xd6\xb5,\x02\x0e\xa8h\xeab\xff\x02\x7f\xccr\xd4-\xe8\x04"\x92\x1cm\xcc4\xad\xc4+\x03\xcf\xd2\x01\x01\x00_Ug\xeb\xd3D\xbc\xdd\xd4i\x08\xf0\x14\x83\xa7\xce\x07\xf1\xd5Q1&lt;\xa6\xbc\xa6\xb6 \xb4\xa2\xad\x01\xbd\xd4}\xc5\x82\x86\x88\xe5s,x\x7f}\x0f@a\xb9\xdc5k\xf4\x03\x91X\xa9\xe3{\x98\xa5\x85"\x8c\xc3\x95\xb8\xff+X\xc4l\x08\xcf\xa11b\tY\xa2c\x0f-\x8b\xed\x0f\xd9\xf6I\x99?\x85\x00J\x8b\xf1\xf1"\x9f\xd2\x83\xe4\xfc\x1a\x14\x17\x06\xa3TZ\xcb\xbf)\xe7\x05\xb3\xc5S!\xa2\xa3U\xf3VB\xceCt)Z\x02\x8a\xebP(L\xafW\xb5\xb5\xbdY%a5\x97}\xc0\xb4vJ\xcd\x15B0Rm\xb9DA\x82Q\x1d\xa3Xj"O~i"\xc3\x9c~6\xbe\xb9\xc8r!f.-\xe9\x97\x88;\x9e[\x81]\xa3\xe3\r\x05\xf1c\xbb\x1b\xdb\x00C\xa4W=H\x1aE\x00\xea\x88\xcfh\xccC\xe66\x1f\'\xc4\xd2S\xcac\x19\xc6\xcb\xb1\xdd\xca\xce\xcd\x10\xcc-\x103/\x88ztQl\x93$\xe4N3\xbbC\xcb2\xb9\x1e\xdd\xa2\x84\x9e\xacg\xa1R\x8a\x97\'\xc5\x1c\n \xdb&gt;\x98\xb8\xe12\xfb\xf2\xa7\x07\xe4@\xa3Myq\xf5\x978O]\x95\x0b\xbc\x06\xa7Oq\xec\x01\xa8\xb8\x88U^\x91-\xd1\xb2\x07k\xe0\xf4\x8cs.\x19?@\x93\x1f\x08\xe8u\xba\xa4^\x99\xdc\xd7\xf0@"(\xf3\x96\xb0\xf8\x91\xa2\xbb\x0b5\xc2\xe2\x14B\xf2J=\xeeR\x13@\xdbG"\xe1\xf9\x9e\x92\xf3\x88\xb6[\xbf\xbf\xc2Q]\xd9\x88\x94!\xff)y\xa1\xad\x84\xe2sg*\xfa\x87\x89i~i\xa1\xbf\xa2\xbc\xce\x81\x11\xf0\x1b\xc4\xecW\xd2_\x96%Dt\xc5V}\x06\x88_\xd9^f4\xd6\x8c\x1c\xde`\x1d\xdcb\xcb\xcf\x9f\x99\x88\xe9\xefO\x94i\\\x86&gt;\x85\xbdJ""\x82\xf8k\xec\x05~\x18\xe0\x0e\xb4`\xe3&amp;\xcaz\xac\x11\xd4\xa4jS\xa5&amp;\x9a\xb7\xf1kR6\x9d\xb5B\x10\xac\xe1\xc1nI\x17\x8bk[\xd1\x0c\x01f\x91\x88\x9c\xaa\x16S\xcc\xc1Q\xd6\x16:0\xf8\x1a\xcep\x0b\x14yU0\xb3\xde\xa3j\xc3\x85j\n\xe4\x9ad\xb9\xe1&amp;\x95\x90\xe4\xc41F\xaa\xce\xaa\xc8nq\\\xbf\x8av\xd2a\xc6(\xb7\x8f\x8b\xc3\xd4\xd1\x06\x19\xfe1\xc0\xdd:\xb3\xaa\xa4.!\xa5\xfd8\x1b\xad\x9d\xe1\xaa\xbd\xe4\x91\x02\xca\x80\xcc\x0e\xbeY"SS\xcc+\xe4\xee\x13\x03\x15S\xa2&lt;ss\x95\x11\xfb#J\x83\xa6\xc3wN~#m0F=\x1bw\xaa\x93V\xf1\x07\xee}\xb2\x05Z\xee\xbc\xfa"\xf6D^\x94\x0bs\xb6\xa4%\x1d\x14 (\xa3\xa0\xaaR\xa85e\xb8{JOy\xd5!\x98\x1fe\x10\x8e#S\x11\xca\xe9\x85\xfd\x0e\xce\x118&amp;\x80\x1c\xcc,&gt;\xa5\xa5\xfb\xfbL%s\rC\xb1&gt;L\x1c\x16f\xd6\x18\t{\x03%\xc9S\xd9)\xf3\xd71\xdc]m\x0e\x10\xb3\xca\x99\x0eH&gt;\xcc1c\x9e\xa0\xefh]\x8c\xdb\x9d\\\x8a\xaa\xaa\xf3\x1a\x95\xe1\x9b\x08\n\x9ar\x0eh\x9c)\x83\xf81\xe2\xed\x1b8\rF\x08w\x01\xf8\xe0\xe2\x1a\xc4\xc4,\x9d7\xef\xc96\t"\xed\x81\xdb@\x91\xb5w\x8d\xa2,\x8czb_\x14\xd6^\xc8\xc3v,\xbfU@|2\xd5\xa7\xaaZ\x99\x8d5\xc9&lt;\x17\xd7\xa3\x9b#\xcf-\x17\x04\xefl2\xaf6\x85\xbc\xffd6\x022\xf77\xb6\xd18\xe3\xf5\xac\xc7*\xc9\xeb\x8e\xf1\xf0\xd2Fm\xb2O\x1c\xb3[\x06\x92\xc6\x9c;\xde\x13\xe6\xd1-\x01\x94\xd2\x8b\x95\xe2\x1b$\xebS\xf6\xfc\x8c{\x00\x86\x0e\xa8\'|\xf3\x04\xbd\xa5\xbe88w\xb8\xe7\xc1\xf5\x14\x13\xee\xfa\xdeC\xc5\x14\x11\x91\xde\xa4\xe2\xac\xac:o=_\xdb\xa1tf\xd3\xc5\x1f\xe6\x13\xae\xf3\xa9\x1b\x00\xed\xa9\x11\x9b\xa1m9\xaf\x1e\xc2\x9fz\xb8\xc1\xd2\xb0\x94g\xae\xf6\x0e\xadi0\x8e\x14P\x86\xc2\xfb\x8b\xe0q\x01\xf5\xfe\x1d\x89\x81Q\x07\xef\x96\x18\x10\xf6\x11\xff\xcf:H)l%\x07\x82\xe4\x98f\xbdU\xba\x1am`\xc3\x90\xa0{\xe2,\xc4\x8c\xa5\xb4\xcfl\xe8k$\xb9\xc1\xc5i2\x84\x90\xbd\xbd9\x84\xf0"O\xbe\x9c?1\xe0Q\x89*\xd7\xd1\x941\xca\x9e&gt;;["M\x90F\xa5\x92\xe5\xfcOS\xaf%\xb2\x80\xb8\xc1\x9b\xf3\x0c\x19\\\xea]4n\xa0\x8a\xed\xc8,(\x94O\xb7\xa6\x08\x08\x8a\xc8k"/Y\xc1\x14\xe7\xac\xdc"6\x8aOk\x0e\xcd\xb1\x9ds\x05\xd0\xbe\x04!SW&lt;\xb0\x01`\x9c\x0f\xa9\x06\xd7[\xa0\xea\xf8\xb2\xe9\xedm\x01\x9eZ\t\xc9\xb5\x86\xd2\xa2\xd4\xb1\x98L\xd4{\xd4\x07\xb2e\xb2\xadSJ\x8c\n\xf7\x9aV\x1b\x8e\x12e\xd0c\x1e\xf2\xb9\t\xd7\xee\xc3\xb1\x02\x10\x10B\x80\xff\xb0\xac\xa8K\x13V\xacG9\x02!\xaf\t\x9c\xd1SL\xa0\x1aI\xf0Y\xf4\xbf\xdf\xa9M\xd7\xce\xff\xd1\xf4k&lt;\rB\x83\xaf\xe0`2\x13\x0ej\x01Dx3\xed\x96G\x8fB\x8d\xa7\xb5J_\x90Zcb\xec\xe5\x90\xe7\xf7\x1d\x1a\xcf\xff\xa3gn\x9b$\xa4\xa4&gt;\xddH\x90\x885\xa5;\xba\xca\xd6LH2F\x95&lt;\xf5\xbaY\xec\xd3k\x9c\x0eZp\x1d\xcfj\'\xd3\x11\xbc\xb8\x1d\x98\x0f\x01\xcd{\xa2\x940\xa5\x01rwVw\x0b\x88Q-\x92\xff\x01~\x0b\xe0\xcd\x8bR4\x15[\x89\xf8\xe6eO\x9e!i\xdf\x80qj\x9e\x11\x80\x91H*\xcb\x95\xd9B+\xcc\x0fER\xbcH-:5\xb7\xf5\x89\xd20\xdd\xe7\xf6Sky\xd1\xd5\xab-o\xaf\xd2\xea\xadm\xc6\xf5\nq\xb0\xe7\x0b\xbbso\xca\'\xde\xfa\n@\xf3\xfe\xd9\x08Q\x82\xfe\x17vIl;\x11Q9\x19\x99\xe9/\xcfQ\x1b\xc3\x1f[EO\x97\xe8K\xef\x9fq{Ve\x18r\xef\x0f\xc5)\xce.\x94\x19|1\xb2e{\x1bD\x81\x9c\xb0\xc6\x9fp\x9b\xc9\x03\xf9\x0f\xcc\xe8\x95_\xfdHy\xa9\x99\xd5\x01\xb3.\xc8l\xdd\x99\xf9\xce\xc8\xe2G\xa3X\x08\x01^\x10\xa6%Z\xc1?)f\xd8P\xc6\xd8\x91|[\xf4\x11\xcft\xd6&amp;\x91e\xd2%Jvmw\x1c\xb8\x16\xa8#\xb0\xdd*\xc8\xb6a\xa5\xec4L\xbf4\xcf\t\xcc\t\xa1R\rf\xac\x94zc\xbc\xa7r]\x93\xff\xf9%A\xbf\xc2b\x11\xe7\xfc\x8a\x88\xbf\xcf/\xb2\x94T!\xa0Iag\x05Q\xff\x91K\xad\xc7\x93\xb6\rr\xa5:v\xb5\xfaH\x9cL\xfe$\xe4\xfb\x1b\xe9w\xd1F\x07v\x05n\x10\xa8\x0fE\x95\x89c\xf2H"\x920g\x11\xdbd\x11\xf1\x0bO\xb10P\x9d\x9aA\xd6\xdc\x8cR9\x0f\xa7\xac\xfb\xe2\'\x8c\x93Gjj\xc5Wz\xf5\xf5\x94\xb2\xa7\xab\x95\xdd\xa4E\x1b\xedU\xd9\nc\xc5\xd3\x8c\xffz\xa6F\x1b\x9d\xaf\xc1\x0e\x9c\x1b\xfeA\xf3\xdb\xeb\x055\x8e\x10\xe6\xb0d\xb6\xeb\xf4\xf2\xe24\x0e\x06?\x9b\xcbu\xcd\x94\xca\xe7\x7f\xfb\x05\x84\xec\x9f\xe8^\xc0Y)&gt;\x85T\x8b\x94\xc5k\xee\xa6\xafy\xfdZ%\x02\xbf\x0c;$\xc2\xfc\xb3\xa6@_sAQ\xb5\xa6\xf2\x8a\x0e\x9c\xd9\x96\x16}`\xc7h\x186]\xe1\x1b\xe7i\x8c\x10\x9d\xc9.\xce&lt;p\xd7\xd9\xa4SG\xc5\x9d\xf0o\x12 \xfe\xe8zO\xd2\xd7\x04\xe2\xe2\xa3\xc6\xbc\'{f\x17\xa44\xaf\xdd\xc8\\\xb9\xf5\xdb(\xac\xae8\x99\x15\xc5\x8bw\xd2E#\xa5\xd6\x81Q|\x0e\\\x03\xba\xc7\xdb\\|f";\xe8\x7f\x13\'\x80\xcfdf\xd7*\xeb,\xd6\xcav&amp;\x14\xd8L\x10\x7f\xbd(\xfe\x92M\xd4s\x15\x191\xf8\xb5\xda\x1b\xae\r\xa5\x974\x18^O\xbc\xebT\xdb\xa8`\xb7\'5\xc8\xd3\x82\xc6^\xdd\x92\xbb\xaa\xce\x8a\xbd\x95s\'\xe7l\xa8\xad\xe9|\xe0\xc0\x0c4OX\xcb\xa3\x9as\x90h\x12\xd3\xfa\x80\x8f|\x1e\xd3U\x85\x13 \xd6\xa2y3-\xad\x9cZ3\xb9h\xba&lt;|Q\xbb\xf2#R\xc9\xca.\x82jB\xa2\rT\x9b\xae\xb8\xebl\xea\xa4\xa1z\xcb\xe4\xd3\xd76\x88\x9f\xc9\xebh\x89n\xe0\x8cH^9W,\xc1\xab\xd9\xd4v\x81\x07n\x12\xb3\xed\xfa",1\x90y\xa0\xc6\x96\x8ea%\xf3\x9b\xc8&gt;\xa7}Yp\x1a\xe4\xee\x1b\x10\x1f\xe9\xf4b\x05\x07\x187\x01\xb4\xa6\xe3V:\x82TK\xf2WF^$\xb3\x01m\x0epKoj&lt;\x9d\x9by\xabkQEs5\xaa\x86k\xaa Z\x82\xcd0k\xed#\xe4?`\x80/&lt;K\x02)\x11i\xd8q\x0c\xe7]\xa6\x9e\x8c{\xf1\xb0;\x9b\t\x922\x88\x88?X\xde\xf2\x0f\xe9\x82\xd8(\x99\xae\xfe\x9ct\xf7\xf3\xa5\x8b\x1e\xd1\xed\xe5\x00\x1c\x8e[l\x04\x91\xda\xe6S\xd5\xbf\xbf\x0en\xf4\xf1\xcf\xba\xd5\xa4\xe9\xab\x01/Y\xcdeu5\xf3\x81\xdb\x838t9\r\xb4\x8f\xdeV\x93\x13\xf9{\xcc\xb7:aX\x8b\x8f\xaaV&gt;\xb2:\x87\xbc:fe\xcd\x81\xdd\xb2\x8c\xc0|\xb2\xe9Q\x9e\xab\xcah\xfe1\xe3/\xcf\x195\x13\xfa?j\xfd\xf8\x9a\x15U\xbftmO\xbdBg\xe4Q\xd4Q X\x17\x83\xf3\xb62\xfa\x04\x85^\xab\x1c@0\xec\xed\xc0e\xa3\xee\xe0\xb8\x019\x12\x1aU7\xe4\xb1\xa72\xa7\xf9Vl\xa6\xc9\xd7\xd7\xe4\x96&lt;\x00&lt;\xc3\x0c\x11\xf1\xdb\x1a\x94\x8cd\xfd\xd9s\xd5\xdd\x7fl}\x1a\x10\xb8U[&gt;S{\xed\xa8\xaehS-X\x99\xd7\xd5EC\x8b\xa0~%\x0b&lt;\xb8w\xb2w\xd6\xabC%\xde\x80\x82\xc4\x9a2\xf9\xf2\xcb\xca&amp;uh\xb8C\xdc\xd4{/*\xc0\x96\xb7\x93\xc3\xec\xfd\xeb/\x1f\x98SB\x11\xe5\xebq\xe6\x8c\x8e\xfb\x05,\xeak\x0e\xc3\xf4\x83\xb3\x89\x0c\x14\x1b\r!\xa0\xae\x0f\xc5\xdb\x92W\x99ME\xbc\xef\x8c\xd4\xb5m(\xdb\x08\xe3E\x9b}\xaf\xa9\xe9\x00\xf2\xd7\xc1:\xc6\xd8dHY\xf710\xb3Az\x0fj/L\xcd\xde\xf6\xf3\xb6!&lt;\xbd\xa6\x13\xe7\x03\x8bz\xd4\x84B|O\xb5\xb3\xe1\xec6/\xd8\x16\xd7mYQ\xc3\xbf\x06\xb8s\xa6\x9bb\xedi~\xe0\xca \xbb\x88\xf8\x91\x00\x8fS\xf5\xbeX\xdc\xfa\xbb\x80r\xe3h,\xec|\xf5\x8c\xba\x96\x9c\xa4W\xf2\xa1\xa5L]\x0c\x15\xf4\xef\x97\x17I6\xbf\x0e%\xe1iQ1\xcc^K\xe9G\x00\xfc\x8fM\x05\x9a|?}\xd9\xcb\xc7[\xba\x99\xaf\xa9\x89\x1f\xba*\xc8\x18:\xae\x88j\xe4\xaf\xf4\xaf3\xa6\xaa\x06\xe2\xb6\xca\x087}\xa0\xf3\xc5\xd3-Ij\x17\xe8}\x83qe\xc1\xae[\x82\x0c\xc6\xce\xd7\xf5\xf0\xeb!\x84\x10^\x01\xe2{\x8a\n\xe6\x05\xdbll\x84\x00/\xa2/\xa1M\x1c\xd2[\x8f~\x88\xe9}%\x8b\x80\x9b\x86\xed\xa0\xec\xb5\x9e\xb3\xff\xb5\x05\xaf\xbd\x16\x9e\xf0\xfb\x00\x18\x8f\xc67I\xc9\xf2EJ\xc6\xa0I\x7f\x1f\xadWC\x95\xa6\x96\x06Q\xa0o\'\xaeK(\xaf\x87\xa7\xd6\x05q7[Q\x8cW\xf6D\x9c\'\x155\xa1\x91r\xad\xe6\xad-\x93\xf23\xbe\xda\x14)/g\xa1\x9a\x0e\x93\xbd]\x8b\xf7\xbf\x82E\xcc\x00\xc4\x1c\n\xb92.9\xb0\xb0\xcaY\xd8"\xfa\x14H\xa5\x8c\x8cASE\xe6\x82\x7f\x18\x82\xffIP\xce\x04\xe4\x85\xb6\x9f\xde\x83\xca\x0b\x9c\xb3\xb7+\x83\'\xed\xe6\x04f\x9c\xe7dNX\xbe6\xea\xea\x918\x89L\xcc\x1f\x14\xc2\x133q+l\x15\x8a\x19\xb3\xcc\x99\xa0\xfc\xdag\x04xm\x80?\xccX\xc9-,\xb6IUaR*\xf8\xfb\xae\xdb\xecen\x10\xd3\xc4\x13\xdbg\x87p\xaf\x95,\x0f\xec\x00b8\xd2\x1a\xa4p\x02$\xf1\x94G\xb4q}}\xb81,\nj\x11\xc7\xa57\x05}v\xf1V&gt;\x18\xff.AnC\x85\xfa\xf4\xac\xadf\x06H\xfc\xc2\xa2\x9dW\xb3T\x17\xac\x00\x80\xf8w~\xbd5:\xc4\xaf\xcfz\xc1\xdd\x14\xb1TC\xc1\xa1\x8d\x1duh\xfa\xb1\x9d\xdd\xe3\xd6W\x00\xfe`\xb3\xbaIk\xc4\xefk\xca\x0e\tS\x13\xcf\xd3o\\\xf1\xa0\xb2U\x93\xa9\x8f\x1a\x17.r\xe2\x9f*\x93\xf2\xe6c\xd6\x01E\xaf\xbdc\x08\xffU\xbc\x95\xffVI\x97\xecQ:\x1b\xfc\xd3\xe7$\x88\x8e\x94\x01\xd1t\xaf\x91\x8bn\xd7\xde\x00o\x94\x10\xcb\x96\x0b;\x01W\xb0\r|\xeb\x9b\xc0\x1e\xb4n\x0f\xb6F\x06v\xe6g=D\x9e\x9e\x10fT\x9c\xca\xae&lt;\xae\xa9=\x83{\xa4\x91\xd0L\xd1\x9c\xfc\x8a\x89\xa8Y7\xb2m\xe4\xb0x\xff\xe9k\xfe\xf1=\xa8\xc6\xad\x82N\x10x\x92\xd6\xce\xb6\x9a\x0b5\xd6hR\x1eOp\xef\x1f\xc8\xd7]\xe2\xda\x90\'\x0c\x0f\\)F-\xd09y\xc7Rq\x8d\x02n\xb6\xd9EO\xc1^\xa1\x80\xf8\xefO\xbcXn\xed\xc4\x89\xa4\xaa\xdc\x10\xf5\xa9R\xb6z\x9a4\xc2\xe1c\x07(\xd4\x85\xa4\xf4\x90n\xd5\x06\x1e\x02|\xa0\x9f\xdeT\xc3\xa9\xa6A\xa4\t\xbd\x8ey\xe1X\x01\x94HA\\c)\xe1\xca\x9a\x15\xe2\xa8\xd5\xa501E\xdb\xad\xef\xc4v\x0b\x9dG\xf1\xdf\x03\x8f\xa0\x9fX!I\x84o{0\xb92\x8d\x9a\x8et\x84\xe6\xe9\x9c)\x95\x8e\x9cR\x11\\h\xcd\xb9\x86\x00\xf0\xee}:\xac\x07]\x0b;7x\x9b\x81\x08\x88O\xc4\xa5%R\xf6\x1f\x00\xe0\xeb\xad\x13\xb1\x1a\xc7\xaaL\xa9.i\xb6\x93\xf9_|\xf6\xe7\x00l\x13tk\x8c\xcc(\xa3~\x02\x12\xa2!\xffB\xcbH\xeb\x0b^z\x96/\xbaP\x8f\x86\x1a\xb7\xa6NY\x9c:\xceU\xb0\x85\x1a\xeai[\xb8\xa2\xb8V\xa0\xa2\x00\x92\xbfv\xf1\xe1\x984y\xcf\xd5\x1c\x9aZ\x04\x11\x11\xbf\x1c\xb3\xaf\x16f2\x9fU\xfc\xf3\xdeM`Ab\xcd\x12.\x17\xb7&gt;\x8d\xb1\x8e\\\x15y\xcf\xdc\xa4\'3\xa3 \x81\x7f\xa71\xf9\xf7\xcd\xa0\x0c5\x8d\xc7,\xe3\x15(\xfcL\xd3&gt;\x1b\x9a\xe24\xdd\xf2\xe2\xf37\xc4\xdf\x07x\x83\x8e\xa3\xab\xd3\xd3\xaa\x1e\xb5\xc5\x87\xab\x7f2\x84\xf7\xa6\x94\xf3\xe1\xbf\xc0\xe2wy_\xd4\xb3q=\x17\xe7\xd2{\x87\xa5Q_O\xd9\xe9\xc3@\x0ev#\x18\x12\x93U\x10\x93\xa8\xac\xeb\xe6\xd1\xa5\x88\x10\xa5\xd8\xac*\x89\xbf+\xd8\xff\x05\x80#\x05\xc4\xd0?\xb5\xa7r\x01\x8c,\x84\xc0\xbe\xd1\x96"\xb1[\xd3\x10\xa5\x18\xcf\xbb.\x8f\x92"\x02\xc0\x9f\xfa4\xd2T0\x9eB(\xaf\xc7;\xe5\xe4\xb1&lt;\x92\xf9\x86}\xde\x1f\xd8\x94\xa66X\x11\xd7\x03\x00\xc0\x03\x8b@of\x9b\x95\x0b\x01&gt;)W{\t\x0f\xe3WC\xd59I\xc8"\xca^\xef\xdfUlQ\x86x\xed\x11|l\xd0\xfa\xf2V\n\xec\xe4E\xdd\xfb#\xaei\x82,\x1e0\xba\xc0\x18B\x97\x89c\x02\xe0\xd0\xf3\x06\xd5r\xd16Z\xed\xc3iQ\x13{\xcb\x91w\xf1\x8f\xde\x7f\xb9rW\xc7Xj\\Vg\x05\x89\xcb\xc3\x81\x03\x8a/e\xc8\xf5\xfa\xa2\x84\xfan\x8d\x7fQ\xebo\x03\x80\x10\xe0\x19\x01 \x08\rB\xa6\x87R\x03\x91\xf9\x17\x9b\x14\x0b\xa5\x90\xa0\xeb\xdbs*\x1ae\xbaT\xdd\x86\x10\xc1\xfbQ;\xbe%9\xfcU\xf8\xb8\xaaJ\xb5\x96\xb9\x1e\x8f~\xa0\tM\xd9\xbd5\x99\xbf4h[U\xea\x15\xd8\x8cb\xd8W\xd5p\xde\x056U\x18|;\\OL\xfa\x7f\x07\xe8\x1e6\xb2\xcd\xde\x0c!v=\xc3\xbdQ\xa2\x94\xa5\x14\xf8e~]\xd0\xd0\xc3y\xc2}5A\xe9\x8a\xd9P\x86\xce9[\xc2\xff\xa5\xed\x1c=B\xbb\xb3\xf3\xc6j2\xe7\\\x96\xea\xd3\xd3\xfd\xab\x1e\x07.\x15\xd9\xf8\xa9\xf5\xb28\x80\x1b\x04\x9d\xdb\x80\xaa\x9e"\x8f\xd3\xcb\x01`\xd3\xb3[r)\xca\xf0\xedY\xb3,\x12=\xd5\xe9\xf0 \x88\x88\xf8\xd9\xa5&amp;\x7f\x8d\xf8\xde6\xb7\xc2\x11`vK\xfe\xbc\\4U-9\x8b\x1c\x14\xc3ce\xb1\xb8%\xd6E\x03"\xe2?\xa1l\xe1#\x0c\xca&amp;\xd6\x83\x80\xf8\x87\xb6\xe4\xa2\x1d*\xcd\xaa\x17\x17\xa3\x84U\xaa\xef\x15\xb7\xbe\xf2\xc1\xb4\xbb\xa4d\x0f\xe4"\x97\xb9\t\x94\x8c\xb8\xaa\xbcf\xee\r;i\xca\xfe[q\x9d7f\xb5y\x11!\xbdj\xa7\xaa\xd5\xd4\xbf\xd5G:\tdf\xf8t\x80\xfb\teC\x08\xb3&gt;\x8e-M\xf9n\xad\xa9\x17\x02i\xbb8\x9fs\x16\x8a\xa2\x19\'"\xb1\x99\x90]\xd7\xfan\x08\xb8\xb8z\x11L\xe5\xaa\xb6!XW\xfa\xea\x10T\xd2\xdb}w\x058\xf6\x00\x00\xa4M\xa7*\x86G\x04~v\xdd\xa2\xe9\xdeA_PS\rE\xa9\xac\x92\x86\xe7\x82\x08[.HQ\x00\x01\xd0\xda\xa6\xa3\xfa\xfcpy\xfd\t\xb5\xbd\x10\xd9\xfb\x03\xc0\xfdT\x0b\tAW7jCY\xb1\x04\xb8uH&amp;k\xb1"\xc6\xa7v\x1b\xcc\x93\x07\x10\x17t\xa2\x14\xcd\x12|#\xa2\xc9\x8a\xd2r\xbb\xa5Hj3\x9c\xb4\x82\xfa\x12$\xdf\x92!\x15A\xb3\xaf\xf8A\x89@n\xf9u\xbe \x1c\x13@\xff"h\xec\x14\xe0Q#\xf9P\xfc\xfdI\x01kuj$L\xeb\xca\x84\x00\x10~\x9c\x1a\xfd&lt;*t\x7f\x01Q\xa5$w.\xbe\x04\xa5\x9c:/\xb7\xc8zv(\x08\x97\x8a.\xa1Y\xa4\x16\xf5\x0f!\x84\x0f/\xaf\x7f\xb85\x92\xc9\x86-"~\xfe\xac]\x14\x84\xf8#@*\xb5(\xc6/\xe6\x04\xec{\xdei\xdd\xe6\x17\xf2\xcft\xc5\x80\x8fV\x94\xf9Q\x1f\xe7\xc6hH\xcc\xbc[\xf8\xd6\x86J\x97\x8a$A\xca\xa4\x05az\x17\xebl*eE\xe2\x14D\xd5\xb6\xf5\x9ex,\xfd\xf6\x08\xbf\xee\x07v\x8f\xbe\xdc\xde\xca\xb4\xe0T\xf6w{\x85Z(\x89\x8d\xf7\n\xb4\xfc\x1e\x80\xa4\x83\xa5\x1b\xbd\xe8\xd7\x7f\x19\x93\xf0\xdbJ\xdd\x97+&gt;\xa7\xa3\x11\x98\xd2\x17\xc6K\xf0\x99\x08XY\xdeJ\xb2\x94\xcc\xf9\x17-C\xaf\x7f\x1e\xa5H\x84\xbc\x05\xd4*+\x8d\x13\x19\xfc\x98\xa8^\x95mEh\x8d\xc9@)U\xa5\x8d\xfb\xf4\x96\x87Y)q}\x1d\x0e\xec\n}}\xba\xd2\x18&lt;\x85\xd14V\xcf\x12\xd3\'\xc3\x00\x00 \x00IDAT-\x8f~BF\xc2\xa9|\xe9\\\xac\xfd\xb7\xe9\xb2\xa5\'b\xe6X?\x1e\xf0qY\x84g\xd4\xc6HI\x19\x04\x92\x86B\xb3M\x89\x13\xd1\xef{\xdax)\xf5\x12Y\xa2Q\x91\x82\xcc)\x11\x00\xa6)\xc4\xa8\xafP\xfd\nC\x9f\xe0\xa2T\x9c\xcbQ\xb1\x99&gt;\xa8=E\x96\x04\x86\xb4?\x10\xc8\xacvh\xe8\xec\xcb\xc4u&amp;\xb6\xfc\x88}\xaa\xaexi\xa7\x97\xfbr\xf1\xfb\xb4\x9elJ\x12b\xbeG\x97\xdf\x02\x8f[\xd6vV)\x05H\xca\xaf\xc4\xe4\x8d\xaaL\xeb\xb5`\xea\x91Z,\xbf\xa9R\n\xf5U\x03\x11\xe1\x1bB\xf8\x17\xf13\x7f6\x8d\xd6B\xd4\xcd&amp;(\xc9\xed\x14\x10\xa6}\x17\x7f\xf9\xc2\xf0\x8af\x7fK\x80\xdf`\xc4\x81\xfdTo\xa1\xc6\xc2-\xef\x1d\xe7\xb6\xaaMi\x17\xb4\xcbkj;8\x87\xc2\xcc\xc4\x93\x05\r\x1a\x12-\xd0a\xe7\x97\x8ek\xad\x97\x17\xa2\x7f\x9f\xaf\x87\xf2w\xd5\x85\x83\x19\x0cw\x0f\xe1O\xdc\xa2m\xbb2\xa4x\xdcYq\nb\xac\x11k\xed\xa6Qj4\x98O\x9c\x05\xf1\x17\x02&lt;B\xaa\x17/X\xd167tW$\x97\xcd\xee\x15z\xc3\xe9\xd0\xeb\xfe\x0e-\x89\xe9A\xa6x\xdb\x8e\x00\xd8\x04\xd0\x16\n\xa4\xc0\xc89Ode\x01\x02\xc0\x1f\x01\xdc\x83\xd7\xb76\xd5\xd9\x94\xb4H9)\x92r\xe8\xf6kZ\x8ft\x9c \xbaP\x1c\x9b\xc0\x02\xd2\x18\xa3\x17=\xde\x1f\x00\xfe\xd8\xb1RL\x0b\x08\x9b\xccov\xf9\x11\x90\xff;m}\x85\xdc\xb9:\xb9\xb9$F\xbc\xc4Q\x0b\xa3"\xc5\x1dJ\x8c\x88\xdc\xfb\x13\xb4T\xa7\xa3\xee\xa9\x1f\xebe\x17g\x91\xf2\x04\x18\xbfzD)\xed\x93O\x8c\x91m\x90T\xca\x0e\xae\xc8\r\xeer\xfa,\xd5\xd1\xdcn8\'\xfb$\xef\xdf\x14o\x9a\xf9\x99\xa9\x82OW\x8a\xfa\xa5\\\xb1gw\xe2\xd6\xeb\xaf\xadp\x8d\x95\xaf\'j\xa8\xae\xa9\x1b\x96\xd2\xe4\x7fQ\x1fJY\\\x95FM\xb3&gt;\xcd\x0b\xea\x11\xa3\x8ar+\xaa\xdf\xc1\x9e.\xb6&lt;\x11}!k@\xeew:A%\xf3\xd1\xd3\x8f0\xa9\x1a\xc3\xf0\xb4$\xdd\xc6oy\xaaY\x0c\x90\xca\xc2\x85P\x18Qy53f\x04\xe3&lt;\xd3\xd8g\x1eSI \xe3\xf7X\x01\xdc4\xb4x\xca\xf0\xfe\xd3?\x91L\x8d\x9d\xbe%\x9e\xda\xf6jR_*,\x94\xd6]\xd1\xfb\xa7\x0f\xd2\xc2\x85^\xd3\x06)\xf2W\\\x8c\xdd*C$\xde\xa3\xe9t"E\xdfJ\xa88o\xda(\x92\xab\xaa$\xc0\x97O\x850\xc4\x8f\x0b!\xa4\xb7?\x01\xc0=\xcc\xf5\xd4:\x04b\x99O\r!H\xa2\x8ap\x9c\x9bM \x98(\xe6\xebN\r\xe8\xe8(r\xfd\xd2\xc0\xe1+H\x8f\x1c\n\x04\xd2\xbc\xf1\xc9\x8aV&amp;\x97\x8b\x1b\xaa\xaa\x08#F\xe61N\n\x1e\x85\x85B\x9e2\x0e!\xfc1\xc0\xdd\xb7Px\x92\xe6\xa7G\xe1\x85\xc3\xd9\xdd\x12\x025\xaf\xb8\xc9a\xe6\xd2\xba\xd6\x11\xd8.AY\xb9-\xdc\r\x7f8?i\xfe\x93\x00\xef\xd58\xa5\x89\xebHc\t2\xaf3`\xc9\xec{\x96Sk\x9a\x97\xb1R\x83\x8c$\xa5\xd6n\r\x8a\x18\xe6\x04E\xfb8\xb8z\x96\xddZ\x11\xbe\xcfWn\xb7\x14{-W\xe71\x8f\x15\xc0\x02\x12y,6\x95Q\x18C\x8eD:\x13\xc1\xdd\x06$\x0e$%\x1bM\xb0\x88gP\t\xf6)\x890\',\xf7\xa6A\xb1\xd0\x94\x11_N\t\xe2\x12\xc1\xa9v68\xb3c\xa4N&amp;\xf8u-\xd9\x9bI\xff\x07\x85\xec+\xc0{!\xcc\xe1gEY\xa1\x1dDS\xc97l\xb2\xebB\xc6i\x13#b\xa2\xf5\xca\xa5\x1a\x95\x95\xcc\xcb4MC\xc4\x9c\xca[\x1d\x83F\xd4\xc7\xadB\xa6\xba\xc8e\xd9\x0c\x82E\xe3m\x06\xf7\x19pe\xf3Y3&amp;\x87\x96M\xf2z@!\xac\t\xac\xec$\x02\xbcJ\x08\x7f&gt;Z\xe5\xb6\x030Rq\x92\x10g)T\x80z(\xa5\xe6\x7f\xa1\x1c\xd3K\xe4H\x03+sQ\xc2\x05q4\xc4zQ%\xc1\xb7J&lt;i\x15\xb2\xb07\xa8I|9\x8cE\xb0\x97,e[\x15\xedS\xe3\x9f\xcbj\x0e\x81\xf7\x00a\xcb\n\xe4\xb5Q3\xe7\x89\xc9\xdb\x87\xf0+\x06\xcd\xe3\x00&gt;2_\x01\xe4\t\x00\xa6L\x81\xcbjm\r\xb7\xbe\x02\x08Au\xe8|\xb4?\xa5\xe6D\xe2\t\x88\x89s\x08\xe1\xcf\xdbc\xdf\xc8\x8a\xe4[\x8b\xac\xeb\xca\xb003\\9)m/\x10\x9e\xa9\\Gyj\xca\x9bxf\xad\xec7\xa4z\xa66\xd4\x15\x81\xb2i\x84[\xcb\xecV\xed\x87yV#\xdb9\xbe\x9e\x13\xbd?\xceK\x16\x7f1\xf7Tg\xaf\xe1&gt;@\x97\x08,\x83\xbf\x05\x1aV\\B\xe1\x91\x9a\xc0/\xdb\xee\xfb\x1f\x02\xc4\x89z\xbe\xb2\xa52{\xc5\xadO\x00\x14\xd5\x81\xf1\x00\xfd\x16\xdd\x02\x80r\x8c\xcd\xc1\x04\xe2\xe77iS^\xa0\x1a\xf2\x99!\xbb\xfcD\xa7\xf5\xaa\xcbx\xc3S\x847\xb3\x19&amp;\x07:\xa7\x0e\n\x02\xd3\xa5\'\xd1\x93\xc3&amp;Si\x08\xcbf(\xdf\xa3\xc0\xfc\x1bI\x1c-\xe3x\xfe\x9dNcR\xc19\xc15\xa7\x02\xa6?\xcb=\xb11\xaak%\xc5\xa8\\s\x8b\x99l\xa4\x84I\xda\x7f\xd2;\x0e\xf1\x8f\x1c2E\x81%Cm\x12\x12\xad\xbfI\x14\xfd\xb2"\xc4\x9e\n\xbeO\x85(\x84\xfb\x13\xb3b\xf7\x9f|$Hn\x0eb\xd0-\x10\xc4\xaf\xaf\xc8F\x02\x0f\xd8)~\xd5\xa9\x06+hC\x92\xb5\xb2\xfa\xfd\xd1b6QE\xb6\x85\x88\x9a\xf4\x99\xc8\xd6A\xabmV\x0b\x8f \xad=k\x94j\x0b8(\r~\xd3\x12\x0f\x93\x02Z\xd9\x8a\x92\xac\xd4\xc4\xf6[5\xad\x13g\xfa\x95\xd9s\xae\xbcQ)K\x0c\x97\xfbb\xa9\x16\x8a\x86\x8fob\xdd\x0b\xbdy{\xf6\xb4\x0e\\\x0cT\xe3\x9e\xef\n\xde\r\x11\x7fV\xe3\xf6\xf7]\xa3Bp\x9a\x00\x88\xaf\xa9\x8cma\xa8\xf8\x86O\x1dEq\x94t\xabs`\x0c\xb5\xaf\x9at\xbd\xa2"e\xce\xc4\xce\x0e)\x1arQ\x1eMD!\x86\xda\x84F%\xb3+\x0ey\x1fe\x9f\xd7%yhIM\x81\x9f!\xcd\xf81y\xf1\x87\x16\xa5:D\xd7\x1a\xae\x97\xfd*\xe0\x99\xe4\x9e\x06\xc7\x1a\xa7\xc44\xaa\x96mR\x98\x17\xdd\xda\x824\xd9D5a]M&gt;hL\xe2\xe86a\x1ehs"U\x962\xa0\xba!\xc9\xf2\xcb\xdb\x073\x87Y\xf6\xc2\xd0\xb9\xeb;\xfd\x1f\xc4D\x87\xac\x15\xe7m\xdcR\xe56\x0e\xecb\xc7X\xdbF2\x8a\xa8\x04\xaa&amp;\x8f\r\xe1\xc1\xb3\x88\xf8\xbfX\xf1\xee\xccI\xd9\xd1\x04\xf7\x0c\xe1\xf9\xf5\xe2\xd0\x9a\xc3\x992\xf0\xda\xee:g\x92\x91\x85m\x1f\x8b\xa3@D\x80\xaf\t\xe1_m,\xe7\x0c\xb8\xf5=\x00$\x1f\x10\x11\xf1?\x04bQ\x88\xe9g4&gt;J.Nc\xd2;Y\x82Zw\xf3\xf2\xb2)M\xa9\x9b:\xe3\xd3u~B\xf8\x96\xb5F\x92%\x86\xa5\x8b\x1a\x84\x92)\xa3mT""|\r\x00X?\xcb\x9e\xa0\x9dG\xb4o\x19\xdcZNV\xfd]\xd4\x18\x84\xa3\x836\x9fZ\xd5t\x9d?v\xa1a\x87\x17R\xd9\xf5\xde?~\xfe\x1c\xca\xaa\xea\xfd\'\xb5z\xa4\xcf\x82\xeb\xb1\x11\xbfaqU\xb2gM\xc8\x83\xfe\x7fym\xc1?\x00\x1c+\x00\n1\x80Bv\xb0e\x8eP!7\xc1\xb4\x0b\xcc\xa2\x92\x14\xe6P\x0e@\x8b\xc7XF\x8e\x01\xe7\x03\x88\xb3\x1a(\xb0\x13,\xb3\xf3\xfc\x9cT)!h\xcd\xb6\xbc\x97\x88\x14\x9e\x17\xe0u\xb3\xa5\xccT\x97O\x08\xe1\xbb}\xd2\x85`\x90\xaflH\xe5\xa6\x15\xc9@#\xb6\x17[b4*L\xedJ\x8fX\x1e\x89q\xd1\x98\xa8\x1c\x1cP\xfb\x17\x04+\n\xbeW\x9b\x94"\x1a\x97_X&lt;\xfb&amp;t\xb7~FV\x17Ph\xde\xb162\xda\x7f\xe5JkW\xb8\xf5\x15\x00\x05\x0f\xa0\x10Q\x98"\x11\xee\x01\xa5\x97\xc8\xbc\x7f\xc1!\x0fi\xe7UE\xb1\xd7\x96\xd13\x16\x13\x93E\xc9\xf88\x18\x96\xc1rk\xe4[\xa0&lt;\xb1\xc3\xd4\x8b*\x11\xcd\x89n\xc9\xfb\x17\xe5\xbe\xbbKz\xba\xc8}c\xfe\xcf\xc8\xe4\xecS\x97\xa3F\xb4%\xc3\xeb\xe6\xadj\x88\xeb\xd3\xe3D\xbe\xa4\xdc-A\xc1\x1aik\x7f\xe0\\}/\xfbR\x9a\xa31RFqi\xee\x00iM&amp;\x1d$[\x8a\x9a|\xb9VM]\xb3t\xf7\xcfe\xfd~e\xdb\x00\xc7\x04\x90mr\xc64\x86\xec\x9d\x13\xfeh.\x97\xf3\xa1\xb1\x0f\x97\xe20\x1d\xfb\xb6gt\x91\xcd\xaa\xe7\xd8\xb2\xfc\x90R\r\xf5R\x98\xfe@\x88*}\x99W\xdc,\xe0\xdb\x16\x16\xd4\xff\x9a\x9b\x10\xdd\x98T\xbc?\xdbY\x9d$\xff\x8f\x9cr\x98T\xbd)\xa33\xec\x9f\xceE\x9e\x95Db$\x9c\x15\x9b\x7f=\xcc[_)Xj.\x92\xb2[A\x9c\xfe\x97\xaf.\xff\x8f,HJ\x8a\xd1^V\x98\x04\x00\x08\xef\xee\xb3\xf8\xcb\xc4\xadO\x00\xc9&gt;0\x1e\x19\xc4O\x8c\xd7\tMn%\xf5$\xb5f[\xab|G[\xd9\xd7\xef\x88U&amp;\x87\xc7\x87\x16\x1d\x84\xc5g\xc1=\x15\x17\x97\xd4\xf0\x1795\x9a\x87}\xf8$\x00eU5\xad\x89\xd8&amp;\x84\x87\xb9\x88\xacw\xdf\xdfK)Bv\x15!F\xb5\x8cx\x9a\xf0D\xb6\xa9\x1d\x1fJ\x8f$\x0c\x00\xc9=\n7\xa75k\'\xeb\xb2\x8e\xa3C\xe6\x00\x00\xf0\xc5|\xe7E"\x13@G\xb5p\x911Y\xa6\xa2+\x9d\x03\xae\xb3V~\x08\xd6)f!\x8d\xd3\x08Kf\x10\x9aFh\xc1\xb0\x92#\x16\x8ax\xc55&amp;p\x85!\x1c\xe2\t\x16\x91\x91\x91\xf6\xc5\xda\x8f\xde8\xf4\x91v\xa1\x15\xac\x97\x95\x18\x81cw\x01\x11\x00\xfe*\x84\xbbX\xacr\xc5\x8a,\xbc-\x81\xee\'\xcd\x05G\xf8\xa1\x99\xedo\x04x\x0b\xa8\x1e\xc2\xa9k)\xf0\x7fm\x80o\x0b\xe1A\xb4\xb2U\x1et;g\xa5\xd9,\x0ce\x84\x10\xbc{\t9\xc3\xf7\x02\xf8\xc9\xc6B{\xc75\xd4a\r&amp;\xb3S\x82\xeb@=l\xe9\xda@6n\x7f\xbc\xa3m\x1ef{bz\x99rC\xaf&amp;\xabt\xa6\xa9x\xb6\xc3\xd6\xb3\xd8\x8d\xaa\x0e\x1b\x11\xb4S\x8cf/\xb0v\x83T\xf1\xcb\xda\xb4\x07\xb9\x83\xd6X\xc1K\xcb\tb\x99\xb9\xeb\x13Lf`8h\x02\x88\x9c\x03(\x07I\xe3\xb9\x83T\x8bf\xa9\xc9\xd8R\x7f9Y\xb4\xd2{Xq\x14\xc1\xd6\xbdBx\xb6\x9bg\xc8\xc7\xe9\xa5\xe3\xd6S@\x00\x00\xf8B\xf9z\x00\xf82=E\xab\xde\xd0r\x00q\x97\xcbL\xfb&amp;\xab\x12R\x9f\xf9D\x15\xb7\xcb&lt;V\x18(sL[\x7f\x132\xc7\xe7`\xa6\xa8\xed/\x8b\x00\x88\x0f\xb29&amp;\xad\xb2\\\\\xba[\x10\x0fM\x94C\xca\xe0\xe9\x19\xe4L&gt;\xbfBQx\xff\xf4\x07\x1a\xe6o\xfc\xdf\x91\xaf\xb3@\ra:H\xa0\xe5\xab\xca\x0b\x0f\xef\x93\x821y\x92V\x90\x8e2\xc3\xf2E\x93\xd1k\x8a\x01\x19\x89\xa2\xf7\x17s\xb8S\x816s?\xb0g,\xdb\xbf\xd9\x0ej\xd6\xfb\xe9\xb3\xdf6\x11\x1f\x9ax \x1a\xef\x10\xaa\xe8V\xdd\xa6\xd24\xe7\xb5\xd0\x88\x15\xd1\xdb\xbe\x0b\xcb\xae\x92\xa6\xa1\xbb\x96\x9d*\x91.s\xb1\xee\x93\xeaT\x1a\xfd\x94Z\'\xae\xdc\x17Y\xd1\xb4Y\x1b\xe6\x0c\xfd\x05\xab\xba\x95zJ\xc5l\x83\xc9\xf8h\x05]5\xbeT\xdc\xfa\n`\x89\xb8\x15\x82h\x00K\x1a\xdae\x16\xe1\xabH\xc4\xff\xe4u\xba\x05\x08\x96;v\x86"\xb3\xd6\xd2\xee\x05\xa7\x04\xa8\xbc\xccr%\\\x01\xd4+\xc5\xea\xbbJ\x8d\x1b\xad\xc1\xbb\x14\xea\r\x03\x8b\x8d\x9c\x0c\xe2.e\x152\xed\xa8\x0e\xf48\xee7\x06D\xc4?\x9c\xbf\x06\xfaP\xd8R\xfc\x93\xb4\xed\xee\x04Z\x10\x1f\xa3\xa9\x13?\x88\xdb-\xe4\xf3\xdf\xd1\x957c\xa3~\x9959b\xfc[\x02\x8f\xfb\xb4\xa8\x02\x11_v.-\t\x10\xcb\xf8\x85\x8e\x07\xbcW\x19p!~\x94QA\x9c\xbd\xbe7\x04\xcb4\xa9\xddU[\xd2\xaa\x9d\x10\x97U\xf4G|\xa4ScE"\xd5Q\xd3y\x08&lt;\xccY\xe74\xf3\xe9P\x9e\x96x\xb8\xa2\x03*\xaf\xc3\x12\xc5\xf5\xb5a\xb5R2\xda\x98/\x9f\xb3\xeb#\xb3P\x17\x80c\x96\x9ba\xdb\xcfn\xc3\x01q\x8b2[\xb3\xd0\xebq\x8boyv7G\xdff#\xb6\xec\xd6\xbef\x08Mo%\x9ev+\xd3\xe1\x10\x9bx\xdd) \x00H\xedc\xad\x93\xc4\xfa6\xca\x92\xf9\xd3\x8e\xd3h4VCL\xb4\xa8\x1ao\xf0\xa0\xfd\xc2\x8f\xa4\'\xb5\x81\x1f\x08\xe1\xa3\xddg{\x8cJ)6\xd0V{LVE\xeaKF\xc7\x803H\x97\x82[O\x01%\xe8\x1b;\xbb\xde\xf0\xd1\xbc\x82\x15\xc6\xcc\</t>
        </is>
      </c>
      <c r="E58" t="inlineStr">
        <is>
          <t>&lt;class 'numpy.ndarray'&gt;</t>
        </is>
      </c>
    </row>
    <row r="59">
      <c r="A59" s="1" t="n">
        <v>57</v>
      </c>
      <c r="B59" t="inlineStr">
        <is>
          <t>steps_per_sec</t>
        </is>
      </c>
      <c r="C59" t="n">
        <v>900</v>
      </c>
      <c r="D59" t="inlineStr">
        <is>
          <t>10.195586</t>
        </is>
      </c>
      <c r="E59" t="inlineStr">
        <is>
          <t>&lt;class 'numpy.ndarray'&gt;</t>
        </is>
      </c>
    </row>
    <row r="60">
      <c r="A60" s="1" t="n">
        <v>58</v>
      </c>
      <c r="B60" t="inlineStr">
        <is>
          <t>Loss/object_center</t>
        </is>
      </c>
      <c r="C60" t="n">
        <v>900</v>
      </c>
      <c r="D60" t="inlineStr">
        <is>
          <t>0.29186258</t>
        </is>
      </c>
      <c r="E60" t="inlineStr">
        <is>
          <t>&lt;class 'numpy.ndarray'&gt;</t>
        </is>
      </c>
    </row>
    <row r="61">
      <c r="A61" s="1" t="n">
        <v>59</v>
      </c>
      <c r="B61" t="inlineStr">
        <is>
          <t>Loss/box/scale</t>
        </is>
      </c>
      <c r="C61" t="n">
        <v>900</v>
      </c>
      <c r="D61" t="inlineStr">
        <is>
          <t>0.05440106</t>
        </is>
      </c>
      <c r="E61" t="inlineStr">
        <is>
          <t>&lt;class 'numpy.ndarray'&gt;</t>
        </is>
      </c>
    </row>
    <row r="62">
      <c r="A62" s="1" t="n">
        <v>60</v>
      </c>
      <c r="B62" t="inlineStr">
        <is>
          <t>Loss/box/offset</t>
        </is>
      </c>
      <c r="C62" t="n">
        <v>900</v>
      </c>
      <c r="D62" t="inlineStr">
        <is>
          <t>0.25168496</t>
        </is>
      </c>
      <c r="E62" t="inlineStr">
        <is>
          <t>&lt;class 'numpy.ndarray'&gt;</t>
        </is>
      </c>
    </row>
    <row r="63">
      <c r="A63" s="1" t="n">
        <v>61</v>
      </c>
      <c r="B63" t="inlineStr">
        <is>
          <t>Loss/total_loss</t>
        </is>
      </c>
      <c r="C63" t="n">
        <v>900</v>
      </c>
      <c r="D63" t="inlineStr">
        <is>
          <t>0.5979486</t>
        </is>
      </c>
      <c r="E63" t="inlineStr">
        <is>
          <t>&lt;class 'numpy.ndarray'&gt;</t>
        </is>
      </c>
    </row>
    <row r="64">
      <c r="A64" s="1" t="n">
        <v>62</v>
      </c>
      <c r="B64" t="inlineStr">
        <is>
          <t>learning_rate</t>
        </is>
      </c>
      <c r="C64" t="n">
        <v>900</v>
      </c>
      <c r="D64" t="inlineStr">
        <is>
          <t>0.00038500002</t>
        </is>
      </c>
      <c r="E64" t="inlineStr">
        <is>
          <t>&lt;class 'numpy.ndarray'&gt;</t>
        </is>
      </c>
    </row>
    <row r="65">
      <c r="A65" s="1" t="n">
        <v>63</v>
      </c>
      <c r="B65" t="inlineStr">
        <is>
          <t>train_input_images</t>
        </is>
      </c>
      <c r="C65" t="n">
        <v>900</v>
      </c>
      <c r="D65" t="inlineStr">
        <is>
          <t>[b'512' b'512'
 b'\x89PNG\r\n\x1a\n\x00\x00\x00\rIHDR\x00\x00\x02\x00\x00\x00\x02\x00\x08\x02\x00\x00\x00{\x1aC\xad\x00\x00 \x00IDATx\x9c\xed\xbdy\xdc~\xdfT7\xbe\x8e\xb9dLfe\xc8\x90y\xa6\x0cI\xa6\x84\xa8\xf0\xa4Y\xa5\x901\xa5\xa4\x12E\x86\x84\x0c\xa1\x1e2e(\x91\x8a\x84\x9e\x06*2\x14\x8a\xf4\x94_\xc6\x0c\x8f\xa1\x08\x95\xf5\xfb\xe3\x9c\xb3\xcf\xdak\xdak\xefs\xae\xe1\xbe?\xfb\xfd\xfa|\xef\xefu\x9d\xb3\xf6\x1a\xf6^{\xed\xb5\xd7\x19.\x80\x8e\x8e\x8e\x8e\x8e\x8e\x8e\x8e\x8e\x8e\x8e\x8e\x8e\x8e\x8e\x8e\x8e\x8e\x8e\x8e\x8e\x8e\x8e\x8e}\x02\x11\x10\x01C\x94\x88\x88\xf9\x91\x1d)e(0\xfe\xd3\x84\xeeW\x91\xc3\x00\xe7\x7f\x05\x1a&gt;J\xbbE\xb3\xa84\x9a\'n\xec\xa6N\xde\xbd\x88\x02\xcd^\xc7\xb9c\x15\xcerh\x05l\x0c\x00\x80jX}\xf1\xb1\x05VD\x00\x18\x06q\x18v\x1b\xf6\x96P\xb5\x03\x11\x0eG\x1a\xeeG\x1b\xcb\xf1r\xd2\x90\x13\xe1\x87v\x12j\xe7\x9eW\x8e\x97\xbbj4\xe7\xe8\\\xac\xa0\xf84\x10P\xb6\xb0\xa1\xc31%Y\x82\xb9.\xad\xaf\x01\x1dU\xb8\xb7q\xdcr\xa3\x9f\xdf\x95"e0\x95\xfe\xd8\x8f\x95r{b\xf0\x89J\xcf\xb9\xe1|\xb0\x89Y\x93\x02\xf3\x923\x05\x84\x1b\x00\xe2m\x83\x1b5\xf5\xe0.V\xc8H\xa2\xea\xb7\x95\xcd\xf7\xbf\xad\xcc\xa5\x97\xc2\xba\xa1\xf6\x88\xd7K\xe2\x15\xba\xed\x1ak\x86\xaf\xa3c\xe7`)\xb03\x9d0\xc7\x06r\xf7\\I\xa1\xd2\x11\xa8!\xd3_-T\xc5\x15\xdc\x9d5k6F\x07\xec\xe4E\x07\xf6\x15\xbf\xa1@_\xa9\xf1\xb1\xc5WVv;x\xffw\x1c\x0c\xf8\xf7\xfb\xce\xb6v\x07\xb6\x00\xac7\xeb\xe0\xb1\xa9X\xcd\xdf\xd4\xdcU\xf0\x15\xf0\x96\xed\xd1\x8ao\xdc\x89J\xb5=\x13)[\xfd\xdb\x118F30u\xf8\xa15\xe98\nTM\x91\x7f\xa2\r\x0f\x9d#Kl\x1d\xff\xb7\xc1\xca\n\x00-\x01ig[l\xde\x7fQ\x02\xf1\x07\xad\xd2\xdc\x8e\x06\x0b\x9bV\xc7 \xf1\x9e\xbdKn\xb0\x1aF\xf0\xa8&amp;E\xc7\t\x03" ^\x14\xf1z\xfc\xf8\x8b6s\xac\x91\xc7\xd7\x8a\x82O%\x93\x9d,\x00;\xa9\x9b\xc7\xf8G\xccYl\xbet\xf1\xf20"\xfeX\x95\xaak\x90tw,\xd8\xe1\x1aP\xe9\x0c\xc1\xae~\xceF\xea\xc5!\xb5*Z\xc4\xb62\x88\x9f\xec\xe1\xbf\xa3\x1d^\x12\xfa\xea\xcdv\x94\xbc\x14\xdb\x14yw\xb7\x038\xc8\xdd\x8au\x0b\x80\x15d\xe7K\x08!\x89\x95\xdd\x1e\xacP\x15\x17\x80\xe2\x88\xd5+f\xca\x9e\x85\xfe\x0fJz\xf2\xd5\xe1Y\xa3H\x0b\xe8\xe5.e\x01\xa8b\xb5/\x9d;\x8e\x0b\x88\xf0W\xcdm3&gt;7\xb5\x1ch[\x9f\xea^*\x11\x9c\xba[M\xf1\xb9\xb2\x17&amp;..N%2\x140Y\xb9$V\x89\xc9e\x05\x17\xe3\xb6\\--\xf3\xfe\x02P\xeclJ\xf0\x9d&gt;i\t\xe2\x1a\xf5n\xee\xe5\xed8eXWz^\xbc\x1c\xf1\xc2z\x1a\xb5\x83\xcc"\xc2\xeb2j\xc3\xd3\xbbzD3\xf7\xbd\'z\xd1P\xe8^u\xc4t\x9d\xe3;\n\x838\x91\xadP8\xd3g\xe64~\x94\xd7\x0cT]22GD~~\xfbx\xbd\xf5\xa4;\xads\xe7\xa8 \x1e^:n\x8c\x1e1*=\xce\x88!\x7f\xfe\n\xe7\x13@N\xa8\x94;\x05-o\xb4\xc9E\xc4\xc6\x96{A\x1a\x08D\xb3cY\x8dg\xd7\xd6$MP8\x00\xa7\x1c\xf5\xd9B\xe2\xf8\xc17\xad\xa8\x8f\xa4\xe1\xb6\x94\xa4,n\xef\xd2!.\x8f+\xd2\xe0\xba\xc9\xc08\x9e\xd0\xd0|\xb4\xe8\x88g\xc0)\xc1\x11?\t\xaca \xce:\x0c\x8a\xab\x0f\xa3\xff\xe7\'\xd8\x81b^Q\xae\xfc\x1a\xf9\x16\x99\xac\x93\xe0f\x0f\x1e\x86\xc1x\x0e\xfa(0\x00\\\x0f\xbc\xba\x04\x8c\x8fFo=\x81S\xafK\x91\xa9\xab\xa5\x03d\x1cr/R\tv\x02\xfb\x9a\x87c\x0b=\xe4\xf0\x1e(\x81\xed4\x19\x0f\x1c\x9f\xdf~\xe5V#\xb4&gt;X\xd395\xec&gt;c\xe88v\xec\xa8\xaaX^\x00\x9eW"0V\x80\xec&amp;\x87Z\xe5\x04~\xe9$\xec\x82\xc5\x15\xcbg\xb1\xb3\xdbV\x81h1\xc4Rc\xb5\x88P\xed\x8e\x15g,\xfct~\x9d\xa0t\x01 \xef&gt;\x00\xbc\xfdr\xb5&lt;\xae\x92O\x06;\x18\x97\xf58B\x95:N\x1b\x10\x1f\xe0;\xd8\xec\x85\xf3g\xe3\xea\x16ba\xfe\x9f=|\xd1\xd2\xd3\x16\x00\x9f\xb1\x96\xc9\xde\x80\x97\xd6\xef\x0c!\x13\x1b\x00\xe01\xb5l\x95\xeb\x8dY*\x9dv!b)j\x8f%\xc5\x86yu\xfe\xa1\x16\x8d\xa0\xf4k\xf4\xc5\xeb\r\xfc4""^\x85k\xe5j\x9e\xb1J\x97\x1c\x02M\xd6\xc0Z\xf9\xe4\xf1\xa4U_\x04N\'\xb6]\xdd\x1b\xae\x14\xf9\x1e\x96&amp;\xc6o\x88\xa9Kh\x96K\x7f\xb8\xb5E\x9e\xe6Z4&lt;\x1eX\xd1\'\x14\xfc\x1c\xb6\xa5:\x98~\xfb\xcd\xa6\xc9\xa4\xb2\xb0\x85\xadb^t\xce\x12\xa5\xcf\xedI9\x8d\xaf\x82\xb7\x96hF\x1d\x04\x88\x80\xb7=\xb4\x12\x1dg p~\x941\xad\x07K^O\x08\x08\xfe9\xb5\xbd\xd2A\x14\xb63\xa9#\x01j\xaf\xdf\xc1\xfc\rBu\x0cK\xeb\xab]Q\xd1\x95\t\t\xb5\xc2\xbd&lt;\x92\x92\t\xfb^ \xea]\x05\xb9\x00\x88\xf8\xb7d\x99_v9\xa2-U\xa8\xcd\xd2\r\x17\xc858\x0e-:\x0e\x8a]$\xb6E\xff\xc6{\xa4\x05`\xd6\x01\xbfhMrDD\xbc\xda\xd6:\xd6\xe1Hf\xac\x0fe\x07PJTw\xa1\xc3\xca%\x87\xb5C\x80\x1b2\xb2\\\xc0\xb2\x124+\xcd\xd8\x06\xca\xfd\xe4\xf3\xf25n\xf2\x06\xaan\xc1\xf3$8u\xc7\xce\x90\xe6OU\x13%!\x12L"\x97\xf2\xc6\x84\x9a\xce\xe1l\x01\xb0\'\xe4~\x1c\x96\xe5\xfb\'w\xa2\xac\x9c\xe4\r\xf5\x8aH \xc5\x9c\x184/\xaa\x12w\xb6\xf5\x96\xfezt\x99\xb7r\xa6\xa0t\xb6\xc8\x1d\xd0\xb3\xfa\x02\xd0\x91!\xb2\x1bP=F:\x12\xadJ\xd7\xaf1\x19&gt;\xc0e\x01\xde\x13\x10o\xb5;\xe7E\x80\xe7\xed\xf1\x02\xc3Na]\x1e\x886\xafO\xe7_eo\x98\xcc\xab\x14\xf3\xe7\x16\rI\xd1)\xc2\x01\x11\x11/\x8679XA\x0f\xf1|B\x9fC\xa81I?\x80\xe8\x8e\x13\x8c\x88\xc7 \xe23\x00\x10\xf1\x81\xda)\xc7\xdfe\xf4\x97\xc4\xfe\xd9\rq\x82\xa6F\x9eG\xb3\xbdK\xf5\x02\xbc\x8dJA\xb2\xec\x92\xfe\xfa\x9d\x8a/kO\x9eS\x04\xdd\x04\x1cD\x95\xf3\x9c(\xf7\xee8a\xa0\xf3\x0b\x11_MO\xb9\x1e/\xae\xfd\xfa\x0b\xc0\x06\xdbg\xefBE\xd3\xa9\x83`\xea\x8d\x15\xf5\xf7\x89O\xa0,\x10\x14!\xae\xe8\xb4i\x14E\xe4\x12\xfd\xb4\xd2\xac\xe8\xa25\x17\xcc\x92H\xc4\xab.\x0b\xf6\x81\xd6\xa1\xbf9h\xe9\xa9\xe3\x94\x83fsl1p\xee\xd9\x00\xba\x00\x00\xe0m\xab}t\xe6\xff\x8a}^\xf3&lt;8\xd2\x85\x19\x12\xdd\xc8\xd9\xba\xf2}\xf9\xa2\xf1.2h\x95\xd9\xe26\x1b\xf5\xf3&amp;;\x80z\x9fL\xf7;\xcc3"\xdf\xb1\xb5\xe8\xb0\xbaC\xe4N\xb1\xa3c\'\xe0\x8bA\xd8wo\xd5p\xf9\x11\x00?|\xf2.m=@;\xd8&lt;\xc9\xe9;\x8dk\xeb*\x91\x049\xb2K\xa0\xc4Q\xb91\xca5\xc0\x98\x81{\xc0\xca\xcd\xeb&amp;\xdd\xc5:!\xa5\x11\x1d\x1d\x19\xf0\xf312\xf5`~w\x7f\x88\x0f{\x11c\xb8!\xd5\x041\xbbu\xf0\xf03\xbe\t\xe9\xd2h{\xba\xda\x92\xb1"\xe2\xbd\xdb\xc4q\xd1\x15B+\xf4\xfc\xaa6\x85\x16Y\xfbv\x07kj\x1c\x16\xb2\x07\xfa\x9e\xe0LA\xd50;3\x99\x9eb\xfe\x84\xa2\xa0\x1f\x92%\xb1\x85_:\x1a\x9cQ\x1e\xbf\x8b\x1f\xda\xf5\xc4\x85\x83\x9c\xb5\xabp&lt;\'\xbe\xb7\x88\xf3\xace\xb5\xa6\xe1\x11:\xde\x11\xaa\xd4qx8Y$\x92\xd8\x9am\'5\x04\x05\xe9\xd8\xcc\x1a]\xeeI\xc1\tR\x15\x00\x10\x1fV\xb3\t\xd0\x16\x80&lt;Snp\x04\xc9\x96\xb18\xda.\xbd\xf4\xa1\x15\xe8\xe8\x98\xe0L&lt;L\x95}\xc4w\x13\xfa\xb6\xd8=\xef\x1b\xb2\x12\xd0\xb6\xf1\x1f\x8d\xcf\x85VZlZ\xab\xc9vv\xad\xbf$\xb8\x0b\xd4\x8e\x7f\x91\xba\xf5\xa2\x88\xd7\x0e\x11\x0f\xf2r\x91\x8e\x8e\xc3#\xb89m\x88T\xf8\x15kK7\xab\xcb&gt;^U!\x15\x97\x9a\x95YY\x9a\xd8\x10\x9b_\xbe\xb3\xae\x94\xd6\x06\xf4\x0bo]6\x89\x905x\xaf5\x0bv\xbd\xf5\xec\xe88&lt;\x8aw\x8c\xf87nn\xae\xc6f\x0c\x8d-\x08-[m&amp;k\xde\xb8\xc0^nhq"\xfe\x1a\xb3X\xb1E\xf6\xd1\x1e\xcaqT\x99\xad$q\x07(\xee3v`\xa2\x95\x0c\xf5\x05\xa6\xe3\xc0@\x00\xfc\'\x80-.\xb8\xb5H\xaf/\xf5\x07/\x0b;&lt;\xabK\x13\x11\x1a\x84_\x88s4\xa4$\xb5v\x9d8\x9b\xd2\xf3\xfb\x02w\x81\xc3\x86\xbc}J\x1fS\x01\xfc\x87\xe5s\\\x99\xe8\x06h\x7f+r\xc7iG\xad\x1f5\x14\xf9%me\xf0\x1f\xe9\xcf\x13\x8c\xc8\x0e\xd7\xcd\xa7\xcd\xfa*|\xea\x85\x83\xccju\xff\xb7\xec\x0e\xf1\xbbW2_&gt;\x9f1\x11\xab\xb8\x17\xb4z\xe2W\xc8)\xbf\xb7\xac\x8c\xe1\x0c\xe9\xe1\x8e\x8dQqQ\x14\x00\xf1\xb5\xde\xa6!\x96z\xef\xd4S\x9d\x8d\x82\xb764\xcaZ\x15\xd8ha\xeaH\xd2:r%\xe0\xf3x\xf7\x15|\xf2\x95x\x83K;\x97\xab\xbe\xecq\xf8\xde\x04\x80X\xda\x81\x007\xca\x9b\x1c\x81/tt\xe4\xb8\x91q&lt;e=\x9f\x93\xa7\xc4M\xe8\xa9\xe8\x81\x88wn\xd5$\xbaY~W\xfe\x15/\xb5\xd5\xb4\xc2%Vn\xc0\n\x8eg\x01@\xc0\x7f\xdd@\x994\xcaw\x8cE\xedR\xd6\x9c=]\x18I\xb1\xe5Sf(h\x8e\x07\xc7\xa6OGG\x05\xaa\x9c\x97\xd4\x7f\xb6\xb9ti\xd2\x08\xb2\r\x83l\xcap\xd7\xb3CD\xfc\xf2c)\x92 \xbe\xef*\xeb.\xfc\xd6^}M\xad\xa2\x17x\x8a\x0b\x80\xde\xb61\xc8\xee\xeb\xea\xf71\x0c~\xc7iD1\xb7j\xe1\xe9\xc6\x07\x04\xc0k\x9aS\x9a\x16=ZdOLL\xc5\xfcVE\x82\xcd\xe1\xf3$%\x97\xa3\x08\x01\x9boG\xc2\x97yv\x1e\x04[]}\x1f\xd1\xf9(\xc6\xbe\xe3\x0c\xc4\x8a\xda\xb7\xbb\x00\x14\x9bW\xde \x11\xd7\xca\xb9/s\xd7qv\xc5jZ\xd9$\x962/\xfc5\x0e\xc5&amp;{\x8eJ\xcdCs,\x8b\xe7\xd1\x00\xe77k\x89\xe3\xe8\\!{\xb5q\xbc\xe3\xc4\xe3\x08\xa7\x87\x1a\x8bW\xce\xe3\xa5,\xf39\xbd\x88\xb1\xd3L\xfb\x88\xd2\xf8\xd5\xd8\xa0H\xd7*\xb4\xa5ak\x93Q\xda\xed\x1aD\xae\xc3\xae\x1f\xb2\xc1\xcb\x93\xcf\xec\xe2\xc7\xd4\xcf\x0f\xc0\x9b\xe5M\xc8\xdf\x8e\x8e\x9d@}\xe6\x08\xf1\xeb\x1c\xb2z\x11\x88\xf6\x8bE\x11\xd5\xc3\xdb`\xe2\xfb\xbb\x95\xad6\xd7\xa3J\xba]I\xbbZ-\xab\xd5\x85\xec\xf92\xafO\xf3:\xb5~8\xfb\xd2\xa2LG\x82\xd6WSG\xd3\xb9\xb0\xff=_\xc7a\x80\x00\xf8\xdaC\x08\xa5_\x8d`\x8cg)\'G\xe9\x0e\x13Iv\xb1tJc_\xb5\x00\xb4\xe4\x95\xf5mTe\xf66\x0f7\\\x08\xd1\xb0\xa5\x9a\xcf\x11p\xd8\x9c\xcfA\xb6\x86S\x9dP,\xabdv\xbccw\xf9PG\x87\x02?\xcb\xc0\xca\xd9\x82s\xb9S\xe1\xb0\xe0\x91\xcb\xd9\xd5\x1b\x80\xcdg\xca\x1amp7W\xad\x01\x00\xf1\xcf\x1a\xb4\x9a\xba\xf6\xfa%2\xf7+\xec\xcc\xa8Z\x1c\x87\x16Q\x98\xf7\\\xe4+\x19\x9d\x02h\xbc8\xab\xe34#\xa5\xcf\x07\x10]\xfa\xe9Az\xafwv\xdcb\xa8\x05PDD|\xe5\xf4\xf9\xe2 NM\r\xbe\xad\xc5\x82\xb2J{\xc6\'\x8d\xe3s\x8d\xfb\xbax\xbf\x16\xb6m\xabd\xe4\x86\x99H\x9d\xa1\xe1\xc6\x9b\x95\xe5\x8b#\x19\xcd\x95\x08\xedk\xc9\x14X_\xb5\xeb8y\xa0Y\xf6\x9eW\x82,/\xf7\xcf\x06\x143\xeb&lt;A\x05N\xb5\xeb\xcf)\xdebf\xb0?\t\x87Z\x89z\x05\x9f\x1e{\x00\x00^\'\xc2\n\x11\xaf\xa7\x9f\xfaG\xa3\t\xe8\xd2\xcf(L\x83^\xa69\x03&amp;@\x87\x83\xf92i\xc8c\xb6\x94{\xe3\xfc\x02\x14\x89J&lt;\xfa\x97\xdc\x13\xc9%,\xbe\x00\x94\x1a\x9e\t\xce\x8f\xf8\x80\xe5b\xf8^\xae\xef\xa9\xbd:\x1e\xbc4\xf9\xacv\xfc)\x1f\x8c\xa3\x81\x953u\x9c\x89@\x922\xec\xcd\x19\xccb\x0e\xd6\xed\x00\x96\x9b\xfd\xf1\x11\xe2T\xc6\xa5;\xfa~\x10(\xec "\xe2w\x85\xc2\xfd&gt;\xf3\x92S\x83b\x89\x15\xe6\x84\xe0\n{\xd4\xaa\xe3HA\xd2\x81=\xa4\x87\x85@\xac]\xbcMe\xca\x85 *.\xafu\xc2^R\xe0f\xac\xbd\xed\x95\xaf\x80\x81Va\xb2y\x11\xdd\x80g\xd5F\xa4*E\xddg\x06s\xcc\xa8\xcd\xee\xfb.\xa0\x03\x00\x00W\xbe\xf67&amp;\xa2\xe8\x96\xca\x02\xb0n\xab\xca\xf6\x01\x92\x13\xde\xb5\x91s.\xe5\x90KK\xa4\x83\xd4B\xd0\x9b&lt;\x9ey\xdb\x9f\xd2\x97\xde\x06\xab\xe3\xa3\xa9\xdae\x19\xbb\xcaKN\x11^\xb4\xf8\xfc\xc5}J\x9a!\xedG\xb7\x8e3\x17S\x08\x8e\x85\x0c^\x0b\xf2\xd9\xfa\xac\xf2}\x83v}\xf2\x13\x01\x8dJ"Zg\xd1&gt;\x8a\xf2\xe9C\xde\xa5^\xaf\x8a\x8e\xc2\xab\x89+7\xcd\xf7\xad\xae\\\xd1\r\xcd\xfb\xdd,\x00K\x8a\x13\xe9\x8a\xbe\x00t(\xd8Q2\xdb\xe0j\xdbVl\xbei\x971\xa2\xad\xfep\x97\xddl\xc0\xf5J\x9a\x01\x93\x83v\xfcV\x89`E\xd8@\xfc\xc7]Z}\xbcU\xbe]\x03\xeb\x17W\xfc\xad^7\xeb\xc8\xb1\xa3\x8c\x00\x9f\xb5*j\x84D\xb8\xa7\xbe\xabD\xb3\x7f\xec\xe2\x9a\x84\x13\xe8\xd9\x07\x7f%(\x0e\xd4a\xd3F\xb9\xeb\xea\xf9\xec\x08\x04\xf8\xd3J\xfa\xe2\x91\x8e\x8eU\x90\xd7c9\xc1|j\x8d\xf39S\xff\xb0QA\xbd\xf2\xf9\xb0\xbdD\xff6b\xfc\xfdrb\xb8\xa3,~M\xdb\xbe\x00l\x82\xde\x7fg\x16p/\xd70\xfd\xc9\xb9\xeb\xa9{\xc7\x1d\xf1\xb5a\xe5\xa7\x19\x8d\xf1\xb9\xc0\xd9\x95Hq\xe3\xb0\x9ej\xff\x17.\xae\xb8\xe3\xf5\xcb\x01\xd1\x1a\xcf\xf4lG[\xf3\xc5\x8c]\xec\xae\x0e\x85\xc9\xa2o\xd9\x01gC\xdc\xf6\x92:\x8e\x10\xd1\\qCq\xd6\xa9C\'\xe9\x9bC\x8d\xa7\xbb3QF\x7f|oc\xdbt\xfc\xc9\x81V\x0e\x01\x7f\xbf+o\xfe\xfd\xf4\xd6\xde\xbbD\x95\xf5y^\xd4Y\xcf:F\x9c\xa5\xb8\xb4\xefI\x91\x8eCcwSE\xbd\xe5\xdf\xdag`\xe5\x8b\xd1\x19e\xf8\x9e\xc2\xb0\x80-\xb0\xcf\x0cT\xbd\xea\xfb\xbf\xaa8\xac\x8b\x9b\x98\xefuT\rM\xa1\x9bvT\x0f\xfc*\xe8M\n\x88\xcf:\xa8.\x1dG\x83\x148\x9e\xb4\x0b\xe6b\x1e\xaa3\xd3/\xdd\xf2\x9b\x11\xd5kV\x88\xd6\xef\xd4\x9f!P\xd2\xff\xb9?\x83\xc1\xb0\xb8\x00\xac\xcc\x19{D\xee\xe88\xd9\xc0\xc7\x91$"\x96P#&gt;\x9f|\xceB\x0b\xd2\x04\xd0\x88;\xd3\xd1\x1f\x9a\xbe\xbe\xc6L$k\xcc\xd8/\x9e\xb2\x17)\xd6\x02P\x95\r\xfb\xad\xc6c\xeb{\xfa\x88\xc7\xea\xb4\xa1wuG\x14E_\xf9\xc7\xbc\xe6{~;\x16[\x11\x87U\xc0\x8b\xe1IV\xcc\x0fu\x8b\xf7\xf1O\xa4]/\x00\xea\xd5\x8b\xe3\xef\x96=\xe0\x08\x93\x8f\xbaQ\xef8\x10\xcer\x10\xa9\xe6uHD\xc4s\xe8\x87\x01\x00\xe0\xf2\xf9\xf1O\x02\x0c\x82s\xfa\x7f\x16\xe8\xe7S\x03\xc00\xb0F\x9eJ\n\xbd\xd2z\x1fp\xc4"\x00~\xf3\x81Caq\xb2[\xe7\xe3U\x1du\xec\x0e4\x1a!\xb0\\\xa16$\xc6/Kh\x1e}\x14\xa8\xd5\xab!c\xe88y\xb0.\xb7\xa6q\xc7\x0b\x8aS\x94\xe6U\xd3\xe7\xeb\xe7)&lt;\x92wJ\xa3\xf1\xca\x1d\xc635\xff\xda\xd8d\xa3%\xa3\xec\xa0v\x9d\x807\x0c\xf0?\x06\x04\x0bk\x14\xbfZJ\xff\x8b3\x1a\x11\x11\xbfX\xdb\xaa\x19{\xba\xd9,7\xa1\xc1\x9e\x93\xe23[\xe1&lt;d\x8a\x1dZ\x97\x8e]\xc2\x19b\xf5^Lz\x84,\x06t\x9a\xdd\x92\xf9M1\x82\xac\t3\xf3\x1a32\xb9U!\x8d\x9d\x85Xd\xc7\xe3\xf1\r\xd1\x1f\x00\x10\xbf\xa59\xfc\xab\xf7\x0eU\r\r\xe2\x1b*\xee\xdd\xdaW?\xab\x81\xecX\x86\xf9\x88\x81\x81\x99\xdbq\xe2\xa1\xcc\r\x9b\xf8\x15v\x88\xa4q\x82g\xe5\xe1\xb8\xe3\xeaY\xd0\xcdd.\x95t\xafX\x1c\x8f\xc37\xa8\x81\xf2\x17\x14Jq&lt;\x1d\xa9mx\xb2 &lt;\xe1\xb8\xc6z\x13l\xb8\xbb\x9d\xa6\x89\xf1\x83n\x1d\x9b\xe30\xd7\x00\x00@)\x0f\xce\t2\x92\x7f#\xfek!\xf1\xd8i\x05G\xb3\x08IO "\xe2Gd\xd1\x06\xe6\xea\xea \x8e\x17\x91\t\x1e\xb9&lt;\xd3\xca\xae\xb1\xa0\xeb~!\xd5(\x9a\x1c\xa9A\xb3\x15\x11\xe6y^\xa1\xd9\t\x04s\xcb\xa5\xa3\x10\xaf|\x00uv\x82d\xe3\x9a\xb1\x9c\xe7\xc00\x00\x0c\x03\x0c\x83z\xa9\xae\xe3\x14A)\xf2 \x92\\2\xa3,\xee\x00\x18\xcf\xe0\xbd:j\xbe\xc9\x1a\x0e\x9e\xf4\xf1\xd4\x7f\xdc/?\xa8P\xda\xa7\x8e\x1f\xf8\x9f\x01\x9a\x9aD\xbeHL\xf0cq\xd1\xcd\x06\xee\x02f\xb9\xefX\x0bA\xaf?\xb4\x02\x1dg\x16\x10\xe1\xc7\xb2\xafd\x01H\x07i\xfd\xa4T\x02\x82&lt;\xb2\xbcZ\x12kGx\xc0\xf9\x11\x93\x86\x1d\xff\r7\x90\x05;\xe1\xd4@/\xe5\xcf\xa7\xccVEDD\x1f_\x7f#\xaa\xb7\xb3Q\x82\xbd\xa8\xe1~\xed\xe88\x0c\xcc\xcb\xbfSB\xfd\xa8Ty\x8fD\x01Z,B\x00\xc4?\xb0\x9a\xa0\x16\xcde\xe4RZ\x19Z\x9c!\x0b\xc0\xdc\x03\x17\xf5h\x9a\xfa\x80-\xf0\x11\x16\'\xa2g\x8f\xc4\x03\x10\x7f\xaf\x86XWy\xff\x86\x1cC\xd7u\xec\nU\xa3\xbb\xe1\xf5\xa5\x85\xa7\x16\\\x10\x11\xdfjU\xa5\xec`4\x9fA\xc4k/u\x9e]M\xff"S|\xc7\xae&amp;O\xc4\xa8\xb6%0QF\x16\x80\x13\x11\x1a\xac\xdd\xea\tRc\xbe\x12\x0b\xf8\xd7\xd1jj\x15s\xef\xec\xa9\xcb\x9f:\x16`\xecG\xbd\xb7\x97\x9b\xe9\x10\xf5\xb0H&lt;\xdb\xa7\xb3b\xf8\xda\xc6J)k\xda6\xac\x01S[;\xfc3F_\xb1BCE\xee\xa6\xdc\xa0f\x8cv\x92\xdf\x88\x0fmL\x10\xe1\x95;J\xbfJ\x04[\xcb\xec8\x1a\x1c*9*\x86$4h\xdab\xd9\xe6\x90\xf7Yr\x82{\x00l4]WZ\xdb\xb6\x0f\x90\rSp$C\xf3{\xf8\x94\rlT\xf6y\xaby\x16$Z5\xcf\xa3)\xd3\xd3;\xb2\x0e\xeb\xec\x87\x9ej\x1d;\xc6\x01\xc7\x97\xcd\xb7%\xd0\x90\xa83\x06\x1a\xd9\xf0\xb0X\xd4\xb3\x03\xd6\xb1T\x1e\xda\xc2\xbf\xbdr\xac\xd9UX\x82\xf8\x91\xf5L]q;M!6[\xf5g\x1dw\xd7\x1b\x88\x88\x9f\xdf\x19\xf7\x8e\x93\x0e\xfcI\xf2\x99\xfc\xdb\x958\xb9\x00\xe4\xa9P\xa1\xf9\x87\xb3k\x00\xd9)\x00\xfc`\x9b&gt;[\xdcL]%q\x858\x8fme\xc8F\x01\xf5\xac\xc7!\xb6\x04"\x9e\x17\xb5\x9b}w\x87\xfa\xce\xa8a&gt;\xbb\xcd\x1a\x0e \xcaV\xbb[\xaf\x0e\x9f\xa1t\x1c-\x92\xd7\xd1\xa7\x01\xc8AD\xc4\x87l(n\x91K\x17\x80\xd6\x98En\xfb\xfb\xd6zM\x10\x11\x9f]\xd9\xec\xb8\xc1\x02\x9f\xd3\xa7^\xec\x8f\x08b%\xb2\xb0V&gt;\xdbKV\xaa\xb1\x89\xd0F\xe6[\xb4\xc57d\xc7\xa3\xcd\xf1\xa7Z\x85wt\x18\xb0\xa6\xcb\xca)\x94\xd2\xa5\xe9\xdf\xbd\x18\xf3%\x8e\xc4\x94|\xe8\x9a\xb0%u\xf3O\x8d\xba\xddu/9\xd4V"xd\xc7y\x8fe\x9d\x95\x1b\xa9\x98\xb6\xd6%\x1c\x9d8LY\x85\xe0\xc2S\xc9u\x87p6\xbbq=\x8f\xcb\xa4\x8e\x93\x02?\xde\xe1uB\x1c\x8a7&lt;\xd09\x87\x00\x88\xaf%\xa1\xe6]\x0f"\x94\xbf\x96_\t\x08"\x12\xff\xd7\xcf\x0f\x95\xf9\t\x9auj\xa0/\xc4\xfe\xfa\x02`|\xe4\xa6e\xfe{\xaa\x8c\x08)\xe0\x9f\xc5\xda\x8d\xe1\nMd\xaf\xca\xdd\xad\xbf\'k\x91\xdb\xd0\xa6\xa3#a\xf6\xd1;\x17\xdd\x8f\xb9\xb7y\x97\x85\x16[\xd4\xc4\x07\xf3\xd5\xc2W\x92\xb5r(kW\x94Z\x9c\x88)\'oa\x8avu\xc3MD\x0eA\x84IsC|\xfbVA\xb3\xcdcXdW\x16Tmw\xbbC\xd7\xec\xe8\xa8\x85\x95\xf1Y\x93d\xa9\x8d\x18/\xd6RcM\xb6u\xa8\nHK\x93\x10\xe5\xae\x81\xd7_[\x13\xdb?\xe2\x15\x18\x08]\xd1\x9d&gt;|ei\x03GKO\xbeD\xd9\x1c\xf1\x0eeU#\xda\x86\x0b&amp;T\x8dHF\x12\xf4\x80]\xb8J\x96\x87m\xce\xbd\xa3C\xd9\xba\xe6\xb9\x0c\xbe\x13\xd2\xfd\x91Js-\xebI\x07ir\x1a\xd5\xc7&amp;N\x97\xacw7\x13N\xd0\x1c\xfb\x8bx`\xb2\x16\xfe\xd2\xb0dn`\xaf\x00h\xe4\xbf*\xb7\xe6(\xd9\xd0\xd0-\xc2\x10\xadJL6\x8f\xecm\x95\xb7\xf8\n\xd7\xd1\x11\x02^M\x99\x96j53\xeey+\xe79\x88\x8a\x13\xd9O\xfc:\xe6G\xd4\xb6kf\xc8i\x9a`\xc9\x90\xfbX\x04\xee0\xa1\xbd\x00\x98[\xc6\xd8\x02\xc0n&lt;\xf3[]\xd19\xb7\x02\xc5q\xce\x8b\xfb:\x87\xf6\xc5,L\xf9em\x02::\x8a\xc0\x1c\xf2\x14\x90\xad=~?9[\xe6\xbcN1\x93m\xba\x91\xd4\x11\xbd\xe6\xa6\xbd\x8d\x0bP\xf1\xea\x81\x85kJ\x9eM7\x90 ~9?\x1b\x08a\xcc3\xac\x05\xc0]\x1a\x14\x89\x89pm\xa6\xb0\x02\xf1\x12\x90\xc9a\xf7\xfb\xc5\xc9\xe1O\xd4\xc6\xb4\xe3X\x10\xba\xd2\xbb\xcc\xc9*\xce8\xb7=@\x95|\xa7\x12%\xe7\xfd$zVs\xb6\xa1\xa9(\x1d\xd0a2\xac\x08\x86l\xd9\xc4\\\x00\xe2Z\x11\xdf\x8b\x9ad\xe3\xbe\xf5\xacv\xe1@\x1b^N\x98\xe8c+kG\xc7\x82\x97\x03\x80\xb6\xb9FD\xfc\x8c\xde\xa4a\xf2L\xdc\xcf\xb6q8vk;s\xda\xb8\x83\x9a\xac\x83\xc3N?\x162Z\xd7iD\xe4mI,6\xdf\x1e\xa0\x14\x03\x8d\x80\xa4\xde\xfaeh\xb5\xe4\x1c\x98\xff:E3\xa8R{\x18\xaebT\xdeJ\xfe2\x82\x1b\xf2\xdc\x88O\xc7\x91b\xaa\x92\xe7.Z\xcc"\xf0B\xd5Rv\x91\x9d\xe0\xaf\xda\xa7\x0e\x14\x88O\xee\x84qz\x0c\x7f:z\xbf\x90\xb9\x00P\xef\xaa\x1c\x9d\xf5C9\x95%\x83\xc4[;\xcf\xf6~\xbf\x1b\x1c\xbb~\x1d\x9b\xe3\x1a\xe4s~\x15+\xea\xafKa\xc7\xa9\xc5O4\xd3$\xfc\xc2\xce\\\r\xc9\xdf\xd3\x81\x88-\x81\x1f\x88\x8c\xca\xb2\xc6]\x8d\xe3*.[jH\xbe\xbd\x7f#\xc5\x15P-\x1b\xd2a\xa3\x96\xf5\xd0\xf9\x03\xfe59\xf5m\xa2\xf2\x16P\xef\x1ci\xca4/\x0c\x9b\xfb\xf9\xd1\xafP\x1d[c\xe5\x15-\x143|\xab&lt;\xa7\xed\xfa\xea\x7f\x10\xf5\x8e\x10\xeb\xbb\x06\x01\xf0C&amp;\xf3\xf5}\xaf\x0e\xa0\x1c\xe5\x06\x9e\xcb\x02\x00\x00\xd3\xefwz\x1d\xb2\xfer\xc8\xb6X\x96\x13a\x7fm\xa7\xb0\xdd\xf0\xf1\xec\x0c\x8eG\x933\x16\xc3\xa1\x15\xa8\xc0\x98\xcee\x87\x86\x01\x10\x87\xc1\xb4\x02\x11`\x08\x19\xb9\xc4\n\xc2\x0e\x11\xc1\xe1\xcet;to\xa6\xfe\x89\xa9\x1cf\x8b\xa0\xf2C[\x16\xba\x83R\x96\x08|\xa0%7gdiX\xa1\r}\x85-A\x87\x05\x12\xa7\xc2V\x07K\xbe\xed[\xe7\xf4\xcf&amp;\x90\xfa\xc7\xe7W\xc7\x8ep\x96C+P\x03\x12\x13\x86\x11%\x7f\xfd\xea\x01\xe0z1\xe6\x82\r.\x17+\xaa\xd5K\xcd\x8bM\xbd\xcb\x1e$0!\xc0\xcbB\n\x0c\xeb\'\x147X\x8d\xfe\x01&amp;J\xea\x1aS`\x00\xd0\xd7\x1c\xc6\x0cQ-h\x0c\xc3`6\x97\x0b\x89\x88\xfe;\xad\x16\xd67[.\x92\xad(\xed/\xf9\te\x80\x00h=C\xbf\x03\xf4@\xdf\xb1\x16\xc1)\xd0\xb6\xb5\xd47\xda\x11q\x9e&amp;\xe6s:\x11\xa8wE\xedt\xdf\x8c\xb7\xe6\xa50Y\xd1.v\x8bu\xbe\xaa\x00\xed\x0b\xd9\xaa\xf8\xf7q\xc9y=S\x17\xdf\x1d#\xe3\x91\xfa6\xab\n&amp;\x89\x97;j\xfa\xd94j\xd1D\xa8Wv:v\x84H&lt;\xae\xba\xa4\xec\xca:\xde\xbb)\xa4Bu\x15a\x9f \xaf\x95\xe3g\xf9\x94.5G\xa7\xda\x8e\xf8\xcam{s\\_\xf1\xc7\x9a\xdan\xf1\x03\xcbx\x87U\xfe\xb6\xeb\x15\xae\n\x97R5!sAmut\xd3\xa3\xe3\xe4\xc2\xbfH\x15\xbc\x84\xb5\xe6V\x07"k\x86\xf5\xa6\x82\x12nP\x9f\xado\x12\x92\x04\xcfi\xeeN\xa1yk\xfeB\xdc\x97#"\xe2\x07\xf7\x16\x17\xaaB\xe5\xcaE]Yzw\x93%\xec\xb7\xf7&lt;i\x98\xfe\tBD\xc0K\xf4\x05\xa0c;\x14gSp\xa65L\xc8\xb3L\x0b\xcc#\x97\xe2\x7f\xeb\xb4F\x82&amp;\x06[b\xff\xaa\xc4\xc5%\x9a\xe2\xca\x84sm\xa1\xc8\xb8xYe\xdb\xae\x98\xb3\xe3\x17l\xc6\xf0\xf6{M\xffY\x87\x18+\x1c ~Lju&lt;N\xdeq2PN7\xf6\xe2RsF3\xc7\x94L\xfa}\xcb!\xa6\xf4\x98\xcf&gt;\x17\x00:u-a{\x9e\xa4q\xc3\xd3\x96\xae\x18\xd9\x11\xe0.3\xf3\xa8\x1a\x82\x18\r\x07\xab\xbaNS\x18\xfa(\x1b\x9b\x03""\xbev5\x9f*q\xce\x90\xa9\x04\x08\x8d\xabi\xb1\x02\xd9q\x9aQ\x9e\xe7\xb3O\xed\xa8X\x81\x12\xeb\x98\xe8\x04\xec"\xde\xce\xa2/\xde\x13\xa8\x94\xad\x16\x80\xac\xe2\xdfvE\xbd\xe6b/\xd4\xad\x1912\xa3C\xd8\xc0a\xfe\xefx\x90E\xd8\x15\x05+||\x89\xa6$\xc0Z\xa1\xe9\x1c\x88(H\xcdi7\xa9\xe3\xd4\x03\xf1\xff\xc1\xea:\xbe\xda\x9c\xb8\xe0\xf8YI\xf6\xf3\xd8g\xeaPt\xe3=-\x00\xe4e5\x96&gt;i\xbbC\x8f\x848_\xbc\xbd`\x12o5\xd29\xd7\x8d\xdb8\xbbk!\xceu\x1b\xe5TH\x89z\xa8\x9c\xaf\x9b\xcef\x94\xe4\x06\x84\xa65\x00\xefZ\x11j\x11o\xd0fxU(\x9f-\xfa\xd4\xd2\xb6V^\xc7)\xc6.\xdc\xc1\x8a\x86*\r\xce\x7f\xd3\xf2\xb0|%\xc44\xa6O\xf3\xd3\x96\xbe\xc3h\x92\x87\x89$\xd1\xa1\x07[U\x83\x7fK\xae\xd6`\xf2\xf7\'\x89a\x11k:v2\xed\xf3\xc7\x95\xf2\xcfK\xb8\xb6C\xad\x1f\x08\xda \x16\x9d[\xfa\x14\xdd[\x83::\xa2\xa0ilv|%[y\x8f\xb7\xa7\x03\xb2p\x0fZ%\'\x9d\xa69\x9a\xc1p\x87\xf1\xa5=.\x04)\x9f;w\xc8mS\xdb\x16=\xe3\x88\x1b\xd2\x16\xadLn\xb2\xb2\xb1\x85\xb1\xa1k\xda\xe7fM\x82\x88I\xff\xe9Jm\xf1Y\xaa\t\xbeDU\xa1\xa3ZY;\x8e\x1aY\xa6\xc9\x8f\xd7\x04\x85\x92\xa76\xaa\xe7Nc?\xc3\xda\xd55\x8c$\xba\xd2\\\xac\t\xb2\xfb\x87\x95\x04\x08\xb2\x96\x95/\xc2p=+\xce9$W\x1cI%;{I\xf8\xbau\xa2\x83\x98\x94A\xbcdS\xc3v\xb9\xf7;jG\xed\xd8\x18\xea\xfc\xb3\x16\x06\x93\xc9qD7D@|\xca&amp;Z\x14\xf3\xc7o\xaee\x88Y\x88\x89\xcb\x8a\xf2\xd7\xea?\x9b\x8fGC\xf4\xf7Iy\xd5\xe5\xde\x9b\xa8Y\x81\xbc\xf68\x0f\x10\xbf\xdcJ\x95\x0cl/H\xfb5\x1b\x1a\x0c\xbc\xd4z\xfb!\xdeM2\xd7qD\x08N`\xc4\xc7V\x94\xad\xed\xb8\xb0\x07_r\xc2k\x0b\xabR\x175\xcc\x0f\xa7\xac\xbf\xc9\x9e]_\x00\xec\x11i\x96X\xb5\x00\x14\x89E\xba\xbd\x1c\xdf\x0fDp\xd7%\xcb\rA\x88y\xcc\x90\'\xd5(\xccET-\xc6\xafW\x9d\xa4\xc5\x9f;N*\x8aN,\xab\xf0Q\xce\x8e\xc4\x1a\xfa\x06\xd4\xccJ\x9b\tI\x7f\x8a\xfdS[b\xc2\x1bz\x11d\x93\x05\xa0\xea\xf8\x1aAUiA\x9cr\x83!,\x8a\xb0\xe5\x16&amp;\x85\nG\x96{J\xd9p\xb7n\x14\xe2\xfd\xd6c\xfc\x11b\xdfo\x03\x8d8\xc1\x00\x80\xf7\xce\x97\x81g\x85\x98\x9b\xaf\x1b\xb4\xde\x90Y9\xdf\x11\xaf^j\xd0\xee\xe4\x08tjZQ\x00p1\x13\xa1\xe6W\xd2\x86\xbf\x92\xdc\xb2\nt\x05/\x95\x7f\xe5\xf1E2\xccw4\x85\x05\xc5\xdf+\x19\x7f7\xeaHy\xf8\x97\x13\xabo\xab6(\x07\xe3Tr\x92\xf8\xea\x07\xda\xde5\xe2\x14\xe3;y#B\x0e\xdd\xb3\x1dG\x80h\xfe2\x9f\xb7\x12\x93\xad\x12\xb5`\xdc\x99\x83\x14""&gt;C\xe5\xb3M\xfe8\xb2\xb0J@\xebeXj\x1e\xc3\x16\x1c\x01\xbe\xe1\xd0:\xec\x0e\x851%\xb3"\r\x11\xb9\xe5\xcc\xc0\x8f\x9a\xb2\x8a\x9a\xf0#\xe2\xcaA\x9du\x88\xf8\xbbq\xe2J\xee\x1d;\xc3\xd9\x0e%\xb8\x94j\r\x00\xf8\x90\xe9\xd5\xf0\xc6y\x82K\x00|\xa0Y\x15\x0c\xfc|I\xf2\xd9az\xa9:\xb3`\x18\x06\xdc"\xc7IL\xbd9B\x14\x8e\xe8.\xf9\x8f\xfa\xe7\xc7+\x15\xdd\x01\x06\x004~|\xa6\n8s\xe3\xc7\x11\x00V\xfdRM30\xfa#\x07\xb0\x8c&lt;.v\x0c\xc3\xa0,\xdaM\x96\xe0\xcc\x99z\xc0\xbc]x\xd6@h\xe2=\x85\x95\xca\x1c\x83\xb3u\x1c\x06s\xeaR\xbeK\xb9&gt;\x07\xa9\xac\x89\x93\x19U,+g\tZ\xe5\x85\xaf\r\x11\xdb&gt;\x9d`\xec\xf4\x06\xaa`\xe7\xed\xb9gyR\xff\x82e\x97\x96\xb9\xa8\xd8(\x14\x18.\xd7\x8a\xf2\x1b\xacm\x16\xe2\x9e\xd4\xcf\x85\x94\xef\xc5\xfd\x8e8\x8e\'zIE,\xbd\x90M\xbf\xbd\xa8\xa7kr\x1cjl\x85\xa0\t[\xd9\x1b\xe9\xb9y\xac\xcf\xb3ZZ\xb5VL7\xa9ip\xf0\x19\x19"\xbcS?\xebj\x15\x1b\x9d\xa036\x8c\xdei\xf0\xef\x93\x80\x03\xfc$$\xfb\xd1\xc2\xdb\x93\x9b\x10j\xb3\xf8\x06\xf0\x84(W,#{\xc1L\xb0\xc2\x19\xb75\'\xeb\xb9#\x9b!\xcd\x99`\xfcB\xe5&amp;A\xa1Pd\x9bd\\s\x03IMHZ\r\xde\x8f{z5\x94\xe5\x171\x87\x01\x01`\x80\xab\xe4ggp\xb9\x88p\r2\x8e\xb1:\xcd\xdc\x99\xf9\xb6c=z\x99\xe8tB&amp;\xdd\xccuv\x11\xd6\x10\xe0_\x17\x89\x8b\xa0\x07\xd8J\x92\x04\xaa"\x01\xc5\xf4~\x9e\xd5:\xbbR&amp;\xf6XS\xf8\xc2\xb7\xefN\xa3\n0mo\x1b\xcd4\xaf\x91z\xb5\xb6w\xeb\n\x83\x07/\x01y\x94\xd5\xf7\\\xb2\xbb\xe9\x0c\xb6\xaf\x92w\xe2Go\x8e\xc0\xcb\xe4\xda\xffg\xa0\xd1\xa4^\xcf\xf1\xcfD\x88Mn8\xb8n\xa5\x00\xf9g\xd2\x10\xcd|\x05\x11\x11\xf1\xa6\xb2\xa1J|v\xa2\xc3&amp;8D\xff\xb5 \xafA\xaf\x9d\xf9xOq$\x8fV\xc7\xde\x1d\x02N\xfc\x17u\xf9]\r7c\x1c\xcc\xe8\x11\x7f\'\xb6xut\x00\x80\x8c\x05\xfb\x9d\xae\xc1j~8\'\xcb\x96\x87\x99\xf9\xc9\x0b@\xbb\x86\xbc\x08\xb9\x86\x15\xaf\x8c\x07\\\x08\xe7\xfb^\x8e\x16\xc8!\x9e\xd5B\xc4\xd7\xecI\x99\x97\xc6\x8b\xfb\xe7\x9f\xaf\x03\x17)\x8f\xbb\xff;\x8e\x0ek6\x89\x880\xfe\xa8\xc0\xfc\xf5\xa3\x88\xcf\xc9\xa3\x7f1\xb5W\xae\xc29x\xc9v\xd7*O.T\xebi\x9f4/\xf9c\x93\xaf2\xe2Hy\x01\xa8\x97\x08\x00O?x9h\x8e\xad\xfb\xf7\xac\xb8\xc4\r\xd5\x9a\xec}\xc9v\x1c;N.\xd0\xb8\xec\x17I\xf7x25\xf3\xa1q\x7f\xdbI\xd5&lt;K#\xa9\xd3\x89\x86\x95\xd2*\x94\xb9\xb1\x97\xe3L\xecV\xf8\xdd;\n\x8f\x88\xd1w\xeemr\x0b\xc3R\x9f\xcc\x16\x80uL\xe3\xd2\xb7\x90\xe4UVK\r\xe9\x0c:\xe9n\xdf\xb1\x13\x147\x9b\xbc\xc8\x93\xe5R\x00@\x17\x80m&lt;\xbe\xa3\x08\xffr\xcb\xe3\x97\xcf\xac\xe4\x1dY\xec7X\xc8\xb7\xccaW\xc7k\xea\xb1\x9f\xddH\xab\xbd\x81O\xb6\xec\xd4\x0f\xc8\xda\x1d\xa4\xea\xdc\xc5\x00\xff\xbf&gt;\x1f;\\\x88`n\x90\x19k\x00%\x00(\x04\x8em\xf7\x07\x1d\x16\xaazY\x1d\xfc\x95\xc5\xe5\xaa\x90]^\x90\x9e\xb86\x8a5o%\xb7\x82#\xbd*\xf7\xd2\xce\xde4\x9ddD\xb4\xe2\xdag]\x87\x025\xa4;3\xc5Y\x00r\x02\xad\xad\x9b\xcb\xec\x19\xb4&amp;\xb0+\xfe;3\xf2\xdc\x85\xf4?\x9b\xf6\xf8\\I\x90-\xdb\xc5\x11\x99\x96\xf6\xdfjU\xd7\x05\xfe\x87}\x91c\xbb\xb1\xd9\x84Y\xe4\xaa\xecZ\x11BO\xbcr\xe1\xee\tz\x1b\xabX\x00\x8ed\xb6u\xec\x18\xcd\x83\x9c\xfc\xc3X\t8g\xfc\xb6\x98;Z\xe2\xdctfo\xa8Z\x8a\xd6tl\xb3\x85\xf8\x89U\xcc\xd3Y\x952\x9e\xdd\xb3\xdaQA\xa5\x18\xcf\x84\xd7\xcclOJ\x84\xaa\x1a\xd2\x86\xd5\xc2\x9a\x1aV|\xb7\x08\xf8\xf1*%:N\x1c\xe6p\xf6\xb1(}\xe0\x16L\xc7\xe7\xd2\x91\xb5\x97\xe6j\xdao\xeb\xc5\x91\xb4w\x03)o:\x8a\xd0\x86w\x82/\xa9m\x12_\x1dk\xbaQ%\xdb\xe7\x02\x106kc\xa1qJs\xc1^.\xb6\x19m\xb5\xee\x95\xbc\x0e\xef\x8e\x1d\xbb\x00""^`;V\xfe\x12\xb01"\xd5\x12\xfc\xe3\xad\x85""\xe2\xb37\xe6\xaaH\xd9\xb1\x84\\\xdc&amp;LV\x0c{aSB8\xaeO \x1a\xd0`\xd5\xaa\x0b!\xa4\x1bW_\xc4nV ?\xb2J\x8b\x8ec\xc5\x86A\xbav\x01\xa03\x19\xed\xafg+E\x87-t\xd7\xd5[)tM\xc7\xee3\xfe7\xdf\xba\xc3\xf3\xcd\x84\'\x879\xbc\xb0\x1c[\xa9\'\xe1\x1f\x1c\xa0\xf2\xb3\xbbl\xc6\xd8\xd9d\xd2z\xe4\xed\xd8\x15HE\xfb\x1ee\xe2|\x028\xb3"\xba\x00\xa4Ym\x90\x86\x12\xfc#\x9b\x1f\x08\xf0\x82\xf4\xb9\x142\x8eD\xf9\xe0jm5\x14|\xaaD\x7f\x7f\\C_\x99]\x83\xea /\x8f\xe7\x94\xe5_\xb2w:\x9c\xce\x8b&amp;M;:b\x88_\xd2D-\x9c\x95\x9d\xb8\xe4\xc1\xfeR\xf1"m+*\xb4z=^\xd0\x17\xd2\x02\xc4\x8fVM?L\xfa\xd0}Le4\xdc\x1d\xf0j\xeeAvT}\x00\x00 \x00IDAT\xd9\xc0h\xe9wg\xf1\x05`\xdb\xb7*m\xc9j\xdb\xa1\xf0\xcbP\x11A\xfe\xa2\xbb\x0b\x9d;:\x14D\xb2\xbf\x99R\x1cy\xff\xda\x9b\xe4\xb2\xf0\x7f\x01YR(T\xa8\x8a\x04!\x1dl\xad,\xfaZq\xa6\xfe\xf5M\xda\x80\x88\x88\x7f\x85\xf8|\xd5\xaed\xad\xd6\x15$\x18\x89\x96\x88?K\xbf~d\xbb\x02}\xed\xa8\xee9P\xaev:\x8f\xd5r\x13]\x8d\x94\xbeXt\xb4 \xbe\x00\xd8\xcd_\xd6\xec|(\xb0\x9c\xfa\xe7\xb2nf\xe3u\xd8\x9a_\xe3\xcbv\xb6\xd5ab\x8b\x88\x88\xcf\xd1\x8f[M\xb2\x8b\x04\x98\xb7R\xf97\xa8]}\xd1\xf8@\x97(\xd7\xfb[Zk\xc9NQ#\xab\xe9\x93\x8d\xfd\xd5\x92\xb2c\xfe\x1d\x07\xc0\xda\x05`]\x9c\x92\x0b\x00\xf2S\xf0m\xb6\x08\xda\n\x01\xae^\x96\x05\x88\x0f\x8eX\x8bw,\xdf\x97\xe2\x9b\xc6\x9b4\x05G%%\xafo\x12\x12\xe4*\xa6\x17\x00\xf3\x05\x00\x01\xf0\r\xd1\x8ab\xc6\xe7+[.\x1e\x1c\x04\x86\xab\xb63Q\xce\xae`\xd8\xd2\xb0^\\\xc7\xa9\xc2Jo\x06\x00\xc4?\xb1\xda\x07\xaf+\xc8y\x15\xbf/%\xae}b\xbf\x81\xc9\x00\xd1w\x92\t\x05\x9a\x85&amp;\xd1\x1a\xe7\xe9\xd4\x9c\xad\x7fjs\xdd\x10\x11\xf1\xb1~\x93\xc7BK(/\xe6\x10\xc1$\x03\x1fY!\xb4\r\xaa\xaf\x86\xdb\x86\x02n\xad\x87\xc45a\xdd\xb8v\x0et\x9c\x0edaW\'\x08\xdc\xa3\xbd"s\x01\xb9\x12T\xb9u1v\xa8\x95\x8a\x12\xc3\xa3\x9a\x18\xc5NF\xd1\x87\xbbQc\xe9IK\x10=\xca\xab4\xf2W\xae"\x1b\x9a\x80);*\x97i\xca4G\x7fD|N\xa4\x953\x13\x05\xe5#\xab\x94a\x94\xc7\xe7\xe6\x1d\x87\x00\xba/\xf0\t7\xbfjc[\xfb\xec\xfd\xd4&amp;F-\xc2\x95\xd20WO\xd8\xe4\x18{r\x0fZ\xcf+Mi\x01PO\t\r\xe3\x01\xf1H\xc0\x16\x00\x0cWQ\xa6\xb0\xee\xfa\x16\xeb\x19U.9R\xbd\x1a\xe1\x9b\x99\x88\x80\xde\x99\x02\x15\xf4\x1d\'\t\xeb\x07\xb7\xaay|\xbb@\xc3\xcdt\xc4vwk\x87[1C\xd2\x87|^\xa9{\x88M\x80\xf3\xef\xb1X;\x95 \xbe\xd3&gt;U\xfb.\x07\x1f,\xfa\xbfO\x9c\x85\xb9\x0c\x05\xcb\x88\xd0\xcf\xd1\xb1`&lt;\x8f\x04|\x01\xc8\x9d\xa4\xd0v\xfe+wB\x19\x81\xd6=\xb2\xd7\x82\xc1\x7fC\xb7M\xc3\xdaq\xdaP\xa8- \xe6\xe9FN\xd00\xa5\x83\xe1xf\x8c\xb9\x1f#\xde\xc6[\x03d\xf34E\xf1?}\xb9\xea\x02\x80\xc6\x9c\xdc\n\xc76\xa7\x10\x01\xed\xf7\xc9E\xe2\x0e[$\xf2q\\\x9a\xc5\ro+0\xee\x02Z\xadr&gt;5\x1b\x86\x88\xf4\xc7\xef\x14&amp;\xa5\'\x99kfG\x81O\xed\xdc\xe4\x1c\xf2\xcfG2\n\x1d{\x02\x99\xc9\xdc\xef\x17\x9a\xe5\x95\xe2Q\xf7\xa8\xf2]F\x84\x9a#Z\xac\xfc\x12SH\xfa\xda\x19t\x00 \x00^\xb1\xb5a\xc9\xe6%\xf09g\'\x87I\xdb\x9aK-\xc1\xf1\x9a-\x8a\x1d\x15"\x9e\xe18^\xadG\xa5\xae\xa6\xa9LLO3q)\x94L\x93\xdc\x13\xe7\xfa\x1d\rXr|\x8b`\xdc\xc2kN\xbf,\x0cU\t\x9d6\t\x98\x7f;\xf3\',g-v1\x01v\xad~\xf3\xa2\x85\xcf\x8cV\x15\x94\xb6\xf3\xdf|\x01X\x86\xd2\xe1\x8b$w\xf6D\x1cM$\x8a,\x00\x90\xa7\xf9\x1f\x90mm\xce\xca\xf1\xbcm\x95\xaaU\xc4T@_\x00\xce\x14\x84\x1d\xfa_\xd5\xd3\r\x0e\xa2\xce\xf9\xc6\xd8\xb3w\xc4\x97:\xd5\x98\x9d\xdav\x07C\xa8\x04\x8a\xe8\xd0\x1a\xfc\'n\xa0\x95}"\x9c\x83\x0b\x00\xfbY\xf2\x9dvc!A&amp;\xc6\x14{k\xda\x03\xdd}\xfelwD`\x02"\xfec~\x11&gt;j\xd0\xd8\xdc\xad\xf4f\xcf\x1e/\x9aw\x9c~\xa8NiMT\xd0b\xc7\xd6j\x1c\xcb\x12 c\xf7\xf9\x92\x9e\xf2QZ\xd9\xfcH\xcc\xc81E\xae\xcb\xf3\xe0u\x83y\xce\xff\xdf\x89\xac\x8e\'\xc8\xfax\xb6St\xa3?\xe2eZ\xcd\xd9\x05\n\x0b\xc07\xe7[U\x04\x00x\xac$\x133\xa5\xb0\x10\xc6\\\x9f\xf50\x86/\xf1;|\xd3)\xfct\xbf\xcc{\xe6\xa16\xf0VP\x96\xf6\xbc\xa6\x1a{wC\xf5\xba\x1cj\xc5\xdccX\xa0\xd6\xf4Rs\nYf[\xf3\x06\x1b\xb1Zl\xa7\xcaj\x88\x11/\xf8\x80Z-\x19\xbf\x8f\x87\x1e\x18\xd8\xe0\xce]w\xeb\x82n\nns\\\xdd\xd7q\xb2\x80\x17\xaa\x0b(\x88\xbf\x8f\x88\x88\x97\xf4h&amp;\xca\x85/\x96\x92\xca\xdd-\x00\xb1`t\xf5DF7\xbfZ\xa6\xb66\xb5G\xc4s\xafioD\x13&lt;{\xfbE\xef\xf5\xa0\x1aE\x86pw\xc3\xbd\x0b0\r\x7f\x968\xb3U+_VY\xfch\xd1V\xba\x1c\x164\xd1vZx\x07xX\xabi\x1d\x1d\x85;\x13\xc6\x13x\x83\xf9jp \x0bN\xe7\xd3\xdfX\x93\xba\x88\x10\x8c\x1b\x11nT&amp;"\x9emg5\xd0H\xef\x95\x99\xa8\x0b\xc0\x84G\x0b\xe25\xa2\xeaUJ_}\xfa\x8d\xba\xe2P\x08\xech\xb3;\xd6\xd0\xbe\'\x07j\x16\x00\xad\xe1\x1b\xc0\x1ee\xb2\'\xfb\t~\xea\x93GZ\xa5\xec\xd87\xaars\x19\xcd\xa5\xe7.~/h\xec\xcbP\r\x0b\x002)\x9c \x1c\xc4\xa9H\xa2\xc5\xe5c\xad\xeb\x90\xb87\xef\x03X\x0exa\x00\xc4\x8b\x1f6\x98V\x0e\xdd\xd8d\xfe\xe0\x9e=\x13\x10/\x9d\xa9x\xa6\xe8\xael2j3\xab~\xb8:N/\xd4\x12\xe7\xe2+\x9a\xbb\xe4\x0b\x80V\x9a4\x04Y\'\xad\xd6\xcd.Z\xd2E\x7f\xa4\x80\x9e\xda\x11"\x1dU\xc3\xe4\x1c\x8c\xdb!\xab@\xe4\xebO\xfb\x94\xb6\xf5(\x1e\xfd\xcb\x1b\xae\xd5s+l0\x8a#\x9fb\x87\xb8m\xab\xa5\xd8\r\x8f\xa6k;\xf6\x8b\xec\xfe\x1f#\n[^\x8e\xea\x02\xe0\xc92\xd6\x06\x1c\xb6\x99O\x8bV\x05\x8d\xf0p\x01%\xdc[\x15L6\xec\xb7\x80\xe8uR\\\xb5\x7fj\xfep\t-\xb1=\x9e U\xdb\xe9\x85}6\xc9\x8d\x8afn5\xdcR\x81\xf1\xf3\xb7m\xc8\xb7\xe3\xf8\x91\xc7\xfa\x07i\x0b\x80\x17\x17\xaa\xe2P)\x1cO\xa7\xd7\xbb\xb6\xa5\xd12\xcd^\xbbj"\xad)aOY\xd8S\x01\x11\xf1\x16\r\x0cf&gt;\x0cwog\xc5\xb8\x95(W\xad\x01A\x87\x91\'6\x8fz\x07\x01\xce\x8fIg\x07\xad\xdcK\xe5`\'R\xeb\xb4\x8a:@G\xc7\x82\x9a\xf8\xef]\r\xdb\xd6\xff\xf0&lt;\xe6\xbed\xbe.\xd7(\x10\xd9\xbe\xa7V\xb1\xd6\xd9\x8b\xb7\x14Gr\x13\xd6\xf4Z|\xfeK\xaaZs\x82\x0e\xe3\xa7\x1d\'\x11\x8a\xe3\x91\xb3\xff\xa72\xefY3Ud;D\xe6\x03B\xd0)\x1b\x8c\x8e\xad\x10\x9c\xcf3\xb1s\x19\xa0\xc2\xd5F\x12\x87\x0eS5\x99~\xd52\xca\xf1`E95\xbd\xed\xb2&gt;\x11F\xbcZ\xdbd\xb2\x8a3\x1b\xceJ\x14\xa3\x13a\xae\x0eY\xb0\xdc\xb1\xd3\xa0"\xc6\xfa\x90\xcb\t.Vo\x93\xe8\xa44b\x0f\x81y\x13\x85;\x8e\x1dl\x8c\xc3\x95\xcd\x8a\xe8\x0f\x00\x88\xbf7\x13\xbe\x9c\x9f\xaa)\x8e#^\xbe\xa1\x08\xe3\x14\x97\xe4q\x16se\x08\xfe\x82F\xcfT\xe7;\xfd\xd6\xb9\xb4\xb7\xf9W\xbd\x19\xd2\xf4\xc2\x8b\x86\x04e\x1d\xf5\xba-\xeb\xfb2\xdc\xef?~\xc9\xa9\x91-\x00\x9b\x88\xd8\xd7E\x91\xbe\x00\x9c~\xb0\xd0\x1b\x1c\xf0\xaa\x05\xa0\x18\xe2\x17\xe9\xb1\x19K\x83r\xd09\x11\xbf,D\x07\xf0\xa41\x8e\\(H\x9e\xed`\xc8A\xe5k\xc3TZs\xc9aw\xc0\x87\xad\xbd \xbc#\x14\x97\xf3U\xcc\xc7\xdd\xe7%\xcad\xc1y\xb1\x07\xa4\xed\xdda\xd5\xe8(b8\x94`\xe6\x1c\xc3\x10\xd5\x84{\x95\xdd\x92Wm\x04\xa5R\xd6\t\xeb\x81\x88U:\x17\x89\x11\xc1!\x19\xb5\x1c\xd8\x91E\xf9\x89\xfd\xd89q\xc5\x12\xab]\xfbA\xd2\xdf7\xf3\xd4`\x93.u\x98\xeca\xc8"\xa0NH\xbdN\x1e\xaf\x9a/\x1d{\xc3Y\x0e%\x98y\xc3\xba\xdb&lt;\x8c\x13\xb7\xb3\xe5\x8d\xc7\xdae\xd6\x81\x1b\x9b\xe7\x8cd\x1f\xa2c\x9aNl\xe9\xa3_\x12\xfbq\xb2\xd5\xea\xd7\xda\xfb\x91f\xf8l@\x92\x10\x9e\xf4 \x80\x00xV\xe5\xbe\x9at\xf6\x03\x00x\x95\x96Z\t\xe2\'\xf1\r\xe12\x0b\xe23\xaa%l\x0c\x96?!^`\xd9{\x08\x1b\x1a\xa2\x7f\xdf?\x9cB\xac/R\xcb*P\xf3\x8e\xd7\xe1\xf3\x98R\xdb{5I\x9c\xe5\xaa\x9a\xf8M\x14[\xe9\xf7\xf4wMW45-q&gt;\xe2\x92.\xe2\xbd\xeb\x9b\xcc5\x19\xfdl\xbb\xa9\xfa\x10\xcf\xe5\x94\x8c\xf2\xcb\xb3\xe7\n_\\\xe4\x9c\xeaH\xeb_-u\x95E\x19YbM\xca\x1f\xf3\xa0w\x1c\x0cja\xb4v\xce\xe8\x0b\x00&gt;\x04\x00\xee^\xe9v\xec\x1e\x89#\xf7V_\xc7\xf1\xc4\x1a#vy\x87LH\xaf\xf0e\x15D\xbcf\xb6\x85\x1a\x0f\xfei\xabz\xdb\x92\xadv\xa3\xd4\xde\xba\x88\x95\xbea,\xd4.\xed\xdf\xbeJ1\x8d3\xd3P\x97\xbb\xb1\xd4\x8e\x13\x8a\x87\x19W\xc6T\xff\xb6\x98\xf0\x90=\xe1r\xdc\x17k\x14S/\xe2\x9d,\xc4/e\xef\x1f\x17\x88\x91E4O\x83;\xedx.M\x0c_\xc79\x8e\x87l\xcd\x90\x02\x01\x10\xaf\x88\xc0\x83{\x1aY\xe2\xe7\x00\x00x\xc7P\x9c\xdd\xa9c8\n\x1c\xa7Cv\x1c\x0c\x967d&gt;=\xba\xf8\xbf\xe8\x05\r:\x1d\x94\x14~\xc2\xebw\xa4g\xb4\xf9J\xf1E\xfe\xc6\xf3\r\xc5Px\xcc\x88/\x00\xeaWQ]$\x99\xf2\t\tC2\x9dg\xd1\x7f\xa1\xcc\xbf#\x00\xe2\x07K\x9c\xb7W8\xe7\xaf\x08\xf8T/\xe5wP\xc8\xf7~\xccN\x0f\xcc\xcdU\x97]f\xc8\xf85[\x0c\xb2\x99\x82\x7f\xd4\x18\xc43\x1d\xe6\x9b\xc7\x97\n\xfb\xca\xdd\xfd\xc4s\tO\xf7ld\x82\xbb\x98\xd2\xcdq\xf2Ps|\xea\xcf\xf13\xaf?\\8\xb9\x03\xbep\x879{\x15\x8aj\x88e\x0c\x11\x11\x9f\xb4\x05gD\xc4s\x88\x83\xef\x8e\xf4\xcb2IAO\xcb\x12M\x83b\x1dg4\xf0\xdfS\xec\xbe\xf5\x12\xcd\x81\xaf\x07\x131[\x00hM@\xd0\xb7\xf9\x1d\xe5\xc1XZ\xae\x1f\xe7\xac-]\\\xefxdG\xbc\xed\nu\xb6\xc7~&amp;:\x92\'\xa2y\x16L\xd6oJ\xe6\xeb\xb6^mDD|b\x94rN,\xc2\x9c\xa9C6j(Y9\x07\xa7S\xef\xe4d\x8a\xb3\x06X\xf5\xf0\xdf\xe1A\t\xe2\x86\xb7-\xb93\xc0\xd3\r&amp;Q\xa1\x01\xea\xeboQ\xc1|\x18\x93K&gt;\xa8f\x96\xe7\xd9\xee\xf1\xd2\x9a\xac-iz\xc7\x15\xd5\'\xa5z\xd3\xc4\x87\xe2\xfe\xab9\xc4\x11\x1f.\xbc\xc9H_\xdd\xc3\xa3\x845^\xa1o\xa9\'\xbc\xaeF\x8d\xba\x05@S\xe3\x90\xee\xddqtP\xe3\xbe\xf4\x12\xe5\xc8r*\xec\x7f\xf9+\x80\xfc\x06\xf2\xae\x86\x90=+`[\x7f\xa48Z=\x11\xaf\xbc[\xfe+\x1a*\xfb\xda\xf4\x99m\\h\xf4\'\x1eH\x97\x84f5\x16\xe9\x15;\x92\x87\xdb\xa7\x10\x11\xf1\xff\x16\x84\x9e0\xff\xee\xd8\x03\xcck\xb9\xc5\x82\x0c"\xe2\x8b\xf1,\xd5i\x85Cg\x9d\xb2J\x9c\xdb\xe2\xc4\xcd\x8e\x13\xa4j\x11{*ae[\xde\xe2\xae\x97^\x91\xca\xe6E\xf6\x01\x0b\xd9\x8c\xf4\xa9\x9c\xf3\xfb\xacqd\x07\xad\xb1\xfe"\xd1$d\xfb\xc9\xb92\xdf\xb1%~\xd98\xaeN\x06\x8d\x06\x11\xff+\xff\xea\xb6\xa9\xc4\xc1\x1d\xf2\xd8fEZ\xf6\xd6$\x9b\x12\xdf\xb4Q\x9dg[4\xd8\xd7\xd6-i\x94s\x1f\x06p\xaf3\xc9\xe8\x19w\x7f?}q6\x01A\xeb\x10ok-E\xef\x9c\xbf\xf2\xe5\xcaV\xf8\xd8fA\xc7\x9eP\x1b\xcd\x83;\xcae\xc2l\xaco\x1d\x1a\xa4\xbf86\x03wWW\x9d\xba\xee\xac5e\xee\xc0%\x19,\x85\xa4\x83 \xae\xcer\x15:\xea\xaa\x92CK3\\\x82ua\xebP\xc3\xaa\xa2e`\x93\xa1]\xcc\x8b\xab\x15p\x9e\x8e\rq\xb0w\x01I\x9cU\x1e*%\x89\x03L/\x97\x19\xdf4Rz\x97\x9a\xb6\x13\xde\x19\x94\x00\x17\x8f\xa1\xf3\xb4\xbcs,\xfa\xcb\x80T\xab\xad\xcf\x1e\xfe\x07\x00\x86\xe8\xcb\x93X\x19{\xc6\x7fs\x9a\xf5\xbam\x8c\xc8\xebj0\xa7L\xaf\xb8i\xad\xc4\xd7\x8d\xd7\xf8Z\xb5G\x0f\x9a\xaa\x9a\xf62"\xa7\xe3\xf30\xe5\x9e\x13UX\xd3m\x06\x19\xfda:Qd\x9b\x8b\xb0\xcc\xe98\x9d\xd0</t>
        </is>
      </c>
      <c r="E65" t="inlineStr">
        <is>
          <t>&lt;class 'numpy.ndarray'&gt;</t>
        </is>
      </c>
    </row>
    <row r="66">
      <c r="A66" s="1" t="n">
        <v>64</v>
      </c>
      <c r="B66" t="inlineStr">
        <is>
          <t>steps_per_sec</t>
        </is>
      </c>
      <c r="C66" t="n">
        <v>1000</v>
      </c>
      <c r="D66" t="inlineStr">
        <is>
          <t>9.996075</t>
        </is>
      </c>
      <c r="E66" t="inlineStr">
        <is>
          <t>&lt;class 'numpy.ndarray'&gt;</t>
        </is>
      </c>
    </row>
    <row r="67">
      <c r="A67" s="1" t="n">
        <v>65</v>
      </c>
      <c r="B67" t="inlineStr">
        <is>
          <t>Loss/object_center</t>
        </is>
      </c>
      <c r="C67" t="n">
        <v>1000</v>
      </c>
      <c r="D67" t="inlineStr">
        <is>
          <t>0.9300353</t>
        </is>
      </c>
      <c r="E67" t="inlineStr">
        <is>
          <t>&lt;class 'numpy.ndarray'&gt;</t>
        </is>
      </c>
    </row>
    <row r="68">
      <c r="A68" s="1" t="n">
        <v>66</v>
      </c>
      <c r="B68" t="inlineStr">
        <is>
          <t>Loss/box/scale</t>
        </is>
      </c>
      <c r="C68" t="n">
        <v>1000</v>
      </c>
      <c r="D68" t="inlineStr">
        <is>
          <t>0.24038449</t>
        </is>
      </c>
      <c r="E68" t="inlineStr">
        <is>
          <t>&lt;class 'numpy.ndarray'&gt;</t>
        </is>
      </c>
    </row>
    <row r="69">
      <c r="A69" s="1" t="n">
        <v>67</v>
      </c>
      <c r="B69" t="inlineStr">
        <is>
          <t>Loss/box/offset</t>
        </is>
      </c>
      <c r="C69" t="n">
        <v>1000</v>
      </c>
      <c r="D69" t="inlineStr">
        <is>
          <t>0.39836726</t>
        </is>
      </c>
      <c r="E69" t="inlineStr">
        <is>
          <t>&lt;class 'numpy.ndarray'&gt;</t>
        </is>
      </c>
    </row>
    <row r="70">
      <c r="A70" s="1" t="n">
        <v>68</v>
      </c>
      <c r="B70" t="inlineStr">
        <is>
          <t>Loss/total_loss</t>
        </is>
      </c>
      <c r="C70" t="n">
        <v>1000</v>
      </c>
      <c r="D70" t="inlineStr">
        <is>
          <t>1.5687871</t>
        </is>
      </c>
      <c r="E70" t="inlineStr">
        <is>
          <t>&lt;class 'numpy.ndarray'&gt;</t>
        </is>
      </c>
    </row>
    <row r="71">
      <c r="A71" s="1" t="n">
        <v>69</v>
      </c>
      <c r="B71" t="inlineStr">
        <is>
          <t>learning_rate</t>
        </is>
      </c>
      <c r="C71" t="n">
        <v>1000</v>
      </c>
      <c r="D71" t="inlineStr">
        <is>
          <t>0.00040000002</t>
        </is>
      </c>
      <c r="E71" t="inlineStr">
        <is>
          <t>&lt;class 'numpy.ndarray'&gt;</t>
        </is>
      </c>
    </row>
    <row r="72">
      <c r="A72" s="1" t="n">
        <v>70</v>
      </c>
      <c r="B72" t="inlineStr">
        <is>
          <t>train_input_images</t>
        </is>
      </c>
      <c r="C72" t="n">
        <v>1000</v>
      </c>
      <c r="D72" t="inlineStr">
        <is>
          <t>[b'512' b'512'
 b'\x89PNG\r\n\x1a\n\x00\x00\x00\rIHDR\x00\x00\x02\x00\x00\x00\x02\x00\x08\x02\x00\x00\x00{\x1aC\xad\x00\x00 \x00IDATx\x9c\xed\xdd[\xe8~_^\xd0\xf1\xb5u\x1a\xd11H\x12&lt;\x85\x0c)F\x17\xd1\xcc\x951\x88TF\x11u\xd1M\x1a\x92a\x0c\x1a\x04u\x91\xde$1\xe11E\x10D/D\x84 \x0f]zQ\x82d\x94\x81\x08aa\x94\x146\xd2A\x98\xbbPp2\x98\xa1\xf8t\xf1&lt;\xcf~\xf6\xf3\xec\xd3:|&gt;k}\xd6\xda\xef\xd7\xc5\xef\xff\xfd\x7f\xbf\xfbY\xeb\xb3\xd7i\xaf\xbd\xf6\xe1\t\x01\x00\x00\x00\x00\x00\x00\x00\x00\x00\x00\x00\x00\x00\x00\x00\x00\x00\x00\x00\x00\x00\x00\x00\x00\x00\x00\x00\x00\x00\x00\x00\x00\x00\x00\xd2\x89H\xeb\x10\xee\xfcD\xa2h\xc0]\x020&lt;\xa9&gt;x\ry\x00\x00\x00X\xf9\xa6\xd6\x01\xa0\xdc\xf2\xd8\xcf&lt;\x00\x00\xba\x179\x90\x8b\x08\x83\xfe\x15\xa5\xd6\xf9\x05[I\xde\x0e\x8b|\xb7r\x1cc\xf1\xdf\x90~\xb2\x87 \x9d\x90\x87\xd6\x81\x00\x80\x12F\xb4H\x1c\x00\x80\x1a\xe8c\x00\x00\x17F=\x1c1\x9f\xf5\xe6sZ\x07\x00T\xf5\x97[d\x9a:\xe8M6a\x94\x90\x85\xd6\xb1\x0c{\x80\x040\xa0a\x06\xac\xc2\x03\x80\x87\x83\x07`\xa2\x97\xc6\xddK\x9c\x16ZM`\xc7(q\'\xd3\x7f-#\xedK6\x96\x80\xd4LS\xec\x89{\x85~t\x90~|\x9c\xd02L\x89G6\x1e\xf9\xef\xd6\x81\x00\xd8\xf1\xb6\\\xcbLg\xe6p\x0ek\x17\x8f,\xfe\xedN\xa7aw\x873\x005\x1e\x06\x97{\x04\xf7i\xda\xb4\x9c\xaf\x89\x88\xfc\x93Fa)\xf1&lt;(\xe4\xc7\xf6}V\xa7\x07\xd3\xe2\xdf\xeet\x1a6.\xaa\xf9\r\x12\xa7\x01x8&gt;y _\x93\xf5)\x8a\x0e\xc0\x01\xe7\x07\x80\xe5fuB\x1a\xc9\xc0\x856\xec\x8e\x01\x9e\xe9\x8e)\x12\x91\xa0\xab[\xb9\xeb\xbb\xe8n\x1f\x92\x10D&gt;\xb7u\x14\x00\xcc\xcc\xa3\x9e\xbcj\x19\x13"|\xb8u\x00\x18\x1e\xd7Z\xae\xe2v?\xd0\xf27\xdc\x0fjMD(d\n\xc13\xee\x02\xea\xd5r0\x7f\xcc\xe9\xbfq\x7fcI~\x1d\x01^\xe5\x9c6Y\x0e|\xbd\xd4\xe7\x90\xa3\x7f\'e\x8fq\xcdM\xf0;^\xaf\x00o\x0eR\xb2\xc36BOCT\xe1\xde\xa6\x96\x98\xa3=\x876\xf9\xdcq\xeaw\xc0\x83\xf3\xd5\xac\xd7v\xf6f]o[\x0e95S\'\x12\xa6\x89u\x0c\x8c\x89%\xa0\xfe\xbd\x8d\xfe\xd3\xb47\x01\x9dB\x08?\xcc(\x96\xe66\xec_g\xf4\x1ffn\x0b\\\xc2\xef\'\xde\xdf\xf9\xd8\xf0\xefW\x88\r\x80gW\x99\xd7\x8cMR\x16v\xe6\x8d\xaf3\xab\x05*\xe8q\x9d\xb0\xb3p\xb1G\xee/\x01\xf2&gt;\xfa\xcb\xe5\xdb\xdc\xedR}w#\x05\x86\xc45\x80\xa1\x1c/\x01\xb5\x1d\xfd\xef+T\x9en\rR\x14\xf3$6\x00X9\xbe\x0c\xc0\x03\xc0\xd6\x12n\x12\xa5\x16\x00XX\\\x0f\xfe\xce\xfb\x7f\xff\x19\xa3\x7f\xaf\xa8\xb1\x86&gt;\xd2:\x00 \xc7&lt;\xd8\xbf&lt; \xd6:\xaa\xb1\xa5\x1e^\x19\xd9\xfdc\xc2\x04\x8cO\xa5\x9fK\xca\xc3\xc6v\'d\xae\xc6,W\xc1\x00\xc3\xea\xa8\xa7}\xb8u\x00N\x18UY7\xed\xc0\rJ\x0c\xdd3\xbd\x05E7\xe5\x8e\x8eU\x00\xd0%\xc6Y\x00\xa7x\x0e`@\x8c\xfe\x00pQ\x1c\x00\x00\x00#\xe0p\x16\xef78\xfc\x03\x00\x00\x00@\xac\xab\x9d=q\x11x\x10\xdd5\xdc\xdfk\x1d\x00\xb0\xa1\xbb\x8e\x84\x03\xd7y\xfdMw\xaf\xfa\xe9(\xdan\x02\x05\xb0\xf4_\xab\x8f\x8cM\x86\xb5\xb7\x07\xc1\xb4b\x98\x93\xe9h\xb0\xc6\x1e*\x11\x18\x96\xc9\x8be,\x13\x8f\x8d!\xfa\xf8\xcd\x00\x07\xe0\xa2L\x07?FV\xc0\x1a\xbd\x0c0\xe1\xf9\xdc\x80\x13\x17\x00\xa5\x18G:E\xbd\x01h\x80\x91gl\xcc\t6\x89\xdc[&gt;\xc5s9\xd48\xaeC\xb1\xb5\x8f\xd4q\xbe\x99\xef\xc7\x06\xd0J\x9dQG\x98\xe1\x02{\xae\xd95\x92&amp;=\xfd\xce\x8f\x9cG\xee:88\xe6\xbca\xa3\x94u\x05\'~k\xf9\x8f\x98\x05\x12\x1fCr\x81\xcc+\xbc\x00\xb0A\x98\x85]\x0c\xd5\x8dN\xd1t\x01\xe0Zn\xe7\xbe\xa6\xdf\xf5\x8d"\xd4\xcb\x01\ngHW\xabU\xf9\x03\xad#\xb0\xc7\xeb\xa0\xdfE\x1frc_P\xf3\x8f\xaex\x18\xbf\xda\xfe^\xc2o\xb7\x0e\xa0&amp;\x11\t\x9f\xd5i\xc6\xdc\x91\xd5\x07\xa3a\xfa\x82U/\x7f\xbau\x04\x1a\xb8V\x84:8&lt;`4\xceOzb\x82s\xbd\x03\x00\x80\x0c&lt;\x03\x8ar4\xa2n\x88\x88\xfct\xeb F\xd4Q\x0f\xa0\xbbBK\x93\xd7H\xd0|\x01\xe0\xa2\x98\xc1\xa0?\xb4Y\x84\x10D~\xa7u\x08\xc9Z\r\xb8\x0c\xf4\xf0(\xafY\xaa\x9f,\xa7&amp;W\xe9\xcdkt\xda}\x9d\xdeLu\x91\x0bE\x17z\x0e@\xa5:/\xfb\x16\xd9iJ\xfe\x88Q1%\x05\x92\x1eu\xb2e{\xf8q\xc5dW\x89\xf7HB\x98\xaa\xd4B\xd0}\xfd5\xdf\x180\x98^\xde\x11\xd6{\x87_\x13\x11\xf9\xb2\xd6A\x18\x9b\xebL\xb1\xfa\xee/\x03\xe8\xbc=t\x1a\xbd\x93/\x0c\xe8\xb4\xf4\x80\x17\xea\xc3"`\x8d\x96\x06\x98K\xeddt\xcb&amp;(v\x00\xfa\xd4G\x96\x91\x06*\'\xc3\xae\xfc\xaf\xd6\x11x\xe5\xa4\x82\x80\xabK\xfb\xae\x1b\xb30\xf2\xec\x8d#\x8c/\x00\xd0\x86\xc5\xe8;\x8f\xe9\xcb\xc1=\xea\xc5D\x1c\x0c\xca\x88\xfc\\\xeb\x10\xd0\xce\xf0\xbd\xa7\x8b\x01BD&gt;2\xff\xdc0\x8e,\xf3}\x99\x85E-\x8bD\xba\xa85\x00\x18\x87H\xf8h\xc6\xa7\xee\x9f\xd5\xb9;\xd0t\xe8\xef\xe8\xb8\xd2O\xa4\x00\xaeds\x18\xb5\xfe\x96\xbe\xf8\xc3\x8b\xf2#\xd6\x8ai\x01P\xd4\xd1\x84n$\xde\xde\x06C3hH\xb7\xf0\x7fE1-\x00W\xf06\x02q&lt;\xa8\x80"\x06\xe0\x11cS\x05\xea\x85\\r\xd8\xe6\x90\x9f\x83R\x030\x00\x8b\xa1l\xfc\xb7\x81\xfeb\xc6{,\x01\xb4P&gt;\xc61\xe1\x03\x10B\x08\xb2u\xadm\xef&gt;N\x86\r\x00\x18\xd9\xdeM\x9c\xd67w\x96X\xc6\xe5\'H\xcf%\x06\x00\xb16\xcf\t\xd4\x07\xb7\x92\xf4|&gt;9\xec*\x18\xe4\x19\xff\x1a\x00\x90Eyt[^\x89\xfa\x1e\xdd\xa4\x1b\x99\xb8\xba\x06\xb8\xc5\x04\xadD\xbf\xa5\xf7E\xad\x03\x88\xd7k\x11\x9f\xe9\xb7\xf1\xa0\x1b\xa7M\xac\xfd7\xda]\x00E\\B\xe7k\xba5\x12\xd1\r\x80\xaf9\x02\x06\xe4\xe1{bGBa\x06.\xa7\x03\xd6\xe8^h.o\x90\xffB\xed0\x80\xebb\n\x8f\xb6X\x1d\x02\x00\xc0\x87\x8cc,\x87e\xec\xa1i\x00\xc0\xd51K\xf0\x8f:\x1a\x16\x15;\x00\xd3\xafe\xc7\xc5q=hd\xf1u\xeb\xb9\x15\x88\xfc\xcb\xf9\xabh\r\x12WO\xf2\xa2&lt;7!\xf4\xe2+[\x07pQ\x9e\xfb\xee&lt;\xb20\xc4x\xd6E\xedt\x11$P\x1b\xdd\x02%~\x8d\xb1\x15\xb88\x06\x00TF\x93\xbb\x88\xdb\xf4\xe2KZ\x87\x81\xa1T\x9e\xb4\x8e7E\xae\xb0C\xc7Yp\xda1\x86\xe3\x87\x13\xe5\x89\xaf\x84\x84\x9e\xca\xef\xf2\x1d\xef\xcd\xc1\x15v()\x0b\x91\x9f\xe2\x90\xd0\xaf\xb3;\x92&amp;N\xf9\xb0\x8b\xf7IU\xe3\xb6\x9cy\xcbE\xbf\x0e\xea\xee1\xfb\xa7\x8fk\x93\x10D~\xbdu\x14G\xe4U\xebpp]NZ_\x9d\x8e\xe0c_+\x19\xee\xcc\xfcAD\xba\xfb\xc6\xa2\xdb\x97\xfe\xc5n\xedf\xf7d\xe0f\x84\x10\x82\x9b\xde$\xf2\x07C\xf8\xbd\xe0\xa8\xedw\x8fk\x00^\xdc\xae\xf2&lt;\xfe/\xa2}\x1f\x9e6\xaa\x85\xf5\x92\xecG7\x7fO_\x1c\x9e\x93\x01w\x9a&gt;=M\x93\x93`\xc60lQ\xde\x06A\x9fm\xe56\x9f\x9a\xff}\xf9\xdb"\xe2\xc8q\xbc\xda&gt;\x9aN\x03\x9d\xcc1q5\x9e\x07\x8a\n\xc6\xdfm\xdd\n\x16\t!\xe4\x0fU\xdb\x83~\x08\xe10\xc2\xd3\xa5\xa1\x01\x9a\xaf\xc8\x80w\n\x15\xb6\xbdjkk\xf1G\xdf\xf1\x8e\xd3"2B\xff\xc9\xc5\x12P\x9aiJn-\xaf\xc3}\xf2\xe8\x1fB\x98\x86\x18\xe2\x0f\x88\x88\xff\xfd\xcbXXKZ\xafX\xa7^\xadH\xc6n]\'.\xbd\xf3\x178\x03\x08\xce\xce\xf2\xd6\xd3\xf9\x841bo\x0c\xdaOBq\xca6\xde\xec\x0f\ryhN\x1e\xce;\xdb\x8eN\xd78\x03\xf8\xa9)\xf8\xb9\x8bv\xb5\xe8\x9f\xf0\xd9\xbd\x8de\xfeg\xfd\t\xb5\x86\xd5\xb0\xbbz\xa9;g\xfa-\x14\x11\t\x1fo=\xf4:y&gt;q\x9a|\xc41\xa8\xd3[\xe9+\xf7\xa2\xc2[\xfbeGA&lt;\x0c\xaf\xb0\xb5n\xa0\xb4\xb8\xb5\xdfh\x91\xe9\xf8G\x9e\xb7%\xf8\xdb\xb16\xfb\xf2Z\xf9y\xeb2\x9e\xbc\xa4\xf6\xc6\xeb\xe6\'\xd4\x00\xb2\x9d\x8e-\x16\x8bf\xd7X\x02z\xba\x0f\x9d\xd9\xa5X&lt;\xfa\xab%\x05\xdc0\x99\x1e\xc3\xe6\x800W\xae\x88\x84_d\xc4Hw\xbaPr\xd0\x7f\xd4\xbb\x96\xca\x8b\x1d\xf6V\x81\\\xad\xe4\x88\xe5\x83\xfbMvV~\xa6r\x86\xc9\xc4\xdf\xd2\x8a\xab6\xd95J2\x93\xb7\xc1\xf1\x16\xcc/o\xfd2\xea\xe3\xbf\xd3\xc7\x01\xa0\x95\x8b\x17\xc1[\x1b\x18\xb2I\xc4\xef\x14/P;5\xfe9\xc5\xdc\x02&lt;,\xb9l\x06\xb3\xb81\xf4&lt;\xc6\xe3\x06\xeda\x1f\x8d\xdc\xf6\xbb|\xff\xae\xf3\xe6\xa2[\xbb\xba5\x89\xee\xf6Z4n\x8eTIdl\xd7\xb8\x06\xf0Y/\xef\x0f\x99\xa6\xe9\xd6\x13_\x86\xf1!\xbe\xbf\xde\x9a\xd6\xcdr.\xdaA\x15/{\xda[\xcb\xe1\x9d?u|\xa0u\x00V\\M\xfc\x97\xa6\xe9\xfe&gt;\x89\x8d\xb1\xc8W\xa4V\xea&lt;}cq\xcbD\x05VawX\x14*zl\x03\xa1\xe2\xb9\xcb\xe0g\x00\x0e\xab\xff`*\xe6.\xd6\x05\xc5\x19d\x9d:\xd1\xbd\xc5\xd6\xc2\xceU\x1b\xcd\xd2\x99\x0b\xc1s\xd3\xb2\xe3\xb0\xfb{3\xec\x01`Z,\x198;\xfb}?\xb6\xc7\xbe\x87\xebl\x03\xd3\xe6~\x91\xae\xa4X\x86\xc7\xc7\x92{#X\xe7v\x8drF\x8c\nwv\x0c{\x00\x08\x8b\xae\xf4\x17ZF\x811\x9dv\xcc\xbd\xd7\xbe\xde\xff\xba3\xd43\xfe#\xaco\x12\xb1\xcb\xc82\xf11\x15\xdePq\xba\xba\'\xfb\xef\xa7=~/4\'\xbc\x19L/\x15xx\xd7X5\x85oJW\xd7\xddE\xa0&amp;wj\xf5T@\x17q\xdc\x0e\x8e&amp;\x95]5wS\r_\xf5qYZ\xf7\xe9\xa2\xa6\x91\x97\x80:u\xdc\x83v\x87\'\x07=\xcf\xc3\xad\x86\x1f\x0b!0\xafi\x81\x97Z\xf6\x88\x1a\xcb\xd7\xea1\x93\xed{G:\xef|\x97Z-\xc1\x00\xba{\xb6n\x13g\x00\xf9\xfc\x8c\xb9~"\xc9#&gt;\xbe\x11\xcc\xc1\tL\x8e\xf2\x1bE\x9c&lt;`\xe8$\x8c\xa5\xa3\x90\xea\xbf\x8d\xca G\x0e\x00\xf9T\xd6\x8b\x93*u\xfb\xb6\xb0\xd4\xaf\xa8L\xda:&gt;\xd9\xb8\x1d\xf9\xaa\xad-\xbd\x1c\xc0\xfc\r@u8)\xff\x980\xd6]@\xb6~V\xac\xc8\xbd\xa4*\x17\x9a\xd1\xd1q\xd8\'\x81k\xd0i\x01S\xe6\x81d\x9aB\xd6I\xa8E\xb3\x8d}\x93\xdd\xd9fm\xaf\xc1:\x19\x07Su\x1av\xb6\xb7\xfd\x9d\xb6~V,\x11\xdd\xc2\x8d\\7~[\x11\x15\xb3Z\xbeV\xd3\xd1\xb5|\xd9Vi:\x89w\xfex\xeb\xf3v\x97C\xfc\xdc\x96c\x11\xc9\x18\xeb\xc8\x88\x17u\x17\xf8\xc3\xdbf\x16-\x90%\xa0|\xcb\xaa(9?\x9b\xde\x93z{\xa3\xefj\xfb\x16\x03\xe22\x8c\xcd\x03R\xdba\xba\xc2\xf2\xb1\xc5\x0e2\xfa\xa7\xea\xfa\xb5\xe7rv\xab\xec\xde\x8eu\xbd\xd7\xed\x99\x96\\\x85\x8a\xb9}m\xef\xf0-`s\x07S\x17\x97\x86/\xa5V\n\x0bV\xab^z\xaf\xdf\xf8\xf6\xbc\xdc\x92/\xfc\xc8\xf4k!\x04\xf3\x03\x80e\xea\xc6\xaa5)\x91O\xde\xbf#\xec7\x8d\xd2\x17\xe1\x0b@,y8\x00\x94$\xd2u\xc3`\xf4/B\xd9\xed\xa9w\x00\xf8\x84q\xfaT\xb1o\x17\xac\x1fQ\x9az2\xfa\x97\xa2\xf46U\x98//Wf\xe4\xb1\x96U\x9e\x1a\xb4x\x18\\\x9a\x07`\xe7`\xd7\xe2\xf7\xda\xb4|.q\x11\xd8\xc7]$\r\x1cw\xef\xa4R\xc9k\x83\xcf\xf7\xd1\xdf\xbf\x07\xa7\xa8);\xb9\x1dh,.\x8at\xd4#\xc0^\x8bM\x1a\xd3M\x9b\xfd%\x0e\x00\x97\xb5\xdb\xfe\xce6\xd8\xfaLr\'m\xfe\xca\x8a\x8e\xa6\x96\xa7\x81j\xad\'\xbc\xa9V\x1b\x07\xc1_\xf6\xbb\x1f=\x9c~!G\xef\xb5\x96\xd1\xech\xa9(\xc1P\xb7$\x0b\xadc\x01`\xa3~\xe7v;\x9e0\xd2-\xcdC?\xc5\x02\x0c\x8b)\x1e6\xd10\\\xe8\xa5\x0ez\x89\xb3P\xf3^a\x97\xf7%\xea\x0f)\x8e\x9b\xba\xc8?\xb8H\xafG\x14\xf9s\xad#X\xb0\x18\xa9=,\x89\x1a\x1e\x00\xe4\x8f\x9b\xa6\x8f&lt;\xad[\xdc\xae\xb7\xee\xd0\xbck\x0cH\x1e\x0b\xa6s\xd9^\xad\x88\xd7\xcf\x9a\x87\xb8AJ\xb79&gt;^t\xf1\x87\xf7\xd2\x1c\xa0VR\x8b\xebjMQ\xc5\xa8\x85&amp;&gt;\xa6Gc\xb2+\xd8.\xea\xea\x16\xe4\xd8\x8d\xcb\xc3\x9e\x19E\xe0a\xd7\xfc\xe8\xab\r\xc7w9F\x7f\x13\xd6\x05\xdaQ\x9dE\x86\xda\xd1\x1e-\x9d\xc6\xdc\xe3N\xdd\xf4\x1b\xf9\x9e\x926\xd6cYD\xee\xecx\x15\xdd\x98H\x8d\xe6bTm\xea\xafp\xb8x+l\xb8_\x1f\xca\xfd\xe0\xc0u\xb1\xbb\x12\xd8\xe7\xfc\x03\xee\xd4iIF\'n\xb7$\xbb\xe8\x0c\xfe#D+\x03_\xef\x81/o\xd76\xab-\xa8Ef\xc4(\xe9Pv\x958\xafM\xe7\xe1\xa1\x8b\x89]g\xe4\xf1\xc4\xdd\xdb\x0f\xb6\x99R\x97\xe9&lt;\x17\x16U\x89T\x19m\x86ff\xae\xda\xb8&lt;\xcc\x01\xa0\xf0\x92C\xfdBP\x7fo\xda\xf3&gt;&lt;\xd5dMu\x15\xac\x9a\xe3}\xbef\x99\xa0\xaa\xb9\x91\xf9\x19/\xfea\xeb\x00*sS\xf0w\xea\x17\xedsb\xf0U$G\xecn\x99\xed\xec\x18\x8e~\xd1\xd0\xb0D{\x88gu\xef\x1cG\x80K\xb1\xab\xe9[#:H\xdfU\x1b\xf3\x14\xcb\xe0\x18\\&lt;k5\xfas\xd4i\xc3\xb4\xd07+\xd5a5\x8b\xa7\x95\xa8\xf1P\xb4\xbd`\x14F\xa6\xf5\x15\xc5\xc2\xa6\xa4r\x07\xf4|o\xeb[jo\xd1\xd6o\xf7\xf4\xb4\xc1\x88\xfc\xdd\xd6!\\\xc5\xb2\xe7\xd0\x87\x1c\xa12\x928,\xae\xbcc\x92\xc3\x1d\xc1\xc0\x989]\x1d\xf5\x7fl\xb3\x87\xc4t\x1b\xe7]\xcbup]q^\xd1k\xebp\xffq\x83(\xb0b|\t!\xefS\x9d5nu\xf3\xa3|\xad\x03\xd9\xe66\xb0\xeb\xa8V\x03I\x19%nL+\x1a\xc8zI\x9c5\xf2l"\xdb}\x89\x12\xbd\x9a\xbej|\xbeb\x17\xbf1\x06!"\xffi\xeb\x97\x1b[\xde\xffd\x1d\x11\xdc\xa1\xce\x93xx\xb0.\x83|1\x15\x8d\x10\xc2\xc93\x044\x125\xa9\x85\x99Z\xf4\xf2\xf5\x89\x1f8M\x90\xda\x07\x1c\xaa\xf3\xfd\x01~\\jg\xd7"\x07b\xc6\xeb\xb6z)\xfd\xe5\xeba\xdaF\xb26\xb5\x0e\xc0\xd6[\x89OS\xda\xfe\x16~\x1cM\x88\xe3f]?6\x11\x19\xb5\xddz\xae\xe8M\x0e\xeb\xe2sZ\x07\xe0T\xab\xe7\x99\x1c\xce\x11\x8e9|\xf1\xb5\xaf\x1e\xf6\xaa~l\xf1#\x8e\xa3*\x8c\xe3\xb9\xa27e\x8f\xfev\xfd\xeb*\x07\x80i\x9a\x92J\xff\xbe\xf94\x85g\xb5u\xd7\xde\xaa\x10\t\xfe\xce\x8d\xba\x1b\xcb\\\xb8\xd8:gM\xe5\x17\xae]\xcd\xb10 \x0f\r\xac\xfc}\xee\rOGz\xef\xa2\xde\xce\xe4\x8eu\x13h\x08A\xe3]\xa4FUs\x953\x80\x12}5\xb5\x02\x0evT\xee\xff\xc8\xefn\xfc1\xea&lt;#\xf1TOK?#g{*E\xe5\xeb\x94\xf3\xcc\xdc&amp;\xb3\xc7qo\'\xd9W\xd1\xd7\xb4\xa8\x84\xc3\xdd&lt;=q^\xbf\xaa\xef\x826\x9e4\xf4W\x95\x17\'\x0b\xc9\x9f\xbd?\x02I\x9d\xb6 !\xfc\xd5\xd61\x94\xcbn;\xd6\x8d\xae\xd3\x87z\xd6\x8a^\x10\xab\x16\x05\'"~q`F\x7f\x83\x9dE\xc0\xcb\x9eP\xde+T"l{/So\x8d\xe2I\xe4WZ\x87\xe0\xc8\xb2\x1e7^\xd5\x9e\xd8\xc08`\x0c(\xea2f\x858&lt;\x89\xdf_\xa3.!\xf3\x85\x87\xb3\xf4#\x03\xb8\xce\xc2T\xccnz;\xc9\xb3\x0bf\xd98\xca\x0f\x00\xe8\x00\xf5\x19\xf4z\xd42\x15\xba\xca0.;\xee]t\xb7G\xd5\xbc:\x1d\xce \x8c\x16\x88\xd4\x92\xd2J\xa8\x9d\x11vA\xe3+\xf0"\xd3\x04\x9e\xf6\xde\x1e\x9c\x98\x88\x97\xb6\xe6&amp;\x90R\xc7\xf5\x12\xbf\x97I+-\x0e\x0f\x9f1\xf6n\x1di\xbe/\xe5\x01\xa8\xd7G\xc6"\xbbQ&lt;\xf1\x914o\x91c?\x07 \xe5\x17\xd8nw\x957\xefoa\xa0\x1b\x81\xa7\xe9\xe8.\xee\xc8\xbd\x94\x90|\x84\xb7(\xc0\x1a\xcdb\xeb\xc9\x86i\x9a\x1c4\xc9R\xae\x1a\xb4\xf5\xf3#\x9b\xd5\xe5\xaa\x04FS\xfa\xec\xddkR\x1a\xc9\xb4g\xbd\x1f5\xa7\xd9I\xe3\xffxwR\xffv\xeb\x00\x1c\xd2\xad\xe2\xec\xd4\xfa&lt;\xdb\x1cK\xfes\x17\xdb\xa9i\xa4\xe2 \xdf\n\x07\x00\xb7\xe9{\xbb\x1d\xa5\x84\x87\x15-\x91 \xf25mcXR/\x93\xbc\xd4\xf2\x16\x7f\x9a\xd7\xe6\x80&lt;t\x92\xab1-\xee\xc7\x9d\x9a\x9f\xb2\xcc\xa4\x0f1m\xfbj\x8d_}\x7f\xab\x15\xe0\xb5\xea\t\xd9F\xed\xd2\xf1\xfb\xd5\xa4\x04\xe4\x87\xea\xe7y"\xea\x00P\'\x94q1\x7f\x84/4\xc8&amp;:-v\x8b\xa0;-\x8a&lt;\x97\xdaY\xe4\xa0\x81\xa4\x12\xf9\xd5\xe7\xcf\xb5.\xae\\\xb3\'\xdf\xf6Z}Y\xdcaa\xca\x97\xda$k\x92*\x06\xb2\xec\x0c\x0e;F\xaa\x9a; \x0b\n\xa9\x15\xfc\xd5\x1bQZ|\x98\x0f\x00z\xb7\xb7\x7f\xa7\xcf\x03\x80\x05\xcd{H\xf6\xb3\x08)\xf7&amp;\\\xa4\xe4\xfbs\x7f\x99L\'\xb5s\xdc\xaak6\xb2\xdb\xad\x99\xd7\x19S*S,\xd5\xe7\xb1\x84\x9a\xd2#"\xf2\xfd\\i\xc0!\x83{\x1bL\x92=\xc9t\xef\xf7M\x0f\x00\xf5su\xdb\xd7\x8f\xab\xc0b5\xc9H\x17A\xde\xc4\xb7\xfdnv\t\xbaF\xbau\xdd\xa1\xd4\x83\x8f\xc6\xb2\xcc\xd7\x9f\xc6S\x9cI\xa61ZZG{\xc1\xc9/\xae~lo\xdb\x07RsV8\x00\x1c\xff\xd5\xc7h\xe0$\x8cc\xaeB\xccn\xc5\xcd\x8bz\xecw\x01\xe5\xab\xf8B\x83\xaf-M\xa0u\x1b*\xd4\xe6;|\xd3\x89$\xbf\xb9e]5\')l\x95D\xfd\xfaU\xaf\x10\x8b]\xe8\xa2\xcdD\x18e?`M\xe5\xb6\x90\x8c\xae\xe8\xed\xf0"e!\xa9\xbc#\xb6\xad\xde\x0f\xf9\xe39\xedY\x8f\xe5\xfe_\xa0\xe6\x90\xa9\xbc\xdb\xe7\xad\xb7\xe8\x0e7"\x9f,N\xa1t\xd1h\xfd\x1a\x96\xbe\x96b{\x8a\xf5\x1abZ\xd0\xe9&amp;\xbd5\xc3\x0e\x19\x95o\x9dJ\xf3\xd94zl\xb2\x9b\x07\x00\xcd\xf4\x1d\x97\x89\xdf\xc8\x00\x9cru\xe3\xbc\x9fH6E\x86W\xb9@\x9b\xdd\xf3\xfa\xc8\xb7\x97K\xee\xa8\x80\x8b\xc0\x9d\x99\xa6\xe9v\xa9PkE(b\xb3\xdd!c\x0e\xc6\xa7i\xeb\xabT.lz\xf9\x8fK\x17&lt;H8\x9fEaX\xf3\xcc\xb7\xa4\xfd5\x9f\xcf\xbaM0!\xeb\x92\xcf\x1a,^\xb5\xabS\xef+T\xfa\xad\xce\xd99=\xba\x94\xddvRo\x89q\xd2L\xb5\xde\x96\xf3\xe6\x8bB\xf8\xa6\xa40\xe2\x86\xcb\xf2\r\xaa\xa9\x1f\x89\x9b]\x07\xbaUm\x06\x11\x9f\x8bi&lt;v\xfb\x9b\x94h\xf9\xf9Ss&gt;\x83\xf7\x19\xd5\xa6~"\xdd\xc65\x80ATX\xecNj\xebv\xf1\x88\xfcE\xa3\x94C\xea\xfa\xf84\xb9\x1d\x00\xe2\x0f\x91\xcb\xed&lt;\x1c\xcf\x9c\x16\xe8\x16\x99\xffQO\xf91\xb7\x10\xf9n\x8b\xf4\x11\x82\x83\xb6n\xed\xa5oG\xbc\xed\xab\x0bZ\xd3\x7f\x95=v\xbbv\x9bt\x07\xd4\xfdg\x1f\x17$[\xe7\xef\x88\x87\xea\x00\x0c\xa5\xb6\xef\xc8\xedc\xc7\xbe\xa4\xbc\xf7\xd2\xd1H\xa4(\x80\xad\xfd\x88/\xa8\xe7\x01\x80\xe1\xc6\x19\xaa\xc3;\xea\xa7D\xdb\x11\x87\xbasN$\xc8WW\xc9\xa8F&amp;\x18N\xcd\x05\xd3\xf8l\\\xb5\xe6\xe5\xecr\xfd\'\xa3\xe9\x7f+\xf3\xf7\xdb\xb4\x0e\xc4D\xe5\xfdr\xb2\x1e\x95\xad\x97\xc8\xb9\x08\x9cI\xea\xde\xb4\x1c\x7fq\xd2\xc3c&gt;\x8b\xfb#\x1f\x0f\x1f\xad\xae\t\x7f,\xfd*\xb1\xe7\xa7\xba\x96\xd7\x03\x15\xd7\xa9,&gt;\xab\xc2\xc3\xe5\xe2M&gt;\xa3\x02.\xe7\xf4\xb2\xb3\x88\xc8\x8fn\xfd\xc9*\xa2[\xbe\x96\xa9\xa7\xc8\x0bD\xe4+\xc35\x86\xb9&amp;\xfbX\x98\xe9\xfc\xe1+T\xd0\xa5\x89\x9bI\xd0c\xba\x9d\xfc\x11k1\x0f@mnb\x17\x9e&lt;\x18\xa5\xbf\x99c\xb5\xbc\xb6\x03h\x9b}S\r\xf7\xbd\x97\xd5+\x96\x802M!|Y\xeb\x18nn\x0b#\x0eWG\x8eWl\xbe1\x84\x10\xc2\x0fnmb\xb7\xd4\xf3H\xd9_a\xd9\xe9c 2q\xab\xe6\x92\xa1\xf83\xc5\xb9k\x91?\xa9\x9a\x1c\xd0V\xfd\xc9\xf82\xdf\xca\x99\x16\xea,\xdc,v\xb5Rt\xadE\xfb\x1c\xee\xcb\xb3#\xe9\xad\xd1B\xdf`\x8d iw\x8e\xc7m\xc5\x82qX\xc8\xf2m\xad#\xb0\xe7\xb0\xd8-\xf48\xff\x80\x0bs\xd3\x19\xa3\xf9d\xcc\xff\x8f?\xa1\xd2\xaf\x14g|\x97\xea\xe6\x15\x065\xc6M\xd4\xe6\xad\xc5\x8dv\x00\xf8\xa7I\xdb\x0f2{*\xbd\xcf\xe4\xe84\xc8E\xe18\xb99\xa2\x89\x8b\xee\xb6OC\x0c\x17~e\x14m\xda\x9a\xcf\xea\xb3\xad.\x1b\xb8rP\x02""\xf2\xa9\xca\xf1l\xd2\xaa\xa1\xf2t*\xb7\x95\xdc[{/\xdd\xa4\xad\xf8i\x85\xaeH\xbb=*y\xf4\xf7&gt;\xf6\xffo\xed\x98zs0\xbf\xe6\xe8\xb8F\x81\xa0\x06\xf97\xad#xu&lt;\x12\x94&lt;g\xdf\xea&amp;\xfa\x01\x067\x9dw\xcf\xc5]\x05\xd9\xdcl\xfe\xe5e\xcf\xa5|\xee\xf2\x95\x17\xcd\xcc\xdd\xd6\x8e7~\x7f\xf6\xa9\xc4\\d/\xa3&amp;\x1aN\xf3]iU!"\xbfn\x91s\xc9H\xf1\xbc\x89\xa0\xf5b\x9a|\xbcI\xb6~\x0f{\x91Q\xb9\x8b\xbbk\xea\xed\xa0Z\xc3\x92\x88q\xed-\x18\xb7M\x1fIt+\xb0~{\x88&lt;\xf2\x18\xb5\xd5y\x8a&amp;\x8f\\\xd4\xb3\xc8\x10\xb9\xab\xf4_e\x9d\x96f\xf6P.\x7f\xcd\xd1.;\xbc\xa5\xc7\xffi\xb8Vx\xcb\x85 \x95\x04\x13\xb2\xf64\x90\xb9\x08"\x85\x93r\x1bV\x17\xa5\xbb&lt;\x8bo\x1dK\xb2\x1ec\xf6C\xa5\xd27\x131\x99n\xa7\x04p\x94Nqh\xce[\x9d\xf3\xf0:\x96\xd6\xcez8\x00\xcc}g\x986\xb3\xdc\x8f\xe6=acd,O\xd3x\xfb\xa84\xcf\xae\xfdV\x9bO\xe4\x9df\xe9F&amp;\xe2\xebl\xcfO$\xc8\'""\x1fm\x1dE\x11\xda\xa1\xa9\xd3\xd2\x15\xb3e\xa8\xb7k\xbf\xea\xe9\xa7Fb\x9b\xc5I\x009\x8f\xa0\x9br\x15\xccEi\x9dY\xdb5\xad\xb6M\xe4`\xaf\x14\xf7\xf7\xe2\xdd\xc0z\x18h~\x00\xc8\xbeM\xee\xf4S\xa9\xbb\xe5j\xc8uv&lt;\xba\x18\xc5\x82\x8f\xef`\xa9kS\xcdy\x88\x01\xf9\x03\xe8\xe2\xdf\x86\xec\x86\xb9\xae\x07\xd0\x8eC\xef\x85\xc8\xa7\xf7\xff\xf4l&lt;\xa7K\xa5j\xf1d|\xa4\xdb&amp;\xbe\x8e\xbb\xdb]I\xa6[k\xa9\x0bD\xeb\x86\xdd\x96\x930B\xfa\x19\x83\x1d\x1fQ\\\x98\xec\xfc\\3\xdf\x97\xdf;i\x98+\xe5]&amp;\xe1\x0c\xa9,#\x0f\x9a\xaf\xb7\xbcE\xb2\xff\xd7\x88\x8f+G\xd4\xde\x90;\x85ayh\xad5cpu\x93F\xeft\x8fC\x03TK^\x81\x8c\xda \xf9JHe\x91\r%\xed\xae\xd3\x9f\xcd\xcfh;\xf7\xf4\xcf\xd6\xfc\xca\xc9)\x84i\x9a\x06\xedqi\x965\xd5\xfc\x94B\xc4\xe4f\xe9\xaag\xde"!\xfcH\xdew\x8e\x9a\xc6\xd9\xbcrQUj}\xcb\x8fm\xa4\x90\x9d\xfb\x7fK\xd9X\xa5in\xa6p0\x9c\xcc\x99\xbe}\xf0j\x9dD&gt;\xd8:\x82\x05\xcf\x83T\xe4\x9a\xdb\xf3:\x9f}H\xb8\xae\xa8\x1b\xd7\xb2\x13\x0f\xe13\xaf\x97\xac\xd3&gt;\x9ez\xec\xb1\xbfy\xe3\x8f\xad\xff\xf4z\xf7\xfa\xdb\x9f\x86\xe4vl\xcdPy_\xf2\xde,"\xf2KF\xf1X\x18\xa7q`m\xddv\x0f\x1a\xb4\xbc\xfe5~\xd6\xe3\x96\x9b+\xa6-\x1d]\xaa\xcd\xfd`_\xf2vCB\x10\xf9\x98r(\xb8\xa0\xf8\xf6W\xffi\xf2\x97\xbb\x95^\x07\xcb\xb7\x83A\x8f\x83\xc1\x18\x07\x80\xc2\x1d\xc8\xfe\xf8\xad\xe4T\x8aO\xab\x0e\x0e\x1e\x8aO\x9f\xa7\x7f\xde\xf6\xfaa\x0f\xcd\xa5\x83\x10\xf1\xe6\xf1\xb2\x9d\xa3\x06F\xbd*\x92*\xf7\x96\xd4y\xce\xd66\x8f\xa3\xdc?4/\x82\xcb\xf3\x97\x19\xab"J\x07\x80\xc3\xac\xe3s\x11\xf9+{)I\x08\xf2\xff\xf2\xa2\xab\xa7\x8b\xa3\x146\x1c\xaf\xc0lno\x1aO\xa1\x92\xe1\xe9\xf8\x831\xc9n\xceO_Nb\xf2"sf\xb7\xc1d\r\xc4yc\xf7\xfb\xe9`\xc2P+A\xef`\\\xe7hh\xd4\xa4W\x1b\xe7e\x12\xc2(\r\xfb\x8aR;O\xd2\xd1\xa2\x82\xb7\xe1\xb5\xed\xf1i57=\xd8\xacND\x87a\xa8\'\x98\xb8cRv\xc0\xce\xcb\xd7E\xd1\xd7r\xa9\x9dE3\xf9/o)^\x14W;\x97\xd7X\xda\x9eg\x97o\xbf\xdf\xdb\xd2\x1b\xdd\xb0b\xd2\xaa\\\x0e\xf9S\xe9\xb2\x8f\x03#{9\x1f/\xfb\xf8\xfc\x9b\xb4\x14\xd23]\xa7`4.o\xa6\xb9\x97\x8d\xfcG\xf5\xfcs\xa8\xdcm2\xd2`9\xaf;\x95\xa4\xc0i\x8a|\xebP\xad\x02O\xcb\x05\xd9\x9c\x8f\x17.\xdf/\x86\x9b\x92\x05S\x11\xf9\xaa\xbc\x0fg\xe5U%\xabKX\x9f\xc0Y\x17o\xf2b\x97](oy\xf9nW\xae\x83\xbb\x14\xdd\x86\xe2\xb3\xd9%^\x04+]\x8f\x8a\xcfz3#\x9feXS\xd1\x0c\xc0\xf2\xd9\xd7\xf2\x93TSZ\xa1T\xd8\xa9\xcd\x92tU\x98\xe3\x9b\x9f\'\xec\xb7\xdc\xe3\x83\x7f\xdb\xec\xe7\x8a\xd3\x8c,\xb2\xe3\xd4\x92\x8a\xff\xfd\xa2\xc2"\x91\xb8X\x8a\xf4\xd2H\xdeK\xe9\x0f\xd9\xe7\xa8]2"_\x91\x11CG\x1dyo\xdeS!\xfe\x8a\xaf\xf8jGR\xf6\xf3Q\xe8S\x98^&gt;%"\xf3;\xa4\x1e[\xf4j\xb9/\xf5S\x16\x91\x10\xb6\xb7Z\xb6\xf8\xec\x08\x93\xaa{/\x86\xe3\xdco+\xdf\xa7\x9b\x8dm\xaf\xa0\n\xcb\xbf\xc4\xbc\xde:\xff&amp;\xa3\x82\x1a\xc6\xbf\x8c!\x98uR\xdc\x15.\x8b\xeb\x06\xa3k\x19\xe0\xdbB\xf0\xed1f\xbb|\x0f\xfe\xf7\xe0\x97\xf3\x9fV\xd1\xbeL\xe5L\xd61\xf2&gt;\x95\xd8\x06\xe4\xf1oj\x99\xf8\xd4p\x8am~\x19\xc34u4\xa7po\x8c\xfb\xee\xba\x1eC\x1b\x06\xb3$[cG\xc2\xca\x95M&lt;9\x1fL)\xd5\xd3\xed\x1c\xd5P\x9c&amp;\x8d\xaa\xa7e\x1d\xb8u0\x9d4m]\xbf\xfa\x9a\xa3l\xdd\x1d\xff\x1e\x8f]4\x8dl\xf6\xe1\x98^\xfd\xb8\xe5\xdc$\xaa\x0c\xd9\x0fy\xec\xa4\xd6\xd9\xc8\xa6\x18\xb0\xb7\x1d\xb7\x88\xa7\xbb\xfa\x1d\xd9c(Y,,\x88\x88&lt;\xbb\xf4\xe1\x1a\x85A&lt;\xfb\xf7\xbd\xc8\x97\xe8gw\x90\xafb\xca{\x89o.\x1d\xb4\x9a\xd9\x15\xe6\xa9\x18p\xb5\xbd\x8f=\xd3\x8axl{\xf7O\xe9\xb7\x99\xc5o\\\x81z&lt;\xbas\x05\xe8[\xaeKD\x8eE\xa65z\x8b`\x99\x83\x9fe\xab\xc2;\x0b\x8f\x0e\x00-\x96\x14*\xe7h!{\xb4-\xd9\xfd\xc3IR\xc7\xb3\xdd\xec%\xc1\xa34s\xd7\x18u\xc3\xb8\xa8\xd3\x1a]/F\xaf7?\x9e\xd2\x16\xc7X#\xcd\x9b\xcfh$R4p\xf8\x1e \x9c\x86\xf5P^n\xde\x8e\xb2\xff\xc3G\x18@\x08\x11c\xd3\xc6\xe2u\xc5\x03\x83\x8a\x1e\x07\x91V\x99z\xf385\xec\xa9(\nc\xd5\x9a.\xf4Uh\xd5\xf0\xa5\xf0\xef\x8e\xef\xbd}y2`g\x1b\xcf3\\\xb7b\x8a\xacB\xa1Rm\xf1\xea4\xf2i\x9aTn\x87\xdfK\xe4\x8b\xcb\x93\xc6em\x8e\xf5]\\\xf3\xe9\xee(\xd5]\xc0PW\xb8\xf6\x98\xf4{ \xdf\xdc\xaa^.\xe4\x16\x8f_\xff\xb6\xe0\xb3\xeb\xeb\xae\x85\xc1\xcc\xe9T\x18\x97\xa5\xe2\x9d\xf2\xe7\xcb\x80\xf2\'l\x030M]O\xcd\xe3q\xf6\xa5\xa3:\xb7\xed\xa9\xa5l\x9c&gt;\xea\x99\xdb\xab\xfe\xb3Ke7o\xe8\xdeq\xb3w\x0e\x94\x9fZiD\xa5\xda\xde\x92\xd4|\xf7\x8f\xb5\xaa\x1fW\x17?\xaa\x05\xe1d\x7f\x91\xc3U\xe5-CI\x1a\xe0d\xe7\xe7ej\xeb\xdf\x14\x1e\xa2\xb2?\xab(5\x8c^.\xado\xdc\xe1\x96\xf6\xf16\xf7\xbc\xd5\x1bsC\x10\xf9\xaeZ\xb9\x9dp\xd2\x17\xc6\xe7\xb0\xa0\xe5\xa7\xed\x1f58\x7f\xd8\'\'\x86\xc2K \xf3G#\xc2\xab\xf7\xf0\x94\xc67\xc1$fj\x94\xec\xaa\xde\xffK\xe2\xc77\x13)\nI+\xa1\x9em\x16(%SOjY[\x8f&gt;\xcf\x15\xa4F\xad\xa0I\xb6\xcb\x91\xa5\xee\xa4/\xe7`S\xe1\x10\xe5\xf0\xd2w\xab%\xb2c\x1bg\xa2]\r\xa0\xadB\xe56\xd0\x87\xeam\xfa8\xbb\xc5\xddo\xcak\x11""\xbfy\x9e\xce\xe6Ms\xe6\x05\xb4\xbc\xe7\xafVu\xac\xf7t\x9d\xf1\xe6M\x84\xe7\xb7\'\x96\xdf\xbf\x18\x9dBG\x83]\x86\xa8e\xa2\xd7m\xa6U\xcdz."\xde\xfb\xdcX\xc6\xa4fs\xf3\x83$*-\xf2*e\xa4~\xe3M\xe4R\xef\xdfZl\xefp\xa6\xb9f\x1a_R\t\xdc\x16\xdf\xac\xcb\xab~\xa5\x98\xe6\xe8\xbdy\xa1\xdc\xf7\x1e\xfeUz\x19i\x1er\x8eU\x8b\x0f&amp;}V\xab`"\xd3\x99\xb7\x92\xc3og\xb3\x1esO\x7fS/\x98\xd4\xed\xed[\xf1\xb7g}*;0\xc5\x16X\x9eHBv.\xaf,b\xc3s\xaci\x1dI\xa4\xec\x93\x95\x94\xb9\xa4\xcc?(\x1e\x00\x92&amp;\xb3\x8a\xb9\xa3\x89\xb7\xba\x93Og\xa4\xa0\xd8\x02\xcb\xd3\x18\x10\xd7\x00\x9e\xab\xac{\xcbp\xae\xc6\xa0{0\x11K\xc3\xcbY\xff\xed\xff6\xbe\xbd\xcf\xd3\xae-=#\xe5[\xf1\xd2y\xa8\xd4\xe7!|\xfe\xd5\x17&gt;\xdabt\xb3\x9b\xa6\xf7WA\xe4\xb5X\xc9mG\xcc@\x06\xd7\xdd\xfa\xcf\xda2\xf6\xcd=\xc9:cP\xbe\xbf\xe54\x86~\xcb\xdf\x95\xec\xf1\xb1$\xa3\xbde\xbae\xa5\xcb\x9b\x8c(\x8b\xef0\xc6\xda\xd5\xcf\x00\xe6\xc9\x85\xf3y\xe6A\xbb\x7f~U\xbd\xdc\xa6\xf9\x1b\x1b\xa4\xbeN\xcb\xe2\xdb\xa87\xd3\x9c\xf7k\xfb\xa6#\x1f\xbd=;\x08\xf9w\x9aa\xd8\xc9\xab\xec\xe3\xc1\xfc\x96\xe6\xad\xd27\xdaeV\xcd\xdeN\x082&gt;\xd8\x05\xf5Y\x17\x92\xb9=\x19\x88\x89*5x\xf9#A~\xc00\x9ey\xcb9\xb0\xcd\x0f\xfd\xee\xf1\x07\xf3\xe2\x83\xb1\x8c\xabP\xf76\xa0\x1c\x86jr@\x0c\x95gL\x9a&lt;\xa8\xf26\xa8\xd6\x0c\xc0\xd5p\xee&amp;\x90\xf6\x91\xd4\xa9\x95\x83L\x1c5\x0b\xa0\xa6\xe5\xbdb\xeb\x1f6\xb6\xd7\xe8)M\xce4\xc7\xb8+\xcez\x17\xe6C\xa4\xfcl\xfag\x0b2\xcd\xfd\xa8\x8e\x923\xbd\xb9]y\x9a]\xdcEF\xc4\x89\xae\xad\xbe\n\xd7\xf95\xe9\xfc\x8e\xeay\xaf\xdc\xf0|\x98\xb4\x0bKe\x97#\xd7H\x13\x12\x0cAD\xfegIH\x91\x9b\xc5\xf5\x0c:P\x8e\xbf\x143\xe1\xdd\xdf&amp;\xf3\x9e\x8a\x82zr~\x00\xc8 R\xe9\t\xd518)\xa7\x9aaT\xcb)\xe1\xc2\x95\xbf\x07\xd0\x06\x1b\x16\xeai\xb2\xce~\xb2\xc1\xd9\xc7\xdf\x96\xe9{\xafv\xda\xed\xa9\xb9\x84&lt;\xf4\xf3[\x0c\x1f\x8c\xde\xb2y\xc0W`T\xceW\xbf\r4\xec\x8f\xd7\x9f\xccNq\xffN\xb5[-\xa6\xdd\xc8\x96\xba\xbd?\xe3\xde\xb9\xb7+\xb5\xaf.\x9e{\xd3\xf9\n\xdcS\xa7\x13\x8b\xcf\x1e\x7f\\~&amp;!/\x8e\x10\x05&lt;/\x0c\x8e\xe0\xe0\xd0\xaa^\xea&gt;\xeb\xd1\xe2Tw3M\x87\x13\xc6\xbezWj\xe9\x1d\xdePp\x94\xd4q.\xa9\x05\xd6Q\t\xbfq\xd2X\xed\xba\rg\x00\x8fgU\xb6\x8a7c&amp;&amp;?\x7f\x9c\xd7b\xcbG\x9d\xc6T\xaei;T\x99rn\xbcg\xe2\xed\x7f\xe5\x13\xe5\xb9\xe8k\xd1\xc1\xd7Y\xc6\xb7\x84\xa4\xca:\xddx/\xb3\xe3\x0f^\xe9\x94.j_\xb5\xa6P{\xe9\xdc\xcf\x0b]\x1c\x8cF\xd4\xb0\\c\xe6\xc4\x19\xf3\xbe\xaf^\xfc\x9c\xf4\xc1\xf8\x8dO\x93\xf2\xd6\\\xf7NJ\xeaG\xb2\xb6&lt;\x00\xecM!\xa4\xdb7\xa3\x95\xc4\xfc\xf6Q\xbb\xfaz\xb9\xf0\x96\xd6kt\xea\xc5\xe1\xf9\xf1U\x1c\xbfc\xa4\xb0J\xe2?\xaeU\xf7s:\x8a+\x06\xae\xfcx\x08\xf2/\xf2\xf7N\xe4[M\xc2\x8a\x0e#\xaf\x98\xeb\xd4\x8d\xc50\xd4\xdd\xb8\xf6&lt;\x1eGo\xafu\x12\xf0y\xe5\xa9\xe0\xd4\xba\xba\x8c\x1ah\xdbv\x9f\xd4.\xdb\xae\x86\xcb\x9f\xdd\xf9\xbdV\xfa\xd1\xfdyYh\x16#\xd7f\x9a1\xb9\x88\x88\xc8\xc7u\x83\xd9\xc9\xc5\xc5`\x1d\x1f\xc4\xfa,Ag8.O"5G\x1f%?\xbe+\x14\xf4\xe6\xbd\xcc\xc7}\xa3U\xb1\xd8\xe5\x9a:\x94\xcf\x85\x96\xbd \x10\x1f\x92+\xa6Q\xf9\xdceo\x9a\x1cz/z\x11\xd8\xcf;\x05o\x15nQ\xf1\xcb\xd71&gt;\x7f\xf9\xb8\xcb\xd0U\x97\xb4\xab\x8c\xe4\xd7\xa0.~6*\xa1\xb7\x902r\x91\xc3\xafK[l\x96\x90\xf6\xf3\x9d\xb2\xe9\x9f\x8dO&lt;\x83\xf2\xd1W1-\xa0\xc4\xb2\x0f/\xffm\x13\xcc#\xa4\xe7o\xdc,\x05\xd4g\xb2\xf2\x13\x91W\xc2z]\xd4\x92Qdb\xaf\x9frV\xf5\xb7@T.\xb4:\xda\xab\x95\xd3\xe3\xb9\xabJA\rm\x97 im\xd5\xcc\x05\x1dY\xe6\x15V\xcc\xfc\x98\xa7&amp;\x85#\xa0t\xf2&gt;\x92\xbd\xbd4:\x00|@=E\xc4\x93\x10\x82\xec\xdei\\\x7f\x95jy\xaa^\xbeJvk\xaf~V\xdb\xd4\x89V\x1d\x89H\xc5g\x80\x0f4\x0f`\x83\xda\xb0\xf7\x11\x9dd,=\xf6\xf0V\xec\x98\x00\x00\x0c(IDATu\xa3ey\xac\x1a\x14\x12\x99\'8\x8d#\xb9\x8e\xec\xa2\xa6\x8aB\xdcc+e\xe9\xef\xe5X\xbc\xfe\xd3\xc3\x85\xee\xfa\xeb&lt;\x17\xbd\x08\xec\x86&lt;N\xf9z\x1d^\x9a_\xbdH6\xed&lt;\x11V%s\xf5\x1b\x8a\xaa\r\x19\xb2\xfa?\x9b|\xdfwgZ\x88Ob\xfd\xcb)z\x12\x1du\xafpd(6\x1fWt\x89\x03\xc0iq{\x18\xbf\x9a_\xe3\x89\x1cJ\xde\xb6\xb8u\xaa\x98\xae\xd5\xf69\x83\xd9z \xb8\xef\xf8\xd9\xeeO\x8f\x8d-\xa3Kt\xdb\x91\xc8q\xad\xa0\x85\xdd\xcag\x99q0\\\x94(Mv/\xb0\xb8+\xe7Q\xef^\\o\x93\xf6\x8a\x8e\x9d\xacS\xd3)w\x89\x03\xc0i\xcdW(\xf4\x98\x9eg\x17\xc5\x9f\x7f\xbd\xd2X2\x8a\x95\xdc\xd0\xb7\xfa\x85\xa7\xc1\xb4\xb8\x19\xc4\xed\x8eZ\x1d\xdf\x86\xaa\x8c\xeb\x06\n\xa5n\xd6PM\xaf\x83L\xd3\x14QG;\x07\x0f\xf5hP\x93\xb3\xa1\xe6\xae\xce\xf9{\xccB\xc1&lt;\t\xb6\x0e#\xf8\xebKZ{\x9d\x9a\x8a\xc9\x02J\xcc6\xfbm\xe1\xb4(\xce\x1bR\xd9~\x95\x97\x89\xbcz\xfdS\x839G|~5\x17\xf4f\xd78\x03\x08\xc1\xdf\xb0\x13B\x08a\x9at\xa7\xfd\xbb\xad\xe70#\x91\xdb\xadH\x9a\xa3\xf3\xc1p\xaf\xf5z\xc5\x8c\xae\xb2\xbd:\xacU\x05\tw\xf1\x07\x91\xfb\xf6\xeb\xcf\x1c\xec\xd7\xe9.\x9f\xee\xc9c\x9d\xe1d\x83\xdd\xf4\x17S\xf4\xed\xd1jk\t%\xbe\x9e\xcak\xe2\x1e\xe1\xd6\xca\xe445x\x91iI~\xdeN\x91{\xd5zu}W\xd1\\ik\xba\x907\x89\x90\xc7\x85\\\xc5\t\xc8r&amp;\x98\x91\xe2i \xf1q\xd6\x9fU\xb9\xb2\xde\xf7\xe3\x03L\xd4\xa17\xa5\xb5&lt;\x9e\xe4\xaaW\x05*9-\x03\xae\x16\xfc\x95\x1b\xaa!\xf9\x9b\xaf\xff\xbb\xb8\xa0\xb5Y\xde\x8a\xd5P8\xfa\xec}\xf6\xa0\x07\xf6\xde\x84\xe4\xb5\x82t\xd2tS(\xa67Pn\xee\xe6\xf3TLi\t\xae\xc1:E\x99\xbdU\xa9\xcf\xaf\xb8, \xf2K\xef\xebQ\xf7\xdf\xf7U\x96\xddZ\x8e\x98\xb7"\x97o\xd9\xdf\xd8}\x95Tn7\xfe\x0b$\xb4\x0b2\xe5\xbb\x11m\xed\xcdf^\xce\xf0\x1c\x84T\xd9\xf1\xb9\xca\xde\xdft\x8b\xea\xe5|b\xf1\xbf\x07\x91\xbd\x8cWf\xe58\xfe\xd3e\xc7\x85\x97\xba\xfe+W(\xb2&gt;wS\xf6\x9f\xa9NK\'\xef\x9b\xe0D\x9c&lt;\xab\xb9\x17\xffi\x84\x07\x1bl\xfe\xc9\xcf.\x1f\x9bG\x80\xca\xd1\x96\x94\xcf=\xe6\xc5\xb7\x80\x19\x05?\xf8E\xe0\xb7\xba_?N2O\x8e\x92S\x1c\xda\\F\x1d\xed\xaeV\x07y{!h\xec\x04l\x9a\xda\x96TL\x94\x19\x93\xa1\xc7\xee\xff\xf3\x8eZ\xc2\x8e\x0e\x8eU\xb3\xb7\'\xdf\xba8\xd0\xba\x13}z\x95\xd0\xb2O7~KPl\xc6\xd0jg\xf3\xfdw\xfb"\xcb\x16r\xcd\x82\x109\xdfq\xff\x0b\xd9N\xa23\x1a\r\xb0!\xa6Q\x9a/\xb0\xd9\xa8\x10v\xf2\x89\x91A\xee&amp;)\x87\xf0m)9\xd6X\x85-\xe03*\x87*\x14\x93J#\xd9lj\xa6\xcdo\xd83\x8b\xc8\x05\xb8G\xc9\xf6t\x8eUmMSDb\xf2P\xb9`\xb0\\\xc17Z\\&gt;(7\xb9\xdf\x1d\xbf\xfd\xfb\xbdO\xa1\x17"!L\x86\x83\xdd\xa2\x9d(4\x93\x97\xbe\x10\x1e\xe7/\xd3\x14\x0c\xfa\xc5\xe0\xd7\x00N=\n\xb4\xa7\xa9\xd4\xfa\xddX*S\x8f\xed\xbcb\xe2)\xceH\xe4y\xab^\xfc\xe8\xaf\xfe`\xa7\x87y~\xc3\x10\x8c\xd6*#7sP\xf6/\x12.\xff,F\xfd\xbc\xf1y=\xe9\x7f\xa6\x1c\xeeOq\xc6\xbf\xcc.\xc9\xb0\x07\x80\xe4\xf1\xb1i\xfb\x8b\xc9\xfb`/\xca[\xc6f\nI\xc9\x96\xf4\xe1\xf8w=\xbeN\xc9\xd3s\xfa\x8a\x93\x8c\xde\xfeV\xfb\xbe\x91\x9a\x99\xad\xdd\xbf+T\xb3\'\x9c\x16`\xadq?\xf9\xd1\x92\xa4\xfb n\xb3\x96\x84\xf7\x95\xbe\xd6\xf5\xdbK\x8a\xde\x1f`\x1ex\xa1\xa6\x82\xecK\xc1\x95\xa7$\xdef@\xad\x1c\x97\x83\x88\xc8\x1f5\xc9t\xaf\x99\xe8NNw\x9b\xe2\xfd\xaf\x95\x9a\xc1\xde5\x1e\xf9\x1b\x1b\xfb\xbb\x17\x90\xb7\x16{\x10\x8e\xc33\x0c\xd8\x9ak;\xff\x00`\x19^\xb6\x98k\x92\xb2\xfc\xb7\xec!\x97\x9a\xddf;\xd4\xc5\xe0\x18,{\xb2\x871"\xa6r_\xb6/\xce.\xf2\x97]K-U\xc3H\x9a~|\xd3\xb8K@\xcb\x9fwnp~\xff\xcd\x7fP\x8ea\xceBy\xc0=;\xd9\\\xbe\xack#\x8b_\xa8\xb7\xb6\x93d{\x19\xea\xb1;\xf3\x1f\xad\x96e\xdc\x7f#\xe3\xb2\x1a\xee?\xc7?\xbe\x12}\x0f\xe2\xeb\xda\xe9\xe2\xe3\xb9m \xbb\xf5\xb4\x1f\xb0\xb5\xc57\xaf\xcd}\xb7h\x9d\xd7]\\\xdaj\x96/\x1dP\xb4\xaf\xb9\xcb\xce\xad&amp;F\t\xce;\xf8\xd6\xa5#\xf3\x9f\xef\xedQ\x0f\xdb\x1b\x95\xbb\x98\x14\xed5&lt;\x89\xbb)k/\xcd\xdb\x0fi\xc7~\xa5\x92\x89\xefJ\xf7{\xf2\xb2\xe2\xd9\xfbk/\rx="U\x88y\xd83\x80c\xdb\x07\xd8\xe9\xed\x7f\x95K_\xf9pr\x96\xe6\xe6\x17\xe9mn\xbe\xb7@6\xa7\x93\x19b\'\xacw/u&amp;\xbb_\xe0\xf95\xf1\x93/\xefp\x8e\x8e\xe4\xf1C\xe1)`\xf9\xb7e\xddc8~\x92y\xefS6m\xf8\x83\x87\x7fM:\xe9\x7fl\xfc\xd6Uk\xf4\xbb\xc1\xfb\xf6\x81\x83\xe3\xed\xf14\xc4\x89\xf8\xb9|DR\x1b\x9dd9kS\xe9E\xeagTH\xe5m.\x9ct\x86\xb1\x0c\xfev\t;\xfeA\x1f\xbb\xc7JN\xcf\xbf\x93\xf2^\x0cJ~ji\\G\x97\x80\xaf\xe7\xb8\x04\x0e.\xa4G%\xfe(\xe3\xe5*vBl\xd4O\x81e\xe1\xb7*\xc7\xf2N\xb6\xfcxdj\xd5z\xf6c\x10\xf9{\xafA\xba\xb8\xb3\xe0\xa2\xe4^+?\xbc\xbb\x01\x83\x7f\x99\xd4\x11\xfct{\xeaB]Iq\x1e\xd4\x85V5\xe5_X\x8eK\xbcrsZ\x1f_i\xd2-m\x0e\xf1\xb2\xb2\xf7\xd9\x8d_ZE\xda\xe5\r\x0f\xd1s\xff\xd8\xd4\xec\xfa\x8a]\x1f\x14\x11Q\xbf{l+\x17\xeb,\x9a\x18u\xbff*\x8dZ,\x1b\xf0\xe0\xd6\xc3\xbd\xdd\xc4\xbf$\xc1\x8c\xcf\xf6\xd8y\x8e\x8b\xdd\xf0\xf8\x1a\xf7dS^\xca5+"5\xab\xf8\xf0\xfakLY\x9a\xecfI\x1b\x11\x91O\xa8\x06sQ\x86\x03\xbf\x06\xd9y2S9\x17\x07\x87\r\x11\xf9P\xc46\x99\x89\xe7}\xac@\xe5\x16\x15\x9f\x91|{\xe4\xb2[\xed]\xd0""\x7f&amp;\xfd#U\x8f\xd6\xaf\xf9\xceY\xcb\xdfN\xba\x86a\x16\x1f\x14\x15VT\xde\x01 c{\xad\xf6d\xdd\x97&lt;\x1c\xab\x8e\xb9\x0e.\x85\xe7\x1d9\x88-\xa3\x05VnT{\x13N\xa9\xf5\xc2\x0f\xd4Sz\x00\xb0\xc9\xa8\xdffV\xd8W#\xfb\xd8m\x8b\xff\x9b\x9d\r\x0c08\xa2\'R\xf7\xd4R\xe5J\xc3\xcb\t\xa9\xcb\xfe\xa6U\xa4\xaev\xae0\x96\xcd\x02\xd9+\xa5\x8a\rR9/\xc7+\xb5@k\xce;\x86\xe2\xc0\xad\xb2\x9f\xae\xee\xc5\xdeZ\r8\xff\xcdi\x9a;\xeb\x0c9\xbb\x9c\xb7\xae\xa2N\xab\xf6\xbbVg\x96v\xdd\xa7\xcd\xc4\xd9S\x91\x91\xc4q\x9d\xcd\xcd\xd4I\xa9\xde\xae\xab\x84P\x1a\x90\xa8\xbf\x15\xea\xf0\xbd\x057\x89/\xec\xd3y,\xbc\xd3NQN\xbd\x8a{1\xf8\xbb\x80\xe6\x1e\xf5\xa7\xd6\x7f\xeb\xb3\xbe\xdd\x06\xedm\xf4\x0f\x8b\xb2*\x0cH\xff\xadP\x07\x19e\xe5U\xa7\xc8\x9d\x9cH\xdd\xe8\x86R\xb3\xd1\xba*\xc6\x91\xb9-f\x9d\xc5\x8d\xe3\xbfV_H]g\xe7g\xed\xe5j"o1\xdc\xf8\xa5A0\xd6)\xeb\xaa\x10\xe7A\xe5\xd0eZ\xea\xab\xe4\x8f\xa3\xad|iz;\x86\xea\x01\x88|K\xcd\xec\xb4(\x16\x94,\x9co|\x96\x94JH8\xe6\xff\x8e\x0c\xb4$\xf2\\\xcaN\xfd`\x93\xe64\x8f?\xcd\x8f@\x15\xfc\x1f\x8dD\xd4\xefO\xbfB\xc9/5l\xea\xba\xa9]\xaa\xd6.\xaa\xf9\xac\xdc:\xfd\xc7\x11+y\r*#2\tA\xbe+\xfdc)\xe9\xd7\xa1\xdb\xf9\xf7\x12\xaa\xbc$x\xbeM\x858\xcc0^\xa3K\xa6\xadvy2\x9b6\xfag]\xb4\xa0\x13n\xda+\x96\xbd\xb2jR\x82CV\\\xf5Ko8t\\\x15\xa3VT\xe4^\xa9&lt;\xc2\xb3\xfc|a\xd3wX\x19\xa6!\x89\xcde\xa7\xbcC)\xca=W&gt;[G\x12o\xf0\xdb@\x8fy\xb8a\xd1\xa2\xb5\x9c\xee\xd5\xa3\x8d*d\xbd\xca\xeb\xbe?\x19\xeb\xda\xe5\x95\xf1\xbd\x11\xdb$\r\x8e\xb6\xedCB|\x15$\xb7\x93U\xdb\xeehT\xea\xd4\xed\x0bX\xdf\xbf\x85\x15&gt;I\x08"?\xd1:\x8a\r\xd9\x87\x84\xf8\x8f\xd9\xcd\x10\xdf\xae\x01XdQ\xe2\xf6\x88i\x9dE\xb0\x98-\xd5#\xd9;\xab\xcb\xd8kw\x95\x07\xf4%\xaf\x0bU\x187\xad\x07A\xb7\xee\x07\xa7\xd6a\xdc\xcck5\x07\xf1&lt;\xaf\xa9\xa8\xe4\x95\xf5\xc1\xb2\x9c\x81\xab\xfa\x0e\xfb,\xd4{\xa7\x9f\x0eo\xf3\x92\x99\x1a\xbb\x17\x93\x87\xbcP\xccZ\xfe\xce\xce\xef\xd5\xf2\xa8\xe2\xe7[\x07\x10i\xbe\xdd\xb9\xc2iegU\xd8\x964}\xa8\xafZw\xd3mv\xa7\xed\xb8\xcenY&lt;C0/L)\xa6Y\xce\xe7BY\x86\xca;R\xf9B\xf7\xf7y\n\x06Q.R%\x8a\xfbX\xf2\xf0pv\x10{\xd9I\x95\xd9\xfa\xe3H\xf3\xf9\xc6\xf9\x1c\x04`x1\xc6"\xd9\n\x89G\x06P\'\x86\x98Nq\xd9\x05U\xd7.R%\xfd\xee\xa6\x87#t\xdb\x18D\x82H\x90_n\x95\xbf\x0b"\x9f\xca\xfaT\xa5z\x93\x0f\xab\xa6\xc6+\x1f\xd0\x8a\xc8\xefg}\xeay[g(\x98\xe9gf]auu\xb1Su\xf7n\xfe\xa1\xf6X\xe0\xe1\xd0{A\xf3I\xed\xb2\xfcO\x9f\x1b\xb0\xae\xacK?\x07p\x1d"\x12\xc2\x17\xe4}\xf6\xeb\x1eI\x846/\xa3\xb6\xbd\xafz\xd2{ktZ\xbe\xd3}\xe8\x9f\xa6\xa9\xf2\xeay\xe4f\xd5\xa2\xaa\x7f0js\xf4[\xee\xe74\x85{]\xc8\xd7.\xda\xf7\xba\xccy\xa8\xe0B\xe6\x0b\x95\xea}\xaf&lt;\xb96\x13\xd5\xcaYn\xa9s7\x81\n\xf9W\xe7\xdb\xfcu\xfb0nD\xfe}\xad\xac\x92\xe9Vh\xea1unQ\x9c\x8aU\xf2\r\xad\x03\x88Q\xedR\xd2f\x1em\x9b\xe1\xe6~\xef\x95\xc6\x7f\x8e\xdb,9\x86\x83?\xd1K[\xcc\xd3\xb3U\x8e\xf4\xaddN;\xf2\xe6\xa8\xffX\x1aR\x8e\r=\xc9h7Z\xb94l|\xdf\x9c\xb2\xf1{g\xeb\xb3\xd3T\x88\xd9[\xa1\xe8?\xb0\xa2\x9d\xa0\x96\xef\x89\x88-\xa9\x01\xf4\xd8\xc2G\xe3a\xa0\xd9\xbc\x1e\x9a\x11\xd5\xe6\xbel\xa4\x9c\x9a\xee:\xa3\xc2\x8f\x1f\xdd!Z\x96tS\xf3\\O\xa5E\xfd\xeb\x10\xe4\xb7\xca\x93QV\xe5\x11\x9c\xe6=\xf2.#\n\xc5\x06P\xe8\x03\xad\x03\xc0\xd3|Upw\x8b\xd7?)6\x9fu\xa6v\xd7\x9e$\xfa\x0b\xb8Ed\x1d\xd9\x14\x1c\x7f3r\x84\xe9^q\xaf\x0f\xa6e]\xec[\x8c \xbeJ\xe4-\x1a\xb1\x8a\xcf,\xe1\x14\xcb\x08"\xdb\xf6t\xbf\x08l\x16\x13\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t>
        </is>
      </c>
      <c r="E72" t="inlineStr">
        <is>
          <t>&lt;class 'numpy.ndarray'&gt;</t>
        </is>
      </c>
    </row>
    <row r="73">
      <c r="A73" s="1" t="n">
        <v>71</v>
      </c>
      <c r="B73" t="inlineStr">
        <is>
          <t>steps_per_sec</t>
        </is>
      </c>
      <c r="C73" t="n">
        <v>1100</v>
      </c>
      <c r="D73" t="inlineStr">
        <is>
          <t>8.960628</t>
        </is>
      </c>
      <c r="E73" t="inlineStr">
        <is>
          <t>&lt;class 'numpy.ndarray'&gt;</t>
        </is>
      </c>
    </row>
    <row r="74">
      <c r="A74" s="1" t="n">
        <v>72</v>
      </c>
      <c r="B74" t="inlineStr">
        <is>
          <t>Loss/object_center</t>
        </is>
      </c>
      <c r="C74" t="n">
        <v>1100</v>
      </c>
      <c r="D74" t="inlineStr">
        <is>
          <t>0.99340886</t>
        </is>
      </c>
      <c r="E74" t="inlineStr">
        <is>
          <t>&lt;class 'numpy.ndarray'&gt;</t>
        </is>
      </c>
    </row>
    <row r="75">
      <c r="A75" s="1" t="n">
        <v>73</v>
      </c>
      <c r="B75" t="inlineStr">
        <is>
          <t>Loss/box/scale</t>
        </is>
      </c>
      <c r="C75" t="n">
        <v>1100</v>
      </c>
      <c r="D75" t="inlineStr">
        <is>
          <t>0.147477</t>
        </is>
      </c>
      <c r="E75" t="inlineStr">
        <is>
          <t>&lt;class 'numpy.ndarray'&gt;</t>
        </is>
      </c>
    </row>
    <row r="76">
      <c r="A76" s="1" t="n">
        <v>74</v>
      </c>
      <c r="B76" t="inlineStr">
        <is>
          <t>Loss/box/offset</t>
        </is>
      </c>
      <c r="C76" t="n">
        <v>1100</v>
      </c>
      <c r="D76" t="inlineStr">
        <is>
          <t>0.25350994</t>
        </is>
      </c>
      <c r="E76" t="inlineStr">
        <is>
          <t>&lt;class 'numpy.ndarray'&gt;</t>
        </is>
      </c>
    </row>
    <row r="77">
      <c r="A77" s="1" t="n">
        <v>75</v>
      </c>
      <c r="B77" t="inlineStr">
        <is>
          <t>Loss/total_loss</t>
        </is>
      </c>
      <c r="C77" t="n">
        <v>1100</v>
      </c>
      <c r="D77" t="inlineStr">
        <is>
          <t>1.3943958</t>
        </is>
      </c>
      <c r="E77" t="inlineStr">
        <is>
          <t>&lt;class 'numpy.ndarray'&gt;</t>
        </is>
      </c>
    </row>
    <row r="78">
      <c r="A78" s="1" t="n">
        <v>76</v>
      </c>
      <c r="B78" t="inlineStr">
        <is>
          <t>learning_rate</t>
        </is>
      </c>
      <c r="C78" t="n">
        <v>1100</v>
      </c>
      <c r="D78" t="inlineStr">
        <is>
          <t>0.00041500002</t>
        </is>
      </c>
      <c r="E78" t="inlineStr">
        <is>
          <t>&lt;class 'numpy.ndarray'&gt;</t>
        </is>
      </c>
    </row>
    <row r="79">
      <c r="A79" s="1" t="n">
        <v>77</v>
      </c>
      <c r="B79" t="inlineStr">
        <is>
          <t>train_input_images</t>
        </is>
      </c>
      <c r="C79" t="n">
        <v>1100</v>
      </c>
      <c r="D79" t="inlineStr">
        <is>
          <t>[b'512' b'512'
 b'\x89PNG\r\n\x1a\n\x00\x00\x00\rIHDR\x00\x00\x02\x00\x00\x00\x02\x00\x08\x02\x00\x00\x00{\x1aC\xad\x00\x00 \x00IDATx\x9c\xed\x9d\x7f\xe8\x7fOV\xd7\xef\xfd\x10\x96k\x18\xb5\x1b\x8b\n\x19\t\x19n\xbb\xed\xaa\xbb\xb8j+\x94PP\xb9\xa1\x16\n\x8a\xbbIA\xfd\x11\xfeH-D]a\xd7j\xfba\xe6/h+"\xd8@BHI\x05\xffR\x90RS\x11D\xfa\xf1G\xa0\x90$\xe1\x0f\xbe\x88B\xf8\xe5\xf8\xc7}\xbf\xee\xeb\xde;\xbf\xce\xcc\x9c3sf\xee\xf3\xc1\xf2\xdd\xf7\xe7\xf5\x9a9sf\xe6\xcc\x99\x993s\xefkY\x00\x00\x00\x00\x00\x00\x00`r\xa8\xb7\x02\xc08D\xb0\x11\x00n\x0f\xdc\x00\x00\x00\xf4\xa7xQ\xd6f5\x875#\xe0\x00;\x01\xa05\xbd\xc6\xdc\xb7w*\x17\x00\x00\xc0\x00P`M\x88\x95"82\xfa\xd6at\xfd\x01\x00\xa0\x1b\xa1\x85\x02\x00\x00\x80\xc9\xf9\x91\xde\n\xc8\x82\xc9\x0c\x00?X\xea\x01\x00\x00\x00`\x06\xb0\xa6\x01\xe0\x16`\xa8\x030\n\xafz+\x00\xa6B\xd5\xfbcb\x01\x00\x00\x00\xe4\xe98\xbfb\xd7\x08\x00\x00\x00\x80\x9b\x81\xe5\x0f\x18\x05X*\x00\x00\x00\x00\x00\x00l\xe6\xdb\xea\x11\xe1\xf1\xe4\xb1\xc1- \x00\x1a\xb1\xaek\x97r\x95|\xb4+\x96\x1e\x9f\xd3\xf9\x13`\x96\x81\'\x80\t\x96\x1e\x13T\x01(\x91\xb4\x8cf\xc6\x93,hO\xb0\xee\x7f\x1f&gt;\x01\x96A\x07\x01`\x11"\xea\xb5c8\xa9\x11\xf6\x11\xc7\x89aS\xd5\xfd\x04\x18\xe7\xf7\xd5\x8b\x88\x98\x08\x00\xa0\x0c#\x0e4\xa9\x84\x11=A\x19\x02! \xf4?\x00\xb7\xe4\x0f\xee\xa3\x7f[\xfb\xef\x93\x01f\x05\x00\x00(g\xd0\xf3\xa1\xb2{A\x83Vv\x020Q7\x02\x8120+\x08\xfd\x03\x00\x80\t\xba\xac\xa6\xf18\x00\x00\x00\x00\x00\x00\x00\ry{o\x05\xc0\xbd\xa8\xd9\xefa\xb3\x08\x16&lt;#\n\x00\x00 \x0e\xe6\t\x00\xf4\x18\xf8U\x10\xe0\x16\xb0\xdfC\x00\x00\xc8El\x02\xc08\x04:\xe0Z!\x00\xe3\x13\x99!0y\x80b\xe8\xdf\xf7\xd6`(0\xd6\x00\x00\x00\x00 J\xe5\xda\x02K\x93zF_\xdf\x8d\xad=\x00\x00\x80bF\x9f\xc0\x00\xb8/\x18\xbd\x00\x000\x10\xb2\xd7@W\xcc\x00\x00\x00\x00\x12`\xbb\x00\x00\x00SQ\xf42\xf0\xd6\x94\xbd\xb2\x1c\x18\xa1c\xdf\xc1h\x00\x00\x00\x00\x00*\xc02\x1c\x00\x00\xee\x0b&amp;\x00\xe02\x81ULP\x05\x00\x00\xe8\x00\xbc\'\x007\x02\xb1 \x00\x00\x18\x9b7\xf7V\x00\x80;\x80\xb5\x12\xb0\x08V\xf1\x00\x00\x00@\x0b0\xdf\xde\x8d}\x8d\xc5\xe9\xfa\xefWU\x05\xcc\x02~m\xa3\x1c"Z\xd7n\r\xd8\xa5\xf4\xbeU\xbe-\x91\xedunw\x10-\xe8@\xd0\r\x8dH\xd1&amp;s\xe2\x15\xb1\xb7\xd1\x8e\x1f\xe2 }b\xb6\xaeu\xbb{\xa7\xa3n\x00\x80[\x00?\xd3\x98\xff}p\xf4\xee\xb7\xfc9\x003\x04\x88\xa0\xbb\x1bD\xc4\xc0\x08\x06;\x82\x10\x7f\x0c\xb3\xefi\xe3\xbdvq\xee\xde\xc4\x06\xbb\x1e\xd8A\xf6u\xd0WLY\xde\x9d\x97B\xa6:b\xc3\x9cB\xb6H{\x7fN\x02f\x1aO\xf17\x1e,\xb7Bw\x020\x85\x94\x13\xc4\xd8\x00\xaa\x84\x0c,ixR\x96\t\x0b\xbf\x0f7\x9a\x00\xa4\xe8\xb2\x9a\xc6\x98\xbc\x11g\x03\xdbO\x80\x9b\x19\x9e\xc1\xfd"P\x02\x13\xc0\x18p\xc6\xa4\xd2$\x81\xb9\xa75\xa7\x0b?}\xce\xdf1\x07\xdc\x04L\x00SA$\x7f\x1dv]\xf1K\x9fM9;\xdf\xd8\xc3_\xee\xdclj\xb26\xa5\x0c\xf02\xf0\x04\x80\x95\xe9\x85u]\xd7U\xfep\x95\x88\xcc\xae\x06\xe7\xb5\x80\xf5%\x10\xb4O\x06\xef\xe7\xe5\xfb9%}J\xc0.\xc2&gt;\xa3v\x11.\x116\x03\xf7\x08\xfb\x12:\x00\x10|&lt;\x18\xdc\x16\x18\n\x00\xa6\xf1\xbe\xbc\x81\x96`\x84\x05\xde\x1f\xf0\x198\x04\xb4\x83\x07\xe2\xc1d\x1c\xcd\xd9\xef\xcf\xe1\xfd\x81\x043L\x00\xe0V\xe8M\xf6\x96\x96\x11\xb15\x8d!5\xc1\xe0\xa8O\x00m\x06\x15\x16&gt;\xa0\x8c\xa3u\x8ebE\xeb\xeaWu\x14\xfd\x81\x1d\xd4\'\x80\x06F\t\xbb\x9f\x8c\xf8\xa2A\xb6\xbbm\x9a\xceVGol\x93\xde\xe1\xff\\{\x14`\xd71%6\xed\x1f\xdc\x97\xc6O\xbd\x9a\xc57\x0b\xae\xcb\xea\r\x00\xa5[\x0b\xad\n\xbc\xc0 \x0c\x81Q\xba\x91\xbcxz\x93\x9b\xa9\xcc\xf0\xe9\x04M\x81[\xdd\xbdh\xd7\xecGk\xdew\xb8\x13\xd8.\x00\xaa\xc4\x7f\xeeH|\x04\xf1G%\xbc\xf6\x04\xb4\xe8A\xc6B\x06\x13\x01\x00,\xdc\x85TV\xde\xc4\xd6\n&gt;\xfdf\xa8\xff LV\xfa,\x83&amp;\xa29f\x8e\x9a\x9d\x10F\xacM\xda\xecn\xb3JA\x80\x11\xb8\xb4\x9b\x00.\x96\x17\x9a\x1bnh\xa0\x06Ca\xf8\xe9\xf0\x99\xc0*\x01\x84P\xbc\x06\xba\xbb\xf8u{K\xd9\x99\x97\x0f\xdf\x9a\xf1\x86\x93\x81xcNbk\xde\x7f\xc1k\xbc\xe6\x02\x9d\tBh\xd9\xc6vrU\xf6\x16{\x83\x0eQ\x03\xac\xcb\x80}`\xa5s\xa3\xb2\x03 "\xfe\x83#\xea\x0f\xb0\x10}H\xb5\x80R0\xaen\xc2\xd8\xef\xaa\x1aWs\xd0\x05zP\x90Ec\xa8\x8c&lt;\xf8\x00P\'&gt;&gt;\xe2\xdf\xbe[Z\x190&lt;^?\xceq\xc2Z3\x00\xc8\x01\xcd\x0f\xb2\x80\xb9\x0cM\x8b\xb7\x812\xbd\xff\xf1\x1f\x8dK\xbf\x1b\x14i\x16\xf6C@\xc0 \xb9\xd6\xfe}\x8c\x9f\x11M\xbc\x9a)\xa9R\x96B`t.\xebx\xe6\xb2^)\nd\xc7\xfb[\xd1\xe3\x81\x9d\x96iF\xc7*\x0f\xdd\xdaC+\x0f\xe2\xc8?G\xbeK\xde\x97\x92\xf1\'P\xbc\xe6\xd5\xf8"\x10\xae:\xdc\x8d\xc6=n\xf0Q\x0f\x00\x16\x85\x10\xd0\x8b\x95\x9f\xac\xdd\xf7\x1c\xc0Fhm\x91\xde1\xe4k\x16\x01C\xf3v\\\xcf\xa8tK\x83\xf7\x076\x11\x9f\x00\x9e\x91\x9f\xfd\xa3\xa8\xedg\x8f\xbc\x97\xfdDn6\x00\x0e\\&lt;\xb2\x05\xff&lt;k\xa4e\xceZ\xcd\x82\xf0\x04\x90\xf72\x1f\xfd"\x00\x18\x85Y\r{\xceZ\xcd\x82\xfc-\xa0\xdd\x8eg]\xd1\xdc\x01\xf4\x1d\x00w@\xe9\x1a(k\xd6\x8f$\x92Z\r\xd5;\xb2\xb9=!\xfdq\xff\xe7\x05\xef\x19\xaeW\xa6\x01}\xf5\x1c\xa5\x95\xc0}\xd0{\x17\xd0\xf3Mp\x9cd\x17f\xdd\x0e\xcf\x8a\xf8\xab\x86\x95\xae\xcd\xecb\x0b\xe4o\x17\x87p\x9f\xa7\x1e\xb4\xa1\x1dZ&lt;\x08\x16\xc1k\x07\xd7\x17G\xb7R\xe6V\x0b4\xa2\xbf\'(\xcd\xfb\xc2\xd7J\x81\x82\xd2D\xe4k{\xac\x89\xcd\xefR1x\xff\xbb@\x0e/\x9f\xfb\xbeR}\r\x04\xff]\x14\xbb\x86\x832\xae\xe6\x961\xd8\xaa\xefk[\xdc\xc4\xf3\xd3\x9di\xf1\xa3E\xcc\x94\xaa\xeb\x82\x82\x07\x7f\x88\x08k\x95\xc9@\xf0\xa1\x18&lt;,9%\xea!\xa0\xf8x[\x0f\xa8\xaa\xf1)\xf9Y\xd6u\xedr\x04&lt;\xfaR\xcb\xb2\xf6\xf0\xfe\xc5\xa0\xe1\xa6\xa4Q\xb7\xbaN\xcd\xe0P\xc4\xf2P\n\xac\x16\x01\x00\xa0\x90\xd17\x01\xc3A\x94\xd8\xecY\xe8\x11\x0b:\x80\xc9\xc0B\xcd"\xde\x15\xf4\xe9\xed\x1a\xd8\xa9L\x04Q\xc9\xbb(\xb0\xcd\x02\xf5\xc8\x9f\x01L\xb9Ni\\%x\xff[\x11\xe9\xcf\x88\xe1\xc1\x08@=\x8a\xaf\x82\x98\x89\x96w\xc0-\xbc\x1f[\x83\xc8\xca`\xa6E\x83l]\x86\xefu\x00@\x88\xddU\\~?\xa7\x97&gt;J:\xd0\xe1\xbf\x85\x12z\xb7\xc9\xb8\xa0\xe1\x000M\xec\x07\x1a\x9b\xe9\xd0[\x81\x99\xe07\xa6T\xa3\xa3\xf3\xc0\x1d\x99\xc3mY\xa8\x85\xc4[\xf3\x88&gt;GD\x97\xc1\xe8\xdfyc\x82v\x031\x92\xf6a!ZR\x0c\xd1\xaf\x1d\xfe\xf6\xd7b\xd4\xba\x01\x00n\xc8(\xee8K\xcbc\xe2\x82\n\x06\x7f\xf3\x92\'\x96\xf9n\xa2QZ\xfeV\x14YK\xeb~\x84\xdd\x00\x90`\xe0\x8dF[\xf8\xadt&lt;\xfd\x9e\xb2m\x89\xca\xbdy\xb3&amp;\x19z\x0f\r@7\x84/\xc9\xb0\xc5i\x0cV\xc1\xba\xf4\xf2&amp;6\xbd\xd8@\xee\xb5LM\x0b\x97\x17\x00\x18\x9b\xcb\x13\x00\xf1\x11\xd5}\xb4a\xc07\x00\x8d\x0c\x9a\xd1\xf9\x07a\xe6\xa0\xe6\xda_\xd6\x13^\xc9\xa4\x15a\x87\xb2| \x0fN3\x8f\xf2\xd0\xdf\x1f9\xfc\x8dI\x0b\xa8\xd0\xd7\xb0\x98\xa5\x0b\xaaXY]2\xb0K\x00\xa6(\xb6\x077\xe3e8\xfc\xcbR\xc9\x00\x18"2B8a\\\xfb\x81^\xfaK\xcbg\xf4\xd6\xe1\xe6t\xb4\x90K\xd1Y\xd6\xda\xe0\xa7\xfa\x00\x18\x9b\xfa\x91q\x19]\x95\x83\r#\xf5\x86d\x04!{\\N\x85M\xde\x14\xa9\x85\xc34\x064ME,\x83\xe5\xea\x11\xb75\xc4\x97,"2\x01\x10F\xe4\xe1)x\x93\x05\xc3\x1b\xa48_f\xeb\xa8\x08h\xcb\x9bz\x14zC\x03\x13\xa92\x82\xb9\x00\x80v\xe4:\x9b\xcd=\xd9wQ\xc9\xd7\xf7k\x16\xdd\xb2\xb4g\xa1\x9c\xc3\xf06\xca\x00\x00nA\xfd\x8a5\xcbmy\x13\'?,~tK\xdcc\xc2\x05\xb7\xc1Z3\xcb^"\x00 \x1b\xb36\x97\x9e\x00N\x89\x8b$\x84g\xa9\xc4\xdcP!\x99\x93\x1d\x8cEY\x87\x12U]\xf4\x0c\x8a\xcdQ@\xb0\\0$C\x07\x97\xf5\xfcl\\\xec1\xde%\xb2\xd1\x19\xb7\x0b\x80\x14\x17cnc\x120?\xa0Kp\x89\xad,\x7fa&gt;\x0bVP\xe2\xa1\xd0\xed\xff+\'Q\x0c\xbf\\\xee\xd0b-\'\x00\x00\x04\xa8y\xaf\xce\xe5\xdb\x06\xd3\x83\xb8\xd8\x8a\x97\xf9\xe4e\xbc\xcf\x90\x85{\xdaq\xde&lt;\xd8Q\x17\x00R\xbc\xde[\x81\r\xca\xd7\x833\xb6\xa8\xd9\x02M!;\x9c\x07\x00@\x0c\xb3\x0e\xe5\x7fj\n\x17\xaf\xb4\xd1F\x04j\x98\x1d8\x00\xf4\xa46\xa4\x1e\x16[,SC\xc8\x1c\xe3\x7f\x8eZ\x00\x00l1\xd0\xfb\x1e,\xe8\x00FD\xd0p`\x84\xa0\x10A\xd3a.\xde\xa5\xd2\xbc\x94\xc8I\xd7\x10\xa9w?H\x88\t\xcb\xb7\x1at\xb2\xd7\x9f14\xb6\xaa\x00\xb4#i\xc0\xd9wTh\x9b\x06~\xa1\xe5\xcd\xc8^^C\xf6:\xd0\xcd\x99)2\xa6\x8a\xc8\x03(\x85E\xa3w\xa6\xc7B\x1fwY\xd7\x0f\x14t*\x83\xec\xbd\x0b\x01\x000$\xaa~\xb0\xf6\xf1Z)=|\x02\xc7\x9d\x00\xe6\xe6&amp;\xbd\xa2ZM\xd86hD\xe5\xcbv\xe2y9\xb9\xed\xbc\x03c{\'\x8c\x11e\x00\xd8\x80A\xde\x88\xe7\xbb\r\xfa\xea\xf1\xa0\xfc\xa9\xda\xac\x07\x92\xcd\xcc\x01\x0b"\xe0\x00\x80[\xa1\xf1\xea\xab\xc6\x1e=Y\x16\xfd\xd5!}\xfax\x1a\x8f\xc0\x88\x96\x00f\xc6\xb5\xc8f6\xaa\xe4\xa9\xb3\x96\xff\xe94uE\x80)\x81\x01\x80I\xd00\xe5,\x89\xcc\xc4yQ\x9d\x1c\x05\x96h h\x9a[\x9eD_s\xfdDFl\xeem\xdd\x9f\x89~[\xa7\x8d\x04\x9c[\xd1\x06\xd4\xf4\xd0\xf1\x18\xc9j\x93\x80\nn\xd5\xa9\xb7\xaa\xecF\xfb*\xcfq\t\xb5\x9f\x93\xedR,\x00\xb3 5\x84\x12\xf7\x97\xa4\x8b\x03\x00\x001\n\x960\x05A\x95\xbc\xf4o\xcc,\x80/\x19n\xf8~\xa0\xd3\x01\xe8\xc31\x9e\xee\xfe\xc1\xc9\xc5\xcc2.n\xc5\x88\x1a\xddG\xa5f%\x01Q\xd0a\xc0\x16y\'\xbd\xf08u\xc8\xbe\xad\xaf&amp;\xf1\xb7K\xe9QD\x03Cz\xbfD)\xe2zb\xfc\x00\x00\xc0l\x18_\x1a\x19W\x0f\xc8\x10\xeaf\xa5\x05\x97R\x14b\x14[U\x7f\xcf3Fm\'\xf4Z\xbe{\x9fvW\x00\x80\'z\x81\xec\xcc\x08\x89\x86\n\x92d\x9f\xc6+\xe9\x01\x96e\xe1\xbfnVU\x87\xb2\\\xdb{JdU\x01\xbd({f\xe4\x0e\xdd/\xfb q_4\xde\xb4\x01\x1a y\xe4\xe3H\xfb\r)\xd1\x00\xf0\xd9\xac\xf0m\xce\'\xcb \xbe\xe9\xb8\xe3\x10\xd1\x17\xaf\xff\x04e\x84\x8c\x06\xc6\x04\xd2\x0c\xe4t\x86Q\xd4\x81\xa3\xb9\xe5\xda\xd5\xbf\x8a\x15\xf7Ms\xa1\xc0\xdf\x19\x12\xd0\xd8\xa0/\xdd-p\x08\x8f\xd3WE\xcd\x83\xfd\xd0\xe7\x98\tpm\x1a\x8cO\xa5]6}Ks\xdd\x99\x95\xcd\x11hQ\xa7\x07\x11\xdd0\x07\x000?\x13\x0c\xf0^/\xc7&amp;M\xe7n\xc1\xf3\xce4\x07\xccQ\x8b8w\xa8#8AD\xf4\x13\xbd\x95\x98\x88\xfb\x0c\xa1\xcff\xbf\xea#k\x0eh\xd9\x80\x11\xc5B_\xdd\xa7\x7f\x81Y\xd6\xde\n\x00[\x10\xd1\xba\xb6\xb6\n"Z\x16\x7f\xb1^/\xd9^\xc3$\x95\xed\x16\xcfN\x18\xa8@\x87W\xbd\x15\xf0@\x9f\xd4[\x03\x1f\xde\xd5Z\x83E\xdcm\xd6\x89\xcf\x9b?\xa7\x8f{\xf8\xfa\x826\xd7\x9d\x93\xeeb\x03\x00\x98gn\x8f\\V\xbb-\xd3OW\x14\x1a\x89\xf0\x90Ci9|}\xe4D\xc9\xbd\x18nf\xb3\x03`cn\xf7\xca\xc7\xbf\xe1hP\xae\xc7\xff\xfe\xe0~1?\x96\xb1\xa2\xc4\xb8s\xdf&gt;\xe5O\x00\x95\xadD\xf4G\xeb\x04\\\xa4mM\xc7N\xef\x17"\xa6\x0f\x00\xedP5\xdc\xb1\xa6\x8a\t.\xb1\x1c\x95\xdf\xfd\x9aH\x8d\x92\xce\x9dt\x1a\xd0?\xdf\x08\x160E\xbfk\x83\xf6\xe9\x88\xf6\x19\x80\xe2\xdb\xd6\x0c\x9e\x04z\xb9\xd8wc[?\x16\xf6\xd1\xf0W\x1c.\rND\xeb*\xdc\x0b!i\xcdz\x9a\x88\x92eqzpO\xb3\xd5h\xaf\x97T8\xa8\x17\x1a\xef\x90\x18e \x03+\x88\x8f\x00\xa5A\xb5y\xfem\x99\\\x16\xc5\xdeS\x8akhm\xc5\x95l\x16;\ng\xf5\x85\xf7HCT\x9d\xa6\x0c\xac:\x00^\x94v\xa0!\xa9\x9c9\xe0\xf4R\x17F\xfc}\x0e\xbc\xcd2t\xf5\xdd\xbe\xb6\x1f\x0f\xb2\xad\x1d\x10F&amp;\x044\xa8\xc9\x1cl=o\x13\xca\x1d$&gt;\xa9\xcfh\x00/\xdf\xba\xae4\xe6%\x90\\W\xb2\xae\xebV\xd9\xddK\xee\xde?+J`\xd0\x85]U\xa2\x85\xbeHQ\xcf\xfa\x80\x8c\xb9\x16\x04\x9618\xe48Pt\xf9\x1fY\xa9\x85r\x1d#6\x916qcA\x836`\x9c\x87\xfb\xfe\x8c\xdc\\{\xcb\xe4F\xccd!zK\xf4\xdb\xb4b\xc1\x1d\x80\xedm\x80]\xcd\x80Y,\x1b\xb4\x97\xa4\xf3\xa5\xc8\x91W\xe0P\x97\xce,\xe1\xc7\xc7*\xbd\x80\xd4\xf5\x1b^Y\xc7\nf\xe75e\x18|U\x92\x9a3\xabu\x11\xf2\xe8\xf6_d+\xc2\x12k\n\xa2\x8f\xed\xad\x02\xe8\x81]\x93\x14%\xb63p\x9c\xbb3\xfe\xafg\xc2\x95\x9a\xd4d?\xca\x11w(\x82\xba\x89\xc8\x11,7\xeb\xd9.\xef\x04P\xa5\xd9.\x87Q\x9c87\x19\xe3\xf7A\xeb\x02\x16\xb1E\xf3S\x1a\xe7\xe5b\xfc\xba\x1e\x16\x87\xdb\x15@\'\xcd\x81\xfa;p\x9bLSw\xe9HN\x9f\x1aQ\xb4\xd9\x96\x81\xc6\xa1\xa1..\x03\xd0\x1a\xcb[Z\x17f\xf07\xf4\xf9y\x8bP"\xad\xbe\xb9\x92\x11\xb0\\i\xc7M\x8f\xe5\xad\xc9}`6\xdd\x1f\xe81\xfa\xd0\xad\xa0\x84\x80W\xfd\xea\xbej\xb8Z\xedq\x9e\xcb\x87\x8b\xd01\xe0\xd3}\x17\x8bP`S&amp;\x14\xfe*\x11H\xb6*\xb8\xe4T\xea=q9\xca\xa5\xbb\x19\xfb\xfa\\x\xfc\xf9\xe9ed\xccB\x8f\xc9\xae\xae9_Z\xac\xa0\x87\x9cKs\xd0ab\xc0x\x88\xb3O\x96\xfa\x05\xa1#&lt;\xe85\n\x1a\xdc\x14\x92A\xc9-\x00\xee|\xd89\x02\xcb\x0f\xbfn\x86\x99\xa5\xebV\xbbP\x1d#\xb6\xfer\xdbz\xd8\xd0p\x83n\xedn9w\x06\x8d\x0f\x14\x99i\x15\x10_\xce\x93\xcb\xe3\xf3H\x96&lt;\x05\x8a\xbe\x92B\xea\x08\xa1^HV\x113Y \x00v\x91\x8a\xa8\x14\xe7\xf2\x05\xe8KDf]\xfeKK\x9b\xc2\x01\x15\xd7\xe1\xf5\xa3\x90\x9c\xa6\xa8\t\x82?\xfe\xf8\x8b\xf5\xd2\x92\xa5\x00p#T\xcd\xde\xce\xa0\x12\xbc0\x13\xfag\x99\xc0j\xa5J\x8b.\xcbe\xa5?-ri\x1b\xc1\x9db=\xe87\x90\xc6\x82\xbf\xd6\xd0 \x19\xeaQ(s6\xea\x1b\xe9\x97$\xd4\xb0\x8c\xd4\x05*&gt;ojV\x12\xb8\x15y[\xfb1}\xe8\x88\xb7y\xb2\x14\xb6P\xbd\xeb\x86\xa9\xa3*\xf7\x06-\x0f\x14\x99xh\x0f\xba[\xf7nz\xbe\xccI#QT\\\x8dD\x89\x13[\x8e\x97\xde7\xfa;\x16\x0e\x0ccp\x1cj\xab\xe4&gt;[Pp\xdb\xc4N\xbb\xb5\xd4\xc3N\xad\r\xd2~Z\x05@\x17\xa1\x13\xd4z\x19\x92D\x1e.\x0b%\x9e\xd2\xf1].\xb9\xc6R\x1e\x12\xb7\xd0l"\xd0b\xc0.\xcfkv}\xf58\xd3\xe6\x8a!O\xf8\x17WK0\xd5\xb4\'\xb2\x1c:e\xa6\xe7\x08\xecK\xb3\xd9\xac{MU\x99\xbbv`\x1e\x8c\x1cY\xf7\x8e\x05\xf7o\x81\xa1\xf16`\xea\xa1\xc2\xbf\xd0F\x8d.\xd8\xd1\x04\xa41\xd8[\x82\xebJ"\xfa\x13"\x82\x18\x05\x15f\xfc6YE|E\xa8\xf5\xb0A\xe3qi\xa9d\xa8\xac\xf6\xcfHK\xf1Z~\x11D\x1f\xd1\xd0\x044\xa2\xcd\x80\x89\x84\xdd\xc5c\xcb5\x92&amp;\x8e\xf8\xd7c\xaaYZ\xbc0\xe3\xf4(r\xbb\x8b\t\x1a\xe9\xc1\xdd\t=\xac\xc8\x9d\xe7\xa5\xd4\xf0=RKg\xf9\xf1ps\x95\x7f\xaf\xc8\x0b\xca\x18\xdaU\xf1\x87I\xd6\xcd\x02o\xf6\x90\xc9\x8f\xdc~\xe0\x1et\xdc\x0b\x9f\x8aK&amp;\xe0\xeej\x7fgO?\xca\xe8\x1bFQ3\xd4\xf4\xad\xac]\xc4\xa5\xe1\xa1_0\x1e\xa3\xb8N\xef\x03J/\x9b\x92\xc0\x92\xac&gt;\xc4\xd4\x1e\xc9\xdb;jUx\x83\x92\\i*[\xc0\xc2\xb8x\x7fo\x05\x00P\xc1\xbe\xa7323\xe2R\x7f\x92\x82&amp;"\xc6\xd2\xa7{\xb3\xbb\xf5\xea\xae\x12\x00A`\x9d\x1a\x94M\x00\xd6&amp;E\xa9\x97gH\x88\xe1J\xb3i\xcf\x16u\x02\x83b\xd3\xc4Cdik\xaaj\xce\xc1&gt;;c\xf8\xcc\xf1\xe5\x1eT\xa5f\x99L\xf0l\xc4\xb8V\xb4\xc4\x9fch\xa9\x07\x001[\xec\xeb&amp;\x02\xabfW)\xbe\x96\xd6\x1c\xc1\x86I\xa5\xfa\x13\xef,\x8d\xae\xfc\x11q\x89\x01\x10\x0f\x04~d\xf7\xb3\xd6\x9c\xfbn\xf7\x82\xe7\xba-\xc7\x12\x06\xed\xdc(uo\x99\xd9\xc0\xd8&amp;\xa4\xfd\xe6\x97#\xe4\xf4w\xbd\xe8\x1b\xd3`\xccN\xef\x17hY\xe8\xdfLRM\xb8~`\x94\xf0\x93\x04?\xd4X\x93\x8102.\xfb\xaa\xe1\xddp\xc9\xfa\xac?\x8f \t\x98\x9b\x8eq\x8c2\x8c\xab\xb73\x8a\x9e}\xb1nm\xca\xfd(+\x9b\xfe\xa4\xefC\xc9\x12\x0eb\t\x16\x0e\x06\x81\x9c?\x96\xfd\xd2\x0b\x8c\x18D\xd1\xb0\x10:\xfe7v&lt;\x96)6\xf3}\xa5\x00\x80\x12\xa8\xeb\xb8\xc2\xb3&lt;7$\x18)Mf\x8c\xca\x81\xe9\xdc\x05\xef\xf9j{\xdf\x11*\xcf\xacS\x0b\x1fQ\xe4\xa5\x17\xc4N\xe3\x08"\xb2\xda-H#B\xde\x8d\xb8s\xc6\x8e\x8f\x8fMiH\xc0Oh{x\xb9\x84\xc3\x1aW\x92z\x814z\xb3\xa3\x11\x0f\xd0R\x0b\x1b5~\x815\x01\xf0\xa5Uj\x03\xcc\xf3\xaa8\xe7\xba\xae\x97O\x8a\xcd\xe5*\xc80s\xacq\x8e}\xf76_WVH\x96\x92T\xc5\xa6E\xe4)eI\xda\xefz\xebJ\xe4w\xd1\xaatb1\xc5 \x02Wh\x90%\xc3%x\xd5\xfd\x9eR_\x05\x86\xe8\xb2\x96\x189\xcc/\xbch/\xaeG\x11\xc5\xad\xd7\xbd\xd9\x01\x0b\xed~\x12\x91\x1e?\x1ehv\xee\xda1&amp;\xab\xcdXW\xf7\xf8\xaa\xa6\x0fB\xcd?\x16\xc79\xcb\xb5x\x1c\xa5]\x00\x10A\xc9\x148\xe7\n\xda\x88O\x0cG\xed\xdd3\x92\xcb\x7f5`FB\xe8\xbf{2*\xa9\xd4\x05\xffs^\x1f*\x14\x15\xfb\xb6D\xe4U\xfed\x87\xff\xd1\xcb\xa9S\x99\xd9-(\xdf\xe2\x89\x8a\x157\x1d\xd5\x89\xcd\x1d\xd5\xf1+\xdbM\x02\xd81j\x17\xa1\xe3\x0cl\xaf\xa2\xbd\xf4/;\xba(\xd0\xd6\xce\x04\xb0\x7f;\x90\xcd\x804\xde\xd5\xae\xe0Z\xa0\xb7\x87&lt;\x11\xda:\x14\xdb\xf7\x1e\xaa\x02\xd3\xc0\xd9_\x96\r\x90\x92\t 7\x83\x9ap\x98\xfa\x8d\x08G\x1e\xcf\xe1\x91e\xf9]36q\x89\xd2\xfc@ \x98\x13\xca[3Ke\\\xdasw\x18\xc5\xa5\x06\x02&amp;\xaa4+\xaf\xc1\xa9\x8cw\xca\xf7\xde\x92\xb8|\xd2q\xdb\xd1\xa5\\0!DD\xf4\xaf%F\x91\x88:\x9b(\xee\xc6Z\xfe\x00\xa0M&lt;70\x01\xf0\x8b\xee\xe8\x02hY\xe8\xedV\x9e!\x10\xc1\xbf\x17\\\x96oh\xaf\n\x03A\x13\xc5DrG\xec\xf7:\xd3\xc2\x99\xfe\x9a^\xcf+:#u\x05\xae\xeeY\xc3\xda|\x1fVA\x87\xff\xb6(\xae\xd5u\x06S\x17\xb1\xe8\xfbzk\x00\xba`\xc5\x00\xabi\xb6`\xd7\xc0\xf5\x05\xccjt\xaf2\xd9\x98~\xec_\xeel S\xd5\x12\x06\x1dY\xc0\xc31\xbc`\xa1_\x8b\xafo\xee\x07P\x97\xb5\xb3\x94bC\xc0\t\x8b\xdf\xadM\xc4!\xfa|\xfb\x13\x00\x00\\F\xb7&lt;\xfa\xc8\xe3\x8ff%\x0e\xdbbcM\x00\xc5\xab\x01UX\xd1E_\x8a\x9a\x95M^\x96\x82b\x00\xd89\x86Pf2&amp;\xed}\xb1\xact\x83\xbe\xaf=\x06\x1b\x81\xa3\x92\xa9\x896W\x19\xa9\xa9\x0b\xdc\x9aS(\xe6\xf7+\xc8\x7f\x164\x9eur4n\\\xaf\x11\x9b\xb1%y&gt;\xd4\xd2\x04\x90\x8b\xab\xf9\xb8u\x01\xa3R\xbf\xfd\xefe\xb5\xe7C\x08\xf7[\xff\x11u\xb3\x0b\'mh\xa3v\xa8\x14~\xbb\t\x1f\xbd\xea\x88m\t\xd1\xaf\xfb&amp;\x80\xfd\x8f\xf3\xf5\x04\xc6c\xa1`\x06\xbc\x1d_.\xadR\x19f\xb2&amp;\xcfm\x95\xc9q\x9f\x1b\x8a\xf82nY\xe7\xc7\xdc\xca\xb8hR,\xacM\xf8\x9eh\xf9\xd2s\xa1\xa0vp\x15=\xc6\x8f)`B\x9e\xc7\x00D\xdb\xddD\x8d.\xfe\xb7\n2\x8b\xe9x!\xca\xe0\xbd\xbd\xcaa-X\x1f\xfa\x0f\x8c\x0bN\xec\xc7Dj\x95\xa1\x7f\xd6\xc08\xba\xb8Sxq\xf0\x84\xe8\x93\x8d\x9bC\x935\xa6b&lt;\xf4\xbc\xd6\xbez\xafPP(\xbb\x94\xc1\x07\xb6\xc8\xceFJ\r\xe7\xc3\xf6\x8a(R0\x83^rt\xef&amp; CF\xe4A\xa18~\x00Wy\xe1\xec\xd1\xe7\xea\xb5\xab\xe4\xc7r\xc7O\x05\x92%\xbf\xa5B1\xbf&gt;Y\x89\xa5\xdeI "\xe5~$\xdb\xadrY@\xf4\xa3\xc4^\xb5\x00\xebX\xe8\xb6\x90\x93\x8dg\x11\x99\x03\xb2$(\xed\x00\xf8\xdf\xb6\x0f\xb8\x168\x0b\x91\x9e\xd1\xab\xa6\x01{oA\xf0\x08J\xa2\xfe\x08\xfcON\xa4w\x0b\xdcAM\xb2\x88\x1dKx\xffJ\x01bB\x0e\xd2\xd2\xe2"\x01"\xf1\x91I\x8f\'Bv\xa1\xaf\xf1r\xc5LHB1 \x0bYz%\x11\xe8\x8c;|\xbb\x1bGw\x05\\\xf2v\x0f\x8c\xa8\x91HLIv\x06\xb8n\xf3Ed\xa6J\xf1&amp;\x13\x8c,U\x06\xbb\xcd"\xb5-N\x96\xa2*\x1ft\xe3\xe4Dd\xef\x14\xba\xe3\x99\xa7I\xf2C\xa62e\x19\x13b3]\x89\xdb\x08\x1a\xd0\xb2|\x82~)C#\xdb\x0b\xb7r\x87\x08\xfe\xdc\x85s\\&gt;;cY\x8c{\xff\xd6\xbbH\x144=\xcez\xbc=\xe1xWv\x96\xee\xc4\xa3\x88JG/\xbc\x00\x1a\xbf\xe4\x80\x84\xa2rm\x92\xbbq\x1c\xb7\xa6\xa0\x10\x8d\xa0\xff\xacf\xd4\xac^\xde\x0b\x18\xc9\xd2\xdb7{(\xb6\xd3k\x02 \xaa\x9d\x00&lt;\xde\x7fY\x88~\xeaR\xbaY\x0b7\xab\x180\xcdn5\xde\xfb\x91\xc0K\xde\xed\xc9\xbf\xa3~\x01W\xe4\xa0\xef"\xa0R\xdc\xc5i\xba\xea\xed:\x87\x96\xa8]\xec0\xb9\x89i\xa9\xd5_\xcfI,\xbb\x9d\x02w\xa7&amp;0\xe3\xe6\x95\r\xfd\xe7)\xa3\'\xf9\xbf\xf6\xd7A\x84M=ow\xbc\xae\xdfM\xe4\xfcQ.J\xe2\xf6p\x81\x08\xcf\xf4V\xa9G\xfe\xa4~\x9eq\xbf7\x99\xf88H\xef\xbc\xb9\xbf\x17\x97.\xf7n{EJa\xc6.\x1a\x90=\x90Tt\x10\x90z\x11\x92\xb5&lt;,\x90\xef~"\xde\x9b\x82\xa1\xad\xdc\x15\xc6\xc5*d\xab\x96\x94\xc5,\xac\xecL\x82\xbft\xc3\x04p;\x92\x83\x9c/\x87~&lt;\xa3\x94\xf6$C\x10\xfc\xec\xa1\x04\xaa\xd5t\x9d\xef\xb9F\xea%&amp;\xbf\xe5\xd7\xdf\x9f\xd7\xe1\xe5+\xa6\xba\x17\x81\xb9\xe9\xcf\x85^DY0\xe0b\xc4\xad}\xe8\xd6\x00\t\x9a\xf5n\xbd\xc7li\x88\xda\x8b\xdf\x02\x05\x92*h\xcfI\x9e\xe2r\x12?s\x85y\xa6/P&amp;s\xd9\x1b\xf9\xb0Gw\xe7\xa6/\r\xcf\x96e\x03\xb7E\xe4\xfd3R\x91\xa5\xac\xc4\xc5\x85\xfaV\xac\xa5\xb2\xda\xf2sm\x8b\xdb\x1a\xea}\xcc\xc4\xe1u\xb7w\x0e\xd8\xb305\x11\xf4\xda\x8d\xa7R\x0bP &amp;\x0c\xe6\x81o\xd3\xa1t}\xed#\xa4?gMWSbDTY)!\xb1\xd5;\xa4\x7fW\x9a\xb1\xff.04\x07$3&gt;\x12|UM_\xc4\x8b\xf3\xc5\xe2\x0b\x8a2\x8d;\xf5\x82[cm\x05D\xf4\xc3\x9e\x0fc\xe9\x83\xde\xc4\x08\xc5\xba}\x96tA\x9e\xa5\xb7N\xbb\xc5\xa6\xd2\xe3\x1c\xf0\x9d\xfe\x04ZE\xfbw$\x893\xe4\x1a\xdd\xc4\x97\x14\x00\xa4\xc9\x0c\xa1\xc4\xb2\x9b2\xd3\xf0\xa2\xf2\x1d\xba\xe5\xaaJ\xd7$c/\xd8*\xaeBg\x16\xe7\xa2N}\xe9\xde\xcf\x7fj+hO\xf6\x92\xd8o\xed5\xdad\xc4\xb2\x8a\xe4\x98\x1a\x92\xc0"\x11\x0bQ\xb5\x9e\xc8\xbe\x9e\x9377K3\xbc\xf5\x1an\xdb\x11\xb3\x8a|\xb1\xc9=\xd9\xe2\x8b\xec\x93\x03\xbb\xe4Z.\x85\xa5\x9coMA\x9f\xc24x\xc1X\x16\xb8#\x05\xe3\xd6\x0e\x8f\xd5_\xf6\xdc\xd0\x1e\x8f3\xed\x1az\xca]\xd7\xbf\xe7\xf0\xb7\xac\xc2^Y\x87\xa5\xbd\'\xe2\xc4\x99\x00\xea\x95LN\xd8J}\xd7\xdbT\x01\xd0\xa7\xbbG\xeeN\xd0sef\xbc\xfe\xb3\xae\x94x\xbf4\x98\xaeB~\xff\xa2\x83\xe0\x0e k.l0\x01\x98b\xf2\xea\xcd\xc2\xab^\x05\xcf?\x02r\xc8r\x08\xeb\xba\xfa?Oe\xfc\xfes\xc6\x8b\x9cdv7\xd9Q\xe9\x90V!\xbc\xc7?5F\xb1)\x10U#\xa1\xa1\x9eI\xae\xebzT\xec\xf2O\r\xda\x0f\xafK\xf7\xe9V\x0f\x18\xa1\xd8\xce\x92\x19M\xcd\x0f\xbb\xb6\x96\x94\xca&amp;\xab\xb3\x84\xc35\xc9\xeevf\xc1\x9a\xf9 \x10\x1d\x8a]\x03\xfdo%\xd7l\xae\x7f\xe4\xe4\x9d\xf0\x94uh\xe5A\t\xc9pg\xb9\xe4z\x11\xae\xcc\x8aW_\x8dBDgb\xb7\xaa\xec\xdd\x18)\x8aC.\xfb\'\xc9\xe0O\x96\xed&gt;.\xf3\x88\xedfEE)\xf6\xa0A\xdb\x00\x1dp/ZD\xf8\xff\xc7\x8c\xbc\\\xef*P\t\x96\xe9c\x8f\x8f\xf7V$\x8f\xaaM@\x94p\xfa\xc2\xb2\xbc\x7f\xf3si 8\x9d\x00\xe0\x81i^\r\xac0smX_\\\xad\x84\x84\xfcD\xe9\x13\x0e\xec\x90S\xae\x17\xcb\xf1\xfe\x97\xc4\xa7\x0f}\xca\xc4\xef\xa1~j\xbe\x92Y\x9f\x17`\xd0\\\x98\xed\t@\x9a\xe2eW\xd9\x18\xab\x19\x99\xb2\xb6&gt;\xcd\xc8\x11\xf0\xf5\xa3mq\xf6\xc9FP\xe9\xe0\xfe\xe6\xfc\xcf\x9f\x88H\x90(\x8e\x99\xb7,#\x00\x1eDV\x8b\x8b\xfe\xfa\xbaL\xbe\xeaXi\x10\x8b(KSv\xe5\xb4X\x1f\x91v(\xe9\\Q\x93#\xe7\x0fU\xe2\x9a\x13\xa2\xb2w@i\xff\xde\x1d\xfeIZG\x07-\x10\xd1\xfa\xf4Z\t1\xe1]\x03V\xfc\xb2\x93\xc9\ng\xeeh\xc4i/Z\xbc\x898;\xdd\xfa"9\x03d\x02?\x00\xf2\x88\x9c\xb3)\x15W\x9e\xb7\xa4\xb8\xe2\xd2\xeeH\xff\t Ux:\xc1AZ\x91\x02\xac+\xb0\xb9\x92\x01\x00\xcb\x92q\xb5\x91\x88~II\x01\x8d\x01la\xf3Q\x8f\xd7\xff\xb5\xf1w\xa1U\xc8\xcb\xf5\xcd\xfd\x9f\xeeU\xe6\xe8?suPZ}\x8f\xc2}j\nz\x02;3H\xaf\xe5\x7f$\xca/\x19m\xcf?\xdb\x08\xceI\xf3\xee\x00&amp;\xae\xda\xad\x19\xa5_\x0b\xef\xf9\xc8\t\x1c\xa5\xa1T\xb1\xe3\xe3Zj\xf1\xb8V\x90NV\xd98_P\x93\xd9\x00Fl\x03pI\x9f\x98\xa9\x96\xae|KGO\xb8,\x03\xa9*\x0e\xd1\xc9\xc6D\xee\x80\xd5\xdc\x0ej\xb3\xe7P\x82U\xc1gbn\x16Y\x05\x00P\xa7&amp;\x9a\xdf\xcc\x849\xf7U"y5\x1cR_/G\xcd\xbd,\xbf\xb4!&amp;\x80,\xa6\xaa\x0c\x18\x85^\xa1\xe4\xd4\x15L\xf2\xfe]Y\xa8\x88\x9c\xac\xe2*\x0b\xe5\\v\xe4$\xe6$\xf3\n\xb4\xe9g\xad\xe94\xa8\x89\x82\xbb\xb3\xdb[,4\x9f\x90@m.\xdb\x89\xc4"d\x05\xeaI\xe3\x14\xf7\xd1\xed\x8f\x82\xbc\x1ei\xe9Y\x01\xbe\xe9B\xd6fE&lt;%\x00Z\x9cV\xdf)\xa3\x8c$\xc8]&lt;\x86\x92\xeeK\xe9\xdc[\x8f\x97/uO8\xb2\x12\xf3R\'7I\x1a5\xd2\xf6A5\xf2\xdd)\xbc\x8d\xc7\xec\xfb&lt;A\xb2h\xef\xf7\x98K\x06f\xf4\xce3\xbbl,Y/k8Y\t\xf9\x97\xd3Z~\xaeT\x82`\xd8\x87\xffx*\x11}\x0f#Y.\xd7\xc7\x08\x9aM\x00\n\x05\x1d\xe5\xd1~\x86$t\x99\xf5!\xb0RG\x00\x949\\\x81h3\x92\x1b\x14r)Q\xd1I\xb9\x82\xf3\xb6\\\xecc\x98\\\x99Yg&lt;\x8d\xe1\x1c\xd77P\x8e\xe8\xeb\xda\x14t(\xb1aa\xc0\x14FV\xe26\xb4\xe8\x8c\x9d6H\x06\xf7\x94$s\x12\x14\x96+%\x877{\x15\x17w\x89)\x15\x9f\xc0\x01\xb3d\xff&amp;\xb0\xd2\x8aI\xe0\xec4\xf0w\x81\x10\xe5\x9fk\x8d*`g\xf21\xa3I\xe4\xe7si\xcc\xdf\x9em\xa6\xf3fNk\xa9]\xad\xe7\xc6\xe7\xfc\xdar0@TP&lt;\xb8\x1b\x86\xdc\x9f&gt;\x82a\x90\xbb\xb1;\x99fG\xc16\xaf\x99&amp;\x11\\\x90\xed-`6h\x06n\xca\xf5\xcc\xad\xf7\xe2\xb5`\x0cD\xb2\xe8\x9c\xecU]q\xc1\x18\xe70_3\xcdW#0\x03#\xdae\xd6\x9d\xeb\x11+\xa8\xcdc\x07\xd0[\x0f\x00@/L-\x8d\xb3\xc42\x9dz&lt;Y\xb3\xcdx\xdf\x0b\xe6^\x88\xe8\x9f4\x08\x01I\x08yMBH\x84\xcb\xe9W|\xc5\x90\xf9 H\xe1-X\xcb\xd7\xab\xc0&lt;\x08^I&gt;\xe5\xad\xd3\xaa\xb8\xdc\x82,\xcd.\x98\x8b\xa4\x11\x84\x0eH\xcat&gt;\x11\x11[/\x84_Vb\x02\xf0\xadE\xc4uH$\xc0\x04\x00\xeaQr\x7f\xb929\x8f\x1dU*\x13\x92\xcf\x19i-\xa1/nX\x96P\x9bG\xac\xa8\xd8\xc0.\xd9\x9aN\x00Jb\x15\xe4"\xb2\t^\xd0^\xc9r_i\x90+\xf6)_a\x1eR\x93\xbc\x08\x8d\xbd\x06kI)N\x8f\xb3\xf2\xb6\r\xfb\xd4[\xb33\xe3tbY\x9b\xed\x8bh;-\xce\xa9Hr^4kB\xc0\xc3\xd1\x03Zv\x07LMJ\x86z\xbe2,\xb1D\xdb\xc6"\x7f;r\xda1dm\x1d\xca\xca:\xfc3-\xaaxA]\x93\xd8\x8d\x8aX\xb1\xcbeYx\xb5\xfb\x92\xd2\x8c\xddq\x8c\xe41\xad\x1a\xeb\x05\x90\xcd\xb7\xf4V@\x10\xa2\xbfU\x9e7!Y\xeb\x18\x8d%\x87\xcau\xc8/\x8bqN\xd0@\x0f\x1d\x0es\xea;:\x96.\x9b\xb1}w\xd4\xec\xab\xc0\xb4\x0cj\r\xcc\xb3\xac\xc8\xda\xb3{\xc5\x99W\x8cj\xf4L\x05@z7A\x0eC)\xbb,\xcc\x18T\x1bU\x8e%\x06&amp;\x80\xd1Z\xf7\x96\xd8YN\xb6\x11\xa2JR\xc3o\r\x8c\n\x91\x8aY\xe8J\xce\x01l\xdd\xf43\x80\x19\xe8\xa1z\x92\x14,\xf4\xc6\r~w\xb6q\xfb\x86\xdc\\&gt;9\xcb\xc1\x92\x88\x16\xa2\x9f\xafU\x8e\xa9L\xf5I\x00_B\xfd\xe1\x84\'\xc0\xbd\x9f@\xf2&lt;\xef\xdc\x83U0\xda\xa0\xe1\xd7$\xa2|%\xf3+\x00V\xe0\x0cPo\x82\xe3\nq?5\x95\xd5-\xa6\x12\xfdgW\x13\xc5\xe2b\x9ax\x12{\xceB}\xff4\xee\x1fe\xa9&gt;\xe5\x16\x8b\x83\xf1\'\xe9\xe4\tS\xe3\t\x80\xa3v\xa5p0\'D\xf4\xa5\xfaE\xc4\xbf\xd2\xba\xce\xcc_\xf2\x07$0\x0bb+\xc5S&amp;\xff\x1e\xa1\xca*\xb8S^q"m\x13\xfa&amp;\x10\n\x7fn\xce\xfaV\xd0\xb3\x8cpv\x9cU\xf2\x9d\x7f\x8eu&amp;\x04&lt;du!\xf3\x1c\xb5\x9ec\x195+\xc1?\xf5\xfcP\xecJC/\x9b\xd7.\xd5\xdb.mwir\xbeJ\x9a\xaf\x0f\x7f%\xa8\xb2x\x03\xc8N\x00\x8b\xa3\xa1\xd5\xee\x02\x0f\x86\xeb\xa1\x92\x98\xfe\xc1(s]\x18=\xf9XN.\xf1\x11e\x9c\xdcz2C%Y\x9f\xef\xdf\xe6\xed\xdeZ\xf5\x94\xac{\x95\x12u\x11K\xf4\x8f\xbc\x05qJ\xbc\x95\xc1\xdf\x94\x96}\xac\xb1\x8d\xf8e~\xe9\xa9\xa2k\x9a\x02\xe3\xe4\x88l3f\x99\xcd\xad:\xa2h\xcd\x94\'\x1fs\xc0Tt\x89b\x1f\x16\x1d\x82R\xb3u\xb0`\xc7\xa7-K\xc8\xd9\xdd\xcc\x8b\xed\x94\xd59\x14\x9a\xc8\xed\xf1[6y\x1a#\x03\x07\xc8@\xf9\xc7\x89\x8f\x8c\xe2\xba\xf0\xca=\xe9P\xb1B\xcfM\xcf\xd8.\xf0Eu\x1fB\xfd50OV\x80\xbb\xac5\xe9\xf0\xdf.\xe4\xdd#\xd0\xd2\x02t\xa2\xd8\x13\xd5\x8c\x87dy\xc9\xfbs\xc7\x94"~L\\H2\xaeja\x0e\x88\xd0@\xbd\xee\x95/\x9e\xd1\xbb\xf7]\xf7+F`\x12\xb4\x03\xdc\xf1\x81\x12\x1aH\xfbg\xf5V\x1eQ\xa0(Z\xea\xb9Z\x97\xaf\xd4#/C\xfep\xf0k\xc0&lt;r\xac\xd2\xa6\x82\x8f&gt;\x14\xd0\xd0\xa1x\xdb\xbdgW\n\xc9\x96\x958\x81\xdd\xde\x8b\xbd\xbbj&amp;\x80x\xd6\xf3r\xf8\xe3\xcaJ\t\ng\xec\x12\xe2\xcb\xb7\xcb\xb7\xaaA\xf6kYV\xd7\x95K\xdb\x91\xcc\xac-+\x8d\xce.\x96%D(MF\x89\x8c\xbbU\xb2\xa4\xa7\x876z\x00)\xba;\x9az\xe2U\xd8\x9diV\\^@-K\x05\xb5\'\xef\x88\xf5\x03\xb1\xf4\xe98\xa1\x8dV\xcc&lt;U\xb6\xa14\x00G\xa4\x8e7\x9fn\xd7\x1b-9,^\x8e!rk\x01\xcd\xac\xed\x91lP\xc8\xab\xc6(\xd0\xbb:\xdf\x82o\xef^\x0b6m\xfdwy\x0e\xc9\x1d\xaa=\x95\x81\x1c%#\xcd\x91\x90e4\xde\x99\xe0\x92\xab\xfd&gt;\xd7\xe5\x14\xc5\x03\xbe\xf9\xe4\x00\x00\x1d\x01IDAT\xeaQ\xfa\xa55\xda\x96\xde\xb8@W\x81\xa6\x1a\xd0\xd75*\xb1M\xa0\xaf2\xcc\xd81\xa4\x06\x1a\xc1\x0cL3%0\x0f\x88\x92\xf3D\x1b\x0br\xeb\xaej\xbb\x1c\xf9\x1d\x07\x8f\xb7\xe8\x8e\xfa\xbc\xb3G\xa1\xe7\xe9\xb6QA]\xd0S\x00\x13\xc0HTZAqv7#-\x0b\xfd\x8f\xeb\'-\xe1\x07\xb8\x04\xca\xaa\x17Q\xa9@w\rr\xf0ON\xca\xd7`L92\xaf*\x05\xfa\x15/\xea\r\xb5\x05\x10\xa7\xa6\x7fe\x03\xbe\x1b\xbf\xb5\xfd3+\xaf\x01\xaf\x1a\xc1\x1b\xe6:.6\x1b\xbb\x9e2\xd7\xd9\xa6\x917\xbd\xf4\xae\xfdp\xc4j\xcc.\x16(\x9f\x00\xa2\xad1_C\xdd\x8b\xdd\xe2\xf9\xe9\x93\x9f\xf0\xf3z\x94\x99\xc2\x9e\xfen~\xc3nt\x89\x805C\xaa\\W\x8a\x88\xe1\xd0\x91t\xca\xb4b\xd6\x8cY*\xb2o\xad^\xa0\x16\xed\x08x\xfc\x93\xf8\x903bmYZ\x9c\xd7\xf8\xb1\x9c\x9c\xda\x15L$\t\x81\x8cs\x17#\xcd\xce\x87\x1e\xff\xadtsDD\xf4\xdedbV\xc7U\xb7a\xf7^\x98u?\x04\x0c\x91\xb4\xb0b\xfb\xf3G\x90Sg}-\x8d=TsZbw\xa5\xc4u\xd0\x13\xaeZh$\xb6\x96-\xea\xdd\x8f\xd6Vh\x90\x88\xb86A\xbf\x9a\xbc\xf0\xfe\xc0\x16\xd5\x06\xfd\x1d\xfe\xaf~\xba\\8U\xfc\xa4\xa5w\x8cEV\xe5m\x06d\xcba/3\x19T\xcb\xd9\xb2\x7fn\xc3\xba\x8b\xc5\xc4t\xd6O\xde\xbc\x98\x0f\x06\xc6\xed\xbb\xfa1s\x94\x10\x92\xd6pDI\x08Q\xcb5\xd3\xe0a\xd5W]\x8b\x94\x02\xb6\x1b\xdc\xab\xde?\x14\x92\xf3\xf2U\xe5\xc6\xc8\x89\x16\x1aoR\x90\x86\xe3\xb2\x0bD\x89\x08\xe4\x942\xae\t\x1a\xd4[\xaf1\x05\x05\x17N\xc9\xfa\xe1\x8b\xca"\xda\x182\xbc\xf6\xac\xbc*\xcb\xb6\xae\xeb\xf6\x87\xe3X\x17zS\xa1\xa8\xe3\'\xfe\x98Ft\x91"B\x83\xd1^Y\xd0\x9f\xf5e\xdf[\x8b)6tf\x90\x8b\xb6\x7ftL\xa3BT\xa1\x02r\x1a\xe8\x14q\xcc\xad\xd8\x17\x02g\xd1"z\x80\xfb\xc1\xf12D\xdf{\xf8\xdb/DV\xab\xa82\xc1\xedQ\xfcH9W\xf8\xb2_\x7f\x8a\nP\xaa\xfb\xb8#\xda\xd5\x9c\xe8K\xf8\x19\xe5\x0fx9\xbd\xc8\xe0\x0bu4T\xab5v\x15\xd3\x91\xdb\xa1R\xf1\x1fAK\xca\x12\xe4]\xd1K\xc5\xc7\xf8y\x89\xfei\xd6\xda\xffyY\xa5P5s\xb4\xbc\xa6\xa21\x01\xc8\n\x1c\x02\xdc\x0e\x9a\x10\xa5\xfeL\x8a\xfd1\xa1R\xbc&amp;\xb9-UB\xc6\xfa\x81\x974&lt;\xff\xabp\xd7\x82\xe8g\xbdK\xc8\x90\xac\xc9F\xdd\x88^\xe4\xa2p,\xb6\x99_\xb9\xfa]&amp;\x00yD\x8ck\x8e\xe5R}\xec\xbe\xa0\xc4\x9c\x1d\xc0i\x02h\xa3\xa2q\x9fR\xef:{U\xf0hl\xdd\x1b\xb9\xbb\x02\xc0"\xc4~\xbcH8\x1c)4$j\xe4x\xf3Vj\xb5\xb7g\x99\xb4\xca\xea,\x87]N\xd6\xfaQ\xfc\xd9\x05A9D\xc7_e\xe0^\xb1=\x87\xef\xaa\xb4J~\xc2\xf9\xaa;t0\x8b\xdc\x15\x89\xaab\xc0\x04\n\x0b|)9}N\x05\xfc\x12\x18\x0f7\xf0\xc7\x0c\xd1_\xae\xd6("\xdc{\xc8\x1c\xd4\xbf\xfb8\x8f\xcd[\x7f3\xfb\x80\xfd\xd3+\xd4(Nf\xa1\x19C\xd0\x81\xac,\x05e}\xa4 \x0f\xe8\x8b\xf0\x02\xdf\xf6jH\x0f\xd9Z\x7f\xb3\\\xec\xd8\xfd\xbcx\x9b\xa2\x87\xe0fB*\xef[\x14\x8a\xa8\x94\xf0\xde\xb2\xe2\xcarU\\\xe5\xb0bU \x82T\'yG\xae\xf0\xa4b\xc6Oi\xb3\xc7\x91r\x97lq\x81"\xd0\xc7\xcb\xc7@z\xf5\xacF\xb9*2\xabK\x11\x9c\x11\xc1T\x90P\xac\xa6~\xc9\x9f\x15l\xf5K\xf8\xf2\x9a\xf2\xd9\xa5TW3\'F\x94\x88\xdb\xeci\x92B\x82\xc2/\xd28jI\xd3x/r\xa9r^^\xc3A\x9e\xf6\xa0)@!\x9c\x81\xc4\xb1.\xcf\xb6\xa3T\xa5\xa5\xc9a\xb8w\x9e+[\xd013\xba\xc9\xfePX\x19\xb7\x88,\xc5\xca \xde\xbc(\xb5\xecMwq\xf8C\xed\t\xe0(\\\xa9\x18\xb7\n\xdb\x07e\xd3\xa1\x9c^\xa0+\xc5\xa3\xc5\x9fK\xa2hmN\x83\xadt\x0c\x88\xa8\x91\xe5\xd09)\xb7/\xff\x9c\x9b+%\x81\xe8\xcb.Y8\xfaT\xc2\xf1\xad\xfc\x9dS2E\x81\x90x\x1f\xc5\xb7\xbf\xc7/\xb2\xda\xb3\xe5n\xe3X\x16v9`Y\x14\x96\xba\x91\xaf4\x0c\xae\xbd\x1d\xf3\x9d\xd4)\xd7\xbf8I\x90U)Xh\xe6F\xe72Y\xaa\xe8\xc4\xe34\x8d\xf5P\xc6\xbf\x87\x0b\'+\xd6\xb0\xb8f\x95-\x02\xef\x7f\x0bH9\xe6\xcb\x94\xbc\x19[ha\xa5\xa4\x83\xde\xe6zI\xcd|\xce\xb6\xc3\xe2j+\xb09\x90\x8c\xd4k\xd4\xb9AKJ\xed\xd2.f\xf0]\x12\x8ay\xff^:\x9d\xeb\x801h\xe9}".&gt;c\\92C\x19\xa5\xce\xb7s\xb1\xe9\xd3\x9b\xc1\xf6\x8f\xcf\xf4R\xcd\xc5w\xcd\xf5Ep\xb6Pm,!w%\x17\x1c/\xb4\xfc\xb6\x90J`&lt;\xba\xf8\xac\xe4\xf8\xf8\xa0\'\xcby\xb1\xf3\x86\xa8p\xefJ\xf6\xf0\x87\xd2\x10\x8d\xcb$\'\x8d\x92\xe7\xe2\xa4\x16o\x01\xbe\xb4}\xc3\x14\xdfph\x14]\x8c\xc1\t@\x9cA\xd5\x06U\xb8\x9d\x9ee\x04\xb2\xe6~\x19fe\x92\xe3y\x88&gt;\xa1P9v\xe9\xc9\x04\xc5\x8d\xe5\xd9K\xf9\xa2O\xf4\x7fJDU\x92g6\xb1\x05i\xe73\xc9^N\xb0Y\xb9p\xf2\xc0\x0f\x11\xd1\x1f\x1e5t\xe8\xfa\x8b\xa0\x8b\xf9\xca\xeb~\xa2\r\xb9G\x97\x91\xd0YY\xf6\xfd\xf3\x8c\xc8[?oQ\xb9\xb4(\xcb\xd9e\xf5\xder\xd3\xd08\xec\x06n\x81}orAD\x137\xa4s\x11\xce\x9f\x93\xfc\xf2\x89\xbcs\xc6&amp;\xf6\xe32\xb5\xe5\x14\xe7\xfd\xf0\xe7\xd9\x893\xca\xf2\t&lt;r\xfc\xd0/A\xc7\x96\xf4\x1c\xf1Q\xac\xafO[\xeb\x13!\xd3J\x8b_\xbf\x04\x04P\xff\xc5;\x0e\xe4\xe8AD\xde\x9f\xca\x0b}&gt;%5\x95\xdd";\xcb\xba.\xa1\x96\x94\xe8\xfb\xe7P\xcfTt\xcbX\xdf\x95^_s\xf9\xbdR)\x83\xc9\xed\x8e\xed\x8c\x95\x99C\xa4;&lt;bE[\x00\xccG\xe1o\x02\'\xe1\xaf\x02\x88\xc8\xf1\xfe/?u\xea\x95\xd17\xfa\x9c!VZ\x81,=\xd7\xc0\xb0\x7f.\x91\x05k\xbd\xae\xb9\xd2&gt;u\xeb\xdf\xbab\x93\r\xb2\xae\xeb\xba\xaeR\xf5t\xdb3\x1e\x94[\xb3~\xd3\xb8.\xb8\x17\xd4a]\xe1\xfd\xc1\xa8\xd0\xf9o\xa5\xfd\xac\xfc\x8c\xa2 \xbc\xb8\xee\xb9yrK9\xaa\xd52\xda@qN)\x15J?\xa8qQI\xac\x08\xdf\xf9\xbc\xb7\xd0\xed\x8f\xffxM#\xa5\xc8\xa9\xdc\xe8\xfd\x08+\x11Z\x00\x84y\x8cFF\xca\xa2\x91\xe0s\\\xcfr\x97\x1e\xa3+R"\x05&amp;\xb9c-\x82\xc1w\t\xc5\x88~91\x018\rj\xd0=qT\xf2\xae{\xf6;\x08\xb1&gt;\xca\xbcUU\x8f\xc1\x16\x06\xd6\xa91\x9a\xcb\xc0H\x0e\x89\x1aT\x85/\x9a\x179\xca&amp;\xa4\xe5P\xe5\xa4+\xcf\xf55\xfc\xf4\xbe\x191\x982k\x1a\xd0j\xed\xa8\xcc\xb2\xf2\x94T\xed\xc8\xb16\x93U\r4\xc2\xb7,\n.\x9f\xedS0\x01\xe8%\x96\xa2\xd8sys1\x1b\x88\x02\x93\x01\xb3\x94J\x12\x13@\xf4fm,\xe3\xe7\xb2\xe4\x03\xd0\x9a\xca\xe5\x89\x88\x8f8\n\xa9_\\$si\xac\xc8D6\x00\xb1\xd5z\xe0\x9b\xe2"C\xed\xcf\xd4\xa7\xa8\xc4\x8c\xd3\xf2\x08R\xfa\x08\x92\xabW\xaf\x8a\xd0\xfb1\x03\x01\x1f}\xcdB\xd6\xd1o\x9fo\xdfyS\\\x86_V\xd9\x97B\x9f\xf3\x96r\x1b\xc6\xe7\x06\xc1RrK\xd7@\xcf\xfb\x87\xa7:\xf7eS\x95E\xc5t\xf0\x7f\xaeU \x00\xe6\xa9\xdb\x85\\E]\x96\xb7\xa1\xb2\xb6\xff\xf7\xfat\x8e&gt;\xfc%-G\xabtv\xf7\xc3,\x11\xcb\xb2,\xcb\xff\xcd\xcf\xb2+P_:S\xbe\xc6\x04\x90\x9b\xd3\x82;\xc6j\x1dLH\xf1@\x0e\xafO\xdf\xe9\xba\x8f2\xddr\xf5i6D\xdd\xb2\n\n\xde\xe7\xb6\xc6\x9e\xc5\xbf\x0f\x0b\x7f\xc2\x9c\x00\xb2j\x91L\xcc\x9f\xf8\xd9%\xbe\x88-\x90Y\xdf\xd7\x19\xc2}\xd1Wp#\xb2V\xb2\xf69\x0e\xb8\xc0~_\xe9\x00\xe0yAeY\x16\xa2\xdf\x16,]0\x00\xd2\xbe\xaf=\x01\x16o\xb2=p\x979\x01\x88z\xed\xa2\xde\t\x88\xd2\x0e\x0c\x96ql\xca^&amp;\x01n\x8d\xb8\xc9\xc9.\x06E\x14\xb8\x0c\xfe\xcaB\x0bF\xa9\xab\x80\x85\x91NN]\xdc\xd5.s\x02\xc8+W\xb9\xe6\xfc\xc9\xfeT\xf7\x1e3\x84k\x15\x8d\x15\x00\x82h\xbd\nB\x95f\xcf\xb7\xb71m\xf2\xbe\xb6\xe1\xfc\xe6\x99\x9a\no#4W\x82\xfb2\x89K\xb3\x17;V\xe7\xbc4\xef\x06\xcc1\x97\xefdC\xa5\xd3\xb4\r\x8e/\xffd\x15=\xde\xf3\xb3\xae\xeb\xb3\xcb\xf0\x9e\x89\xc1\x19f\x02\xe0\x04\x01\x8a\t\x8e"\x9fw\xf3\xbc\x13\xa6n\x15\xe4\x96}\x91\xf7\xca\xf96\xab\xc0u-q\x13\xd7"\x8e\xc3\xfe\xe5\x83|\x99\xcbB\xce\xab\x9f\xe2rh\x0b\x01}\xe7\xf5\xf1\xe3G\xdeS\xf6d\xa3\x0c\xb7\\\xb5\xa9\xf0\xde\xe6]f p#v\xfbo?\x10\xf2\xe2B\x9aj(\nW\x93\xec/\x8e\xe8\xbf\x94\xe4\nDu\x02E\xc4\xa9\xadCC\xc6\xd2\x16\x8cH\xb7\xd9\x9b\x88\xb675\xd6h@\xbd_\xb7\xfbP\xe3\xb5u\xfd\xf8\xf0\xb7/\xc1\x1c:Gu\xc8y\xbd0\x11]\x16T\xbb\x0b\x18k\x9d\xe5V-#\xaf\xe7\xdd\xe0Kh\xaa\xf2\xee\xc6"\xc2\xc7j\xc62\xb6\xd0X\xdc\xd2\x00\xd8\xd0\r\x01\xc5G#\x11U.\xec\xb3^\xb7{\xbd\xef\x7f\xbe\xcf\x90\xc5\xe5\x1c,\xe2\xfd\x97-f\xfa\xf8\xe3\xf2\xb9\'\xb1\x93\xf7\xf8F\xdf\xa3\xae\x05\x8a+\xad(e\x17\xd6\xe9F\xd9?\xce\xf4\xfe\xd7\xc4\xfc\xa4\xfd(\xbb\xf2u\x1d\x18\xf0\xfe\xc0 \xaa;\\\xfa\xd5\xc7\x1fzE0\xaa\xd0`\x17_V\x84\x88b!!!\xd1\x89\x05A8\r\x1d.\x83F\x829\xfc\xf8\xcf\x10\xd1\x95\xe4\xfa\x84Y\x8b\xf8\xb5f\x00f\x83\x0e\x8f,u4\xf9\xe2\xc2)\x12\xf5h\xae\xccU\xceA`\xca=\xa9(\xe0\x16\xbd\xff\x93\xe9\xfd\x8f\xca\x98\xf5\x89I\xeb5\xaa7\x18\n\x81\x10P\xee2P\x0f\xfa\xf0\xcb\x1f\xa7\x9bj\xa95T\xee4\xc1O\\|\xf7\xe6%\xa3\xacoz\x9cCD\xcae\x899\x0b\x8c\xe6u\x1en\x10\xaa\x91\xfbCW\xdb?\x0b.S\xda\r\x8e\xa7~\xcdk\xfb\xca\xec\x04\x06\xee\x02\xd3\x04\xff\xcc3\xbd#\xa1\xf8\x153\x8e&amp;Go^\xe0\xdc\x93\xf2\xaf\xc5I\x89\xf6\x15\xd1w\xfb\xe2\xe5\xda\x02\x81\xbf9y\xf5H.\xff\xb5u#\xa2\xaf\x90\x13%$\t\x00\x03x\rZ,:\xe1\x0c\xf6\xa4\xe4\x7f\\\xa1\x003\x97g\xda \xcfS\xfe\xded\xe2\xca\x14d\xa9\xec\x1d\xa2\xf7\x8a\xc8\xc9)\xd1\xe3\xfdc\xb1\x14i\xcd\x04\xa5yM\xa5P\x14\xa6\x13\xa0\x81kU\xb9V\xa6\xb4HW\xb2vz\x84\x9bK\xb3\'\xb6&amp;L\xf9\xa1[\xf0\xc9Or\xe1\xce\x13l\x95\xb4!g\x0eh\xac\x808\x82+$\x119\xf5X\xd1\x03X\x83i\xa2\x91d"./"$\xe9\xa0_c\x97\x92\xadYC\xfe\xf6\xb2,\xd1\xa6\xf0\xde-\xc9\xdd\x81\xa9b\xbb\x81\x97\xa5w\xfb\xf4\xe5\xceu\x07\xed\xa0\x94C\xf7\xe7\xaa\x0bUu1\xed\xdaX\x8d\xef\xef\x9a\x15\xb4\xb5\x11\x9e&gt;\xa5\xc8\x92&amp;z\x8f6.M\xa4!\x87\xeb\x0e`\x1d=\x93\x92\x15\x9c\x1dO/\x9d\x00\x88\x97L\x84\xcb\xba{\xf1\x1dz\xfb"B\xd9\xc2\'c\xabY\xf4H\x80#D&amp;\xb2\xc4\x171q\x8f\x80\xe1\x91\x0c\xe2K\t*+\xfd0\xb0\xcb*Up\xd4VXP\xf8I\xa8\x02iz\xd0\x08\xa1\x98\x99\xb0f\x00\x00\x98\xe6yQ\xe4\xfc\xdf2gz]\x83W\x88J\x16T\xa6\x8c\xac\x1a\xc5\x88-\xa2\xab\xef t\xc4Nwh\x109-\x9b\xba\xdew\xc2N?\xfeniF\xb7\n\x9bg\x8a\x9d\x7f\xa6\x9c\x17\xec{\xa3\xf2(\x05\x0006F\xe6\xff\xf8\xe2W\xfc\xde\xea;2\x052\xc5\x02\x17""\xfa\xfc.\xe5\xb6/\x14\x80\xc1\xe88Nj\xae\xaf\xa4\x16\xf8}o7\xc6\x8ey\x93\x19\x8b\xb3\xcb"[4\x1d\xfe\xdb\xa6\\S\xee\xdf\xf8ldZ9\xa0\x07\xd1\x7f\x92\x13%\x1fL\x88\xed\tt\x9eM\xab\x17uq\xe2\x1a-0\xdcp\xdd\x9e\xadc\'6wN\x0e\xc0\x8d\x88\x0f\xbe\xfa{8\xf1\xbc\xc5\xf2\xe15*Q=\x82\xe6;u;\x13@\xd9\xfa\xc3\x88\xf2</t>
        </is>
      </c>
      <c r="E79" t="inlineStr">
        <is>
          <t>&lt;class 'numpy.ndarray'&gt;</t>
        </is>
      </c>
    </row>
    <row r="80">
      <c r="A80" s="1" t="n">
        <v>78</v>
      </c>
      <c r="B80" t="inlineStr">
        <is>
          <t>steps_per_sec</t>
        </is>
      </c>
      <c r="C80" t="n">
        <v>1200</v>
      </c>
      <c r="D80" t="inlineStr">
        <is>
          <t>10.137846</t>
        </is>
      </c>
      <c r="E80" t="inlineStr">
        <is>
          <t>&lt;class 'numpy.ndarray'&gt;</t>
        </is>
      </c>
    </row>
    <row r="81">
      <c r="A81" s="1" t="n">
        <v>79</v>
      </c>
      <c r="B81" t="inlineStr">
        <is>
          <t>Loss/object_center</t>
        </is>
      </c>
      <c r="C81" t="n">
        <v>1200</v>
      </c>
      <c r="D81" t="inlineStr">
        <is>
          <t>0.7365974</t>
        </is>
      </c>
      <c r="E81" t="inlineStr">
        <is>
          <t>&lt;class 'numpy.ndarray'&gt;</t>
        </is>
      </c>
    </row>
    <row r="82">
      <c r="A82" s="1" t="n">
        <v>80</v>
      </c>
      <c r="B82" t="inlineStr">
        <is>
          <t>Loss/box/scale</t>
        </is>
      </c>
      <c r="C82" t="n">
        <v>1200</v>
      </c>
      <c r="D82" t="inlineStr">
        <is>
          <t>0.072648294</t>
        </is>
      </c>
      <c r="E82" t="inlineStr">
        <is>
          <t>&lt;class 'numpy.ndarray'&gt;</t>
        </is>
      </c>
    </row>
    <row r="83">
      <c r="A83" s="1" t="n">
        <v>81</v>
      </c>
      <c r="B83" t="inlineStr">
        <is>
          <t>Loss/box/offset</t>
        </is>
      </c>
      <c r="C83" t="n">
        <v>1200</v>
      </c>
      <c r="D83" t="inlineStr">
        <is>
          <t>0.20803048</t>
        </is>
      </c>
      <c r="E83" t="inlineStr">
        <is>
          <t>&lt;class 'numpy.ndarray'&gt;</t>
        </is>
      </c>
    </row>
    <row r="84">
      <c r="A84" s="1" t="n">
        <v>82</v>
      </c>
      <c r="B84" t="inlineStr">
        <is>
          <t>Loss/total_loss</t>
        </is>
      </c>
      <c r="C84" t="n">
        <v>1200</v>
      </c>
      <c r="D84" t="inlineStr">
        <is>
          <t>1.0172762</t>
        </is>
      </c>
      <c r="E84" t="inlineStr">
        <is>
          <t>&lt;class 'numpy.ndarray'&gt;</t>
        </is>
      </c>
    </row>
    <row r="85">
      <c r="A85" s="1" t="n">
        <v>83</v>
      </c>
      <c r="B85" t="inlineStr">
        <is>
          <t>learning_rate</t>
        </is>
      </c>
      <c r="C85" t="n">
        <v>1200</v>
      </c>
      <c r="D85" t="inlineStr">
        <is>
          <t>0.00043000001</t>
        </is>
      </c>
      <c r="E85" t="inlineStr">
        <is>
          <t>&lt;class 'numpy.ndarray'&gt;</t>
        </is>
      </c>
    </row>
    <row r="86">
      <c r="A86" s="1" t="n">
        <v>84</v>
      </c>
      <c r="B86" t="inlineStr">
        <is>
          <t>train_input_images</t>
        </is>
      </c>
      <c r="C86" t="n">
        <v>1200</v>
      </c>
      <c r="D86" t="inlineStr">
        <is>
          <t>[b'512' b'512'
 b'\x89PNG\r\n\x1a\n\x00\x00\x00\rIHDR\x00\x00\x02\x00\x00\x00\x02\x00\x08\x02\x00\x00\x00{\x1aC\xad\x00\x00 \x00IDATx\x9c\xed\xbd{\xf0&gt;OV\xd7\xd7\x83 r\xb3"\x12`aQX\x85\x95\xdc`\x81*\xc4KBB\x05B\xa04\xab\xa0h\x84\r\xc2\x12\x90rY\xd1d\xbd@\xc1\x92 1!\xc4\x95\xc4J0("7\x01\x01C\xadVTP\xb7\xc0\x84KD1\x08\xaba\xb3\xdc\x85\x82\x84\xda@ \xa0\x9c\xfc1\xcf\xcc\xf4\xf4\xf5\xf4\xe9\xd3\x97\x99\xe7\xfd\xaa_}\x7f\xcfg\xa6\xfb\x9c\xd3\xa7O\x9f\xee\xe9\x99g\x1e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a6\x86\x88F\x9b\xc0\x85\x8c\xf9\x89\xd16L\xc8e\xfa\x0f\x00\x00\xc4\x10\xd1\x85\xa6\xabQ\xc0A\xa03\x18\x95\x00\x00P\xc5\xd84J\xc6\x88\xf5#\xfd\x030\x00\xac\xbc\xee\xc4\xd8\xbeT\x8f%\xc4&amp;\x00m\xc1\x18\x03\xf5T\xee\xab\xce\xbc1\xfbf\xb1\x13C,\x9e\xd6MS1s&lt;\xcd\xc6\xb2\x8c\xb6\x00\x8c\xe3u\xde\x11\x8a$\x99\xc4pZ\xcb\xd7\xc6\xd1\x15\x03\xf15\xa3\r\x00A~\x1e3%\x00\x0c\xeca\xb2~\x16,\x9e\x9ew\xbd\xf5\x94\x8d\x9e\x9d70\xca&lt;i\xbc&gt;\x01\xe8\xd7J\xb4\x86\x06:\x02\x0c\xe0\x87\x90\xdc\x01h\xc6\x13\x0e\xae\x0b\xeeL=+\xeb%\xac1f\xd9\xf6\x13\t\xfd\x07\x00\x00\xcf\xc9\x13.Xj \x82\xc7\x00\x00\xe0\xc9x\x17cL\xf5\xc3|\xe0\x06\xc4\x9e\x02\x02`.N\x0f0\x0c\xb4\x03\x80\x1b\x81\t@\x02\\&amp;\xa3\xc6o\xf0\xf93\x80^\xee\x0c\xdc]\x06\xfc\x05\x14A\xbes\x80C:C/h&amp;\x19]yK\xb2_\x03A\xb7\x031\x08\x9e\xdb\x80\t@\x198t\x06\xd0\x0bi\xc4\xdeY+\xf2\xdd\x8bn\x18N\xa2\xb3\xee9Lb\x8d\xbagk\xa7\x04\x9e\x9e\n\xf2\xfe\xac\x19\x0b_Vi\r\x18DM\xbf_,y\x06\x8d\xbdT\x0b\x06s\xad\xee\x06i\x9cG\xb3.6\x98\x01(\x05!^\xc9\xa5\x1dH\xfb\x97\x8f\xc1\x99\xf5;e\x9f\xd4ScG]\xb7\xe1\xd2\xa3\x0f\xdc\x01\x04\xe0-\xa9|C\xa4_=-\x0cW\x1b\xa0\x11\xd1\xdf\x03p@\xfc\xc9P|W\x0f\xba`\x1e\x96eY\xa4ox\x8f\xf4cz\x06\xa0K\xbeP\x1eL\x0fw\x02\x10\x87;P\x03]p_\xf2\xe3+\xf9\x08\n\x16\x07@\x06w\x02\x00\xc3\xb9G\xfa\'2D\xaf\x1dm\xc50\xf6D-XQ\xc5\xb2|\xcd\xe5\x08\xe8\x0c&amp;\xebZl\xf7\xc1\x93\x13\x92\x8d\xef\x9b\x8d\x80\xd2\rzA\xe3i\xa3\xbc*\x98\x8b\xd2\xef\x7fL\xc7\xde\x80\x0b\xb7\x01\x0cE\x1c8\xb7\x0f\xb9X\xf3\x08#\xae\x17}\x9c\x8c\xce\x04\x00\x80\'\x05\xe9\x1f\x00\x00\xc0\xf5\x99s6\x9b\xd1\xa6[\x80\xdf\xd5b\xf2\xcc^\xban\xcb\xafk98\xf1\xcc\xc3o\x06\xbamr\xce\xd9\xd1\x13n\xd9\xcff\x0f\xb8\t\x08\xac{#\xeb\xdf\'\x8f\x8a\t\'\x00\x00\x9a\x800\xbf1d\x0c\xfd7\xa3\x8d\xb8&amp;\x18\x17\xd3\x82\xaeQ\x06\x8b\x9d\xbb\xf2\x8f\xdb\xab \xfa\xe4\xf6J\xc0sA\xf4;Rg\xbb\xd9\xf1$`\x02\x00\x00\\\x05d\xab\x0c\xbe\x83\x90\xe2\xaf\x02\xfai\x14ZC\xe4\xba=x]\xcb\xc1\x9d\xb9\xc7\x1d\xb9X\x13n\xd0\xb4z\xc6\xba\x80\xc8\xbcLM\xd4\x85\x83\xf5\xca\xb67\x01\xde\x18\xcf\xe5\xde\xa3r\x19C\x811\xc6\x98\x8fR\x95v\xa5H\xf5\xb8\xb4\xf1\xe0\xb6`\x02\x00\x8d \xfc\xea\xe7\xc6\xb5F\x19(c\xe6\xae\x9d\xd7\xb2\x12\xee\xd1\n\xf0\xb4\xcc&lt;\x01Lj\xd6\x04p_#\xbew-\xde&lt;^\xc3\xea\xc6\xa0\x0fi\xfb\x1f\x1c\x0c\x9e\x10j\xf9\x8b\x17M\x85?\x0b3\xcf\xf0\xf7\x80\xb0T\x01O\tr\xcb(\xde\x9c_\x14k\xff\xd6\xc0\xbf7#q\xc1\x07\xc0\x0c\\\xec\'!\xb1H\x00\xcf\xc6\xed\x97\xc6k\xf30M^\x86\xff\x08\x97l\x93\xd1\xa2\'\xd0\xbf\x00\x80\xd4\xf7\x8f\x90"&amp;\xa1EG`\x8e\x07O\x0bB\xff\x00\x9e\x00\x00&lt;\x15X\xfd\x00e\xee\x1dO\xf4\x8a\xd1\x16\x00\xd0\x97{\x8fh\xa0\x0c\x82\x05\x80;q\x8fws]\xec)\xa0\x04\x93{\xfd*\x8f8\\\xf1\xe2\x97\xe8o\x8c6\x01&lt;5\xce\x80\xb9\xdc\x08\x02:\xac\xfd~\xe9\xee\xbf\xdc\x04@\x17w8\xb8\x01k\x04\xf2\xe3p\x9ex\x8d^\x01\\\xec\x15\x9as\xb0&gt;\xca&lt;\xe7\x13\xcdd\x85i\xb0c\xed\xef!_\xa8\xdfg\xf4uw.\xd4_\xf3\x93\xce|\xd1\x9d\x9f\xe4Y_\x8a\xc0\xb0\x16d\xb6\x80\xd4GW\xc1$\xb9u\x03\xa6!\x15\xd6\xaeL\xb8r\xb1\xba\xdb\xe9\xf7\xc9\x17\x03s\xce\xb8=I\xb7\xff\x0b;Y\xa1\x03\xd1\xe0!\xbf,K"\xa2\x82\xa7R\x156\xec!t\xc3\x88\xc5w\x91\xee\xcd\x9c}1\xa7U\xa0\x92\xdbt\xab\xbdr\x9as\x15\xa5v\x13\xb8\xc5\x8cv\xc3y\xf2\xb2\x94\xf6E\x87H\x1f;\x9c\xd4\xb5\xcf\x97\x1c\x86q\xcf\x81\xff\xe2;6J\x00\xe2\xdc\xe6\xae\xde\xe8\x90\x9d\x07\xba\xae\xc5j\xae^\xe0\x84\x0b\xccg\xe6r\xbfE\x08\x00\xb80H7SA\xc9\x1eA?5\xe41\xf3\xfe\xcd\xd1v\x80\xe7\x00\x83\xf9\xae$z\x96H\xde\xefxv\xb9-e\x8fd\xd5\xab#"\xfa&lt;%Q\x93f\x93zg\xfe]\x153&gt;|R\xff\x80&gt;\xe8\xf6~:\xaa\xd3i\x1a\xd7[]\x99\xd9\xd3\x8a\x91p&lt;\xad\xaf#O\x93\xa9\xc2}"S\x94\xa8\xf7\xee\xfd|\xe2\xd3\xad\x8d\x9c\xb9a\xa6\x01qG\x88\xe8\xb3F\xdb\xc0\xa1u \xb4\x90\x7f\xd1\xe0\xdd\xaf\xed.i}\x92\xfa\x16\xdd\xd1+m\xe1x\xcc}\xcd\x83uw\x17\xfe\x067\x815\x12\xe6\x88\xf9\xf4\xbd\xb5\xebr\xbf\x16\xcd\x8f\xcc\xe7w\xea)&lt;\x9a\n\x8c1\x86\x88\xb2\x0f_\xaf_\xcb^?\x8fzR\xdb\xb2\xe1\x9e\x0f\x8b\x0f\x81\x90\x08\x9e\x95\xb9\xde\x06\xaa5\xb1\xdeg\x82\xee\x05\'\x9b.V\xb1Q\x8b \xcb\xca\xebu2\x89\x8c\xee\xe0\xea\xabd\xff\xd6\x8e\xf8\xda\xc6\xf2A\n&lt;\x1a5\x0f\xd9~\x18\xd5St\xa3- f\x13n\xd0R\x15j:\xfd\x0e\xe1r]b\xae\xb7\x8f\xaf=D\xaf\r\x14{\xef\x06&amp;=\x03/\x1am@#p\xff\xcd\xe1I&lt;!\xbb~R\xd1\x9b/S\x12\x91\x08]\x97\xdb\xac\xe9\x9e\x16\xfa\xdb\xa2Z\xd2[p\xf7\x0b\x95\x81M\xa2/\x1d\xa4\xf8F\x10\x11}\xe8h#\x00H0l\xd3F/_\xd3\xf6\xef\xa5\'\x80\xe0\xeb\x8e/\xdc\x9e\'\xe3\x96\xeb\x8fI\x81\xaf\xa7\xa5\xf0\x9aw\xba\xf7\xa6\xcd\xc6\xfdZtK\xd6\xc9\xfbN\x9d5\xd7S@6w\xf2\xb2\xc3\xd5\x1bV\xda5\x89G\x8c8\xcby\xff\xf4%\x9e\x00-\xda\xd8\x9c\xb0E7\x1e\x80\x15\x90\xf9\xd3\x0b\xf3\xb1\xa9\xd7\xb7\xb6\xe5\xc6X\xdf\xb5{\xba(|\xaa\x06\xdf\xbb\x83\x05\x01&lt;\x83?&gt;\x08\x17\xdf\x11\xee\xe7\x96\xe9\xd6\x1d;\xbb\xa3\'\\\x1c\xdd\x18\xce7\xc2@#\xd6\x98\x9f\xc1\xff\xf5\x96\x10\x99\t\xda\xa1\xc93f\xa4\xb1\xb3\xdd\xad\xa6\xda\xb9i\xe7\xea\xb7k&amp;\xf9\x96\x0c\xbcW\xafh\xc6\xcd\x96\xc9+\xcf\xbc-\x01\xc0x\xae8\xf0\xae\x920l+\xc5?\xcbN\xdb\x92q\xaa\x16k\xf5\x00\xd2?(\x80\xe8\x1b\xa4\x15U\xed\x18\xcd\xbdZS\xc6\x85\xd6\x8c\xba\x8f\xeaN\x85\xe2s\xc35]y\x890\x00:\xa0\x9f\x01u\\3j\xe5\xb8\xeb&amp;\xa8\x84\xe1\xe2\x0b\x9a\xa0\x96\xfa\t\xe0\xb2&gt;~zF}\x19\x9d\xcfUV\x19W\xb0Q\x87\xb5G\xfelY\x95\xb9\xb6P.A\x07\x8fU\x0e\xaec\x02@\xe7\x82F\\#\xfd?\x13\xcf\xd9\x1f\xb7l4\x11\x11}o\xf8T\xa1\x1c\x15{\x000\xe6:\xab~\x00l\xee\x14\xb2\xa5\x13\x00\x06\xece z\xd5h\x132 \x98\x00\x98\x01\xde{Cq\x99\x1e\xe7\xae\xae)m\x14\xbf|\xd37\xa3]\xe5\t\x16\xe03\xff+\xf3\xa66\xee\x8c\xfa\x83\xa4\xf5\xa2\xb4\x98\xef]@3y\xa7\x06\xbb\x9bK\xbf8XP\xbe\x8d\xbb&gt;\xbf\x85\xd0\xc6\xdc$n\x94\x98\xff\xbb\xaa\x8e\x85o?\xeb\xfao7\xa9r+`\xc2\xa6Uq\xb7\xf6\\\x93\xa6\x0b\x8aF\x92\xcb6L\xeb\xaa\x03\xa0B\xe9X\xb0K\xafc\xf42_\t\xe1\xf0\xeb\xe2\x1e\xb9C\xf3@K\x8aF@\xb0,\x19C\xf4\x97\x94\xcc\x01@\x1f;\xd1;\xa9\xf2\x1eS\x00\xa8\x85\x13\x07\xa1\x9f\xc8\x04\x00\xcc\x8e\xbd\xdaw\xd6\xfdH\xff\xb3\x80\x9e\x10\x03\xd7\x01\x90\x86^t,\xf2\x9c\t\x00\xc3G\x999}\xda\xe2Z\xaf\xcfFbV&gt;\xc7\x00\\\xea\x82F4\x1a\x02d\x0c\xd1\xa7k\n\x9c~\x08\xcc\xff\xb0@\x9e\xf5\xeb\xd5\xeb\xe7gxU7\xb5\xef6\xc2\xaf\x02\x80\t\xa0\x8b\x8f\xeb\x0eC\xb5\x92\xf9\x1e\x03-gr\x17\xab\xd3\xa5\xbd\xd39\x95"\x9f\x01\x98\x96\xe9F\x91G\xd7\t\x00\xe3v \xfc\xabQ\xda\xffid\t\xa3@\xc0Z\xc6\xf7*\xe8\\\x97L\xd9\x13G`6\x96\x8d\xd1\x86\x80\xf6T\xee\x97\xcd\xbf\xdd\xd6\x87z?\x0c\xcc\x9b\xa7W(\xa3C\xc1]x\xd2`\xee\xd6\xec9o\x02\x0fA\xecs\xdd\xce\xaa\xc9\xe0\xf5\x13\x00\x82\xc1\xe1kG\x1bpc\x88&gt;\x84\xfe\xc6h#\x9e\x9c\xfb-\x18\x99\xcd!c\xe8M\xadm\x91`\xf7\xc8\xe9\x198^O\xd5\xf4\xe5\xfd\x82\xa1\x9e\xb1\xeex\xa1\xb4\xe2\xcc\xbdh\xfd\x82&amp;\xe2m(\xb7\xec\x00\xe6s\x96=\xdbn\xeb!\xcal\x13\xc5\xbe\t\xb9[\xacn\xf9\xefU\x94u;\xfa\x04I\x0b\x1d\xd3\xbe\xd5\x0e\xbb\x0e\x07*=$\xfer\xbf|\xab!~\xbcr\x1f\\=2(\xf4\xaa\xaci\xc7\x86C\xf4u\x0e\x15\x02\x8b~c\xeb\xc9\xe9\xb6Ph\xf5x\xfe\x15\x82\xfcI\xd1\xea\x19N.s\xde\xaf\xa4\xa04\x1e\xaf\x97\x8e9\x8e\xe9\xa3\x1a\xe8\\\r\xa8\xc8\xa9\x97\xf6\x0c\x10\xfd\x89\xf3\x9f\xfa\xc9\x9a\xda&lt;T(\xb3s\xf2p@\xb8\x9e\x18\xb2\x8ds\xcb\xbd\xa3\x81p\x16\xf5\xed\x1c^\xd3\x97\xb7L1ib\xc1\xff\x17\xfb\x9bRM\xec\x12\x13\xcc\x8eu\x9f\xb0\xbbj\x15!\xf4\x875\xc4\xdc\x87\xa6s*}X\xae\x80X\xf2\xa5s\xb9\x88XO=\xa1+\xfa\x00\xb7\x06x\xdc\x0fl$\\C\x02\xae\x12.\r\xffa\xaag\xa3\xc9f\xbd\xba\xc4\n0r9\x14l\xda5\xba\xe5\xb80\xbe0-\xd3k\x8b\x15Z\xae\xd4^\xde\xa6\xbc\x8a*p\x82\xf9%\xd2\'\xfc\xa6i\x8b\xaf\xd76\x7fEUY\xf1\xa5\xbc\x8a\x10\x0c\xde\xae\x08\xb2\xf9\x9ck\x01\xa6M\xeb\xcf\tEN\xcd\xd8\xae\x1a\x9cu\xdbl\r\\\xed\x99\xcc(}\xe6l\xdfl\xc1\xb03\xa9Y\xba\xcc\xe9}\xfe\x17\x8b\xe8\xfc\xe7\x0ct6c\xce\x1e\xb4\xb1\x1fW\\\xbfj0\xa7\xcdS\x1a\xa5\xc9\x9cn\x07\x83\x99\xf3\xc1\xf3\xa2}^\xd9\xce w\x9a\x99\xcf9`\xe7\xc9{\xa7(\xf2\x87\xfb\x8a\xe8CB\x07G\x9b\x05&amp;\xec\x82yL\x9a\xc7\x92i\xa1O\xb3&gt;\xf7\xbdM\xf7\xcc\xbd\xd3\xfa\xbb`\xc1o}\x07\x0b\xd4\xa8\xe0.\xf5\xa6\xe9g\xdb-7\x0f\xbf\x9b7o\x02\x881\x06:\x8c\xf0Z9]\x86\x02Q\xc0\xe0\xd6I0j\xcc\x04\xa3\xc3o\xbb\xaeI\x8f[#\x15b\xb3\xf5\x8a\xe4\x96\x9a\xd1\xba\x83\x82\x019\x03:_\xdd\x1b\x1e\xdf\x95\xcc\xb9\xd7\xecX\xb4&gt;.\x95xxc\xbb?\xd9\xa4!\xbb\xd6j\xe9\x8b1\xcd\x17i\xcb\x12z"eY\xcc\xe8\xdf\x96\x9a\'\xcc\x9a\xf8\xa1\xa2qYs\x12?\x02\x11&gt;&gt;\x8d\xab\x8d1&amp;\x18\x90w"\xb32\xfd\x7f\x9a\xab\xa8\x14\xdbz\x89\xe4\xf0\x1d\xedD\xd7\xb1\xb7\xba\xddb\x99f\xbaH\x7f\x1eZ\xf5\xe6_&gt;=a1O\xda\x9d\xc7\x12\xa0\x03\xfb\xa1I\xc9\xf7\x1bC\x13@\xc3)\x87\xe8\x03ZH\xce\xea\x9dP\x94\xdc\x86\xe0\xc1\xdbo\xb6Ji\xf5u\xcb\xbb;\xdc\xce\x0c\xf7ni-c}\xb3w\x8d\x1f\x91\xe2\x18\x1d\xb5k,\xa6\xe8\x0eAM\xbb\xae\xe3\x12\xf0\xa0Q$O\x12\x08T\xd7\xc0D\xb5+\x8d\xffv\\\xc8\t\x8a\x81N\xf4=\xa3\xa6\x80\x16\nu\xaf\x00\x06\x86\xc4\xbe\x89DDD\xbfr\x94\x19\xd7B\xdca\xd9j\xff\xadH\xac@Q\xa6\xfa\xa0\xba`.\xb2\xb9\xa9\xf4q\x02f\xb2\xeb\x99\x10\x137\xbe\xa8\xd7\x85KZ\xfc\xfc+\x06\xc5-\xbe\xc0\x13G*r\x9f\x8c\xf9c\x06\xa8\xd1\xb4\xabK\x03)?g\xfc\x86*{\xbaAg\xfe\xfch{\x9aR\x99/\xae\xb5\xb9W\x8fz[\xd77\xe1\xaa&lt;\xe0\xdf\xb4&lt;\x00\x19f\xc8\x05\xea\xea\x87\xb7\xa85\x89^\xe3&gt;/\xb0\xc9\xa9\xb4\xe4\x05\x95\xf5\xa7\x81\xb6\x0b#\xbeK\xb6\xf27\x0f60\x11\x086\x0eE\xdf\xca!/i\x16\xd4\xa5\xdfY\xbc\x88c~\xa5\xf3gR%\xabn\xfa\xed\xcf\xfej\\I\xd4Tg\x8am\xbd\xd0\xb6\x9f\xe3\xe4;v\xcf\xfeSM\x002cJ\x1b2U\x93\x01p\xa1\x1f-x\xf8\xd5\x0f\xfd\x0e\xf1\x9dU\xb0\x1b\x15}\xe2S\xac\xfa1\x01\xfc\xfd\xd9\x92W\x8cnF\n\x14M\xe5\xc0\xcae\x01&amp;\x80\'\xe5\x96\x1d\x9fZ&gt;{\xd9\xbf\x7f\xbb\xfc\xcb\x8e\x82\x8a\xd5\xb7p\xc9^\xc0\xd6\x08\x023\xc1\x0f*\xf6UN\xb8\xdc=\xa2\xa6\xcd\xaf8\x97C/l\xafBE\xc8\xa5z=\xf5u\x7f\xaf!\xfd\xdf\x91\x90\xfe-\xa0\xc7\x14\xf5\xda\xe09\xf1\xdcq\xd6\xbe&lt;Z\xcdiy\xfdf\xd1E\xb9\xd6\x04\xc9\xf9\x81\xa9B\x89w~\x89\xc3,\x13\xc0\xf2\xc3\x8f\x0f\xed\x86\xd9\xd7\xa7\r`\xfet\xd4\xb2\x04K~h\xb9=Xz\xb2xS\xe0\xd8\xb2\xa1\xa3"\'g\xed\xa4\xf4\x8b\x98\xcc\xc5\xa7\x87\x94\xe9\x1f\x1bh\xb6Jc\xe9\x8f\xad\xa24\x9f\x80\xe0\x1b\xc6\x8d\x1f\n\xac\x96\n\xaa\x03\x90E\xb0\x11\xb1\xce\x94o\x8cL\x99YyE_\x17\xb8\xee\\\xa5p\xef\xb4\xe0\x8e(\xd7G\x03\xb7\xdd\xb4P4|\xf7\xc3\x9c\xee\x88-I\xa74\xf6\x8e\xf8~\x8e\r\x9c\x81]\xd29DV\x07\x04\xf3H\xa3\xe4\xc2\x14\xa6\xf88\x10iL&lt;\xe2[\x05\xbb\x07[\xdc\x1c\xba\xc1\x04\xa0\x88\xc0\xd5\x9d\t\xf6\xd3\xbf\xcc\xa8\xf8\x11O\xf2\xc8\xa2\xc6:\xab\xa0dk\x9f\n\xc6ex\x02P\xb1&amp;\xa9.\xf6\x14\xf6\x85\x92\x0bm\xff\xb6hEMZ\x11T,\xaaq\x95\x0e2]\xc2)\x7f\xcd\x9a\xd4\xdf\xc2\xbc]\xe2;\xfb\xa7\xde\xc0\xd2x\xa1a\xd8\x83\xd2;w\xb3\xad\xe8\xdb(\xaa\xac\x1e^Hvv\x9c&lt;\xc9&amp;\x1fE\xbd\x1c=\xed\xef\xe9\xa9\x0e\xba\x88\xe8\xa7\x92gc6&lt;\xb6\x8f^\xda\xc2\xa8\x93\x8a\x931J\xb1\xfao\xd7\x8b\xb8\x19\xacy\xb5\x83\x19\rJ\xd6\x10s\xcb$y\xb3\xde\x80n\r\x99\xc1]\xb3\xf1s\x1du\xd5\\\x90\x89\xae\xc94nV\x87\xb6X\xeb\xc5\xde\x1cYo]\xc8\xb3\x8f\xef(\xf5J[\x81\x83\x1d=\xd6\xf1\x92\xa8\xd9\x8d\x13\xfbj\xa3\x91\x8e\xfb\x12\x8d\xc0\x12\t\xb5\x1bz\xed\xf7~c\xc7\x113\xc5\\z\x02\x08\xdey\xfef^\xc9v\x04\xb6zx\x1e#"\xa2w\x14*M\x8b\x95\t\x1d\x04\xd1g\x9b\xf2\xad\xc8\xa3\xba\xaa1\xd7"\xd8\xf6Q\xdd_2\xeb\x94\x88=\x8f\xa6\x86k\x91\xab\x8c\x9b\xde[\xc9\xb3\xba\xc6~\x98\xc4^\xf8+f@"\xa2o\xc84\xdfW\x970!}\xdd\xca7&lt;\xd1\xd09;\x8b\x83\xd8\xf0i\x96(SP\x7fY\xe0\x0b\xd4\x1dW5\x82j\x1a\x02\x8c)w_\xa3\xf2\xd9 \xc8\xca\xd9c\xf2\xb1\x8d\xf0\xb6\xfa\x8b\xdf\x87\xfc\xc4c\x91_P\xf0\xac\x913\x84\xfc\xcd\xa2"\xf3\xd5\xb3\xde\xd8$Z\xd9\x1c\xa7n\x87U\xcb\xb5\xe6\x1c\xb1w\xed\xe4\xaf\xd5d:#\xa8\xabb\x06h\x82z\xf7$\xe4\x89\xc3h\x1eNS\xc2qAs\xd5\xe6d\xf9\xb5\x91\xe3\x95\x9dx\x9aG_\xd6u\x83\xf8\x12]\xb5_.\xd3\'\x97V\xd4\x9f\x00\x1e\x92s\xd3Rp\xb1\x7f\to?5\xf4\x1bf\xc9_\xa3&amp;\x86ld\x1f%\x89\x88\xfe\xe1&gt;\xb4V{/=\x9f\x89\xd1mu\xd3U\x81s\xd16Ug\x91\xea+\x1cV\xbe\xabY33_#P\xd3\xf2;\x94$]\x1c\xd6\xa6J\x17EU\xc2g\x1ao&gt;\xf6c-\xc7A\x9e\xcd\x8fi@?\x1bjI*RZ~i\xdf\xc8\x94\x96\\\xd2\xe8rZ\\gS\xee\x0b\xe1*\xda\xa6\xbd\x8595\xed\\6Ig\xb4\xb3\xe21P\xfe\x9aw$]\xeb$a\xbau\xa5\x80\x1b4\x018\xfc\x1f\xf1S\x82\x9en1\xa3\x84\x8f+\xea\x007@\x10y\x8f\xa7\x8cDK\xa1X\x85\xc4\xda\xc4\xd1\xc2\xd16[\xb6\xc5\x04\xf0&lt;\x88\xfb\x9aS\x8b/\x18\xd1V\x00m\xff\x8aG\xe9u\xdd]\x99\x9b\xc2\xd9&lt;\xf1\xa4PD]\xda\x8c"\xfb\x1a]\xe7\x92\xf6\xa5\xd2\x85cf\xb4\x01A\xe6\xb1*\x1c\xe1\xd2\x9d=\xbb\xd2\x8f3\xab\xf0\x85\xcf\xe4\xb71\xec\x0b\xcc\xa6\xbe\x90t&lt;\xbfdE\x12o\xb18\xcd\xedf\xc6V\xfa\xc6\x04\x1fu(\xb7Nq:iJ\x91\xe7_\xe2l\x8eui\x08\xd1\xdb\xb4W\x02\xc2&lt;\x16\xa6D\xdfRZ\x91}e\xbe\x97\xb3&gt;\x94\x9a9+\xe2\xbc\xf6Y5J\xd9\x07\xf3\xa2\xe2\x9dx\xde\x12\xb1\xa7\xb0\x02~\xa2\xcd\xed,u\xd4wT%;W\xe56\xd4H\xcevz\xacL\x81^\xf1\x8a\xe1%U9b\xf2`\x13\x90\xbd\x7f[/\xbf\xb8J\xc9\xa3\x16\xb4?m\xf1h\xcb?6\xb9\x11t\rz\x9a\x9f\xde\x1f`&lt;q\x14&lt;\xc8\xed\x04YF\x13g\xffK\xc4E\xc2\xc8\x0e\xcfB\xb4\xc8\xce\xee\xd7\xbb\xa4C\x94\xea&lt;\xd0d{\xed\x12+\x91\x10\xdb82\xa6\xfdL\xc0\xe7W\xb1K\xda\x91\xb0M\x00t\x8f\'/\xba"\xdb\xf4\xe8f\x80b\xad\xe2\x99&amp;R\xbeu\x84\x11\xd1/\xb5\x93\xee\xeaR\x17\x18\xddDn\xa4\x82/\x19ya~\xf8\x83\xcb\x9f\xb4\xc4;\nw\xc0\xdfc\xe5\xfa1q\xea\xee\xbe\xdc\x96?\xa76\xda\x7f\xc4Z?\xed\xbcxE*\x17\xf5\xed\x1cu,\x90\x1b)\xe8\xc2\xb5\x8cgZ\x1bL\xf4d\xcck.\xb29\xacO\x8bf3\x851\xb6\x892\x17\x19\xa3zk\xe6(\xf9\x8c\xab\r]&amp;3\xfb\xdc\xe1\x19\xf3\xc8E\xa0\xcfK\xf5\xce\x93v\x9cz\xab\x8b.\xae#\xbb%y9\xe9\xdez\xc2~\x1cN\xe7\xc1\xf3\x8cc\xf5\xe2\xd4t\x98_W\xd0\xff\x1f\xfe$aS\xd3\xc8y\xae\x84\xa60B\xc4\xcc\x96\xaf}\xdb\xc2\xc2\'\xbd\x88\x1e\xc7\xe5\\\xad\xbd\xd3p\xb1\xe6_\x80\xe3\xb6\xf8pK\x9e,\x958\xedm\xbcC\xdd\xca\xb9\xe4}\x88\x9b\xf1(F\xe7\x87\xb2\xe7G\xdd\xca\xfa\x86_\xc5ubn\xde&lt;\x01\x9c._\xc7Tp\xb9g\x8f\xb6\xc0Y\x05\x03\x15\xa8}\xb20p\x9f\xb6 \xcb\x8c\x1dS\xad\x87t\xc3+\x00\x86\xfc\xfdI\x8cc6"|E\x13d@x\x08qF\xe3\x87\x19CD\x1f\x1b9\xab\xa5q\xf8\xba\xc6_\xe9r\xac\x1a\xbe\x98\n&amp;\xd0\xa0M\x948\xb5\xa5WU\xd32\x10\xff\xfe\xbfW\x0c\xd9\xbf5\xc3\x03\xbb\x9e\xd0B\xf6q\xfc\x06\xadk\x88\xfb\xacg{\x7f\t6\x19\xec|M\xc6\x10}VB\xc0~e\x93[i:\x13\x00\xafJ\xe1\xa3\xc1b\x7f\xd6\xc8_\x8d\xfc\x17\xc9GN\xaf5*\xaed\xeb\x05\xb9V0\x04)\x9d\x00.7\x04V\x96\xd8\tJ\x9c+a]\x1c.\x8b\x82\xb0\xd5\xbf\xbe\xa8\xd8\xf1\xac(\xbb\x16E\x8c\xdcJ.\xc6\x14\xb7\xc2\xd7\xe2\x150N.\xca\xaa\x90\xf93k\x89SR&amp;_\xa5\x97\xcfb\x8d/\xd29\x18\xeb80!=;K]Wb\x10=N]0\x10\xdf\xac\xb5\x82%\xe9\x96o/\x12\xb5,Q\xd7\x17\x9b\xb5\x98\xb3\xb4\xa8\x91\x8f\xe3\xf2\xb9=\x15\x15\xd6\x99_\xc7\x0c\x1eo\x97\xa9\xc5\xd2C .\xd1\xcc"\xf3\xec\xc6\x04E:\x07/8\xe8\x9e\x99~\x9d\xa5\x1e\x18\xcb\x86s\xfc\x98\x18\xce\x07\xafxApU\x04\xbeffO\xb26\xb2Z\xf4h\xd1.\xd9\xbe\xadD\xee]\xcd\xb2\x0c\x9b\xb1\xc7+\xbfW\x91\xf8\xb9\xdc\x86\x944\x0c*\r|\'\xfe\xef\x03\xac\x98\x0b\xf1\xf0\x0e\x8e\xc1V\xf9b\x12\xc4\x9e\xf2\xe5\x10\xd1_&lt;\xffYcX\xa9=\x9cn\xb2\xd3\xee\xd8\x1e=\xdf0\x08\x7f\xb6\x0b\xc7\x84\xc8\x95~\x9b\xd8vK\xe0[\xab\xf5\xf2\xe8\x0e\x99\x11\x8eO\xf6\x9b\xff\x8f\xe0i\xf0R\xea\xe7\xec\x99\xd3\x00\x1c\x9f0\xfa\x92_M\xc7o\x9e8K\xdaV&amp;F\xb43\x8b\tl\xcb:D \xf0X\x8f[\xcb\x16:\x93\x92`\xcd\x01|\xf5\x8a\xfdB\xef\xa1"\xc6\x98A\x13@B\xe96Y\x0e3`=\xfbbF\x19\xd3r\x0b\x11\x98\xdb_\x04\xf8$\xda\x9b\xf6\x02;w\x85\xaa\xfcO\xc5v\xfa\xa22\x05\xceJk\xf5Yb\x05\xd2\x1c\'\xf9\x128bw\x11c&amp;\x00\xd5I\xb4?\xd1 \xa7~)5!\x9dz\xcdC\xcf\x80\xba\x1b\x9fw\xc6\xbdz\xa3\x8b6\xebY\x02\xa5\xd28\x15\x19\x05\xac\xcf\xaaIv_]\xfe\xa4\x96\xc4]\xf2dr\\\xb1\x82\x85L+3\x94\x05j\x8a\x1b\x87x\xf3\xb3F\xc8\xa9\xee\x04\xe1!d_0v\xd15\x85w\x9c\xdb\xa1\x93Xe\xb6\xb8\xfc\xe3\xf5r\xfe\x80\xf5\xd9\x7f"U,V**[%x\xab\xc3\xd7.\x1b^\xba\xbdK!J%\xa8Z$g\x1eK\xfac\xaf\x8d\xae\x9a\xbb\x15qv\x1e\x1a\xb9\x83#\xb1i\'\x047X\x88~{K\x9de\xa8\xb8\xdd\x17\xc1\xbc\xb6\x18;\x08\x88\xcc\xefI\x9d\xd54\xadFZ\xe5\x04\xd0\x9f\xab\xd89\n8\xe7\xa0\xe9\x04`\x18\x03\xaf\xe9\xb8Z\x85\xa6E\xd3M\x07\x8c\xdd\xa2X\xeb\xa8\xfa\x15~\xeaN\xb3\xc2\xe1K\x84\x12,Q\xda&amp;Ecu\xb6\xe0\xb9eH\x83V\xb0\xef\x1fjJ\xdbd\xaa\x85*y\x7f\xee\x13@\xba\x96\xfa]\x81\x94:\xde\xda\\K\xd1G\xe7\x94\xd2\x7f\x9c\x95So\xcb\x18\xa2M.\x8f\xb8\xc4\x04@\xdbF\xd9zh\x12o\xa9\xaf\xaaZ\xddni#\x164\x81\xe8\x9b\xca\x86\rWlf\xa1\xca\x14\x12\x8c\xf9\xa9\xf2\x17sT*.]U\xe4\\\x14\xd5\t@\xf2\x84\x9b\n\x02e\xb4UT\xb4uH,\xc9t2M\xc5\x05R\x18\x95t|H\x88\x9cz\x9d_\xb8\xfaq\x9a1\x03\xf4FL\xeb\xbd\xd5\xa6\xf2\xac\x1d\xbe\xbf.n\xe5U\xe2\xeb\x1ec!\xbby[%\xbc&amp;\xd5\xa8[3\x15D\xff\x15\xd5\xc5\x10\xa7\x82_\xa42^\xd7\xaa\xfb\xbfB!\x93]1\xect\x1b\xcc\xed\xb4\xc8\x84\xda\x0f\xad\x95O\x00\xc1\xdb\x1e\x01O\xf2\x856\xea\x88]\xa6#\x9c\xe8[\x13\x85\xa3\xd2"K\xa2Q\xb9K\xda\xf5\xf7O\xb6S\xd34\x80\xbe \xa6\xaeNlz|\xc6\x84\xd77K\xe1\x06F\xb2\xf5\xdd&amp;\x80\xd9P\xbcA\xed\xc7s\xb0XVfHF-\xbb4\xdf\xe6\xb4\x19&lt;;\xaf\x1a6\xfd-\xa7\xcf\xeb\xacpb\xbe\xd3\x18\xe3\x85\x1aw[?}\xd6_\xfe\xeb][\xa5&amp;\x00\x86\x02\xfe\x80\xe1\xdb\xeb\xb7.X\xf3\xea\xc3U\x11\x15/\xa4\'\x00{\xa3\x9c\'\xad\xc7N#?\xf6\x9ea\x02\x00|\xe6z\x95.\xad\xef\xddg\xbf\xc8\xdb\x8e\xd1\x16\xaf\x05\xa6\x12\x07q\xcc^/\x888\xa6&gt;\x9av.\xca\xf7\x8c\xadq9\x7f\xd0BW\xa0\x8a4\x81\x7f82\x13g\x93\xbf!a\x96e\tV\x1f\xf2\nk\xce`Y\xe33]F\x9d`\xd7\xab\x87\xeb\x84\xcc\xd0\xc6\xe2\xdf\x03h\xb74\xf8\xbe\xed\x83\x13y\x9f\xd3B\x19\x83\xfd\x06"\xb3&lt;g\xc0\xec\xbf\x8e\xc0\x14Z\x1f\x1f\xbf\xcb\x12\xa5\xdbm\xba\xb1\xab"m\x96\xdf\x06\xf8\xe0\xe3W\x86\x82\xe7\xc7,\xae-\xe7\xc4\xeex-\xe7\xc2\xfb\xed1\x1f\xc54\x90\xf8\xb1\xa4zp\x19\xa3O\xd3+\xc4\xe2\x1d\x12"\xa2/\xd74\xe0\xfc\xf4\x88\xa0\x99s^D\xd7\x9b\xe34\xaaO\xdb\x86\xfb\xd0\xdf\xc0\xe1\xf4o\xba\x16Ywn{6\x90\x13\x97t\xee\xd9t\x1b\x15L\x8a\x1d\xff\x8d\x152\xe93\xe4\x95\x9f\x8c9VL\x16D\x14\xdc\xf7\xf0/\x97\x88qI\x9b\xd5\x15\xbb\x84\xb7/\xde\xc5\xbf\xbf(6L\x0b2\xc6x\xbf\xaa\x18&lt;\xc8\x92\xd6}7c\xd5\x17\xd8\x1f\xe8\xfb\xcb\x82\x89\xb3\xf1\x1f\xfb\xcc$\xc7\xce\x81\xb1{,\x1d\xd5\xebY\xbem=;\xe2N\xc4rZ\x7f\x9a\xff$d)\xebO\xae\xd1\xf9\x88\tyjY\x965\x8d\x89C\x90\xf3+\x86\x02\xe1\xdb\xef\xc6\x9d\xc6\x1b\x9f\x9a\x85\x95\xbbB\'\n\xa6O\xd9\xf2=\xf8{x\xba8f-\x91\x11\xd2\xc8\x0c\xa6\xe3w\xedW\xca}\xbf\xb0\xec\xc9\xdd1\xdb\xb9\xd8-j\xd4\x95&lt;0\x1f3\xf8n\xa2\t\xc0\xde{\xf1\xc7bpp\xa6\x7fpx0\x8b1]\xcc\x8bN\x18\xebxf\x16f\xb3\x9c\xa9\x94\xb6\xf3\xf3\xabp-q\x85l\xe9\x8f\xe3\x9c\xc7\x9aco{\xb0\xcela\xb9\xbc\xe5\xc9$\xdf&lt;\xf5\x0eM@\xf4\x0f;h\xa9\xa1\xf5\xae\xdcl\xe11\x0b\x14y\xdf/\xd1W\x96f.q\xa6\xb3\x17Dr!\x15\xd5\xa3\xbb\xa2\xa1S\x02-\xf5\xadKH&gt;&gt;\xeb\x8a\x1e\x87\xbfw\xbf\xf3nk\x01^\xc5vn\x9f\x90D#/\xe1\x81"\x0b\x89\x88\xe8\xbd\xda\x19\xd3\x94\xe9&amp;"{\xef\xe5x\x84\x91\xc8\x98\xc5,,s\x1f\x85\x8dpwR\xe5I8\xf2\xeed\xf0\xb5[M&gt;\xc9\x08^\xa1\x0b.\xdb\xd5\t?\xc6w\x91\xdda\xce&gt;\xacl?0\x91Df\xf0\x8c\xd3A\xdbS\xc7j\xc2M\xfbfN\x11\xfcd\xc4\xa9f\x06&amp;\xda\x02ZY\xacm\xfd\xc5:\xb8\xf0\xb2\xff\xc6~\xcb\xab\xdc\x80\xe2\x1aj\x90\xf5\xd8]\xecz|\xb6\x05T,\x816x\x1e\xff\x15\xde\x112\x85\x8b5W\x02\xaf\xbb\xb5\xdb\xf2[b\'J;\xb7&amp;\x18\x96e\t}\xb1R\x08\xf3\xcb\x92\xd1SI\xdd\x93\x85\xfc\x89e\x99b:\x9f\x8b\xea\xc7\r\xd7\x7f\xab\xee\x85\xd6\x19 \xbfVw\xaa\x16]\xfbSnH\x07\xcf\xd2\xb7\x97[\x99#o\xaa\xffZ\xbeA\x04Mm\xb1\xdfR*+\xbb\xffc\x8b\x93\x19\\\xdf@\xc5\xbcJ\xc9?M&lt;\xcb\x13\xfd!N+\xc2\xfb\x9fL\xe3x\xc2\xb3\xe2f\x9d\x86\xba\x90O\nwq\xcf\x96\x88\xf5\x04\xd6%\xa3\xf7P0\xa0\xacEo_\xadq,\x05\xb3\xae@\xa6\xc0\x06\xaf.\xbd\xf2|\xcbD&lt;\x01|\x15\xbfxDH\xad\x80j\x03D\x16\xa8\x8fP\xc3\xd9\x0c\xd4X\\\xd6T\xef\x07\xf3~#\x9d\x0b45\xa9\x9e\xc8\x02$ev\xea\xca\xb4D\xaf\x8as\xca\xb2\xc3\xa9\xe2W\xe8.\x87\x0b\xcc\x18\x14\x15\xb2\xfc\x1f+\xbf\xad\x10\xb92)2\x01d\r.\xb2V\x85\x16z\x89\xe8\x8fp\x8a\x95\x87\xc71\x83rza\xbe\x8c4\x9dA|\xd2\xbd\xe5\x9f%"\xa2\xefjoW\x14"\xd7\xddo\x94\xc9\x89\x1f\xef&lt;h\x83\xba\xa29\xeb|\x82\x91\x80&gt;\xbc\xca8`Q\x94\xfa\xbb\x11\xb3c\x12\xf3\xd4\xb9k\xbb&amp;%xI[*\xc1\xaf4O\x1f\xce3\x92\x050&amp;\x80w\xf5\xab\xb4\xb4h\xbb\x8b\xabuy\xa4!\xa7\xa6\x8b\x83K\xfeK\xc7\x8c\xcd\xf1\x88\xf60\x03\x1e\xda\x0b\xae\xbcG_Q\xcd\xdf\xf1o\xae(k}p\xb3\xe6V\xc0\xf6\x02\x86\xf3\xd3\x19\x9b;[}\xff\xb3\xcd\x93?1\xb1\x8f\xb64\xd0\x98\xe6\xd1;\xa9\x02?b\xffI!\x87\x93\xee\x83w\xef\xf1x\xd6\xabr\x9c8+\x0fS\xfa\xbc\xa61\xa6\xaeG\xc2\x89\xe6nO\x87\xd0\xf1\xff\xc5\xfe\x7fO\x96\xc7s\x97&lt;\xe7\x0e\xe9\x81\xd3\x17\xee\xfa\xab/D\xfbY=sL\x00\xc7k/\xb7W\xeb\xfc\x93ey\xaf\xe4\xf8\xf4C\xca\x17x:;\xc1\x83\xc0\x8a\x8c\x18Qg\x03R\xae6v\xa2\xd6\xf59Qp\xba)\x95pP\xfe\xc0\xfe\xa3\x86\xf8qx\x7f\x0e\xb8MX\x06\xd1\x8aU\x12\xbd\x96jf\xee\x1c\t5\x97T\xb4=\xb5\xadu]\xa6\xb5u\xd0\x8dD\xcb\x05\xf7\x18M\x893U\xfc\xb4\xaa\xfb\x19\xde\x82\xfdou\xef\x1d{\xc7\xa5&gt;Pegg\x86\x19]C\xdaGg\xf3\xda\xd9\x90\xdf\x08\xad\x16~\xef\x9d\xc0\x07\xe2V\x15m\xe1\xe5E\x15\x1a0\xb6\x1b&gt;@[`\xc9\x040\xa0\xdd\xfdU\xaa\xf4oB\x82\xffX\xc1\xb5\xe0\xf8\xe7\xfd\xb2B\xb4\xacq\xc4R\x8f\xe19v\x02\xb0\x93\xe6\xa5\x03\xe91\x12\xaa\x9c\xf5G/\xee\x82\t\x18\xe2\xc0\xdf\xddW\x1dc\xc5\xaa\xec\x86\xd4\x04\xa0\xab\xa9\x19\xc99L\xe3&gt;y\xa5\x88^\x14/O\xa5\x8f\x96\xa6\xd7\xfb\xa9y\xe0rTZ\x1d\xab\x1e\xf3\x07\xd1\xeb\xd3\xfa\x14}x\xcd\x0e\xd1\x84\xe3\x80\xce&gt;"\xa2\x0f\xce\x15\x90\x88\xb5\xfe-1F\xa0\xean\xbc\xed\xa5F\n3\xd3\x9e\xf2u\xa2X\xa8\xed\xcct~\x93\x19@\x7f\xc1eI\xa6\x97\x94U\xfc\xdcR]I\xbf+vHyf)^\xaa\xa8\xc7\x90\xd6=\x95\xf5\x1b@?\\/(B\xe5\x16\xff.\x04\\\x08~w\xf9%\x89\xbe\xbaX]I&amp;\xe2\x8f\xc4k\xcf\x00\xf5&amp;\x0fomv\x02(\x93\x96Sd\x97\\\xff\xa2\xea\'\xdf\xf7\x8a\x82\x10\xbaT\xb8E\x91E\xe1\xc7xB\x8c\xd2\x84\xd7\x87\xcb\x18\xda \xcc\x8a\x02\xbd^yQ~.\x1a\x86\x13^\x04\xa4\x9eO"\xeb\x85\xb1\xbb\xa1\xd7z\x18\xbf\x06\xaa{\xa1q\xa2E$}z\xf5\xf1\x84\xc4\xb2$\x1e\x8d\xbd7\x8e\xebV\x87p\x9c@\xd5O\x9a\x16!~\x9c4*p\xbe\x01\x12\xa3r\xe0\x94\xab\xd3\x7f\x90\x94\xd9\x04\xda\xba\x99\xa9?\x98\xee\xc7\x0e\xe1\xd4\xeb\xa0O\xd9_\xf5\x07\x83\xfc\x99o\x97\xeb~\x1bu\x1cU\xd9\x9fh\xd1\xd8Sr\x1dU\xf1\xb4\xfb. k\x94}\xb1\xd2\r\xbe\xbaS\xab\xd9+/c\xb6\xaf/\x15\xf6\x8a\xcc\x0b\xdb\xcf\x95\xaa\xc1\xf9\xd1\x82!\xcbI_g\xf7\x8c\xa6\xdf\xea\xb2\xdf\xc5TW?\x1b\xea\x0e\xde\x83\x95\xe8\rN\xd4\xba\x9b\'\xb1\xed\x9a+\\\xbfkd\x7f\xd7\x1bDD_\xe8\xbdz7~c\xaaf\xafi~\x0f3\xb1\xa3\xa5\xb4U\x17rA\xfd[cA\x11\xc5\xb14\xdf\x16\xd0\x18\xf6\xa6\xfb.p\xff\x8cW\x8f\xfd\xa9\xcb\xc0\x0e\n6\x8a\xd9Rb\xcf\x01\x11\x0f_\xe9i\xbf\x04\xa1[\x82r\xaf&amp;\xb4\xd0\xfb\xd4\x08\x88K\x16\xcf\xdf\xbavh#x\xfej\xc2x\xf4\x93Uf\xac\xddl\x02P\xb7\x9e\xe8?\x89)JL\x0c2+\xc2\x89`\xfa\x95o\x91m\xe2\xeb\xa4\x98\x13h\x82\xcc"hQ\xb6BM\xa3\x9a\xfa$\xd1\xd8\xb4\xd2\xccY\xd6\xed\xcd\xb6\xed*\xedF-c\xb2\x9eiw\xd1|\x99\t\x80\xbc\x0f\xacZ\xd5\xcb\xa8\x9e\x94N\x00\xfb\xc1y\xbb\xad\x1a\xd6\x1d\x82_\xee\x1dieN1\xd9\xf9{\x1eS\xdb\xc1i\xe3p?\xfc\xd4\xb9\xa7f\x18O\xfbj\x89?\xba\xcf\xfb\x10\xb9\xd8\xa3\x19\'\x80\xf0M\xe0e\xef\x1e\xf6\xee\x81\xa0!N\r\xd9\xbd\x14\xb1\x03\x83\xf7y\xdcW\xd1\xd1\xbfr\xf4\xd0\xe3G\x86\xd5/z&amp;\x88\xfd\x9d\xed-\x8f\xa9"\xbf\xe0\x1d\xe2}\x05Fn\x15\x9bl\x08\xe9\xbc\xbf,}v\xf4\x9dX\xd6\xaf\x1c7\xb3\x84\xc9\xaf&gt;\xff)\xbbmL\xea3G\xb1\x1d\xd6\x8b?\x19\x0f\r\x15\n\x1f\xc7\xf7\x1fW+\xc5u9W\xc4\xd9\xd9\xb2Xi\xc3{\x00d\x8c\xa1\x0fVx\x84\xdf\x11;\xc9\x12\xa0\x9el\x0bJ7p9N\x19\xe8\xb7v{\x08b\xaeu\xf1\xfdPZ\xed\xa5\xe1c\xc71 \x1d\xe7\xc1\xe5\xff\xf0&amp;\xa81\xb6%\x1d\x1c\xa9\xb6\x05\x19\xef\xfc\xb1w\xba\xd2\x9ag\x8b\xd7\xedj\xfd\xf8&lt;\x03\xa3\xee!\x95\xaa\x9c\xc1_\x95N\xea\xe9\xe6\xf0\x83\x12\xa1\xc0\xbb\xcf\x04@\xaf}|\xf8\xe6\xa1f\xdc\x89\xa6\x1d\xbf\xa5\xc2\xa8\xeaj\xf9G\xc2\xed\tsG{\x92q\x94\xee\xd9\x0e6\xf2Ck`\xf2)\x9a&amp;9\x85\xed\xb3s\x04B\x80\xabM\x00D\xfe\x14\x975w\xe4\x02v\xa6\x95`\x8c\x86\x8fU$\xb5\xe8M\x00M\xe6\xad\x98:3\xf1x\x0e\xe2\x8c\xe8i/\x05\x82\xa3\xbb\x0fE\xb9\x8fS8x\xb6hM\xd0\xc7\x0b\x14\x99\x03\xba(\xefEf{\xb4\x93\x15\x9dx\xbf\xf8\x10\x1a\xde\xb5\xee\xcc\xfd&amp;\x05\x81\xdd\x1aEtd\xa8k\r\x10\xdbKcW$5k5\xe2IHWO\xab\xe6.\xffX_\x08G\x00\x00 \x00IDAT\x19\x8f\t\x05E\x95^apJ\xaa0[\xf6\xd7\xfcM`\xb3=&gt;d\xbf\xaae\xf8\xf3\x06-x\xf4\xdc\xf6\\P\xe1\x0f\x10\x1ac\xea\xde2\xc4\xd2x*\xb0\xfcJ\xb1\xb6MB\xff7\x96L0&lt;\x8a\xb0\xc7\xf3\xdaG#\x1b\x90\xeb\xafD\x87.^\x81\xb2 \'\xa2\xf3\x8bd\x9c\xba|\xcf\xec\x15\x1bF_\xdf\xec\x7f&gt;0&gt;;\xa6\xde\x05T\xcf\xe2\xfdy\xb5A\x1daY\x8c\xf9Xs,O\nZU\x1f\xca\x9c\xa1\x18,2\xcb\xaa#\xcfac\x8b\xf7|\xfd\x1d_M\xa5\xccU\xd4\xf9}Y\xc4\xfc\xe5\xf26\x83b\xa9h]lM\xcdU\xbd9a\xad\xc2y\xdeZ\x8cV8\xab?\x97\x18Rq\x12\xae\xf7f\xb5*\x84&amp;\x94.{\xef\x87\xdf\x9d\xce\xa9\xc0\xef\xaaO0\xe3\xef\xd7.\tK\x86w\xee\xb6\x83\xa2\xff\xd3\xf3\xcb\xb2\xd8\xbd\xa3\xd5RG\x0e\xc7\xc9*\xa8D\x14\xc7\tbG\x91\xf4U\x9d\xe7\xf1\x15UN\x91i\x96o\xb0\x9b\xf4\x1b\xf4\xda\x1e\xcf-\x95\x08Q\x1e`\xa6o\xdb\xac\x9d\x98\x01\xd0\xbe\xce\x1a\x9d1\x8b\xa8\xdf\x83\xea@"\x96\xb6\x11[\xdc\x02zt\xd8\xf9%\xe7\x93;"Gz\xd0\xf1\x92{~\x04\xf5_\x13\xf8\x13\x80\xe2\xfa\xc9\x1e\xb3\xcc\x99\x86%6|\x01\xe1\\\x8c\xcd\x15p\n[@D\x86\xda\xbc6\x84\x8c\xf9\xc0d\x01\xf5\x97\xee\x16\xb1l\xff\x86"i\n\x82W\xb5\x8e\xc7\x9c2\xe9;T\xeam\xa4\xd4NE\xe0\x12\xea\xf4\x88M\xe4\xca\xfd\xf1D\xac\x7f\x7f\xef\x9f\x04v[\x1a\xee-7\x93\xec\x11\xdf\xcdW\xba\xbe\xa9\x17\xc2T\xe4\xf6\xe5\xc3~\x7f\r\x9d\x13u\x16\xeb\x9c]\\\xcf\xfc\xf3\xf5\xcfJoE\xbc\x1dj\xd0\xcdP\t\x90`\xd2i2\xaf4\xdb\xec{[m\x81\xf5v*\xb6\x93\xbfO\xcaW\x1a+\x19\x7f\xb4\xe3\xf4\xc1\x84zs]\x8e\x90\xf5\xea\x95\xfd\xd4\x97\xc7$\xb3\r\xe63\xe1\x82\xc0\x87r\xc3\xa1\xc3\xe6\xb8\xa3\xcb\xd1\xbbwa\xf4\x89a\xef\x943\xf1\xf7\xef\x88\xf4*\xea\x0eL\x9e\x97\xd3r\xdau\x8a\xba\xe0\xa9\x02h\x1b\x87\xa9d\xb1\x97\xfc\xda\xac(\xbd\xbe\xdee\xbd\xd1N\x1c\xc6\xfco\xcd&amp;{\x8e\xc8\x89z.\x02\'Oeg\x88\x98X\x891\xe5\xe6\xed%O\x7fj8\x7f\xaa\xa1wg\xd4\x87\xe8\xc0\x89W=\xecj\x04\xd2{\xf6\x0e\xe2\xdd\xf3\xf6\xb8]\xffo\x1bB\xa1\xd1^\xab\xd73C\x10\x06O8\xe4\xbf=9^d\x8bXi\xadP\x1e\xe7I\xda\xcbhu\xe0\x9d\x17\xef*\xf0\x1d\x94-96_\xcf\xd3\xcd\x9ceN\xa9\xdb\xed\x81aW\x14,\xebbZ\x82Gh\xdb\xb3\xf5m&amp;\xfa\xf7d\t"\xcb\xbf\xb6\xef\xfe\x8b\xb2\x7f%\xb7L\x19\xb2\x16\xd5\xb8\xa2\xd2\x83w\xeb\x809)\x99\x99M\xfd`l\xd7\xa9C2E%\xb2\t\xc0\x9c\xbblx\xc3\xaf\xe5\xf3\x18\xfe\x96\xc5\x18;&amp;\xe3\xf6^\x086P\xd0\xeag\x0c\x98\xdc\xd5@\xf3\xe8\xd9\xe5\x93E+]C\xfb\x97\xe8G\xfd\t\x80\x88\xd6\xad\xa1\xb5\xd9O\x18\x81\x8d\xf0w0\xbc\x02M|\x8d\x1e\x9c\x07\x95{\x0fw \xfehG&amp;^;L\x89{\xbe\xd7\xca\xfe\xf6\xb6C\xadq\x02\xed\xc6|\x85\xa0V\xfb\xc9\xefr\x10\xd1{\xb5\x13\xde,5&lt;s\'\x06\xf7\x18\x072\xd5\x962p\xb1c\xc5\n\x9d\x1f\xc8\xd7\xfa\xec\xb3\x04\xfb\xac\xb5\xeb\xcd\x89\xc4&amp;OO\x95\x84\x1d\x9d\xb3\xff\x93\xc7+\x19\xf3\xae\xdb\x87\xdd\x19\xf6FY\xbd\x8a\x7f\xe6hl\xf2H\xd2\xd4\x1d\xd9\xc8:\x1a\xbd\x8e\to\x04M\xdc\x11O\xcdW\x9cs\xb4\x1d9\x89\x0e\xf3\xc3\x8b\x88h\xff\xa9\x04ke\x97\rDf\xb0\xca\xa2\xb9\xa8\xca\xc3\x03]6\xdc:@D\xbfT/\xe4\x9c\xf7\xf7&gt;\xad\x16\xec)\xfa\xb4f\x8fP\x1b\xf3\x8b\x8c\x92\x1fS*\xd9y|\xc0\x8aONC\x1a%h\xe6"\x86\xfe\x17\xeb\xb3\xae\x051\x8d\xc8\xff\t\x06^"9W\x8b\xcc\xb8L_c\xd2[\x9f\xb3F\xe8\x91\x18gz`\xce\x01\xdcVU\x10\xec\x8bF\xc3\xd5W]+!toCE\xa6\x13$\x952CZ&gt;N]\xe6!\xbc\x85\xcc\xf8\xa8\xe1\xb8\xa7Q8\x95v\xba\xd8\x0c$\xf4Z\xda\xe7\x13.\xea\xb1\x98\x9dN\x8e\x02\xa19`\xf8-\xa3\xc4\x04\xd0a\x1a\xa8\xe1&lt;\x01\xd4^w\x93\xd7\x95\xd5\x06\xee\xb6\x8d\x99b\xf9\xf6p\xaad\xe3&lt;VKbb3\xe8\xc3\n\xcb\xb3\xe3!Vf\xf8\x00\x7fF\xe2\xf7\x9f\xdd^RX\x87\xe6n\x00\x9c\xf3T\x98\xac\x8a\xce\xf4\x9f\x00\x04\x1a\xe9\xcf\x18c9\xa7\xa0bh\xd7\x8bB\xe1QIB\x96\x96wc"H;\xff\xee\x92\xf8b\'\x9c\x00dp:\xeb6\x8d-`o\xf0\x90\xa6\xcb\x162\xf5B\xc4\x96\xd0\x0f\x96M\x00\x03\xe3)8\x8d5\xb5\x87\n\xdf6\xb3%8\xa5\x1el\x90\xfd3\x1a\x1b\xabk7\x81\x17M\x00\xda\xca\xe7\xe5\xd2\x8d\x95\xbf\rt\x8f\x86\xfe\xaf\xb7\xe3\xbc\xe3\xd0\x0e\xd6`\x0f\xa9\xbc(\xd1\x16\xf2\xa3\x89b\xbf\xc6\x84\xfc\x14}\x85\xaf9-o\xbfs\xbbg\xab\x10gon\x0c\xd1\xff\x9d\x9ex:\xffX\xc7\xb2\x1c?!\xc2*\xbf\xd5\xaa7i\x9dFl\xb1\xed\xa0\x9f:\x1b\x90\x7f\x16\xe0\xf8\\\xa0\xc5.\xac\x9d\x98\xf8\xddT\xf6\x1by\xbcE\xc0\xb4\x0b\xed\xb9\xde\xef\xdc\x8d\xfc:6[\x9dW\xf2\xb3\xca\x85\xef*\xa4U%\xba\xd8\x8b\xa3\xedCd\x84&gt;\\\xfa\xf6v\xb1\xb0\x9b\x05\xbe\xb7\xbb\xcc\xaf\xda\xc7c\xbb\x96O\x1f\xd4G\x96\x07Z-\x96#\x06p\xf7\xbb\xecm\x9c\x1f\xe9b\xdb\xfc\x04\xaf\xf9T\x16F\x03/\x95\xae\xcd\x7f/m*\xb1\'\x80\xab\xb8\x91\x9f\xa0\xb7\x1c\x14\x7f\x8e\xd8\xab\xb5\xba\xeb\x1b\x82\xe5Ev\xc6|\xbf\x9fX\x8b\xd0o+\x94\xce\xb6a\xfd\xf0\xca\xf6\x13\xc0\xe9\xaeO\x82\xb3a\xad\x8c\xe1e\xff\xeb\xd2\xa8i\xdb%B\xec\xa6\xfa\xcb\x95\xd5m\xab\x84\x1a\t\xccl\xf0\xbcd}AD\xf4K\xaa\xaf\xf7S\x12\xc5W\x91X\x9e$\xcc\xf1\xe7\x06\xad\xdbz\xd9\xdc\xb3\x9f\xcf\xce\x13Fi\xdd\xc4iT\xe0\x9eD\xb5\xd2\xc7\x0cg\xb5\xb1u\x84\xd8\x1aY\xad\xbeZ\xb2x;\xbd(\xe5\x1f\xd4\xf2\xa4\x7f\xa3[\xdd\xff7\x9f\xfcm\xb6\xf5\xd4\x17V\t)\xf7\x95\xb5o\xce\x9d~[O\xd4\xe1e~f\x02\x08\x9c,\x9d\x03\x12\x97\x17\xe2\xea-\xb0\x07E\xb8\x83\xce\x7f\xbeo\xcd\x9exD;_Z\x11\xce\xc5\x87\xb1S\xc0dI@\xeb\x0e\x93\n\xa9\xa1\xd1N\xe9\xa6\xbaa&lt;\x10}\xe6L~n\x08g\x15\xa9\xac1\xb2E\xe8\x98\x94&gt;^\xb4@cY\xe5\t\xf2\x17\x9e\x91\x8a\x11i\xfbr5{\r\x11I\xa6\xd3\x86_lWP`\xb0-\'\xedh""\xfa\xd2b\x05\xbe\x9c\xf8q{n\xeb9\x01\xcc\x99h\xe6\xb4\xcaLl\xd8\xf5\xb0\x93\xd4\xf9x[\xa5\xe9q\x15]\x89\xdb\x9f\x15\x17\xfegte\x1e\x7f\xc6J\xf6M\xf4\xea\xba\xeawx\xec\xcf\x1d\x12n\xea\n\x86\xcc\xbfi-0\xf7\xf2\xbf\xbe\xa9A\x85\x9d\xb2\xd9\xdf\xca\x98g\xe0\xb6\xce\xd3\xcd_*\xa2\xc2\xf23\xaa\xc3\xc7[\x19\xd3e\x02H\x17&gt;U\xacS\x9a/\x16r\xf2\x0c\t\xa5\xd1\x04\x10\xba\xb0\x0b+\xb2\x8fg\x8dP4\xf4P\x1a\xd1~\xeczw\xbeX\x9f!,\x1a\x90\xf0_\'\xcf\x8a\xe8\xf4\x04\xeb\xb6\xc0h\xf5\xc8\xec\xea\xe1\xa0\xf4U\xb5\x7f\x8a*\x1ao\x0f\xa8D\x93b\xaa\xa5JO\x1a\x89-9\xe1\x9c|]\xf3h\xedu\x1fv\xael\xbeS\xcd\xe9\x85\xc4\xc1\xe3Tw\xdfy\tg\t\xce&gt;\xcb\xb2\xd8%\x87t1?\x8cA\x0b\xe4_\x04+\xe3\x11g\x9a\x13an\t\xbc\x8d\xfcH\x81\xba\xa0\xcbg\xffU\x85^\xf6\xb7\xa5\xee\x07[\xad-v\xc1\x8f&amp;\\s\x88\xae\xfe)\xfa\x96\x99S=p\x15\xb3,{\x17\xfcV\xf7LH\x0b[\xf7\xba\x12\xff]\x11Kj:z\xff\xaa\xdda\x8b\xe7\x93A\xd9\x7f\xfdw\xd2%rbg\x8f-A\xcf\x9a\xeb\xc2\xb9\xedY,\xb3d\x0f\xa4\x05\xdd\xae\x9a\xed+\xf4c\xff\x87m\x80\xf8\xde\x06\xfd@T\x05\xd1\xcf\xd3\xd7\x1d\xf2\xa7E\xdc=\xaf\x0c\x89\xb2?\x08\xc4\xd6\xdf\xd8(RMt\x8d\x97\x91\x11\x19\xa2\x8f\x13\x8f#f\xbd\xf0-@\xc6\xd81\x15\xf3\xd3\xb4\x13[o\xb4r%\xbd\xce\x92\xa6`W\\Q\xb6\x80\xf6\xf3B9u\xc1,\xdc\xc3\x80\xa0|{\xc7_\xa6_fwt\x8fUbB\xa9\xea}\x02\xd0\x97\xb9\xff\x99p\xcb\xf0\x15OS\xaaV\xd9\x0c\xe1\xfbZ\x9e\xce\xc7U\xe4\'*\xfe\xa7\xd2\xbaO\x04\xb7\x1b\xec^\x1c\x1d\xeb\x9c\xe4Kg\x1e\x07\xc5\xeb\xf1)G\xf7\xda\xb0n\xa6\xed~t\xefg\xca\xa4\x95\xaa\x96\xae\xfd\xa3\x02\xdd#\xa9\x1b\x89\x1c\x81\xd5F]\x12\xe6\x04\x10]E5\xb2\xeaI\xba\xa3O2\xee\x9c\xf4\x15.V\xe21\xf7$\x84\x06\xdb_\xab\x97\xa98\xe5\xf0{F&lt;m\x9f\xd5\x11\x11\xd1\xf7Ec#\x11.n\xc9JS\x9e\x8c\xc4H\x14\x8f\xd0\xfc\xfaO \xf4\x8a&lt;s\x8eK\xb0]\xac\xfc#"\xfa\x84\xf5\xc8\x1b\x03e\xa2\xd7\xfb\xb4K\xb8\xa4{\xc9\x18\xa2\x1f+\xae\x95\xdd\x93M\xba#\xeeL\xf2\xaf\xc4\xc7z52\x01D\xf6\xfa\xcc)\x18\xf4\x9f\xa6hFS\'\xab\x08O\x8bH\xa8\x08\xf7\xe0\xe8\xb8\xd2\x84\xd3\x0e+.[\x9bcL\xecN\x8e\x7fD\xc9 \x9de\xe6~;.t\xf9\xe9\x1d\xb1\x97\x87\x1a\xea\xdb\xa3h\xa8-*\xe1\x9cp\xddcL\x06j\xa5u\xd5S*-v\x11\xb37\x81\xe8\x7f\x88\x9d\x95i\xbc\x19M\xc7\x87}\xef7\x1ao\x91\xb3\xdb\xe1?{\xff\xfe\x99\'K9\x9d\xb1OK\xb9Z\x0c\xc9\x8f\xcc\xf2\xc52\x93l]\xb6yA\xd5tF\xa6\xe8\xd2d]\x94\xadN\x7f.\xb0[\xd2\xc2;\xc7T\xad*?\xdd\x9b\xf4\xd3\xdb\x87\x99\xee\tu\x0b\xbf\xc7\xd4X\x91\xfd\x8b\xea\xa5Gc\xf0\x0c91,2r:\xe8}\xe2\xa78\xd5\xf5,\x89\t\x14\'A\xce\x05`t\t\x99\xab\xeb\xccI\xfb\x9f1[\x13\xa9?z|\xaf\xf5\x9f\xcd\xb2$\xac7C&amp;\xe1\x85\xc6\x901\xbf\x87w\xd9^3k\x9e\xaf\xd2\xb8RT\xd2\xc1\x1c=|\xa2\xdb\xa6\x07\xd1\xbb?\x86\xcf\xaf\x96k\xccV\x0c\x8eY\xbf\x16EF\xab\xfdG]\x94]\x04*L\xbe\xae\xbf&amp;\xf0O\xc2\x80\x82vE\x9a\x16\x08\xa6\xc4Vu\xdc\x80\xcc\x04\xc0\xb4\xf2,\x96\x88^YX\xf1\xea\xf8\x13\x00\xdfu\x14\x81]\xfd\xc74&amp;\x80\xe3\x06\xc0\xab"\x05\xaa\x95\x94!\xd0W\x9f\x17\xdb\xb5\xd26,\xd1\xc5\x82\x00\xb8\x1b\xea\xad\x17\xcb\xd32\xa4FN\x8d\xfa\xe8\xd5\xc0\x8b\xf4\'\xc8S|\xdfz\x1f\x99^\x11:(K\xde\xe7\x15\x9fT\x86\x02\xf6\xbc\xa5x\x1d\xdc\x93\xfe\xae\x93LQ\xeb\xbfq#1\x014\xc7vl\xda\xc9\x8a\xfd \x9f\x00\x88\x88\xbeH\xc5\x08\xa2\xf7\xdfS\xb3\xdd\xb2z\xe1\xfe\xe5\x82\xd3\xde\xf5/\xad\xd0&amp;"\xfa\xbdu"\xaa\r\xf0\x8f\xa8\x04\xcb*b\xec\x04\xc0\xad\xd2\xd2\x98\x1a\x8d~\x84GK\xd6\xadT\xc8\xda\xc5\xfd\x8d\xc6\x10\xd1\xe7E\xec\xe1\xa7u\x95\t\x00\x93\x07\x0b\xdf\xcbD\x9f\xdaX\xa3\xacVU@\xd0\xa7\xc8\xea\x95\xa8`\x9b\xf7h\xc9\'\xfa\xc7\xaf\xf1\xf4\xa1\xf1\xd6\xec*\xd2\x9c#\xb3\xd1oM\xbd\xcd\x7f\xfa\x92e\xb5\xe8\xb1\xb3\x9aZ\xb0?&gt;\x18\xa2\xd7\xa4\xe4\xf0\xa2\xc5\x8e\xac\x1a/|eE\xddg\xc1\xbd\xe7\x16\xe9\xa1\x16\xb1\xbf\x07Vi\x15\x89.Y\xad6c&gt;=\x0c\x86\xac\\\x04y\\q\x85\xeeHQ\x94\xacHx\\4\x98\xb3\xd5\xe6U%vCJ\x07,\xfd\x1aG\x0</t>
        </is>
      </c>
      <c r="E86" t="inlineStr">
        <is>
          <t>&lt;class 'numpy.ndarray'&gt;</t>
        </is>
      </c>
    </row>
    <row r="87">
      <c r="A87" s="1" t="n">
        <v>85</v>
      </c>
      <c r="B87" t="inlineStr">
        <is>
          <t>steps_per_sec</t>
        </is>
      </c>
      <c r="C87" t="n">
        <v>1300</v>
      </c>
      <c r="D87" t="inlineStr">
        <is>
          <t>10.276408</t>
        </is>
      </c>
      <c r="E87" t="inlineStr">
        <is>
          <t>&lt;class 'numpy.ndarray'&gt;</t>
        </is>
      </c>
    </row>
    <row r="88">
      <c r="A88" s="1" t="n">
        <v>86</v>
      </c>
      <c r="B88" t="inlineStr">
        <is>
          <t>Loss/object_center</t>
        </is>
      </c>
      <c r="C88" t="n">
        <v>1300</v>
      </c>
      <c r="D88" t="inlineStr">
        <is>
          <t>0.84615594</t>
        </is>
      </c>
      <c r="E88" t="inlineStr">
        <is>
          <t>&lt;class 'numpy.ndarray'&gt;</t>
        </is>
      </c>
    </row>
    <row r="89">
      <c r="A89" s="1" t="n">
        <v>87</v>
      </c>
      <c r="B89" t="inlineStr">
        <is>
          <t>Loss/box/scale</t>
        </is>
      </c>
      <c r="C89" t="n">
        <v>1300</v>
      </c>
      <c r="D89" t="inlineStr">
        <is>
          <t>0.47233415</t>
        </is>
      </c>
      <c r="E89" t="inlineStr">
        <is>
          <t>&lt;class 'numpy.ndarray'&gt;</t>
        </is>
      </c>
    </row>
    <row r="90">
      <c r="A90" s="1" t="n">
        <v>88</v>
      </c>
      <c r="B90" t="inlineStr">
        <is>
          <t>Loss/box/offset</t>
        </is>
      </c>
      <c r="C90" t="n">
        <v>1300</v>
      </c>
      <c r="D90" t="inlineStr">
        <is>
          <t>0.27601334</t>
        </is>
      </c>
      <c r="E90" t="inlineStr">
        <is>
          <t>&lt;class 'numpy.ndarray'&gt;</t>
        </is>
      </c>
    </row>
    <row r="91">
      <c r="A91" s="1" t="n">
        <v>89</v>
      </c>
      <c r="B91" t="inlineStr">
        <is>
          <t>Loss/total_loss</t>
        </is>
      </c>
      <c r="C91" t="n">
        <v>1300</v>
      </c>
      <c r="D91" t="inlineStr">
        <is>
          <t>1.5945034</t>
        </is>
      </c>
      <c r="E91" t="inlineStr">
        <is>
          <t>&lt;class 'numpy.ndarray'&gt;</t>
        </is>
      </c>
    </row>
    <row r="92">
      <c r="A92" s="1" t="n">
        <v>90</v>
      </c>
      <c r="B92" t="inlineStr">
        <is>
          <t>learning_rate</t>
        </is>
      </c>
      <c r="C92" t="n">
        <v>1300</v>
      </c>
      <c r="D92" t="inlineStr">
        <is>
          <t>0.000445</t>
        </is>
      </c>
      <c r="E92" t="inlineStr">
        <is>
          <t>&lt;class 'numpy.ndarray'&gt;</t>
        </is>
      </c>
    </row>
    <row r="93">
      <c r="A93" s="1" t="n">
        <v>91</v>
      </c>
      <c r="B93" t="inlineStr">
        <is>
          <t>train_input_images</t>
        </is>
      </c>
      <c r="C93" t="n">
        <v>1300</v>
      </c>
      <c r="D93" t="inlineStr">
        <is>
          <t>[b'512' b'512'
 b'\x89PNG\r\n\x1a\n\x00\x00\x00\rIHDR\x00\x00\x02\x00\x00\x00\x02\x00\x08\x02\x00\x00\x00{\x1aC\xad\x00\x00 \x00IDATx\x9c\xed}i\xect\xcfR\xd6\x99\xebU\x14\x154\x88\x0b\x8bQL\x8c\xa2\x12\xe4\x8aK\x8c\x127\x10\x88K\xf4\xaa\x89\x1b\xa2"\xa2\x17\x97\x80\xe2\x16\x11\xb9\x10\x15\xa2\x11\xf8\x8b[\xc4`DA&gt;\x98\xb8\x04\\\xe2\x02\xc4\rA\x05\t\xa2\xa8W\xd4x]\x03.DA\xcb\x0f3s\xa6Owuum\xbd\x9c\x99z&gt;\xbc\xef\xcc9\xddUOWWWU\xf7\x99\xdf\xcc\xb6\x05\x02\x81@ \x10\x08\x04\x02\x81@\x03\x000Q5G\xfb4~\x0b`\xcc\xd8\'\xfa@ \x10p\xc1\x9bf\x13x\xc07\xa0\\\x1ce\xcd\x80\xc5\x16g\x1f{\x80\x06\xbaP"\x1f\x07^\x02\x00J_\xef\xb4B^v\xe1\xbd\xec\xc0\x03\x81\xc0\r\xe0\x17\x08\x14rV\x8eAc\xb8}\xc6\x00\x1d$\xd6\x9d\x80@ \xf0\xdcX&lt;\x01\x0c\xa0\x07X\x08^\xd9,\x81@\xe0\x1cx\x828\xb2\xe0\xc3\xea1\x94N?s\x81@\xe0\x95\xd1/P\xfe\xcfNr\x0b&lt;A\x06\r\x04\x02\x81m\xab\x17\x95\x9d\x82\\\x04\xcf@ \x10\x98\x0f(\x0e4\xe2\x1c#\x10X\x01Q\'\xd5\x10\xfbo1\x08\x93\x855\x03\x81NP}\xfe\xcd\xd4\xfd\xe91\xe6#\x18\xcf\x860X\xe0\x15\x10\xa1\xe1\xe9\x11S,\xc6\xd5dt\xe6\x0c\xb3\xbe2&amp;~\xa8)\x10\x08\xf4\x05\xf0vM\xb1\xe0O\x81\x98\xa6+\xc2\x0c\xe3\x11\xbewJ\x94Oz_\x10/&gt;\xfc\xe7\xc3sO\xe8s\x8f.0\x1a\x91\x00^z\xf0B\xc0\x9f\x99\xcd\xc0\t/\xee\xf3\x81\x80\x00\xb1Z\x02W\xacY.0O2\xcb.\xe5\xeb\xc5\x01\xf0\x85\xb3)\x04\xdc0\xdf\xebh\xfd\'Z\x18\x81a\x98\xee\x115\x9f\x14\xf9j\x99\x00\xc6\xbbz,\xae\xc0d\x84\x0b\x06N\x07\xaf\x04\x90\xbdU\xaf\x85\x91\x8b(\x16l \x80\xc0qa\xc4\x1a;/\xf8S\xf7VZ\x8e\x99\x89\x14L\xe6\xe1\x9c\x81\x11X\xca\xcf\x96"\x13X\x19Ky\x8a\xe8O(\xca\x1d\x89Hlo\xc4\x1a\x0cLC8_\x80\xc0\x9a\xee1\'L\x8fW\x19H\x10\xf6\x0f\x9c\t\xe1\xaf4\xd4\xf6Y3\'\x05\x02W\x98~\x14\xde\xef\xc7 ]\xc4\x04\xf4H\x7fG\xfeib\x96\xe3@.\xed&amp;u\x1a\xc9\xbf\xcf\r\xbb\xc1}]\xefi&lt;yQ\xc4gC\x9f\x121\xa3\x19\\\x0cr\xfb\xae-\x0fQ\x81\xc0S\x81\x99Eb\xf1\x0c@d\xf4@ p&amp;\xcc\xfa\xe3\x9d\'\xc3\xab\x19\xb0\xf6\xc9\x9c)VpW\xbb\xc8\\\x8e\xff\x15\xa9\xc0\xf3 &lt;&amp;\xf0"\x08W\x0f\xbc.\\\xfe\x9e3\x10\x98\x85p\xd4\x17G8\x80\ta\xbd\xde`\x1a8\x0e\xd2\x02\xcf\x87\xde&gt;\xfd\xba+\xe6EF\xce\x19\xe6\x8b\x98"\x10\x08&lt;3\xf8\xd92j\xc5\x14\xafV:\xc7S\xf7@\xe0\xd9\xf0j\x1f\xa7\x01\xcf\xbfe{!\xbb\x05\x02\xaf\x86\xfc\x0b\x9a\x9e\xf2\x03Ne\x14{\x92\x81\x1d\xf1\x94\x83\n\x04\x02\xe3\xf1&lt;\xa1\xe4=\xb6m+\xc6\x13\x85\xeds#\xe66\xf0\x94x\xbe\xaf\x94X\x81C \x10\x08\x04&amp; jq1\xc2^\x83q\x8a\x1f\xd2\n,\x85\xf5\'~\x11\xe7\\\x84F PE\xf8h@\x8a1&gt;c\xd1\x12^\xfd\xcc\xf0\xddX\xbd\xb8\xaf\x9ct\xf0/&gt;k|\xc4_\xecO\xc7dS\xc7L\xd3x\x02\xfb&lt;\xc1\x10\x02\x9d\x80\x16K/u6\xfd:#\r\xbc(\xc2\xc5\x03\x81\xd7\x81\xe9\x17\xc1\x02O\x86_\xbem\xa2\x1f\xbf\x8a\\\x81\xe2\xb9\x93\xe8s\x8fnA\x84\xc1\x07\xc1e3\xfb\x1cs\x15&gt;\x17\x08\xbc\x16\xd6_\xf3\xab\xf3\xdb\xb6\xed\xf5\xbe\x14(\x10x\x11\xf4X\xd7\x0bE\x8b\x85\xa8\xcc\x86\xd1\x14g4d\xcc\xfe0&lt;\x93\xa9?\x7f6\x81\xd7\xc13\xb9\xcd\xea\x90\x9e\x05\xc5\xdc\x04\xf8\x88=b pb\xcc]\xbf\x11;\x02\x81\x17DT\r\x81@`E\xc4\x96\xe6\xbc\x88\x8f\x81.\x84\xf1\x0b)\x96n p\n|\xf3\x00\x1d\'\r\x06\x11\xc5\x02\x81\xf1\x88z\xe5\xd5\x11\xf3\x11(\x11^\x11\x08&lt;\x15\x88%\xbd\xc8j_\x84F\n\x00\xc3\xd7#\x9bwc\x0b\x1a$\x10\x08\xe8\x90\xae\xe6X\xd8]\xb0\x94Y\xed\x7f\x93\xcc\xef\xce\xd1u\xfc\xf9S=\xab\xc0\x13\xe39\xbe\x15\xce}\x08\xbb@\xd1*+o\r\xb2\xedSL\xe23`\xa9\xe5\xb4\x0e\x93@\xe0\x8aSx\xe4\xfb\'\xaf-\t\xe0\x99\xf1\xa2\xc3^\x181#\x015\xc2y\xd4\x08\xd3\x05\x02\x81S\xe2pH8\x91G\xc0\x11\'\xcaH#\xa9\x9e\xc8,^x\xc1!\x8f\xc1J\xe7|\x81\xc0\x1d\x90`{\x81\xf5\x1f\xcb0\x10\xe8\x81XX\xbe\x98c\xcf\x98D_L1g,\xc5\x17\xc1:\x13\xbd\n\x8f\x13"L7\x14\xeb\xac\x99\xc1x\xd9\x81s\xf0:\xa6\t/\xd8b-tB|\xf8\x89\t/;p\xa4\x84\xcd\xfb!,\xbb\x03\xe0\x8bgS\x98\x8cXh\x81\xc0K \x96\xba\x05Oi\xbd\xa7\x1cT \xf0Tp\xdc\xa1\xc6\x82\x0fxa\x98/\xc5\xd7A\x07^\x1c\x97f\x0b\xe6j\xbc\\\xda\xa2^\x01\x91\x083\xa8\x0crr_b\x8e\xb8\xb7\xaf\xbc\x9a/\xbe\xdax\x8d\x00\xde\x0e\xe0DV=\x11\xd5@ \xe0\t\x97\xc5\xffR\x11\x84\x93\x00\x16\xc1\xf7e\xb4\xa9\r\xe5,c&lt;5\x88?\x99\xe2\xd8?\xe6(`E\xf8P \x10\xb0B\xff-\xf6\xaf\x17\x80^n\xc0\x81gA\xb8\xee\xca\x989;/\x18\xc7\x03\xcf\x84\xe7x\xb0\xe4\xa2#\xd6r@\x8c\xf4[\x80\x02\x81@ @\xe0\tC\xa5:\x01&lt;\x9f)\x02\x81\xc5\xf1\x84\x01\xe8\x95\xf0r\xd3\x07\x1f7\x9bA \x10\x08t\xc3\xf1\'T_,\xbe\x07t\x08G\xb9b\xa2\x1dN\xf4\xa9\xd0\xa5\x90\xd9l\x05\x1b\xae\xc0\x81\x03\xfeY\xcbI\x06\x14\x08\xd8p\x96\xa5\x9b\xe2\x8c\x9c\x9f\x1bg\x99\x11X\xf6\xc7H\xec\xac\xca\xfek\x8e4\xc0\xc4\xb0\xe9\x83o\x1e\xa3\'\x10\xe8\x82\xd3\x07:\x80\x93\xfd\x05|`}\x84;\x05^\x01\xe7\x8a\x9c\xf8\x97\xc1\xc5\xb7Z\x05\x02(N\xb4\xb6\x03Sp\xb9\\\xe2k\x01\x03\x01\x04\x11&lt;\x03\xcf\x8as\x15\xfe\x9eX\x7f\xd8\xeb3\\\x01a\xa5WF\xcc\xbe\x11\xafk\xc0q\xcf\x06\xb9\x9f\x97:\xcd_\xea\x07\x02\xc3\x10\x1e\xbb,\x88o\x12\r\x88\x11_e\x91!L\x11X\x16\xe1\x9aWD\xc8\xf2\x84\xc8\x96O\xffg{\xfb\x90\x9ert\xcf\x8a)\x93\x15\x1e\x128+\xb28\xfe\x82\x8eL\x0c\xfaZ^d\r\xe2\x0f5\x02\x19\xd0:\xf4v@1\x83\xcfvr\x9f&lt;\x13\xf93q}%\x9c\xfd\xe7\x19\x16\xa1\x11@\x11\x07\x0fW\xd0V\xf0\xb2Q\xd8zQ\xc0\x1b\xb3\x19t@x\xdbH\xc0\x97\xfa\x7f\xc8\xd5\xe77&gt;\xed"\x02O\x0f\xc7\x00x\xc6\xb8\xd3\xef\t\x8c](\x80RH&lt;VJ\x11\xa6\x08\xac\x80\xd5\xfc\x10\xffK\xe0\xf5\xa1\xfe\xf1e\x14\xfd\xfex\xcfA\xe8\x85\xfb\x07TY\xab\xda\xa0\xe0\xcb\xed\x9c\xce\x87\xf8\xe3\xcc\x17\xc4\x825\xd0\xba~\xb8\x98\xa1\xfa\xe2\\c\xf5\xf5\xe3\x9a \x97g\xc2\xcb-\xb8\xa7@?\x9b\x0e\xfa\xa3\x99p\xa4\xc0j8\x91{\xf9\xae\x05xOnF9\x91\x89\x9a8o&lt;\x99\xcb|\x96\xf6\xc1z\xcf\xeb\x1e\xbdP\xab\x07\xd5?\x9a\x11&amp;.\xb1\xd4\xdf6\x07\x16D\xbf\xdf\xa8\xa1\x8b\x80p\xb8\x951yvh\xf5KE\xab)\x87\x80\xfb\x1fv/e\x8aa8\xdd\x98Y\x9b\xa1I\xa3\xea\x94\x00^\xd69\x03\xa7\x01\xc0\x7f\xf6\x10\xb2\xf4\xb3\x8d\xefc\x960rp\xf0\xc1\x03\x95\x8d\xc2\xc2\xdeq\xc3j\xdf\xb5\xf5\xf4\x083&lt;\x15\x16w\xeb\x91\xf4\x167\x85\x1a\xee\xa3Z\xcaPK\x91y\x05\xf4;v\x0bX\xa1\xfc8\x81\xa4\xd7\xf8\xdd1\xdc\xf5V\x1b\xc4!\xc0X\xbc\xdbl\x02)\xdc\x1f\xb9\xa9\xff\xb2$\x10\xf0\xc40/\xec\x91\x00\x86\x9e\xbd\xd0\x7f\xa7\xae\x93y\xe62g"\xef\x05\xd3\xa6\x94Q\xf9\xadP\x81S\xd4C\xeb3\x94a\xa2\xd1\xe9r\xfb\xd9\x0c]\xc1y\x87\xd9\x8fys\xf6\xcfk\xb4\x00\x81\xd7Y\xf5\xeb\xc22\x01\xea\x9e^\xb3\xbeWUFy\xc3\xdc\x10\xee\x18\xa2\x8d\x05\x80\x7f\xcfn\xd9/\x01t\x12\x1cx9\x94^\xba\xd4r[\x11a\x1e~H\xae5|3/\x8a)\xa2\xff\x82\x7f5:\xfe\xcf\x85b\r\x07\xd4\x08\xe7i\xe0\x14\x06\xe2}l\xfc\x7f\r`RQ\xcd\rR\xf0\x0f\x85\x925t:\xe2S\x85\xed\xed\xce\xb5\xe0\xb6)\x10\x08\x0c\x85.\x04\x0c;\xd8\x115\x8eX\x96\x82\x95\xda\x7f\xfa\x00"\xe7@8O `\x82\xefqG|\xba#0\x05\xe1u\xe7\x85\xff\xd7A\x873\x94\xc8j\xed\xfd#\x98\xd2\xef\x86\xa5W\xdaUX\xd8?\xa0\xc0Y\xbc\xe6,&lt;3\xe8V\xe5)\x07\xbbl9\xb0,1&gt;\x9a\x1f\xde\x97\xff\xd5\xdb\x8a\x8fv\xdd\x94\x9et\t\xcd\x80\xe93x\xe7_Y;\x9ei,\x81\x97\xc3\xee\xbd\xbb\x1f\x87C?\x13\xf6\xb9\\jZ\xdb\x87\x93cx\x8cE6\xea\xe7\x19\xe3R\xbe\xb5\x0e\xd61\x0b\x87\x07\xdc\xbf\xbb;\x10X\r\xcb\xac\xa4\x00\x06\xf80a{\xb7\xbf\xa5\n\xbf8`\xce\xb1\x89ViL\xde\x89\x80\xce\xb2}\x06\xe1[\xcd"^\x15\xb1|\xa2.8\xa0v\xdc\x9f=L^\x16\xf1\x19\xd3\xd3\xe1\xb9\xe7+\x1cR\x0c\x85\xb9V6\xf1\x9a\xdc\xe8o%"n\xad9\x9c\x80\x0e\x8f\x877\xb6\xbc\xde\xf1K2:\xc9\x1d\x85X0\xd3\x10\x96\xcf\x00\xdf\x7f\xdb\xccf\xa1S@\x98\xfc\x89\xd1\xe9\x0f\x92\x9f\xdbg\xf8\xe6zn;8\x83\xfb\xad\x03\xcb\x18u\x1d&amp;\x04\x9a\xcb[\x17\x02N1\xf6W\x86}5%\x9f\xfe\x12\x08|\x11\xb8X#,\xea\x83\xa7wM\xd3\x07\xab\xcfo\x9f\xb9\xfc\xcfn=\x05\xb2\x9a\x00&lt;\xbe\x9b\x96\xad\xbaj\xf0\xa5&amp;b)2\x81\xe7\xc7+\xbb\x9b\xfe\xd3D\xe6\x0f\x95?\xd3\x03\x923\x0ec\x80\xf1K\x15\x00\xbf\xc9\xd2\x9d\x7f7\x10\x10\xa3\x93C\x85\x9f\xee8E\xd0\x1fp^\xba\xbe\x11N\x810\xe2P&lt;\x9f\xd3\xf6\x1e\xd0}\x83\xfft\x863`}k\xccb\xb8\xbee:A=n\xb8u\x7fQ\xbb\x8d\xc3\xb3\x1a\xf8\x99\xbf`\'VE`\x12&gt;\x81\xfdiN\xc1g~&lt;\x84\xd8{\xbd\x04\xc24\xeexM\x93\xbe\xe4\xa0\x0f8\xc5\x91\x17\n\xff\xef\x1f\x96 \xbe#k&amp;\xc2\xe8\xaf\x80)\xcf\x009w\xe1\xe7\xf5ac\x80\xdf\xd7\xa8\xb8\x88Y\x1a\x1c[M\xff\n\xac\x08qO\x05\xa6\xcf\xf9\xffI\x8e\x96\x8c\xb4\xa5\x1a\xba?`6Jnu\xf4!\x90I\xeb\x87\xec\xc3\xbeS\x9e\xfdF\xc0\n\xf4\xc5\xd3\xfbW\x99\x00\x9e`\xc8\xed?C\xeb\xa4\xd7#$u\xfc:\x04W\xc9\xee4\x07G\xf3\x15\x0e\xa1\xa6S\x98N\xc0\x1f#\x8f\xc9\x9eC\x85#\xc6\xb3}\x97\xc1\xfaZ\xd8\xff\x84\xd5\xbe\x15\x08\xf01&gt;y\xd8\xfb2\x9d\xa4\xdfn\xf5\t\xb1\x1f\xa2=\x93iN4\x16\xec/\\\xd6\xcd\x91]\xb9\xa9E\x9fh\xba\x17\x07m\xc7\xf1v\x86\xdf\xa1\xf9[\x8a\xf8\xcc\xf4\xa2\x80\x04\xe3UO\x94L7yJO}\xc61)1\xdd\x12^\x04\xa6,[\x85\xd2\xa7\\P\xcf\x80Y\xd1\xbf+F&gt;7~2\xd3\xbd\x08\xce&gt;k\x13\xeb6\x9c\xccl\x0e|\x9c\x88\xea\x0b\xc1\xd7\x87\x1c\x85M\xf1\xedE\x16T\x93\xc6\x1a\xf1G\x06\x10:\x9bn\x84P\x0f4.\x16;\x9f\xdd1|\xe9l\x02\xa7\x07\xfeQ\xc5\xd1,\xb8X\xc7k\x89\xf5\xb9\x02\x98\x81u\x1d{\x1a1\xe5\x933S&gt;\xf1)RA\x14\xf8O3\xf5\x81\xc0\x8b"\xd6p?\xd0_- \xb2&lt;|\xec\x9c#\x0e8\xa2\xbc;\x9e\x8f\xe2\xd6\xb2H?\xc54\x97\xc9\x01\x8b\x1c\xeaya\xf1"k\x1d\x8c\x1c\xacB\xd5+M\x05\x0bc\xec\xd1\xf5\xa0\xbf)\xf3\xb7\xbb\xab\xe4!|\xad\x01\xe5\xa1\xe4\xd9R\xcb\xd3\xb3M\xbb\x8c\x19,\x9c\xed\xa3x?\x80\xf1!\x05\xda\xad!\xf9\x97\x86\xdd,\xedG&amp;\xaa\x8eD\xaf\xa4\x8c\xbd?\xdbh|\xb6\xedL\xb3\x1f\x88\xd9:=\xa8\xc85\x92\xc7]\xa3G\x98s\xe1"\xd1h\xec.\xff\xd0z\xa3\xe5\xa7a\x9fpW0\xb3!\xe3p\xc6X\x01_E\xde=\xe1\x88\xc6a\xa9#\xb9\x98\xaaMn\x84c\x05g\x8e\xcb\xc6\xfe/\t\x17\xbf\xedxL#\xe40Z\xa9\xbb\xc0\x08#%\xf4\x07&gt;\xff\xd4\x9dK\xa0\x0b\xe0\x87\xf9\xbb\xbe\xd7\xc7\x1c\xb3\xbbO\xb6D\xedq\xd3+\x85\xb8\x08q\x9f\xacY\xd3\xfddn&amp;F\xa7\xf1\x03\xbc\xbd\x87X;\x9ei\xbe-#\xd9\xfbN\xcc\x07\x81\x01P\x7f\xaa\x878\xc4\xef\xb7\t\x98\xf5\xb0\xeau1`"\xc7\x03\xee\x1c\x00\xbez"\rw\x00\xc0\x97\xf9\x89j6\xd0\x1d7\x00\xfc}~\xb7)^b\xad\xc4\xbdxL\x02|g\xf2.vT\x98\x19\xacY\xfe\xabMt\x95\xb4\x7f\x82@\xf0\xb0\xe4Tq\xfc\\l\xc5\xe0|H\xa0\xda\xd7\xd54K\x19\xda\xf2\xc1\x18\xc5\x92\xb0CI\xb5\xf5i\x19R\xa3\xaa\x9b@~\x97\x03\x90v\x97\xff\xba\x96+\xa2H\xfd\x13&gt;cr\x9es4\xd7\x82v\x9f\xfe \xa7;\xd6\x19\x1d\x7f\xc3\xdb\x91\xc3\xf5\xdfoR}.^\xf5\x89\x1a{{\xb5\x8b\xae\xec\xdb\x00\x1f&gt;O\xf5\xa26\xd9\xd1,P\xd2\xcd\xc1\xf2\xa3Q\x02\xe0\xbf\xcd\xa60\x1b\xbdgvM\xd7\x01\x00\x80\xf7\xee*\x7f\xdb6\x80\x8f,\xaeW\x1b\x1f\xaepT\xb4\xb4K\xc1\xe9\xf5\xb4\x91`,\xa6\x9b\xb1\x99\xb6\xb3\x06\x16\xc2\xfd\x06;\xdd\x8c\xaf\x85\'3\xf7\x00\xbf,\x97\x10\xaaRy~\xa2\xea\xf5`\xc2\xe8\xffT\xf3\xbd\x12\xbaW]\xaaMa\xfb\xac?k\xc0\x96,b2\x05\xa7 y\x02pv\x94S\xb4\x8f\x04J#K\x00\xea\'\x04\x90&lt;\xf4&amp;\x08p\x9e\xfaJU\xbf\x0e4gw\xf3&gt;\xd7X*^jr\x01&gt;\x87\xb9\xb9\x9cN\xdb\x9d\xc0\xf4\x11=\'Nj\xd6=\x07@\x02Q\xf7\xf4\xb3z\x13#\xce6u\xb9ZT\xbb?"\xaa\xb5\x1cf\x9cS\xd4U\xcc\x8a\x84_&gt;\xf2)\x9d3T\x04&amp;!\r\xaf\xdf\xd8j\xd3\xbc\x98\xdc5\x13\xc3\x8ee?\x8e\xd28\xda\xf1c\xa1\xd9\xe15k\x16)\xa9\x9b\xfd\xe2S\xed&amp;\xbf\x81ql\xb5&amp;f\x92\xec]L\xbd\x1a\xd0\xfd\xb8K\r\xd5C\xec\x93a\x8cAR%\xcf=\x03\xc4&gt;\xd5}\xdc\x13\x9d\xd9q)\xd5\xe4,\xbdT\x8d{\xea\xa5\xc66\x85\xccjF0b\xcaP\xbe}\x82\xce\xc9X\xd3m\xb2]f\x99\x03t\x07\x98"\xbds\x85\x142\xddE&gt;\x17\xc2@\x81\xf4\xe8\xackT[0b\xd6\xd0\xf7oMlff&gt;I\x1a\x99\x00p\x02\xddf\xdc\x97\xbe\xe0\x99\x84\x9bN\x16\xde4@\xc7\xe5\xa2\xe9%u \x18\xf5\x85\xe3+\x07\x18\xe3^\xcd\x97\xccM,\xf6X\xf8r\xbf\xb5y\xc7\x8b\x8b\xce\xdb\xe6\x80\n\xb2\xcd\x8fr\xd1\xb8\\..\xa6 \x84\xc0\xa1\x95UWV"0{]$3.2fj\xbf\xbd\x1f\xc0Gg\xd2\x982Q\x92h\xcf\x13\xb9\xefS\xe1D\x95#\x01b\xf1d\xd7\xcb\x96\xfd,\xd0\x0c\xf1#k\xc6\x97Ei[\xce\x95\xe6-&lt;{\x95\xdeU|J\xad\xd6\xbe\xe6\x06\xe8\xe5\xbd1\xc7y\xec\xdeu\xe0i\x94\xb5\x06F\xec\x00\xce\x82\x11;\xd6\xbb\x071\x83\x1d\\w6\x06]\xd9\x95\xfd\xf5\xb5$)\xaf0%\x8bh4U\xa4\xe5\xeas\xac\xabS@Z\xb6\xa3\xf3~\xb9\\P7\xcb\x85\xdf\xdaT\xa7woO\xee]r\x97N\x1bs\x86\xc3\\t\x04\xc9\x87\xba\xa6 \t\xae\xa9\xd1H/\xb0\n\x88o\xbf\xe6N\xb3*\x1b\xa5\xbd2E\xfc\xfa\xda+\x11B\x01~\x17\x17\x02O\x83N\x13\xb7\xd7\xce\xadf\r!\xfc2\\=\xb3\xf4Y?\xd3m\xd6\xf4\xab\xc4t\xffa6\x176\xd6_\xa5s\xe9-n\x9c1\x10\x85~E\xfb{/\xbd7.&gt;I\xba\x80\xee\xd5\xa5)\xabL\xef\xbc(,\xa3\x91\xea\xd2\xdd\x15a\x97\x93\t|\xb9\x15\xdd\xcc\xe4P\\\x99\xc8\xc7\xde\xbe7:\xf1\x01\xf8{\xa9\xcb*\xe3`\xc7\xcfQ$\xe5a\x8b\x00hs\x00\xcd\xe1_\xa3\xd7]\xa4c\xea\xfa\x08\xeeE\xa0\x11U\xb7\r&gt;t\x83\x1f\xd6\xee\x98&gt;\xcf\xf7e\x98\xf6r1\xafz3Q^\xea\xb5pz\x08U \x1d\x1em\xb5\xc0:\xe0OS\xad\xd8qd\x82.\xa7R\xdd\xbe\xbc\xdd\x13\xc0\xb6\xccr\xe2\x0c\x08\x8f;\x00\x00?\xfd\xbf+\x95\xba\xc5M\x8e.\xa6"\x05\x9fu\x82\xcf:L\\ y\xeeG&gt;\x9a9\xd5\xc7\xef\x02\xdbV{X\xe7-?\x03\xfey8v\xcb\xa7G\xb9\x94:-\xae\x9aX\xb5:8\xcfG\x18\xdd\xa9^\x8dv"\x0b\xec\xe0~\n\x88\xfe\xa0\xef\xb0\xb5\n\xc5\x8bg\x05\xbdKuQ\xe1\xf5Qq5\xe8aL\x9fb\x8e\x9dEm8#*?T3&amp;\xfa\xef{\x05\xb5:w\x96\xd5\xa3\x98\xd6\x89")s\x03\x00\xd6vL\x0e/\x0bL\xf7\xfc\x11\xf0\xdd\xe6?\x1f\x08\xd7\xef\'\xdfW\x0bTPm\xd9\xe1\x19@@\x04\xa9\xd9k\xed\x87M\xdf\xfe\xec\x81\xd5\xd8\xfc\x11\xfe\xafS\xf5\n_\xde\xb6\x17Ikca4\xa9e\x952+_f\x02H\x05\xf6K\x00\xb3\x92\n\xf3\xe34\xddixhY-3\x8b\xbc\x85\xd9\x92\xef\xdb\xcc\xc6M\xb1\x13+\x1e\xfc\x08\xa8\x07\x9b\xd3\x9d\x8e\xf11x\xf2\x1e\xeal.h9[\xf8\xa9\xea\x83\x82\xca\xdf\xc4\x8f;E\x1c\xbe\xd2\x9a\x03\x1bs\x16\xe7\xa6\xa5\xf2\x0c\x7f"|\xadG}\xfbE\x91o\x98\xaa\x01\x80\xf8J\x9c\xf3=\xeeZ\xaa\nX\x16\xa9\x95\xdc\xceU\x8e2a\xd47 \xe9\xc0,\xff\x0f]z~*i)95\xe1+Oh\x89\x94mF\x9c\x1e\x08Y\x11\xf3\xb5s[n\x98m\xa1h\xc0\x94#\xd0ZW\xb74hG&lt;\x97\x8f\x8eG\xbe\x12jg\xfan\xea\x16\x9d\x0eM\x02\xd0F\x8daX\x81\xc3Y\xe0n+K\x82\xac9a\x91\xb7t\xe2o*\xdc[v\x05r\x04\xc41\xb1\xfb\x9eEa\x8cE,\x88\xe2r9\x98\x91i,\xc73\xca\xde\xe0R\xb0}\xdbL9\xd2\x91\x9b\xe5\x9a\x9d\x07o\xd8\x0b\x9b\xd8\xa4\xddeJ#\xa9N\xad\xe8\x0b\xa6z;v\xfd\xab\xa8\x0e4\xd4\xd3;\xf2$\xb3/t;\xa3\x86L\xd7O\xb0\xc0\xfbz\t\xab\xaa0K\xe8\x18\xa9Q\xc1\x0b\xe4\x05\x04\xe5&amp;\xa0f\x16\xaf\x10\xb0B\x82\\\x19\xd2\xe8_\xcb\xca\xce+Z\xc2\xc7\xb2\t\xa8\xde\xd2I\xd4\xea\x95\x9a\x11\x169Aj\xd2%\x96\xb7\x17\x81\x01\xc5\xc2\x0b\x06\x91~\x03n\xe6\x801s:\x17s\x87g\x89\x98\xf9d\x95/\x9a1\x81\xa7HD\xc9/\x9e\x14\x92]\xe4\xb6\xf5\x8a\xf5&lt;\xcf\xf2x\x9e\x91\x9c\r\x9d\xdc\x9b#\x16M\x03\xcdm\x81/\x07\xbd\xf0~\xa2;c@@\xabm\x116\xf9CZf3\xbe\xc34\xdb\x1d\xd9\x8e\x9b\xe7E\xea\x9dI\xbf\x07\xb0p\xb9G\x13\xf3\xa5\r\xf0\xbb\xb8-\x9dNH\x06\x7f\xf1C\x8d\xc3\xe5r9&gt;\x1e\xb8\\\xff\x92\xfe&amp;JE@\xf0\x81&lt;y\x83\xf1\'\xbb^\x9e6\xf7\x89\xc5U9u\xf0\x92~\x94YB\x959\xae\xcb\xe5Bg!\xe5\xf7^x\xac\xc4L\xf1Z\xbb\xe01g,\xab\x8c6\xc1\xc8\x04\xc0\x94\\\xfb\x10\x91TN)\xb6z\xeb?1e\xc8\xf4\x96\xb5\xdbx\x07h\xcc\xef1\xd12\x07\xe5\xc2j\xfa\xdaoy~\x07\x8d\xda\x93\x90\xe9\xb6\xb2\xe0\x04\xd4\x7f\xcf\x8c\x9d\xe3\xe9\xe4\xf3\xb1\n\x0f\x0f\x18\xadJ\xf4\xd6I\x1e\x1c8;E\xc9u|\xb5\x06~R\x1c?\x96\xec\x1c\xff\xf1\xba\xbb^D\xc3\x82\xf6\x19\x81\x05\x07\x95\x17\x9bk\x9f2\xbb\x83\xff\x8cN&amp;v\x86\x7f\xafP \xab!e&gt;e\xa4\xa9\xd2\x0fh5\x18\x8fa\xda\xdb\xee\xad\xfa\x00\x8f\x82\xc6\xe1p\xcc&amp;M\xac\xdb\xd0\xd7\x91\x88\x8c\xc9"\xe1a:\x8dNq\x7f:V\x18M\xad\xe2c\x1c+U\xbb\x97\xa2\xc6\xe4\xba\xb99u\x81\xc9\xbc\x81s\xe2\x975\x188K\x08\x93\x15\x16\xc2 \x9cz\xa4\xb3\x02q\xa7\x02\xdc.a\x8c\x1d\x00\x00\xe0s\x07(\xe2C\xf4\xfc\xc6\xd7P\xcd\x07Z^\xba\x86)\xb2C\xf3\xd4AT\x89v\xfd4\xda2f\xac\xc2\xf8\x88\xa6y\x84\xb7\x943\xd50\x91d\x97\x87uSO\xcfz|\x94\xb0\x1f\x90=\xfb2\xe1\xa3\x1fND\xbb\xd3\x02\x19\xb9\xe2Odm18\x1bji\x97\x01\x80;\x93\xc94$\x96\xa85\xfde\x8c\xbdp\xa07j\xc7M\xe3\x99&lt;=2\x9b\x1ej\xd0\xaf\xcd\xaf\x98\x14%\x82\xe0x]$\xc4\x85\xcc\x8a\x98x\xb8f\x84\x91y\xd7\x013Y\x81\x90\x06\xd1\xb8)\x07\xde!\xd1\xf4\\\x90n\x91G\x1f!\xeaz1\x9c\x1f&gt;\xbb\xa1N\xf5\xb0TL\x83!\xb3\x97\xc19\x92\xe7D\xbf7\xd6H,\x8b\xd4\xd1\n\xb4C\x1e\xfb\xcf\x0b\xdcS\xe0\x89\xec9\x9e\xa8\xce8\xf0\x15C\xb5\xaf?\x83\x90\x80\xd9\xbe\x0b\x8d\x1eB\x85H\x8d\xd0X\xf5\xdf\xb3\xd1}\x00d\x7f\t\xfc\x1b\xfa\x90\xd8q\xd968\xe7\xef\xcbs~\xf4\x83#\x07Z\xbfG\x81]l\xf8Y*\xb0\x87g9\xfak\xbf\x89\xaf\x91\xd49\xdb\xe5\xc734\xb2\xf8\xe4\xbf\x00\x8cv\x1f\xb0"\x8c\x93x\xf0\xb1\xebG\x9e\x84O\xbf\xed\x1c6\xfe\xd7\xee\xb6\x98$o\xc5\xac\xae\x7f\xe8~\xedEO\xdc\xe5\xbf!\xc2\xa7\xffR\xf7\xfc,\xaa\xcb\x80\x9a\x87\xfb\xdb\xf6\x9d\xe4\x8afa\xf1\xed\xedx-\xa7\xc37\x1c\xdf.e#\xa6w5\x8b\xfc\x95\xa7~\xa7F\x0c"-\xde\xc7\x9cH\x9f\xf4\xd0[\x8fNc\xfd\x16y\x17\x00\xf8&lt;\x7f"\x1d\xa1\xf3\x13Q!\x06\x80h\xf1\x9d\xb2\xe9\xce\xfeR\xcb\x8d\x8fe\xad\x82\xce\x97\xe3\x83\xd9N\x92\x1f\x02[\x04\x88l\x04_\xbc\xee\xbc\xac\x8eu\x1f\xb9\x8c\x85 \x01\x08\xdb\'*\xba\xf0y58\x96\x82\xa8\x9c3\xae\x88\xcc&amp;\xcc\xe3\xf51\x80m\x83\x0f\xaf\xdf\xbdGv\x0eQb4\xc9\x90e\xf4&amp;\x00Mfv\xda\xcc\x91\xc3\x17\xc8%\xcb\x99H?*\xe3&gt;m\x00\x9f,\xef\xd2\xddwVX\x904f=Z\x7f\xcb\x10-J\xf9]\xa5\xa3\x1a\xb5\'\x1eS\xce?\x8dJ}\x8fwf.1\xb5j\x9d\t\xee\x0f\x85\xde\xaf|:4\xf7\xc8\x0c\xde)\xef\xb2@d\x1c\xcc\xa1\xf9\x00\xd0\xbe\xae\xb0\x8b\x8d\xf6\xce\x07Y=\xfdp\xd0\xa3\x1a\x9b"\x0bE\x98\xbd\x90\x87\xe1\xed\xad\x06\xab\x18\xa16\x1fc\x9e\x84\x04N\x84\xcc\x19\x90S\xd4\xd6\xf2\xee\xe1O\xc3&lt;\x14\xbe\xe4\xaan\xe6\x8apQ.]\xd7\x11\x03z`\x95\xd0J\x04\xfa\xd6bv#\xc0i\xf38\x11\xf3Q[Q\xd4S\xb8\x0b\x06|8\x81\xb8e.\xe1\xc5J\x97\xc2\xc4\xaah\xe5\x82\x8c\xcf\xa9\x16g\xf6\xd7\x9f\xfd8\x06Xb\xa4K\x90\xe8\n\xda\xaf:\xeev\x85*\xd4gJ\xfcN\x99\x8aU\x97[/4CLy\xb7\xd6\x94o8V\xfagh\xf4\x02M\xe7\xe0\x1eJ\xf9\xb2\'\xf3Y\xdf\xd1gz\xc3?=\xbc\x8f\xf1\xa3\x06(n\xa1\x99\xae\x02\x0e\x10\x05\x0b\xe9\x8e\xe4\xd4\xb35~\xb5\xef\x16V+\xeeQ\xa8J\xa5!gS\x0b\xf8\xc1^\xd82? \x80\x8e\xa2\x07\xb1\xa5`t\xbf1\xb0L\xc4i&amp;\x11_E\x0b\xb3\xefMn\xf1\xe1{\xe1\x97`\x17\x1f\xe7o-\x0b\\\x8d\xf4\x08v\x1e\x16[\xc4\xf2F\x06\xe5\x96\xf7\xf6\xc8\xe4\x97noK\x9b\xd5M\xe7\x95\x12\x98\xdb8\x17]|L\x9fbI%*k\xbf-\x9f\xd2r,\xb2\xe4D\xe8\xcd\xd9\xbf\xb2]\x032?f%\x00\xb1\x9d\x9a\x07/\xc8y\xc82^\xaa\xe6\xf0\xd8o\xdd\xc7\x01\xf2o \x90\xb2\x1a`\xb2\xf1\x93\xe2Ug\xd8\x858\n\x9f\xe6\xd9=v\xf1\xb3\xe08\x8a}\xad\xb6[\xfef\x19\x99\xb9\xa6vw\xcdT \xcb\\\xc2O\x01&lt;\x19\xecC\xdb\xfbC\xb2x3w\xb5\xdb\x8e\xe6\x89\xde\xb8\xb1b\xe8\xfemJR\x14\\\xb6G^8\x93\xf7&gt;Y\x02p\x1f\x0b\xb5\x0cT\x15\\\xd9\xe3\xf0\xd8S\xb5a\x0f\xbc\x0e\xdc\x97\xea\xbef\xa08\xb0\x1a\xc6\x81\x83aa\x8aP\xf4\x9c\xeb\xb1\x1c0\xeb\xb1U/:\x0c\xd5\xae\xe7\x18|9\x03\x86\x9c\x9c\x0f\xac\xb5\x8b|\x8e\x12\xa1\x89\x17\x19f\x86r\xbf;\xc0\x0c\xf2\x93\xc3\xbeK\xd0\xfd\xfc\xa0\xb7\x161\x9a\xbf\x07 \xa2\xb6\x8b\xfaV\xb2\xcd\x93l.:\xe3}$\x8f^k\xe8\xbd&lt;,\xf2\x87y\x81\x85\xa7\xae\x1f\xa4\xff\x9e\xd0\xd9\x0f\xa7Hc\x95nG\x9b7\xa3\xd3a\xb3\xd2\x9bb\x07\xbc\\0\xa47\x92\x8ff\xf9\xfeCX\x1a\xc8HM\x00\x87\xe1\n\xb9\xb2y\xdc\xaf&amp;Im\xab\x8bO\xc2\x982\x8d\xba\xa7ZcR&gt;\xcb\xf6\xa6k$\x0c\xc7-2z\x11\x9d\xfaG\x02\xa8t\xa9\xa9Ha\xe7|\x10\xee+\x0eU\xb1\xc0\x1a\xcf\xb1\x02\'&gt;\x01\x00\x00\xf8\xc3]\xc9\xa81\xcb\x92\xcc\xf49}\x96\xaf\xa8\xd3K3\x81^\x8e\x9a\x95Q\xa0"0y\xe5&lt;\x11J\x92\xfd4g6\xc9\xc6\xdb\xa9\x9e\xb0\xa3\x93\xe4E\xf2}\x8e\x158\x11\xb5\x03}q\x05\xf2)D\x8b\x7f0\x87ElE\xd0P3\xac\xb9\x8aD\xc2\xffq\xb1\x8f%\xa2\xf5\x10\x9bHp\x13\xc5S\x97\xa3\xd6F&amp;\xb6\xf2: \xc3\x9cJ\xd5\t\x19\xf5A\x0e\xdd[AM\xef\xaa\x13U\xb3\xfa\x14\xc2\x9cZ\x12\x8a\x17\xa5\x04O2\xf2.z\x8d&lt;\x15\xc4[;\x88\x10\xdfo}\xee\x1b\x8b&gt;\xe2\x11u\xa2\x0f\xfe-\xbbx\xb9\x0e\xb7\xee\x00\x86cb\\c\xb6\xecM\x06\xd5x:\xff \xb6G^\x91\xaa,~-;\x1b\xf4\xad\x9dg.\xf9\x7f\xb4ef\'\x18\xf9[\xc60\xa5\xed\x87\x81\x19\x0c\xd7!l\xc5\xac\xb1\xd4\xca\x84v\xc7\x0ed\xd4\x98~\x96g\t+\x9c\xa2\x89\x88\x92\xfc\xb7\x1c\x1aK\xc1eM\xec\xe6\xedQ\xfb\xda-\xbcSR\xaf\xc4Z{\xe4Y.\xdd\xde\x9e\xc3\xfcz\x19\xc9\xd4:\xaf\xe7\xe3\xa3@\xef\x07\xfd%[$\x9a\xb5{\t\x19Yb,\x18\x7fi\x0c \x9c\xda\xbf\xab:\xa9\xe8}\xb3\xd5\xdb\x08\x1c\xf9\x9f"i|O6&gt;\x94,\x05\x87\xb4\xd7\xf5\xa8\xc7h\xee\xd4\x9d\xe8\xd4K\xf4\x9d\x83\x1e\xea\xc1\xe5Y\xd6\x1f\xc5%?\x01N\x17\x94\xd7\x81c\xe5n\'C\xa8\x80D\xd7I\x91nq\x14}\xbb\xf6r\x890\xa5vE\x17\xfdQ\xc70\xdfh\x1d\x02tRJ\xd4\xbf]4\x9e\x05U\xb3\x90\r\xe8]\xf6\npa\x83\x16P\xbf\xed~k\xf3\x1eu\xb6\x80\xbdb\xca\x98\xa9\xb1\xef/\xe9m\x10?\x01\x00\xbc\x0f\x9f\x83\xce6\xee\x16\x95\xcet\xb9-+\x05&lt;\xec\xd9\x94\xf6q\x12\xdd:\x0c\xda\xe4.\x16\x86h\x9chy\x9f\x02=\xce\xb2\xd2\xd2!;\xab\xe1\x05\xa3\xea\xb2\xe4i\xcf5\xeaDMt\x12\xba\x928\xb4\xac7 \x8c\x90^\x97:\x80\xdaa\xd0i\xb5\x18\xd9\xc5u9\x06\x9c\x8c\xac\xc0\x99\xc8\x84I`\r\xb3\xb5\xb1\xce\xa3u\x93@C\xdf\xff\xe7\xc6\xa2;\xc6\xcf\xd5\xe0\xb5\xa6NT\x84\xc0"\xf5Z5\x8a\xd3\x05\x1b:\xb9\xbet\x00\x96\xfc\xdb\x05,s6\x1a4%\x18\xc8\xbc\xad\xb82?-\xe9\xe0K\xbb\xdb\xd2hh\xc4\x8b\xbb\x91&lt;\xb4\xe0[\xebP\x03)u\xb9\xce\xb5\x81\xc9,|\xdb\xf1-m\x10\xca\xb5\xba\xf99\xec\x07Vd\x83~\xd8\t\x1c.\xb6{u&amp;\xd6\xdc\xa4H\xd5\x9f=\xf0\x89\xe0PI\xb9\xf0(\xc5\xc2OQ\xf5*\xae8pY\x1a\xd9\xd1\xed\xeeo\xd2\x81;:\xa9\xee\xe4\xc4M\xbd\x19(\xfblP\x8a1:\xd2\xb3Kh\x97\xc5\x85\xc6\xa5\xe6\x88\x85\x9d\xf7\xbf\x15v\x19\tB\xdf\xe2\x16W\xd3\xe3\xec\xc9\\\xda0\x98\xfc\r\xa3\x84a\xb8\x95\xd5E\xfd\xd5\xdc\x01\xd7D\xc9\xb4\xd7\xcfC\x88Z\x98yq5\xc0\x03\x9f\x9a_\xecy\xce\x93\xe8\xea)\x9d}\x9c\xd5\x97Do&lt;J\xa1\x89O\xab\x967\xe2\xac\x12\xa6\x99\xf6x&gt;\xfa\xb7\xb6z8cI\xb8\x92\xc1&gt;\x8f\xab\xc0\x00c\x96\n\xd4*\xbd\xe2\x18S\xc8Rk\x81&amp;s=\xb5(s^\xe6\x99\xbc2\xc5\x14\xcd\xbb\x1a\xcdR\xc0-4\x97\x04\x14&lt;}\x876\xddL\x1364+m\xa1\x9c\x15\x8d\x1dY\xa5\x82\xb6JH\xef\xa6h\x8a\xb2\x1fz\x0c\xf3\r\xf8\x07\xad\x06\xadg\xbc5\xaa\x99\x05\xa0\xd5\x9es\xd7\x11\xd9\xce\x8c\xd9\x12\xbd\x0b\xf0\x11\xf8\xad\x05\xc2\x1a\x17\xfd\xf7jM\x02\x13\x95/\xf4\xfc\x19\xe0Gw\x93|\x1b!\xbc[\'\r\x89\xa2\xa9\xee\xe4\xbe\x9d\x15%\x80\xb4\x8b\x17\x01\x17H?\xf1\xd1\x92\xa67r\xa7\x9d\x10[\xacH\xea\xbd\x97Pr\xba\xfb\xd1\xe8\x1b\x89\xe9+V\x01\xe7\xfd\xc72\xc3\xcf\xce\xaf\x07\x0c\x93\x1ey\xef\x9d\xf5"f\xef\x07\xf7l$P}\xa4AP\x18v\x000~\xc6G\xaa;\xa53\xbb\xecXg\xc1\x8b3\xfa\x84\xb0\xa61\x8d\xce\x9dL\x86\x84\xe9!Z\xb6\xfd\xac\xff&gt;\xcc\xde^\xe1Y\xa7{\tB\x85w&gt;\xd2q\xcf\xf4\x8e\xf2G\x1e\xcb\xb8\xad\xe8\x19a\xcd\xb2\xb3\xe9K\x95\x16|\xd6\xf0?\x0f\xba\n\x9d\x1f\x05:m~\xcb^\xfc\x8e\x0fn\nM\x05~\x8d\x87\x90\xc1pY"\xb4\x905W\xe1\x95\x14\xb9M\xbc\xed0\xd6I3h\xf4\xe7\xac/\xf7)\xa8\t\x94^\xd7\xe3\rF\x9b\xd4Ti\xf5gg3\xc6\xa3G\xce\xa8\x0e\x1cc\xea\xa2\x03!\x996K\xb2\x1eXOA\x93\xd7D[\x01\xa6L\x8d:Y\xba3\xf1E\xefG\x8eR\x03\xa0\xed-\x87\x8de\xf8\xbe\x87)d\t\xa0;\x00bO\x00\xc5\x0b\x9a\t\xbf\xd8G\xb3\xcer\xee\x84\x92\xb3?\x1a\xe5\x1f\xadp\x88\xd1\xcd\xfamb\xfa\xcdV\xadB\xa95Fo\xdf\n4\xd7\xfa\x0b\xe0\xed\x1cJLi[\x916\xd0\xf5\xe9\x88\xf5\x0b\x82+\xf2\x07\xb3\xbd\xd5\x19t\x95\xedk\xd1\x8d\x12\xd2\xaaHD\xb3\xd3l\xdb\x94\xb5\x07\xa82}\xa2&gt;\xbcw\xe1\xf0\xac\xed\x9cz\xc6*6t\xc5fW\x0e|\xb3 \t\x7f\xa5\x85\r\xf0/\xef\xb5I\xbb\xa8\xe9}r\x9d\xbd\xa85@o\xf9\x16\xfb\xa9&lt;\xdf\x04\xd0\xc3\x86\x87X\xe9w\xd0W\xd6\xa4\x1c\x02.p\xac\x0f\xf6\x8b\xbb\x9f\xa3S)\xd5(\xceIN\x87rR\xf2]W\xed\xa08\xd6#\x01d\x15AC\x85a\xa8\x8a\xc01r\xce\xd2\x85\x81\xb7W\x89\x15\xb3\xfa\x8b\x8d\x04\xb0{\xbe\xc8\x9e\xba\xa8\x8d\xc6\xfb%J!\x1e\x14\xd9\n\x8d,\xcdE\xa1\x86(\xf1H%\x93\xfe\x83\xbb\xbaB\xd9\x14gX\xcd\x03\xc7\xf1\xc9*\x11\xe2-S\x88T{5&gt;\xb2E\n\xc2\x16W\xa4\x0ct\xa0\x9f\x8bv\x0e\x06\x00\x80\xef\xe4\xaa\x91\xd6%\x8a\x86\xbe\x04\x8cb\x15\x05\x87&gt;SJ\xfb\xb0%#\x17Y\x1d\xdfS\xa7\xae\xf7\xbaXs\xdd\xad\x8e,\xd0\xd3\xcd\xda\x87h\x03\xabx5^\xd0\x11\x07\x14\xf5\xa8\x9c\x01Z\x1a*\xfaH~gMc\xa5^\x01y\x0e\xe8\x97\xbd\xc8\xbb\x029|~\x00\xff\x84S\x1b-\xb5p\xc6\x93\x19\x19\x03{\xc12\x80s\r\xbe\xba\x11\x1e5\x91\xfdv\x1b\xa7v\xc4\xb9\xbc\x89\x93L\xc5\xa6\xc1\x83\x91F r\x80\x83m\xd7\x14\xdb\x1a\xfb\xa0R\x0b\xd3\xda\x99\xbat\xf3\xe5\xbe&gt;\x86.\xba~\x9a\x8c\x92\x87\xad\xde\xab"\xcd\x96&lt;}\xcd\xe8~\xd2\xdd\x86Z\xea\n\x99c\t\x0e\x8c+2\x81\xf6\xd0)\xdb\x02\xb2\xfa\xae`\xea&amp;\xe0C\xc8\xbbg\x18\x82?\x0e\x89\xf4\xfa\xaf\xdf3t\xbb\x10;\x13\x86\x16\xfd\x11\x01\x00\x00\xfcZf\x02\xd8K\xf5\x1e\xc3\x92\xca\xf4\xda\x83\xdf\x8b\xbf\xcf\xd9z\xa6m\x9d\xc9\xdc\xf9\x0c\xdb\xcf\xcd\xe5\xb0\xacv\x11\xca\x9d\xf1\xf5\xa5}\x00\xcd\xe0\xc6\x89~\xf0\xbb\x971f\xb6\x93R\xd3J\xfb\x9e\xeb\xf4@=p\x00\x00\xf8\x0b\x8aM}\xdb?\xa4T&lt;\x00\xbc\x07&lt;i{\xa6\xe5dg\xca\x1e\x87\x0c\x8e\xb8j\x1eC\xa0\xa6 ]Y\xbd9\x9c\x1d\x84\x89\x00\x00\xe0\xb3G\x92!\xc0\x9c\xca\xbe\x13\x8e.6V\xc7\x0e\x1cf-\xf2}y\x97\xda\xc7SrW\xc7\x8c\x9e\n\xad\xa8d#\xfd\xda\x14\x98\xea\x12\x13\xa3m\xdb\xe6\x7f\x85\xef\x98\x04p\xae\xba\xad\xc4\xad\xc6_i\x08\x99I\x87=\x1aTB\x90\x00\x8e\xa3\xd2k$\t\xcc5\xd4}\xb6\xfa\x08\xc7D\xff?\xd7\x87\x84\xf08t\xea2\x08G\xaaF\xc9#\xa5\xb9h_7\x04\xf4\x04\x91\xcb\x8f\xab\xde\xd9:\xb4\xbcER\xfb\x12\xe0\xefJ\xbcxCO\x13X$\xf7`\x95{9\xe3\xc0\x17_-u\xb1h\xe3]\x8a\xae\xcc\xaf\xdfZ\xc8}\xa5Q\xc37-\x8e,\xccG\x96\x90\xa5\xaa\xb9\x05\xac\x8b\xea\xcc\x98^b-4&amp;\x03\xfd\xed\x1a:]\xe7\x1b\xffN\xcczb\x80\xfd\x9b\xe5\xf9\x00\x02\x8f\xe8/Y\xba\x8au\x0e\xf0\x812r\xb7^\xacm\x96\x94O\xd7\xc2\xc2\x0bL~\xf9Z\x1b\x9b\x00\xca+5\xdd\x1f\xcfhC\xc8g\x96D&lt;\xb1\xd4\xe7\xeb\x15\xf8\x17\x00\x00 \x00IDAT\xf4\x88[\x83q\x1d\xf0|G\xad1 \xae\xcf\'\xdd\x13n\xfb\x1b\xdd\xc7Wx\xa7\xea\xcc\r\x04l\x1b\xc0\x87n\xc2\x1aY\x95\x00\xda\x1d\xd4\x86e\xae\x93\xbd\xcd\xbd\xb2\xd3i\xb3\x02\x8a\xc7\xe9(\x115\xbd2%(\x05\xd5\xbb\xebg\xca0\xc5^\xc8\xf6\xa6\xd5\xd7V-\xbclT\xf4*\x13Rs\xb9=w\xbc\xf5\x81cZ"6\x86\xc4\xc6\xc8E/Zs\xd5\x1a7\x1b\x10T\xe9[,\xba\xf2%4\xa0p\xe84A\x16q\x9c\xbc(\xa2\xed\x9b\x00\xce\x8eu\x86\x8fo\x98\x8eW\x1d7:\x9e\xb0/\x1b_\xd2\xccr\x8fhf\x1bKG\xe1\xa4^g\x1b\xea\x02\n\xde\x06\xf5o9%\xbev\x9dGv\xcc\xcf\x1d\x00\x08\xda;\x03{\xe6^\x13v\xfe\x0bZ\xa0\xcc\xd6\x1c\x8a\xa3s\xbc}\xd5\xb8P\xdc\xa3L\xfa/G\xa9\xbb}\x86\x85\x11i\x85nO\x8d\xbd\xbb#\x02\x13\xc9\x1b\xf6z\x0c\x8d\xd5\x00x\x02\xb8\xe1\xc7\xcd\xe5V7&lt;\xab\x86\xd5h\x94&lt;\xe3I\xb6\xbf{\xac8\x97\xb7\xf0\x83\x1b\xa7\xf1\x04X\x1e_H;2\xa3\x9e\x8e\x8c\x91\x80Q\xad\xcc\xef\xd9[H{\x02\xb0[\x93\x96\x91\xaea\xbb\xa2\xd5V\x08?OS\x10\xaa\xb8\xf6\xf1\xb2FMHM~\x16\xb0|\'\xa5&amp;\x8b\xb5\x16Z\r\xaa\x1d\x85\x15\x98q\xbcho\xf0\x90\x9c\xe2M\x89&gt;\xd3\x14]\\\xe80u]\x10m\x19w\xb4\x8d\x1a \x88P\xa6\xb9\x91\xd1\xe6M\xd7\xe5rI\xc5\xb2\xb6\x9c%%\xb3\xcf5\x87v5\xac\xc8\x02\x95\xb9\xf8\x14\x01\xad!`\x8e\xbd\xd1\x8b| T\xaa\xd8\xafd\xb7t3y\xb9\\\xd0\x08\xb1{Wy7\xa3\xa7^\x92%\xdf\xcb\xe5\xb2U\xc8\xd0\xa2v\x12\xa2X\x07\x00\x9c\x98\x93]\xcf\xcd\xceV\x97\x88)\x06x\xfd\xd75\xb8\xa5\n\xbb\x88%5v\xacM|\xb1\'H:Q\xa6w\x07\x14\xa2\n\x15\x00\x00\xf0\xc7k\xb7\xc8^\xd3Nih\xb1c\x1c\xc0\x88\xa6m\x89r\x9f\xbd\r\xe8\x85}3!\xed\x95\xbdPk\xbf\xbd`5\x16\x8bM\xaf\xa8\xc7\xc8\xbf\xeb\xab\xe2\x94p\xdc7\x8d_\x15K\xcd\x07]\x83\xd4ny\x99\x0c\x8dS\x1e\x82)\x8d\x8a!\xdf\x1ax3q\x14ED\xff\xac\x99\x83:m\x0c\x12\xf5\xca+\xa12\xda\xee\xb7\x0e\xc4H\x99\x1dV_*\xb0i_Q\xce\xd8oem\xf8C\xc8\xcc\xdecq\xbd\xa9\xdd\x04C\x8f\x99\xb8\xe3\xb6\xbb)WC\xd7\xd0\x02\x89\xb9iw\xd7\xed\xbf\xf0Z@\xd28\xbd\xbb\x9b\xa5F\x86 y1\xec\xc63b\x99\x98\xfd( k\xdf4\xa9\x08\x8a!\xefl\xec\xda\xddE\xd6\x8a\xc4l\x89\xc1\xb6m\xdb[,Zvi\x97\xe2\n\x13"\xaf\xb9zY\xbao\xc8\x9d\xa7\x10zy\xf0\xba\xb5M\xdd\x06\x00.I\xf3&amp;u\xe6\xe8\xd2Aq\xd6\x85\xc0n\xbf\xe2&amp;\x0f]py\xf1T\xe7\xd6\xeb\xc0\xc7\x08eQ\xd0n\xf31\x99\x8a\xb6L\xa7s\xa4\xbe\t\x86,\xee\xca\xc6\xc6\x06:\xe8\n\xc3\xecJ-\xa2\xe9i\xc91@Ys6\xf9s\x8d\x02kp\xc87"\xcf\xcf3\xf1W\x0f\xdd:\x8b\x9c\x7fc\x0c\xed\xb7p\x83\x83X5A\t\xbf\xae\x12UR\x1a\xbc@\xac\x90\xda\x94\xdf\xd4r\xd48\x17,\x8f\xec,_$-\x8b2F\t\xfb\x15T\x90#yNv\xac\xe7!/\x16\xae\x95\x07\x15\xff\x0f\xc3\xc9gM\x94f\xbe\x07\xae\xd4&gt;\x84\xb6v\x8c\x0f\xde\x92GGD~og\x19\xac}\x81\xd0\x12\x86\xcdE\x867\xeb\xba]?\x12\xc0iym\xc6\xdc\xc5\x88\x1a\xa7d\x1e\x12\xc6~\x1e)\x03T&gt;-\xb0c\x91\xbd\\9u\x8am&amp;\xd2\xe5r\xb9&amp;\xf0\xad\xfe\x89\x94\x94C\xfe!\x17\'\xfb\x90\xc7_\x1e\n\x12E\xcd\x19\xd7J\xc6t\x95\xed\xd8!\xa3&lt;\xac\xeb\xc4\x1c\xd7\xde\xe2\x93\\oK\xdb#\x0f\x93?\xdd\x8ci\x07\xa3\xad\xf8\xc1}\xe4\xbcl\xccg\x00hv\xe2[\x9f?\x1e\xcbg\xc5n\x98\xb7\x1d\x10\x91gm\x17\xc8\x03w\xbe"l\xeeX\x1d\x99\x17\x1fb%\xc4\xca\xba\x90\xd9\xdd\xf1\x19\x8c\x05\xd7\x88\xdci\xad&amp;E\xeb\xe1\xeaVy\xee\xa2\x80\x0b\xf3}_B\xdc\xe5H\x90"\xfb\xec\xe9\xac\xf2Y\x02\xc6\xe7S\xf7\xc7\x1b\xf5\xa57n\x98\x8b\x1b\xf4f\x0e\'9g\x81\x8e\xadj\xf7\xfaSK!\xc42\xdb\x8f\x17\x04\x1bs\xd7\x93zBi\xe5de(\x08\xbd\xdf\x88\x9d\x02\xa1}\xd7\x0cs\x8a3[o\x02\xf91K\x93\x0e\xffd\xe6\xd1LC\xad\xe1\x96^\xa2\xba@t\xc23\x0c\xa5:]\x951\x806\xaaT\xa4\xb7\xd6\xbe\x1fwN\x18m6\xde\xaf\x8f\xf4\x8d\xe6J\x1bFE8\xc5\xf83\x00T\xacW\x02p\x9f\x97\xde\x13\xcd\x97\xefe\xa5Z"\xc9\x9e\xcd\x18U\xcc.KH\xb0\x13@\xe5zg\xbdM\x02\xc3\x00\xf0\x17+\xd7\x8bRn\xd9\xc9f\x00\x8e_*\xa0\xcb\xbbNL\xe0\xbe&gt;\xd3l\xd4C\x95\x0c:\x0e\xfbX\xe8\x0c\xe0\x14\xd7\xb8rv\x1a\x0b\xd8\x15As\x08\xc6\xa7\xbeX\xf5\xf6\x83\x98\x02\x01\xbeH\xab\xe2\xf0x\x7f&amp;\xdc\xbc\xad\xbf:\xf8?X\xa2\xd6\xc9\xe2+M\xd6i\x19\xe5\xb3\x17\x95\xbb\xdf\xc6\xd7\x95\xbc\xfew\xbeQ\x95\x96E\xf8\xa83\x8d\x87\xd8vK\xa2@\xe6+\xd2\x81Y\xb2\xb1\x8b\xa7\xc3\x82\xcfs\x80\xa4&lt;\xb4,\xb4Z\xa5Rk|h\xe6\xc7M\x04\x8f\xe8\xc4\xda\xcbZ\x14I\x17\x8b\xef\x9a\xb2\xc2%\x07\xf0\x15\x19\rMx\xb6\xe3\x8a\xadI\xe6w7\x06\xa9~\x93\xa2\xb0@\x0f\x1a"\x02Wc\xecS0\xc0c-*\xb2\xbe\xc4\xd193\x01\xa0\r\xae\xef\x08\xc9\xd8\xc5\xe3\xde\x0ec\x9b^O\xdf\x12bi\x80\xcd\x85\x88\xbe\x1f\xc0k\xf6h\x93t\xc0\xce|\xac\x15C\xf9\x82\xef\xab\x83BpM\xf7\x00\x15\xa5\x1d|\xb5\x12\x966\xf9\xdf\x0f\xbf\xcd\x8d\xc6\xf5[\xa7\xd5\xc4]\xaf\xe8\xd3\x0f\xc3\xa2p\xb6\x8cj*}\x13\x03_\x14r\x86\xf3\xe9z\xe3\xa8\xc7\xc0\xe9\x93g\xa6\xfb\xbf\xd5,"\xa7\x91\xea*\xf5JG\xb67\xe7\x9fP\xf1\x15\xf8:p\x16\xf7\xb7\xc2{\xbd\x14\xf9c\x0c\xbf\xd2!DZ\x9bm\xcb:\xcb8.\x94\xb0ZBq\xeb\xf1/\xd1@\xa1\xa8\xebT\xee\xc1\x02\xe0\xb3k\x04f\xe1:?\xb3\x16\x1bG+\xb7\xcd\xdd\xd7\x9a^\x07w\x99h\xb32\xb2\xe7\t\xc0\xaf0/\t\x8c\x89{kG\xd6\x1bV\xe78,\x01\xa8\x151{uJ\xe9\xa9p{&gt;O\xfb\xefrJ]:\x92g\x87\xcbp\xbcl\xe2n[\xa9\xbcv\x02\xa8;$\'\x17Z\xfc8\xcb.\xbb\xae=u\xed\xd7eb\x85u\x0fs1\x16\x99\xef\xa7\xb0C\nK\xe0\xc6\xaaP\x97\\\xaa\xf6\x88\xc6U\xc48\x12I\xdd\x08m\xd0\xd6\xd2s$^\x86\xa2\xcf\xa9\x96t\x93\x1b\xd4\xc3gN\xa8\xd7\xd8\x8d\xf3\xa4\xce\xf4\xeeK\x89\x13V\x08\xa54\x1d\x1dUV^i\xd2\xae\xf6\xfd\xf8\xe4u\x9b\x06?\x01\x88\xe8\r\xc0\n\x1c\x1e\x18\x91\x008\xf3dfR\x1e\x04\xd5Ts\xd4\x94\xfdj\xdb\xedJwm\xb8\xd4u;\xe2\xdfx\x08\xe9\x07\x9fTZ\xf9\xf8\x99".`\x12&gt;\x88#\xe1Q\xbb\xb4d*\xb0\x17\xd4\xb8\x0f\x9b\x87\xa9\xa5\xe4\x10C]\x16\x11\x99\xf9\xf4\x16\xdb\xe45D\xb3\xba%\xda\xc0\x7f\x14\xcb&lt;\x1f2\xd3\xaf36:\xa6#9@\xeb\xff\xfc&gt;^k\xcc\x11t!)\xa5\xea;\xbaLT)\x1aU\xe7\x96\x81\x8e{VGE)\xedjD\x13\xca!\x1a\x88xz\xcd\x1f1S7\xc3\xb6\x99&lt;D\xad\xb0jP\x07h\xb2\x9aN{\xdb\x0c\x85\'\xbf\x12Y*\x07\x1c\xbc\x8dlV\xeb\xc5U$\xa6f\x82\xbba\xdd\xd7\x95\xc3V\x8f\xbc\xfb\r\xdb\x06\xf0!\xfc\xf6k\x82(c\x1f\xaf\xfd\x14\x01\xfc5a\xfb.Fu\xc9\x97\xf4\xc5\x9a\xbarT\xf6a\xa6\xb6\xa2e\x01|\xb5E\x91\x12Nu\x10w\x1fJ\xf8t\x0f\x7f\xba\x8a\xe4?\xc9a\x8b\x95\xed^\x07\xa7:i)G\\\xdcg\xadl`\x1fTS\x84\xc0\xaf\x8a\x95\xdcV]\x19\xda\xfa\x80\xca\xeb\xed&gt;\x9c\x8f(\xbbh\xc7I\xf4s\x89\x8c\x16\tM\x81\x84\xf7\xd6z\xd5w\xfc\xc2\xed\x11\xe6\x8d\xe7s5/4+&gt;H\xe0\xa9\xb7%s\xca\xfa\x07\xb6+\xd8\xc9\x19\x8f\xaa\xd0\xb4\x8d\xae+\xf8\xb6F.\x11\xddb6x\x90\xc1N\x0f\xb6\xcaz\xde\x1a\x87~\xa3]\x82\x95\xaeJ\x83K\xa8\x1a\x87\xd4\\\x98k\xa6Q\xdc!\x8b6{\xb3\xb7\xd5M*\xf5\x8aN\x15\xad\x0f\x86\xf9\x8dB)\x1e\\Z\x02\x9d\xd3\x86\xa2\x8b$\xa0\xc8\x0b\n9!\xad\xae\r%l\x13\xe8\x02\xc2\xbcD\xf5P\xab\xc5\xd4\xaa\xd3j\x0eZ\xdf\x8e\xf9\xcby\xc2\x99\x89\xb0\x96\xcc80\xfa\xc0\xba\xb1l6\xf6\xc9+\x8b\x0f\x8bL\xa3\x84\x96\x02~K\xefz\x9c\xdf2[u\xcd\xdd\x01g\xfd\xeb\xb4\xd7\xda\xe4\xdcj\x11jo\xf6^H\xf76\x19!\x1f~\x9b;\xb1\xac\xcd77\x85\xac\xe0\xe2\x99\xfd\xbd\xc4\xd6\x14\xd5&amp;\xf8z\xd1+)\xa2E\xbd\x8fd[\xaa\xa8g_1\r\xf67c\xe9Q\x9b\x8e2\xab\xa9mK\xf7\xb5\xef\xb7l\x02\xfc \xa2\xe2\x12\xa4\xb2\x96e\x1a\xe0\xf3\x11i\xccz1\xcf\xac\xb6$@4d2\x9c\x06m\x93\x1fn\x90\x94\x1a\x1c\x9c\x1cK1;\xa2\xb0\x82\xb6\x9c\xb2*\xb2\x01\x96w\x99\xb3_\x13\xde,Y\xdcRK\x9f\xed\xb24&gt;8\xaa\xfe\x0cC\xdf4\xa9{\xf1)\xe5\xa3/D\xdd\xe7\xa0\x9fr\xc5\xc0*\x87?\xa6\xee\xcc^\xcd\x04 \x16\xcbp8\xa9SvZ\xd8\x84:T#\xec\x10JS4\x16\xf62\x15\xbf\xad\xacf\xb5y\xc5\xbd\x91\xbd/A\x92\xa5H\xb8\xe3\xf4\x92\x96v\xc9\xbcE\xd4W\xaa\xce"\xf9\xb1ew:0\xd4\x89\x1a\x94\x06\xaeN\xbc\xcc\x96#\x87\xdd\x17\xd3\xdb\xbds\xbeZ\xb8\x82\xd8\x80\xa2\x18\x0f\x88\xf5\x06R#\xa8F\xcd\x95\xbc\xed\x9b\xa7\xf2n\xad\xfd\xd8uP\x1b~zM\x97\x00\xdc\x8f \xca\x89\xf6\xb5\xd5UX\xc5\x1aV]\x83\xe3\xaf\xafi\xba\xbb\xa4\xd7\\\xceJ\xe9\xd2\x82E?\xafI\xf7\xd2hf\x1fu\x10\xe2\x8e\xae\xcb&gt;\x0bl\xb4\xdckS&amp;\x01E\xd95-\x01\xe8\xfbz2a\xa8k\xa4\x04\xa9\xb4\xdc\xb5\xea\x1a9\x0b\xbc\x89o\xf4\x9b\\\xe3\xc0E\x8d\xbb8\xe4\x1b\x95M\x8aQ\xacN\xa6\x87^N\x1b\xebx\x93\x8a\xb2ZWr\xb4{\xb5T\xa0&amp;\x9c\xa8\xe8\xb7\xc2t\xb5\x1aM\xc7G\x94\xb9\x15\xdd\x15\x94t\xbd\xd4T\xec\x03\xac%i5\x9f\xaa\x9f\xb4\x16\x0e\xdf\x04RG\x9a^\x18\xa1\x84k\x99\t\xe5\n\x00\xf0+\x1e\xaf\xb3[\x1e\x1c%8\xacj3\x0fKu\x00G\xe8\x084U\x94\x1a{(\xb2\x83C\xcb1&amp;*\xea\x91\xb2p\xb3\x85\x0cq\x02\xb0\xbb\xab\x0e\x90\x04\xb8l\xf9p\x9cW\xe1u\x9c\x84\x9d\x93!\xa9\xa0\xab\x9e\x16\xee\x0e\xcebw,2\xba\xa2w$Yo\xc4l0\xed\xd2\xb4\xa0\x8b}\xbf\x9b\\\xef\x00d\x1c\x1e\x85[\xc3 l\xdbz\xd0KI\xe2\t\xa0r1{!\xd0\x8b0Iu\xb1\xc4\x8a6\x85\n_Mg\xaaV\xee\xf1drZ\xe9\xa1\xb1?\'\x9b\xd9@\xa8 R\xd7\xc8\x05\x0b\xd8\xe4\xd6\x08\xf3\xfd\x87\xd1&amp;\xef\xf2Y\xdb\x06\xef\xe0\x88\xf7\x86\xd1\xe2\x8e\xb3u\xe5A\xd7\x0bRe\xd3\x13\x00J\x80\xe7"\xad\x94\x9943\xce \xa7F\x1b\x10/JJ\xb4?\x1c\xbb\xe0\xd7?2\x1d\x82\x8c\xc0\xef\xa4\x1a\x14\xed\x192\xa7}=@\xcd\t\xdb&gt;\xd6m\xba9Y\x81\xa3\xfb\xe7\xe3\x95\x04w\\\xed\n\xa3%\x81\x7f\x8bQ\xcdLr\x10\xcb\xb2v\x0f\n5a\xcdXP=\xa7c\xcfG\xbe\xaa\xff7\xa1\r\x11\xa5\x9e\xf8Z/\xc1I+{c\x81\xf6%9\x90\xdb\x02\'\xaf\xb5\x97 \xe8\xf0\xb3+"\x1dD\x19\x98\x9a\xa2\xfc\x97\x108e\x85g\x84\x8b[\xbfn&lt;\xa5\x8cC\xb3\x01\x9d\xabr\x9f\xac\xcf\x05\'\xe7I\xc1\x178\xc7=\\\xc8\xd1\x1d\x87\xb9\xf5;Q\x02G2H\x03\t\xbd\xbb\xf7\xc8f\x0b\xeaG\x04c\x90E\xeaNb\xa5s\xcdo\x0c\xc9\x0bq\x02\xcb\x18\x8a:\x93\x02\xb7bN\xab\t i\xcc\x8cS\x956\xa6:\x11\xb5@F\x95\x03\x85\x1d\x01\xfe\xa0\xac\xc3$\xa0\x0ef\xf7\x1a\x97\xd5\xd7=\x90~m_\xf1\xdb\xe6d\xdc\xea\x12\xc2\x1b\x93KB\xaa\x9b\x87,\x</t>
        </is>
      </c>
      <c r="E93" t="inlineStr">
        <is>
          <t>&lt;class 'numpy.ndarray'&gt;</t>
        </is>
      </c>
    </row>
    <row r="94">
      <c r="A94" s="1" t="n">
        <v>92</v>
      </c>
      <c r="B94" t="inlineStr">
        <is>
          <t>steps_per_sec</t>
        </is>
      </c>
      <c r="C94" t="n">
        <v>1400</v>
      </c>
      <c r="D94" t="inlineStr">
        <is>
          <t>10.329387</t>
        </is>
      </c>
      <c r="E94" t="inlineStr">
        <is>
          <t>&lt;class 'numpy.ndarray'&gt;</t>
        </is>
      </c>
    </row>
    <row r="95">
      <c r="A95" s="1" t="n">
        <v>93</v>
      </c>
      <c r="B95" t="inlineStr">
        <is>
          <t>Loss/object_center</t>
        </is>
      </c>
      <c r="C95" t="n">
        <v>1400</v>
      </c>
      <c r="D95" t="inlineStr">
        <is>
          <t>0.58755535</t>
        </is>
      </c>
      <c r="E95" t="inlineStr">
        <is>
          <t>&lt;class 'numpy.ndarray'&gt;</t>
        </is>
      </c>
    </row>
    <row r="96">
      <c r="A96" s="1" t="n">
        <v>94</v>
      </c>
      <c r="B96" t="inlineStr">
        <is>
          <t>Loss/box/scale</t>
        </is>
      </c>
      <c r="C96" t="n">
        <v>1400</v>
      </c>
      <c r="D96" t="inlineStr">
        <is>
          <t>0.09685669</t>
        </is>
      </c>
      <c r="E96" t="inlineStr">
        <is>
          <t>&lt;class 'numpy.ndarray'&gt;</t>
        </is>
      </c>
    </row>
    <row r="97">
      <c r="A97" s="1" t="n">
        <v>95</v>
      </c>
      <c r="B97" t="inlineStr">
        <is>
          <t>Loss/box/offset</t>
        </is>
      </c>
      <c r="C97" t="n">
        <v>1400</v>
      </c>
      <c r="D97" t="inlineStr">
        <is>
          <t>0.27169353</t>
        </is>
      </c>
      <c r="E97" t="inlineStr">
        <is>
          <t>&lt;class 'numpy.ndarray'&gt;</t>
        </is>
      </c>
    </row>
    <row r="98">
      <c r="A98" s="1" t="n">
        <v>96</v>
      </c>
      <c r="B98" t="inlineStr">
        <is>
          <t>Loss/total_loss</t>
        </is>
      </c>
      <c r="C98" t="n">
        <v>1400</v>
      </c>
      <c r="D98" t="inlineStr">
        <is>
          <t>0.9561056</t>
        </is>
      </c>
      <c r="E98" t="inlineStr">
        <is>
          <t>&lt;class 'numpy.ndarray'&gt;</t>
        </is>
      </c>
    </row>
    <row r="99">
      <c r="A99" s="1" t="n">
        <v>97</v>
      </c>
      <c r="B99" t="inlineStr">
        <is>
          <t>learning_rate</t>
        </is>
      </c>
      <c r="C99" t="n">
        <v>1400</v>
      </c>
      <c r="D99" t="inlineStr">
        <is>
          <t>0.00046</t>
        </is>
      </c>
      <c r="E99" t="inlineStr">
        <is>
          <t>&lt;class 'numpy.ndarray'&gt;</t>
        </is>
      </c>
    </row>
    <row r="100">
      <c r="A100" s="1" t="n">
        <v>98</v>
      </c>
      <c r="B100" t="inlineStr">
        <is>
          <t>train_input_images</t>
        </is>
      </c>
      <c r="C100" t="n">
        <v>1400</v>
      </c>
      <c r="D100" t="inlineStr">
        <is>
          <t>[b'512' b'512'
 b'\x89PNG\r\n\x1a\n\x00\x00\x00\rIHDR\x00\x00\x02\x00\x00\x00\x02\x00\x08\x02\x00\x00\x00{\x1aC\xad\x00\x00 \x00IDATx\x9c\xed\xbd{\xec}\xd1R\x1f\xb4\xf6\x0fn\x93\x82\xa8\xa0\x90\x96@\xd3\x0b\x11y\x95\\(\x90\xc8\xb5\xa6Ah\xaa\xb4"\x8f+\x04\x88m\xa0"7\x15H-\xd1\xd2Z\x1eE\x05j\x13\xad O\x11\x8b\x80@\xa0\xd0RA\nF\xe4\xd5\x94\xf0\x90\x0b\x8d\xbd`\x0bX\x8a\xd0j@\x05\xdb\x14\xcb\xf8\xc79g\x9f\xf5\x98\x9953k\xd6\xdak\xef\xef\xfa\xfc\xf1\xfb\x9d\xb3\xf7\xac\x99Y\xb3\xe6\xb5\xd6&gt;\xe7|CXXXXXXXXXXXXXXXXXXXXXXXXXXXXXXXXXXXXXXXXXXXXXXXXXXXXXXXXXXXXXXXXXXXXXXXXXXXXXXXXXXXXXXXXXXXXXXXXXXXXXXXXXXXXXXXXXXXXXXXXXXXXXXXXXXXH\xb1\x85\x10\x00 l\xdbF\x13\x01@\x08\x81\xa7\xa1\xc7\x06f\xd8\x9d\xf3\x83uF|\xbb\x9b\x89\x05\x80m\xdbn\xff\xd2\x0c\xc3\x8d&amp;V{\xbf\x15\xf3\xcc\xf8\x94\x12\xf7+\xe5\xf0\x988\x96{\x1f\x18\xc2\xc6N\x81z\xcb\x00\xd5V5\x1dj %.\xbbbr\x81V\xc8\xed3\xbf\xc4\x9bW\\\x03\xe3\xd7e\xc1\x1d\xafB\x08\x9b&lt;\xfd\x14\x19!\xba\x03\xf1\xdb\xfd5\xcfz\xbb\x03!\xde\x99@\nTJ\xc10\xaa\x10E\xb2+\xd3w&lt;\xbc\xaa.u\'\xbfRN)\x9dT6\xf6y\xab\x98\xdam\xde\x00\x7f\xb6.\xb4T/\xae\x077V\x14e\x81-B\x95\xb8\x1f\xc6K\xef\'q\xe5\xcb\xc1\xa0R\xd6\x82\x087\xf3e\x99\x17%\xdb)\xe4\x16\xc7\xd2\x1c"\x89\xd7\x01\x00\x00~\x85g\x8e\x16\x8f\xf4-\xcf\x1fB^\x90\x10\xfdcV\x05=@:\x90\xafd\x99*\xa5\x0e\xf7\xeb\xc4p\x8a\xcf0\xac\xa0{\t\x98*\xb7R\xaaL\xa5\xe4)\x01\x7f?\x04\x81\x1d\xabE\x02\x1db\xd6J+\x88/\x00\x8cVTU\x88\xff\xa5\x12z^\x03"\xf0\xda2\xa2\xf3ya;\x86X(\xcf\xca\xb0j\x0b\x93cpXu\x97\xd2[\xc0B\x0cI\x86\xd2\xb1jg\xa4\x95+\xb8bg\xce\xf2\xa2\x12\xfd\xf3\xfd\x07?)\x83 q\x0b\xf4ak\x89\xd3\x90\x91pw\x19\x80\x1f\xf6eX\x13\'\xaa\xee\xd7\xc0\x88\x02\xd0\x90E.f\xedq\xa8\x9c*\xdc\x93\x97\xa8Eu\xd6,f\x9e\x08\xaa\xcb-/\xa2\xa7\xed&lt;\x13\\\x93\x07i\xb9\xc9\x80\xf4\xa0\x06\xd2\xbbr){\x14H\xe2a_\xa0vH\xd4C\x0c{\xb9\xc0\xf3\x9a\xd1\xf5,\xb3\xf0\x820\x95\xfb\xd2\xc7\x1a9\rs\x00\x92\xbd\x95\x1f\xbfP\x039\xfe\xc4(\xa1\xa8\xa8\xee\xe6\xcc\x8f=\xc7\x99\xbf\x00\xcc\xa3\xce4\x8a,t\xc1l\x9e\xef\x0c\xf3\xe9A\x8f}\xf1g\xd5\x08\xaa\xcd2S\x00\x8a\xeb\x7f\xa8EPN/\'\xe5\xf9\x98\xca\xd5\xc2\xc2\xe5\xb1"\xc2\x1fL\x9a\xab~\x1c\x85\xba\xcb\x9c\xc0\x8cGrd\x9f\xbcu\x95R\x93\xae`\xb5\x9c|\xe1*X){v\xb4&lt;\x8d\xd99T\xaf40\x7f\xbb_H9\xf3O24\x9c\x87\x1e\xb1h%\x8dy\x10\xd7[D#\xc6k8\xbfM\x16\xc6\xe3\xca^A}\xdc0\xa1ar\xee=\x93\xfe\xaf)}\x83&gt;G\x9c\xbaL\x08w\x9fS\xf1\xab\xd2^\xd5\xf2W\x9d\xd7\xc2\x0bEkw\xef\xa5\x87\\\xa2\xe5\xcc\xe4\x82a{\xc8\xa4.i\xc9\x85\x85\x97\x88\xc7\t~\x1b\x13\xd7s\x12\xe1\xa7\x0fy\xb2\x1f\xf7\xd2f\x14\xfe\xc1|}\xe5J\xf4\x9d\xb0\x0c\xbb0\x0b\xcc\xb9\xfbX\x17&gt;|\x07\xf0\x12b\xf8%\xcc\xf1\x10xvK^\x8c\x16^&amp;\x9c\xd3\xa2\x07\xc3S\xe7\x9d\xae\xca\xab\xbe4\xe0\'\xf4\xc4\xcb\xb1\xb0\xb0pqL\x95\xa1:\x17\x80\xfa\xa7i\xc7\x83\xfcl\xebp\x89\x0b\xa7\xc0Z\xbe\xb3\xe2\xf0\\\xe3\x82\xae\x93@\x8f\xd4\xbaZ\xad\xc7\xf7\xecv\xbca\x85\xeb\xc2\xc2\xc2\r\x87|\xe0\xfa\xc0\xaac|:r\x892\xb9\xe3b\xd3YXX0"\xce\x04\xc3\xce:V\x02Z\xb80\x96{/\x0b\x1c\x85W\xda\x01\xfb\x9f4\xea\xbdf\xf1_eZ\x7fynaaa\xe1\x00\x08O`V\r_\x18\x86\xeb9\xdb\xf5f$\xc7K\x9e\xfbi\xd0{\x91\x96\x13\xcc\x8c9W\'SjF\x15\x17\x16\xe6F\xfdh%\n~\xfc$\x06\xf6?\xbf~]\xc0\xdc\x7f\xce\xdbw\t^\xc2\x82\xce\t\x08\xc8\x07\xd4\xd6Z\x9c\x05\x93g\t\x14\xe2g\x00?O\xfa\xe1\x95\x1c\x94ju\'\x9f\xa1\xef\x12\\iA\xe7\x07&lt;\xfeT\x1c\xec\x7f\xeb\xe7\xb6\x04\x8fU \x7f\x83}\xcam\xd9K\xc6e\xc3\xe6\xd8\x0fb\x8e\xc4\x0b\x99\xa6\x1c?}\xb4\x02/\x01\x10!\x14\x9f\x7f[&gt;\xb9\xb0\xb0p\x0c\xe6I@\xf3h\xe2\x88=\xe3C4\xbdl\x9a\x87O\xfczf_\xd8Q9\x02\xe2~\xdf?\xfa\xa3\xf0\xf8\xef\x13\xb4\xe8\xb5`\x85o\xb8\x1ex\x1c\x94M\xe4\xa6\xc9\xe4\xc9H\xab^n\xde\xfb\xf8\xf4\xf0\xe7\xe8\x13\xb9u$xaT\x96\xf6\xe6\x82\xcb\x03\x16&amp;\xc1\xc8\xe7l\x03\x1e\x86\xdfD$e#\x12\x19__1\xb8\xd0\x03\x95\x1d\xc0\xb6m\xa8\xe7M\xdd\x86\x85\x10j\x7f\x9bL\xc8a\xf2~\xb3\xc4\xd9\xf4Uc\x1b\xb8\th\xcc\xb9F=/\xbf\x84\xd7\xc2\xe9RD\x06\xf57\x81\xef8z\xdaU\xbb3\xd1\x8b\xde(\xd9Q\xc5of\x9cM\xdf\xf3\xc1\xf7\xd7X\xab\x0e\xe6\xeb\x84\xe7\xceU\xae\xf0J\xdc\xa7K\x11\x0b\x0b\xe7\x83{\x9fe\xfe\x8d?\xd5@\xd5^\x93b~\xc2\x8d\xe8\xc2\xc2p\xac(1\xe0\xa4F\x03\xf8\xb1\x81\xb2F\xfc(!De\x80Q\xe0J\xb8\xea\xbc\xce\x85\xdaC\xe0\x94\xa2\xfa\x08n=4&gt;\x11^\xec7~\x01\x9a\xce\xca:\xd9m\xb6\xaf\x01\xcf\xff\xbd\xd6\xf95\x9c\x1f\xaf\xc2\xad\xf5 no\xc5\xdb\xfbG\x95I\x86\xadG\x96\xab+X\xe8\r\xc6C%m)\xff\x81T\xb3\x03oa\xf43\x1c~\xb2\xf3\xe7\xd6\xf95\\\xe8\x02\xfa\xa8t\x1d\x97\x8a\xf0\xa2\xac4x\xb2\xed\xe2n\x0c\x0e\\\xa31\xa7^\x0b\x0bR\xf4x\xf2\xb6\xb0\xd0\x03+c.,\xd8A}\xa9x\xc5\x95\x16\xbc\xbd\x969),\xc3\\\x0f+{\x880\x83\x99\x8e\xd7\xe0\xfc\x90\xd8p\x86\xb5^X\x88\xb1|\xf20\x94?C(\x18"\xbdxm\\\xdbk\xcf8\xbb\xf3i\xfc\x92\xf0\xfb\x8eV`\x81\x04\xf9\xc1\x06\xf1\xc3\xd5\x17\x18{\xd7~\xf2|\xe1\xa9]\x06k\x8dnXv0\xe0\xf9S\x10\xb5\xcfw&gt;\x014\xd9\xe9&gt;\x98\xd5\xee4\x93\x7f\x94\xbeqz\xc3f\xf7\xb5c\xc4\\\x11\x93{\xe08\xa4v\x88;3\x8f\x8ff\xa5\xbf\xd1}\xc9\xce\x0f\x00~\x80\xb8\x9e}2,7\xc7I\x0c\xb1ky\x16\x85\x17\xa6\xc2U\xdd\xe6\xc8\x8f\x9cN\xc9*\xe7\x9c~\xc4&lt;\xfe\xe9\x8e\xb3\x7f&gt;\xc5\xd2;\x00\xc0j;N\x87\xc6\xaf\xbf.,00\x7f)\xf7\x14_G\x8fS&lt;\xfa5\xc0\xf9\xa7\xb0`\xc1\xa9k{\x0f\x18\x7f\xe1\xd8[\x8d\x85\xf9q\xa5\xd8A\x7f\xado\xef\xfdO=S\xeb\xcfA\xbf\x0c\xac\xc2^\xc2\xe0\xee\xcb\x88\x97\x81\xfc\xe0\xdb\x16;\xb6d:,\x05\'\x93:q\xda\xbf"\x00\xbe\xc84\xca\xe7I\xce\xa9\xbb\x00\x06\xe5\xc3\x9e\xb3L\x14\xde\xf9h\rf\x02\xf5\xeb)\xe35\xe1\xe1\xa8\x92\xef\xec\xf8D1\xa1%\x07\xe1\xec\x8f\xc2\xbd\x94?\x9d\x11*\x0e=R\x95\x85\xfe\x00\x80\x8f+\xae\x0cp\xda\xf1a\xd1uR\xe5A\xd0\x05!\x99\xe1\xa5\r \x05\xc0_;Z\x05;\xae\xef\xc7\x0bs\xc0\xf1\xb3\x98\x0b#p\xf6\x0f6\r\xc3\xa9m\x04\xb0VY\x84+Y\xe9JsYX\xf0GK\x84\xac\x8ezf\xac\xc5YX\xb0`\xc2\xc8\x99G\xa5L\x8fi\xf4Z\x18\x81y\xfc\xf0\x920\x98w\xfc\x8a\\\xca\x07\xd0\xa9\\j\x862\x98\xa7|\n[\x9dBIw\xf4\x98\xf5y\x9f\xa3\x1c\xa56\xc0\x9b\x0e\x91\xeb\x8e\xe7\x83\x8d\x17\x18P\xff\xc6\xd1\n\x1c\x88\x17\xb7\xd8\x0b\xd7\x85\xd0\x99m\x1e\x7fT\x9c\xac\x08\xf5\xc4\xb2f\x86e\x90c\x01\xf0\xf7\x8eV\xe1:X\xce\xbc\xf0\xd2\xf1-\x1dx\xaa\xa2\xaa\xe9\xb1\xf3(A\x0b\x97\xc4r\x89v,\x1b\xce\x82\xb5\x12\x0b\x87\x00\xde\xe9\xf1\xe2P5\xe4\x18\x16)\xd7\x0e\xc9KO.\x02\xf1d\x98 \xf6\xfe\xfauW\xfaNhQB8\x83\xfc\x17\x1a\xaa\xf4Fu\x18\x05\xbc9.,,\x9c\x08\xd4\' \x0e\xcc\xc2\xa7.\x00-\xdf\xcc\x92&gt;\xcd\x9b\xc3&gt;\x17\xc6\xb2\xf0K\xc3\xd5\xbe\xe7|\x91i\xe8q\xf8\xc4\x07|\xa6\xb0\x14Q|\x8f\xe1\xac\x9fk\\0\xe3\x8c\x8b\xee\xf6\x13^\xff\xa4\xeco 6\xff\xad\xdcy\x11\xab\xcf\xcc\xe7\xf4\xf3&lt;\x03\x0e\xf7\xa7\xb5\xca\x0b\x0b%\xae\x1c\x17\xf1\xdc\x0e\x9f\xe5\xe1\n,,\xbcL\\9\xc79\x811\xd0\xb2]_\x08\xed\xbb\x9cx\xe1\x10\xd8\x1co\x06g]!\xe3\x8b\x7f\xfdh\x05\xdcPz\x06D@\t\x0e\xc7\x00\x85&amp;\x9c\xb5#\xae=\xbb\x85*n\xeb\xbf\xdc\xc0\x80\xab\x99\xac\xfe\'\x01~\xbc\xab\xf4\x8e\xcc1q/\xe0\xef&lt;\x08py\x0bL;\xc1I\xd5Z(0\xad\x0b\x8d\xc6\xb2\x83\x16#]\x07\xdd\xc0\r\x93\xbe0\x12\xd3\xael\xa7\x1f\xe0s\xe7\xa9\xd7\xe1h\r\xce\x0b~\xfdfX\xddsAb\xb1e\xd3\x1d\xeb\x0b\x13/\x1c\xf2\x95}\xa1&gt;\xb0:\xc7\xf91fA^\xf8\xaa/\xb7\xe7q\x01\xfb\\`\n\xceX\x06Y\xb8\x06\x98&gt;fm\x02\x16\xc4\x9f*D/\xae3\x8c\x85\x1a\x96\x17\x1c\x0b&amp;\x0e\xd7\xd3\xfe\x85\x18\xcb\x19F`\x1dUWap\xc4\x97\xf8\xd7\x88\x04\xa8\xa6\xf8\x99\x9b\xb8\xb5\xa0\xe3!\xf1\x87\xb5.\'\x80|\x89 \x847tTD\r\xe37\x89F\xfd-\x81sa\xdaXm\xf9\xd9\x99\x85F0\x1f\xf5^6\xef\x05UF^XXXX\x98\x11\xda\x83S\xf8\x84n\xaa\\\x14\xebl\xfa(\xccl\xf6\x97\xf3\xe3\x8c.3r7\xcb\xf5\xecl\xc4\xfa\xae\xec\xe1X\xc6\xef\x84e\xd8\xcb\xa3\xe9\xb0t\xb9\xc7\r\x86\x02\xb0l\x87\xe2,f9\x8b\x9e\x17@[\x86\xfa(GM\x16b\xac\x10\xb8c\x99\xe1@\x8c\xf1\xc2\xb5\xc4\x0b\x97\x04\xff\xe5\xd6\x95\xe2\x17\x0e\xc3\x0b&lt;U\x1b&lt;_\xed\x1f\xda\xf4Uo\xf2\xa5\x9d\xc1\xf7f\x0e\x81\xf5\x9dAg,K-\xcc\xef\x03\xf3kx%\xb4\xfc)\xec\xde\xb8\xff8\xf6\xd1j\xf4\x85\xb6?r4\xc7\xb4\x0b\xff\xc2\xa1t\x89oS2\xff\x1a\x9d6\x0b\x0b\xaeX_\x9fL\xa0\xf8y\xbc\xb9\xf7k\x0b\x87\xa3\xfa\x03\x0c\x13:\xcft\n-tFW?\x9c\xd0\xc3y\xbc\nb\xa5\xb7\xce\xaa,\\\x00\x00oN\xdf\xde\x83m\xdb\xb6m\xdb\xc2\xb6M\x17!\x13\xe8s\xbc\x06s\xc3\xd7g\xee\xae\xe8*b\xad\xe0\x82\x1b\x06\xa4\xc8A?(\x9d\xb6Z0\xf1&gt;\xe0\xecX&amp;\xad\xa2\xd1\xf1\xae\xea\xb7\xafz0U\x1d+u\xe2\x9f\xd1L\xbbt\xe5\x89d\xd9\x9e\xf4\x11\xdbY@\xf4\xf3\xcb\xf7M@o\x91\x0b\x0b4\xb2\xc6_\xfe\t\x9fd\x0b{9&lt;\x0b\xc0\xb0\xfa\xf6\x1d\xd1k\x9bE\x85+\x11\x17\xedi\x97n\xeb\x9c\xf1\xd1e\xe5%N[,\x17(\x8c\xccM\xd7h\x84\x85\x16\xbb\x91]c\xca\x15\\o\x92\x86\x8f\xf1^\xc0\x04\xf9\xd6\xe7\xb8e\x85\x08\xc9\xf5\xa3\x14:\x02#\xed\x7f\xbd\x10^X\xd0\xa1\xe5;~p\x1f\xe5\xaa\x90@\xa2}8\xfbKa@S\x8e\xf9$\\\x99\xfd\xafz\x90:\x03\xf0Z{\xff-\xfb\x83tR\xa2\xf4\x8d\xde\xde\xb2\xbc\xb1\x8ee#-\x14?\x82\xed\xf1[\x8f\x8f ?\xec\xdb\xed\x92O\x7fR\xbb\x81\x85\x16\x00\x00\xc0\x0f\x1b\xc7\xfa\xaa\xd2\x00\xc6+\xd0\x0f\x11\xf4S\xa3\x13\xe7\x93!~|\x17B\x00\xf8\x94C\xd5I\xd0i\x89\xd0\xa5\x07\x80\xef\xf6\xe3\xd6\x0f{\x01X\xfeK\xc1`\x1aGs6\xb2\xba\xf6\xbaJr\xfar\xedq\xc8&gt;\xbc\xd1nz(\xca\xf8\x9c\x18q$"\xa7\xd4+\x83.Vy\x16t1\xac\xd4pR\xc0\xe3_\xf4\xd8j\x9d\x1c\x8eCu\xff\xdeU\x84\x85[\xcaY~n\x88\x1e\x8f\xf6\x86M\x8ac[\xb4"G\x85I\xcc5\x89\x1ar\x18?\xcf\xbd\xa7{\x86f\x1d\x1evE\xf7\xc7,\xc5\x8bIp\xa0?I${\xa9w\xed\xb89\xcb\xd4:-B\xd7\xb55&lt;\x882\x88@\x93{\xd9\xfe\xaf\x02\xd0\t\xafZ&gt;A,Z\x92Y?\x89\xef\xfe\xd1iMK&gt;\xce\x95\xb7m\x0b\xb5\xe09oh\xcd\xe6T\x0c\xdc\x8d\x0c\x00\xa8\x0f\xb7\x08\x8aG\xea\x02\xa49\x9ab\xb5)\xd1\xc3\x1c\xd5X\xcfN\x18JM\xdf\x04\xde\xd7\xe9\x96`\xa6\x9d\xbcq\x7f\xaa\x9c\xce\x16\xfd\xd0Me\xac$Z\xfc\xeaS\xf5K\x8c\x97\xfc\x8a\xe3\xe9\xa0zD\xc48X\xcbj\x9aG\x1a\x06\x1a\xa2r\x98\xa3\x1a\x05\x11%yf\x90\x05@\xb5\xed\xba%\x18t\xf2*\x8bP\xc2\x00\xde]\xce\x04\x1d\xcf\xde\xc4\xef\x1a\xd6r\xff\xde`e\xac\xc0\xaa\x8d~\xd4R\x8aG\x9eP\r\xc6\xae\xf5\x7fx\x88t\xf6\xaej\xc5\xcb\xa2~\xba\x15\xa1\xe6+\x99\x08L\xf9\xe1\xa8\xd3e\xff:&amp;\xb4\xb2\r-\x13\x81\x10\x00^7\x83&amp;\x1a)\xbd\xbfA\xd3\x95\xbd\x0e\x12]\x8e\xcd\x8f.\xfb\xe3\xf6\t\xcc\xb4h!\x14_\x13\t\xec\'8\xca\xe7\x04M\x87]Sy\xf0\x82\n\xdapR\xf9\xca\x98\xc7MU\x19\x8e:\xac\x07h!\xadX\x87XC+\x94\xa1wdu8\xb2\'\xbc\xa8\xaa\xf3?\x04\x9eW\xb3\x1a\xba\xfc\x1ahoh\x7f@\xed\xa8\xe7\xbd\x0c$?-\xa8\x8es\xb36/\x00\x7f:2w\xf6\xab\x90c2K\xf4\xc0\x0c\xb9[\xea\xe0\xe8\xb4^\xac\x06|^\x90Q\xf5\xf6\x8cm\xd220\xa7V6\x1cedE\x93\xdeS\xdc\xbcN\xd6\x80\xb3L\xaa\xc7G\t\xf8\xb9\x9f\xc2,B\x9ct.\xd9)\x10J\x10S\x0eT\xedEb\x06\x03\xdb\x96y\xe4\xa8\x8c\x03|S\xebG\xa1\x1bu8V\x84P\r\x15\xd9\xe1\n/\x8cD\xec\xa4 \xa8\n.\x12?"~\xdbI\xcc\x82a\t\x01\x0e[\x8fF\xb9\xe3\xd5\x96\x98W\xfb\xc8\xa4A\x1d7\x0cz\x12s|e&lt;+\xdc\xcd\x06)\xbc\xd9\xd7\xa5\x0f\x96\xb8\xc0a\xe8\xd7\xa5\xc4\xa8zIF\xd0u\n\xc0~p"\xa3T\x9c\xb0\x89\x7f]cZ\xc8w\x1b\xa7\x9bZ;\xc6l7_\x82a\xaf6\xc7\x17\xb2l\x8dp82\xfa\x0c\x17E4OM\x8e^Y\x80\xcbEK\x07\x9c\xddD\xc0\xe0h\xdd\x16\xce\x81\xde\xae2\xd2\x15\x01\xb2cF\xdd\x86\xa0\x1a;+\xac\x16Z\xe0\xeb?\\\xf6?U\x158\x87\x96g\xc1\x89\x16\xde\x1d\xe5\xdc\xb5\xa6\xa8\x16\x00\xb9q\x1d{p\x94O|\xb1\xf7z\xbfX\x8f*\x01J7H\xc6r\xae\xa5\xe0\xf3FY\xf6wL\x05\xcb\x01\xba`7k\x91\xb6&gt;\xe7\x00m\x04P\xa4\xbf\xbe\x8atD\xbd\x00Dq\x05\xf0\xce\xa3\xf4\x12\xe1\xbcf\x1f\x80j\x1d=D\x01\x03\x13&gt;\xd7\x1f\xb8\x0fX\xee\xa7\x03\xb3&lt;\xe3K.\xfc\xc4`\x81\x1c\x8e\xed8\xaa\xb2\xe1\xfe4\xf8\xaf-\x8f_h\x04^\x96hba\xa7\x7fL\x05\xc8t8H\xee\x99\xc0\xf7\x9b\xedL\x86q\x18\x80\x1eJ"\x91# \x1ef\xaeS\xac\xcb\xe5\x81\xaeA\xcb\xd2\x98\xc7\x8ar?Ao\x93\xb8\xe0\x8b\xfc\xa7 \xf8\xafb\x0b\x99&amp;_\xb57(u\x04\x0cz2\x06\xd9\xbf\xcf\xa2\xd3\x01\x8b\x8a\x9f\xdf\xef\x16\x04\xbb\x02\x87\xfcL\xee~\xfa&lt;F\xf4\xd9\xe1h&amp;\xf7\xc5\xb6\xf9\x0f\xb5\xf4\xe4\xcf|\xe6\xc3\xff"\xc5v9\xd50\xa8\x17\x1e\x94\xbfy\xad\xa5\xef\x8a\x19\x94\xb9;7\xa1\x07\xaa\xe1\xed\xe2\x0c\xca\xc7\x00p\xfc\x9b\x05W\xc3m\x95\xa9\xa5\xe4\x07\xf6\xf8\xe9\xaa\x1e\x9eC\x16\x80r\xd6\x01\x7f\xac\xcc\xfcA\x9b\xa9\\\xfd\xc2xU\x94\xe5J\xed\xd5.L\xfe\xab\xe5\x87VxG\xaf2La\x9f8\xf3Kp\xfc\xdfT\x98\xe7\tM\xf0\xfc\x8b5\t\xae\xd1\xfdQ\x7f\x84\'\xf9\x1bJX 4\xfe\xca?J\xdf\xeb/\x07P\x7f\xb7\x0b\xb9\xa4\x92\xf8K\x928\xbd\x84\x9b\\\x11\x1f"\xa09\xf8\x99j\xffoB&amp;W\xac\x03\xcb\xbb*\xcdA\xfc=\xe1\xae8\\\x81\xf1p9\x8e\x1f\xb0|\x8d?\xb8\x82?\x00(\x1cUBSrn\xd0k\xe1l\xb8\xd8j\x03\xfcA\xfa\x96e\xaem\t\xc5&lt;\xb4\xcay\xfc\\&amp;:\x1dvW$\xef\x1bL\x8f\x91Z\x84\xaaw\x1btrOE\x88\xc82\xad\xaa\xcaHt\x05\xec\xc9\xd9B\x02\x97\x07\x95\x19\xabe\xef\x01x!n}H\xd2\xf7\xc9&gt;\xca\xdc\xea&gt;\xcd\xaf\xf7eW\x80.\x004\x81\xf2\x83@k\x97\xd0\x1d0\xf04\xed\x9008#J\x13\x00} p=\x8b\x15-\xe4t\x13\x1c\xec\xc9c,`\x90B\xb5\xf6\xbb\xbb\xee&lt;\xefW\\?\t\xba\xf3\\h\xc5$16\x85\x12mPY\xf2\x9f\xaf\xb0jb\xde\x08\xad\xac\x0b\xac\xdd\x82\x16\x95\x02\xc0\xd2;)\xf0\xc9\xea!.\x82_\x08\x00&gt;\xaa\'\xf3\xe2\xcai\x97G\xa5\xb9\xd9\xf9\x1d#\xa7\x05]58~z\xfdQ6\xc8\x93\x83\xd2\x93y\x0c@\xcd-\xbbIr\x1e\xfe%G3\xa6W\xb0\x06\xdf\x9a\xac\x92;X\xe2\x82\x0b\xa0\xe7\x11\r\xc3\r\xbd5\x89\x17M\xa2\xc6xp\x05\x00\xfbZ;\xbc\xf19p\xb4\xae/\xa3\xbdPcd\x018\xd7\x02\xf06\xf1\xfd\x80\x01\x12-2\xe6\xfd\xd6N\x9b\x8b\x85\x0c\xb5c\xf7\xf3\x04\xf7i\xfa\x1dD$K0\xcc8\x93T\x1di\xef\x7f\x81f\xf9rx\x15\x06\x7f\xe9\xeeT.\xc0[\xa6\xbc\xd7\x12\x90\xa5,\xe1\xbaP\xdf9\x92\x80K\xf15\xa16\x89\x06\xdcd\xf9\xcasN\x9d\xd9\x12\x98\x8cc0i\xf4\xb52\xc5\xa8j\xc7\xa05\r\xa29&lt;?\x82\xb9\x8b\xda\xba}y\x90\xc7$erjHldk\xdf|u\x98\x8d\xb3\x0b\x06|T\xf9\xabn\x82\x8e8\xe8C\xd1\xd2#\x9f\x02]U5o\x16\x1b\x85V\xa5\xc07\xc4\xbb\x01\xe4h\xe1\xf7\xd7Dxh\xea\xcc\xf3D^g\x84$\x01\rHR]\xa5L\x12!\xc4\xc0\xa6\xef\xe3\xb4@\x14\xd5\x00\xf0\xc7\xbd\xe5\xdaF\x9d6\x14\x01~\x8f\xa3\xea\x8d\xc7D_Z\xa1\xd7+\xb4\x8f\xb5\x0f\xbd\x89\xeeP\x00\xdc9^\x0f\xb7\x1cplp\xd5\xce\x0f\x9de\x85\xc7\xacy\x1a\x03[\x9e\x80\xa2\x91\x1f\xf7k\xb5\x1a\x86\x99u\xab\xe2\\\x05\t\xe0\x97\xad\x03\xbb\x84X\xa3W\xc7\xf4\'\xf6\xa1\xf3";\xdb9\xcc\xad\xd9\xb7]\x85\xbaLYR\x00\xda\x99\xcc\x8f=\xc70E\x9d{\xf6p\xb4\t\x84\xd2\xe5\x89\xf4\xe8\t=q\xac&amp;cN\x11\x16\xd4\xc83\xefE\x17\xe9\xf0\x13p\x89l\xe9V@.\xb4\xed\x93&lt;\xda\xd3\x86\xcc\xc8\xd1\x93@\xc8(I&amp;\xd1\xc7~\xca[B5\x84\n\xb7\x0c\x97w\xd3\xe5\xdc\xdd\x1d1\xea\xde\xf8\x8d\xa6\xab\xd4\x85+\xa1t\x8e\xabV\x82\xd3\xa1e!\xc6d\xc3 ~\x9c\xd0\xa2\x8cT\x93\x0124\xfdDY\x14q2\x0f\xad\x02]\x99\x86\x05sc\xcfq,\x9e\xa5\xf4X=F\x82\xd9\xa7w\xea\x9a\x87\xf9\x81M\xd0\xfcn*G&lt;\x15\xc3\xbcl9\x8e\x1a\xce6\xa7\xc7\xdb|\xa4[\xf6\x93\xc5\x9c\xbc\xb5\xf0\xf4b%\x12\xe7D\xd3\xa4\xc3\x04\x0e9\x08\x8d\xee\xa2\x1dy\xf8QL\x153\xab\xa7\xd5,\xe9=;\'\x9d\xea\xad\xc3O\x81y\xdf#\xa7\xc0\xde\x95p(\x19\xba\x98A;\x97b-\xea\x06\xe1g\xd4c-\x8f\xf2\x8f\x99\xa3\xbe;\x84Iy\xe6\xcc\x8d*6\xb1\xbeR\x08?\xaa$\xe9\xaco/\r\x16Aw\x87\xf1\xebj\x01x\xe6\x9dCw\x00-Rd\x01b\xfc\xa5\xe8a\xc7V\xf1kH?\xfd\xe1\xc5Y{7\xa1\xd4\x8c\xbd@t\xcf\x82Ng=#;\xbe\xf1\xde0L \x9f\x7f\xabc\xab\xc9W"1\'(DP\x1e\x94\x17\x80\xcb\xc5m\xe3tn\xa6\x91\xf0\xf0\xb5\xdb\xb0\x8d\xf8\xbbu\xe0y)\x07\x9a\x04\xc2\xb3\x02Q\x1f\xa4\x1f\xb20\x00\x8f\x8e/yKP\xea\xd8r\x15 \xa2\xa1\xe4\x9e\xdaCZ2i{\xf1h\x1c.\x8cz)\xb7\x96\xf1JY5\x021\xab\x7f\xa2U\x99\x8b\x80\tQ\xf7\x85=\xa2[\xbf\xefv\xd1\x0e\xf4,\t\xc8g\xb7\xee-\x082\xc8\x98\xcfl\xf3\xfd\xd0\x7fB%\x8b\xd8\xac\xf4j\x8f\x83\xfe\xbf\x81\x8e\x85\xc7\x01\x14\x1a\x14:7H\xe3\xab\xab\xe9|\x02a\xf8\xaekF\x08g\xe8h\x06\x00\x8bY\xbdV\xa2t\xeb\xfc\x8c\xa2\xf3\x92\xef!\xa7\x1cu\x1f\xdb\xae\x1c\xcf\xe3\x1e\xc3J\x86\xaa\x120 \xa8\xcc\x12\x0c\x9e \xcf\xc8\xc3\xb0\x17\xb0c\xa4K;\x81\'\xbd\xea\xfaH\xcc\xa0CW\xbc\xda\xb6M\xb2\x00\x9e\xbf\xe2\xb7\x85\x10\x02|\xa2#G5\x98u\x1d\xf0;\x97\x00\xa0\x92\x11\xe7d\xc9@\xdek+\x13\xdc\xb6\xady\xb9\x99\xf8\x7f\xa6\xd76\x11\x8c\xe8\xd0\xf4\xab\x93\xcf\x91\x12O(ga\xf3\x1f\xe7D\x93&gt;q\xc9K\x94\xb7\xd0L\xc4\xf6\x80p8J\t\x00C\x7f\xa5\x98\xc0\x0c:\\\x10\x07\x96\xd5\xb2=\x01\xec\xc3p\xb6\xd8\x90\x9c~`{\xedo*\xc9\xaaW(|\xac\x90\x8e\x80\xe1\xdc\xa3\xdc\x01H\n\xc0K\x80\xcb\x8e\xcd&amp;Wr\xd7\xb0\xd6\xfd\x00\xff\x9bi\x94\xb7\x1a\n\xd1\xd3\x98n\x04\x8c\tq&gt;\x1b\xa1\xe9IrE%\x82\xbf\x9e\xbd\x80\xf4P\x08\x00\xe0\x03\xc7\x9c\x93\x08\x8f8\xf2Q\xe8\xc0\x96\xec?\x9d\x978Aba\xdb:SK\x10\x08g\x96k%\xd3\xf9\x80\xca!|\xb6\xb4p&amp;@\xf4or\xbd\xdbZ\xc69w\x808T\nZ\x00(\xdd\xaa&lt;\xf7\xc7\x034Ak\xc0\x8b5)\xf0y\xf9-\x17Y:\xc5\xa2\x17-\n\x94\xcb7\x06\xa58\xd5\x9ab\xc1U^\xf9Wt*\t\x8cp\xd8r3O\xc5?\xbc\x9b\xd0^\x8c\xbb\xe3\xca\'\\0\xc71\xe2\x0e`\xcd\x1d;\xae\xe8\xf4y\xa7\xdf\xb6\x8d\x9d,/\xd7\x86]z,\xb4\xfax\xbbq9\xe0~\xbe\xafc"q\x83\x16\x1a\xa1\x9b\x99W\xe1\xc6?\x1e&gt;\x83cW\xd7\x82!0\xac#\x00\xac\xf3\xf8\xee8o\x1d\x1b\x83j\x0f\x886k\x14=\xb2U\xd7h\x92\xf5\xd4\x86\x83\x17w&lt;?\xaa\x94\xa2\xbb\\\xf3@\xd3\x11\xcd\xb1G\r-&amp;\xe57\xbe\xc0\x12\x8f\xc4Q\xbb\x07\t2\xb5&gt;\xe9\x18-\x8e\x86ay\x90|7\xe9\x12{\xe2wF\xaf\xb3\xfa\xd1\xe8\xe2e0\xcf\x163\xc3\xb4\xe9:\xf1\x98\xf5l\x16\x9e\x19\xc2\xe2JQi\r\xed\xe5\xff\xf5\xa3\xadv\x19\x93\x03\xe0\x99\xa1\xf8\xbe\xd2\xa5\x0c$w\xb5\xecL\x18\x19\xc6+eHpm+Y#\xa5\xbbY\x0e7;\x97\n\xa4\x9fP\x90\x91I5\xb2\x8b\xb8\x0eF\xec\xd9\xe7\xb3\xe9\x84*u\xc5&lt;\xf3\x15\xea1\x8b\xba\x05\xee\x1f#&amp;\x0f\xfa\x8c\xa6noi]VX\xc2\xe3\xd8\xc3"\xe3@\x0f&amp;\xd7\xc4\x84\xe6\x10m\'\xc5\xc4"\x9fn\x18;\x1b\xca\x13\xa7C\x96xB\xbfj\x07@\xf8\\\x9e \xfa\xb7]\x96$m9Z\x99\x89)\xe1\xf3\'J1\x9e\xdeV\xfb\xfed\xc1\xb9\xc5\xe5.\xe9\xae\x1c\x86=\xb2;\x1c\xe8\x14\xcdsW\xedU\x85\xfd`\xfb\x1a\xa4ap\xcc\x13\x82L\xe0\xf5\x1d\x0b\x83\xa3\xd9\x05I\x939\xad\xb5p\x06:)T=\xaa\xe5\xf48\xbb\xab\xb2\xe1Q\x19\xec\xa4\x99\xf3\xd5\xfeJ\xf5\xed\xedS\x03\x9d\xe5\xb6m\xb6\x1f\x10\xc8\x8c\xc6x\xc1\xed\x9c\xa0\xfa\xc9\xb9\xdbi\x82A\x13*l\xb6\xed\x98\xc5\xcd\x04\xbe\x08\xdf*`6{}#\xab\xf9(A\xa9\x05\x14]&lt;7\x1c\xe7Y\x9d\x1a\xf6\x19\xd0\xda\x98R\x9fR\x10\xa3\xad\xbb\x9f\x0b;\xe3\x17\x92&lt;I\xcc\xb9\x818\xa2\xed%\xc3\xd2~^\xe9\xfa@\xec,\x883\x14\x1a[g\x99\xaf\xae\x81\xd5\xb0\xad\xb7\xd2o\xce\x86\xe4cc\xc8\x95\x14\xebF\xdej\xe7\x9f\xbd\x08\xe7\xf1\x87s\xe0ib\xec"B\x8f\x1d;tU\xcc\x9dx*\x90\x0f!R\x8f\xd7N\xf0\\\x06\xd1\x9e!\xb8g1GnB\xb6^\xeeM\xa5u\xf4\xb2p\xb7!\x1f\xe2\xd2\x061\xee\x8d\x96-\xf4\x9cJ(K\xae\x92\xf9\xee\xf9\xc0\xaf\x1f`I\x7f6\x1c\xab\x11t\xf6\ty\x01\x88;\xa69\xdd\xd4\xa0\xd5\xb1\x13y=}\x0bU\xcbfy&amp;\x93\xf2CT\xf4\x92\x02`\xd6a\xe42\xc1p\x89\xd7A\xb9\xc6\xb5r\xc7\xb5\xf9\x06o_\x8b\xd6\x0f\xd3\xe6\xfd\xab\x82i\x99=\x0e@\xc8\xe6\xcc\xc0\xbb\xebF\xa7\x919^JM\xca\xec!\xb0\xc2\x00\x07\xc0g\x1e\xf8\xb1\r]\x7fq\xd1"\x7f\xc9IM\x82\x9bm\xdf\xa7Fc8\x0ci\xa7l\xe4\xbc\xa7\xdaF\xddZ\x935\xa1\x01\x00\x00|\xab\x91\x9b\xebg\xa8&gt;\x9a\xbd+b\xe2\xa5\xcd\xcc8$\r\xad\x165\xf4\xeb\xc5\xac\x9c\xe1\x1d\xe7\xf5\xf8\xa3\x14;\xd0K\x1d\x05\x93\x1b\x08?\x11\x08\x7f\xbaH\x94\x9a\xd8\xef\xea\x15{\xd1\x80\xbf.\xa64u\r\xd7^\x8f\x7fk\x88\x94\x7f\xf7\xf1b|\xf6q\xec\x88}\x91\x9d\xa8\x0cS\x83\x11\xb4\x9f0Tu1\xd6\xe3\x869\xc2\x9b\xba?\x8e\x92\xd0\x08\xfb\xbc\x8c\xcc\x90y\xb4\x1b\x88\xea\xb2^\x16\xf2\xd9\xd9\xccpm\xf3\x91\x8f@z\x8a\x93nW\xafl\xf8\'\xda\x0b\x80\xee\xf8\xf1*f\x1d\xb0\xe7.\xf3\xb8-#k\x17\xe8\x81\x9f\xd2\x8e\xd2\xde\xba\x02\xc8\xcd m\x0e\xeaz\xa3\x91\xf8\xe1\xfd\xd6\xe0G:\xf0\xdc\x95\xbd\xb2\xebx\xe3b\xa7:B\xb6\xef\xd2Cv\x8a\x7fA@cN\xb8&lt;\xbdy\xafSMA\xf0\xef\x18\x18\x8b\xba\xa2k\'\xfc\n \x05z\xab\x93\\\xf4\xf5\xe9P\xdd\xbd2\x1f\x9dbxV\xaf\x9c\x11\xa5\x83\xf5\x157\x8d\xdd\xda\xd5x\x9c\xa7\x7f\xc7\x18q\x14\xdb*g[\xd2\x80\xda\x8f\x97\x18f\x04\x9b\x7f/?\x877\xb5\x81\xca\xf2T\x01\xa0\x06\xcaEh\x873\xf8\xbd\xfd\x0e[Z\xc6*\xfdL\x18E\x86\x813\xc3\xa0\xfaK\x9b/\xce\x87\x08O\x8a\xb8|\xedbF\xa1\x0e\xe6\xae\x11\xcb?Z\x1ev\xa8luj\xb7\xb4k\x1f\x9fr\xf0L:%\xaf~\xdb\x910\xc1\xa2vU`\xc0\xec\x0e7`?tu&lt;G\x00\xfc\xd9\xa4\x00\x14\xcfK\x0ca\xab"\x08~\xc7\x06Y%\x03\x00\x80\x1fh\xe4\x892\xa7\xae\xa8\x86\x9f\x12\xe6uj\x9f\xbdQn\xdf\x14\xd9\x8f\xb7\\\x87&amp;%|w\xd0\xdaQ\x8dA\x15"\xbf\xbaH\x80Yq\x9b&lt;\xfcK\x1d8gY\x15\xbb.\xe7\xc0\xd0\x88\xc8\xd8L\xf2,Z\xdd\n0\x7f\xbc!\x9c\xc2)qxG3UC\xe5\x9b7\xa1x!\xe7\xe3\xd4&lt;1\xfc\xb5\xf4Y\x17\xf6\xb3\x0cAv%\x9e\x89\xae\x90\xe8uS\xddM\'\xf57\xdc\xad\xed\xbb\x80\xbe\xde`KyqS\xefU\x00|\xb9\xb9\xa3\xfaL"\xa6&lt;\x1f\x00\xe0k\xcb\x8b\x1eM\x9c\\\x01\x00\xf8\xbc\x1e\xac\r\x8d\xa7_\x01\xa0\xa8\x9fU\x81\xfet6\x80(\xf7\xc9kI\xcbp9\xbds\x86\x92S2\xab\x16e\x8d2\x8c\xb3a\xed\xbb\xae\xc3\xdb\xa9\x12\x8a\x8e\xde\x95\xdbN\x7f\xa0=\xdc=\xfc\x82P\xed\xf8z\xd5\x80\x1eL\x8926\x1bT\xfa\r\x9b\xcc\x0cv\xe3[Tw\x11\xf9-o\x86\x87 \x0e\x81\xbc\xf8\xb9\x9a\x17)\xae5\x96\xfdl\xc5l7\xcd\x9b\xc5\xcb"^7&amp;\xc5\xb7\x9c\x184\xa2\x85Q6\xbb&amp;&gt;\x13;\x87\xed\x80E\xc2\xb0\xbc\xeek\x8a\xd9\x0c\xcb\x7f\xb2R\xbe\xe5\xd2N\xab\xd19{\xb0\x9dJh\xe4\xe1\xf5$\xae\n\x07\x95\xb6;\xf3_/\x04\xcd\xe4\xc5V\xc4\xe1\xcdo\x96\x172\x1c\xb2\xfe\xeey\x7fZ\xf4\x98\x9e\x81\xa7\xa4\x99\x80\x0ee2\x17Q\xf0\xaf\xa6\xc5\n\xc3\xda\xc5\xc1\xeeU\x1e\xcdI\x92~\x91\x91\x91!\x82}\x89FQ\x99z\'\xc3\xbd\x00\xb8rk\xe2\xf0\xc9\xc8\xc34\x9b\xd1{/\xd3\xee\x85\x7f\xa4\xaf\x9c\xa78\xc7\x816n\xb7A\x8e1\x80\xb29\xb8\xbej\xd4\x88\xf3P\xa3\xd6|\x99q`R\xbb\x95w\x81\xae\x8bP-\xa2ZV\xcc\x00\xaa\xafu\xc4\x85*@\x1b\xdc+G\xc9\xb0L7\xc7V\xe0\xa3\xd2\x93P.\x95\xee\xa9\xe1\xc3:\x1a\xb9\x94c\xa3\xcb\xd6K\xd2\x03W\xaep\x83\xa6\x10V\t\x9a\xd6\x05\xde\xaee\xf4\xcb\x80&lt;\xaf\x186\xd1\xc7e\xe1\x89BZ\xd4\xa2\x1e\x9dO)\xcc\xa9\x15\x03E\x01\x9b\xac\xa0\xee\xf4\xd5\xa3\x956\x8dHV\x02\xd1\x7fN\xce\xad\x1d\xe4\x91\x91\xaf\x98\xb3`\xdf.\x1d\x95\xda\x0c\x05\xe0\x10\xf0\xfbJ~\x8b\xfd&lt;X\xe8\xff\xf0\x96\x12m\x942w\x1b\x0b\xf0W\x95\xf4\xad\'iU\x0es\x9ak\x8f1\xa1\xfeP\xbc\xc6\x89\xc5\xa2\xa5\x8a\xfaA(\xb7\xa49E:r\x03\xc4\xa0\xbftm\xeb%\xe5\x9b\x00=\xef\xd3\x00\xe0\r\x8f\x17{\xad-i\x10\x13\xf0\x851\xbe\xa3\xfaE\\\x1e\xbek\xe1\xc5l\x98\x87\xf0\x85&lt;p\x8f\x1c\x01}\xed\x0bC\xff\x11\xd3\xc4\x05@\xc8\xaa\xd2\xf7T\xa5\xb6!\xb3\xb5\xc1\xb0\xe6\x1a\xa0\x15tV\xc0\x1c\x15\xcf\xb0\xa5\r\xe2\xfc\x02\xde\x0f\xb5l\xa0T\xf8A\xba\xd5\xb2\xb9\xaf#*\x9b\xf7~\x82\xc5\xb0M_\xea9Y6,^\x0c\x86\xa4\x7f\x97\x87\xb3\xe7\xb1\x8fm\x14Q\x8d\xca\xeb\xb79uru\x86\xf3\x0c\x1e~\x11\xf8\x9aR\xea\xe2!\x84\x10~\xc7\xf4%]U\xcf\xe2!\x122\xa4\xc1\xf9Y\x85\xa0v\x1d\xb0\x81\rB\xedC\xfdq\xd4\xe1\xc6x\xa1%z\x1c\x9e\xa0\x9b\xe3F\xad\x1e\xd7\xff[f\xf7\x83\x8e\xb9\x15\x86g\xd5\x9f\xc3\xec\x0b\x16\xf4m\x93\x7f\xb3\x1foZh\xb7.\xaf\xa5\xb4\xcc\x0fa\xf0\x9b\xb9!4z\x0e\xb5!U\x99#P\x9ez\x19\x9e\x18\xc9\xa9+\x9bQ\xfe!\\[\xb0d\xe7`gt{\x04\xde\xa7\xbd\xf9\xa3N\xeb\xde&lt;?s|\xda\x1d\xa5d\xf9\xd8\xa0R\xbe$\x1e\xe3\x1d\x1f\x90\xa9\xe1\xca\\\xb5\xc1\x1a\x03\x17w\xedZ\xb4:1\xc7\xf7p\x8e\xfc\x0bY\xaaY\xf4.\x9f\x12A\xc32\xf2\x15R\x7fz\xac\x16\xe5Y\x9a\xde\xb0\x0bS\xfbQ\xaa^\xe3\x93\x9f\x91\x90\x1c\xcb\xca\xb9\xfdZ\x9b2\xac\x1ao-#S\xec\xeb\x1f\xcb\xfcA\xad\xca\xd5\xa4\xb4\xb0\x95\x0br\x87\x8b\x18U[=\x7f\x99\xec\x01\xe2\x00\xe7\x8d\x8f\x17\x95|r\xba\xf9Zp\x9b_&lt;\xd58M\x03\xc4\xef\xa2Q\xf6L\xee\x83\xacD\xcd\xb0N\xbe\xf9\x08\xa5A}\xb4\xb8\xe2&amp;\x1a\xddo\ty\xda\xac\x81\x8eB/\xfe\xab\x06\xee\xb4\xd0\xc1\xce\x0c\xecGh\xe4L\x8eu\xfb\xd2jG\xebc\x1bu|\xea\x98\x0bq&lt;P\x05 \xb0\xfe\xd7nSI\xfb\xacu\x7f\xf8\x8f,\xd2\xe7\xe9\x01\x84\x8ah\xba\xc2\n\xfd\xb8\x8eX\xbb\x94V)\x14\xb7G\xbbcz4b\xba;,};J)\xba\xc0"R\x8em\n\x8b\x17\xa2Q\xb3\xc4\xf74\xc8N\xea\xab\xe6q\xb7\x9f0\x0eyo+o\xc8\xbd\x13\xe0\x1b^\x82[\xb4G\xacp\xb8D\x80\xbc\xf7W\xf5"B\x98\xf7+\xfb\xeeS\xd2\xb2&lt;_\x8fj,z\x0byf\x89\xa3\xb3?\x05\xdb\x06e\xc2\x89\x8cF%\xbd\x96\x0f\xfa\'3Y\'}\xa6tr;\xa8\xbd]\xf6\x82\x1a\x98\xed\x14[5\xc1.\n\xc7\xb6\x886\x03\x1e\xcf\xa5\x92&lt;X\xd0\x00\x96\x1f!\x04\xf8\xf5\x9c\x95A\xfa\x93[\xdc\xb4\x89\xab\xa9\x0b\x86\xd9_+\x08\x94\x9e\xf9W\xf4*\x95\x12\xcf\nM\x83\xec\x93\x05U\xfd{\x85U\xc1\xb3g\x01\x98\xb7\x08\xf8\xeaU\x96\xf9\xf8\xad\xaf)\x00\x00\xbe\x02\xbbX&lt;\xfcw\x87c\xba\xcc\xca!\xe46|7\xb3&amp;\xa8\xfd\r\x1aV1m6o\x1f^\x1d\xa1\xe29m\x120B\xe8Rc2`\xabs\x10&lt;\xdb\x95\x16nw\xd0S,*\xbc\xe5zy\x19\xdd\xcb\xd1\x99\na\x10Z\x9ab\xce\x18\x83w`\xefF\xd3\xd0\xaa\x1f\x1b +\xb1\xcf\xceF\xa9\xed&gt;\x84\xaf\xa6Bw\xed\nu\x83\xafLD\xed.zAhC\xce\xb9\xefs\xe1\xb2sc\xb5r\xefX\x19)-|\x9e\xa1^\xfb\x98\x9a\x90-\xfc7\xf2q/\x1a\x87\xc7?|\xb6\x1f\xab\x14\xfbE\x9cxl\xe3o\x93\xf5\x8d\xcd\xfc\xbb\xf7\xad\x13\xb8\x90\x1a7\xa3&lt;\xba\x8c\xe7\xc5\x98\x00\x19\xd2a\xaf\xe4\xd8\xde\x1aZ\x89a\xb2j\x0cC\xb4\x1c{#i\x9f\xce!\x9b\x86\xc1\xb0\xe96 \x1d\x1c\x88r\xeb\xd0[\x9c\x9c\xb2\x93b\xed\x0c)\x06\xaa\xd95\xea0\x18\xafB\xb8\'\x89\xe7?!\x04\xf6\xacc\xdb\xb6m\xdb\xa8\xbb(=OpOyN\xb6\xdb\xd5\x93\x00B\x00\x81\x86.\xb2d\x0c\xc3\x8d\x1d\x00\xec\xac\xf5"^\xff|);\xc0\x91\xc0V\xed\xdckd\xc9\xdf6\xeaf^\xf9\xe8\xb8*\x8f\xcc\xad-\x00\x80\x10p\xde\x19C\xfa\x00\x00 \x00IDAT\xe7\xb1\x9d\x870\xed`\xbc\xcfx\xda\x8an\xc6y\x02\x03\xda#q\xdb\x9a\xd7\xd45\x1b\x0cB\xb9\x0c\xd9\xce\xb1\xa4\xef\xa2\x06\x7f7\xd5\x07u\xc4\x0eJ\xb5\x02\xfe5\xe2\xfaA\xc7\x91\x12\xb9Tv\x03x\x8d\xb9\x06H\xc4\x998kG\xd4Ub\x86&lt;\xb5\xd5\x0c\xe9\xad\x18:\xd6\xa3\x1d\xc6s}\\\x02\xe3\xeb\x85\x02\xe4\xf4!E\xa3\x9e\x8c\xc2.|TJ\xce\x99\x85*\x00\xf1\x13\xcb\xd0\xb3\xa1\xe3\xd9\xe2\x9e\xd4\xb6Z\x03 L\xf4.:\x97\xa60\xe8\xd3\t\xa2f\xf0\xdd\xc7i\x92\xa4*\x13\x13\xb9,/nUA.\xce/L\xd9\xb1$\xb3\xf4\xa9B\x15EuR\xf3OA\x8a\xc9g"Lgyl\xb7\xfdV\xb8\x8bI\x00&gt;W@\xe3o\xfc~\x0bZ\xd6]\xd1(\xb2\x00\xe8\x15hHv6\xe5Q\x05T\xc4\x0c\xbd\xedVI\xd0\xaf\x9b.\x0b\x006\xe4m\xda\x05u\x82\xaa\xcd\x9a&lt;\x13vA\xad\xca\t*\xe1\xac\x86\xeb\xaa\x93j\xcaI\xd3\xa4\x174\xa6\x97\x14b\xce\xb5\xdeqS\x0e5\x9ac\xa7|c\xe3\xdbz7\xf2\xc9\xeaA\xa5\xf0\x10\'9\xa10]\xd7.x_\xac\x16&amp;\x15\x11\xca\x82\xddO\x93\xe9\x10\xbb\xdd\xe3_\x92\x8c\xe3\xe3\xd4/\x07"9\n[\xa1C\x96\xeeu\xc7\xd5?U\xa0f\x03UwKA\xb6\x93\x93\x19\xa2\xabQ\x8d=X*-q&gt;\xea\x0f\xd7\x08\x9e\xcc\xab\xd2\xcb\x8b\x94\x1e6\x97(\xd9\xc5\xb5\xa1$\x16\x8ah\xc7{a\x17mF\x0b~)\xeb\xc4\x88\xd7\xf5\xe3\x8f\x93\xfe\xbc\xd2\x16\x9f\xe3\xf3\xcb\xae-\x98&gt;\xc7\x84Z \x88\x8d\x00\x00\xf0\x8e\xf9X\xb9h\x9b\xb1\xd0\xf2`\xe2\xa4\x93\xa2\x18[\xe3\xec\x92\xbfTv\x88E\xa2}\xbaK\x1f]UR\xe8oh\x01\x88=\\\xa5m\xcc\x8d\xd1G\xe8\xf0u\x9a[0\xbeF\xae .B\xb5(3t6v\xb4\x9c\x95\xbf\xee\xe1\x1c\x11\xb7\x86\xd0\xfd\xa2.\x05\xe0\\\x8b\x83\xee\'N\xed`\xf3\xe0\xe6[\xbb\x8b9Z5j\x05\xe6]\xaa"\xffF\x1b\x1a%\x1f]\r\xa0\xf6.\xcd\x9c9\xa1\x1a6\xa8\\\xf3\xde\xe2d\xa8\x1a\x1d\xd8\x1cj\xb3\x025(oF\x0c\xac\x9dp\xd4\xe2\xe2\xa1B\xf4Pa\xca\xf2\xd6\xaeR\x96O!\xc9\xdd\x00\xf0\x8b\xcd\x12\xb8\xb6\x17B\x80/i\xe2\xe6\xa2\xde\xf3u\x9bP\xc6y"&gt;:\xddx/U\xb1\xd2\x0eig\x95\x17Bzx\xec\x12fq\xf3\xa2\xbeC\x8cO&lt;;K\xc7i\xbc\x85\n\xd1&gt;\xdd\xc1\xfe!\x14\xd6O\xabGj\xf6\x8f\xe7$5\xd7\xa4\x94\xcd\xa6!/\x00\xfcZ\x92\x7f\xff\xae\xdb\x01E\x0f\xd4\x1b8:\xef\x0b9\xb8\xa8\xc1\xe8\x10i\xf2\xe7\xb3+ZV6p\x1e\xf5\xb5f\xae\xd3#^1\xa6\xcdG\x8f/\xa5\xfc\xd9X\x95\xf3a\xc6R\x1b\xcc1h\x94\xacHOm|$\x0bAvv\x15\xd5D\n\x8c\x01\xd5\xc4&lt;^{r\x1e\x8c\xb8\x1b\xcb.Z\xb8\xe5\x96i\xad\x01Z\x0eUZ=C\x9f\xfe#\xe32s\xedo\x85\xc4d\x0cM\xbd\x1d\xcbMiQ2`=\xdd$\x06gv\x88\xbe\x03\xfb\xed\x96$Y\xa0\x93\xb9\xc7\xaca&gt;AM\xa6\xf0\x9a\xb8\xcda\xb3!\x93x=\x15\xf5^\xf97\xe3\x19\xe8U\xe8\xe5\x96\x85P\xf3\x1ekv\x08\xd7\x0c%1\xd4g9q\x95U\xbf\x84h\x80\xd7\xde\x13\x00\xfd\x9c\x9b\x8f2\xe4\xf5f\xce\xfd\x06\xda\x041\xa1\xeb\x9b\xa2\x12\xce&lt;e\xed\x889\xbbh\xdes7\x02M\xb8\x00\x00\xdf\x99\xe8\xc6\xe7\xe5\xd9\xc0GD\xe6\x1e\x83t\x9a\x07\xedQ-n\xa6lrrT\xbfY;\xbe,\xd9\x98\x98Gq\x1b\xb2\x1a\xdb\xdb\xcd\xc6E\x9f0N(\x8dFv\xcdqD\xa0\rr\xf9\xf6\xa8\x16\x8a\xe7\x86\xf6\xf8\xbb\xc2\xccYq\xceG\xa1\xcc\x9bw\x89=\xd6\xcb=\xd6.\x82\xb8\x98k\xa7\xfa\\\xb0#\x9a\x94\xc1\x18\xb3\x01\xac\xa6oF\x96\xbe\x1e\xdb\x8bVc\\\x80S7\x80\xf2\x90s\xa6\x08!B\x85\x03A)Ld\x07&amp;\x97Rm\xf8\xc4\xfca\tY\x00\xca\xc6\x99\x12\x81\xcdQ5\xe7\xde\xdbS\xf8\xb4JGe\xe0y&amp;\xe4N\x00_\x18R\xe7`\x82$\x1cd\xa0C\xd6d\x1eW\x00\xf8\xcb\x0eL4w-\x87\xd7CZ\'4\xf3\xca\xe52a\x9f\xa2\xa2@\x11D\xc7\xbb\xca\xae\x10\xc0o\xb5\x8cUNG2c\x95Y\x04\xa5\xf7\x7f\xd62Teym;uV\xa0v)\x82\xea\xf3\x99\xb1=\x0c\x04oO\\WV\x9d\x1b\xe5\xdfqQ\xa9\xcf\xd3-9e\xec\x91h\x17\xa6\x95\x8eg\xcfZ&lt;\x08\xb5\x95\xeb $vG\x8f\x08w\x9f\x91\x90\x1b\xb3q,\x1b\xf9*\xab\xf8\x85d\xa4d\xd6Z\xb3\x1c\xd3Y\xa6\x1b\xa0\x17\x01\xaa\x00T[\x80~\xd9\xdf\x1d.J\xca\xfa\xa0\xa7Az\x17\x8c\xd8\xf4\xed\xb2\xc8%\xee\xb9\xd5\xb3\xf9O\xb5_QI\xd76\x86\x12\xb6\xd5\xbbS\x9dqW\x08L\xca\xc4\xfc\x1b=\'Z\xa5\xee\x7f\xdaT\x18\xe3\xf9\x95\xb8\x99\xf0W\xaa3\xd0\x08\x10f\xb1\xb3\x14\x00\t\xbc\xe6\x01\xf0wl\xdb\x14\t\x19\xbc\x93\\\r\xdd\xd2\x08\xe9\xe3v\xb2\xeb\xd2\x0f\xf0+\x08\x01B\xf8\x0f\xba\xe9\xc0\x0c\x07\xe0\xbee\x0c\xc5\x8b~`\xf6|AP#\xab\xcc\x95\xf4oz\xbefu\xa8:\xa1\x97\xff0\xbd\xaf\xfc\xfa\x89!/\x00\xfb\x12\xd9\xddE Q\xc2\x81#`c\xd2,\xb7\x11\x92\x9e\x91\xb9\x95\x110A+\x99&gt;\xbf|\xfb]/_w7;\xc5O\x9f\x8cf\x8c\xe4\x8a\xab\x98\xd9~\x81\x98R\xc5\x96\xa5\xa6\x92x\x99\xeb\xd1\x02\x80\xb8w\xb4-~2\xa7\xa5\xcb:\x9eD\xc9\xf6\x1c5/\xe4\xb3"\xaa_ko\x88\xa63\x9a\x18\xbb(\x10\xe1^\xa5[\xaa]#Os\xe5\xa8\xb1\xfd\x90\x92\x8f!\x81\x1e\x12\'L\xc0W\x06\xa6\xdd\x8c\xabR\x85\xacTnWYU\x94+\xa5*\xf3\x0c\x8d\xca\x07\x1a\xedp\x13U&gt;\xf0@\xdf\xca\xf3\x00\xdaE\x1d\xbed\xcePf^\xb7&amp;\x9a\xd9{V\x99\xcb\xb5U\x88\xa8\x11\xbcb\x05In\xc5\xa1\xc5i\xd2\xf9\xc0\x9d\xea\x9eF\xea\xe3\x02\xdfh\xcc\xdb\xbdx\xe1\xaac\xad\xbay\xcd\xc0\x9cm\xb1\x1c\x97\xf4\xdd\xf0\xaeF)#\xc1\x9c=\x0cSwZ\xe3\x88\xd0\xee=\xe6\xa2*Q\xc0\xb6\xba\xd2B/P@\x0bt\xb7\xc8\xabS\xef\xb6\x1a\x8f\xc8\x98\x02\x90\xa2\xb8\x8b\xb0\xb2\xadc\'\xb8\x8b\x84h\xcb/!.\rW\xf3\xe7\x06\xe5\x08\x1d\x06\x8c\xd2\xa6\xb8\x13\'D=.^\x00\xf6\xdbd.&amp;\xd2\x07J\xe6\xae^#\x00\x00\xe0\xe7\x9cy\x0e\xf1\tq\x9b\x99k\x02\x05\xcd\x93\xb2\xc6\xf0=YAU}\x184&amp;2/k\xab\xf8\xc4\xb5\xf3g\xfa\x88\xe0ES\xdc\xf8\x9e\xc9&amp;\xbeR\xd8F\x95\xa2\xc3A\xb4J\'\x9b\x85\x0e^.{\x94\xe8~r\xf9\xa2\xe8\xadTG\xfe\xee\x19|\xcc\xb2\rs\x8f=\xc1AqQh\xba\xdc&gt;-[:!Ym\x1b\xaaU\xbe\xd1I\xe2j\xed\xbepc\xba\xf0\xf2a\xc3\x15\x80\xf7\x89\x1dVh\xf0\xc0\xaeR\xe2\x8d\x11\xcam\xc8\xde\xc5\xf3\x1c\x9c\xe1F\xdd\x9a\xbc&lt;\xd7\xf9\xb8p\xb1\x896\x87\x83\xa6;\xc9\xde\x96E\x1a\x00\x00~Z*\xda\xd1\xdf\xac"\x1a\x8fCU\xb8`\xae\xdf\x11\xcf\x8d\xdaKVK\x82\xca&lt;-\t\x8bn\xb4qb\x1ds\x93n\x10\xa1Jv\x7f\xfdn*\tu\xe9*z\xe6\xd6G\xf3c\x0b\x89\xce\x9b\x0f\xd9t\xe2\xfb\xa7\x88\xcb\xaac\xe8\xb85\xeb\x10u\xf1_fb\xd61!\xa2O\x9b\x02q\\)c\x08(\x87\x92\x80\xe3 \x14vFd\xb3\xfbPb\x87\xb8\xbf@\xed%1\xd1s%\xfa7\xc5-\x90ds\xaf!U\x1a\t\x1f\xee\xae` U\xf5\xa9Q\xd5\xc9\xca\r\x91\xd5\x12\x83\x19Cs22\xcb\x95k\x82^\xefTDO\r\xd4\x10\x0f\xff\x1c\xacK\xae@;\xcd\xa4\xc8s=v={=\xc6"\xfd:M\x89\xdc\xb2k\xe8Q\xb7\xf8\xd4 \xe3\xc01\xafw7rI1\xcf\x94\x83\xcd,h\x1ba32nF\xcd\xf0\xc1\xe1\xdb\xdb\xb7\'\xec\xb1\\\xda\x9d&amp;\x05\xaa\x04\xa9\xd1&amp;\xb4a\x17\x18\x1a\xaea\x05 \x13zT\xd3\xe4\xd7#"\x9cQY\xcf\xb7\x95\xe1\x7f\x81\xe9:w\x95\x1dOKK+4\xf2uT\x0c\xb9\xe8\xc2Z,\x91\xf2\x90C\xd2\x88\x97\xcc\xb2\x07\xe2\xbb\x16\x89\xb3\t\r\xc2\x04\x9c{4\x1e^\x9f\x0eC\x1e\xcfJC\x00v\x80\xe0\xb2&lt;=\xdam\x86\'\x7f\xcbQ\x95\xac\xb0\xc9\x89\xefW\x88\xf3\\t\xecm\xc6\x8e\xd1b`\xe5\xbb\x8a\x8d\xd6k\x94\x98\\wb\x0b\r\x9ei\x10\xb7\xbf\x1d\xdfE\xb5\r7\x1eZ\xb6\xe3!n\x8c\xb4\xe1h\xe9\xe8\xa9\x8e\x00\xe9\x13\xa7\xb7_?\r\xf76\x1c\xbd\xae\xe7&amp;\x16z\x93\xab)\x00=\xf2\x82\xf6\x18M\xab\xed\xfc\xaeU\x85W\xbc0A*\xa1\x8c\xaf[*\xbdw\xdb\x97\xbc&amp;h\x94\xcc\xd5\x1fW\xd9_\xecU\xe7\xfc\xee\x96B&gt;!\xca\xbd$\x17\x8f\xb2\x9a&lt;\x95\x90\xb7\x88\xeb_\xdd)]b\xf9\x1a&gt;L\x9d#bz|\x8d\xd0Q\xf5C\']\x03\xde#\\\xf6=\x90W\'\xa8\xe2\xf0\xf3\x0f+9\x96\x9f\x8cEK\x82;;\xc8\xca\xd4\xceY/\x1d\t\xba3\xf4\xb2FHR\xb9S\x91odP\xe5\xef\xde8\xe0\xf3\x86(\x07x\xb9\x85\xa1Y\xa3\xeeRK\xc5\x17\x06\x95nU\xfa\xc2\x7f\x8c\xd3A9;\x86\xa2\x8dS\xa7\x83AG\x8c\xccUT\xdc\x9d\x08\xd9\x14\xaa&gt;v\xc1b\xc0\xcc\x19"\x18\xd8\xbah\xf5\xf8\x97\xa6\x8cd\xbd\x8bQ\x16.\xddk\xd6\x8a\x14\xaf\xd9u\xc5wm\xad1:G\xc3\xba\x19\x140\xd8w\xf2\xd8s)\xae&gt;\xdb\x0b\xc2\xb4\xee\xd9MH\x0f)$\x9a\x1c\x05\x89b.-\xe6\xc1p\xee\xa6\x9el\xa3\xd7\xa6Q\x15\xca:+\xc7\x0e\xf1i!wS\x91\xf1I\xa8!,\x00\x065\xda\xebt\xf5V\x8b\x88\xf9\x03\xac\xd1\x86H\x01\xeev\xc6E\xd4{\xe0\t,\xd2i\xad\x98F!\x93.&lt;%Su0\xb6\xb9\x95f1\xb7\\3\xe0\xf1\x0b\xc7\xdbV\xaa\x9f\x15j=\x9e\x037\xcd(!]\xc9s\xc0\t\x1d\x9f\xe3H_gyn\x1bb\x9e\r\xbd*\xc0\xb6%Cy\x83\xfc\x89\xe2J\x8b\x01)\x95!\xe6,\x9bV\xf9,$arZ\xa0\xe9c\x7f\x8d\x18\xf0\x96Y\x1a\xa5n[f6&amp;\xd1W\xf4\x11 _#"\x87\xec\x8eJI\xd9\xb6m\x1f\xb8S\xdc\xde~#6\x84\xc8\xc2\x88\xcbd&lt;q"\x027m3+\xed\x139\xab\x7f\x02\x04\x80\xef\x0f\x98gx5\x02\x02\x1d\x00\x1a|\x1d\\B\x85f~W\x8f\xb6F|\xab\x93\xd1\xb4\x8b!\xd4VB\x9f\xd2\x885\x10\xa0RS\xe7\x8b(^+^a\xaf\xe9\xc8\xf9TC\x98*H\xe8\x10\x89\xdc\x9d\xc2}\xb2{\x8a\xd7N_~K4A\x08aH\xbby\x00\x0e\x99\x12%\xd3%\xd39B\xb5\xe4\xee\xfa\xdc\xddN\x13\x96e\x1f-\x17D1\xefgj\x8a3/\xef\\1\xe8b:m\x06T\xc9\xe5\x9b\x98\xac\x9c\xf0\x8a8\xfa\x89\xbc\xbb\x92\xb75\xfb\xf5\xf8\xaeP\xe7\\\x1f\xc9\x98\xf9\x01m\x93\xf1Oy\x11\xe7\xd8\xf3J1\xfb\xbd\x16\r\xe2\xfe\xc2\xb1\xbc\x0b\xbb\x8cj\xabB\xdem\xd4O\x8f$`B\x00x\x0ffill\x15\xa3\x1a$f\xd2{80\xb6\xfa&amp;V\xa9\x0b\xf0.\x91\rl\x10G\xa4\xce\xc7\x8b\xd7\xa7\x9a\xc4[dU\xc9\xb9\rr\xb1?V\xa2\xc8\xb0"\x86\xeb4\xb9\xdaV\xc0&lt;\x19\xc3\xc2\x0b\t\xea\x94\x13\xd7as\xa0:N\xc8\x919\x99\x14\x06\xec\xc0\xf4\xc9E\xc3\xbcr\x18\xd5\xcc_W\xf5\xd1\xe1qw\xd2X\xb0$\xd1\'_k\x9e\x9bDW\xd0X\x83\x94b\x1e\x1c3)\xd4\x985\xb5L\x06\xc7\xd4\x1f:\xd4\xd5~\xab\xd8\xa9\xf6\xb4\x86x\xc4$\xe6\xa3\xadF\xe5\x89\x10\xca\xe1\xf5v\x1dq\xb9\xe8\xdd~\xb5\x87anf/4\xb5\xa1?`\xb2s\x85O\xf4\xaf\x0b\xe4\x85D"\x94/\xf0&lt;\x07\x8fp!9\xa7oOv\xf0\xa8\x86\xd8qm\xa3\x14-O\x85\xa6a\xac#|\'\xe5\x0b\xf8\x02\xe7\xc3\r\xf3d{\x05\xe7\xc7\xf9\xb1r\xe3\x14\xf1\xac\x99\xcb\xb64\x9d\x1c\t\xde\xd8\x81g\xda|\x88v\x03D\xb5;\xa4\x13\xdf\xe52\n\x1c\xa5\xdb\x91\x88\xe7\x0c\x9f}\x94\x0e\x1f\xd0\xd2\x12\x1e{z.!\xd0z\x95\xc1\x11\r\xad\xa5P\x88Wc^\xd3d\xea\xd8\x9bV=J1\xad\x8bJ\x04\xc5\x12\x9f\xf9T\xc5e\x02\xa0g\x12yy\x1b\xab\x92\x03T\x0e*\xf1\x18\r7!a:*\x95r\xd3\xbe\xca\x8a_9_\xe4\x06i8\x1c\xdb[\x0f/\xdd$\n$\xa5\xbd8;\x1a\x9cq\x99M\xde\x00E\x14\x0b\xd7U\x8fXP\xd7\'C}\xd8V\xc9l\x93\x12f\x1e\xd59A\xe2\xe4\x86\x13\xb6\x13\x96</t>
        </is>
      </c>
      <c r="E100" t="inlineStr">
        <is>
          <t>&lt;class 'numpy.ndarray'&gt;</t>
        </is>
      </c>
    </row>
    <row r="101">
      <c r="A101" s="1" t="n">
        <v>99</v>
      </c>
      <c r="B101" t="inlineStr">
        <is>
          <t>steps_per_sec</t>
        </is>
      </c>
      <c r="C101" t="n">
        <v>1500</v>
      </c>
      <c r="D101" t="inlineStr">
        <is>
          <t>10.084888</t>
        </is>
      </c>
      <c r="E101" t="inlineStr">
        <is>
          <t>&lt;class 'numpy.ndarray'&gt;</t>
        </is>
      </c>
    </row>
    <row r="102">
      <c r="A102" s="1" t="n">
        <v>100</v>
      </c>
      <c r="B102" t="inlineStr">
        <is>
          <t>Loss/object_center</t>
        </is>
      </c>
      <c r="C102" t="n">
        <v>1500</v>
      </c>
      <c r="D102" t="inlineStr">
        <is>
          <t>0.22360492</t>
        </is>
      </c>
      <c r="E102" t="inlineStr">
        <is>
          <t>&lt;class 'numpy.ndarray'&gt;</t>
        </is>
      </c>
    </row>
    <row r="103">
      <c r="A103" s="1" t="n">
        <v>101</v>
      </c>
      <c r="B103" t="inlineStr">
        <is>
          <t>Loss/box/scale</t>
        </is>
      </c>
      <c r="C103" t="n">
        <v>1500</v>
      </c>
      <c r="D103" t="inlineStr">
        <is>
          <t>0.060714997</t>
        </is>
      </c>
      <c r="E103" t="inlineStr">
        <is>
          <t>&lt;class 'numpy.ndarray'&gt;</t>
        </is>
      </c>
    </row>
    <row r="104">
      <c r="A104" s="1" t="n">
        <v>102</v>
      </c>
      <c r="B104" t="inlineStr">
        <is>
          <t>Loss/box/offset</t>
        </is>
      </c>
      <c r="C104" t="n">
        <v>1500</v>
      </c>
      <c r="D104" t="inlineStr">
        <is>
          <t>0.35918283</t>
        </is>
      </c>
      <c r="E104" t="inlineStr">
        <is>
          <t>&lt;class 'numpy.ndarray'&gt;</t>
        </is>
      </c>
    </row>
    <row r="105">
      <c r="A105" s="1" t="n">
        <v>103</v>
      </c>
      <c r="B105" t="inlineStr">
        <is>
          <t>Loss/total_loss</t>
        </is>
      </c>
      <c r="C105" t="n">
        <v>1500</v>
      </c>
      <c r="D105" t="inlineStr">
        <is>
          <t>0.6435027</t>
        </is>
      </c>
      <c r="E105" t="inlineStr">
        <is>
          <t>&lt;class 'numpy.ndarray'&gt;</t>
        </is>
      </c>
    </row>
    <row r="106">
      <c r="A106" s="1" t="n">
        <v>104</v>
      </c>
      <c r="B106" t="inlineStr">
        <is>
          <t>learning_rate</t>
        </is>
      </c>
      <c r="C106" t="n">
        <v>1500</v>
      </c>
      <c r="D106" t="inlineStr">
        <is>
          <t>0.000475</t>
        </is>
      </c>
      <c r="E106" t="inlineStr">
        <is>
          <t>&lt;class 'numpy.ndarray'&gt;</t>
        </is>
      </c>
    </row>
    <row r="107">
      <c r="A107" s="1" t="n">
        <v>105</v>
      </c>
      <c r="B107" t="inlineStr">
        <is>
          <t>train_input_images</t>
        </is>
      </c>
      <c r="C107" t="n">
        <v>1500</v>
      </c>
      <c r="D107" t="inlineStr">
        <is>
          <t>[b'512' b'512'
 b'\x89PNG\r\n\x1a\n\x00\x00\x00\rIHDR\x00\x00\x02\x00\x00\x00\x02\x00\x08\x02\x00\x00\x00{\x1aC\xad\x00\x00 \x00IDATx\x9c\xed\x9dy\xec&gt;OR\xd7\xfbY\x17\xc4\x93\x80x`b\xc4DX\x0f\x045\x1c\xe2\x91\xb8\x8b\x1aE\x8c\x1aQ\xe3\x19\x01\xd1(\xc7\x06\x134\xde\xc6cU\x144D\x0e\x0f&lt;\x12EWD\xf1\x08\x11\x15\xdc(\x02\xc6\x0b\x8dB\xe0\x8fE\r\x02j$\x8b\xae&amp;\x82Z\xfe1\xcf3OO\x1f\xd5U\xd5\xd53=\xf3\xbc_\x81\xdf&gt;\xdf\x99\xee\xaa\xea\xea\xea\xeac\xe6y&gt;!\x00\x00\x00\x00\x00\x00\x00\x00\x00\x00\x00\x00\x00\x00\x00\x00\x00\x00\x00\x00\x00\x00\x00\x00\x00\x00\x00\x00\x00\x00\x00\x00\x00\x00\x00\x00\x00\x00\x00\x00\x00\x00\x00\x00\x00\x00\x00\x00\x00\x00\x00\x00\x00\x00\x00\x00\x00\x00\x00\x00\x00\x00\x00\x98\x11z\x10B\xa07\x97\x0b$\x1fjr\x84w)e{\xbd\xa4W"\x9cJZ\x9a\xb6=\xdb\xbe\x16N\xae\xb7,)^Y\xca%\xe5s]\xb9\x10\xbe\xad\x05\xaf\xb5\x90\x97\x04\xe0,\xa8\x86\xc0\xc5\xb8\x1dm@/I\xcf\xddn\xb7\xe4\xfar\x85(\xdc\xb2\xb6\x12\xd1-\xbbZ\xbc\x18\x1e\xa9\xfc\xf6(\x10\xebM\x95\xden\xb7\xc7\xe7\x87\xf6rx\xadw\x8b\x1a\x13{\x88(0\xe5\xb2Z\xf7\x06\xd7\x85g.\xda\x94\xcc\xad\x8a[\x04.\x03\x1d\x97\x05\xf8\xc8\xdf\xd3\x8c\x80\xc0\x9e\x9fb\x1a%\xd9\xb2\x94\xfe\x8bX\x8b@\xe9SuT\xacH(\x15x\\y\xec6\xd8\x05\x88yy"r\x0b\xaf\xd7\xa0\xf5Pj\x06\x9f\xb0)\x0eHz\xf0\x95\x17\xbf1p\xc29\xe0\x13V\xe5z!\xca\xf3\xa2\xb6\x00\xa8\x9d\xe7$\xd9&gt;&gt;\xc0)\x1e\xe3\xe4\x12\xb6eJ\xaa\xa3\x19Hu\x92\xb3N\x99D\x8dV\x9bG\x85\xcbp\xfa\xea~\x11\x1a\xa6M\x006\xc3\xa4\xc1\x80\t\x00LK\x9a\xb5\xdf\x83+V\x0bc&gt;\xc0\x9f\xd9\xd0jaq\x15_\xcc\xc8\xb5+\x0f~\x9ca(\xc6\xda\xe5\xd5G\x8fy\x95%\xf5\x99{\xa0\x91\x83D\x8f\x12;\xc6\x15\x8b\xef\x91\xfe\xc1\x14\x08\x0fs\x9e\xe5\xb35uy\xa5\x9c\xad\xfd\x93t\xa9SZ\xb1\xa1bae\xca\xba\xdf-\xc8\xd4\x0e\xf5\xbc\x15_\x18\x02\xfdA\xbb\xc0\x9d9j\x02\xd0"4e&amp;\x93O\xc3\xfe\x1d=Uh]\x81\xf58\xfbyET\xcb~\xc2 \xcf\xe0\xcd\t\xa0,_o\x86\x16\xfa\xa8\x81\x0bF\xdb\xf4\x06\x84\xc0\xa7\xa7\x06\xdd\xe7\xcc\xd7l\xffi9\xca\xf02E\xa2+\xcb\x8f\xf2\x07\xbf\xb9(O\xcb\x9c\xc4\xf6LK\x00\x00\xa0 \xcf5\xbe\xd9\xc7&amp;\xcd|\x96b\xd6\xa8S\'\xb3\xe4\xd4|\xc1\xd1\x06\xf82U\xbf`\x8e\x07\xafB\x92\x9ai|\xf4\x1f5\xb4\xdc\xd5\x1e\x9b#\x1c\x95#\xd9\x81\xcb\x80`.#I\xeb\x14\xfdWr\xfd\xc5A\xa8]\x18t.\xe8\xe7\rG\x1b\xa0\xe3\x16\xfd7\xbf\x8e\x970$\xec\xe0$\xd5{Y\xc0\x06\xbe\xb9\n\xae\xc6T/\xb3\x1fN\x7f\x03\x8f;\xcb:k\xd7\x9c\xd6p\x00,\x0c\xdf\x01lN\xf0]%\x17\x7f\xc6\xc7U\xc3a&lt;&amp;\xc2\xde%\x1e\x16\x89Z^\xd9a\xd5/d\\hd\x81\xa99\xc5\x9b\rg\xb0\xf1`\xe0"\x90\x83\x98x9^0\x11\x9c\xe5\xd4e\x8fW]\xc5\xbfM\x04\x00\xb8 =c\xfb\x8co:\xe7\xdf\x88\xee\xe1Ct\xaaO\xf0\x83\n5\x1a\xdf\xe5\xde\xcd\x8eX\xe9\x19\xfc\x06&amp;\x04\x91\xb3+\xb3\xb9\xdb\xf1\xc7m\\\x9av\xe0\x8ed\xb6\xae\x01=\xb8\xf4\xe5+\x84\xc4\xf5[\xd8\xc3n\x11\x80\xc4\xa7\xe2\x84&amp;\x03\x00\xce@\x9c\\&amp;\xcf\x8f.\xa6M\xde\xc6\xdd\x80\x13\xce\x0bz\x0e\xb8\x91$\x02\xc4\x16\x00\x07"}8\x7f\xf5\xf9\xfb\xf2\xa7\x11\xb3\x90N\x00\x02w\xbc\xb6\xc3\x008\x1e\xbc\xfe\xef\x02\xdc\x08\xc0\x99\xb8\xc0p\xediB\xfa\xdb\x8b\xe7\xf7\xc6\x81\xd0I\xbe\xdb\x04\x803\xe7\rzf\xc0\xbe\xdaX\xc6\xea\xb5\x93\xd7\xf2\xdek\xb5\x16&lt;\xa0wV\xae\x9f&lt;\x1e\xcen?\x00\xc0\x08\x06\xbf\x9cS\x7f\x07\r\x80\x1d\xc0H\x98\x8b\x97\xea\x0f$b-\xf0\x98\x97\x07^\xca\x93/\xd5\xd8\x9d\x90{T\xe5}t\xd5P\xce\xee\xdc\x03ci\x12\xd7]i\x80\\\xa9-\xc0\x07D\xc4P\xcco\x8f\x9cn\xac\x9e\xce`\x00bN\xf6\x17\xc1\xbcx\xe1_}\xdf\x0fCn&lt;\xe4\x0f\x18\xd0\x03C\xc5\x10\x92\xf7&amp;\xaf0%\\\xa0\t\t\xd7k\x91\x17/:\x01\xbc,\xfb\x8c\x84%\x8fO\xf8\xc7U\x8a\x89\xfev\xbb-\x06\x9b}\x13\xcd\x04\x14\xe6\xd8_\xf6t\xb4\xfb4\xfcI\xbe\xe2\xf4\xe0/#\x01\x00\x1a\xbf\xd5j\xf8\xb9\xd6\xa4\x92v+Q,K\xf4\xaff\x98B\x00\x98\x94\x11\xc3\x03\x9bD\xa0\x85\xbe=\xfd\x8b\xa7^_\x9d=0\x18\xf1\xed_p\x00_\xac)\xdc\x0cP\xdby\xee\xe5\xe3\xfe\xe2\xcd\xf3`D\x0c|\xab\xbbD%yl\xf3\xcd|\x85\xb10\x9a\xd5\x81\xf0\xa4\x88\xddb\x0e\xdd\xe1\xc2U\xc3z\xf2v\xf1\xc3D\xfe\x8d&lt;\xc9\x12j\x12W\xccb\x07\x18\r\xba\xf9D\\fT\x9e\xa8!\x8eGL\xe7\xe2\x05\x9b\x0c\xee\xa0\xe7\x8fBuh\x00x\x8c\xdf\x8a\xf8\xeeT\x08\xfa\x80\x01\xee\x99\x08|\x95\xfcJ\xbc\xd4\xafB\xce\xd3\xd2|\x0e\xde\xc1\xb6y\x9a/\x81~\xe8\xd1\x16\x940\x9c\xb9\x010/\xafy\xf2\xe0\x88\xd0{B\x1f\xa3/$\xc0IG\xe2\xe2|\x04\xfa$\xa0#\x86rj\xf7\xfe\xe9\xdd5\x9e\xda]\xaf\x82\xea;\xf1\xcd\xaf\xe7\xc8\xd7\x9f\xea\xef\xf2\xa8J\xbf\x18\xab/1\xe4\x84|\xd6\xd1\x06\xac\xa0\xcb\xe4\xc0U\xbbb\xfd\xbe\xe5\x05{\xe9\x82Mz\x01\x88\xe8\x17\x14\xaf\xcf\x94vG[\xf2\xab\x87J\xef\x80\xb2a5O\xa7\xbc\x10\x8c\xcb\xaf\x9a\xcd\x01\x98\x87\xb3\x0f\xb1\x93\x9b\x7f\x1a\x86\xfd\x18\xdcq\x1d\x88\xc8\xf1\xe5\xec\xa9\xe4,\xf8\xfa\xf9\xec?\x7fvr\xf3\xcb\xbc\xd0HB\xd6\x98\x96|\x8f\\-\xf9\xf8\x91K\xf4&amp;\x00\x9d\\\xe3\xa7\xc2\xaf\x0f^\xc5\x03\xe0\x8c\x10}\xe9\xd1&amp;\x80\x97\x01\xeb\xe2\x1a\xda\x9f\x1e;)\xffc\xfb\xcfK\xb6\x11\x80+0\xe6\xe7\xa31\x07T\x81S@\x0e\x06\xcb\x84\\\xf6/\x82\xe5_\xa2\xf7\x95\x7f\x96\x87T\x87\x0c\xba\x19|\x83ds \xf4\xb6\xc2\xc5\xb3?\x97\x06g\x02\xcb\x8d\x17\x07\xdd\xff\n\xa0\x97A\x15\x04\xc7k\x82~\x07=8\xc6\x0f\x96\xa1\x00\xec\r\xc6\x1c8\x05\x98\x1dzq\x9c`\xa7\xfa\x1e\xff\xf5py\x083a\xff\x8c0i\xbeV\x82\x10\x90\x1f&amp;\x04?\xfaq\x16\\\xbe\x05\x83\xfe})\xd6\xce\xee\xe9\xf6b\xd5\x03\x7f^\x0c\xaf\x0e\xba1\xce\x8d*\xc1\xe8N\t{\xc6=:\xe4\xda\xa8\x02\x89)|\xd4\x04\xb0\xbf\xd2Wg\xe8\x1fSE\x8fJ\xb8\xaa\x97\xae\xda\xae\xc3i\xfcD\xfc{\xeel\x0e83CG\xe9\x95R\x00\xb3_n\xd7m\x95\xb9\x92\xa3\xc0hjQ7\xc3\xb3\xba\xce\xd5\xe4\xe1\xf6\x03O.\xdf\x998\xb5\x04 !\x1e\x11\x18\x1d\xaf\xc5\xab\xf57\x99\xde\xe1y5/\x8d\x00&gt;\x0cgx\xa23\xbd\x81\x1c\xaf\xf8\xe5\xecu\\\xe1\xbb\xe9B\xe01p\x14D\x84\xa8\x03\xfe\xf8~\xdf\x0f\x8b5\xb0\x82`8\x0b\xe8\xa7)8\xdd\x809\x9d\xc1\xe0\xaa \x14O\r\xba\xefH|W\xee\x17\xeb\xcb\x8b5gO\xf6t\xddK\xed&gt;_\xa7\xa5`?l\x03\x08\xb1x\x14\xf0|\x0c\xfe\xd0\xa0\x04\x17\x17Q\xf4_\xf0*\xc8WX{F\xc6\x0ec\xfe\x05\xd3\xca\xcb5\xf8\xba\xa0+\xc1\x93\x17\xccef\xa2\x1f`y9\xa7\xbd`\x93\xcfH\xf9\x0bb\xe8:p8\xff\xbbc\xe91I\xf6\x99\xc4\x0c\xf0\n\x98\x83\rQz\x0e\\~\x00\x12}\xbd\'p\xf7\xd9\xb9j\x0f\xce\xd0\xae\x19l8%f\xbf\xfd\xfb\x17v\xba\xcf\x93\xab\xc9\xbc7\x9b=\xe0,l~}\xe1@;\xc0\xce\x9ck\x0f\xa05\xb6V\xda\xd6\xe4NW\xe1\xd9\xf25\x80\x93\xc1\xa5x\xb5\x80\x96\xbcz$\xf4\x88\xe1=\xf1W\xf36\x00/\xcb\x1b\x8e6@\x84\xe3\x8f\x81\\\'\xbb\xc9\xdaas]\xed\x97x\xb7e6Oh\xae\xe3Xp\x12^\xeaKp\xe0\x85X\xff\x82\xcd\xe4\xf1\x9d\x987\xb5\xad\x00x3\xf9\xf0&lt;\x0c\xf8\xa5\x9f\xa9&lt;8\xfbD\x04^\x18\xc4&amp;\x00\x00\xbc(\xf3o\x94\xc1\x06\xc3{2\xe8`\x00\x9a`\x98\x80\x0b\xd2?\x01\xf4\xd4&gt;\xc5\xfa\xe2\x10\x0bO\xe1\x99i\x19\xe7\xb8o\x1a&amp;\xf9, ,\xaf\x86W\x7f\x9e\xe2\xc9\xea\x89\x80\'\xc1\x84 ,A\x99c\x7f\xd0u\xaa\xb3\xacy,\x01\'\x02as1\x0f\xf8\x7f\x0f`j\x07\x11\x85\xe3\xfe\x0e\xf2-\x84\x80\xbfn\xfa2X\xfe\xc8\x84\xbf\x15\xce\xf4|#g\xea\xcc\x00\x1cAOk\x19\xe10U/\xa0\xc7F\x80\xef`\x03\x00v\x02\xe9c\x12\xec?\t\x1eu"zs\x1f^\xdc\xcf\xe7\xf8)\x88\x0bs\xa5\xf0{\xf1\xb1\xd4\xcfr\xbcrw\xa3\xf17&lt;&lt;\xedqgt\x84\xcc\xddz\x00\xc0\x85\xa8\xa5\xb3\xcd\x0f\x17\xeb_;\xc3&lt;\xaa\x05\x0e3\xf3b\x0f\x81wY#\xcc\xed\x00\xa0F\x1b\xd2\x85\'\xa5\x1a\t\x8e?}\xf82`\xc8M\xc3\xce\x13\x80\xbb\xba\x0b\x84\x12=~\xaa\xf3hC&amp;\xc5\xeb/\xed\x08\xe5\\\xe3\xab\'\x84\x95\r\x00\xa3\x99\xf0\xaf\x80M\xf5\xf5\x85AX^\xd9,\xa5\xf5\x0b;\x8ai\xda\x85[\r\xc0\xf9\xf0\xdf\x15a\x84\x83\xf3`\x8eV\xc4y/\x97\xf7\xe0\x156\xf3\xe0\xe4\x9c%\x021T\x00\xb0p\x8dS\xe3q\xb8\xfbf\x7f__\xa3\x7f\xf9V\\\xa3\x8d\xe0:\\/\x1e\xaf\xd7\xa2\x17\xe1\x1a\xc9\xf1\x1a\xad\x00\x00\xe8\xc0\xc0\xef\xe4\xd5R\xe7+\xbcJ\x00\x80\x02\x8c\x0609\x92\x94-O\xeb\x08\xf8kr\x8a\xbf\x0c&gt;\xa7U+\xa4\xfc+\x1eXL]\t\xf4%\xb8\x0e\x88f\x03\x9dO}\x9bu\xaf7a\xcc\xf6M\xb7\x9e#\x0e\x1c\x8f\xa8\xc8]5\xad\xf7\xa65l D\xf4e#\xde\xd3xAW\x02\x96\x8b\x85\xc4\xa5\x1a3\x1f\x87\xb8\x17\xaf\xf3\x017\x10H\tDD\xf4\x8e\xa3\xadp\xe3\x15\xbaw\xcf\x18\x9e\xc1\x9f\xc8\xfe\xe0\xfa\xd8\x8f&gt;0:\xc0H\x8agk\xb3\x1d\x1e\x02\xd0\xe0E\xa2\xf5u\xf6\xcb/\xd1\xc8\tx\x91p\x02\x16\x10\x1a\x13\xf2"S\xc0K4\x12\x00\x00T\x9c.1\x9e\xcd\xde\x83\x99\xf6}\xa7\x19m\x02r\xa6\x0c\xaa+0\xe7p\x05\'\xe5uN\xf9\x80\x02UL\x1c\xb5\x88\xa0w\x8eW1\xdf\xd8\x98\xd0$0-\xfb\xc4\n"\xf2\xa5\xa1\x88\xa3m\xb9\x08D\xbf\xb4W\x82\x8b\x1d\x00\xec\x05"\xf6\xc4,/r\xe9\xf6\r\x14\x88&gt;z\x9cIg\xa1\xe84L\xa5/\xc2&lt;\xdd\xfc\x9a\x11\x87\x81f\'\xf6\x9dm\xf9\xbf\x91p\xe9\xe3H\xe1/C$\xc5\xbej\xa0E\xe0x\xe6\t\xf8\x9a%\xeb\xc5\xa3\xbe\xb5{\x94j\xd0&amp;O\xdf]\xd2\xba\xed\x99\x99\xe7@*\xb5s\x1d~\xe9\xaf\xf8U\xc6\xe4$Y\xe3@\xe0\x81N\xf2H+\x9e\xe2\x0e:\xda\xa5?\xec+\x0f\x1c\x01\x9d$k\x13\xfd\xed\x012\xcd_\xb5\xa5\xe4\xc3\x84`\x86\xd9\x93\xfd\x9d\xed\xfb\xd6\x06B\x05\xd8a\x02\xd1z\xac\xa4Pa\xc6,qm\x12r\xecn\xf4\xeeM\x07\xf7\x94\xfbt\x8b\xc8\x02\xa7a\xb7\x03\r_-\xfd9\x05\'96\x0c^\xeb?\x9c&lt;QO\x9d\xc5\xd4\xb3\xd8\tB\xa8\xf7\x96K\x1f\x1e\x9e\x08\xb5\xea\xb5\xcf\xab\x8b\xbfu\xc5m}t\xe6\xbc\x16G\x07\x0b\xb8\x0e\x88\xa52yn\xb3y\xea\xc2/8\x0e]\xc27_\xc9\x10^\x17\xea2\xd7\x05\xee\xd8:\xa3\xf3\x05\xbc\xdd \xfa\xed\xd6\x8a\x03Nq\xb1\x05?\x84\x99g\x05\xc5\xa2~d\x001\xb3\xcb$\x8e:\x10\x9b\x03\xde,\x14n\x91\xed\xc3\x9e={\xc8c\xe7\x1e\xbdH\xd6\xd7\x81&gt;u\x8f\xf8s\xdc\xb2\xf8\xaa\x90\x0b\x97\x07\xbd\xb4X\x9fI`(Kg\xef\xd0Gr-\xfd\x11\xee\xf9\xae\x11&amp;\x80\xa38\xa9\xe3\xe3\x80\x91DO~R\xcf\xd7\xd2\xcd\x16\xf2\xa2z.06.\xd0\x84N\xf6Y\xe46\x17\x16Xi\x83\'\xf4\x8fL\xb5&lt;b\xd9\xe1\x9be\x8f\xafV\t\xcd\xb9R\xe4+\xb72\xe3\x0c9\x00\xcd\xc3\xf9\x89Z\xbe\xc3\x040\xf4\xc1\xd5\x19yiW\xc4M\xa7\x0fq\x95\xec\x9dp{\xe7\x12Y}\xdf\xb1a\x10t\xd4~\xf9bI\xa1\xb5o\xdb\xcd\x10\x1d;\xe4\xe6/\x1a)\x1c\x9c\x8c\xc1\x87\x12\x9e\xf2\x97\xc3\x99\xd1#\xd7W\x83m\x028*\x11\x9fq\x02\x98\xe7\x81\x8d\x0b\x83z\x7fD\xb3\xe7w&amp;p@\x1b\x8fqqs4\x0fM\x82\xda}\x89\xe33\x00\x03\xe7\xfa\xfe\xd1\xe4\xc4\x9e\xfc\xe5!\x10\xd1G\x1chM\x895\xf2m\xbb\xe7\xd1\xab\x07\x84\xe2\xcb\xd1\x13R\xb6\xba\x14!,\xaf7M \xf6\x1bd\xc5\xf69\xb1\x1d\xaa\xe3e8\x85#{\x8cl\xbe\xdb\x83hzQN\xd4\xeb.\x0f\xa9vkoS\x91\xa0\x00{\xb7\xf4b\x92\x17\xc7F\xc5l\xc9h6{\x18Nd*\x98\x02U\xc4X\x96\xedZc\x9a\x05:\'\x80\x9e\xca\x93q\x96\xd1\xae5r\xb7v\xe1\x18M\x0e\x1c\xf5\x12(\x0eXX!.\x96\xf4\x0b\xc9e.\xeds\xb20:\x99\xed\x17\xa7\xd6n\xdf\x0f\x1db\xad\xb9&lt;\x0e\xaf]pi\xe7\xea\xae\xd7\xf1\xdb\xcbq\xa2c\x96\x19\xd0&amp;b\xbe\xa4\xcau\xf6\t\xe0\x88\xad\x83Jg\x9ch\xe8_\x8e2Ih\xc9&lt;\xf1&lt;\x8f%\xe0\xb2L\x14\xef\x19\x12\xd3\xcc\xef&amp;\x1d\x8e6\xd7\x10\xd1\x8f2*\x9a\xab\xe1E\xcc\xf6\xf96\xcd\xe5\xc9\xd3\x0c\\\xa0\t+8\xbb\x03\x1c=\xeb\xf1\xa3bk\xc91\xca\t\xc0y\xb6\xbe\xcc\xa0\x924\x83(\xd0;$\xc5\xae\x90\xfd\xf7\xe7\xc0\xd3Q\xf0\xea\xb8&lt;\xc9\xe8,\xac\xc5~\x98\xe3n\xcaAL\xdb\x90\xeb\xb8x_.\x14\x9b`\x18\xf3G\xc9j\x9f\xe5%(\xd9T\x84e&amp;\xb80\x88mG\xde0H\xeeY:i\xa8\x99y"^\xde\x19Z&gt;\xdfn7\xb3X\xbe\xc0"\xd9\xfcJ\xcfY\xfan\x1c\xf0\xc0\x08\x1c\xd7%\x9f\xd7*\xf0\xbb\x04B\xd0\xcb\x17d\xaaN\xed4\xe5{\xd5\xc4\n\x1ai~\xd8x\xd43\xcayv-\xb3\xd8\xe1\xca\xe1M\xfa\x9f~\xe7\xf8\x92P\xa9\x15\xa8\xd5\xbbb\x9f\x9f\x16mg\xbc\xb1#\xbe\xf3z\xcd\xaf\xb9\xefL\xd1\x1b\xf4\xe9\xedZOXQ\x12u\xe0bP\xf6\xcfg\x90\xfc\xfaJ\x15\xa7/\xbb8\x08A$\x9f\x8b\xd3\xf5\xc4&lt;\xab\xd1\x05\x83-DoJ\xea\xce\xd6\xa8\x8bq.\xd7^5\x16\x1a\xbfw2\xbe\xcdWtj\x07\x97\x0c\xb3S\xb4(Y\xf5\x9f\xe2U}p%\xf6\t7zK\xa0o\xdeC\x91\n\x8c4\x10B\xf7\x8acY\xb3\xbf;\xbf\xae\x97\xdfoIO\xf5P{\x1e\x0eL\x9c\xc2q{,\xb7\xad\x0f\xbar9.\xf6\xc8\xd5\x11\x11\xd1\x07\xed\xa9\xf4\x18&amp;\x1c\xe4\xa3M\xf2z\x84\xc0\x87\xf6c]/\x1d\x00\x92\x87\xc6J\x03\xbb\xa0\xa3\x8f\xa4&amp;\x8c\xcc\x9d9\xca\x03\xd8\x8c\x1e\xf5\x9e\xc5Kp\x16\xc7Jr7s\x97\xe8OEB\xfc\xcd\x1b\xcd)\x8d&gt;\x15\xab\x87\x05aV\xa8\xc5\xcb\xec2LR\xe6\xd2\xe1q\xd6A\x0b\x82\xd3Y\x8a*\x02\x98r\xf2Y\xe4\xc5\x03\xee\xb5[\xaf\xc0\xebP\x85S\xe1\xb1E&gt;u\x7f"\xfd\x0f\xe7\xb8\xedm\xe9\x95M\xf3\xcb\xf8\x82\x97\x9d{\x86+\xe20\xe6z\xce\xd0~\xa7\xaf\x19N\xf1-\x92\x1d\xe6x95}\x80\xe4$\xf6(\xe6\x19zn\xdf\x04\x9e\xa7I\xc7R\xf0\xc3{\x1a\xbf\xf1\xcb\x7fU\x98d\xc5\x9a\xf2\xe9\xa0\xdc\xf7k4\x85\xf7y\xa3d\x0f%;\xa2\r\x8b\xdb\x83\xe4:Q\xbag]&gt;\xaf\x05\x19\xc7\xdd\xbc\xdc\x1aYE\xd1\xd7\xe9\x8b\x9c"\x17\x9d\xc2H\xa0&amp;_v\xf1\xff4j\x995z\x84\x86\xf5\x9f3\xf8\x9eT\xecp\xf4q,\xf4\x96\xed?\xb5;\x83\xda-\xbbE:\x9ac\x8a\xdb\xb8H\xe4\xeb\xed\xc95\xaa\x84\\8\xd8\xce\xc7\'\x1dm\x80#\x08,!#\x1cE_\xd4W\xdd\xc9\x8c\x82\xe44cZ\xea\x8e}6\xc0/\xea{$w\xd4\xad\xcat:\xec\xbd,\x97\xf4\xc5T\x8f\x16$w\x0f\xef\x85\x99\x83\xe0\xd4K~\xad\xf1D?a\xb41\xe7u\xa6\x17\xf0\xc0\xab\xb3s\x04x\xbd\xe13\xe8I\xddh\xfa\xb5\xcd&lt;w\xf24\xdf\xa5\xd9\xd3\xfe\xc9}\xe5\x8b\xad\xb1/\xe4\xa1\x97\x8a\x86\x10\x8d\xc3\xa3\x16A\x93,\xbd\x84f\xcca\xec\xd4\xc0A\x8et&gt;\x1b(\n\x94\xc7\xf0\xebF\xfb\xeb\xb4{]\x8bi;\xdb\xe1mh\xfd\xb7\n\x0e\xe7\x10KO\xe4\x9fp\xd0\x8c\x1e\x1f\xf4\xcf\xef\xae\xdc\xc0\xa6\xc9\x136jB\x93\xc0\x998c\x00\x15\xde\x9d\xd8\xe5Gc:\x0b\x9c\x85\xab\xb4\xe3\x18\x1a\xa7j?_&amp;\xe41\x83\x9a\x1f\xdd\x81\x03\x90\x7fkF\xfb\xfd\x1a\x8b1\x15\xf9Z\xb5\xc2X\xf4eD\xdc\xd7\xa6\r\xafv\xb9/{\x0f\x19\xdc\x83\x16\xefHU\x0b\xben\x80W\xcfJ&gt;\xcc\x0c}i&gt;\x7f\xdcG\x91Y\xfbna\xbd\xf4A\xa7\xba\x9d\xcf=h\xe4\xf1\xce\x0eMX\xc5\x1fr\x08^_\x15!\x97\xbe6D\xb5?\x9e8F]eA\xea\x19\xeb^\x82\\\x99m\x02\xf0\x95v\xc9,\xe2\x9b\x7f]\x9eZ\xd9\xb6n\xfc\xdc\x19_\xdfy\x0fD\x11\xeezO\xc9\xce~\xa0k\xfd\xba\xec\xe1qt\x96h\x8eW\xa3\xf3[{ G9\xa7\xa8W\xf4\x9e\x98\xbb)\xb1p\xef\xef\xe1\xd7\xc6K\xf1\xc5\x90W\t\xd4C\xdea8\xd0\xb5^O\x05\xf2\xc9L\x92\xdd\xdc\x1bN\x9f\xccm\xb7\xa5Bv\xcc\xcb\x8e+\xd3\xcbC{-\xd1T\xfe\xa4\xb0y\x9d\xda,p\xfc!\x98nyT\x9c\x00\xae\x1ci\x93l\x88\xaa[\xc51V\xc9\xdb\xcb\x17\xa3x\x8f\xfc\xb8\xd2)\xf3D\xf8\xcfds{\xc6}5\xda.\xfc\xc8\xfeo\xeaW\xfc\x10X\xbe&gt;\xe0D\xb4\xb6\xca.i\xf7\xd2\x9cK\xeej\xd7\xf5W\x19\xc5\t\xe0\xa87"\x1e\x1f&gt;\xb2Q\xb2{fVM\x00\x8d9@o\x02\x11}\xd7\xac\x8f\rT\xc43\x1f\x10b\x08\xdasyx\xcd&amp;\xfb$O^I\xed\\\xcbe\xfd\x07\xc62n\xfa\x95\x1f\xd4\xac\x85\xfe\x9fD\xec\x0bG\x8c\xbc\xd9"\xe7O\xb0+uG\xb2j)}a\xaa\xd7\x0f;;\xb1\xd7\xda]\xbeer\xde\xd0r\xfb{\x00\x87\xb3\x1c\xa0s\xfdp\xbb\xdd\x06m\x0fK\xbf\xa2\x9e\x16\xd9\xfeS\xe4w\xa2\xa0\xfc\xad\x7f[\xe3\x9a&gt;\xe99\xf7\xb4a\xfc\x13\x07\xbc\xcc\xc7\xdf?\xc8\xb1\xac\xa3\xbd#\xc9l\x03\xd39\xc2\xf0!VH*Sh\\MW\xf6\x04UX\xd8\x86\xf9\xafe\xa8T\xec\xa0\x05\x0c\xe1q\xbc\xf8\x05\xfb\xe8\xf2\xca\x1a596\xf9\xe9\xa3\xaa\xbei\xf2\xbc\xab!\x15\x8773&gt;m\xfdw\xca\x8a\xe9\x15v\x7f&lt;\xae\xa5\xf1\x89qmb\x9e!\x98f\xb0\x01\x1c\x89\xfd\xf1\x80\xaf\x1dc\xc8\'\x00U\xf999\xfb\x01\x1a\x11\x11q\x89\xdd|\xf2P\xacx\xc89\x06m\xd9Y\xbb\x9c\xe66\xa5x\x7f\xe2\x06\x9d\x99\xe6\xebb:i\xe8\xa5\xd2\xcbj\x9f\xd9)\xb0\xa3"u&lt;\n\x96\xbd4e\x12=\x0c\xf31\x88o\xe8\x1e\x95\x82%\x13@\xcf\x964N\x17\xc2\x06N\x16 `$\xd7\x98\x00:W\xbb\xf9\x04\xd0m\x91\xc5\x86\xf9W\x82r\x96fHZ$\x9c\x00\x88\x88\xe8k\xe5\xda\xe5\xa6\xde\xab\xb8\x86\x90\xd6\x1e\xfe\x00*q\x91&lt;T\xf2/\xd64\xca\xcb\x8bvp\x8d\x08\xdf\t\xc6UD_\xb2\x9f\x1dg#\xf6\x9bv\x8d9:@\xe9{\x97.\xaeI\xd3K\xcb\x04\xc3\xccg\x93\xaa\x17e\x99\x00\x92$\x1b\xfd\xf7X\x92\\\x1f\xffsP\x17K7\n\x13\x04\xd85If\xfbj\xb1]\x8c\x99\x10&amp;\xa1\xd7\xaf+\x04zEvm\x94\x16\xe5\xbb\x1f\xd9\x8f\x08\x8f!2=\x84\xba\'#\xdb\x86l\x87\x9c8\xc961\xb1\xe0es\xd1\x86\x11\xbdrxO/\x18N\x12\x87R;\xa5\'\xeb\x01\xfa\xda,s\x03\xe5\xeb&amp;\x95t\xc9\xc4@\xf4\x935"/\x88{R\xd4\xca\xfb\xbb\xf7Z~\x16\xd4)\xda\xe6\xbcz\x98`\x8c\x03P\xa5\xba\xd2g\xef\xaa\x84\xa7\xa7\xaeV\x93\x12\xdbL\xf6\xe8\xab\xfcC\xab2\xad\xa2\x91\x89B.{\x92u\xf1\x82Kv\xe6\xb6\xfe{M\x00\xbc\xc4I\xbc\rB\xd8&lt;(+\x0f\x83\x0b\xf7\xd6\xa0q\x9f\x9f\x08\xcb\xcbk\x15\xf5\x1f5\\\xac\x7f\xe7\xc9\xe6\x06r\xd3%\xcdY\xef\'\xf1\xd0\x1c\xce\xf5!\xdf\xe5\xc6\xfc\x10\xec\xbc=\xc2p\xcc7\x81\x07y\x92\xf9&gt;^~k\x92\xce\xf4:nw\x11S\x83\xf9\x9ac\xe7\xda3yXm\x13\x12\x82\xf8;\xaf\xdex%\x85\xcc\x87\xba/\x97N\x95\x9b\n\xa6\x8b\xbe+\xfbh\xc2\xed\x16\xa2\x01[\xac\x18_\xacI\xbe\xdd\xee\xff/0\xb9X\xfdi\xf3\xda;\xd5\x9d\xf7\xff\xaa\xca\xe1\xbbf\xaa\x8e\xdb\x8f\xa1\x0b\x9cS\xf8\xb47o\xd2&amp;(\xf7i2\xd1\xc7T\xae\xdb\xb5\xffp\xa5+\xee\x0f*\\m0\xe0|\xe0\x90u\xe2\x8f\xd0\x19s\x8e\x98\xaf\xb1\xb4\xbc\xb9\x89\xdf\xcf\x18\xfa\x9f\xa5\x8b\xb57\x176\xc5\xf4\xba\xde_o#h\xa1&lt;OpR\xaa*\xdc\x17\xe5\xf181\x85\x9d\xdbc\xde\xfe\xe1z\xec\x80\xb71[\xce=\xefr\x8a\xbe=}\xe6T\xd4\x17\x87\xc8\xe8\xe5cS\xb8\xe3\xb6\xcfE\xcet\x1c\xdb\xb0\x0f\x0f\xe1\x9d\x9a\xf2^\xf1$\x94\xb1h\xab.(Jb\x8b\xf6\x99\'\xb9\xbc"\x11\xd1\x87\xca\x85eu\xc5\x96\\5\xe0O\xc1\x9c\x13mbU\xcd\xc2\xb8X\xe7\xe1~"\xd6Rk/Ege\xaa\xd6J\x8cq\x1c\x1b\xbc\x9cx\xd9\x9e\xc7}R\xf7q\xd1g\x95\xcd\xdd\xed\x93P\x9e\xcc~f\xa1\x98\xa1\x15\xb6fO\x14\x7f\xd3\xa0\xf5\x7f\xff\x88\x90\xc4L\xd1\xaa\xfcb\xcd\xf8\xe4\x1aE\xe5\xa4\x03\xbfY\x08H\xa8\xf9qg\xff\x16Cg\xa0:my\xa2\xff\x13}\x8e\xafSv%/f\xb1PpL$L\r\xdfSc\x0c\xd1\xcbe\xe1\xa9\xda{\xf8z\xdfl\x80pJX\xaf[\x8c3U\xa7\x10~\x85U\xcb\x8b\xce3\x87\xb4|fW3q\xfc|\x0e\x16\x954\xae\x9a\x9f\x9b\x0c\xcf\t \xb2Mk\x91]#c\xc6l(\xd7\xd7v7JV9\xfb\x8c;&amp;D\x15k\x05\x9bjS\xadT\x88f\x88%\x85\xe5\xb3TY\xda[\xe5f\x82\x8cC\xa6TFe\xd3\x1e\x89\xbdQ\xe2\xee\xca\xfeye\x81y;\xf9\xf3&gt;-\xbdm\xb6sB\x9f%\xb3r\x0e\xd0\x15f\x1e\xe4X\xe2\xa4\xf2Y-\xa7\xa2{\\\xf7\n{J\xa8_&gt;\xcc\x9a\x05%\x13\xb3\xd6&lt;p$q\xff\xf1\xdd\x9f\xdfY\xce@\xda\x99\xb72\x84\x8c\xcb\xa2\xca\xe4!\x89]\x93Bg&amp;1#\x86\xfeA\x08~\x86\xa9\xe4\xfc\x9eJ\x18\x14\xd6\x9ev\x8b\xca\x02;\xa5I"_!m\xfb\xc0@\xbe`\x97\xaa\xa8|\x1e\x87yy\x07\x0e\xe3=L\xc1\xc1da""z?\xdf@\xb8O\'\x9fX0\x03\xd1\xd6\xc3!\xdeKT\xce\xd6\x835{$\x8b\x1e\xb3F&amp;\x92G{\xc7\xdd\xff?\xc7W\x1cX\x99g\xa80[\xc2=\x8d4O\x00\xb3\xf8\xf1Uq\x0f\x12\x9a\xec\x1b\x0c*\xf8\r\xee\xe8U\x0e?\xe1\xa5\xb3\xf5L\xe7\xae\x0c\xfe?\x05q|\x9b\xc2a?\x0c\xd0D\xf2\x15\xf6Azm\xean\xbb\x87)yl\x90g\x18Z.\x08{Mz*\xe242\x1c\xb3\xed\xe6\xf8\xc5\xa3\xd3\xc6u&lt;\xd3\x17D\x94\xdc\xbb\t\xfan\x86?%\xef?\x01\xb4\x7f\xf2\xc3\xfe\xf2\x83\x83\r;\xa7\x86\xa3\xfa\xf8\\G&gt;\x9b\x15\\ee\xb7\xf0\x87e=\xa8\xfc!\x1d\x8b\xcd\xb3\xb1\xa6d\xce?\xaeA\xc1\'D\xa9\x94\xa8$\xdfi\x89\xcc\xaa\xf6\xd2\xcb9Rc\xd6\x07\x18\xf2\n\xbc1 \xc7x\x16\xa1Ii\x14\xfdWR\x98\x97|\xa6T\xfa@\xbbB+\x9e\x0c\xec\xd3\xf0&lt;\xcb\x17m\xe7\xee\xbd6\xb9K\xea\x87\x15\xdc]\x07K*\xc2S\xf3\xbe\xbcz\xab!\xbf\x16\x1b\xf5[_\xdfR\x14\xd7\xa2?i9,5\xf8s\x9e(\xbe\xe6\xc4E\xf5\x86-~Ofl"\xf5\xd6\x98\x88\x0c\xbf\xd7\xb8T\xd1\xd65\x904\x93B\x08\x91\xd2\xdc\tk8\xee\xbf\x96\xc9G\x82pi\x89e\x97\x16\xda\xc6\x80\xbb\x03s\x99\xeb\xf1x\x1el5\xed\xf4\xa8V,P\xab[\x0c`\xc9\xa6!\x1d)\x15\xb70\x03\xe4~\xebv\x0b\xe2A\xc4{`O\x8e\xf99\xe8\xd1\x88\x7fy\xb6~\xa1\xa9\xc2\xd4y\x96}\x8c\xcbj\xa14\x12F$S\x95\x9d\xc5\x96\xf1\x96l\x86\xb7F\x17\x08\xb2GP\xbe^\xbd\xdd\xa4\xcf\x9f\x9e\x91\xc0\x06{\x1e\xba!\xca\xa7\x99\xa2\xc6\xcfA?\xe4H~\\:\xfai\xe8\xec\xd6C\xf1\xe6\x87\xac\x9b\xcc\xb0\t\xb8\xe6\x04\xc0p+\x86\x89W\xfa\xa3u\xf9\xd2\xb0A$\xea\x11\x9d\xc6\x07\xb8\xab\xa8\xady\x8cU\xe6S\xdd\xf5f\xaf\x1f\x05\r}\x1a9\xcd&gt;\xfa\xa4\x14\x9d\xc7o\x9dk\xff\xbc\xd7\xad/\xcc\x9b=\x15\xff\x01\x00&amp;\x14\xe3`^\xa9\x95\xbf\xdd\x9e\x01U\xfb\xbb\x02\xc2\xd1\x15\xad\xd9\x7fg\xb18=\x9e\x1d "\x9f\x8c\xf3\x85\xe4-\xab\x9dY\xb3\x11c\x98a\x07P\x93\xa31m{\xd09\x87\xdf(\xc7T\xb7Gopu\xf2)H\xf3\xf8\xd7\x1a+\x8ak\xfd]sO=$|\xc2j@\xdaw}\x92\xefb\xa5f4T\xf9\xec\xd4_\x8d\xbe\xc88\x87\xb7\x7f\xd6x\x15\x94yr~\xe7\x14&amp;\x00q0X\'\x8eM\xf5V\x81\xfa\x0f\xd3\x8fw\xed\x9c\xddg\x9d\x03$\xde~$\xf4z\x81XN\xfcAb\x15SLU\x9d)lv\x8e\xa1\x16\x08az\xdf\x1dh^\xff\xcah\x874WL\xfd\x14\xad\xec\x8aUj\x15k*\xac\xb6\xcd\x1e]\t\x9d\xb6v8\xaa\x91\x16\xe5\x12\xe4\xfd\xf8\xf6\xe4\xf1\x98f\xd1`62\xa9{\xae\xf0`\x18\xfe\x1a\x80Z\xc2%\xdeL\xba?\n\xb8\xdd\xc2\xf8\x17~\xbc\xa0\x9d\xdfS\n\x85G\xd3\xb1\rE\xf3\xcaTlMbi\x87F\xed\x83\xbc!M\x7f\xf6\x8eV\xa2\xa5\xd7\x0cr\x1ek\xf8\xfb1\xbdA\x88\xb6\t\x9d\xb9e\xb5p\t\xddk\xc4\x92\xf3C\xe0~\xa7\xdc.\xf1\x14\xe5\xf6\xf8\xd3\xd8\xfa\x98\xae\xdfb\xff\xd9\xcf\xde\xdfR\xfe\xb4\xf4\x02\xbf\xaabL\xaa\xdd\x18\xf4\xa8\xdf\x1dm\xcc\xcb\x1bR|g\xc6 \x87\x97_x\xf6\xdb:4\'\xa2@t\x0b\x8d\x87\xb4B\x03\xa4\x85\r\n\x8a\xba\x96i\xafOZ\x08\x81B\xf8\xe6n!\x13\xd1\xb9-\xca\x0f\xf8^\x99\xa6\x13\xce\xee\xa5\xfc$\xa7\xb6\xa3/\xbe\xf8!&lt;\x05:\x84\xe6\xbb\x00iy\xdd9\xc6]\x85B\xbe\xc7)M\x7f\xad\xb5\x99\xe6.\xdb\xf3\x89=\x13Z\x8f;\xff\xd1EE\xa7\x90\x89\xb8Z{\x0e\xa5\xe6\xc9q\x1e\xe6%+\xd2\xcd\xaf\x94\xaa\x13&amp;\xf4xe\xb0\xcf\x04\xe0(\x10#"f\x9d\x00z\xaa\x17\xaeK\x1e5\xffh\x9b\xce\xb6%\x868\x9c\'Uzn\x8a\xc9\xe3TQ\xaa\xeb\x12\x8f\n\x18\xe8\xb1\xcd\xec\xfd\x06\x80\xc7y\xb1N\xa9L#?\x00\xca\xc7\xd6\xe1\xd9\x9c\xa4\xfa\xb8\xa8#\xfd\xb7\xc4\xf5*&lt;\x0f\x94W\xcf\xec|\xe45B\xef\x0e\xce\xef\'\x0eE\xd5X\x9b\xe1P\xd2\xf3\x19\x80\xf4;\x15.\xba\xf6Q\xf3 _\x93J&amp;\xf0\x9e)\xfe~\xba*(ID\xf4&gt;\xcb"\xe8\x83R!\xca\xf3\xe2\t\x02r\xa1\xf8\xd0\xb2^\xba\xf6\xa5\xa1\x8euVT\x91:\xd7\xadM\x98_/\xc8\xadj\x9b\xf1\xf8v\x93\xea]&amp;\x97\xd6\xf9\x86\x10\x119&gt;\xear\xe9=\xc6K\xaa\xb6\xdf\x1e\x0f\xbe\x1dl\x02\xfb\xe3uZ\xe2\x82\xf9$\xe4\x03\xdc-\x89\xfe+*\xdfw\x9ec&gt;\xffI\x1f\xa7\xb7\x04Lu\xc4di\xef9\x13M\xd1\xecA\x87~M\xbd\x91\xf6\xb2I\xbe\x8a\xce\x8a\xb0I\x17ly\x04E9e\x9f\xc3\xbe\xd3\xbd\xb7\xbe \x99\x00j\xad"*\x8f\xc6\xb4\x98\x8f\xa5\xce\xec\xbfDh\x96yW\xa1V\x87F{\xd5gu\xc9\xfa\x9f~P:\xc4\x9a#\xae\xbd\xc7j\xd9\xe6\xf2\xfe\xcf\x0e3\xd9\xdeP\xe5\xb3E\xd49\xdd\x92\xc6b=\x1ck\xd7\xbf&lt;\xbfd\xd5\xbe3\xb6\x95\xa9y\x07P\x98*\xea\xaf\x9dLE\xe7;9\x83\x18d\x90\xb6\x0b\xee\xef8\xad\x8f\xfd\xa3\xff\x0e\xd2\xf8\xac\xa5\x91\xdf\xfdb\xd5\x15\'\x80\x84\x9e\x96\x9d\xd4/y\xc6\xaf5\xa4x\xb5\'\xfd1bw\xc60\\\xb5\x13@^\xb2\x7f,\xb9\x87\xdc\xcc\xc3;7\xcb\xd1Z\xdb\x8c\x1e\xa2\xc5\xf5s\x03\xfd\x9b],b\x95\x9aV\x1eK\xf1\xec,Q5\xd5]}\x02\xb0\xb1\xbfW6y\xc4C\x9a\xd9|}\xea\xfc~\xb5[6\x03\x0e\xa18\x070N\x1c1r\xce5\x14\'\xb7\xd4\x92\xfb\xa3\x8a\xc9\x95\xe2g\t?P\xa3t\xff\xdc=\xe7F\xf0H\x8e:\x17;\xc5\xe0?\xca@\xe7&lt;[:\xe1\xa2\xfa\x1c\xf0m\x991X7\x85\xbd\x86\xc9\xfeN.N\x00\xeb\x95\xf8\x83\xe4\xd9\x8f\xd0~\xc3\xf33\x04\xe1\x10Hs\x12\xe7\xa9\xb7\xaeu\xaa\x1ev\xf7\x8d$\x88\xf7\xe9\x10f\x0e(\xd2\xa3h\xf3O\x8c\xe1n\x16\x1f\xbe\xddC\x8e8e\xdfKRt\xe5yW\x99F\x1e\x87N\x96\x1d\x80v\x7f\xa3)~*\x84\xafd\x9c\x8e\xa1M\xd2\x8a\xa6\xef\xf0y\x03a\x7fr7\x16\x1dk\xc8\xfej\x1fv\x1c)H\xca\xd7\xca\xc4v\xbf\x97J\xeb\x00FG\xf5\xe8\x10\x8d\xc3 \x8f\n*\x15\x93\xc84\xdb \xadr\xe19 \x7f\xf89?\x12\x83{\x9f\xf5\xb3\x19G\x98\x8c\xd6\x15J\x92\x02\xf7\x7fLbv\x85&lt;k\x97\xb3|\xbd\xa7\xcc\x9d\xa3\xad\xf8\x15\xe2\t`\x9b\x9e\xfeQ\xb9\x0c[K\x0b\xf3B\x01\x13r\x9d\xbc\xb3iU}.\xecT-\xdc\xc6\xf1.M\x86\x93\xaa\x03:\xfb\xeb\x9a\xac\x1e\xd9\xd3/\x9d\xbaz\xd6t^\xf2\xd7\x92=\x8a\x8a\x7f\xd6\xc9\xb0\xa8\xe9,\xe0R\x97\xc6\x0f/\x9bl\xd3\x04 UE\xf4\x07\x0c&amp;5\xcd8i\x92\xb2Y\xae\xaa\xd2\xe9\x9c\xb3zv(\xe3\x0eXk\x82v\xee\x86\x9e\x03\x87\x11\xf2g\xc3\xab7x)\x0eK\xc8a\xebb\x83vs\x99\xa6\x84\xa1\xed\x1a\'&lt;\xb1&lt;W\x94k\x1ea\x8c\xd6\x81|Pa\xbe\x18B3V\xfa\x84\xbf\xa7\xa34V\xd1\x0e*(\xf90TK\xb5\xc0\x07\xef\x91\x98\x0c*\xce2:\xcdKc[\x03\xdd\xf7\xf4\xb2\xc9\x8f9\xd5\xf12D\xc1\xa9\xf7R32n\x7fw\xd43\xd2\xf9\x83c\x06\x0b\xd7q4\xc8\x18\xfa\xc1\x0f-s\xb4\xb7H=\xb5\x89\x86Er\xbe$Q\xd7s\x1c\xd4\xe9\xc6\xa2Z\n\xe1g\xf6\x08\xed\xc3\x1c~\xed\xc5\x8dA\xa6\xc1\x0ep\x16\x0e\xcfA\x9b\xbd\xd1\x81v\xb4\x88\x9fr\xc7W\xf63\xe0\xe8\x9e\x92\x13\x1b\xaa\x9d\x00\xd4\xbad\xabu\x89\xf6\xc2-\xad5J\xd5!p\x0b\xcd\xf2c\xf3^\x8b\xd4\xcc\xb0\xb1p\xfe\x93\x905\x92\xc0-\xb6\xdckyx\x94O)\xfa}\x8f\xd92J\xe7\x9fB\xad]\xf7i\xe8\xbfLuM\xf2\x9b\xd4\xc7\xb2\x99\xbf)\xffd\xf91yUo\x15\xfe\xd0c\xe1m.N\xe4\xedv\xfb\xf6\xca\x8f$7M\xe7C\x8b\x88$\xad_\xfe^qQR~\xcd\x1cu\xb9\xa8\x99\xf7\xa0\xc7 Y\xdf\xd5f\x85\x91v\xf5B\xe9@\x9d\xc5ZCnn\x0e\xb9\xc2\xc3\xb7\xed\xe7\xc3\x9bo\xb3\xa1\xbcD=\xba-15c\xfe\x85\x93\x1c\xfe\x16\x18\xc7K8\xbdgY\xbc.\xab\xdd\xadZ\xf8lk\xc5\xd5\xaa)W\xfc\xd23\xe5M\x95\xca\xc5\xe7\xcc\xcd\xa6\x8f\x19\\\xe0b\xc5\x0c\rQ\xe1r\xfa\xbc\x7f\x07vj\x9cd\xd8U\xcf\xb8\xc4\x07t\x03\x8c\x9a\x89\x9eS\xc8\x8d\x1c/\x83\x9c\x10\xb6K\x18\x07\xe9\x95.\xd3t\xba\xf8\xc2DD\x7f\xca\xa0\xa5-V\xa2\xbdzKm\xd1\x1e\x1c\xf5\x02\x82uiu\xf4v\xcdj\x00=G\xdf;C\x08\xf4-\nE\x8f\x07N~\xc6T\xce-\x0ew\xefa$\xed\xfe\xee\xbe\x1d\xc0\xb4\xac\r\xe2[%ixR`\xa8\xbbr\xc9\xcdd=\xc8\x0cc\xc5\xbe\xea\xbe\xf4\x98A!\xd0\x0fP\x14\x96\x96\xe4\x97#!\xd0W&gt;KN\xe2\xc6\x18UK\xb5#%y\xc4\x18\xd7\xfb1b\xbdy\xdd\xb2mJ\x81Wf\x86\xd3\xe1\x99\xc932\x13\xd6\xcb\xad\x1f\x9e_\x97\xaf\xac\xeb\xaaGpj\x153dI\xc9\xf0Y\xed\xe4\rN\xee6g\x0bw\x9a)\xdb\xb2C\x8d\x046\xfb\xab\xb8Zo\xea\xa5Y7\x9dg\xa2g$\xc5\xf1\xfdFG\x9b\xce\xc6\x1a\xecwo\x94\nh\x05:\x99\xe6\xaf\x14CN\xceY\xd6X\xca\x05\xbbh\x8d\x9fLiC\xfdp\x02\x17+qx\rT5e[\x95\xdc\xc2\xd2\xd3\xb7\xdb\xffQ*\xd1\xee\x13gfy\xa3\x8ey_\xad\xf9j \xd1W\xaf\x8e\x10z\xe40\xd79\xe9\xb5&lt;#U\xbd?\xee\xf2\xe4\xb9/Bo\xfa\xb7B\xf7\xe9\xd6D\x8b\xe1\xd5\xd5[\xe5E\xd2\xfe\xc2\x06n\xdbw"z\x9e%\\%J\x82C\x00\x00 \x00IDAT##\x9d\x83\xa3\xf2\xff\x98M\xf4]\xb2\xa4E\xc5\r\xafa\x97\xb0\x9b\x037\xa3\xeb-{h\xacZr\xa4rO\x92\xdesiW\xbf\x90\x13\xa5\xbfgL\xaeW\x1e\xd7k\x07J\xa0\x80\xafkj\x0f\x03\x1f\'E\xe9E\xafcG\x15cw\xa3\x1d\xef-\x18\xca\xf7\xb4\xc4`\xeaT\x03i\x901\xcc\xb9\x8d\xa3\xc2\x11\xa7\x82\x9d\xa3\x89\xb2\xbf\xa6;\x1a\xa2\x0f2\xafb\xa2\xf3\xe7l6\xedk\xc6D!\xbe3kNI\xba$\xfe\xe7\xcf\xab\xd4\n\xac\xe3\xdc\xd7\xaa=A3\xb4\x83w\x9b\x00\xfa9\xcb\tu\x8dQ\x13\x80i7fV\xf7g\x1e\x1b\xc7\x9dOD\x0f&lt;\x80-&gt;\x1e\xb0,G2i\x8e\x86\xbd\x10\xf7\x0e\xf8E\xe5\t`\xce-\x15o\x00s\xb3\xbe\xb8+\\\xb7\xad\x91m/\'\xec\xe0\xd2h\x89TuB\xd3\x0c\xa1\x9d\x1do\x16\xfc\xc2V\xe7\xba\xeeY+\xfd\xbe[\x847\x1a;L\xa9m\xfaO\x97\x86\x1e;\xd1 ~\xb0\x0c\x8ea\xe6^\x19m\x19\xd1gXj\xd5o}[\xfdV\xb0\xee^\xb5Y\x9b\x9f\x00\x9a\xf9w\xe8@\x95\x180N\xb5\xd0\x86\xddxs\x08\xa1~\xa6j\xc6\xdc\x89\xc9\xd2\xf0\xfe\xa1\xc7\x94X\xb8\x93\x1c\xa3\xf6I\xba|\x07T-\x8d\x03\x85\xe8\xaf\xef66b%\xc6\xb4\xe8\x1aRZ\xa7\xa9n\xfd\t\x8bE"uk\x81\xa4D^A\xd8&lt;\xbeiM!\x94}\x90\xab\x18\x1dx\xeb\xbax\x9e\t`\xdc\xc2\x98\xba\x7f\xe1Q\x1b\xe4ZQ\xb5\xb3\x07\xe3\xd4\xa5\xadp=\xa2&lt;\xae\xab\xd5\x13\x81d\x9aZ\x13\x8dS\x8dI\t\xbb\x99*\xf4\x8c\xfb\x12\xb2(\xad\x9d\xfd3S\xe5f\xb8\xd8\xcb{*\xc9\xfe.!\'\x91\xc0\x97\x98!\xf8\xcb\xb9\xd8U\xbe\xe4:E\xf8)\x9f\x91!?\x07\x1d\xbd\x8a\xab\xf0`\xfc\x02\xaf\xdd\xed}\x1dv{\xd0#dO\xf61U1\x0cd\xf6\xd8\xd6\xbf$\xf8&amp;\xc4\xc3\x8a\xb4\xc86\xbaX\xa5%\xe9D\x7fKe*\x1fC\xb7\xa8X\xe8\xe8\xc4\xfb\x13\xddu^l\x19\x18\xab\xc9R^\xaf1r\xeaY\xf8o\x17\rp4\xa8\xd6\xba\xe5\x87\xa3\xfd\xf4\x80\x10\x82i\x83\xd6^c~\xeea;\xf7\x03Y\x1av`\x03\x93|\xddcH\xbc\xec\x8d\x04:7\x8d\x89%^Wq\x133mh\xadv\xc9\xf7g\xcc\xe2vt3W\xc5\xb1\xa28\x06\xcc\xfb6_\xf6\xd1;mP\xcd\xce\x9e\x8e\x13\xaeU/\xdf\x97\xcd\xd3\x83\xf5\xc3flW\n\'[l\x9ai\x02\xd8\x07/\x1b\xd6d\x9a\xcc\xa6\xc5\x90}:\xbc^ \x95\xdf4\xa0a^kN\xea\xab\xeeN\xbf\xc6y\x17\x0b\x87 \xf7F\xad\x1cm\xbf6\xb2\xffr\xcc0\x01\xbc\xb5X\x86]8\x93\xf5\xdb1?\xd5TK\x82\xc1\xcfI\x1b\x8b\x12\xa82\xad*BEr\xde]\xef\xb3vw&amp;\xe5\xc5%\xe5pO\x08\\r\x10\x11}@\x88}\xdc3p\xd6y\xbav\xabx\xf7\x8bw\x1f\xad\xe6At\xaf\xeefF)\xec_pb\xf8\x12\xf6n\xba\xfa\xe8\xd35.\xd4\xd6ES\xa7%\xc9:\xb7\xb6:S\x9bg\xa8#\x94\xdc\xe1\xd0\xf6\xd2/;\x07\x10j\xeb/y\xf6\x91(\x9a\xff\xb2e~O\xab\x93\xd9z\xfd\xc7z1v\xb4\xa3{\xef\x8a&gt;?\x84\x10\xfeS\xadL\xbd\xee\xb7z\xaf*:9{\xe0MM\x1c\x8b\xe3T\xb4m\x10g\xe4D\x1a\xb3\\e\x0c \xfa\xd5*\x0b\x9f%\x85\xe5\xa6\xe4b\x03its\xfa\xa5\xdfs\xfd\x7f\x8e\xae\xd4\x8d\xa6\x10\xfe\x90M\xfe\xe3Qv&gt;\xd3pu\xf7\xddd\xf0f\xcc`\xc99\xb0\xf9\xa9\xd3\xbf\x8e[&lt;\xaf\xa5\xa5$\xb8\x93\xf1\xd0\xac\xd5V\xaa?\xea\xedR7R\xf8&gt;\xb84\x81\xfe~\xe5:\xb2FiW\x11\xa6I\xee\x120\x01\xdc\xa7n\xc6\x05\xbd\xe9\xdb\xfa\x8d\x92\xf3\xf6\n\xd1\x9f\r\xa5\x8dv\xffv\xde\xc7&gt;\x99\xae\xf3\xfa\x7fa\xb6&amp;\xccfO?q\x9cH\x1e;\x0f\xdd\xe5\x17\x0f\x12\x9a\n\xa9^\xf7%\xa0\xb8\x0f\xad\x12&lt;\rJ\x84\x8f\x13=\x18"J\x86GO[~L\xf9\x1c\xa9c:\xe1\xefR\x7f\\lDu\n9Jo,\xa1g\x11\xb3\xd8B\xf4\xfb\xcc\x89f\xce\xd4$\x8f\x13yw\xf0+\xd1\xdaqk\x9e\xc4\x97+\xefZ&gt;\xd7\xc5R\t\x89\x9d\xd7A\xd57\xd9\x04[\xae\xfb\xec\x86~\xfb\x8e@\x90\x1fEB\xa6\x8d\xa6{\xa4\x7f\xff\xfb\xe7j\x81\xee\xf1\xd0\x94\x10\xa5H\x92\x94/\x0b\xa9\xc8\xd4\xca\xc9l\xeb\x14\xb0i\x9dm\t&lt;UJJL\x19a[%\x1a\x0b+\xaa\xd4\xb0,~\xe8\xf1\xdff\x1c\xbf\xf4\x04\x10\xc4qY\xf4N\xda\x13\x82*\x93\xa3\xb2y-7\xa8\x99\x05\x87\xb7\x0e\xeb\xa4\xbd\xd9c\x96\x9e\xe64\xb0\xc9\x95\xe2\x17f\xdc\xec\xab\x9b\x14_\xe9\x14e\x18\x0eI\x15\xfa\xad6\x13z)\xe6G\xf3\xe9\xaeB\xef\xa7\x16\x16\xe9!wK_\x06\x7f\xce\x19\'\xccW\xfb\xc1x\xa7v+\xef\x11\xf2x\x1c\xbaQ\xe1\'\xea)S\x1c\xd9q\xe8\x0c0\x84\xd3\xa8\xbau8\xcd\xa1\xd5o&lt;\x13\x846Q\xbe\xee,\xa6\'\xf94F\x14H\xf0\xbe\xbc\xaf\xddIf\xdc?\xc0\xf2\xec\xcf\xe6\x19\xa3}\xf9\\b\xb5\xf7UQM\x0c\xce1*.\xd6\xa9\xd31\x7f\xcd\x1ca\xcc1k\xb9\xfc4m\x91\'\x81\xe6\xb4\x1d\'\x14\xcf\xc5JG\x9a\xba\x1b#9mo\x8a\xd2(\xfd\xd0\xed?mrxK\xb6\xd3Lj@;\xfd\xd7-4Z\xb5\xfb\xaa\xee\xe5\xd8\xdf\xb1=\'\x06I\xe0\xf5\xd8nH\x01DDo\xefPi"\x1d\xea\xac\xc9\x9f9\xdc\x1c\x11r\xafR\xeb@F\x9cp\xd4\xc4\x82G\xe9(\x1d\x85\x9byc,\xb6r&amp;)lB^0\xae[t\x06=\x0e\x0c\x98\x99x\x84\x13\x93\x99\t\x84\xa0\x1f`\xc7\x92[\xf0\xdb\xe2\xbb\xbb\xff\x8d\xbdHu\xfbyTrE+\xdfPk#!3\x92\xa8a\xb6\xdc\xb6\x19bc\x85\xb1\xc5=9\xc7\xb3N\x82\x97\x8aX\x97a\x02\xa0O\xe7\xa4Q\x08\xf4\x95\xf5\t\xe0\xab\xadvf\xa2\xf22\xd1\x7f7\x17\xf9\x8a\xc0\x02\xe3J\xc3\x040a\x9f\xdcCy\x97\t\xa0\xa9\xa2\xba\xe1\xedR\xbaQ\xcd\x08S\xa4\x86\xb2"\xe3\xd9\xba\xb6\x96MW\'O\x07\xc6\x17\xfd$\x1b\x0e\x97\xa8\xe5\xc0\xe7\xb83\xf9y\x8d\x9c\xa6|\xd5-Vc9\xdd7%\x9b\x17I\xed\xf3\xb1W\x9eK\x06\xadz\xe4\xd7w V\xddoE\xcd]\x03Wwb\x9a\x13\xc0@\xd5\xde\xd2$\xad\xf0mi\xd2\x81\xdc\xc2\xc8"\xb9,\xe7\xb1:1n\xb5\xd7\xea;\xf79\xb3r/\x16\x0e\xa5&gt;%\xaa\x8e\xc7|0-\x7f\x84\xc0l*\xdf\xad\x85+\xd1\x7f\xaf\x0c\x95|\xdd%\xd0i\xcc\x9c\x0e\xc6\x8d\x12\xf7\xd6\x8f;{\xad\xea\xaa\x7f\x10\xc2x\xf4\\\xb8\xa4\'\x0f\xa9\x05\xcd\xc5\xb8Zc\x140L*d\xaa{Y\x92J\xb6\x96\xe7\x83\xbf\xc7{\x14\xd1#!\xb7\xf3\x9e\xe8\xffb\xa3\xca\xe1\x0c\xfc\xeb?k#k\x7f\x85\x87\x88\xa6\xfa\xdb[4\xd4\x1dV\x167\x16\x1d\x95\xdc\xaa\xf93\xbfN\x14\xc2m\xc6\xc6&amp;0m\xef\x11\x18B\x08\xb7\xdb\xe2\x85Eva@\x9a\xb46C:oQ&gt;L:{\x87\x1fw\xe3\x06\x1d\x111N\xd3ve\\\x9e\xb7Y(y\x99+\xb2\x81\xf0\x8c\x87b\xfdNw\xd5l\x9b3\xd5\x0c\xc7pX\xb9\x1b#\xa6e\x17\x81\x8a\xe3\xf5i\x96\x15f|w\x8d\x12\x15\xb5\x7fJl\xc8\xcb\xfc\xc4V/\x14\x8fe6\x06\x14w\t\x9a\xefI\xc5\x1b\x8ey\xd0\xda\xd3\xde\xda\xd2\xfa\x81\xeb,R\xf5h\\\xd1#\x1a\x9f\xdb\x94\xed\x86\xa6\xb8ix!\x84\x8dV\x1dbN\x88{\xd0\xf7X\xa2\xc9 \xff\xa69\xa8\xb2+uiB\xad\x0f\xc9\x87\xf7\xb89\xfb\xf7TI\xd2\x19Q\x9a\xc7)\x04\xfa&lt;\x1f]\xfb\x90OZ\xda|*I\xeb\xbc\xe4\xf8\xb2!\x9b\xfbF\xe3\xe1=r0q\xeb\x8b\xbe\xa8u\xe1H\xa3\xba\x10nh\xc6-\xe1\x17\x7f\tk9\x9a\x91\x0e\xbcz\x15\xed\x9eo\xc2\xee\xae6M\x10\xc3\xe6\xfcQ\\!V\x1f\xe7hdn\x86\xa1\xde\x1ey\xc9\xd1c\xb90\xbb\xbc+-@?\x83\xab\xc5\x9bC\xed\xdf6\x16Z\n2\xaa\x83g\x7fS&lt;\xe0\r\x97\xdf\xd5-O\xf4+\x14\x17\x07w.\xeb\x86\xb2\xb3\x11\xb9\xba\xdc\x15\xf7\t\xd2\x14\xde\xc2\xd9\x9d\xbeQ)w5\xac\xbb\xdf&amp;\\\xb1}\xd3\xdd\x8c\x1fV^P\xa6\'0\\\x00O\x15\xdb\x17\'Og\x12\xb7\xcf\xd03\xe36\x89\x83Z\xd7L+\xbc^[{\xbd\xbc4\xc3h|wt\xce\x9eX\x93\xc6p|\n&lt;\xccp[\x16\xe6\xb3\x1b\xbb\xf2Mg8\x81\x8d;\xf1p\xf5_\xaa\xb5\x8e(\xbds\x9f\xa1gj\xc5\x8b":Ny\xffV\x81sv\xe4\x88\xb5y\xb1\x80jE\xb3\xa6\xb9^\xcbB \xfa\x8c\x93vM\xc23\xf5\xcbvB\xd2s\xc2\xce\'\x8dui\xccN\xb1\xd8\x8aN{fX0GY&gt;\r\xe0\xf8\x8em[\xb6\xca1\x1a\x16\xff\xd3\xa4\xfa\x82\xcc\x104+\xda3\xebylo\xac\xebI=\xbc%\xe5U\xd3\x89v\x06\x92K\xf6\x15\xc8\xe9\xfa8n-\xdf\x95\xc7\xfb\xce\x1c\xe2J\xc5\x94\'\x96\xd3\xab}4\xcc|\x96\x94)\xcc\xc7\xd1\xac@\x8f\x87"r\xff\xc4\xb5j\x05z\x9a\xf0\xa2\xcc\xe9\x0b\x89U\x9d\x1d\xd9\\\x1e:z\xa6G\x90\x8b\x19\xf4H\x13\xb7\x01\xe3d\xb7\x10\xeaY#7\xabPF[fV\xab$\xf6\x1c\x8f\xe2%\xbb\xa5\xda\xb3\xd98\xb3\x87\x10\x88&gt;\x93\x9f\'\xe2\xf2?$\x9b&lt;\xdavN\x99\xb2&amp;\xe5\xa4\xae\x9a\xbc\x8f\xe9\xd3\xf6Rd-\xd6\xff\x80\xf1\xf0\x85R&gt;\xd4\x93\xf4\xe1\xac\xaeL\xdb\xc2Z\xe9\tc\xb8hPly\xa7\xcd\x8b\xa4\x873\xfe\x98E\x82^\xa3E\xcb\x84}3\x02\xfa\xa8@\xf4^\x8d2\x1dN4\x19%\x92\xbcO\x07\x99\x95,\xf6Q\xb6!u\xb7\x9bIE\xeb\xa5\x9aN\xc6\x12\xc6\xccx)\xa7\xaaN!\xd0\'1\x95\xdc\xa0a\x7f\xc1\xea\xde\xad\xb6\x8a\xdb\xee\xd8!\x80\r*\xe2XZ+\xa7\x01\xdc\xb1\xbbZ%\xd3\xbb#\x81&amp;\xf3\x86r\xf8\xe2f\x0f\x9a\r\xect\xc0\xb8@7tO\\&gt;\xcf\xcb#\xcc\xd8\xac\x9b\xe2\xeb\xde&gt;iz#[x\x1e\xb0~oj\xfcp\x89\x90\xec\x9f\x8b\xc0\xff\xd0g\x9b\x8a$\x90l\x93A\x90\xc5\xc0\xe8.\xca{D\x12\x15G\xe5\xc5\xfd\x83\x1680n-\xa6(\x9cmc\xf3\xd4,\x11\xa7m\n\xb3*\x1f\x07\xa3\x82\x19B;\x8c\xaa\xfe\xd1[\xdd\xca\xd0\xfb\xf5\x88\xd5\xda\xe0\xd2\x87\xb2x{,\xc6\xf7\x9d\xaaw\x13\xa2X\xfb\xcb\x94b\x92h0\xb9k\x86\x9a\x97\xcc\x01\xea\xea\xc2U\xdbv\xc3kQ\xd4\x17\xc4\xda\xba\xc9\x86\xe0\xc0\xf1\xb3\x9b\xde\x9f\xddQ\xd7\xdd?\x12a\x06\x95\xe5i^\xa2K\xa9\xa8\xa6]r\x10\xb7\xb4K\xb4\xed\xf8\xc5-\x8d\x96\xc8OO\x05\xe2\xcfS\'J\x1bdr\x93D\xac\xb4d\xeb\xa4\xa2{\x85\xd8S\xbb%\xdc0\x01\xfc\xaaJ\x99{\xaa\xfd\x96\xe2-n\x9d.\x19*\xc9\x19E\xab\x02\xfd\xe4\xea\xf6\xc8\xcc\xbd\x81\x9f\xbc\xb9\xb2\xdb\xcc\xd2h\xaf\xd3.d\x86\xa5\x94\xb6-\xf2\x85\xb9\xc3\x01\xa9\xd5\xd5f\xd5\xd2\xd6\x95\xf2\xfe\x9a\xf4\xaf\xbc\x87H\x96x^S\xbd\xc1\x80z\x01\xb5\xcc\x9a\xa2}\xba0\x8f\xf2DunD\x94\xe1\x7fCA`\xb4&amp;\xca\x9b\xa0^\x06\x96\xce\x91\xb7\xe9^)1\x95\xd3\xbeN[\x18\x81\x9a\x9fSc\r\xe3\xef\xd6\xce\x91T*\xf6\xcd\x0fD\xef(\x05\xd2P\x8d\xe5\xd5\xb1YH|q\xbb\xda\x90\xca)\x8f\x88|\xb9c\x9bu\xfeF\xf4y\xfa\x93\x92^\x0c\xdb\xc9\xea\xb0\xd1\x0c\xa7SL\xad\xab}\x12S\x8b\x19v(\xc9\x9a\xc5,\xa4s\xa5C\xd1\\\xc5K\x96O\x00\x7f`+\xa7m\x83\xc9~\xd5\x86U\x92\x07y\x1b\xd2\xd9\xd7\xa4Hh\x89\x0b^\xc2\xcb\xd9\xffW=\xf7\x82LT\xe4A\x15d\x1d\xd79W\xcd\x9e\x9b\x0c\x14\xe3\xa6\x15\xb2\xed.i(\xfdz\xd1\xe1CE\xfb7\xbb\x84\xa0\xe4\xb0+72\x8eH\xa6\xaev\x8f\xec8\xa8\x9a\x9d\x18\x8f\xaaZ\xfb\x99\xde\xe9\x99\x156\xda7\xa6\x0e\xd9Y\xff\xf8u\x12r\x14\xba\x85\xb6\xdf\xd0.n\xce\x84\x8d\xaa9\xc1\xe0\x17\x9b\x1b%\x0b\xdb\x9enJVN\xed\xf8\xac\xe8\xea\x89\x13\xa2\xf7\xb5U|\t\x84~M\xe3;\xbb+\xd5\xd5J\xa3\x12\xed\x83X\xcf\x9a\xd2\xd1(3@e\xa1c\x8b\xb6Y\xb5,\xb69\xc0\xd6b\x8c</t>
        </is>
      </c>
      <c r="E107" t="inlineStr">
        <is>
          <t>&lt;class 'numpy.ndarray'&gt;</t>
        </is>
      </c>
    </row>
    <row r="108">
      <c r="A108" s="1" t="n">
        <v>106</v>
      </c>
      <c r="B108" t="inlineStr">
        <is>
          <t>steps_per_sec</t>
        </is>
      </c>
      <c r="C108" t="n">
        <v>1600</v>
      </c>
      <c r="D108" t="inlineStr">
        <is>
          <t>9.873664</t>
        </is>
      </c>
      <c r="E108" t="inlineStr">
        <is>
          <t>&lt;class 'numpy.ndarray'&gt;</t>
        </is>
      </c>
    </row>
    <row r="109">
      <c r="A109" s="1" t="n">
        <v>107</v>
      </c>
      <c r="B109" t="inlineStr">
        <is>
          <t>Loss/object_center</t>
        </is>
      </c>
      <c r="C109" t="n">
        <v>1600</v>
      </c>
      <c r="D109" t="inlineStr">
        <is>
          <t>0.62953186</t>
        </is>
      </c>
      <c r="E109" t="inlineStr">
        <is>
          <t>&lt;class 'numpy.ndarray'&gt;</t>
        </is>
      </c>
    </row>
    <row r="110">
      <c r="A110" s="1" t="n">
        <v>108</v>
      </c>
      <c r="B110" t="inlineStr">
        <is>
          <t>Loss/box/scale</t>
        </is>
      </c>
      <c r="C110" t="n">
        <v>1600</v>
      </c>
      <c r="D110" t="inlineStr">
        <is>
          <t>0.10503322</t>
        </is>
      </c>
      <c r="E110" t="inlineStr">
        <is>
          <t>&lt;class 'numpy.ndarray'&gt;</t>
        </is>
      </c>
    </row>
    <row r="111">
      <c r="A111" s="1" t="n">
        <v>109</v>
      </c>
      <c r="B111" t="inlineStr">
        <is>
          <t>Loss/box/offset</t>
        </is>
      </c>
      <c r="C111" t="n">
        <v>1600</v>
      </c>
      <c r="D111" t="inlineStr">
        <is>
          <t>0.22218017</t>
        </is>
      </c>
      <c r="E111" t="inlineStr">
        <is>
          <t>&lt;class 'numpy.ndarray'&gt;</t>
        </is>
      </c>
    </row>
    <row r="112">
      <c r="A112" s="1" t="n">
        <v>110</v>
      </c>
      <c r="B112" t="inlineStr">
        <is>
          <t>Loss/total_loss</t>
        </is>
      </c>
      <c r="C112" t="n">
        <v>1600</v>
      </c>
      <c r="D112" t="inlineStr">
        <is>
          <t>0.95674527</t>
        </is>
      </c>
      <c r="E112" t="inlineStr">
        <is>
          <t>&lt;class 'numpy.ndarray'&gt;</t>
        </is>
      </c>
    </row>
    <row r="113">
      <c r="A113" s="1" t="n">
        <v>111</v>
      </c>
      <c r="B113" t="inlineStr">
        <is>
          <t>learning_rate</t>
        </is>
      </c>
      <c r="C113" t="n">
        <v>1600</v>
      </c>
      <c r="D113" t="inlineStr">
        <is>
          <t>0.00049</t>
        </is>
      </c>
      <c r="E113" t="inlineStr">
        <is>
          <t>&lt;class 'numpy.ndarray'&gt;</t>
        </is>
      </c>
    </row>
    <row r="114">
      <c r="A114" s="1" t="n">
        <v>112</v>
      </c>
      <c r="B114" t="inlineStr">
        <is>
          <t>train_input_images</t>
        </is>
      </c>
      <c r="C114" t="n">
        <v>1600</v>
      </c>
      <c r="D114" t="inlineStr">
        <is>
          <t>[b'512' b'512'
 b'\x89PNG\r\n\x1a\n\x00\x00\x00\rIHDR\x00\x00\x02\x00\x00\x00\x02\x00\x08\x02\x00\x00\x00{\x1aC\xad\x00\x00 \x00IDATx\x9c\xed\xbdy\xfc\x7fOU\x17~\xc6\x087\x04\x974w$DP\x14QDL\x10E\xc1\x14C\x14\t\xd145\xd3\x94\xc8\x14\xf7\xb5\xfc\x89f\x8b\xa8)\x88[*naj\x86\xd9B\x92dX"`"\xa0\xa1\x84K\xe1\n\xae@\x88\xbf&lt;\xfdq\xef\x9d;3g\x993\xcb\xbd\xaf\xd7\xfb\xf3=\xcf\xc7\xf7\xfb\xfe\xbc^\xf7\x9e9\xe79g\xce\x9cY\xee\xf2\x02p8\x1c\x0e\x87\xc3\xe1p8\x1c\x0e\x87\xc3\xe1p8\x1c\x0e\x87\xc3\xe1p8\x1c\x0e\x87\xc3\xe1p8\x1c\x0e\x87\xc3\xe1p\xdc\x16\x80\xdb_DDT%\x11\x9f\x12\xe5\x91\x17G\x84\x8a\x16U\x7fQT0\xc2\x97\xed3*+\xdc\xea\x98C\x947\x1f\x04(5\x97G\xf6\xe6\xd0\xec\xea\xa7\xd4\xaa\x89j\xef\xab\x14\xab\xe19\x06\xce\xb3\xa0\x9b(\xda\xce\xa2\xf0\xb3Z\x82\xed\x08\xb0\xc1&amp;\xd5"=\xd2\xed\xf1X\xe2\'\r\xd6\xc7=\xd3\xa7\xa4\x9b\x06\x92\xaf\x95\x98I,\x1au\xda!U =t\xb1\xc8\xb3\x80u\x9c\xe4\xcd\xbeX\xa1\xfe)\x0e\xa0\xac\x19\xbfx\x1d&lt;\x14JFV\xab\x92\xac\xcd:\xf3\xda&amp;\xfeR\xf9\x14[_\xab\xd1TF\xe4\xa0s3\xd6\xa4\x05\xff\xf2\x80\xc1\x18\x00\xd8\x99\x81\x18\x0f\x8d\xede\x11\xa6g\x94\x80\xec\x03R\xe4\x99\xeb]8\xaa\\!\x93\x07\xd8St\xe6\x91\xe0E\x13+k\x04\xc3\xe2U\xb6\x82\xf9g\xdd\x1b\xec)\xcc\xfb\xa6h\xe85\xa6\xf4\xc2\x8e@;\xa7?*\xd3\xddu!\x92\xc3\xf7\xce\x8f\xcf\xd2\x9c|~\xc1\xfa\xf9-\xa8\xbf\xbe\xb8\xce\x90\x8biy`\x80\xb4av\xf9\x9f\x05\xad\x1bX\x1b\xc9\x12s\x1cU\xc14\xd1\xf0\x13\xb5\x81-\x0ef\xd3\x81x?DD\xfc\xf8\x0e\xf5zs\x94\xc2k\x91\xb2@\xd5\xb1\xc6\xa6\xb27,=?}\x00\xa0|\x00\xe0S\xf3\xca\xb2d\xf7C\x1f\xb5|\x1d\x1e\x00\xd2\xcffgR=-U\x97U\xf5\xd8/4@\x9ce\x97+\x03\xb9\x82\xb9\xdb\xef\xb2\x1e\x94\xe9i\x042&amp;\x9f.Y\x97\xf4\xc4\x13\x16/\x04\xfd4U\r\x00!\x98J-\xaeX\xcdlE\x10Q*\x1e\xb9\xb2\x02YMB\x08\xe4\x08l\xe6v[I\xf5\x90Tu9\xc2\xf2\x91\xaa\x89[\xadr"\t\xbd\xe5\xab \xa3\xa3Pn,\xd5\x84\xa7\x01|8k\x1a\x11B\x80\xad\n\x8aa\xeaF\x0b\xb0\xcb!\x10}b(\x80\x00\x80O\x07x\x08k\x06e\xc76qS\xf4\xb0\x92\xd4\xd6\x11\xcd\xaaCo2&amp;A\xc8\x14w\xe1\x18-I\x91\xb4\xbf\xd74e\xae\xd0;~\x07\xd0\x103M\xa9\xac(\x15\x91\x16O\x9dS\x06^n&amp;\x9af\xcfJ\xdc\xf8T\xceU\xa0)\xa4o\xa7\x9c\x93\x906\x98\x1a^\xd9\xa4c\xe11\xd8\xc6Z\xf1P\x0e\xb8\xd4\x7fi\xf1 +\x14\xad\xc8\xc3\xe9\xde\x9c\xf8\xad\xa4\x90)\xbe\x17\xef\xcc\x9a\x07Q 0N\xd8\x8d\xd7\xfaC\xec\xdeQ\x03nm\xdf\x96_\x04b\xbcim\xbd\xb2\x13^\xc7\xf2$\xfb\x9b\xe7(\x85~kpV\xf5\x87#\x9b\xb2\tM\xfdm\xe9\xd1\xf5\xe4X\xa4\x98\xb5,\x1d\x146\xf1\xa4\xc8v|\xda@\xc8\x8e\xcaF\xed}\xc3@a\xab&lt;\x9e\xcb\xd0\x85\x02G"S&amp;\xb9N\xb1\x15\xe7p\xaduy\x1d\xa3\x1c\xb3\x9aXg\xbbVK\xd5\xfe\xf0\xb4|\x84@\xa1iYl\t\xe9@P\xfe\x94\xd2w\x02\x00\xfc-Q\x03Q\xc2P^t\xce\x9b\'\xfe\'\xcd\xd8nSK\xfd+\xedl8_K\xc1\xbe.\xcd\x8aH\x8b\xcf\x10\xa8\xa1\xc0Lv\xd2\x93k\x94\x17*\xb7A\x08\xf7\x02\xb1\xf3\x87\x00\x00\xcf\xb4-\xb7sn\t\x07A\x04B\xact]_\xf5\xc8i0\xed\x06\xd4\xa6\x9c\xbb@\xfa!\x9dT%\xc8\xf40\xaa\x18+h\xeb\xc4\xa4\x1f=6\x9a\xa6\xe4-mo\x0e\x91d\x80)|\xf5o%\xcd\xe9?\xf9\x12\xca@\x81u\xddj&gt;\xafo\xfcR\xf4\x91\xfaLE?\xbd\xf1\x80\xcc\x93\xfa.\xc1\xca\x80L\xc8\x1b;\x00\x1d\x9c\x8b\x91\xb2\x98Y+\x13\xed\xc8\xbf\xaf\x07\x92\xb5m\x80\xc08\x8e\x1b\xab\xc36-\xeaY\xfbG?v#\x9b&amp;[\xd7m\x1c\r9\x174,W[&amp;\xe6t\xcf\xb0u\xb2F8\xbce\x08\xbf\xcd\x88-\xc4\xb8\xb2\xd2\xde\xe0\x06\x86\xcb\xc8\x8c\xf28\x18w\xc0\x8a8\x99U\x0f}G\xa2i\xe3h/\x15\xf3\x8b0\xe7\xadn\x83(3\xeb\xa6-J6\xedR+\xc4\xb7dq`\xd8\xcc\xd1\xe9\x955\n\xf5e=\x98W\x00\xcc\x8a\xaf\x94H\x07\xb7\x10\x00\x9e\xaa\xc9\x98\x11\x0b\xe0[\x03\x00\xbcgJc\xad\xd8c\xe2W:\xe2\xad\x13\x9f\x818.&amp;\xbf\x10g\xbe\x04\xcc|o\x9b\xcd7\x85T\x9c\xb7\x86\x18^\rl#\xe7\x8d\x02\xbb\xc7eVH\x85\xe3,X\xc5+[,\x00\x00\xa0tCp&gt;\xeb\xb4O\xe9C\xd8\xfc\xb7\xc6\x05\x93\xfdaY\x7f\xe4\x1e\xde\'\x8f\x15;\xd9\x92(\xe5u%\x9b?;\xf2YT9\x88\xb1\xad\x19\x02\x84\xd2-}\xf5\xca"\xf0_\xd3^\xb2E\xa9z\xc1\xa0,\xb5\x9d`\xcf\x96F%\r{\xef\xe0W\x0fu\x90;\x14\xa4\xa5\x0fng\xef!,\x98\xf6ym^\x8b\xa2"b\xf6Ol\xad2\x13\x83\x103$&amp;\xf5ReA&amp;\x80\xf0;5=\xe9:NQR\xe5\x1c5X\n\xb2\x1a\xec\xa6\x11Gov\x12}e\xb3nT\x8b\xe5\xbd\x1f\r\x94\xa88\xe2\xe7\xb2\xf2\xd4\x80\xd4\x10Yhe\xc7?\x14?\x12\x10\x00\x7f\xb59\x06\n\xe6M\x01\xc0\x0eHl\x1c\xf6\xc5\xc9\xc9@9\xae2\xb1\xbfYVg?5P\xaf\xa5S\xd8\x02\xd8j\x94o\x88\x9a\x8c\xa4\xe4\x07x\x85&amp;\xb6;\x9e\xa2\xd5\xc5\x02-\xealL\x94#\xfd`c\xa2\xbdnR\xb7\xaf\r$;&gt;\x93\xa9\'\x95o\x1f-x\xbb\x86\x01\xec4\xa09\x9eh3a2\x04"\x97\xb6R+&amp;2\x84\t\xa5\xb6\x1c\xe1\xad\xe4\xc2\xf5\x00`\x86+k[\x94\x8d\xc8W\xc7\xa2\xa9P\xa8\x95\xfa\xea\x06}\xe7\xc1\xe2\xb7#\xa2\xfdo\x9a\xe7.\x98&lt;U\x93\xf2\x818\x84\xb0\xc3mJ\xfe\x03\x1b\x881\xaa\x1a\xab\xad\x94\xeb\xf0\x9f\x85C1\x18`Q\x90\xd3\xd6F\xa2\xcelj\x12\xb4\xcc\x0b\xa2\xdd\xe7\xd5g\x04Z\x9a@\x80\x9fh\xa4\xf7\xf8\xc3\xea\xde\xaa\r\r\x8fq\xa5\x9a1\xefBi\xa0\x14b\xad\x95b\x87"\xfeH\xfea\x1c\x1dm\x81\x1f@B\x82Q{w\xa3\xc2\xab\x9b\xd8\x03\x00\x00\xde5_?!fC&amp;$\xc7m\x0f\xde#"\xe2\x1f\xdb\xc4V}\xabrU\xd2\xa0j\x15\xcb\xea"\x83\xd1C\':&amp;\xa3?\x85\x00\x1f\xde\xd5\xbe\x05\x93\xb4\nM\xda\xc8\xd8\xc6\xa4u\xdd\x1b\x85G\x14/5cQ3Sc\xabuK\xdb\x13\x91\xa2\r\xfa\x88W\xed\xf6\xa1Ua7\x818c\x85|\x81\xd9]\'\xfc\x9fef\x19\xa1\xd7\x8a~\xdar9\xfb\xea\xaa\x15\xc6}\x8fA\xfd\x1b\x1e.\xf5\x14\xf6\xe0\xa8iN?/\xd6&gt;\x00\xb0\xc7u\xf2\xac\xa4n\xf7\xb3\x8bZX\xaam\xc0\xaa\xf1;\xea2\xfb\xd7rr\x96\xe8\x91\xda\xb1\xd6\xe9\xaa\xd5o\xaf\x92Y\xe3"\xd5\xbd\x9f@\x04\xb2\xde+\xc9\x9b\xdb\xbd\x078{\xf6\xc7\xb7\xa5\xbar,\xe2\xa0\xc7\xa8M\x7f\x03\xf3\x8e\x01)V\xd3&amp;\x99\x1f\x19]O\xe0\xdbU\x1e\xefd\x8a\xec\xa6\xf7\x83\x0f0\x9a\xc3\xb7\x9e\x126[\x17\xa0\xc73\xeeJ\xd3\x90\xde\xd1\xd6[\xb8eS\x11\xb4r\\M\x18\x00tv\r\xb5\xb3W|(\xcc\x928/Mg4\xde\x13d\xffP\xa2\x05\xe7\xf7\x12\xb2&lt;\xa6\x1cj\xbe\xb3\xde\x96\xb7\x17\xb0\xdc\xa4\xd5\xf2&lt;\xc2\xa2\\\x91\xdf\xad\xd7\x94J&lt;\x11\x11\xe0\x95!\xbc\x91\x91\xd2A\xc0\xe2\xc1\r\x19\xca]k\xcbM\x9cp\xc03\xa5\x88\x7fV\xde\x0cOe6\x1a\xe9c?\xfc}x\xef\x0e\xf0s\xc2S\xd6\xb6\x1b\xd4\x8e\x00r\x9c\x95\xf0\xdeN\xad7\nI7\xbf\xa2\xb1#\x8dq\xa6\xf4(\x13\xf6\x08\xa4\r\xb7\xe9)f\xbdb\xc8\x85\xfc\xf9\xaex\x8fI\xfc\xbe\x1a\x05\x90\xefu.\xfcC\xf3\x83\xd6\x045\xdf\xd6\xc7\x87\xec.\xcc\xa0\xd7\xba\xd0\xd9\x1d\xa2R\xa4\xadL\x00\xa0\xa0M,\x15\xf5\xa2\x1d?64\xe2\x9f\x84\xf0\xba\xa9\xceD\xe6\xa1!\x08\x0f)4U\xa6{&lt;\xac\x0e\xe1\xf5\xa1\xd80\\+\x92\xc6\xb2\x83\xa8.\x11\x14b\x16\x86\xd3k\x81\x1c\x01\xaa?=\x81\xf9\x0e\xb2\xce\\9\xfe\xc5g5\xcan4gU\xd8\xc57\x15\xa3\xb4\xc1?\x87\xd5\xc5\xae\x9bw8\x00\xde\xbf\xbe8\x10M\x93\xd5\xeav\x8a\xecc\x0cx\x80\xe5fTG\xdb(*\xaa6\x9f\xa0\xb0R\x97\xf1\x96\xa6\xdc\x04&amp;\xcc9\x14\xee\xad\x00\xb5)G\xe9\xf6\x975\xf8\x9e\xa9\t!0:\x02\x1d\xe2\x18\xc6P\x95Fr\xa4\x81\x1b\x92\x19\xc38,\xbdC\xe9B(_\x97\x8eK`^!\x9b&gt;f\xd4H\x01"\xe2\x1d\x9b\x07\x1eZ\xfd\x82sz\xfc\xbf\x1c\xc3\xdc\x0e\xbe-r\xeey\x0b\xeeUR\x1bz++\xcc\x1b\x16\xb1;w\x10~&amp;K\xb2-\x16\xd4&amp;*e\x9a\x14*\x02M\x0c\x15\x13\x05\xe7\xc2\xbd\x96\xb2\x83L\x0e_\x83\xa7\x14\xf3\xd5\xd0\x1b\x84\xf0\xea\\f??qM-\x118\x02\xd1\x16Y\xe1\xfeS\x80\xcf&amp;\xe2\xfbj\xf4\x02\x9b!P\x0e)\xda\x13\x86Q8\x17\xc2|;H\x7f&lt;8\xaa)^\x03\xb0lG\xb0\xc6\xa50\x88\xf2\xc5\xa2X\x02\xdbO\x8c\x9b\x99\xbad\xa9\xf9r\x0f\x01\xcb\xb1\'u\xc0bG\xa8tQ\xf5\x91]E\xb8\xcev\x89\xfe\xd8\x8e\xaa\xf5\x18e\xbc*\xd2\x044$\x90\x8b^\x96\x15\xc8\xe9"14\xda\xcc\xbb\xaar\x87-\x03\xdf\x836\x92Sb\xcd\xfa.\xa0\xe9\x88\xd9\x7f\xf9\x06\x00\x99[\x8e\xb1\x19?M\x19&lt;\x19\x03b\x93\xd0\xec\x0fIwj\xa8n\xeb\xc8o\x9f/H\xe7\x96ge\x99\xc7\xac\x13\x1b\\!^\xa1\xf0\xfa\x84b\xbe\xb9i\x15\x19\xaf\xd5\t\x00\xf0}G\xa5\\D\x04\xb9\xd2R\x99\x83\xc8\xe4F\xf8\xa6|\x15y\x9e\xd6\xc2\xc6\\AY\x19\x9b\xa7\xfe\xbe6S\xde\x1e\xc0]\xd6\x82\xf7\xd29\xa4\xd5\xd2cxm-\xa2my,\x9c\x99\xbbp\xacv\xab"\xa6\xb52\xcbv\xb3/\x1cO\xce\xde\xe0\x15@&amp;\x03\xda\xc0\xdbm\x94\xf8(&gt;#]\x1b\xe4U\x06\xac\x0c\xaa\xf3\xd0j\xd4*g\x15=Sf\xbe\xa9\xf3;&lt;/M\x8b\xaas\xe7\x92\xde&amp;\xbaL4u"\xa9\xf2\x8f\x00\xf8\x91\x06\x92\t\x1e\x12\xc2\x8f\xd7Jj:\x81&amp;\x82s\x16\x00Bx\x03\x9bO\xd8h\xb7\x1f\x94T\x15 k\x8bfOH+\x18V\x8c\xed\xb6\xa6`\xb3tm\x95\x86\xc5V+\x06W\xa8\x00\xf0[!\xbcU\x97i\xf3\xdb@[\x94\x16YJ\x14\x8bM^\x1e\x1f\x1daC\xd8\xdf\xda(\xf1\xa2\x87\xd2Y\xa8\xa4yWH\x92q\xfc\x1a7\xf2\x8c\\c\x11\x93\xbc\r\x88?\xadG\xd5n\x11\xd3Rq\xf6\x9d\xd5\xc0\xd6\xf3{\xf9\x7fL6\xcd\x0e\x00\x10\xe0A\xb2\xf86/_K\xfc\x88\xaa;\xadF\x8c\x8a\xf5\x9b9\xfb\xd3\xd5S\xb1j\x01\xc8(\x1d\x8dh\x8b\xb4\x0bv\xacA\x92\xdd\x88P|\xa0\x86\xf7\xbf\xa5\x92,u\x1e\xe4\tq\x91j3\x19\x85\xea}M\xd1F\x96YU\xc4\xf5\xf73\x1aK\xe9\n\xd3#o),\xf1\xe7d\x15==IW\x96t\x1e4\xc5\xa4\x05198H\xbb\xd0\\\xd8*zu&lt;"Y\x95\xca\xd2"e\x05\t\x99T\x91\xacu\xc7\xe7\xa4\x1a\xf4\x8a\x1b~\xa0xw\xb5 R\xf5&lt;"\xe27\xf2\xc2\xb4(\r!\xb6\x1e?o\xd8\xe328\x00\xe2&amp;\xd2"\xba\x14\xf9~Y\x9b\xa4\x13\x9f\xca\x0bh\x9e=\x11\xf5V\x16*\xa8\xd3\xff\xbe\x9a9\x8b\x92\xb6\x8a\x18\xda=5j\xd4&amp;\x95*T 92\x0bR\n\x02&amp;]\xdc\xad\xda\x9a;y\xee\xd4\x94\x86\xe8\x81\x10\x16}\xa5\xb4fK\xf1d[\'TD\x10\x01\xf1\xb3$\xfd\xd2T\xea\xf76\x9d\xff]0G\xf50d\xb4\xc1@s\x9c\xbd\x89\xa9\xd6\xa2\x1c\xeb\xfc\xba^\xa1j\xd4\xba\xc4\x87%\x90\x1cd\xa6\xdb\x85Q\x0b\xd5\xb2\xad\xb7\xc5\r-f\xf1\xbc\x18B\x062\xf8q:\xd3:\x14\xf5J\x14-\xb4\xa4\xaaq\xb2\xbb\xb9\x9a+x=\x05\xe7\xd6fB\xf5\xf5J\x89\xadW\xe8:\x81\xd4\x9au\xc8\x1a\x0f\x82\x13\xba\x81\x88\xf8\xdc\xed\xb3a\x84.\x8b\x1b\x86UK&lt;\x0c\xd5\xa1\x15\xdd.4\x0c\x12\xbf(\xa9\xe4\x1a\xb2N\xcfH\xec\xbe\xf2\x8c\xa02\xf5\x06\xc0/\x91\xcfZ\xa0\xeb\xb7\x8d\x8e \x05\x1f!\xa3\xf0T\x89\xf0\x16\x15\r\t\x9f\x8a\x15\x8b\x13to\x15LhYI\x9be\xd9\xa7R;\n\xa9\xed\xc8\xe4#\x8d\x11\x85\x88dJOr\xdf=\r\x04Tn\xc8DW\xd5c\xad\xde\xac+\xcc\x17\xb5 ga\x16\x8aN#\xbd\xfc\xabu\xc9^(1zO)\xdeZj\x08\x83\x8c-\x9au\x8bQ\xa8\xba\x08`OI\xa6;9+\xa7ZC\xaf\xc6\xaaZ\x94q\x91y\xf9\x9cO\xf4Ty\xc2\x84\xad\x14=\x86_/r\xd6I\xee&lt;\xabbl\xba\xe7,*\r\x92\xa7\xcb*\xb5Q &gt;\xf07\xe2\xe7-\xa2\xb4\xe0IhI\xe7\x94*\x03\xc0\xd3\xd3S\x0c\x9f\xe6zK\x9e,\xc5Zt\xb2\xca%\xfd1\xd4\xc5\x01 S\xb8\xc9\xbc/k\xeb5m\xac\xb8~\xd7[\xc1\xc6\x92k\xf1\x9eR\xaaF\xcb\xb4k\x84\xb2d\xb7\xfa\xa8\x91\xc1\xcb\x8a\x88\xa8yd\x00\xa8/c3V}V\x88ND\x80O\xe5\xc8\xd4\x82_\xd4\xa9|-M\x13\xbd\xac%cu;\x82_\x1f\x9f\nI&amp;\xc1\x91u\x00\xca\xcf&lt;\xd3\xe30\x160%\x99\xdc\x0e&amp;\xb5c\x9b\x92uT\xb5\xb9\x8bS\xbb\t\xb2\xca\x84\xae4\xad[/\xf4\'_kj\x8b\xd9\xbd!L\x0c\xdej@jZ\xb4\xf5\x1b\xc2\xad%\x1d\xb6\xda\x89%GL1i\xba\x9c\xbd\xd4x/\xa3\xde\x06\xa0\xdc&gt;e\xbc9`Q\xc5&lt;\x9c\xf2\xe6!\xbc\x9c\xb1h$\xa6p\xcb\xe4\x17\xc9\xf4k\xadj\xb9\xb9\xbb\x87\xf0\xe2\xaa\xd8N\x8c{n\xa5\t\xbb\xbb\xa4\xc7\xa6\x00\xa0\xf7\x86_\xa9Y\x11\xe9[bv\xb1\xdd\xe7\xed\x15km\xaf\xadH\x08a\xe632Yj\xdcn\x1fN\x89\xe5\xe1\x17\xa0\xebW?!\xef\x17\xb4\xeez\xafA\xb5\xb2\x98&lt;fEe\xf6\xc0\xce#\x10\xf3\xdf\xe0T\xf4\xeb\x95*\x8e\x18oj\xac\xdd\xca\xb9\x12?\xe9v[\x10\xc3i\x89\x7fJb\xc4i\x1d`S|S\xf3\x99n\x03\xadVe\xa0\xbf+:\xd7\xf8]\x1e\xe2\x00\x00\xf8]\xec\xc8\x0e\xad\xf2\xa1\xa8/\x99\x10I\xc05\x0f\x99\xb2?-+\xea\xb4M[py*\x8aCY#;+\xd1V\xfa\x0fg1\xc4\x1f\xfa\x1bBu\x02\x9bd@,\xa6)\x83\x08\xf9\xe3o\\E\xb2\xe7@\xc6Lm5\xfd\xee\xe4nz\xc3\x04\\\xf7q&lt;\xc3\xe7\xafde\x91\xd6e\x99Id\xeb\x00-\x12\xd8\xd6\xe1H\x0c\x03\xb7\xad\xac\xecVf\x95\xc9\xb8II9\xf5\xbb4\xe3\xce\x97,\xdf:\x9fd\xe4\x13b\xb4\x02\xfe\xeez\xf8 s%&amp;,\xaeX\x85\xd1qO\xaf,\xc3\x95Di\xcf\xa1Y)a\xc5\x9d\xa8eL7\xd9\x88\xc5\x94\x9d.\xe0\x96\xe4\xbc\x9e\xc9- jfj=\xdbzS\x9b\xc6-5h\\5\x0f\xb2\xda\xda\x0eq\xfc%\xd5\xf9\xdeB\xae&lt;\xdbXcY5\xf1\xa7ua\xc52\x1a\xad\xd5\xc1\xe2kf\x97\x1e\\\xbf\xde\x0b\xf0v\x15\xf2e\xa9\xad\xc5\xa7G k\xb4\x1c\x17i\x15\x88\xdf\xf0\x13\x8b\x06\xb5\x9b\x064&lt;\x0e%\xb5b\x1aB\xba\x06\xe3\x12\xbb\xe1\xc9\xccYH\xa8\x07\x1a\x84\xfc\xa4\x86?\x0e\x1d\xcbsi:)&lt;\x80#\xb2j\xb2U\x7f\xb2\x97k\xb0\x94\xcc\xe0V\x92\xe5!a\xea\xe7\x8d\x80\xc9\xf8H\xa8(e)\xf9\xe9`\x1b=\xccx;w\xd1\x82\xb8\xed\xcc\x84$z\xc7w?\xa2\xf7\xde\x17\xe0\xa7\xe4\x98a\xaa\xa9\xeeu\xa8R\x99\xdd\xb4\xf9\x8a\x98\x89_!Ho\x7f\xca\xcdI\x8ftM\r\x82"\tlU\xd8m`\xb2\x11D\xbb\xe1r\x96\xf6 \x93i\xdb\xa6\n\xed\xa1E2\xa9\xf6\x0b\xe3\x93\xc0\x13\x86\xd6\x81\xf1\xb9\xb6\xcc\\\xf1Z\xb6\xf0\xb2\x1b\xd1n\x93e\xfb\x98\xf4\xb0\xb6=\xd0\x82\xb0\xab\xa2,\xb6\xd9G\x9c\xe8r=\xaf\xfcP\x83\xd4\x14\x85\xee\xc6\x8a\xcd\x9c\x7fI\xd9Vj\xca\x13\xb6\\\x95+L\x93w&gt;3\x8dk\xeb\x8fo\xaa\xc5\xe2\xff\x95XL\xc3\xaa\xb6\x0b/\xce\xb5\xe5\x0e\xbed"Vy\xb9Z`G\x9a-\x8b\x85\xf4h\xa2\xfe\xa8\xa6\x0f\xbcr\xcdWi\x1b\xf5\xb5V\xb1\x95\xa4k\x08t*V,\xb6j\x14\xe4EW\x13B\x00\xbcoMD\xbe\x96\xd5\x93D\xcbB!\xbc\xeez\xa2k\xca_G\xa21\x99\x0e\xaf\xd7)b\x9a&gt;"\x13ec@bu\xfb\xba\xb1\xaa\xea\x01H\xe2\x03,\x89k\x9d\xf5\x94W)\x03#c\x83\xf5J\x8c\xfc\x8a\xd0\x024x\xba\xc2\t\xc0\xd0|\xfcd\xd9@T\xd7L\x1dH\'\x95\xd5\x91\xa6\x9a\xc1\xb3\xd9+\xbd\x80\xff\x98\xb5\xd4\xb7)\xaa\t\xf1e\xc2\x1e\xa7\xba\x02\xc9\xa5t\xe6\x81t\x1f?\xd1\xc7/\xeb71,N\xed[\xdeIq\xfc,\x08_\xcb\xd3\xed@1\x06d\xe6\xa2@rJ\x81\x12\x96\xf9z\x88\xa9f\x85\xa4\xdc\xe2\xf5\xb2\xfa\xe9M\xd1q\xa3\xec\x9a\xaf\xe1\xc7CxHq\xbc\xb6{%U{S:21\xa3[@\xf5\x06&gt;`\x1f\x8ceB\xad\x18w!8U\xf9z\xb66NK\xe3\x06\xb7\xba\xdf\xb3\x0c\x937\rn\xb2\x0e\x00tU\x9eoXU\xb7&amp;\xd2\xafI-\xea\xd6\xc9l\x1d@h\x0bKW\x8c\tb\xff`\x18V)\x7f\xc2(g\x0b\x7f\x02\xf0\xba\xac\x96\xb5}\xcb\xb1!pk;\xbe6R\xdd\xd3R\xa5\xdb\x93\xcar\xfb\x8a{IKB\xa0\x9b6,\xc3\xfd\xfb\xbdCx\xbe\xa6\x137\x8ar\xee\xd6\xcen2Z:\xe27\x00\t,\x89\x85:\xadZ\xc4v\x17\xd0\xb1\xcbk\x04\x00x\xb0\xb2~\xdcV\xbf!,\x1b:\xba\xba\xb8\xa3\xa2\xed\x9d\xc5\x8b$\x9f\x0b\x88\xaf\xcf\x04\xb8\x91z\xdexGL\xff-\x1ac\x17\xd2;\x89\xd4g\xd7\xb35\xfeR\xf8"~=_V!c\xb9I\xf9n\xa5!\xcez\xd5Rj\x13\x10\xe0\x0f\x80\xbfm\x7f\xd9d\xf8\xb6\xbd\x16\xe2^GZ\x84\xa9v\xdc\xad/\x95W\x10\xc8\x07\x80\xfbUKe\xc3\xadrvo\xdf,\xfb\xaf}j\xa9\xe960\x87\x0c\x84\xa7\x1c&amp;aKa\xd4sq\x88\xa1E@h\\jW\x17H7@\xf6#D(\xfb\xfas\x95&amp;\x06\xc45X\xd3\xd5X\xa6\xb9\xf6\n\x0b5\x1d\xa5\xcd\xb7\x88\x8c\xe7\x10\xb1\xe5\xae\r\x88\x95\xb7\xa9\xc4\xb3\xf6\x1d\x06\x83Q\r\xa2\xe4)\xdc\xaa\x84!IK{\x00\x1a\xde%\x97i\x80u\x17\xd3\xce\xbc\xb0N\xd4\xe6\xc2\x8c\x935\x9d\xad\x1c\x04CV\rU_\xb1\xf2\x85E`\x93\xd9lp\x9ed\x90\x13.\x99\x97N\xb3\xaa\x12\xe5\xed\xb4!\xf7\xd2r\x88U\xc1\xd7\x05\x00\x1f\x91\xe5^\xda\xe9j.\xfaJ\x86^K\x8d29\xf2\x16"\xecz\xd9\x035A\x7f-$\'\x18\xa8~|\xb5\xfc\xcc\xf6\xf4\x8cdo\xf8v\xb5O\x97\x94[\xf2Z+\xd4X)\xcd h\xe3S\x07\xb3\xbeZ\x90i\r\xe9\x03Z%LOqWi\x97\xe6\x9el\x18rj\xd9\xb9\x89\x0b[=\xb9\xd2YAN\xc9:\xf9\xb0\x9b\xe64\xf4\xbb\x947\xc4\x1dA|\x01"\xe0\x07\x15\xd6\x11\x11\xf1\xd7\rO5\x13\x8a\xccY{\x06T\x85\xff\x15\xe1\x00r\xf7\x91\xacdG\xf6\xcf\xda\x83\x08\x05;\x9d\'&gt;\x0e~O\xe8\x14\x88o`\xe4\xc6X\x1f\xeee\x8c\xf2\xd5\x84,\xa0\x9d\xb2r0^\x03@8\xe5F\x0b\xc1\xfa\xaf\x84p\x97\xa9\nE\xefH\x9b\x86d[\x13\xd2\x0e\xdb\xb2=W.\x84\xbb\xaf\x1d\xc5Fa\xe6\xa3!\xdb\xc8\x90\xcc-\x05\xb3\xcbq\xa4\xa1\xd3\xe2\xe5\x16\xbfZ\x85\xa8M\x12Xe\xee\r\xe1\xe7\xd8\x939\x81eu,\x9d\xa2\x0f\xd3\xcan]\xfc\xd9\x11\xd2b\xd8\x8cu\x0c\xb5\x81D\xe7\xdf\'\x84\x9fm\xe3\xb9*&amp;g\xb7\xe3\xfb\xff\xe9\x05\x15\xb0\x87+\xd1\xfc\x0c\x80\x07\xef\xc5\xb9\x16\xdc\xcb.\xc6j\xad\xa6\xdb\xcd"Y\x8a\x96D\x92\x16\xcc\x84\xcd\xcd\x8a\xb1W\xa7\xfb9\xb6\xb2\xddP\xc2\xa6\t\r?\t9kd\xabZ!u\x9b\x99\xfdAvV\x99\xe5\x97*o\x13\x99\x94!\xcd\xfe\xe9r\x81wT\x88W\xf82T\x9d\xcao\x9d\ndb\x11^U\xf2\xab5\xbb\x86\xe8\xf3\xae\xf6\x15#\xcf\xb6)\xa3g\xff\xdd\x8aR)\x96\x832\xc6/\x7fC\x00\x88\xbb\xd5\xf8\x04\x13\x0b\x00x\x19QW\xbf\xd4\xa4\xa8\xa3g\x93\t)S0n\xefJ\xd9_f\x14\xb5=&gt;\x17\xde&gt;\xc0r}-/M\xfd*\x18\xcd\xd9.\xc5&gt;\xa8\x90P\xe2x\xbd\xf0 \x9e7MT\xa3\xb3\xd3h\xa9tIa\xaf\xdc\xbe\x83\x1e\x17\x1dY\xc8M\\\x08\x10s\xe7\xe4a\xc6\xea\xba\xd2\xf9\xbc3l5\x16iX\xd1\xe7\xa5\xb4%\x1b\xe6(\x0e*\x92\xac\xce\xf4x1ZTs\x04\xaf\xb0\xb0+\xb8Na\xc5\xd2\xd6dl\x1b\x02\xf7\xe6\xb8\xd9\xc1U\xe1Ky\xc9M8-b\xb4Y\xad\xc5xA\x8b\xaf\x94&amp;h\xf7\x9c\xcc\xe4ad/\xde\\\xf1z\x1d8\x9d\xf1Sv\x90k\x1dVak\xabh\x1eVzPBl\x10l\xd7\xd0\xd5v\xb7\xefR\xa8\xc5\xd40\x8aV&lt;\xc7\x96e\xa4\xa1A6\x8d\x86\x1c\xfa4\x82\x99\xd0\'|X\x1f\xfe;{\xc2\xd2H\xee\x83\x19##\x07\x8a\xc9n^\xd0\x12s\xa5\xdf\x1a\x9b\x06\xf17\xad\x92\xc2\x0c\xdab\xb4\x9b"[;-\x8bi\xfe\xef\xf4\x95\x85\xaa\xae\xa6\xaa!R\xb1\xf3K\xcfG\xb1b^Bu0\x0bX\xa2\xaa\x95\xbc\xc4\x8d9\xbe\xdbzN\xbbV\xce\x90\xb1[\rd\xad"\x11\xf5\xa8H\xd0p\r\x00\xa6nmI:\x8b\xea(\x16\xff\x02\xc0\xef\n\xc2\x83\x84_\x02pW\xea\xd5tc\xfdG!&lt;\x8c!\x1c\xb7\x83\x80\x10\x90\xeb\xbb\x968h\xdb0\xf3gn\x03\xabo\xf8\xd86\xa0\xe8\x15\x85\x96\xbd`k\xcd\xa2\xdf\xb2}\xf0\x8d(\xd5\xb1\xae\xf7\xd9\x9b[\x89\x1e\x8d\xad\xba=\xcdjf\xb0\xdc&gt;\x9f\x06\t\xeca\x90\x0b\x96!!\t(\x1c,\x97\x8e` \xb4*YE\xbe$C\xf7Q\x8b6-B\x08\xb9\xc6]:\xc5i\x17\x1d-\xfe&lt;\xc8.@\xe5\xea\xc8\xd1h\x1e\x00f\r\x06{\x84\x95Y\xc9:\x00$\xc2\xcb\xfd\xb3=\x1ad\xcdPL5\xb8+E\x89L\xcdLu\xc0\xd3S\xea\x88\xb7\xbb\x9bLj\xa3\x86\x82j\xc9%;(c\xa4\xce|\xb7r\xf7\x10~\x89Q\x9e\x8e[\xa2\x86\xe5\x06u\xf3\xa3\x8eRZ\xcf!]qM\xce%$\x0b\x9ds\x06\x00b\xba\xb7#\x88\x95\xe5r\xfd\xef\x86\xf0\xe6lq\xf6\xe26\x7f\xcf\xc5\xf3\x01\xee\xd5p\rV\xc1\x113Wbb\xd1O\x8e\xd3\x012J\x9fx?\r\xa5Q\xa0\xe1"0\xe4\xd1\xa0w\x02yQ\\\xae\xdc\x0b~\xfc\x15\xf9*b\xf6/\x8fwz\x9a\xbb\xacX\xee\x9f\xf4,F{\xf9(N\xa8\xfag\xc2\xa3%\xad\xf2\x9b\xc5tT\xdep\xa7]NX\xe3\xa7z\x94GZ\xf6\xe3/\xa6\x1bA\x1f\x0be{1\xbb\x19\xb0_\x136\xd6Ln\xf3\x90&gt;\xa2\x98\xa5\xf4\x9f\x96\xb5\x87\xe4\xef\xa6\xa6N\xa5#\xfbC\xbe\x99S5Q\x07\xe1\x10\x00\x8a\xec\x9f\x8a\xd1\x852\xcb\x10\x10\xe1^\xb8|\x99\xc1q\xb3&gt;\xac\xaa\xa0\xb3\xee\xe1l\x1f\x19\xd3e\xf1\xf4*\xf1\xda\n\x8f\x1afU\xc7\xac\x8d\xf14x\xea;\\\xc9\x96\xf4}\xb3\xe3L\x0fTm\xe1\xdeo\x93\x18J?\xa4z\xd2\x9d\xb5\x19M^\xa7*\x94"\x07\xe5\x10D\xfc\x18d\x7f\x1a\x91c\x92\x1f\x8cw\n\x9b\xe8\xb5\xba\x85\x1amriZ\x98\xf5$s\xa4E\xbfD\xd2"\xbc\x87\x96.\x9f\xd4\xe2\xfd\xb8\xe8U`\xf1\x80\xb1"\x92\xfe\x96\x9a\xb6\x15\xb7\xa8\xb2kh\xb7u\xaf\xad\xd7\x7f\x07\xb54\x12$\x1d\x15\x87"\xab\xc4\x83\x82O\x8a\xd9m\xae\xf0&gt;}M\x82\x9d7\xe8\xad\xb5\xe8,\xc9\xeaZ\x88Z|\xc9\xca\xe0\x8b\xadY\x15\x11\xf1\x8b\x84\x91@\xf6\x9e\xc5\x9bvT\x89\xe6\x91\xf1&lt;J\t\xf1KRWt\xb3\x12\xab\xa9;\x90+\xd2j\xb48\xd2\xc1\xf91\xb4\xb7,\x02\xd221\x9e=*\xcb\x98/\x81r\x81\x96\xd6B\x14\xca\xf5\xb0\nw2\xb5\xb6Q\xc8\xd8\xf9\x17\xc7\xad\xbe\xba\xcc\x00\xc0\xd8\xaa\xc6\x83\xce\n\xbb~\xb3\xa1\x1c\xbci\x0e\xccube\xaaW\x87VJ\xd5)Va\xfa\x00\x90X\xad\xc9\x0b\x1a\xec1TH#\xc0\x97\xb1~d\x94\xb7\xd4\x8b\xa5J\xea[gHX\xe9\x8c\xb6\x13\xfc\xf3\x87\x84\xcc+\x8b\x05\xa4\xc0\xe7\x1d\xca\x912\xe7Y\xb5\xb5\xe9)\x972\x85\x86\x81\x1cZ\xef\xc6m\xcb\x94\x16\xe1\xba63\xd6"|\xa9gT\x15\x96gEJ\x15V|\xa9\x81!\xbf("\x11\xb0\xab\xb5Z\x97\xc7\x9bHO,h\xa0\'\xd4\x0e\xf11\x06&gt;\x06+M\xae\x11\x1a\x93)\xad\xa8&lt;\xbaED&lt;\xa8\xbd\xa3.h\xa2\xcb\xae\xbc\xa8\x1eL\xe2\xa3\xaa?\xddP*\xb4eb?\xb6\x1c\xff\xc5\xcch}\x96Q2PZ\xd7\xdetRAFr={\xcf(\x10\xe5\x14kE\xbd09\xce\xd7\x0b\xffH\xe5+\x95\xda\xad\xdfU\xe9\xccu\x7fPy\xb3pEUm\x00\xc8\xebUpn\x02[P\xadc][\x13\xf6\xeapV\x8c\x1c\xf6\xb3\x1d\x0c\x14b\x02\x13\x89\x9f\xd13\xe2A\x91\t]F\x7f\x02n\x8f\x1ca\xd2_\xd8)\xd7\x1d\x9ajm\x97\xb4U\xf6XH+ "\xb0|\xf8\x8a\x8d:\xe0\xd3T\xb5\xe4\xea\x82\x18p\xfc\xc1\xc6 \xce\x0ffb&lt;\xbd\xba\xd3%\xe5\x85|y\xf4\xa5\x8aO\xc4\xba\xb3\x92U=\xa9\x14\xae\x83D\xa6\x13\xcb&amp;0M\xafvy\xdebV\x16\x11\xf0\xcd\xe7,N-J\x94\x95\xd36\xb3{\xa2\xc4\x16\xb9`S\xfc\xaf\xa2*o\xad\x82\xb1\x94\xe6\x13\xa2DWh\xa8\x1d\xa6&lt;%\xfeU\xbc\xa3\x16\xe1\x95\xe0\xd7]\x93\x1e5zm\x11\x7f\xb8p\x9c\xf4q\xf8$\x80/V\xb4\x99\xed\xea|\xeaUmA\xd7\x9da\x00\xb0Y\x8c7\xf3\xf2w7&amp;\xefiY\x8eT\xef\x1f\x97\xde\x85\x02\xf1M\x06i\xa4Y_z\x83\xf4LZ\x8bD\xf9^/\xb1R\x82\x95T`9\xfe*\x807(\x8b\x84\xb4;H\xdec\x15\xe2\xf6\xab\x1b\xa2\xe9\xdak\tX\xe2\xa4R\xfb\xcf\xf2Iqe\xbc\xad\xe8\xdf\x03\xfc\x15\xa1Q\xaa\xc1`\x84E\x0fBV\x1d\xe3m\xf8Ex\xa4\xa7$+\xa5|\x08E\x80Q\xe6\xb0\xdd.Z\xadER\x10h\x08\xb5\x82\xe9YjeYo\x10\xb0\xaf\xe4h\xa6\x8a\xf8\x10\x80\xa7\xc7B\xc5\xdb\xf6\x97\xd6\x94\xbaL5\t\xa4\xb9\x88*W\x98\xc7(\x12\xc5\x96\xfb\x89g\xdf\xd1\xbfx\x9em \xd8\xd2\x02\x0c&lt;H\xd4v\x1b\xe8ju\xb3\xad$\xeb\xe5\xae0\xc0o\x87m5\xa0\xa3\x98\x96\xc2f"\x97Y.\x87\'\x02\xa2\xf5\xfdx\xa10\xaa\x0ce|p\x1dX\x86r{b\xb4\xfb\x86\x8b\x89P\x04pIE\xd1\xb3\x14\xdf\x04\xf6\xbapE\xfe\x8cg\xc2\x13\xce|\xf2\xa0D[`\xb3\x7fj\xce\x1cg\x1f\x92\xdc\xc7\x99\xfa\x01Q\xeb&amp;\xcb\xfe\xdbD\xe8\x83\xd9&amp;\xb4\xd2\xdb\x1b\x85\x11\xe19\xff\x1c\x00~)\x91\xff7!\x14\xd5\'\xda\x9e\x12B\xe8\xb9\xc5VS\xdb\xa0%a\x02\x00\xf0,\xe6\xf6\xeb=\xb9\xb5\xa9\xdc5d_\xad\xe4\xfecV\xa8\xc8\xe9\x92\xb1\xf5pH&gt;\x86\xe2\xd4&gt;\xb4o\xcaG\x92u\x96[6c\xc3\n\x99\xa3P\x89^\xcc\xfeiD\x1bam\xfa\xa9N\xde\xd9R\xbb0\x94K\n\xc1\xf4;\x01\xec\x0f\xfcd7\xf9r#\xbf\x9a.y\xebu\xae*\xa4iTy|X9?\xfd\x01\xf86\x80O\xd9&gt;\xc3\xb6b`\xa7r\x95\xc5M\xe8\xfc1k\x95\xff:yS\xf4\xb7\xae\x0c\xec\xf2E0HS\xc5bh\xda\xc4\xde(\x84Wf\xda\x8a\xc9\xc72\xfbK\xe6\xe6!\xff\r\xf4\n\xb7\xd9\xd3\xc6&gt;T\xfbl^S\xd0\x17"\x96%\xd4\xe2\xb1J(\xce\x8b@\xcaj8#\x01\xc0\xbf\x02\xf8\xc8\x8a:\x89\x8c!I\xea\x13\x17ae0\xd1a\t\x0fe\xcf\x89\x9e \xf2\x86U\xc0$n\xc9q~\xbb\xb6,\xce\xb1m1\xfa\r\xb1\x90\xa4\x03\xbfG^\xa3\x98\xaa\xc8\xd8\x95\x05\xd6\xbf\x92\x10[Y\xc6\t\xd5Ys\x17m6,R[MF\x8d\x8d\x95\x13 7\x9c\x00|\xaa\xa0\xca\xae\x9f\xb1\xd8\xc0\xaa"\xd0G\xa0\xd0S\x1e\x11\xc9\x08A\x1c\x05L\xe6*\x19\x03\xb8\x16ai\x18+hA\xd6\xee_\xa2\xf9\xd6H\x00iM\xedd\x0c\xb7Wq\xa9\xa9\xe4\xc6*\xb1\x13i\x9bj\x010\xa3KaL\xd9c=``\xd2\x08\x94b\xd5]\xbc\x9a\x06R0*fpBe\xa5i\xd7&gt;\xc9\xe5H\x90\xfa\xfei\x08\xb7\xafj\x1eDi\x94\xec}cN\x1b\x0c\xa1\x19u\x9a\xdb\xab\x94\x1f\x0cQl\\\xaf0\x1a w\x02\xac\xeb6J\xaf\xba\x8a\x8d;]q_\xb8\x95X6;\x0e\xe4\xd5F\x88\xc6\xba"~\x03\xc0c\xf7\xefB!\xe4\xd6\x82\x8b\x95\xfd\xb7\xe65\x05Vd\xad\x1c\x8a_&lt;\xce.\xf9\xb0\x81Q\xf1\xbc!\x84\xa4t\xbc\xcf\xdf\xd5\x051\xc36\x0f&lt;D\x84{\x06xQO07_\x03(\xb3\x7fj,\x04\xf8\xa7do1\x15\xfe\x07\xad\xd6l\x94r\x88b\x91\x86&gt;:r\xed\xc7\x0e\xaa\xe5\xf6\xbe\x80\x8f\xad\x8b4@\xa9 \xb3\x8feR\xf9\xe7\xa3\xe6\xee\x9d\xe5\xeaD\x89\x16X\xfa[\xb1=\xb5\x0f\xa9\x07\xac\x17i\xed\x02\x81][:c\xed \xb3.z0\x0f\xa3r\xdd\x15\xf9&lt;\xbf\xa6.\x9b\x12n\t\xcd:\x1f\x8cs\xcb\xc8$,\x7fV\x85\x91\x93\xb1\xa6\x8fM\xbf\xd0\xf9\xe2\xa2eu8&amp;\x9f\xb7Kca\x13\x90+juz9;\x84\xb2\x83\xefu\xb7i \xa7\xde%;T\xc4\xb3\xc6\xf4\xbb\xf3r\xd2\x8f\x13plK\x11&amp;\xfb\xcfD\xad&amp;7\x1b\xfa\xd2\xc9\x12nii\xaa\x071\xbb\xaaU\'c"\xccH\xe2f\xae\x92\x8e\x19\x98\xf9%J$\x9d\x9c\xb0u{\x01Z2\xffq1iO.\xdd\x1eT\x83m=\xa7k~\x18\xbfE\x10\xdd\x88\xc5\xd9\xdf6Td\xfd*o,Tk\xda\xe1\x12VP\xd2\xd1\xeas\x96\xbcE\x05k\xa8*\xaf\x98f}\xa9{\x16\x9f\xa4\xa9\xca$\xe5y\xaa\x8e\xb6\xb5\xf3^\xec\x98\xfd\r\x03\x13\x88\xad0\xff\xd2\x90\xbc\xbb\xd5\xb8\x0c\xcc\xc4\xb1\xb8\x0c\xab\xef\xe1\x0c\xec*\xa0\xed\xa5\xa14\xcb6\xee{\x00m\x02\xbdR\x00\x80\xf8\x9f\x01\x1eX\x1eMw\x18 [\x83\x1bh\xcc\x0c\x03\xcc\xf7\x9d\xa4\xddB\x89C\x07\x8d\xb4\xa1\x93\xadDq\xaf\xa0J\xc0$\xb9\xce\xb8\x19?\x17\xfe,\xaa\x86`\xda\x93\xc9\xf8lB\x1d!\xadts\xb4\xedD\xa5bk\xe3\xb67VQ\x1d\xd8|h\xaf\xc9V\x91rS\x8bE0\xdc\xd397\xec\xa1\xef6P\xa8\xd5D,e\x16\x93\xc7\xb2tf\xdd&lt;\xdcI\x08\xcb\xda\x13\x00?&amp;\xb1\xd4\xe9\xeb\xffT\x88g\x9d&lt;\x07\xdb\x81\xcb]\x91d^\xa6#v\xddJ\x9c\xe55j\x8f\xa4\xac\t\x80$\x0b\xc1\xea\xfbs\x9a\xb2\xcd\x0e#\x93\xf7\x1f\xee\x06\xb8.J\x12v\xc95\t\xe8\xba\'\xc78\xfd*\xa6iq\x1e\x08\x88\xca/yJzr)u\xffs\xd9h\xdav\x87Jm\xdc\xfeXj\xcb\xb2.+\xf9\xa8gu_-\xdb!d\xaff\x9d\xe2\x98\xda|\xb9Y\xa91Eh\xf2\xf1\xb8q\xe5\xb1\xb1H7\xb58\x9aq\xbb+\xdd\x9d\xd2\xda\xb1o\x93VTh\x11\x8a\xd3\x87mH_\xbe\xa9E\xbe\x08\xc2Wqzd\xee\xb1OX(\xa5\xa8\xba\xc3&gt;\xbb\xcc\xe6e\xdc\\\x89\x9d\x1b\x16\xfe\x91\xd4Bz\xd9\xc7@^\x89\xddb\x90\x80\xec\n\x8759R\xc9\xed\x88X\x94\xaeu\xf6;;\x01 \x04\xf8n\x80\x8f3=\xa4\xc3\xda\xb1L\xbd\xbb\xb3\xff2+\x14G\xd2\x10\x8cA\xb2+\x04&amp;\\-\x8bE:\xcb\xce\x0e.s\x91|2\x98\x85\x10\xb1\xdb\xb1r2R\xe5\xb1\xf9J_7\xacz\n\xb6\xd5$\xb7\x85AU\xb9\x1e-\x12\x7fn\xf5\x03\x00w\x0b\xe1\x97A\x88\xae\xa2\n\x83\xf9\xb7:\xcd\xef\xd2\xd9\xd9)\xccq\x13W\xc7j\x12\xef\x03\xdb\x91\x16\xd0\x8c\xc9\xca\x94\n\xa5\xae\xae\xe6\xe8jT\xe1c\x00\x9e\xd8\xb1\x9e\xcdW\xd3\xb6\xae\x8bIV\xdd;C\xbe\x84\x97\xf6|\xecm\xc4\xfb\xd60\x92EIe\xc0V\xf6\x19\xc4\xb3ie\xf9\xe5\x7f\x8d"\x11&amp;\xe9C\x18\x03\x04\x9518\x8d\xa3Z}\xdc\xfdA\xe9\r\x8c\x00\x00 \x00IDAT\x15\x08wQ\x05\xd2\xf4\x97\x0f\x06\x12\xfa\x06\x80j1\xfb\xf49s2\x1d\xd79=M\x13\x14\x9a\x82\x8d;K\xf6\xf9V^\xa4\x14L\t\xcc\xce\x7fC@\xfc\'\x00\x9f\xa3\x08\xe8l\xad[@\xe5bl\x18\x9f\x9f6\xb0\xd5\xf8\xb2*L\xc4\xb5\xd5\x10\xbb\x81T\xcfV\xa9\xba\xf7,\x84\x9e\x88\x00\xe1\xb3j\xf3\xa6h\x03I\xfcu\x84\xe3\xbeD\x0c\xfb.u\xb4\xd2\xd7\xb5R\xc9\x90\xbb\xb4p\xa8\xbe\n\xb1\xf7\x034\xfc\x8c\x04\x00\xc4{Bh\xcb\xa6\x03\xa2=\xfb\x03\xb3\xae/\xef&gt;*\r\xe4H\x97VH2\xf1\xa2\xea\x7f\xa5\xb3ED\x8c\xbb\x0fI\xad\xe3Ax\x87\xda\xbeDB\xb8&gt;[\xce\x17p\xd5-\x8f\xac\xe2\xb9\x97t\xe1\x90C\xb3a\xdc$\xa9\x8a\xed\xf5zZ\xa1\xb3/\x01\xb5\xec\x01d_a\xdb\xa2\xbc\xaa\xd4\x0f\xab\x1f\xd2\xecO\xe8\xcd"\x1c\xd3M\xeb\xb6ZU\xe7\xfe\x95\x07S\xaa\xca\xa1(\xach\xab*\xd9,\x9ak\xc1Q\x8dxj\xa6\\\xd6\xf9\xe5b\x1d\xa9\xce9\x8d\xc1\xd2 \xeaS\x9b\xf1\xc4_\xaa\x05\x06\x92\xbb\x80X\x9d\xcc\xa9\xa4\x07\xdak+\x85\x115\x81\x08\xf8\xa0~\x85\rE\x92\xec\\-\x9d7\xf1\xbdX\xeb\x96\xda\xad\x15\xa4=\x88\xab\x85\xc4H\xaa,&gt;\x87\xd1#\xf9\x06\x8b~Q\xf3!=\xd5\xe6\xfd\xc2tk\x99\x1a\x99+\x01\xeb\x92\xe5\xe3`\x95yc@\xa2\x01\xf1#XN#V\xf4\x96\xde\xea\xf6\x08\x8b\x9eAV\x91A{\xd4\xb1zJ\r\xac:\x94\xe5Y\x01\x85\x96N\xd7R\x19e\x84\x86\xdc\xabU:\x12eKAhYs2!\x84\xbf\x98\xa9\xaaui\xde\xed\x1c\xac\x9cV\r\xf5\xca\xeaE\x8c`5\xe4\x07\x1f\xd5H\x03\x11\xef\xa4\x0c$\xe5\xc1\x9aX\xd5tZ\x84\tx\x81|z0\xf90\x9a\x94\xae\x13z\x04(^*0x5\x83\x7f\x8f\xc7\xf0E\x92\x9dt\xc8\x17\xd7\xe9\xc1\xe2\xeb.\x06k\xc2(.\xe30\x17o7I\x963\xf5\x9d,c\xdd\x94 W\x96\xca%Zi4\xddd\xdf\n\xaf2\x1f\x12\xc2\x7fP-*\x173\x10{\xaey\xe6L\xd2\x1a\xb1M\x86\xb6\x87Z\xa5v\xec\x03u\xe0\xea\xb4g\x01\xdc\x7f\xbf\x1d\xd0h+\xd6\x91\xe9H\x8dt\x111^~0[_\xffm\xb1\xb3\x83\xf6\x9dt\xb3\x88\x15\x13h$\x04\xb6k\x12!\x94\xf1\x00[\x87\x92\xaf\xdcd\xe2Z|\xe6;o\x12\xb1\x86+\x1f\x83\x99\xae\xd065b\xc7i\x14\x88\xee\xb5\x84z\xc3m\xa0\x8c\xb5\xe5\xe2L\x14\xf8\xab\x86"\x86\xb3\xd5\xbd\xb6mE)\xc8\xb0\xbb\x99\xdc"T\x9fX.;\xd1\x91\x8fJ\x89\x9f\xaa\x17\xda\xc8u\xa5tc@\xd2\x82\xf4\xf3\xcaF\xcd\xfe\xa0G|\x08\xf7k\xbd\x94\x9d\x94M/K\x14j!\xad\x12\x97\xfd9.!\x96\xed\xe1\xc3h\xdb\xda\xeb/%:\xef\x8f\x0b\x15F\x15"\xe6\xcf\xda\xc6\x86Q\x19\xb4\xcd+\xb7\xab-\xd9\xdd\x8d\xfa\xfa2\xd8\x1e5\xa7\x86"Az\x16\x8d\x17c$\xecS\xcc\xf2\xe0r\x98\xe7C\x86\x04D\xed\x979\x93\xec_\xe1bd=3\xfbw\x118\x11mum\x18\x00\xa8\xe2P\x1c\xfcQa\x95(i\x94C\xff\xef&amp;"\xb0\xaf+\xf7\x8c\x12\xf2\x8c\x11C\x12\xbfY\xae\x80\xb6,\xe2\xbd\x16\xf2\xd9_Zx\xfd\xe7\x13\x985A5\xbe%\x14W\xdc\xb2SS/@\x05\x80\x9f\xe9.\xcc9p\xa5\x97\x0fW\xd9zE\xe7\xd3Q7\xb2\x9f\x86\x0f\x8e\xda\xb6\xa3/]\xc7x\xc4\xe5\xe8\x0b\xa3\xb9D\xcd:0\xdck\xab\x17;3\x90\x08ZV\xd9\x99\x9e\xd4\xe8J\x1c\x00\x00\xde0\x19;\xf1\xbd\n\xd3\xc6\xd6O\xc4&gt;\x9d\xe5\xbc$i;[\x90\xa5\xd9[\xa2"\x01\xcc\x11\x92Z$\xac,\x81\x11?\xc4\xb2\x1f\xd8\xc4\x9fa\xb96\xb8\x96\x0e\xea\xe5\xf7o\xd3\xc6\x80V&amp;BH\xc4\xfccR6s\t\x93\xf2\xdf\xe2\x00\x9a\xd6\xbc\xac\xb6\x10\x02\xe2\xaf\xc0\xbb\xdd\x05^\xc8\xed\xed\xe8\xf5T\xefS\xccd\x0c\x14\x0b[\xfb\xeeG\xbe\x9d\x82dcG\xd1\xa6\x98M\xcc\xf1R#\x0b[K\xd9\xb4\t\xa4#\xdbq\xc8\x1e\x08\x90A\xf7\x07\x1a\x16\xf2\xb2\xc7\xe8\xe6\x03;J)j\xa3\x0c[0.\xa8eh\xf5\x90\xc8\xa4\xb4S\x13|\x1d\xab\xfb\xb9\x86\n\xdaKIe\xab\xc1\xa0\x97Z\x05zC\x97\xed\x83\xdd\xc5[\x95\xec\xc5\xc3\x11\xefKO\x94\x0b\xfe\xc1\xa6Le\x90l{\x12\xb8\xb5\x07,\xb7\xf3\xc1\xba\xf0l2\x95\xdd\x0b\x18\xc2]\xc2\x0b\xf9;\xb1\xc2.\xc3\xe6\xc8z\x9fY\xd4\xb6\xae\xe8S\x15\xdb43\x06D\xa5\x84q\x19\x1e\xd7\xce\xd3w\x1aq\xdbz\x002Y\xa3\x13\xa3\xd4\xb1\x8b\xb78B{u\x1e\xb1mvX\x98\xe83k\x9aF\x16\xd3\x1f\x9fL\x97\xa23\xab\xd1n\xf09\x17Hro\xb4\xa8\'\xdb%\xfbq\x88K\xcch{\x04\\\x16\xee\x98\xe0\xeaj\x8b``\x97&amp;\x16{ze\x15\xce\x99\xb9\xf6\x8e\xc1\xe5\xa8|\xc9"\xe7\x8cl\xa2\xa0.\xca;|\x9e\x15\xe1\x12\xc4\xde\x94\xc6%\xb5m\\j\xde\x05.\n\xd0\x19\x1c\x1d\xa3pY\x81\x13S\xc6\xd1\xac\tqfQ\xcc\xa7\x88?\x03\xb4\xbf/w\xb7\x92\xafl\x94\xa9\x10%F\xb9u\x11\xe0]j-\x0e\xa60\x02`\x8c\x18\xb3-\xd0n /Y\xb9)$\x10\x0f\x07\xd8\x1e\x13\xd8^\x9b\xf3\xba!\xbcv\xdf\xe2\t\xa5\xdaZU2\xb5t\x8a\ny\xb4K\x93G\xba\xf8\xd0i\xa4d\xb6\x93_\x13\xc2gC\xd2.\xad+\x80\xbe\x15\x83V\xb8P\xb5i\xeciw\xab\x91\x93`rKK\xacNA\xd5i\xf6\x15m\x13\xda\xae\x01\xc8{N\xdb\xe7M2+\xa8\x0cF\xa3\xf3\x93RS\xb4\xc3,Fr&gt;\x96\t#\x99\r\'\xca\xb6\xe9y\xb5\x02k\xf9DlR\x04\x99&lt;\'L\xa4\xe1)\xb4U\xd8\t]^\x1a\xc9\x87\xf4\x94\xb2&lt;WB \xddR \xab\xa8\xb0\x1e\x08{\xf6O\xf4\xfcIB\xa5\xac&amp;])R\xc2\xe9\xbft\x82@\x08\x0bKO\xbd+V\x9c\x8c\x00\x08\xf0\xb8\xdd\xa8u\xea\x96\xa9l\x92/\x8b\'\x9f\xa5KW\xa1Z\xcd\xa58\x00\xe2\'\xd1\xe3\xef|\x05\xd9\x9f\x9b\xa5\x85\xa49\xca\xb0g\x95\x98\xc6\xbf\xd7e\xb2\x1a\xe6W\xfb\x99\xcc\x125\x9b\xf7\xb7\',\xef\x9a\xc0\xda\xc3\xb1\x95\xe6RP\x7fQ\xad]O\xc1$\xf7\xb8\xed\xd6\x8e\x9a\xceR\x86mKN\x8cUnd\xd2\r\x0b1\xbdM\xd9\xd2\xe9\xa9mUZ\xaf\r\xd6\x86\xac\xc2d\xaa2=Q\xd0\xfa\xbf\x9bdc\xcb\x96\x16\x95\xb1\xad @\x8f\x9b\x8c\xaaj\x15\xaa\xcfei\x10\xe2\n\t\xc4\xcfd\x0bR\xd3I\xb3\xf6wg\xc5\x04\x02 ~Q\x87\xe6AT\xfd\xcc\x14i6Q\xf6\x1a\xea\x85\x8as\xb6\xaf|\xfbJxr#\xd1\x1c\xa6\x91\x19\x93\xff\x85u4\xb0\xa7\xea\x9a\xd3m\xb5t\xe8\xfbC\x80;\xa5\xe3pE\xb7\xadi\x9b\tfj\xb7\xd2h\xde\x03\xa9h\x16\x97\x99\x8b5\xeeT\xdc\xe02,E\xfbx\xc6\xbd\x97\x08}{\xc14\'\x82\xbd)\xfb67\xd2m\x16\xdc\x1c\xb4\xcf\xa2\x85(\xe2\xc9\xe8{2\x89!\xa9T\x16\xa8\x82\xbc\x11\x8a\x1b\x95\xd8+\x88\xc3\xfen(mW\\\xaf\xf8*\x03c\xd5\x01\x00\xc4\xb7\t\xe1e\xc2jL\x8a\xc9\xc2.r\x89I\x8fgL\x1eM\x08\xf9\x9b\x82\xc6\xc3\xc3\xbe\xbf\xc7\xec\x87\x83\xd6|\x85g\xaa\x9cQpl7l[@\xb8\xcd\xde8{\xdb*\xaa\x87\n[\x10\x11\xe1\x8e\xc5U\xe3b\x12\xc1\xe8\x91\xd4\'k\xab\x1ez\xfbf\x84\xca\xb9\x8abVU\xa8(&amp;\n\x82\x86\xec\x11\xef\xfa\x9a\xe6\xbd\xa5M\xbb\x1d\x7f\x91\x1c\xe1.\xd50\x05C\x08\x00\xaf\xc7\x93,\x8eH*R\x01\x107\nq\xdb\xd9\xcb\xcf\x06xE.`\x0bB\xdeWI\xc1\xc0\xf57m|2\x9a\x90\x8a\x0b\xb4K%\x8a\xced3\xb3\xa3\x0bR\xd3#9e\xf1\xdeo\x00\xfct\xfbT\x0b\xd2Z3\xb3\xe3\xed\xc3~\xe4\xed\xb6.\xb0\x1dy\xee^\xba\x83\xbc\xd6\x95$,\xd5,F\xd0\xec|\xd6\xba\xd5mI\xb3\xf3\x9f&lt;m#\xf9\xda\xc0\xaer\xe8YE\xc3Wm\x92\x073m\x83\xc2\x9c\xae\ru\r\xb9&lt;\x88\x05\xcc\x94\x14\x05=\xbdB\xb6\x82\xec\x0eq\xad\xec\x88u\x9dLUyU~o\x8b\x19\x84\x99]\x82\xed\xa0( GK\xa6\x96\xedY\xa5i}\xa4n\xa9\x88`G!\x9d\xb9\x91xr\x9f\xfc\x94u\x01^\x7fb\xa7\xea\xab\x82X\xd5\xc3\xf1\xf0sIqAs\xb2\xbd\xb3\xfd\xc7\xea,+\xabY\xd7\xaac\xc7\x15\r#\x18W\xb0E\xc5B\x80\xe2\xd1\xf3k\xba\xa9\xc0\x88H\xbe&gt;\xdd\x13*\xc7N\xa5\xd7\xd5.YO\x88ZD\xa3G\xb9t\t\xfb\x91M\x92\xf6],\xde\xd5\xa5\x03\xcdz\x15\x7f\x161i\xf1\xbcnEB\xeb&gt;@\xe17)x$\x1aBYk\xcd\x90l\xd3Q\xe6l\xeb\xd87[\x18&lt;/\xc0}\xf8:b\x8d?%L\xa9\xb2\x1c,\xdbV+\xbe3\x04a\xfaC\xa2\x08\xd21\x82\xdfV\xa2\'\xba0\xa1\xcf\x8f\x04}\xaa\x016-\xa5\xa3C\xf6\xeb\x13\x136\xdf\x01\xe2\xcei\xa5o\xaf|\xca\xc5ull\xb6\xd5u\xd3JO\xa6D$zi\x8e+b7F\xcf\xa1\x03\x00\xf5\t\xe4Y\xe6\xd0\x11Z\x1a\x15\xb2Jq\x12\xe2\xd8`{vO"\x13-\xa6\xd5\x8f\xde\xa8oLE\x12\x1b\x82\xf0&lt;\x1ac\xb4&lt;S#Y+D\x13q\xc7\xc4K\xf6s}\xe8\xb2\xa8\xb5#\xdddW\xccU\xfaf\x88w\x1ek&amp;t\xb6\xa2\x180\xf3\x12u\xbe\xf8\xbc\xf4E\xf5\x83\x1d\xad\xf3\'!w6\x83\xe5s,U\xa1Yp1d\xdc|gWX\xf1T\xfa1Ys1\xeb\xac\xf5\x9feQ\xc8\xf1L\x04L\xd0;\x03p{\xb8\xa6*\x87\x00\x10\x92m\xd3\x9e\xec\xdf\x84l\xeb U\x95/\xc6\xa9&lt;\xe6\x18\xe2 \x17W\xae\x06H{\xeesF+\xae\xfa\xec\xe0]\x92\xc7\xe7\xa4#\x87%\xc8\xc9\x92O\xf3\'\xcdD\x8a\rr\xb9e\xf9\xca\x14R\xda1\n/\xe7\xa3\xc4=\xc8\xb8[\xc4Rz\x84*\x0f!@\x08o\xbd*/k\xf0\xc4T9i\xe8\xd6DY\xca\xcb\xf1D\x0f#\x195\xad\xd9\x7f\xfb*\x05*\x02\xd0\x9f)\xb9$\x90\r\xe8V%\x9c\x86"Y\xd8\r\x94\x05\xf3\xa2\xf4\xacd\x81=\xbb\x7fH\x04\x1e\xdeX\xdfj\xed*\xfd\xf9\xab\x98\xbe\xf7wr\x9d\r\xa6\x1b\xdd\xcb\xd2cS|&lt;\x15\xbf\x0e\xd8\xac\x108\x0e\x16;\xbcK\x85\x92\xe3\xd5\xb7\x98\xd6\xd0\xa23=b1-\x9f\xe5\x8fWu\xca\x0c%V\xab\x00\xabY\xac27\x97c\x9d`\xf4\xa2E\x8c\xed\xf5\xd5"M4\xaa\x98\xb3N\xa7;!\xcc\x11\x04\xe0\xf6\x82Q\xd8.\x84\xbc\x15\x1b7(bA\xb2\x9c\x80J\x9ffw?\xd3\x85d\xfc\xaa0\xaf\xd1\x83\xad\xf5\x97\xbb\x08\xc4_\xd0\x96\xe6\x17\xcaN\x0b]\xc2\x13\xeb\xfc\x94\xcd@\x9c\xd7\xb6\xecW\xb0\xcb\xe7\xd4Q\xe5F\xea\xd8\xda\x15\x0f{&amp;\xb3\x03\xc5\xa6m\x82\x8c\xe3\xd2)\x16\xd9q\xeeY;\x06\xeb;\xafLkh\xb2\xbf\x84\x00\x80o\x1b\xc2\xff\x96\xc5Rq\xde!\xd6\xdd\x18`\xb6DD\xe1_\x83pg\xf94GU\xdf\xb1y\x87\x10~\x8d\x94*C7C\x00a\x05\x89(\xdf\xea\r\x00\xdcY\xcc\xb3\x8d\xc2s3]\x97\xd7q^\x17b\x13S5\x87\xea\x02R\xbb\xea\t\x14h\x90eX\x0b\x15\xed\x9d\x04\xc1&amp;\xc0\xd5\xc8\x02\xa9\xa0=5\xa7\x1d\xacti\xadQ\x8b\xf1\xa3*_E2\x941V\xd8!\xeaZ2w#PNL\xca\\\xac\x98=\xd0\xd2J )\xbeB\xfc7\x00\x1fV\x98\x89\x93U\xd8/$\xf4\xe4\x07}\xeaC\xab\x93\xb3h\xb8\xe6\xcc[\xcf\xe3\x13\x06\x02\x862\xa9\xcd\x8d\xf8\xf3\xb8\x8e\xde\xf5a\xbe\x91R\xbdl1u.\x87\xa5\xb1\xde\xd4|\r\xa0{\xd5A\xf7\x16\xd3Sj2\x96GQ\xcdZ\xc3\xe9}\xc7\xed\x8f\x19\x8e\xf9f\\B\xb6w\x12\xaa\xb8\xa2A\xc5F\x8e\x9e\xa1\x9eIW\x8b!\xad/\xe7\xa9\xe6\x16\xde\xde\xfc\\\x1c\xcc\xff\xcd\x18\xce\x85\xb2\x1c\x9e\xb8O$m\x10,\xdfV\x7fr{\xd3um\xf2\nB\x9d\xd7\x7fX\xf6\r?\x05`\x7fg\xc3\xda\xb8\xe2\xe6s\x95\x1f\x80p\x01#~.\xcef\xddd\xc2\x06\xd7\x1e\x9f\xcd+\xecT\x0bQ\xca\xc8\xc7\xa6\x0cd1\x9e(\xa4g\x84\x8dz\x99\xd8b%\xf3\xa1\xa9\x1c(\x19\xd2j\x9c\x87i\x00\xa0\xa1?f\xb4\x00\x9f\x86\xf6\xd3\xd2\xf2\n\xb7v!\x8d\x10\x02\xe8-S\xd4h\xef\xc6w,\x89Q2\xcb\xac\xe4\x88-\x88\x8d\xf3\x1f\xafy$\x88?\x08\x12\xc8\x87\x88o\x84\xb2\x81b\x8a\xb2\xd3\x906X\x0b\xe0\xb6\xcee\xb5\x14\xf6y\rSc\xa9\x18\x08\x10\xb1&lt;\xd4\xafY&gt;\x95\xc6\x8f\xeaf~\xf9\x1b\xf3H3\xa9W\xe7_\xbfe\x8a+\xb7\xea\xf0\xcah\xd2\xdf\x0b\xf2\xc3\xa1jKj\x9a\xeeqk\xd3\x9b\x7f7l\x12\xc5\x82\x1c\xa5J\x86\xe25UV\xf3\xd56\xdf\x87\xa5wc\xec\x1b\xf7\x0f\xe6 j~\xbb\xe5\xebQv\x1a0\xd2\xad1q\xae\xae\xe4\xa1\xd3\x07\xbbyP\xa8s+\x80\xafkS\x9eO\xab\x11K\x87[\xfc\x87\xe4u(\xac\xcc8$\xfdH \x9d5\x98`\xb4!"\xfe\xd4\xaej\x95$v\xa5\xe3\xacUD\xfc\xc1\x</t>
        </is>
      </c>
      <c r="E114" t="inlineStr">
        <is>
          <t>&lt;class 'numpy.ndarray'&gt;</t>
        </is>
      </c>
    </row>
    <row r="115">
      <c r="A115" s="1" t="n">
        <v>113</v>
      </c>
      <c r="B115" t="inlineStr">
        <is>
          <t>steps_per_sec</t>
        </is>
      </c>
      <c r="C115" t="n">
        <v>1700</v>
      </c>
      <c r="D115" t="inlineStr">
        <is>
          <t>10.100978</t>
        </is>
      </c>
      <c r="E115" t="inlineStr">
        <is>
          <t>&lt;class 'numpy.ndarray'&gt;</t>
        </is>
      </c>
    </row>
    <row r="116">
      <c r="A116" s="1" t="n">
        <v>114</v>
      </c>
      <c r="B116" t="inlineStr">
        <is>
          <t>Loss/object_center</t>
        </is>
      </c>
      <c r="C116" t="n">
        <v>1700</v>
      </c>
      <c r="D116" t="inlineStr">
        <is>
          <t>0.31622037</t>
        </is>
      </c>
      <c r="E116" t="inlineStr">
        <is>
          <t>&lt;class 'numpy.ndarray'&gt;</t>
        </is>
      </c>
    </row>
    <row r="117">
      <c r="A117" s="1" t="n">
        <v>115</v>
      </c>
      <c r="B117" t="inlineStr">
        <is>
          <t>Loss/box/scale</t>
        </is>
      </c>
      <c r="C117" t="n">
        <v>1700</v>
      </c>
      <c r="D117" t="inlineStr">
        <is>
          <t>0.06287433</t>
        </is>
      </c>
      <c r="E117" t="inlineStr">
        <is>
          <t>&lt;class 'numpy.ndarray'&gt;</t>
        </is>
      </c>
    </row>
    <row r="118">
      <c r="A118" s="1" t="n">
        <v>116</v>
      </c>
      <c r="B118" t="inlineStr">
        <is>
          <t>Loss/box/offset</t>
        </is>
      </c>
      <c r="C118" t="n">
        <v>1700</v>
      </c>
      <c r="D118" t="inlineStr">
        <is>
          <t>0.22300228</t>
        </is>
      </c>
      <c r="E118" t="inlineStr">
        <is>
          <t>&lt;class 'numpy.ndarray'&gt;</t>
        </is>
      </c>
    </row>
    <row r="119">
      <c r="A119" s="1" t="n">
        <v>117</v>
      </c>
      <c r="B119" t="inlineStr">
        <is>
          <t>Loss/total_loss</t>
        </is>
      </c>
      <c r="C119" t="n">
        <v>1700</v>
      </c>
      <c r="D119" t="inlineStr">
        <is>
          <t>0.60209703</t>
        </is>
      </c>
      <c r="E119" t="inlineStr">
        <is>
          <t>&lt;class 'numpy.ndarray'&gt;</t>
        </is>
      </c>
    </row>
    <row r="120">
      <c r="A120" s="1" t="n">
        <v>118</v>
      </c>
      <c r="B120" t="inlineStr">
        <is>
          <t>learning_rate</t>
        </is>
      </c>
      <c r="C120" t="n">
        <v>1700</v>
      </c>
      <c r="D120" t="inlineStr">
        <is>
          <t>0.000505</t>
        </is>
      </c>
      <c r="E120" t="inlineStr">
        <is>
          <t>&lt;class 'numpy.ndarray'&gt;</t>
        </is>
      </c>
    </row>
    <row r="121">
      <c r="A121" s="1" t="n">
        <v>119</v>
      </c>
      <c r="B121" t="inlineStr">
        <is>
          <t>train_input_images</t>
        </is>
      </c>
      <c r="C121" t="n">
        <v>1700</v>
      </c>
      <c r="D121" t="inlineStr">
        <is>
          <t>[b'512' b'512'
 b'\x89PNG\r\n\x1a\n\x00\x00\x00\rIHDR\x00\x00\x02\x00\x00\x00\x02\x00\x08\x02\x00\x00\x00{\x1aC\xad\x00\x00 \x00IDATx\x9c\xed\x9d{\xec~\xcfQ\xd7\xcf\xa7\x06\xf1V\x12\tbD"\xa2\x80D(b\x08 \x1006 H\x95\x8b\xa0%\x10\xcaE\x0cB\t\x8a\xa5RQ\xd0\x04\x08\xda&amp;\xc4V\xc2\x1d)D\xa0HB \x11%\xe2\x85r\x15\xcaM\xab\x14\xd1B\xad\x18."\x08\x8ar\x0b\xe3\x1f\xcf\xe79\xcf\x9e\xbd\xcc\xce\xcc\xce^\xce\xf3y\xbf\xd2\xfc\xfa|\xce\xd9\x9d\x99\xdd\x9d\x9d\x99\xdd\xe7\xf3\xfd~\xb7\r\x00\x00\x00\x00\x00\x00\x00\x00\x00\x00\x00\x00\x00\x00\x00\x00\x00\x00\x00\x00\x00\x00\x00\x00\x00\x00\x00\x00\x00\x00\x00\x00\x00\x00\x00\x00\x00\x00\x00\x00\x00\x00\x00\x00\x00\x00\x00\x00\x00\x00\x00\x00\x00\x00\x00\x00\x00\x00\x00\x00\x00\x00\x00\x00\x00\x00\x00\x00\x00\x00\x00\x00\x00\x00\x00\x00\x00\x00\x00\x00\x000\x05"sGk\xcfU\xa1\xb7\x9dm\xc1\t\xb9?7h\xe7\xe7\xfcDQ2\xc3D\xe48\xe7X\xbc\x15\x98\xb9\nD_\x90{\x08\xc7\x10\x81\x89\x12R\r[\x98\xc9,\xd9y\xc3\\\xdd\x19gZO8\xdfR\x10}\xefl\x13DH\x12\x00"]J\xe6\x040\xcb\x94{\x04\x0ev\xe32\x13\xd5\x19\xc1\x94\xcdb\xf1\x99\xd7\x9a\x175\xf7\xbd\xd9\xb8\'\x90\x1a\xc7\x13M.f\xfb\x063\x17\x98$\xe0\xce\xc5\xdf\xee\xcc\xb5\xda\x03\nB\x12\x00\xe0\x9eI+_D\xbd\x059\xfb\x92\xe8O\xae\x83F\xfc\x8c1j\xdc\x190AO9\x10\x9cb\xecDo\xdfA&amp;mwz \x18F\x8fy{\xe8 s$\x0f\x0f\xba\x11&lt;&lt;&lt;\x18\xf6\xe0\x13\xba\xe1|*\xe3\xec\xc0\xac\x89s\xf7N\x17Y\x91Ut\xc5C6\x00\xe3\xb0\xf9\xed\xb4\x13\x00\xd1\xf3Z\xb6\x996\xa3\x82\x9d\xc6\x89\xd3.Z\xbf`\xea\xe2\x01\x91#\xc1\xaf\xc0t\xec%\xc8\xb9\xbcW\xfe+\xdb\xd9\x96(\xd2N\xc1\xee\xcd\xe9\xef\x1a.\xc2n\x15=\xa9C4\x98\x01|\xeb\x06\xd1\xa2\x11!b\xba\x91D\xdf0\xd7\x80\x16\xaa\x89\\\xcb\xc74\x180\x98\xe9\x9e\xa3\xc5\xdd\xe0\xd3\xcd\x00\x18\xc4\x89\xaa\xadS\x18\tVc\xd9\x13\x0f\x18\x0c\xdc\xc0\x8e\xf0\x0f\x8e\x01\t\x98\xc5\x91\xc0iA\tz\xf7\x0e2\xef\xdb\xdf\xeerx\xb9?{9\xc5\x100\r,8h\xe7,\xb7)"\xeeg$\xa03w\xe0\xf5\xe7\x1f\x01\x98\xcc\x89\xae\xd3\xc1L\x9e\xb8\x8b\xac9\xfc5\xad\x02\xc0\x1f\x9b\xa7c\x87x\x81\x99\x04 b\xf1=q\x87{\x96\xf0\x0b\x12K\x82\x15\x01\x8b3\xc0C\x85\xbb`\xd8f\xb9\xc3]\x89\xeb\xaa\r_\xfd\xcd\xe0gf\x1b\xb0\x0e\xd8\x80Y\x16\x0cM\xee\x7f{\xcaZ\xc3\x03c\x98\xe2\xd6\xab\xed%\xb0s\xf7\x0bc\xfb\xe3\x87\x0b&amp;\x80\xde,\xfd\xb7\x81\xd2\xf27t\xabq\xf1\xdf\xf8\xef7\xbe\xfc\xf7\r\x0f\xcd\x86\x9a\xb56w&lt;\x17\xa5\x7f\xe3\xe5!\xf8\x91\x89y\xe7\xf5\x93\x87\x87\x07\n&gt;\x1b$\x9cu\xe4g\xc7\xc5\xe7\xe4\x7f\xcb\xd0\xd3\x043\xb0 +,\n\xfd\xcb\xeb\x87U\xff\xfe\xfaa\x9cz&lt;\xf7\xb7\x1c`\x1c\xed\xdeC\xe4\xbc\x7fL\x7f7\xba\xab\x05O\x83\xdb\xdf\x8b7\xe7\xce\xb0\xad{^\xe6\xd3\xf5\x83\xc3=\xd8D;\x00X\x9c\'x\xf9[\n\x97\x96\\\xbbj\x9c=\xe3\xb2z\x19LW\\\xa4=90qk\xf2\xc9\xb3\r\xb8\x0f\xe4\xde-\xd9\x08\xf7\x17f\x1c\xb3\xa3V\xafo\x02p\x11\x05\x9axR\xd7\xa9K\x99\xbe\x941\x06\xe8\xc7=\x84d\xff-\r?\x1f[9\xd0t5k\xd11_YvQ\xe6\x83\xa9\xd9zN\xc2:\xd3\xbb\x8a\x1d\x03)M\xfe\xfe\xb8\xc7\xdf\x1b\xd3c\xc5\x9f\xe0\xda\xa9Xg\x97=\xb2\x9cA`\xdb6."t)\xdc\x96\xfa\x93&amp;\xebXr\xdf\xac\xf6\xa7gO\x01\xb31%\xbd\xb2\xbf\xea\r\x80\x82\x1e9`\xe2\xf7\x81U\xbd\xe7\x8a?\xf7\x17U\xeb\x0b\xd4m8\xbc\xd4\xa5n\xb1\x1c\rYj\\3Y\xf6\xb7\x14\xee\x0f\xf8\xdc\x9a\x94\xd6D\xf1\xa7d\xddlq\xe6\xdd\x9a%\xf8\xfc\xd9\xa3\xe4\xc3\\\xfe\x0c6\xe3\x0ef\xc1\x05\xfa|A\x9b\xa9\xff\xce\xf3S\xfe\xd2\xcf\xc6\xb0\xc5Zv\x0b\xdek\x94\x9c6\xa6\xf5\xe7\xf2\x1e\x97\xdb\x08\xef\xfdw\xb91\x9e8=\xa2\x1d\xe7B\x8f\r\xbcU\x96\xd1\x06tC\x02\x98\x923V\xdf\x8as\xff\x0c\xa1\x9c{M\xf8c(M\xde\xc4\t]\xf6+\x87\x05\xa1&gt;\xb1\xd8&lt;\x15\xe1\xdfO\xe5\xc5\x9a\x1b|A\x93\x9e(k\xfaGo\x9e\xe0\x90/8\xfe\xb1\x1a\xb3d\xa2\xaft\xb1\xa1\x9d\xa7\xe0\xfc\xbe\x87\xda\xe2w\'\xb5\x06Q\xe3\xb9\xd3~\x9aU?\x8b\x9d\'b\xe4\x94\xde\xeb\xf2\xd1\x91\xd9\xe6\x1c\xe8}\xddaP\xe7\xf2G\r\x88\xe8\x07\x16\xb8\xf7\xb0\x1fn\x16\xf3\x93\xd3p\xdf\x13w\xcfc\x9bA\xd7\xa0\\\x12.\xd78`\xb9\r\xf7\xd7=\xc4\x82\x08\xa2\x0f\x9em\xc2T\xe0@\x03\xc0$o\xcabS5a\x8c\xe4)\x87\xfav\x8d\x8a\xd45\xe9\xb7\x83$Z\xe1\xf6O\x1d\xac\xff\x86m\xd0\x9f\xec\xfc^\x7f\xade\xc5\xeb\xa0**s\x97\xfaC\xdd;g\x9c\xf6EXw\xde\xe8\x05\xb3-8\x15\xeb.\xe4\xd3`\xe5\xaf\x04|\xe1Gw\xea\xe1\x9f\xd7\xf2\x93\xb1\xceD\xafcI#\xe6q\x9cz\xc7\x8ea\xffE\xc9R\x84\xa7\x81\t\xc0\xf3o\x050}]\xccw\xb0\x8d\x9d&gt;/\xa3\xc8 \xe7^\xc1l\x00\x0e\xf8\xc7\x18JQ\x9e\x12\\t\xb5\x0b\xf1\xd5R\x1d\xda\x13\xf4\xc3\xb3\x0c\x98\x9es\xfcq\x92\x19\xbdx\x82\x9ew.\xeec\x81\xf8(\x7f\x97\xf7?g\x1c\xce\x19m\xee\n3!\xf7\xe7\xb1\x1c\xef4\xdb\x80F\xa2\x85zB+\xb7\x06\xd5\x10\x7f\x97\xdb\xe92\xa2}\\\xeb\x0co\x1dK\x84x\xb9\x86\xf6\xdc\xc6\xbcZ\xc8]\x972&amp;d\xadi\nh7,\xdb}\xcd\xc1.B8\xe7\xbf5z\xd5\xd3U&amp;.\x8a\xec\xb70o\xff\x8d\xfa\x1a\xbf\x15\xa0\x9f2\xf4\x02)\xd8\xcc\xad,\x9b\x00\xda\xb9\xd7q\xf5c\xca\xfd\xcf\xca\x1ex\xf9\xab^\xa3S\xc2\xb1\xc1\xba\xc6\x0f\xa6e\x16F\xce\xe1\xc30M\xa7\xe02\xf5\x0f\x0f\xa7\x9c\x16\xa2\x8d1\x9c\x88\xdc\xc7%\x94I\xa7\xf5\xb3\xe3V|\x08\xf7\xf5I\x9dD\x02\xb3\xac-\x1b\xe4\xd4\x9b\xeb\x0e\xe8\x11\x01\x16\xe2\t\x96\x1e\xfd\x86,\x94\xec[\xf1-\xbb~\x942\xdb\xa4YTG_{\xbbm\xd6\x85\xbe\xbf9\x7f\xca\x8e\xb4(\xeb\xacH\xc9\x8e1N\x13\x7f\x19H\xb4\xff\x82&lt;0\xb3\x90w\x11\x11YB\xaa$\x01\xb4\x0cs\xcc\x14\xad\xb3\x10\xc0\x8e\xee\xfbqo\x81A\xaf\xee\xff\x10Uh\xd8\xcco\x08e\x9a\xefcs\xb9\x14\xfaV\x8f\xaa\xf7\x9a\x1e\xc2\xcc\x06L\xb7\x1c&lt;E\x1c\xffL\xe3\x13\xf4`\xfbn\xffB_C\xe6@S\xff\x9d\xcb,\xc3\xacYk\xd8\x00\xa8\xb8^e\xf8\t\xec\xd6x\x11\xa6D\xba\xd5\xc2k\xc4\xe2\xe6\xf5 ;\xe0\xd2/\x80\x0e\xe3t\x0b!\xff.\xad\xb7%O\x14\x97\x99\x15\x1e\xc9\xb1\x8a`\x18D\x7f|\xbc\xbf\r\xd0\x88}\x04Fs\xfb\xaa\xb3\xd8`\x98-\x89\xead\xd7\xad\xb3=\xc2\xaf\x88\xe7Z\x02\xc6\xd0\xb8\xd0\xe2\xef\x90\xe0N\x0e`\x12\xd5T\x7f\x83\rs\xfa\xa4\xe0\x03\xd1\x93\x8dSOv\xe0\x8e&lt;\xf59|\xda\xa3?+-\xc7s\xfa\xe7&gt;rFBD\xf4\xa2V\t=\xfa\xf6\x9e=\xb9\xfc\xdfh\xeb.\xe4\x14\xbf\x16\xa5\xe2\xcb\xe7\xa9&gt;\xd7Dq\xcc\x1d\xc9\xf4i&lt;K\x18\xcd\xe2ky\xf4\xa7\x16|\xc5n\xa6\xb5\xeedR$\xdf\xf6\xf6t\x9c\xda\xd5\xab\x0c\x1e\xd9]\xcdd\xe3PZ~\x979\xfc\x13\xa1M\x7f\xefGC_\xad\x96\xbbZ\xfb\xfe4\xb9G\x9b\x04\x89\x8aN\x92\xbd\xb0\xcf\xde\xf0\x1b\x82\xf5\'S\x88d\x1cw3\xd8m\xeb3\x98\xb4v+i\x89\xda\xd0/\xbb\xdb\xa2f\xee\x17\xb3\xcc\x9f^\x1ej\x87\x13\r\t\xc0\xd7\x90@\xb2\xb9c\xef[\xa3\xe1\x1a\xbd \xfa\xe1\x93X\xcaq\xfd\r\xdd\xfa\xac\x9fe]\x0e\x0c6\x9a\xfe\x92Z\xa3\xfb)u\xcc\x8eJ\x7f\xcb\x08\xec\x88\xae\x9e]\x14y\x08Y\x8a\xca\r\x95\xa0{\'\xb7\xfc\x96\x1eB\xcbDW\x05\xa0\xc8j\x13$\xf1\xd1\x11v\xd4lX\xd3\xbb\xdeG\xdcrA\xe3A\t\x9fl\'\xf0X\xf3\x1f\xbd\xe6\xbe97\x88\xf3`\xa9M\xba\x8a\x1dw\xc0\x13\x99G\xdb0\xb5\x1e\x7f.\xb7\xac\x86\xa7u6\xfc`\xbcF\xed8\x818\xe3ng\x89\xfb\'0qIJ_\x9a\xa5\xa5G\'7H\xb7\xabP\xcd\xa5\xdb\xe0\xbfi\xc7EW\xe3\x15GW\xed{\x1b\xae\x1cV\xa5gyS\xa1\xc05\xc2\xd1\x82\x7f\xc5\xd3\x05w\xab\xd6\x1c\xe6#s\xbf\xb74\xe3\xb5\xbb\\\xc8~a0\xeb\xec\xa9R\xba\xd4\x01\xf9\x8e\x893t\xf3\x84c\xc1\xd6\'\xbb\xcaOz\xab\xad9\xf6.\xdf\xee\x8e\n\xac.ZT\xfd\xd7\\\xc4\xc5\xb1\x1d\xd1\xceH\x8b7\x8e\xfe\xf5\xd3~\x92\x1fyy\xf6U7\xb5zRk\xa6\xdb7\xd1\x80j(%\x8a\x03n\xe9\x18KD\xf42NQ\xfe\xb9\xccN\x89\xa8\x96\xc6\xb5I\xb8\xab\xfb\xf7Ay\xfa8\xab\x06\x8dg\x99\xd3\x13\xad\xbea\xe9\xdb\xbf\xd28\xd1\xfc\xb8\xd1\xf5\xc6\xb6:\xa1\x8e\xdf\x8cm9\x0f\x18\xbc\xa2\x94\xd8\xa0\xb8\xf0\x116\xab\t\xfc\xac\xb6\xee\xbe8\x1c\x80f\\\xd3\x95\x9e\x1fVv\x94=\xa0\x11"\xfa\x12q\xcb\xbe\xa6\xac\x00\xfd$\xfb\xf6\xcc\xdf\xb1\xcc\xadp\xf7#\xc8\x93p\xa3\x95p\x9cp\xed\xf2\x95\x8e\x98^\xf6,\xce:\xe9y\xf3\xa8V\x9f\xce\xc2\xc5L\x19\xb9{y\xe82\n\x1f!m\x06\xdc\x93+\xaa\xbe\xf4\xeej\xc90\xd5\xf7\xb3x+\xd1cW\xcc\xbd0X\x88!\xdf\x88\x1e\xd4y-\xa6\xf0\xbeE\xa8p\x9d\xef]\x9e\x82\'\xae\x10\xf1\x9f\xec\x96\xdf\xc9\xae\xc2\x9f\xbf\xbc\x1af\xc3\x87$OV:[\x8cf!S\xb6m+\xfb\x81\xf6\xb0|\xbd$\xf9:\xdf3\xbb{\xcb~6t\x95\xd9\xfa\rXKg\x93\nQJ\xde\xbf\xe0\xd1~%(;I\xf9~\x0bu\x1f\xec\xf3\xb6B\x86\x1e&amp;s\x89\xf5\xa3%\xaf\xa2l\xf6\xa4}\xb2\xf5\xf5\xb0\xc1\x86n\xbd\xda\x0c\xa7\xd8\xe2\xddx\xbd\x03\x84\x9b\x876\xf8\xfb\xa7\xcb\x7f\x9fe\xea\xfb\xba\xfbJ!;-+\xdeu:\xeer\xb6\x15\xa4g\xae\x8e\xba\x86\x87x^\xe9\xa5\xd1\\\x0fx\xea\xfe\xa7\xc4\x16\x0e\xb2a\xa4sXy\xd4\xab\xef(\xea\xd2\xe25^\xbff6\x86E\xcc\x00\xa3\x91\xdd\xd4\xd7\x85T\x8e{\xf4\x0b\xb7T!\xb6\xcd\x11\xf8w#\x92\x12\xb1\xd4\x82\xe9G\xdb\xf6\x0bv\xa3\xa46\xa4\xcf\x82\xb3\xa9\xab\xfa\x8b\xf0m\xa3\x97\xae\xe8r6\x8bV\xb8\xf5\xed\xc2\x80\xd3\xf7\xfa3"-\x85\x94r\xc6_\xa9\xab\xf8\x8f\xc34\x1dY\xdd\x1b4H\xc6R\xdd\x05L\x04v\x9c\xab\xd4\x8c[9\xc2\xff9\x0e\xf0t\xbe\xb7\'\xfa7\xfa.\x93\xaf5JaWx\xa7\xb7\xd4\xed|\xf6\xf6`\x8ay\x86I\xf1\xca\xa3WiJ\xf5\xddh4Dtv,\xbf\xba\xfdW9\'t%4\xa3p8Xf\xae\xbb\xc1&amp;\xe0\x91\x86\x80\x02\x99\xefoK-\x8fU\x0c_[U\x946G\xff\x01\x9bg\xdc\xf7\x19\x07\xa5\xfa\xee\x9dO\x93\xb3\xe2T\xef\x83,\xe7\xc0\xc7f\xdaI\x88s@\xa5\xb1\xc5Bp\x0ej\xd7\xd3\xc3\xbe2U\xd8\xd0o\xcf\xebvQ\xa1/\xd5\x1a\x98Yv\xbf\x89\xbf6\xb4\xdb?\xfd\xdap\xbcba\x05CQ8oP\xc7}!AD\xa6S\xda\xb2N\xbb2D?&gt;I\xb1\xa4\x8d\xdf\x8a\xba\x07\xf2l\xb6\x904\x03Z\x06\xcf!\x96,D\xe8\xe7Z\x99\xd1~\xc4\x9c\xa7\xd8\xe6\xe4\xe9\xce\xa4|\xe4.s\xf4\x04\'\xba%\x89&gt;\xb5\xe9\x1a?^\x83\xc65\x17e\xd6\x17N\xe3\x95f1\x1f\xb1\x88\xfd\xd7l\xf6oq\xc2\x1f\xcf\x84\xefi\xc0K\xd4Yl z\xad\xa6q\xde\xb6\x96\xd3\x7f\xe4\x7f\x99W\xb3/^\x00\x98\x0e\xfd\xf7Q\x8a\xe6}\xa1U\x87\x9ey\xfd\xd0~\xd8\xdc?X\xcfS=\xa6\xe9\xf0\xb5XAE\xa7\xc5\xd1\x9c\x93\xee-\xe9\x82\x0b\xd1Z|\xd7,;\xfc\x18\xe3\\Z\x1f^\xd9\xe7\x97N\x00\x8e\xa8\xd7\xec\xf8\xe3\xb3\x04\xdf]3_\x8c\xf1\xafx#\xa9\xf6K\x17\x92\xa1\xa9\xba\xf7\xb8\xed\xf5\x12\x02:qu\xb1gDOF\x1a\x10}\x90wiQ\x07\xb6E\xd2\x00\x1f\xe6\xe6\xd2h\x98\xb0;\x7f\xe5R\x12P=Cl\xec\xad\xbd\xc46mJXs\x11\x81\x9c\xc8+Zn\xfc\x88\xde\xe6\xf1\xb3L\xe9\x18\xe7\x81\x8b\x86,4\x1b]M)\xc7P\x17\xe1\x96\x13\x80\x97^\x89\x16I\xa0\'R\xcf\xc6B\xdes6\xa6L\x9ca\xbd\xda}W\xf8\xcb~\xe5\x1d\xd4\xa6\xbe\x99\xd9\xfa+\xe0\x8c."\x1aa\x18:\x8b]jB\x84o/7\xe9\xfc\x04\x97\x92\x07\xdb)&gt;;S\x80\xd6H\x89\xba\xa5 \xfa\x9a\x0e2\xb3\xab\xf0\\\xfe|\xe6n\xc6R4\x16\x16nf\x8cQ\x93\xe3s\x95\xed+Q\xc2dC\xf6\x8bLIqy\xf7\xfe)\x82\xd8_&gt;\xd1\x89\x12\xef\xf9\xb0\x95!R\x08\xefg(\xf7\xab5\xff\x82\xed\xa22\xa3\x85\xfbp&gt;\xc3\xc1\xe8\x14\x946E\xa5\xd7\xc0\x9c\xb7\xc2\xac/\xee\xc3\x87|\xc0\xbe\xbdC\xbc\x86\'\x8f\xb3\x9b.\x01\x8c\x98~\x95\x12\xb3A-Ca.\xc7\xea}\xcdZ\x05\xf8\n?\xe3f\x0b\x0f\x8e\xb3m9p\xb1f5\xab\xd6\x874\xd7\x06K\xe0\x18\xc4[\xfc\xb8t&gt;\x88\xeeX6\xd9\x14o\xd7P\x9b6$Z\xa2\xae\xb9P\xbar\xa5\xe7w7\xd2\xd7\t\x85\x8b\x02\xba\xc2,\xc1\'\x8c\xb4\xe3\xdei\xbc\xf3IO~\xe7\xd8;\xd9\xbb\x8e\xde\x1a3\t@X\xfes_\t8\x14\\\x8cp\x95\x90R\xa2Z\x81\xec\xbdg\xb1\xb1\xe0\xe2u\xc1R\xf7\xfe \xfa\xc0\xdc\xc3\'1\xed\xdaA\x92\xeb\x9f\xb39=\xb3\xe6\xa2\x9aQ\x85\x01\xa8\xf1\x14\xb2 \x03*\xeb\xfd\x16\x827c.\xd3\r\x90\xd0xMWoc\x96\xfed\x12\x80\x964Z\x0c.p\x07j\x13\xe0\xf8u\xb60\x16\xb7\x97\x96Y\xbd\xf2\xf6]\xe9z\xd4p\xe9(\xac\xf1\x99\xb7=\xe6\xfa2k]\x07n\x11;Io\x95iz\xbf{\x8a\xdau)-\xc3:\x11\xa9\x02\xb7\xcfM\x83\xd8#\xa0\xaao\xcbtE1\x979\xe29\x7f\x03\xb9X\xee\xa9\xa2\\\x11\xf5/P\xa9\xda\x17\x84\xb4\xcb\xb8s$\xa77\x07-]\xa5?m\x96\x9e[\xb9c\xd9\x7f\xb9\xa5\xa6\xe8\x12T;\x15\x83\xb6\x94&amp;\x14\xfe\x94\xb9\xb3\x99\xb9\xb3\xe1H\xd0~\xe5\xb6&amp;c\x0emL\x89\xc9\x7f\r\xc9\xe8~F\xf9\xd58\x1e\x1e\x1e\xc4m\x8d\xc5\xef\xc3\xb6\x11U\x15\x91\xc6\x92\xc0\xa0\x9aE\x17\xa1\xf4\x9b\x8aL\x10Zb\xb0\xaa\x8a\xe31b\xe2\xd6\xcd\xce\xcc\xc8\xdf\xbfJ\xc7&gt;@\xf5\xe0\xf9\xfe\x0eS\xaf\xcc\xcc\xb0v?&lt;&lt;\x9c7\x07d\xf7\xe7q4\x0e[\xb8\x18\x07n\xbf\xe3\xfbw\x8e\x8f\xe9\xf6i\xb5k\x83\xd0\xa01\x96Q\xe1sj\x8fN\xacxr\xdd\xbf:~\xbb@\xf2A\x91\xa0/\x05\xf6,\xe5\x18#\xe1\x07\xfet\xe7\xe5J\xb1\xae\xfc\x8b\xf6\xbe\xbe]F\xe2~\x97\xeb)-\xb7\x93)\xc1Ug\xd9\x94\xec\xf3\x1f\xd5tq\xb7\x95\xe8\xfd{\x88\xdd\x94a]\xd2Rs!\xb6g\xfe\xc3}\xd1\x80\x85\x1e\xe0\xbe\xbdI\xb7\xc70\x0b\x96\x8esg\xa6\xf7\x02:\xfaH1\xb9\xf2\xbd\x96O\x93j\xd2\xf8\xb5\x88"\xc7\x98\x1e\nl\xfe&gt;@\xfa\x17.\xea\xf5\xec\x19\xc5\xd0\xb5.y\xfaq\x83JA\xbf\x96\x05\x1amN{/\xb2\x87]\xccXd,\x17\x06\x183}\xbc-\xd12uo\xb7\xcbe\x12\xc8\xdau\xf7\xb8\xd4\x96@$\xbd\xe5\xbf\xb4$\xda\xaa\xcd/\x83\x92\x88\x95OQ$-|(W7\x91\xc8\xc8\x8c\x9b\x8e\x1a\x00\xd1e\xd6\x8fN\x1f\xccd\x89x\t\xf6/r\xc4.\x14\xdap\x9b\x8a\xc4\x07\xb2^\x11=4(\x1d\xc3e\x06W\xb4l=N\xb1sg2=\xb5\xda\x10V\xb5\xe1\xaf\x18M\xa9\x84\r\n\xbdL\xcc\xd6\xd4-g\x94\xc3\x93r\x9bzm_j6j}Z~\xf1\x8c\x17;FHu\xae\x8e\xe5\xaa\x83U\xa9X\xed\xdbY\xcc\xd8\xf4\xdb\xebsf\x0c\xb6AJuQ\x99\xad&gt;\x98\xacZ\x95)B\xcb\xbf^\xd3x\x8a\x87U\xc9\xcf\x95_\xe0\xe3\xa3\x8f0\xa0_\xec\xe1\xdb\x9b\'\x97\xe9\xc5\x8b|.\xdbf\xbd\xa5&gt;7}2q\xe6[\xba\x1e\xac\xb9\xf7\x1f}\xd4`\x9c\xb0yT\xeb\xe9\x8c\xeb\xcfx\x8b\x96\x9b\x82\x024pW\x08\xeb\xf94\x01\xbc\xa7f&gt;\xc7\xcf\xbc\xef\xecM\xdc=\xcc\xaf\x87t\xe5x:Y1\x80\xc8\x11\x948\xfd\x07\x18\xea\x88&amp;\xd7 J\xa5T8\xbc\x01\tc\xae\x1b\x11\xfb\xe3\xe1\x95%+\xd3f\x1d`\xd4+Z\xb2\xac\xdbd\x85\xa8\xb4+&lt;#j\xaf\xeb\xd7\xc5\x9d."\x07\xbb\xd3:Ap\x80\x1d\x8e\x83m\x17E\x85\xcf-fP\xf0|w\xd1\xbeK&lt;\xc5\x81\xd2a\x13\xd1GT\xbaT\x84\xccbL%R\x8dp\xb5@\xecl\xc0-\x01\xb4\n\xe6\xb4(\xda\xebs\x80\xd1\xc2\xab\xde\xaeZ\xd6\x073\xd0\x03\xf3\x05\x8cM\xd9\xa0%\xec4\x9e\xaa\xccE\\\x94\xb1\xb3_E\xe3"7\x94Y\n\xafi&amp;h\x19T\xaa\xa5\x96\xd8F\'\x80Po\xa3\x04/c\xae\x02_\xf4\x13\xbe\x12yuA\xb4\nlXc\xcb\x05d\xbd\x82\x8e\xc1\xa1\xd5c\xcd\x9d\x19\x99c&amp;\xd2\xac\xe7\xb6\xed\x9d\xaf5\xfb:\xd3z\xfe\xa9\xa3\xdf/\xf9l\xb5\x9c1\xf8\xa0s\xfc\xb1\xd2\xd8\x9c\x00\x06\x07,\xc6&lt;\xfe\x95F\xbe\xd1\xb6v\x86e_\x83\x19\\\x11\xb6d\xdeb\xf0\xfc\xbb\x80\x1a~\xc5\xf5\xd6\x91\xbf\xb66\xd8\xe3\xb5\x1a9\xed\xdeeW\xed\xadmW\x94\xbax\xfdFr\xb8\xee\xf49\xd7\x87\x9c=q\xaf^dUtS\xeb8"\xc9\x1a?&lt;&lt;\x944\xee\xaf\xd2\x95\x97\x1bY\x16\xaf\xa01\x18NO\x03\xd9I\xe6\xe6e\xc0=\xfbIi\\\xcb\xe9\xae\xe0|:Q\x8a\x1dy#\xd1\x02_\x93\xfa\x8eB"\'=\x01H\xccs4\xf5"\xe1\x9d\xb5\xbd\x1a\xb5\x1e\xb5{5\x93+\r\x05\xf2\xc2\xab\xaa\x89\xde\xc8\xc7\xac!\\\xbe\xb7\x9f\xbeK\xf7%X\xc0\x96+\x99\x93\x94p\x0f\x9b\x86\x91\xee^\xee\xe0\xf6uZ\xf1\x16\xb2K\xc2Y\x15F.q\n\x94\x08\xecD(\x9d\x0f\xb5Uc\xbc\xbeuhL\x00V\xbdF\x83Y\x99\x1d\xd7\xcev_W\x9a\xa0\xeb\xfa\x1e~|:\x0c\x18oU\x81c\x05\xd3\x8b\xde\x97e\xfb\xf0\xc3\xfd\x7f\xf9\xf0\xa7\xb6\xed\x1f\xc4-\xfb\x19b$\xb2H\x12\xb9\xea2\x17\x1cgO\xd2R\xb4\x94{|\x13\x80\x0b\xcf\xef\xafB8\xc0\xb8dy|8\xffP\xde\x1b\xc3\xe8\xd6\x99\x90\xf9&gt;Ll\x94\xcf\x1a\x97\x06\xebR_\xb51\x9aor\xe4r\xa8\xf0\x9b\xda\x1d\xbe\xca\xf7\x96xB\x0cs\x90\xdd\x02%\xdf\x1b\x99\x00|\x85\x17\xc6X\xd1\xf2\x8b\r\xc6\x9c\xcb\x1f\xcd\xb7\x08\xee]\xce5o\x16\xb4\xb7\xdb\xbc\xa8|x\x95\xff&amp;C\xa3\x05U\xf9\xb9\xa2\xb2\xf7\xe1\xc6@\xd5\x9c\xc6y6\x08\x1fFZ\xc0\xca\x7f\x11\xa8\xabU]\xddXe\xfc\xe4\x05\x1a\xa0Bv\xd5\x0c\x1cpt&amp;I$\xa5?\xe8iI\xa3\xf1\xe6S\xc5\xf4\x84\xe1\xa8~\x1fL\xd7!\xe9\x02\x9cX\xe6"\xf7?!\x03,\xd1\xaap7\xa9\xb7\x01ik\xed\x08\xf2\xdfv\xe8d\xe4$\xc8\x8e\xa7\xf7Iu\x9c\x82\x7fw\xe8\xc4L\x0c3c\xf4\xf6S\xa2\x9d8Q%Q\x0e\xff=\x8eGL\xf7\xf1\'\xc8\xf6x:\xda\x80\x81\xf3C\xcf\x8cU\xef\xdao\xb5\x8e\xf5WnZb\x80\xaa\xac\xb1\xa9\xe8\x08\xd1_\x16\xed\xc9\xba\x1c\xefb\xc4W\\gl\xd6\x9a}"\xea4\xcb\xb1\xb27o\xc2.\xa5WL\xed\x9f&gt;\xf9d\xa5\xc1\x06cx\x1b\xf8\xfc\xe1B\x8b\x9c\xff\xe3d\xc3\x82\xac\x13LK\'\xd5\xe8i\xfa\xe3\x18\xf3Z1\xdb\xb9\xc2\x08\xf7\xba Y\x89\xa4ek!\xd9\xd2\xbb\x95\xcb\x88\xc6\x9b@\xf4w/siMc\xf1\xf6(\x85]\x994\x91.\xc7\x13\x03\xff\xednW\xff_as\xa5\x0c0\x8a\xe8\xed\xaf\x1f\x86\x16\xd4\xfc\xf7U\xa5\xe7\xb7\n\xa9\\R\xdc3\x8b\x8cu|\xee\x1d\xee\x9dvu.\xb1\xdb\xa6\xfa&amp;\xc1\xba=\xaa\x17Dq{\x99|\xfa\xde\xa2\xeb\xca\xcf^Oj\xc3S\xe2\x12\xf2\x81\xdbfI\xba\x94\xb7\xc4\xaf\xd5 \xb6\xa4\xac:\x1c\xda gh\xd1`[\x06_G\xf7\xbf\xd6\xbc\xfcw\xf8&gt;\x1c\xb9\xf9SEr\xe5\xcbF(u2p\xfc\xad\x876\x97\xa6\xe79\x08\xd1i\xbc\xfcw\xd1\x95\xac\x90\x9d$~\xde\xe4\x13\xfb\x87\xfb\x85\x94w\xd0t\xb9\x8fR -\xa5\xb5\x03s\x99\x85\xc1\xd5n\xbb|\xaeN\xfc\x18\x93"V&gt;\x05\xf7\xf2\xe9\x02\xf5\xa8J\xa6\xbb\xb6\xdb@\x82I\xbbHd\xa4\xee\xaf\xeeao\xe7(\xde{\xf4\x8fh+Oi\xb8\xbf\xa2\x87\xa5\xf6\xf2\xc6\xfe8\x1e\xaf\xc6\'\x80\x15\xfc\xa0\xaf\xa3+\xd3F\xcbj\xa6\x1f\xcc\xa2fQr\xb9\xea\xf7\x10\x12\xcb\xc3&amp;\x8cc\xdf\xa6\xb1*Qi@\'\x8aw\x14f\x81\xfd\x0f7~\x19\xbd]\x86D\x8b\xc2^\xf3wf\xe3`n\xb5\xaaOT\x0f\xd7\x84\xcb\x7fl\xafli\xa0\xd1{0\x80\x02"\x15V\xf9\x9e\xfbv\x9d\xf5\x94\x05w\x9d\xbd\xee\xee:q\xb6:m=?G\xea\x9bK\x06\x10oT\xbe\xf1\x80\xbd3w:\xc7,\xe8\x14\xbfa/\x04\xe20\xdd\xc3\xc2u\xb6\xca*v\xc8Xf\xda\xbap&lt;\x97;\x0b\x8c_9\x88\x8fuU\xbdz\x1d\xb7\xcf"\x8f\xff\xf4\xea\x01\xe6\xc8\x180\xa7=T\x98c\xeb\x8clA\'8\xee\xb9\xd2p\xfa9\xc7,\xf5\xbd\xf7\xb0\xf6z\xdc\x14=\xb3\xb2\x97p\xd5\x04\xfa\xce\xb6\\\x98A\xad\xe4\xdac_\xa6\x14\xcf\x7f\x10FN\xef\xbb\x1a\xf7\x7fl\xa4^)\x14n\xbaI\xd6=\x12U3\xe6\x1b\xd9\xb7\x8f\x02F\xfc\x8b+\x1e\x84S\xc4x*\xdf\xfd\xe1\xe1\xc1\xe6?\xe6\x8eZ\xec)\xca\xf5\xeb\xb4\xeb[\xfeg\xa9\x8eG\x1f#\xeaw\xd2yp\xfa\'|T\xdb\xc1w\xef&lt;&lt;\x88\x0bG\xbd\xda\x92\xa9\x99pD?\xb2D\xb53\xe0\n\xa5\xc7\x05\x08\x7f\xcf\x9e=\x8a1\x87\x86\xdb\xe5]"\xcf\xc5\xf8\xb8\x04h\x97\xd8lC\xb51\xd1\xc6O2\xcf{\x18\xfa\\T[;n\xc1\x15\x7f\xd5\xabm\x83\xaa\x9e\xf1\'\\G\xe6l\xa84\x18cG\x1f\xb2;\xf4x\xf7%\xb8Jr7+\xd0\xce\xbf\x1d\x10o\xd5t\xb2\xa8\xdf8\x1bwo\xe4.\xa5W\x8e\xa4\x0e\xea\xa5K^\x90\xca\xd5\xed\xc6i\rL\n\xd9\xd1\x9e\xbe\xdb\xcc\xc7\xe8q\x06il\x18\xe3~\xd5\x96+\xccO\x8a\xdc\xb0\xe9\t\x801 }\xf5\xf3\xdd,Q\xd0Ts\xb9Yq\x15\xa8\xf9"H\xde\xb8^\xb8\x1d9\xbe\xad\xd8\xacE5\x84\xaa\xa8J\xd1\xa1W\xe1\x15\x03z\x0f\xcd\xd0\xf1\xf5k\'\x80\x91\xea\xb6\xc4\xb1W\x98\x99\x0b\xb9=\x98\xdc\x931\xe3\xeaf\x98;\xeb\xcc\xf9\x01C\xb5\xd8\xc2\xa7\xc8\x14m\xfap\xc6G\xf6CK\xfev(h#\xd7\xbe\x15\\\x99\xf9Q\xc5\xdb\x88m\x907\xf0\xaa\x01\x99\t\'\xc1\xcdRu\xbd:\xc1\xdb|\xfb\xb1\xb7\x19\xc2f\xcd3d\xe8=`Q2\xdb\xb0\xb7J%_/hC\xb5\x7f\x02\xe8N\x10n\xd4\x15\xe6"\xcd\x04i1\x9e)=\xca\x05\xbb$\xb6f\xbbP\xc3\xdf\xda\x965\xbe\x05y\x9a\xd4\xcal\x97\xe3H\xdb\xb7\x0b&gt;\xa2\x84s"t3CEb\xe0\x17"\xa5k\xad\xea\x1cN\x10\xf4\x0c\x95\xb2\xado\x8b=\x86(\xd1h\x1b\x93\x00\x1e\x9f\xf0?*g5\xf300C.J._\xd5 mo\xb6*\xed\xb6T\x02P\xc5J\x9b\xe5\xc50\x1d\x14\x16\xb6)\x91\xafK\x8f\xac\xbb\xcb\\aA\xcdaw\x8a\xf1\xbc\xca\xf7\x1ad\x05\xcb\xee\x9d\xc7\x04\xd0"\xd0\xed\xec\x93\x15\xc1\x14GBO\rs\xc0\xde\x8e\xe9H/\xca\x1b\x90I\x1e\xb5\x8b\xcbN\x1c&amp;\xc1\xd4\x8b\x7fh\xb0\xa4\x9f\x03\x9c\x8e\xc1\xa3\xb8x\xdd\xe2\xf9XK{\xc1T\x920wZ\x06i\xb7\x95\x8a\xd9\x87\x9f\xed\xad\x9a\xef\x9b\xf6\xe6+\xf4\xed\xb8\xd2I\xfd\xbem\xdb\xf6\x03\xc9\xa5\x87\xd6\xaa\xe8\x83\xe4\x15/J\xf8\xdc\x17\xf3\xa6\xbae\xcdD\x02?\xa3\xbe\xa3r9E-E!p\xb3]\xd6\x0bj\x0bb\xd9\xe79!Y\xb1\xbe2\'\x10\x9a`\xab%9\xe1\x8d\t@/\x8d\t\xeb\x94\xc3bU\xedkL\xb9\xd8\x89\x1e`\xbbA\x0e\xa7,\x9b\x00&lt;L;\xc8\xdfg\xfb\xf2)\xfc\xd1Q\xd7\x89X\x7f\xe0+Xx\x08eS\xee\x7fn\xe5`\xb1\xc1\n\x13\xd5qv\xcc\x11V\xf8\x90Q\x9a\x8d\xef\x8e\xd1\x7fcGW\x95l6`&lt;\xa9\x91\xbb\xddZ\xfbs\xe5\xed/\xf3\xaa\xa39\xaan\xaa\x16\xc6\xac\x88\\\xcb\xdc\xb0\xf5D\xe8\x1b\xfd\xfe\xdc\xb6m\xdb\xfb\x0eTzU \xbf\x85\x88~t\xdd\x02*Y^_4\xa5Q&gt;\n\xd9\x8d\t R\xd4h*\xf3\xa3\xbc\xa3\xa8\x8b\xb6C*\xc1\xf4o\xcb\x86\xdf\xb2dsI\xa6\xcb\xc4SQ\xf3\x81U"\xe1\xa9\x05YGT\xd3\xeb\xe0\xf3\xd6\xfba/\x03\xecH\x82S6\x00u\xf5N\xa6d\xf6\xd2\xcb\x04w&amp;7\xdc\x1f\xeeCS\xe5\xa74\x1a\xd2\xbd\xffZt\xeaQ\x8d\xe9D\xd4\xcc\xac@\xc3\xca\xcb\xe6\xebT\xaa;\xe7\x8b\x87\xd3\xeb\xcb\r\xee#\xc0T\x07\xe1\x17\xbb\x7f\xd0C\xc8m\xd6\xd3\xfb\x85(\xf4\xa7\x0b\x94\xa9R_qy\xden\x9a\x05\xb3Zu\xf1bU$\xb7a|\xc1\x91\xe5\'\x1a\xfa\x9etC_\xa7\xbaU\xc2\x82t(t\xd4\x06,;9RZ\x86\xd0{\xfc\x97\xcaQ[~\xa6\x0f\xa3\x06\x8f["x\x9b\xedu\xa2\xd5\xe5\xa3\xed\x96\xacr\xdc\xde\xa0Q\xdb\x9e\xe8\xa7\xca\xaf\xf4\xfa\xc7q\xb1\xae\xddH\x89\x04\xfe.\xf4\x95\rf\x0c8\x91\x0c\x93\xd3\x0f\x95\x81\xb3\x8a\x98q\x9cnl\xd9\xa8\x1d\x05\xbeh\xd9\xd2\xfb\x8a\xed\x96x2\x1dy]S\x10E\x96\\\x93\xe8HT\xd5Rm\xac\x9a\x8b7\xd54\xb6\xe1\x11\xb5\x1f\xbf\xac\x1e\x19@\x99)6\xafu\x0b\xbc\xd2\xb9\x1b\xc0w\x07\xbeJ\xa5\xf7&gt;\x12\xc0&gt;\x8c\xecHx_\x94\x0f\xbd\xebd\xe5Cs\xd2\x86\x19##\xd9f\xf3\xed\xfb\xcf\x85\xfdC\x9e\x00\xe8\x88\x8f\xf6\xc2I\xc5E\xb8\xc8\x805\xf2\xf7\xd9\x11~\xfb}\xdf\xf0\x13\xc0\x1f\xecV\x81\xe8}\x82\xcf\x83l\xd5Fd\x95\xe44l\xa9\xe4\xeeV&lt;\xf6\xfdw:\xed\x8cU\xedr\xccD\xf2\x0c\xf2W\xf7\xe3m\xdb\x94F2\x8b\xd5\xa8\xd71e\x86B\xf6\x98\xbb\xc8Z\xf8\x9a\xe1\xbbA\xbaN\x90jqG\x97\x1b-\xb1ud\x02\xe8\xe7\xcaDD\xf4\x8et|\xe2\xaeEKo\x1bx\xf9\x86x\xb4\xb7\xa7\xfe\xe7}\xc7\xdc\xdf.\xa7$\\\xa5\xa2\x93%\x8c\x01\x8d\x1ao\xcb-\x1e\xa0\xdb\xa1P_\xa5\xcd\x85?\x14\xffL\xd4\xf8\xbdG\x98\xc4|\xab9D\xbd\x80\xdeUR\xbb\xb4\xaa\x84\x16\xe9\x99\xa5i\x90\x16\n\xe9]\x15\n\'vz\x96\xed\xa1&gt;\x95Y\xba\xfa\xe8t%\x12_i\xca;\x9a\nj\xba\xf7\xdf\xdcu\x81\xdf\x11a&gt;\x9b?\x9fQ\xad\x1d\xe6yi\xaa\x97i\xa9\xdap8\xcc\x06\xc4-\xadZ$\rJ\x8d\xe7\x068y\xe6\x9a\xe2L\xf4\xc1\xa7\xbc22\x1b\xf0\x81\xdbFDoy\x15R\xf3\xed\xe03\xff\xc5R\xc1Hk\xa4\x16}\x7f\xa3\x15\xeb\xcet7\xd8\x9c\xea\xb6p6%s\xebv&gt;j$\x8d\xbc\xb7\xe7\xb2\xab4\xa2\x8d\xbe\xac(&lt;\xf7\xb0(*\xb2*w^\xd1\xed\x9f\xd2\xdb$\xaf\xb0\x9d\x95\xcd\xb4\xf8z\xc2\x1an\x15\xf3]\x9a\xc6k\x0e\xa1D\xcd\xb5\x88\xe8WDrr\xdeN\x85\xbfI\xb7\xb4A\x18i\xb96\x12\xbb\xaaB:\xdde\x8d\x18\xc2\xad\xfcm\x97\x10,\x87\xc4xI\x18\xf4\xa4k\xbe)\t/8\xee\x1f\xd0\xd65*\xa5\xed\x8dK\x12\xb2\x8b\xbd&amp;\xbbu\xa9/\x1er\xbc\xdf(\xa22\xc2;\xab\r\x9am\xb3\xa2jDv\xd7\xa8Q!\x89G\xaf\xecm\x86\x8a\x16\x17Zmo\xaaNZ\xbd\x8c_gRV\xb1\xa3\x06Sv1\xebd\x9b\xe7\xea\xc2w\xab\xb3\xe2\xf3\x9f\xc1\x05\xa3N]\xae\xda\x97\xf1\xde\x0b\xd9I*\xcd\x1c_4\x84\xf9\xb8\xd5\xa4\xb6\xee[\xc1\x1f\xf8.\x8d\x1aU\xed\x85]\xd2\x8aG\x90\xffZ\xab"\x97\x89Z\xbf\xb2|*\xf4\xf0\x83)\xa8\xb7\x99i\xecw\xe9\xb8\xb5\xf0\'\x15\xb2m\xa2\xcc\xda\x1aO[:\x97mx\xb4\xffu\x1e\xd2k\xba\xca-\x7fN\xd8\xde\xe5{\x94\xa8\xaf\xacY|\x026\x08\xb96\xfeHy\xe3&amp;\x06lZz\x8b\xae\xe2o|K\xaa\x9am/\xa9\x08\x06G4\xbeNt\x11.\xd4^\xb2\xe1g\x1b\xe4\xdb\xe8\xbdo\xabBZ\xe4\xecS\xca7\x88\xd4\xd9\x8a\xdcN\xf4\xde\x05\x06\xe1#\xcb2\x12\x07\n\xc9*\xcbs\xc9 l\xb5^\x93\xc6~\xf7\x18\xaeZT\xb1\x98\nN\xc0\\\xbe\x8fG\xa8\xfa\xc7\xf6\xb1\xe4\xfa\xce-\xf2\x07\xa8v\x1f_\xa7-v\x119`5\x18\xe3\xa7\xfa\x82\x8e\x96\x15p\x1c\xe6\x89fl4\xabM\x8d\xf2\xc8\x96\x8f\x8c\xa5\xd3\xb4Hf[!\xe0\x1et.\xd2\xfe\x93\xa3D\xab\r\x0b\xd2x\xd6\xb4h\x1c5\x17l\x02\xb8~0\x89\xb5\xdb4V\xdd\xb0\xa3\xed\xf0\x1b\x07\x16\xe1\xc1\xa7\xda@5\xa2u\xc6\xefp\x86H\xe4\x0c=i\xd5\xd4\x9d\xb1\x9a&gt;\x08\x7f\xf3\x996\x1c\x8eD\x9a\xef\xf7\xcco\x93\xc6\xea.2\xb1\x8a\xa3\xde\xf5\xd0\xfb\xd6\xb6k\x1c[\xb8+ua\x9e7F\x7f\xa2?j\xee\x1e\x9a\x11\x89\xcd)j\xd7\xa3a|\xd9b \xf2\x93\x93\xa6\x93)\xd4\xc2\x8d\xb1\xa3\xca\x80\xfd&amp;\xcdE\xa0\xcd\x00"\xfa\x7f\xc7\x87\n\t2\xf9r\x89\xd1\x84\x0c\xab\x0f\x84\xd1\\\'S=z{\xafY\x84\xa6\n\x8d\xce\xb6\xe2GM\xca\xbf\xdc~\x1c\xa9QK\x19\x1aYr\xdd]\x93\xac\x11\x93\xdd\xff]\xd5\xcd\r\xc1\xedBZ\xb4\'N\xe2y!`\x0eg\xd5.\xfc\x97\x07\xb6\x01\x0cv\x83\xac\xb6\x89\t \xd8w\xa3\x7f\x13=.d#/\xca=\x9cFd\xc5\x87\xe7\x1aH\xdc\xd7\x1d\xdf\t\xaa\x1e,\xa8\xf9\xfc\xa8\xb2a.\xb7\xfb\xdc_\xcd\xfe+\xed\xd3\xec\xf4\r\x16=\xc6\xd1/\x9c1\xa12:I\xf0B\x0e\x02\x0bZ\x1a\xcc\x14\xa9\x1eO\xa8&lt;\xcd:^E\x80P\xceRu\xb3\x88\xf1\xe6&gt;\xfa\xb4\xb7\r\xeb\x14\xbf\xc3,\x19\xa6\xd7\xf7\x17Q\xb4\xa2\x16\xd9Q\xfc\xde\xb6\\s_\x7f\xa7\x80\x13+K\x00\xa2Z\xcd/2\x96\xe4\xaf\xd6\xd71\x1a\xfb&amp;\x80\xf9.\xdd~@k\x1c\xc3\xd1\x17\x99W\xffV$M\xd0 \xaa\x14\x84bm\x97\xaa\xf4\xbb%\xe2E\x06hU/\x8e(Ni\xe2i\xd7\xfd\xa6\xed\xa7Z\x91\xb0q\xa9W\xc6\xb5\x1a\xae5\xaa\x99\xa6\x1f\x82}\xd4U\x7f+\xe9\xbaRp\xa7\xbf\xd66\xe4\xad\xd9\xcd\xa5\xdcC\xa1\x90l\x17-\xa5z\xa4S\x9d\xd2c\xdb\x18z9&amp;]G\xc3\x0es\xde \xbc\x9dh\xf5e\t\xf8\'-\x8a\x94\xc6\x88d6$\x00\xc9\x8e\xcb?\x975+\x8a\xbd\xfc\xf7\xf7\xab:=9J\x0b\xa4}&gt;\x87t{\xa7\r\xe2\x8d\xb7\x8e\xf5\xe0\x8aK\x02\x10\n\x1f\xd67+m\x80\x07\nU\x18\xee*K\x8d\x18\x8dM\t sJ\xe85{\xa5\xa5y\xce\xe3\xdbw\xf6\xd2\xe2"\xe7\x89\x92\x84\x89o\xaf\xdd$\xcc\xbc\xc8\x16\xd2n\x8d\xfb\x88\x04;\xf6%\xfd\x14\xa9\xeeIV\x86(\xf3\xc7\xce\x0c!\x8cI\x1b\xd9\xe7\xf4\xac\xd6\t\x14.\x81(\xcd\x10c\xbeB\x8e\xad\xb1FlQ]c\xd6a\xfar\xafj\x86\xb9\x1bS\xe9\xb8OEM8\xfd1\x9b\x06\x89\x11\x9a+\x94\xc5\xe2&lt;Gp^.~{V\x9dw\x9d\xc6\x9a=\xccJ\xaf\x96ACV\xb6\xcd\x8c!\x06\x05\x1e\xe5w\xd3\xd8\x10\x07%=K\xe2\xf9\xe3\x85\xd8\x80o\x12\xb6\xccjO\xd5\xb4\xdf\xbbJ\xb2,\x05w\xda.Ki_\xc1_\xab;@\xaf\xd3Y\xa0\xe0\xbd\xb7\xf2UO\x93\xe4\xf2\xf3T\xf2\xe7\xb1\x17d\xbc\x96\xea\x0cf\x1f:\x9e|Si\xf2\xd2rsZ\xe3\xab\t\xcfvw\x98\xea\xa6Z*?\xb8.\xac\xc5\xb54\xc2[\xaf_\x04\x15\x9bZC\xb7\xd3\xc0\xcd\x0e"\xfa]\xde\xc2\x99\x1f\x1f\x1f\xea\x04\xfaX\xa2\xeb\xcb\xbe\x1a]\x87\x19\\\xb3TkH$\x97\x8a\xf4\xac\x84\xadmF&lt;#\xc4Ql*?\xcc\r\x94\x9b"\xb31\xa59T\xf5\x92h\xef4]\x9d(\x19k\x18B\xff\xda+\xb6U\xb2\x16\x06\x15\xc3\x96\x8f\xd1\x95n\x8a\xaef4K\x98\xa0\x9a\x02\xfew\xee\x95Y\xb2\xda\x8e\xc6\xf6oQ\xa0\xcc\xf1\x14\x00\x00 \x00IDAT\xbb\xa4\xcb\x06/]\xfb\x06\xf3J\xa2\xda\x17\xcf g\xf0\x16\xcd\x1a\xd0\xd2`\xfd\xdc0\xde\xfe\xc6\xb4\xcat6\xb8J\xe7P\x1b\xdf!\xf3\x1by\x80I\xa9\xbas\x11\xcd\xe1\xb8I\x8b4\xc9\xf5\xa5\xe621M\x1b\xfdK*\x1c\xa9\x06\x88\xdb\xcc\x1c/\x10\x8b\xcdL\xc5\xa6b\xc2\xcbu\xae\x81\xc1\xfbd\\5Z\xd6\xd5;\xe9\xa6\xc2\xa3\x1fmw\xe76\x9bw\x8f%z\xf5\xdc\x88\xb8\xfe\x1d\x06#\xcaE\x8eM\xf5 \xed\xea\xca\x82\xddH\x95\x8a&gt;\x11\xa2R\xcdY\x15d [\xaf0\x8egvr\xa1{{D\x91\xf4&amp;\xca\xa8\xea1\x81=p\x0f\xbb-\xa2\xda\x8d\xd8}&amp;\xb5DU\xd0\x8c!\xeb9i\x1b\xe1s_\xfb\x83\xdd\xf7\xfc\xcd\xc9\x9f\xab\xa1\x89\x04\x7f\xb2\xfa\xd6\xe5{\x9b,\xb1w^\xea\x026\x9d\xacu\xf6\xf3.AhP\xb5!i\xfe&gt;\x03\xf7\xd0&amp;\xd4\x15~\x90\xf7-\xbd\xf22\xaff\xc0osQ\xc4\xa8\xf80o\x99\xdf\x9cWT\x9c\xcfL\xdd\xd0|o#^\xe2\xa2@\xaf\xb4\xd4\xdb\xd5\xdf\xd0/\x14\x08[&gt;~(6P\xcb\xdc\xb6\xed\x05\xfa\xab\x94\x9c\xeaO3\xf7m\x85\x12g\xea\x1d\xe2\xdafJQ\xf8K\xaa\xa1\xaaU\xb3\xd2rj\xb9\xb0\x8a\xd9FEy\xa6A\xef\x8aA\xb8\xac\xbd\xe7!\x9b\x00\xd49 \x8cM\n\x87\x95\t\xef\xfa\xc5@\xff\xdd\xd1C\xbe\\\xa6J\xfb\xac@\xa1\x83\xb12\xad7\x0fo\xfb\xdaU\xb4\xe7\x10\x01\x15\xd9\xfe\xf0\x87A&amp;\x06\xf1)\xdd\x85\xc1\xb1\xd3\xb4P\xe1\xeb\x93\xb3\x10\x86c\xbeY\x8f\x19\xbcz\xfd\xb3\xbc\x05\x8b\rx\x1fq\xcb\xce\x95"\xafzLwM\xccI\xcb\x14g\x15\x0e\\\x14e\xf5\xb5\xd817Q\xa7\x1d\xd3\xcc\xd1C\xfb\x98\xfa\xb7\x07\xceuf\x7f\xaa\xc6:\x0eE.\xc9v\x04\xa9\xe5\x15\xa3.\t-^\xbd\x0e+\xbbnh\xd7ZF\xb6\x18#\xaf\xbb\x1d\x89"\xf8\x9be\xdb\x94\xdb{\x9a\xa2ae\xef\x0c1\x9c\xdf\xa7\xcf\xea\x18\x03\xe4\x15_ph\xce5\x10\x9c\x12\xba\x16\x89\xa7\xf0\xc3\x0b\xc2S\x97P\xc8\xed\x89\xdd"\x8d\xde\x9a\x19\xc3,\xe1\xb08\xd0\xb6\x11\xbdN\xee{\x86\x82\x88\xac\xb6\xa5\x92\xd7\x89\xbc\xaa\x03\xa6\xa4\xcd\xe0q\xa9\xd4\x8d\xb4\x8d\xd1\xe5T \x8bl\xe0\x9d6\\\xad\xaa[.\xbe\xb2Q\xfb\x01\xae\x98\t\x11\xa2\xcbL\xa5\x16]\xf3\x9a4\xc9.^&lt;\x1f\x97JiQ_q\xf6.\x95K\xb5C1\xfb\xbd\xc5\xd4\xbbH\x86\xea\xa0\xe4)\xcb}\xe3\tV\xaaA\xb8\xbdk\x83\xd2\xe4\xfc\xa7\xaa\t\xe4\xe3\xe5E\xee\xaa\xb7m\xfb\xcdd\xe1\x84\tFjJ\x07\xa2i\x94\'\x80\x89V\xab\xa3\xff\xa4)\xa6\xe4C\xf4\x8a\xe8{\xc6Y\x932\xbe\xeec\xfc\xe9\x8d\xc3\xbc\xd2f\xc6\xac\x93\xc1\xe160\xf3\xf6@\xf4&lt;\xdb\xb8\x93\x9dY\xe4\x99\xa9.\xa7\xcdx\xf9\x12g\x8b\xac\xba\x85\x1db.\x11\xd1?\xcak\xcf\xea*\x15Fy\xe1e9\xb1\r\xe5KQnO\x15\xba\\\x1f\xde\xfe\x1b\to_k\x9e\xac\\"{\xeeQ\xd4\x07\xcdNB\xac\xbai\x15,\t~C\x86\x82\x7f\xe0\xe6\x16\x94\x83J\xa7A;\xd7\xfdO\x88$\xc4\x1f\xb2Z\x06\xb8\x08\xdf\x85h\xa3\xb7\x16\xb6\xcckd\\\'+\xa1ei^}\x91\xb3\x0b\xd4\xcf\xc3!\xf9\tB\xb0Xln\xc6nC\xce8\xeaR\x94j\x02\xc6Z\xf30j\x11\xa7\xd6\xdd4\x87\xb6\xfd"\x91Y\xda\x14|\xf7\xea\xdb\x92\xc3\xb8\xfb\x0fc\xe8\xba\xfeza7o7\xb3\x87\xc1]\'A\x19\xbc\xf6$\xf7\xf8\xf9\xc5\xd9\xe3\xb0\x9bm\x87\xbf\x86S\xa8H&gt;\xa2H\xb2m\x92\xb3\xdd\xfe\x8bAP\x03r\xfb\x89\x88^#=:\xa8\xcd8\xda\xa3\xedn\xc0\xac\xa6Z\xb7\x16\xd3\x83~f\xc2(\xc1H\xae\na$\xbb@\x85\xaa\xb7\xf7RJR\xd1\xe6\x17U\xce\x8a\xd1\xd1;oE\x89_\xf2\x07\xe7\xaa|&amp;Lg\xc3\xde\xe3\xc3\x7fV\x19{(M2K\xa5\xed\x11\xf2,mB\x957\xe5\xe5x\x1c:\x1d\xcc\x08&gt;\xbf\xdd~!\xd3\xd30\xfe.\xb1\xd6\xf7u\xec\xdb\xfc\x94\xca\xb7S\xe8Z\xb1\xd3\xea,=j?\xee\xac\xba\xdf\x8a#\x00%\x1b\xaa\xeb\xda=\xaa\xd0\x98w2\xa2\xe9c\x06 \xaa\xc8"i\xf2\x8aO\x13\x1d\x1a]3\xd5\xd5\x98\x81\xf6\xbeY_,\x89Nw]Vl\xb5\x99\xceTm\xfb\x9ajU\xa0i\xc1q\x12N\xc4\xbe\xf6\xd9\xb1\x93\xc7?T\xe0\xeb`Y\x15\xd7\x0f5K2\x0f3r\xe2^\xfd\x1d\xa3}\x9e\x1dM\xa9\xe7R\x9d@\xb5\x01\xef+hS(L\xca\xed\xeb\xe3\x92)m\xa1\xc72\xd7B|\xe5\xfa\xd8\xd7\x1ez\xae4\xd9\x1fz\t\xb2T\xa5\xbbL\x91\x81\xfcm\x80Q\xd4\x9c\xed-\xd7\xaa\xb2O5\x9c~\xe5\x85\xa2v\xce\xb5\xaa\x1eg\xafm$\x1a\x9a\x98\x9f\x00r\xa5\xe5\xf5\x83\xbe\xaf\xb9e\xcb$\xd8\xe2\x88p\xea\x1b\x17g/\xb2\x84\x03\x94\xcc\xb9\xc8\xec\\\xab0\x15\x89\xf7O\xe6\xe4Q\xd2\xb5\x17\x95.\x85y\xf6!\xd5\xda0\xcf\x95\x06\xc8\x9auP]W\xda\xec\xb7f;\x85\x95"SV\x1b\xc4J\x9c\xd0\x9d!\'\x80\x05j\xff\x12%\xdb\x82\x93\x97\xc7&gt;O\x94\x86B\xd5\xc7\x8e\xe3\xc1M[\xad0\'\t\x95\x19[0\xaet\x96\xb8m \xbb\xc0\xd1\x95l\xc9\x92\x11\xd5\xb5p\x02\xbf\xad\xfc\xca)\xeeg\x83Hv&amp;\x1b\r\xf0\x9c\xe7\xea\xaay\xefv\xb3\xb8\xde\xa1M%\x7f@\x9c\x15\x12]\x88\x8d7l\x91y\xa8s+\xf7\xda\xea\x08~K\x0bwT\x10j7\xa2\xef\xb3\xc75e\xcd"\x17\xab\xcbC\xfaj\xa8n\xc0\x97e\x9f\xab\xc4t\xa1}n\xd3\xcf\x12\x99Sv\x9a\xbba#\x07\xa1\x9d^K\xcd\xd4\xb6\xd7|\xd7TX!\xb5\xc7\xc0\xf4\xf3\x99\x88\xc6\xf0\xe1\x9a\x8e\xd9\x99c\x12\x80t=:\xb8\x82o\xe3auE\x92\\\x17\xfds\xe7\xd9B^r\x95\x94u\x0f\xd9\x12T\xec\xd1\xaeQZ\xc7\xc4O\x92c\r\x11\x11\x15\xffe0\x89v\xf7\xa5\x14L\xb8\xafB\xa9\xf6N[\x86\xd7\xd8O\xaf\x10\xa2\xcb\xff~c\x86nm\xfbd\xef\x99c\xb1Zu\xc3Y\xb8\x13\x95]\xd4\xb6u\x85}\xb3Z\x84\x91\xcd\xd7\xed?\xc3\xaa\xaeTu\xf2\xe3\xd2J\xcb76\xbd\x8at\x1d\xac*\xec\x11\x81\xb0\x8c\xe4\xded\xfd$\xbb\nD\xc5\t\xf1\xae\xc3\x84\xcdd\xbb\xe3F\xbd\x99H\xb1+\x14\xfcw\x82b\x179\xe1\x18\x88\xbe`@\xc8\xeb\xcd"\xe5s\xbb\r\xd5\xfef\x15\xfbv\x89\xb6W\xf8\xd0&amp;\xf9\xa8\xe5\xa6\xee\xa6\xf7\x18\xdfWX,IA-\xb1Q\x95\xba\xcc\xc6d5\x1e\x1e\x96\xc5j\r\xb3\r\x84\xe8\xb5\xc7\x1f3\x15z\xfc#\x11\x11\xbd\xdc\xa4\xda\xc5{\xae\x9e\xafh?\xd3k\x1b\xf7\x0c\xd3](\xf9\xe5\xb9\x8e\xd5bd\x18c\x1c=\'\xc7Yf\xbe\x88~^\xf0\xf9\xf2\xc1$9{{3\xab\x98\x8alpoi\x13\xc2\x9d0\x94\xf3&amp;&lt;\xd2\xd9VD\x92G\x83j:&gt;\xf70\xed\xab6\x0b{\x95D\xe5\xac\xd2iwtV\xd5x\xe7\xec\x12\xdb\x92lG\x17I=\xac\xdd\x86\x05\xe2\xc6vt#\x8bA\xafr5\xc6\xd2+\x11B\xec\x8f\x8d\x1a\xf9Y\x1a\x99\x0cB\xe7\xa4g\xf7R\x11\x8e(\x1cZ\xa7\x83H\xa8O\x10\xa09!\xd1\x93j\x1bN\x91\xac\xcb\xe5\xb5aV~]\xdd#\xaf\xdd\xab%\x93{r\x0f\x85j\xe7\x9f\\\x1f\xb1U\x7f6\xb1\xd7\xf0\xaa\xe8\xdb\x1eD2\xee\x9eSTz\xb2m\x1b\xbd\x89T\x91WM\xb4\xe7!\x91\xe2\x82|&gt;\x8d\xa5\x81l\x8c?\x8a\x9c\xe7X\xd6y\x89\xcdj\x916\x0e\x0e=\xa9Fs\xc5`\xc3\xa6\x8d\xc9R\xee\xa6\xcb\x05\xa6V\xf1\x1d%[l\xde\xbf\xb0^$\x9btG[\xe0\xe5\xa3\xc3\x0c\x17\x87KNBv\xc7f\x9f\xf8f\x1a\xf7\x88\xa0J\x9c\x1a\xb1#\xd63Z\x05y"Te\xcdK\xc9\xa9\x12.ii\x90v\xf9\xf1\x1f{I7\xf1\xf9\xde\x02}\xf7\xcb.\x84\xd9\xa1L\xe3R\x03\x95jy\xe3v\x84yntbx\xd4\x1a\x1b\xf1\xa1\x9b\xb6D\xa2-\xfb{L\xe6\xf1|\xaa\xb2}\xe9\xcc\xa1\xaa"=#\x02{\x0c\xda\xbcW\x9a\x91E\xf4\x9b\\G\xdb]S\xf9\xd7Bj\x1d\x1d.\x0c\xb9\xf6\xb5\x19N\xc3\xb4J&gt;#\xf6(y\xad_Z\x93\xe7]\xed~Qet^\xdd\x9c\xd8\x97@\xc7\xcd\xebr\xbf\x97\x962\x8b\x0c\xb6B)\x8aeZ\xe6\xf6\x92{\x15\xcc\x19\x90}X\xa8\xfa\x99\xd0\xe0b\xb3\xefa"|\x9e\xa94\x05\xd2\xd2F\xdf\x14\xbcM?T\x8f\xe1\xb7\x9d\x9f\x91S3\xc8\xef\x10\x19OG\xf2\xb6\xda\x9d\x93\xcc+\xcd\x1d\xf8x\x81\x8f\x1f\x1e\x7f\xb4\x97\xabY\xd5\xb5\xeerU\nn\xab\xff\xe9V\tQ\xd6\xb4\xda\xc9\xcf\x00\x1d\xb1\tl\xdf\xd4\xe1f\x99\x93\x00\xfai-%\x801\x06\x14\x02:\x17I\xb3\x0f{/\x0c\xd1\x9b\xcb\xe5\x8f\x99\xbd\x96\xda-\xcc\xa6s\x9d;2&amp;5\xc3`U)\xe6RNZ\xe4&lt;\xdap\x937\xa0`Ljg=\xfc\xa5\x132\xbb\x08\xcdNO&lt;\xab]4\x1a\x13\x80/LF\xef\xae/}\xc8\x17;\xd5W\x91{\x15\xbb|#\xf76\xd3\xbel\xb0TB\xc1\xfeR\xc2h\xa7\xbaQ\x99\xdc\xe3\xa0^OUo%\xb8d\x83\xa3\xde\x86k\xf8\xce\xab\x96\x9cr\xb6Q\xd3\x18\x85\xf64\xf7\x04-\x9b\xf6v8\x18F\n\xd1\xdbT\x13@\xc1\xbc\xf6\x93\xae\xbeK\xa0]\x1a\x8b\xc5]2\x89\xf9uZ\x03o\xa2\x8c=/\xdd\x87k\xacI\xaf\xbd\x95\xa8\'\xfaQ\xf9\x9e\x14H+\x86\xc4}\xe7P\xd2\xa5(\xaaP\x9a\xb9\x98\xea\x05\x11}Q\xee\xe1\xac\x04 \xd1\x1b\x86\x0f\ny\xaf\xa4\xe5\xe7j\xb2{\x18\xdd\x8e3P\xad$8\xb19\xe3[Hg(\xb5\xb6\xec\x96\xea\x10i\xcbd\xb6a\xf2Z\xbc\x0cP\x15\x97\xc2L\xaf2\xc0@\xcb~\x9c\xb5\x97+4\x0e\xa9]HI\xf2\xc8\xe9\x9a\xbe0\x19\x8f/\xa7A6\xb2\x88f\x8d&gt;\x96}[\xdb\x84\x977D\xf4i{`*\x18|\xf3\x90\xe3\x8fB\xf8\xb1\x1b\xce\x13\xc1gY\x17M\x99\x9cM\x00^\x8ee(\x90\xdd1\x9c\xbc\r9;\xdbr\xfa\x0e\xbd\xb0O~\xa7B\xbe\xf1hhA\xe2\xd9\xb7W&amp;\xf9\x92\x15\xe5\x7f\xbc\x1b\xfa\xed\xde\x9bk\x9a\xaacf\xfeC\x8f/%\x86\xf0m\xd47\xb2\xaaq\x06\xdag\xefjO\x17\x8d\xd1\xd8\x8aE\xae\\bM\x9d\x93$\x99\xbar:,v\xf1\xb60\xeb=\x8e!+\x95\x7f\x9f\x91h\x18\xd5BI\xdb\xbd\x1f\xbdu\t\xef\xd3Z\xb5\xd44\x1c\x02t\xeea\xa9\x97(\xb4\t\xaeb\xd3\x0c\xd1oZT\xf5\x8dPB{_\xaf\xf1\xd6W\xcdE\xcdQ#\xbf^\xed\x1a\xf9m\xa2\xcb\xc7N\x87N\x95\x04\x9d\xba~\xa2\xbd\xc8.\xf9\xe5g\xafr,U\xe7.\xb6\xd2\xfe\x85\x07\xd5\xe1\x80;\x06\xa7\xd4\x0c\x8f\xc2Jn\xb0\xf9\xc4\xd0B\xb8\xbe\xc5\xbb\xa6\x11iR&lt;\xd5\xfa.U-\x12\'\x97\xa8\x93VQ\x92F\x05\xc9S"\x94h\xec\xae\x02\xd3\xa3j\xf4\xfc\xa9\x90\x1dmi\x16\xd2\x87\xbf7x.\xf3`\xe3n\x97T\x9a\xda^f\xe4\xa7\x99RCC\x9dB\xd1\x8fa\xf6\x92\xcbY\xe0\xb6-L\xba\x9bm*\xe4\xf3\xffq\xf6\xb4\xe7\xe5\xa8\xf4\x7f\x0b\xbb\xcc ]\xe6\xeaZ\xc9\xaf\xbdn\xcc\x1e\x9eQ\xdd\x05r\x9f,\xe6\xd7\x8cF\xb7l\x9a\xf4\xb2\xf7\x8d\xb4{U\xd5mv\xbc2\xf7P6}\xf2\xba\xe6\xe0\x9d\x1d\x12\xc0x9\x8db\xb3U\xb0\xd64\n\xfe+d\xf0\xdf\x8e\x92\x96W[C\x11\x10\xca\x91\x1fz\x84\x8e\xba\x15\xac\r\xe5\xc85\xca\xac3\xb2\xcbg\x02\xa2\xdc\x86G/\xfa\x10\x07\xc36\xe5N7D\xc0\xbd\xadp\xec\xed\x9ef~+W1\xbd&amp;\xb3\xa0\xd8\x12\x1d\x82\xfe\xe3e\xc2\x07IUH\xd4\xb7\x94i\xed+x\xab\x88O\xe2\x13\xd2*\xa1Y\xda\x9e6\xccd\xe7\xf3:\xcfa&lt;\xb5\xfc9\x98\xac\xd8\xad&lt;v\xf3^(\x14\r\xc5\xa4e#\xad\xd8Z:\xbeY\xad\x8b\xd9\xd5\x15\x19n_\xdfg\xeeO\x14\x7f\xaf\x81\xd60\x89\xcc4E\xad\xbe\xdb\xa7\xc0L\r\xd1\x8fT;\xee\x9f\xf9\</t>
        </is>
      </c>
      <c r="E121" t="inlineStr">
        <is>
          <t>&lt;class 'numpy.ndarray'&gt;</t>
        </is>
      </c>
    </row>
    <row r="122">
      <c r="A122" s="1" t="n">
        <v>120</v>
      </c>
      <c r="B122" t="inlineStr">
        <is>
          <t>steps_per_sec</t>
        </is>
      </c>
      <c r="C122" t="n">
        <v>1800</v>
      </c>
      <c r="D122" t="inlineStr">
        <is>
          <t>10.092846</t>
        </is>
      </c>
      <c r="E122" t="inlineStr">
        <is>
          <t>&lt;class 'numpy.ndarray'&gt;</t>
        </is>
      </c>
    </row>
    <row r="123">
      <c r="A123" s="1" t="n">
        <v>121</v>
      </c>
      <c r="B123" t="inlineStr">
        <is>
          <t>Loss/object_center</t>
        </is>
      </c>
      <c r="C123" t="n">
        <v>1800</v>
      </c>
      <c r="D123" t="inlineStr">
        <is>
          <t>0.7373275</t>
        </is>
      </c>
      <c r="E123" t="inlineStr">
        <is>
          <t>&lt;class 'numpy.ndarray'&gt;</t>
        </is>
      </c>
    </row>
    <row r="124">
      <c r="A124" s="1" t="n">
        <v>122</v>
      </c>
      <c r="B124" t="inlineStr">
        <is>
          <t>Loss/box/scale</t>
        </is>
      </c>
      <c r="C124" t="n">
        <v>1800</v>
      </c>
      <c r="D124" t="inlineStr">
        <is>
          <t>0.2681912</t>
        </is>
      </c>
      <c r="E124" t="inlineStr">
        <is>
          <t>&lt;class 'numpy.ndarray'&gt;</t>
        </is>
      </c>
    </row>
    <row r="125">
      <c r="A125" s="1" t="n">
        <v>123</v>
      </c>
      <c r="B125" t="inlineStr">
        <is>
          <t>Loss/box/offset</t>
        </is>
      </c>
      <c r="C125" t="n">
        <v>1800</v>
      </c>
      <c r="D125" t="inlineStr">
        <is>
          <t>0.2511055</t>
        </is>
      </c>
      <c r="E125" t="inlineStr">
        <is>
          <t>&lt;class 'numpy.ndarray'&gt;</t>
        </is>
      </c>
    </row>
    <row r="126">
      <c r="A126" s="1" t="n">
        <v>124</v>
      </c>
      <c r="B126" t="inlineStr">
        <is>
          <t>Loss/total_loss</t>
        </is>
      </c>
      <c r="C126" t="n">
        <v>1800</v>
      </c>
      <c r="D126" t="inlineStr">
        <is>
          <t>1.2566242</t>
        </is>
      </c>
      <c r="E126" t="inlineStr">
        <is>
          <t>&lt;class 'numpy.ndarray'&gt;</t>
        </is>
      </c>
    </row>
    <row r="127">
      <c r="A127" s="1" t="n">
        <v>125</v>
      </c>
      <c r="B127" t="inlineStr">
        <is>
          <t>learning_rate</t>
        </is>
      </c>
      <c r="C127" t="n">
        <v>1800</v>
      </c>
      <c r="D127" t="inlineStr">
        <is>
          <t>0.00052</t>
        </is>
      </c>
      <c r="E127" t="inlineStr">
        <is>
          <t>&lt;class 'numpy.ndarray'&gt;</t>
        </is>
      </c>
    </row>
    <row r="128">
      <c r="A128" s="1" t="n">
        <v>126</v>
      </c>
      <c r="B128" t="inlineStr">
        <is>
          <t>train_input_images</t>
        </is>
      </c>
      <c r="C128" t="n">
        <v>1800</v>
      </c>
      <c r="D128" t="inlineStr">
        <is>
          <t>[b'512' b'512'
 b'\x89PNG\r\n\x1a\n\x00\x00\x00\rIHDR\x00\x00\x02\x00\x00\x00\x02\x00\x08\x02\x00\x00\x00{\x1aC\xad\x00\x00 \x00IDATx\x9c\xed\x9dy\xec&gt;OR\xd7\xfb\xf9!\n\xb8\xa8\xbb*\x0b\x8a\xa8\x04uY\x0f\x02\xe8*\xa2\xc8\xe1F\xc4 l\x0c\t\xba*Q"\xa8\x88\x11e]E\xd1UQ\x11\xc5\x05\x95p\x98\r*\x87\x17\n\xa8\x104\x10\xb2\xa2b\xbc@PpA9\xbc\x15]\xafu=\x88)\xffx\x9eg\xa6\x8f\xaa\xea\xaa\xee\x9e\x99\x9e\xe7y\xbf\xf2\xcd7\xf3\xcctW\xd5\xf4tWUw\xcf\xf3|B\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8\x13T\xbbJDD\x1f\xe8\x10H7\x91\xbf\xa6\xdd\xa8\xabR\xca\x04\x1e\xc2\xb1\xdaC\xfa\x80^}\x98\x15\x00\x80\x87\x80B\xa0o\x8a&gt;\xd6\x1c\xdc\x10\x0f\xd8 \xe4p\xcf\x0b\x00\x00\x8fI\x9c_o\xedh{\x14ld],v\xaaH\xc3\x9a\xb2\xbf\x85S\xb5\t\x00`&lt;\xfb\x0c\xf1N-\xc3=\xd1U\xe0(\xb1\x8f\xea(\x1f\xf5\xbe\x00\x00!\xec\xe5\xfd\xfb9\xc4N\xb8?\x00\x00\x18F\xf3B\xd3\xa6\xbexBG?\xa1I\xa3x\xe0[\x03`*^\xe8\x171~\xb46\t\xbc\\.\xa3\xed\x98\x9a\xc7\xb8_\xf8z\x00\xce\xcd\xcc#x\xac\x7f\xd1\xa5\xcd\xd3\x0e\xf0\xaa\x00\x80#\x89_\xcf\xdfH~\xf5\xcc\xfeH6l\xf7\x86\x12+x\xeb\xc6\x07\x00&lt;\x06\x03\x96\x80X\xae\x0b\x14\xa5\x13\x1a\xe5\x98\xd8\x05\x906\xe1\x1fo(Cdr\xaa\xd2\xb2\xcc\x16\xcb5Wk\x14\xc1O\x18\x03\x9e\xf0\x96\x01\x98\x94\xc7\xcbC\xe9\xe3\x8e\xb6 \xe5M\xdcI\x8a\xd8\xdb \x00\x00Xx0\x0f4\x95G]\\|\xe6\xe8g\x0e\x00\x95M\x94\xf9\x0c\x06\xe0\xb1y\x847I\x9e\x93\xd4]\xe6\x8bLDt\xc6\xd7\x84Nj6\x00\'e\xab=\x00\xb0\'\xa5\xcf&lt;\xd6\x8d\xf6\xe4\xf2\x98\x05\x00\xb0\x1b\x8f\x13\x00\xb6^@ \x9ak\x8dBw\xf1?u7;8\x9a\xc3\xcf\xe5rA\x04\x00`R\x88^s\xb4\t\xfb1\xe7\x9b\xa6\x19\xecZ\xff\x8c\xcb\xff5Nh2\x00`&amp;\x9e\xd0\x89\x10\x87\xbd\xfa\xa7\x1a\xca\xbcG\xb3qN\x06&gt;\xbe\'\xec\t\x00\x80\xad\x98\xdc\xa1lg\xde\xd4\xb7\xbd/\x93\xf7\x01\x00\xc0V\xcc\xf3Z\xe54\x86\x0c\xe6\x01o\t\x00\xf00\x1c\xe5vK\xbd/&gt;C6\xba\xb3\x85\xd3\xb7\x07\x00\x00\xf8a=\xe9\x86k&gt;\x1bl}W\xeb\xc3}\x030)\xec\xd7M\'\xe7L\xb6\xb6\xb2\x83_\xde\x02\xe9/Y\x9e\xab\x83\x01\x00\xc0\x91\x1c\xeb1\xd9oE\x10\xfd&lt;\xaed\xfeK\x15\xbc\xc0\x1d\xef\x08\xa1\x06\x00\xc00\xb9k\xd8\xdf\xe9\xf3\t\xbb\xd3\x12ca\xa9\xd0\x87\xd95\x01\x00\x80\x05*\x0eN\xc7\x9e\xab@\xb1.\xaf^)\x8a\xf4T\x07\x00\x80\x01\x9cw\xf9\xf9\xb0\x17\x93\x0e\xd1\xba=\xa7\xed\x08\x00l\xc33\x0c\x88g\x1e\xf6o\x10\xce\xdb\xdbd\xb7\xc6\xdb\xf3\xc5\'\x00\xc0\xe3s\xdd\xc9|\x92\xd1\xbf\xf3m\x0el\xd7_=J\x90\xc0\x93t\x00\x00\xa6\x03co#\x88\xbe\xa68\xb3k\xb0\x1b\xfa\xc3&gt;\xa3$u\xf14\xa9\x02\x00\x00\xf4\x01w\xb9\x80\x86\x00\x0f\x0e\x85\xf0\x99G\xdb\xc0\xa2\x8c=\xa2\x0f\t\xf0S\x00\x00PE_&gt;\xa0i\xe6\xe9\x00\x00\x00\xf6\xe6\xb1wS\x1f\xfa\xe6\x80\x03\xf4\x03\x00\x18\xf0s.\x0f\x00\x9e\x1f\x00\xa0\x11\xb8\x8f~\x10C\x8f\x05\xcd\x0f\xc0#\xf3l\xd3\x94\xe7\xba\xdbn:\x9b\xeb\xa7o&amp;\x19\x80c\xc0\xcaN\xd9\x00_~\x88\x1d`z\xa4\x1f\xbb\xde\xdb\x0e\x00\xc0v\xb4\x05\xc5Gr\x04\xe7\xbd\x13\xfc\xe9y\x00Z@w_\xd8b\xc7\xfb\x90\xe6\xc5\x13\r\xcc_,\xa8\x97QN\x02\xf0\x08x}\xdc\xf2g\xd3\x89h\x0b\xff8\x84QF\xcdyw,\'2u\x07\xd8\x9e\xe9\xef\xea#,\x19 \x03\x80^^\xe8\x17\x91\x8c\x9f\x8e_\x8d\xdf\x81\xcb%?\xa3\x0c~eC\xefr\xb9Lwo\x02\x97\xf2\x9e\x9f\x1a\xbe5\\\xad\xd4\xd6\xa2qO#"&lt;\x150\x03b?\xbcvV}`\\\xffZ\xb0I\xcd\xacn\xc8r\x9bK\xc9i\xefb\x07\xcex\xfb\xa4\xf4\xef#X\xec9cc\x82\xe7B\x9f\x17SF\xb5XM\xdd\xfb6\x1b\xda\xcd\xb4\x0bV\x03y\xf0\xdbs\xf2\xf0\x8f\x1b\x00#\xda\x0c@JR\xb2\xf1S\x9b%\x90\xb1$\xd8\x01\xa2\xc6\x15\x0c\xc0\x82\xf6\x04\xa7F\xdc\x03\xb8:\xeb\xfeLi\x12\xa7_\xde\xc8sf\x81[&lt;\r\xef\xdf\x88\x9f\x8aN\xcb\xe7\xe8\xdd\x004R\xd9\x04.\xbbw\xcb\x80\xb9\x8f\x92\x03\xdd\x04\xc6\xe9v\x9c\xbamwHP\xce\x1a\x1b\xc1\x13\xd0\xfd\x16\x90a\xfc\xcc\xe9 \x90\xbb\rd\x92y\xde\x9c\xa0i\xc0\xb4\xf8\x02\x00\x93\xc2\x0fJ\xea\xb7\x9e\x1cD\xef\xa9&gt;BB\xf6\x1071\x11=\xbd\x82\xde\xd2T\xabY\x1f\x00\xe3\x18\xf0=\x00\t\xd7\xdb5\xc3S\xc8L\xf3\x83e\xa8\x0fv;[`\xe9yC\xbc\xf0\xe5E-\x8a\xf0\x00\xc1\x0c\x8c\xf9"Xy\xf2g\xc7\x05j\x85s\x81}\x96\\\xabK.\x12\x8b\x15O\x82\xe91\xef5\x93B\x9f\x03\x8f@\xfe\xfa\xbf\xfa\x96\x7f\xf6\xd5G\xe9[\xf8\xec\x19\xe3\xd4!+\xf6\xbf\xab\xe51\xf5\xde\x85\xc7Xg\x03\xe0\xe1\xd9p\t\xc8\x92k\xb3e\xc8\x9c\xa7g\xc5~P\xcd\xef,\xdf\xc3,5\x82\x81\x9ct\x9a\x85\xb8\x05\x9e\r_\x00\xf0\x0e\xec\xb2\xbc5\xb1o\x1a\x89\xa6\x90s\xd7P\x9eL\xf4/s\x97\x16C\x00\x00\xe0\x04\xb83\xb5\xd27\x1b\x7fH\xc7Q\xb8\xcd\xb2V\xf0\xc3,`\x01\x9d\x01&lt;\x15\x1b.\x01-\xb8\xbc\x7f\x08\xe1\xb2\xef\xa6\xd9\xc3\x0fxLb,\xdc\xdf\x1d\xb8`!\x08&lt;\x0f-\xbe/\x1f!5\x0fj\xff\xc5\xcd\x19\xb8\xdd\xddY\xccme\xa3_\xca&lt;\xd7\xb3\x06\xe0\xc9i\x99\x01\xe4\xc3[\xcd\x98\x1a\xf2\xa9}\x120I\xcb\xe5ry\xf8\xd7\xec\xa5\xdf\xa3\x1f\xf2\xd3O\x8f\xe4\xfd1\x1b\x00\x8fM\xe3\x12P6\xc8\xb3W&lt;\xcb\xaf\xdd.\xe5-\xdf\x0ek\xf0\x1f\xca\xefQ7h\xd9y\rj\x1e\x9e\xf3\xae%\x88\x1c[V5Q\x08$`Fz\x87|\xb9\x1c\x14fZ\x04(\xf7\xf4\xb0\xcb\x17\xaeO\xcd\xd0\nh+\x00\xc0\xe6\xb4\xe5Gq%dXF\xc4o\xed\t\x85\x9f\xb9Y\x9f\xfb\xee\x01\xd8\x9e\xae\x1f\xe1\xdae|\x9e\xc5\x0bX\xbf;\xed\x17{\x96\xafO\x13\x1dc\xe7Yz\x08\x00\xa7\x84\xe8U\x07\xe9=\xfd\xc0\xe6~i\xe3}\xee\x073\xfe-\xcc\xf7&lt;\xda\x80\xf0\x10\xcf\x1d\x80\'\x02\xe3\xf5J\xe6\xb9\xaa\xfe}\xc2\x00\x103\xb3m\x00\x80\xf14\x8c\xf8N7q\n\x1f\xd3\xbaG\x92\xfbw\xe6\xefb\x8eV:\nx\x7f\x00@\x9dNGq\xd4\xc2q\x0f\xa73\xf8\xbc\xb8\xe2\x10\x82\x16x:\xce\xe8@c0h\x9bA\xc3\x01\x00\x1e\x9f\xd9b\xc4vAk\xd3p\xd8)\x1a\xa1\x1a\x00\xb093\xb8\x99\xa3l\x98\xe1\xde\x83\xfc\xa5\x84J-D\x08\x00\x008/\x8a\x13\xaf\x07\x80\xd1\xc6\x00\x00\xf6\xe0\ts\xb7\xfd\xef\xd8\xa5p\xacu\x7fx\xa8\xb4\x81&lt;_\xbf\x03\x00L\xc0\xfe1\xcf\xab\xf1\t\xa3\xf2\x95\xa7\xbdq\x00\xa6\xe34\xbfC\xe0-\x7f\x06/s\x02\x13\x01\x00\xcf\xc6N\x7f0\xa0\xf5\x1d\xf0\'\xf7\x9bD\x7f\xe9h\x13\x06\xc3|\xa5\xce;\x9d\x1aj\x0f\x00O\xc1I\x87\xcd)\xb2\xfb\x92\x93\x9a\xbd\x03h\x17\x00\x80\x15\xa2\x1f5\x8f/\x85[\x07\x00\x00\x86\xabs\x84\x83|\x18\xa8\xedO\x90"F\x02\xd0\xc0\xd9\xc7\xcdc\x8c\xfcG\xb8\x07\x00\x00\x18H\xb1k\xd7+\xe1\xa4&lt;\xc6]\x0cgH\xab\xa0m\x01\x98\x97\xb3\xffP\xdd#\xb1\xa7\xaf&lt;\xe4\xef\x1c \x16\x803\xf2\xc2\xd1\x06tA\xd1\xff\xfcu\xf5\xed\xbd\xc9\xff"\n\xb0\xc3\xfd\xed3\x8a\x8f\xe3g\xdd\xf6\xc8\xf5Z\x97K\xdd$\x00\x80\x83\x867\xf11\xea\xa6e\xdb\x9f\x1a\xc5s\x07`\x0b\xecC++x\xd4_\xe8&gt;\xd0\x17&lt;\x9e\x13\x1a\xd8\x98\x9d\x0f\xe6D\x8f\xf5\xf1\xba\x01\x00\xc30\x8ed\xfaE\xa6\x92\x96\xafh^\x7fO\xe2\xef\x19\xed;!\xc8\x7f\x01\x00\xa7\xe4/\xca\x97F\xa5\xf3\xdcW\xf9\x99]\xbbG\xfa~\xff\xd4\xb6m\x10\xae\xdeq\xb8\xc4\x08\xdf\x0f\xa9"\x18\x03`\xa1:R\x8c\x01\xa0Z\xe2\xe17{=\xcbtZ\xc9\x1d\x1a\xc9:\xffs\xc9l3e\x1b\xa4\x1b|\xe8\x0e\x08\xc0\x1dc?\xcf\x9c\xb2\xf0G\xa0\x86X\x94\xeb\x95\xd5=\xfe\x18\x1d\xf3\xfe{\xbb\xf6o\x1e\xde\xc8Rt\'\xf5Y\xef\xcf$f\x00\xe0\xa0\xf1\xbb\xf5\xc5\x8bwL\x99}\xbd\xed\x16\x93\x80S\x0c\xe9\xd9\x8c\x1c\xfb \x1e~n\x07\xc0\x14\x0c\x1fd=\x03\xd7\xfe\xba\x91%\x14)ukf\x9c\xc0\xfb\xccf\xe1\xd6M\xf6\xa6-\x85\x03\xf0\xa4\x0c\xffVm\xf6\x97^^9T\xf8\xaa%b\x13\xf9[\x08-\xb5\x0cR\x93\xcd\xe7\x8ezO\xb7^F\xfd\x18B\xf8\x05\xa3\xac\x01\x00\xb0T\x9d\xe6\xb0\xf7s\xd4}\xb3N%\x94\x12\x84\xaf\x8c\xce\x95$oI\x12\x00\x8e\xb8\xedjc\x97\x97\xe5\xeeA\xf4\xba\x01&amp;\x01\x00r,Y3\xa5\x7f\xed{\x8b\x80\xd1\xb2t\xc3\xfd\x06\x802\x0b\xf0\xce\x0fvp\x9bm[/F\xc9\xfc\xf99\x96\xb3\\fl\xd7J\x00&lt;\t\xc5/\x98\xdc!\xa2K\xf9\xfb&amp;2\xa4\x8b;\x88\xd8Ad\xb7\x93\xf9\x0e\xd7\xcdv\x99dk%o\xfb[\x04\x86\x1do\xf3@\xe6\xec\x8a\x00L\x88\xf8cp^Oq\t\xb7\xc5\x94\xc5\xadz_\xe56.\xd6\xbb\x92\xbe\xe5.\x1a\x1c\xdfV\xd9\xa5\xf3\x07\x8eF\x99q\xb9\\\xa4F\xd8?\x95\xdeT\xdd%\x84K\x08D\x9f\xbe\x9d\n\x00\x80\xc6&lt;oy\xea&gt;T\x89:\x87//\x90\xc7\x8c\x1ec7\xdd\'\xefgZ\xc3\x16\xe6\xb7\x10\x00\x16q\x06\xa0\xf7hW\x8f\xff\xdc\x8dG\x08\x91qY%\xaf\xb5X\xc5\xa6\xc6\xe5\xc9C\xc6\xb9q\xee\xc2\x962\xcf\xc6.vE\xfb\x10\x1b\xbc\x91acgW\xbc\x8a\x10\xe8\xfb\x87h\x00`&amp;\xaaC\xc72\xb2\xec\xdf\x19n.\xb0\\\xe2_\xfe\xd9=\xf3%\xdad\xab\xfc1x\xe2[\x07\xe0\x18\xf6H\xfa\xb2\xedGo\xba~\xf3\x89r\x1eHD\xec\xd5\xec|\x9c\xef+\x9b\xc3\xe0\xd9\x90\xfaO\xbd"\xb6\x9a\x01\xa8BD\xf4\xf7\xbb%\xd4\xd6\xf1\x87\x88\xf2Ze&lt;\xb9\x11g\x99.\xecc\xe7\xf2d\x1b\x94Y&amp;\x91\xeb\x19Ou\x00\x1e\x01\xda}\x86\x9e\r\xaaZ\x00H\xca\xcc6 \'3\xe7H\xe2\x8e\x14=\xaf\xff\x91\x17kj\xb1\xe6vvu\x18&lt;L\xf0\\\xac{\x89\x87z2\xf9=\x9f\xa4\xc0l\xde\x1f\x9c\x08\x12\x8e\xd7\x93\xe8]\x00,XF\x83w\xc4\xb0;\xa5\xda\x0c\xc0Vl \xf3\xbe2\xf9@X\x1e\xeb\xd8\xe70\xf3\xbb\xb0\x00\x9c\x0c\xa2@\xf4\x19M\x15\x99\x81\xb8d\xf7\x95\xfd\x00El\x83)\x06&amp;\x7f\x89~6\xb6n(&lt;\x06\x00N\x80\xe24i\xfa\x9f\xac\x89\x99\xcd\x9eI\x88\x03v\xd0\x03\xb3\xd0\x82\xad\xdb\x00D\xf4\xde\xbaU\x00\x8014\x8c(\xa2\xf7\xb2\xbc\x0bO\xbf\x8c\xbf\xa4D\x00\x1a\xfd\x9b\xd5\x07\xe2m\xd8\xfdo|\xe0\xcbT[\xf8e\xec\xeb\x02p\x18\xcd\xa3\xda\xf2\xc6\xa7K\xee\xb5\xc2\xa6\xa9\x9fi#\xe4\xf9\xfc\x91\xf5\x8b~\xe5\x99hU\x8d\xeeS\x84\xe1a"\xddc\x10\xca`\xc6\x00@\x03\xd9k\xa3\xec\x82\xbe_`\xfbh\xdcn\x1c7\xc7\xb9\x1e\x8d\xe7rL\xb1\xb5\xa6\xaf\x88\xa7osQ\xf4o\xa8U\x92\x85[5\xee\xc9\x1e\x1b\x00C\xfa\xeb\xa6\x9d~\xf3M\xc59\x86\xec!N\xbf\xaa\xef\xb5F9\xbb\xc7H\x9b\xfcM\xc5\xb3\x1a\xd3\xaf\xb6\xec\xad\x1f\x80\xa1l?D\xf9\x97AY\xbd\xf4G7\xb5%\x84b\xc4~\xf98Q\x962s\xa6\x8f\r\xef\xf8\x86V\xe7;\xc3\xd4g\xc6g\x00\xc0T\xb4-\xd7\xd0\xd7K\xa2\x92\x8f\xc1#\xbcs\xb8\xea7\xc2^\x81\x83xH\xe2\xf5\xa8\xf5\xa4\xa7\xfa\xe1\xa1\x0b\x80\xcd!\xa7\xf7\xf7\xe7\x8f\xc9\xcb\x85\xc7\xb2\xa9\t3\xdc\xe0\x95\xce\xdd\x17M\xf2].\x11\xd1\xbbn\xa1!S\xa7Y\xa2|\\\xcf#\xc0\x83\'\x84~\xf8\x8e\xba\xf4\xab5O\xb4\xa7\xdf4z\x8d!\xc2\xab\x97&amp;qL\xfd\x8d \xed\xcd6T\xdf\x19\xbcJ\x04\x1e\x90j\xba=6\x1f\'\xfa\x05\xa5|[\xc5\x9e\xf7j\x1a%\xb7\xbf\xea\xda\xf0\xa6\xff\xa0\x9f\xba\x93vV\xfa\xc9zBc\xe3\xf8\xe7\x91\xcd\xf0\x8bxp\xd7\x00\xd8)\x87\xfd\xe9R\x9e\xea7\x0f\xd6\x8f\x83\xd4\xf5|5ah\xb8\x157\xd5\x1b\x05\x16\xc2\x1b\xe5\x98{Q\xb6(\x7f_S\xb2j\xd1\xaf\xbe\xc4$\xc6\xcd\x19\xc7\x08\x00\xdb\xb2\xc3\xa0\xa0;\xdb\xaa13\xe7\xfb\x91\x03\xd9\xfc=1\xf5cv)\x9aB\xd5\xcbkJ\xfb\x9e\xda\\]\x10\x80\xb1\xf4$\xb6\xd9 \x19+?\x92\xa0\xa9\xd6\xcc\xebT\xcc\xc9\xdc\xad\xd6\xa6\x98\xdej\xbd\xf1\x8a\x91z\rM\xb1\xba\xfbr\xed\xeb_\x0f\x90o\x01&gt;\x1f\x9c\x92\x86u\xeafOj\\\x15\xa1\xb9\x7f\xf0\x87\xee?`pF\xd2\xa5&lt;{-\xfb&gt;M\x83QK\xdd\xc2}\xb7\x0b\xe3\xe7\x82D?\xa2C\xe4M,sr\xca\x98\r\xc0`\xaa{w\xf6w\xa8\x9f!_"\xf56\x0f\xcf\x19\xcd&gt;\xdd\x1a\xf0\x0e\xbf\xa3\x1e\xc6\x1a~\xea\xa6\x00\x8f\xc4\x0b\x03e]\xae\xff\xe4?\xaf}\x89\x06\x92\xf2\xd7\xb4\x89B\x08\xdc\x1fygJZG\x91\xf2\x8a^}\xca\xb2M\x06w\x89\xfe\xe7.\xdf\xae0\x99\xef\xf6\xe9\xb6\x0b"\n\xfe=\xed\xfbn\xed`+7ZEl\xf9\x9b\xf1\x9a\xb4K\xd3_\xa1\x07`_\xe6\xc9S\xd8u\x06O\x00\xe8z=q\x9ev8\n}\xa6b\x7f\xebfu\xd0\x82\xd8\xb1\xcb\xee\xacq\xbb=Mt\x1bpV\x88\x88\xe8\xb7\x8c\x936J\xd2\x00\x03v\x08\x00\xd4z\xcb;\xb8\x8c\xaa\x06\x97\x05\xfe]\xa2\xae\xeaN]\x9e\xe8d\x96Y\xd18P\x19\x00G1sWnX\x93\xe9\x9c\x01Hf\xb0\x8a&amp;_\xe1UR\xe3\xa8\x80\\\xf7\xcb\xeb\r\xd863\xbb\x9fi\x91\xac\xde\x0b\xb71\x1b\xcfE\x0c\xcf\xccr\xcb\xf3&gt;r\x00\xce\x8eqpZ\x1c\xc4\xf5P\x1f\xaf\x1f^\x13\xa2\x9c\xe9q\x053\xb8\x91j\x92k\x91\xe0\xdd\x16\xbe.\xf1\xed\xe6F\xb3&gt;s\xfd\xd8\xa6\xdc&gt;\xa7\xb1\xbf.\x05\xc0\x14T{+\xed\xf5\xca\xa3\x94n[\xab\xa7\x19\x9fQ\x1d\xe3\xdfs\xb1F\xfd\xfbq\x94I\x9d\xbe\xbb:/\xc9\nw\xa8\xe2Uo\'\x7fk\xb1\x00\x1c\xc0\xce}\xf9}\x84\xf3\xde1\xb5da\xb4\x9eQR\xb6\x97\xf9\xa4\x8br\x14\x15\xe3\xd7\xa6\x12\xf9\xc3%J\x8a\x0e]\xfb\xb2\xefB[\xce\xf7\xcd\xe14\t\x1f\xdf,\x17\x00p\xa5\xdf\xcb\x18\xeb\xbb\x14\x19\xfd\xdf\x9e\xbb\xa0U\xbc\x0b5Z\xb1\x7f\xd0o\x8e\x83\xcc(\x8b\x91\xd9\x8aSvI\x91\xe3\rl\xeb\x9aR\x08\xbf\xeb\xe8G\x0c\xc0\x8cP\x08\xf4\x1d-\xb5\xc2\xa0\x11E\xbf8\x17\x9b\\%\xf2\xae\xd8ZR`\xea\xde$\xe8\xc4\xaey1\xd3h\xed&gt;\xab(^\xee\x8b\xfb\xd7\xe3\x1fX)\xbc\x81\xf6\xdd\xd6\x97\x008\x07\x8b\x13\xf7\x8e\x84e0\xb5\xb9$\xad\xe4Ok\xaf\x1bWi\xf0\xed\xdby\x83\xaeu\x8c\xbe\xf7\xacz\x18\xdb \xcbCQ\x9e\xcd\xc0\x90\xacH\x82\xdb\x07\'\xa3\xf9\xa5\x85J\x16,\x8c\xc62Q\xca\xcfX\xde\xc6\x93\xa4}\x8a^\xaf4\xd2}\xe7O\x9e\xd9\xe97\x7fH\xe3$k&gt;\xf2U=&lt;TU,\xc7\x1fm.\t\xc09hX\xfd\xac\x15Xf\xe5\xf1\x82l\xf2\x12^\xf3\x14!\xc8y\x96"\x88\xd5\xd2\x10\x9f\xfay`\x17ai\xab\xb6Y\x97x\x89\xcb\xc7\xe3\xcf\xfa\x134&gt;_\xb8u\x00|d~?\xdc\xd3\xed\xe4\xa3;\xf0|q\x16EJ\xa5\xb5yI\xe3H&gt;\x8b\x03X\xeeO]\xa6p\xb5\xb9\xf5\xed\xa6QT\xa3r\xa5\xba\xb3\xee\xa8\x1d\xf2-r\x05\x00\xce\x8a\x92qS\x84]Z\\EO\t\x87\xd3\x10\xabF)u\xd72J\xb6\x15\xcb\x0e\x82\xd9\x177\xb7\xd4Qn\xb4\xba\xb4e\xc9-\x10\x00\xc0\x83\xb0tf\xeb\x1c\xf9^K\x11\xd8a\xcc\xef\xcfF\xa0b\xd3n\x83p#E\xdbY\xbf\xb6\x9e\xc7\x80\xec67\x8aIz\xf5\xb6\xa6\xce*.\x1f\xdbzN\xd5\x02\xf8~\xf0\xec\xc4\xeb\x0f\xd1\xc9\xde\xf4\xb9\xac\xfe\xcc\xd9\xd6\xd9#\x9c\xc2\xff\xdc\xdd\x86\x81\xe2\x9f\xb6C\x02\x10B\xc7\xdbD\xcf\xc6c\xb7ROl\x1e\xdb.\x87\xb73\x11\xbd\xf9X\x0b\x00\x00a\x02_\xb0`]C\x9f\xc6\xe0\x0c}\xff\xa6\xbaC\xa3\x8be\xce\x9b^9c\xf6*f\xe0\x99\xe7\xa9\xe04(\xdd\xf4\x8c\xdd\xf7\xee\x83\xa60\xe3\xc1\xc8\xbaJy\x8f\xcb\xbe\xd1p]\xa5\xc6dChPcSqP\xdacw\xeb\x0f\xd9\x07\xc0\x032\xb6\xa7\xc6Ce\xa0\xd8\xaa\xba\xf8\xa3W3}s\xbf\x19\xb9U\xbd\x12OH|\xcf\xe9C\xf1\x8b*\xbd\x7f\xad\xc0r\xbe\xba\x9d\xab\xcc6\x84\xc0\xf3\x07*2\xb9\x8a\x98\x01\x80s\xd0\xbehKb\xaeT\x1f\x87\xce|\x8a\xad\x1ekl\x102\x10\xa3\xfa\xe7\xf1\x07l\xc7\x08!\xd0/\x14\xca;\x9f \x11\xfd6\xfe\xbc\xf8\n\xf2\xb5\x9b(\xcbJ$\x7f[\xd8\xb2\x125A7\x04`/HI\xa6lC\xa1g\xb04\xf8\x8b\x0em\x9b\x13\xbb\x9e6\x074\t\xeb*\x8a\xc1b\xfbM\xb9\xb2\x8a\xd8\x98\xa5\x97.\x95\xb7\xf0\xd3\x8amgyp\x00\xf4\xb2\xd1\xb8Z\x8f\xe3\xf3c5M\xc0\x1a\x00\xe4K\xd9\xc9\xb1\xda\x07J\xf3\xe8}\xf7\xe4\xa3VR|\xecz\xe0,#\xab+\x8aT\xab\xac\xa1\xc5,\r\x80\x87\xe2\xda\xcb_\xbd\xb1\n\xe3X\xbamE\x0e\xdd\x1e\x1c\x0b\xbd\xe0\xfd\x9b\xecS\xfb\x11\xc9\xb2\x06\x9b\x1b\xd2s)j\x06a\xef\xc1\xa2\xa2g~9\xf3\x93\x02\xc0\x84\xb7\x0b\xef\xdc\xe9ueX\x8b\x1d\x0b\xd5vq\xd9\xd9I\xdb\x13p\xe5\xd1\xa9\xdb5\xab\xd8\xa6o\x10}^\xb8\xf7\xbd_\xb6\x85\x02\x00\xe6\xc7\xb5\xaa\xcb\x9c\xfcqH\xa0\x86Qu\xc2\xc6D\xd8\x982;\x1e\xbd\xb1\xdc\xbdp\xbe\xb2\xdf\xf7\xfa\xc0(\xa4U\xff\xc3\r\x03`CFu\xed\x8d\x16\xb5\xf5eb\xadb\xbf\xee&amp;9\x96\xf2\xcd-\xd3ySU\xbd\xafl\x13\xdbT+\x17\xe2i\x93=\xb7g\x17\xf7\x1fo?\x00pz\x06\xef:n\xa6\x8e\xe8\xab\x1b\x8cQ\xde\x0e\xec7\xa9\x93l\xf7r\x94\x19\xef\xb7\xc8\xaf\xe9\x95\xaen\xd7 \x9d\xc2\xb7\xf6\xbc\x16\xe1\x08\x00\xe0\xa1\xd8\xa7+\xc7\xcen\xcf\xf1#\xad&gt;ge65`=\x16\xe71o\xab\\5i\xb1U\x1d\x1bi\xf6g\xe99YwbJ\xbe}\x87\x16F)c\x03\x00\x8fL\x96\x9f\x0e\x11\x15\xee\xaf\xbeTw \x0f\xa4\xd90z\xff\xa1v\xb8To\xb6\xee\xb1\x91\x01\x8d\x9b\xc9\xff\xc4\xf4\xd7+Iu\xd3\r\xcb\x89\xd3\xf6U\x00\xc6\x13\x0f\x1ev\t\xa5\x1c]\xde\xb5\xf8\x1d\xd2(\xef\x9ed\xa3\x16g;l\xc4\xfez{\xf7!\xae\xff\xdb\xba\x01\xd1\',\xc5&gt;\xd1\xba\xbf\xf2\x15\xc66\xa9\xbe\x8cK\xf7o\xf3!\xf1\x07\xcfB\x9a\xb3\xf7\xbe+\xc2G\x11\x9b\xf0\x99i0\xfe\xd4^\xa4\x88v\xedrb\xaa\x85\xff\xfc]\x1d\x85@\xf4\x19\x8dZUK\x86\x14\x03`\x16,\x9b\x9f\xa7\x86&gt;`{\x15\x83\x1a\x90\x84\xe3\x03\x19\xeb\xcf6u\x8d\x99\xa5\xae\x95I\x8bg\xb7\xdb\xf0\xd8\x03\n&lt;\x1a\xdc\xd2\xcd\xce\x06t,\xad\xd4bX\xdbh\x8c\x97\xb6\xec\x85\x9b\x95\x0e\xdcG95\xcb\xd2|CE\x97\x13\xcf\x96.-\xef\xa4\x19\x03\t\x02\x00x\x04\xf6\xec\xc5\xfa^\xdc!\xa4\xceB\xd8\xde\x10\xaa\xc4\xe5\x8dwus|\x9eWt\xecWI\xbed\xc7\x95\x027kiS\xea\x95V\x1aY5\xfbs\x0fj\x01\x006d`\xe2\x9cxL\xee\xbc\xb2.\x1c\x8f\x19\xfa4\x93\n\xa3%\xb1I\xfe;jQ\xb4\x03\xd5\x00 \xb6\xb9S\x94\xae\x9d\xe8\xd7\x0etv\xac\x18I\xb6\xdeo]&amp;E\xd1Q\x94\xb6\\"\xc3\xec\x04\x01\x00\x9c\x86\x9fk(\xd3\xe3v;\xd9m\x1c\x891\xa3\xb9b\x87c\x95\xc4\xb6\x89\xb2\x9c\x0f!\xfc\xf7\xa6\xcd\xf6\x19\x92\xfd\x9f\\\xc8\xb9O\xa7|\xf3$\xb9\xa4p\x9e\xc9i\xb8\xce\x80`\x00NG\xc3R\xac^x\xec(\x88\x17[\xc6\n,\xcf\x0f_\xd3\x98\xca#\xe8\xb6x\xbc\xa4\xe3\xae\x1azWY\xfd~\xac]]O\xb6\xea22\xd53\x05\xe01\x91V66\xd4\x18\xfd\x1f\x8ac\xe9\x0c/\xea\x9e\x96\xdam\x8f\x1d%\xfd4k-\x17J@\xfa\x0cs\x83\xbb\xc2d\xb5 \xb3\x87Q\xc8\x8f7\x8d\xbc]\xc1\xfe\xbc\xe0\xd5\x01\x10Y^\x9f\xd84\xabe\xb7\x13\xdcB\xc6\xcd\xcd\x87\xdf\xb2d\xdb\x01\xd1\xaex\xf1\xc9\xa2\x9a\xc2m\xd3\x9b\xe8e\xfd+W\xe2T\xec[}\xd3\x11Q\xbe\xb4\xd6\xffN7\x8f\x7f\xad\xfb{j\xa2\x00xR\xb2W\\\xb6TT\xbe\xa7a\xacX\x97\x96\x9d\xd9g\x98\x97\x1e\xb6Z2:\xb3\x81A\x92v\xce\x0ck0(O\x8e0\xdd\xb7\x1aI\xbf\xb4_#\x00 g\xc9\x7f\xdb\xea\xf6\xaan\xd4\xabmo\xee9\xd3o\xb4\x7f\xb8\x1dM\xbc\xc1S8{\xc5k\xb4-\xed\x92w{\xda/`\xf6\x00\x1e\x0f}\xb5W\xe9\xf1D\xf4q\xa9\x90Q\xf6T\x0b\xd8\x95\xd1giB\xecV}\xdf\xb5\x96\xbdB\x1f\xde\xc6\xdc\xc11m\xba*XU\xad\\\xd2;pHg?Y\xde\xe0\x9d\x96!\x00\x00p#\x1eE\xd2\x08d\xcf\x12\xbd\x89\xee\x0b\xcd\x8a\xd8\xb1\x8c\x15;JV\xf3\xdc\xcb\xa7E\xd5A\xb5\xdf;K\x1e\xb4Z\xa0\x13\xa9\x0bUke\xc6\x1b\xb3\x19]\xf2\x90\x9d*\x00\x1e\x9f\xeb\xe8\xf8|\xe6\xfc:0\xa9\xb8d\x10\xbb\xdfnDqu;\xcd\xc7\xa0\xdc\x11Q%BT$\xb7V,m\xa8\x951G)\xe3\xcbK\xdd\x05\x00\x00\x1a\xd7\xc1x\x9bw\x9b\xabd\x07\xb2\xe4b\xfen7\xec\xff\x98l\xf0"\xba\'CIW~\xba\x05;\xeb\xf3\xde/Q z\x91QZ\'\xa5\xb0\x03W\xc0\x008\x86aS\xfb\r\x946\x0cH\x97\xe4wv\x89nbk\x87\xe2\x08\x87\xe5\x99n\xdb\x84\xd5\xbfh\xa1\x86\xb9:\xc5bK\xd6\xb3\xae\x1f\x10\x00\xc0\xe9q\xf5\xe0\x81=\xde\xabW\xbb\xdae\x86#\x06t\xe8I4\xd6\xcb\x0cZq2\xdfZ\x8b\xd8Q\xe1\xb6\xc8\xfa\xb9\x8a.56\x1b\xd4\xd5#\xde\x86}\xb6g\x00\xd8\x0f\xe3\xe6\x98t\xb2\x1c\xbd\xf6\xc5V\xa2\x0f\xf0.\x01-u\xab\xc2Ui\xf9A\xacH\xaa\xdb\x13\xfc\xec\xd9\xf4\xdd\xb7\xb6\xe9a\xa4m\xe1\xb0\xf8\xbe1L\xb8\xa3\x0b\xa5\x15[nU\xdfE\x00\xe0\xf1Q\xf2\x1a\xa2\xafo\x13\x18\xac\x9b\xba\xbc\x17V\xc4\x9a\x0cP\xdf\x11T\x8a\xe9;\x8amn\x82\xdd\xed\xa8.\x864+\x8aE\x11Q\xdb\x13l\xd1NTv\xa4\x86;\xb2\xb7s\xb93\xd4\xa2\x8e;CYcz\x85\x020\x1b\xd9J\xeb$}\xba-\xd7Sx\xb1*\x96\xf2\x00`\x96[\x8a\xaa-\x834,\x17\xb4\xd9\xc3V\xa2\x14\xbb\xb4\x0fn1\xe1f\xc6\x9e\xa9t\xd5A\xdb\xa3H\x19\xb4\xa8(\xc0\xe4\n&amp;3\x01\x98\x83\xcc\xf1=\xea\x94\xb7\xea\xf2\xb2@\xe8\xad\x1e\xd7\xad\xafD\xd9\x96\xd1\x14c\xaaf\x18\xb5\xdb\x1d\xf3\xed\r]2ys\xfb\xec\xad\x19W\x1b\x0eWJDD\x7f\x12kD\x00\x8ca\xfb\xa1[\xf1\\\xfa\xa5,\x8d\xedw\xc1\xde\xd5\x7f\xbd\xee\x0e\xa4\xbe\x8f\xdf\x9e\x8d\x1b\x8a~\x04_\xbd\xdd\x80T\xdab\xc5b\xcdM\xfb8\x8d\xa2%\x1d\x7f\xc1\x14\x80\xd3\xa0\xa4\xbd\xd9\xc9\xb7\xd9\xcb\xa4\xed\xc8\xf2\xe2\xecR\xd6\x14\x03\x02\x00\xbf\xcd\xf0g\xfb\x85WU\x8f\x92\xb04I\xe2\x82\xaf+`\xcc\xaaZ\xb6~"\x08WW\xae:-\xe75\x1a\x04\xc3\xdd\x83g\xc4\xba\xe8Q,\x1c)\xc9\xec\x90\r[;^\xc7\xa1\x14\xcd\x02\x80.\xd6[`\xe7\x85\xf2!\x10\xe5\xa1\xd1k?\x139R9=\rbl\xcdQA\x1d\x80\x87E\x1a\x19\xb7\x04\xf0#\xb4\xc2Jf\x1dl\xc3o\x94\x07\xdf\x13c\xe0&lt;\x96\x81.\xafMT\x1c\xf2\xd8\xf0g\x7f+!\x0e!\xd9\x81Rx\x07\x10W\xc0#\x10\'z\xf1I[\xdd\xbaL%\x8b\xd4u\xe4&amp;Y\x0c\xaaq\xb2T\xdc\x00{C\x0fs\x97\xd1\\d\xba\x8c~\x123\x00\xd8\x0f{\xa7\xefY@\x08E*\xd7\xf6\xfaM^\xa6#C\xdcz\xb4\xb7\x19\xb6\xfaDg\x9556O3\xb5by\x8b\xba_u\x85\x06=\x9d\xb2\xbb.QG\xd8\xbd\xf8\xae~\xa5\x00\x9c\x18}\xe0\xed9\x1fgT\x87\xf0^\xca\xae\xafW\xa0\xbe\xff\xb1\xfa\x8eZ\x9b\x14\x07a\xdf\xb0\x94\x07\x00\xdb{/;?\xc7\xacq\xbaDqm+\xf5\x82"\x00\xdc\xf7\xbd\xf9\xc2=v\x01p\x12\xec\xeeiP"\x96\x1c\x972\xbf\xf6\xb8\xd9\xb7\xd2\x14DD\xf4\xb1\xd5\xb6\x1a\x18\x14\xf3I\x92kC%\xe2zF\xfd]\xd4\xfd\x96_J\xd7&lt;V#e\x14[Yl\x8a\x00W\x0f\x9e\x9abL\x16\x05\xee\xc5\xb6Pm&lt;\xb9\x0f\xfa&lt;\xa0AZV\xcb\x1ck\xdd{*\x16\xed=\xe5{b\xdb\xe2\x88\x07\x06HF\x0b1\x01\xa0(\x03o\x0f\x9e\tmH\x0b\xe5):\xf6\xea\xb2T\xd9\xd0\x05\x18\x8c\xd9\xd4\x07yuI\x9e\x8al_\xdc\xb5\x1b \xbbD\x87\xb5AX\x18\xf1&gt;\xf42(\x1a\xf4\xe6\x89&lt;[Qu\xfeX\xd5\x01\xcf\x81\xd4\xcfG\xed\xa7\x89z\xa5\x81\xa7\x8e\x7f]\xa0\xdb\x80\xdc\x9e\x0fuIh\xd3\xdb\x89\xe4U\xfbc@\x9e\x11\x8f\x88(\xb7\x83\x8e\xeaIg\xb0\x85I\xc9\x06""z],-\x97\xbf\xd9r\x13\x00\x93B\xff\xac8C\xd4\x9fT~A&amp;\xf3.\x961\xa0{\x17t\x19\xc9\xea\xf6\xacK\xa4y\xf9\xc5\x19\xa2:\x9d\x8a\x18\xad\xb9\xf4\xb6E&gt;9\xde\x05\xf2\xfab\xb5\xa4vk\xc5\x99\xd7\xb4\xa5\x05\xccr\xa5\xdch\xaey\x06\x00\xa7d\x8b.\xcc\x8d\xd81\x19\xa5]\xfbF\xaa6\xbd\x01\xfa\xf6\xd6\x8ao\xc9\x93\xf7\xac\xc0\xd7\xd9E\xf1\xcf\x8e\xbf\x94\x14K\xaal\xdcP\xe5JNQ\xc0\xb8\x11\xb5\xe4:\xf1G\xbb\x19Kk#\x18\x00 \xc2z\xa5\xf8\xa4%5;|\x8c\xf5\xaf\x89\xad\x8e\xa9&lt;\xef\xbcA\xb6p)\'\xfe\xdc`:\x8d\x98\xb5h\xf2\xa5I\xa1\xda\x1a\xcb\x15\xc9\xf9\xb6\xedK\xed\x99\xa6\x00p\x00Gu\xee\xf3\xce\xa6-\x8b\xce\x0eiw\x0f\x93e\xeb\x16\xd7SFD{\xc9\x9b\x96\xe2^\x0c\xcf\xe5\x80\xbf\x1ea\x0c\xb4J\x89{\xfa?\xa6_!*\x80\xa7 q\rr\x99\xdd\x06\x83e\x00K\x05^o+V\xbd\x95\xdd\xee\x97Tc\xa4|\xdf\xa7"\x0e9\xebISE\x97"/\xecf\xac\xa5\xe1\x95i\xd0\xab\x129\xed\xf6\x8f\xcd\x00\x008\x01\xfa\x9a\xaf=\xf7\xaci\xb1\x8c\xf0\xc6\x02\x14\x1dH\x03x\xdaQ\xcd[+\x97\x19\xbb\xd0Q\x95\xb5\xd4\xf5\xbe) g\x15[\xed\xd9\x04\xcf\xecSj\x17\xb1\xff\x0c\xb0\x0e\x80Ya\xfb\xb7\x9e\xa8\xae\xc5\x0c\x93\t\x9f1N)\x99\x01\xb3\xba\xfa:\xd9zwt&gt;\xcf\x97\xcb2\xaa\xd8\x01Q\xdc\x95_\xc7KI3\x87^\xc7\x1d\xcdz\x17\x00\x1cF\xdb\xa8\xd0\xfd\x912$\xe3\xd5\x83\xb6\xe18\xf9\x04\xffj\x1d\xb7&lt;\xc2\x04\x00Y\xc8\xef\xf2*\x95\x8e\x8b8\xc4\x14\xf6\xee\x96\xef\xd3\xfel\xbb\x85\xa8\x0b\xb9\xfa\x01\xd1\xc7\x8d6\x10\x80]\xb0\xf4\xf2\x81n\xd1\xa8\x8e\xad\x18O\xcf-\x8a\xcab\x96=LW\xde\xa7\x0b\xe9\x91 \x88\xfd\xbda]\x94{\xdd\xed\xe4\x8f\xd1\xcc\x90\xce\xdb-|\x93p;DD\xf4\xc7j\x06\x0f\x98\x854\xc3\x85\xa8\xf53\xdb\x08\xf1\xe4\xc9\xd2D\xf7\x90&lt;\xceh\x00\xf6g\xb8\xc3\x12\x93\xf4o\x19\xa8d\x13\x8c\xad`H\xb4\xdf0\xc0\x18\xce\x7f\r\xf1\xaa\x94b)f\x17\xdeP\xac\x81\xbb\xf3\xd560\x88&gt;\xb34\xa6\xf6\xe0\x88\r\x00j+%\x07\xfbLb\x00\x18\xc6\x06\x01\xe0O\xb8\xb4\x87b\xf7oH\x0e.\xe5w\xec\xe4\x80\x91\xa0Y\xfb\xab\xca\xcbY\x8d\x97K\xb6)v\x0b\xeaR\xd5\x03\x9e\x94q\n\x10/\x89\xc4\x1f\xfb\r\x88-1\x16#"\xa2w]\xca\x97\x07F]K\x1c\xb5\xdf\x87q\x80\xc0\xf5\x83S\xe2\xed\xdf\x8b\xcb\xe6\x8b\xf9\x15\xc5\xfe\xfa\xbaOK_\xd85\x9c\x94L9;\xebM\xabK\t\x0b?\xa9\x94\xec\xbf\x05J\x8f7\xcd\xa0\xb3\x03K\x95\xca\x8c\xe1\'\x04\xfa\xd9\x03l\x0b\xc5\xbd+z%kF5\xdc\xf0\xf4\x08\x80S\x12\x8f\x848%\x0cr0\x08f\xff\xc2f\xeb\n\xeff\x11\x9aJc\\\x7f\xe2b\x18\x87\xdb9\xeeE\x9f%\xfb2\xdaR\xaf\xb7L\x9b\xea!\xfe\x92\x9d\x93\xb5\xd9\xa3_\xfd\xf3z\xef\xd5\xea\xb6d\x0f\x00\x9c\x1b\xd7:@\xd5\x1b4\xe7\xa1\x92aB\xf9\xb5\x8c\x1e\xab\xd6U\x82\xd6Q}\x88\xf3m\x99j\x0c\xfar,/\x9cQgj\x166TGW\xfd\x96\xd4f-\x99m\xde\x05%\x00\x1e\x16\xfa\xec\x01k\xf1\xd5\x02\xaa\xe3\xce\xafRDr\xdel\x0f[\xf1\xee\xf7mR\xcc\x0cO\x84\xedS\x8a\x03\'\x01\xc1l\xb6[l\x93\xa7.\xed\x89\x85\xd47B\xe4\xb6E\xfa\x0f\xc0\n\xd5R\xec0n\xccH9\xa6\xb83A\xaf\x90\xf3J_ny\x9b\xf8\x0f\xba\x91\xdf\xa3+2\xce\xb4\xaa\x05"Y\xb1\xff\xb2\xd4\xbdK\xc8?\xc6\xe6\xe5a5U1\x84\x81s2*`\xcb\xaf+\x9c\x92\xe4\xa17\x08\xc0\x8c\xa8\xcb\xa0\xc9\xd8\xd1\x9d)\xd1\x97T\x14\xf5-\xbc\\\xeb^\x84\xd8\xc0\x8fuA\xa9\xd1\x92\x1d\x06\x7fG\x93\xb0\xd2n\xff\x97\x8d\xf1w\xea\x0f:)\xdf\xf3\xb0\x14-\xba\x01~\x81|B`\xf1\xfef\x15\x08\x01\xe09\x88{:\xfd\x07\xd1u\xeeiR\xacw\xcdp\xa5\xabt\xcb\xdc\xbf\xd3 M\xd1\xd2ij\x03t\xdf\x99\x18(\xd0.\x8d\xa2\xe6\xb5[0\xaa\xa9\xd64\xbc\xef\x95*k\x95\x9a\xdd\x14\x02\xd1\xff\xf6\x0b\x06`&gt;\x8c\x83JZ\xee\xd8\xc1\x1d\x9a2q\xb3\xb3\xd1\xe7(E\xe1\xe2\xcc\x17\xf4\xbe&amp;\xd4\xd6\\\xc3\x03O5\xc2I[/a\xaf%\xbeXuv\xb0(\xca\xfe/\r\xc8f&lt;\x16]D\xf4wks\x11\xe9$f\x03\xe0d\x18{\xac4z\xf2e\x811FE\xf2[\x07\x95\xbc\x13\xa09\x02\x9b\x8fpWif\x94pG\xb2O\xbc/\xeb\xb1\xa4\xb9\xa6Q\xe9\xfb\xa7%\xa5\x85\x1d)\xb6\xf5\xa8\x16\xea6W\x05`c\\=\xfb6\xeb7d\xcdD\x81\xe8\x1d\xbc\xf2\x8d6\x8c\x15XSW\xb1\xa1\xd3\x15\xea\x95\xcb\xbc\xbb\xb0\xa4Y\xb9\x8fQq\xce;wIry\xfa!v\x15\xec3j\xcd\x1ev\x98\xd9\x02p\x04\xde\x9eM\x16\xf7\xbf,\x13\xc7U\xfc\x861k\xf7\xc5\x92\x8b*\x81\x19\xf9\xd7\x83\xaf\xb9\x1d\xbf\x93\xe9.\x06\x8d\xffX\n\x91\xb1!\x07CD\xf4\xbdI\xcb\xf4\x88r\x9d\xb7\\e\xca\xbbJ\xcbJ\xe1\xbf\xc13s\x91.,C\xe3r\x11\xcb0U\xec\xa5\x97Z\x82\x1dD4D\xf5\xf5FtQ\xa44\x84,S\x17K\x14,\xe6\x97\xa2b\xa7\xe4oNN\x85\xe1\xee\x86+5"=\xfd-\x14\xedwW*\xc6\x8e\x01\xc0\xf1pk\x0b\x83\x93&amp;6\xdb\x8dOV\xd5\x91j\xd5\x16\t5\xbbv\xdc\'0\xfd\xd8.\xa7\xcf\x8c\xb6Z\xc5O\xb7\x1a\x97V\x86g\xdf\xdf^\xaa\x18\xf1\xe8\x99\x19\xa7\xa5[\xfe\x17m\x1f\x18\x80\x93Q_\xdeq,\xc2\xe4{qZ\x01\xc3\xea\x01\t\xbbvT`\xb4P\x87\t\x00C\xe4z\x0c\xd8\xa8\xb0"\x84\xf5z\xf46\x03$\xaf\xc7\x96\xf2M\x97Xu\xe5G#R\x7f\xb2H\x83\xfb\x07O\x87\xe2\xc4\xebqE\xf6\xec\x99\x10V\xce2R\xed\x01\xc0\xb2\x14\xeev[q\xf9\x17[\xe4\xdf_\xb3\xa9J\xab\xddX5\x82n\x84\xc9\x1b\xd6R\x01\x97\xb4[I\xf9\x89\x08s\xcd\x8a\xb4\xba\xc6\xa8\x10\xd5v\xe01\x03\x00\xe7C\xe9\xb5/\xe9\x93\xc0;8s2Xu|7\xdeh\n\x00\xf1\xee\xb4A\xbf\xb5\xb0&gt;\xc5i\x13\x1b\xbf\x88I\x7f{\xff\x97\xa0(\x8b+\xf4K\x9826Qb\x95\xe6\x9bb+\xd6S\x8d\xfb\xdbDK\xb9\x06\x03\x86M3\x01\x98\x87r\xc0\xaf\xe7m\xee\xd25*\x985\x16y\x91\'H\x03&gt;J\xffC\x08?\xaf\xb8$\xa9\xb6\x98\xb7\x1e\xbf\xa5^x\x88O\x10\x9d\x9a&lt;Q\x18\xa2\x82CH\xdeq\x00\x00 \x00IDAT/\x99\x1e\x8frz\xa3\x02\x00\x00`$k*}\xfb\xf8\x07\x97\xa1\x19\x8f\x7fa\xbd\xc2 ?=\x8eG\xfe\xdfP\xa7\xd5\x8a\x1f_x\x95\xaeZ]\xcdgR\xdd\xdbyUhds\xe9\xff%\x8fY\x8d\xa6\x94\xa6\xd9R\xf9\x19\xfc&amp;\x15\x07\xa6Z\x9c\xe9\x96\x159\x8b\xe4\xe6\xabk\xb1\x11\xba\x008\x01\xa5[l\xced{\x86\r\xeb\xe2,\xc6\xb4[\x9bVl\x1e\xcbkPL\x97\xb9o\x07\xb2\xea?\xdd\xa8p"\xe2yI\xa77\x1c\xe8J\xf5\\\xa1\xa1\xa2\xb70\xe67\xe0\xc4P\xfa\xfd)u8\t\x12\xfe\xa6.\x9f_\xc6\x11T\x18\x02\x80\xa6M\xad\xd8\x1a&lt;\x16\tU\xc9v\xf9\x99-\xfd\xe6\x8dB\xf3t\xfe\x8c\x9b\r\x93\xcb\xc7\x98&amp;c\xb5\xd9\x12\xfbP\xb2\xae&gt;\xa4\xc1\xe7yv\x00\xb8\x89\xfb\xae\xec\xe3~53\xc6\x8a\x83!\x968}\xa8\x96\x97\xa5#\xbfq_\xd7f\x89\x18 e\xdf\xf4\xce\xc5\xaa\xd4?\x9f\xc1\x89(&amp;X\x02@\xd1\xec\xf5\x06\xe7\xb3\x01\xbd\xdaZ}\xd5\xcbj\xcc,\x8a\xa3BO\xd41\x9e\x04\xe0\x04X\x12\xb1l\x8c\xb9\xdc\xb4\xb5\xa4\x7fV\xce\xdaA?\xa7}+x\xd3T.\xf7M!\x10\xbd\xd3\x84\x8ec\xacg\xdc\x1ago|\x91\x1e\x00,\x9d\xb0?\x84\x00p\x18D\x1b~i\xa5aD\xc4\xb1\xc7\x95\x0cR\xbb\xba\xe4ciLy\xb5s\xa8+\xf1\xb5\x12w{\xb4\xa6Z\x06I*$\xa7ZZ\xa7Py\xb3+\xfdA\xa9\xe8\xd5(&gt;\x91\xa2\xd8\xe2\xf4\xc3\x96\x8d\t\xc0\x10^P\xafR\xf8\x8e1j\xb21D\xcb\x7f\\I\x8b@\xf6\xc7T\xa4_X\xb9\x04\xfe\xd7WtM\x97K\xf6\xa38\x97\xecrV\x98\xe2\x17\xf3U\xc95\xa5\x97\xf0R\xc6\xdcKdP\xa9a\xe0\xaf\xcb(^\xb5\xd1\x87\x86\x10"\x0b\x89\xe8R4\xaesJW\xac\xd7\xd7\xaa\x97\x1a\x07\x90w\x90\xcbr\x97\x97\xcb\x85\xb8_UBH\x00O\xca\xd5\xad\xbc\xb1V\xc6x\xb2\xd9\x806\xe1\xf4\xd6\xca\x0c D\xab\xcc\x92v\x97\xa9\xfa\xd5,\xd3lP\xa1\x0b\xbf\x1d\xf7\x8bcU\\\xff\xff\xb7\x8c^\xb1\xf5\xf2b\xc9\xeaJ\xf7\xacK:\xcf\xafdj\xf30\xf5\x8d\xd5!\xd6\x020)\x1b\xf5\xed\x81~-\x1d\xc6C\x04r\x97\xd2\x05\xe2&lt;N\x18\xb4[\x02\x80\xb7\x96\x91\xed\x9cTU\xa65\x18\x17K@\xe6}\xe0&lt;\x84\xdb\x95\xca2E\xf9\xac\x01\x08\x00\xe0a\xb1\x0f`\xaa\xad\xdb\xa6\xe3\xea\xef\xf3e\x9c\x96\xe8c\x8f\x9d\x1c\xe8*,\xf7\xbb\xcf\x80\xbf%\xc5\xe3\xa4\r\x92\x94\xc8\xac\xb4\xff\x91;\xc3\xe2\xa5j]\xaf\xaeH)"\x01xJ\xde\xe1~`\xef\xfe\xd5\x80Q\x96w\x8d\xae\xd2\xfb,\x03\x94\t\x0cq\x01[\x0c\xb0[\xd2 \x84\xe8\x18\x7f\xe2k\xe1Y\xfd\x1dIk\x83\x96\x00\xd0\xac\xf4\x13\xe7m\x10\x00\x06P\xf6o{\x8f\x97\xc6\xde\xf0\x01\xa3\xc8\xcb|jq/K\x99M\x0cc\xed\x91\xce\xef4\xc3(O\xb2%\xf7J\xe4-7\xee\x9d\x92\x0e\x07.\x1eL\x8e\xfe\x16\x90\x89\xdc9\xfa\xabd\\\x84?J5\xfc-\x8eR\x1e\xef\xd4\x8a\xf9\xc7\xb5b\xfc^I\xcfP\xe7\'\x1f\xb7\xf9\xc7\xaa\x92\xd5\xd0\xf9:\x8dn\xd2\xf2?\xfb\x02\r\xff0:\xf66\xec\xd8\xe5\xe8s\xa3\xeb\x85M^\x10\n!\x14=\x16\xf1\x00\xccF{\x00\x88s\xe4\xa4gGN+u\x9a\x97\xf8\x83$S:\xd6\x07O\xe2+kf[.E/\\\xdeO\xc82\xed\x1e\xe4\xfa\xbebnAY\xf7.\xf1r\xb9\xe7\xd4D\xd5\xd8J\xa9\xe5&amp;{B\x08!\xbc\xa4\xd8M\x8d\x85\\\x8f\xad\x19\xf7E3\xa0j\x1b\x85@\xf4\r\x06\xc3\x19ii\x87\xcc\x9efj\xa4\x07\xfd\xc5\x9eZ]fc\xa9M\x14\x00s!\x06\x80Z\x15\xbd\x00s\xf2\x7fy\x96\x8f(\xfb\xa8\xb8{\xe6\xc05&gt;\xb7\x1b\xcaK\xab\x96\x94%\xed\x8do\xbc\xea\xcd\xaf\x1b\x8c\x91D\x95f\x10\xbdT\xb7V\xd1.\xb7X\xa5\xa2\xcdZW\x8dD\x11\xc2\x0081\xab{\x12V\x87%\xde^]\xcbV\xd49\\R^\xd1l\x9c\x99\xf5\xc6\xa3\xf1\xecUTs\xc7\xb6\x8c\xdb\xb3\x17]\x15\xd5P\xb8\xc9u&amp;\xcb2$\x7f\x85+\x7f\x94\x8c\xa8&lt;\xf6,g\xe8\xbej\xd7\xd9.Ew\x8a\x9f\xf8]ES\xe7\x04`\x06\xdcK@KoO\xbe\x96j\xf3\x03\xff\x8b\x17x\xab\xfc\xa9J\xcd?k^\xd6H\xed\x18\xbe\xb4{5\xf5.\xf5\xd6\x06\rk\xc8z\x85\xcb\xc5\xb4\xac4\xf2\xe6\x88\xe8?Z\x0b.&gt;\x8f5R\xef\rQ\xf1[$\x95\x1c\xe3%\xf5\xb9\xb1\x1aI\xc5\xb2Z\x15B \n\x17s\x13\xc5\x91#\x9a\x11\xde\xa2\x13\xfd\x8d@\x94/\x8b\xdd\x1e\xbdg\xcdm\x93}\x06\x00\x0e$NB\xdb\xf2P\xa5\xf2\x92k\x1b\xe54h\xf7\x8aZ.|\x97Y\xda\x97\x18\xe4\xf7\xe7\xf1#\xaa{\x96\xbf\x0cMT\x93p\xd7\xabj\x97zG\xb9^\x17\x97kn\x8drV\x11\xd4.z+i\x90\x06\xc0\x83\x90\x8d\x04\xbb\xef\xaa\x16\x8c\xd7\x16\x9a\xcd\x93d\x8e\x91\xe6_,\xee\x17\x92W\xe7n\xca\x12\x83+N\xb6\xaa\x97\xfe\xdfR\xb27^-2#\xed\xd2M\xc9\xf6\x0c2b\xd0b\xdaRw=(U\xb4\xdb\x08\xc0x\xb4% mH$\xafX\\.\x97\x8b%\x89-^\xdb(\np%\xfbG\xe6\x10\xae\x1eJZ\xf1X\xf2\xd9\xec\xea\xd8\x9f\x03\xbbV\xbd\xdc\x96G\x12\x99\xcbbT\x10ZL\xd1{1\xac7\x11\xd1\xd2[\xa4\x92v\x8dq\xa1\xf5\x80)\xaf/\x94\xad\x1dO\x16o\xea&lt;\xd7\xb6\xab[+\x13\xf7\x8d\xac\xf7\xae*B\x08[\xfe\xc2.\x00\xc3(\xd3\x99j\xf9\xed\x9ct\xcft\xden\x94R\x8e\xbd\xb98\xd1sh\xe9h\xa7\xb8b)C\xf7\xbf\xf1\xa7\xefkS\xcf\x89\xeddi\rJ\xbb\x9cKGef#48\x1b#\x973\x7f\xc6c\x80n\x83S\x12\x00\x13\xd0\xe0\xa7\xd8\x99\xafX\xa6\xf4\xa7.e\x1e{,\xc6\xfc\xf7\xfcR z\xd9r\xd5\x92P\xeb\xca\xd2E\xb3\xa4y\xd9\xa5\x8f\xaa\xc1!}F\xfa\xf3Z\xfd\xec\x06KRCHc[t\\\x94\xc9\x16\x8b\x94\xe8\xab]\xb2\x85\x04\x17[\xa6@\x00\xec\xcb\xd8\xde\xac\x8b\xa2\xc8\xa35\x0b\xb1\x1b\x90\xbc\xe6\xc1\x16~\xd1\xba\xaePf\x91\xb7\xc5\\\xee\x07\xa2-\x06_%\x19\xef\x94]\x19\x0f!\t\x00Y\xd3)\t\xaf\xf1$W\xccRJ\x97P\x0f\xc6\x99\xe5\xf6\x1e\xd8\xdc1\xaaQ\xd3+\xad\xcd\x0c\x00\xce\x81:Z\xbe-\xbbF\xe9\x04_\x15\xfbF\xbb\'j\x1bd\xf1P\xb7,\x80\xd0]\xdd\x95o\xe4DQ\x08\xf4uZu\xef%\xbe|\xe6\x13\xa3\x93\xd2\xd4$\x8bU^ut\xab\xa8i\xc9ky\xeeB.\xb3J\x8bo\xb3R\xcb\xb9\xfe\xe6\xb5\n\x80\xe7Eq.z\xf9&lt;m\xe6\xa4)\x8an\'\x05\x03\xaa\xce\xc8h\xe4*S\x16U~\xb4g\xa6\x16\xed\xae\xc2\xec\xdcE\x99O\xb8\xacT&lt;&gt;\xa5x\xa4.\x12\xbe)\x16\xd5c\'\'\x9c_&gt;\xaaj\xe1{\x9d\xe7\x16\x11B\xc0\x13a\x0c\x00\xf7\xdc\xff\x9b\xecb\xd7\xe3\xaf\xb9\x9e\tD/\xe7\xd2\xdbo)\xabd|\xb2\x9a 7\x98\x94\x9d\'\xfa\xe5q\x9c\x8b\xce\xfb\x96\x9b\xaf\x07\xaf\xac\x99\xb1\xdc\x8b\xc5\xec\x1e\xe2\x1b`|\xb4\xb31\xafEY\xfbo\x82~q\xf2\xb1\xd3\xf2\xdbA\x8f\x94BZ\xb5\xd8\x9eO\x07\x80)\xd0\x87\xab~\xc9\xeeV\xbcC\x9aR\xf9\x1b\x8dG65\x8e\xb5\xdb=\x99\xcbe\x10\xd1?\xf6:&amp;[\xb1\xe4\x8c\x1a\xf6L\x86rUnM\xf4I|\x9eN\x85%\xdex`w\xc1\xcc-\x93v\xd5\xa2\xd7~,\x9d\x01\xe0A\xc8\x17Ljk\x08\xe5\x19\xb6n)\xb9,\xbc\xd1\xa8\xca}SvSB\x15\xa3X\x8b\xd1\xf1Z\xbc.0\x12[Y`Y\nm\xe7\x8cr\xc7\xca\x9d\xcfLJ\xcd\xd3\x85\xb7?\xf0lA\xb2\x88\x07\xf4\xc3\xda\xc4R)Y\x08x\x88\x00\xe0\xc1H\\\xfb\'D\xe7\xe3\xff\x05_o\x0c\x00C\xad\xad\x15\x90-\x19ej|\xd7lu*&amp;\x16&amp;\xb1\xdf\xc6\xa5\x9ce1.\xef\xae\x1a\x9c\x1d\xd8Q\xaah\x97\xdeV\xabB\x14&gt;\xca\xa3\x9d\x84[`:\xa4\xd9\xc2\xa8\x8c\xb2\x97\x90_\xe8\x89^\x00\xcc\xc8-\x9d4\xac\xffH\x0eT\x18?\xef\xee\xca\x04\xa5\xe3\xba\xf1Q\xbeFj\x96*\x050\x8by\xd5K\xb1\x87"\xfa6\xafL\x0bJ\xc8\x11J\xc6\x07\xf5h\x94\xb4d\xe1pKW\xcb?\xf7\\`9_\xd4{\x9ap\xbeb\xb3p\xf5\xc3$=\x89\x85l\xa3\xb0\xa6n:\xf1\x02`\x18\xfc\xfaF\xb34\xd9w,\xfe"\xf3\xe06w#{\xd8h\xf2\xd1isl!\x1b\x00\xb2\x15\x8f\xec\xc0\xae+\xb3?\xb3Ao\x8a\x8a\xfc\xe8\xa0&gt;\x07\x8an9\xc8\xcf\xc2x\x7fc\xfd]5\xae(\x15GY\x92\x86(\xf7,\x16\x01\x00\x9c\x80\xbaO\xe1\xe6\xceJ%\nJ\x16\x96\xaf\xad\xbf\xa5XWuYH\xdf\xb1\x96i\x1bo\xec"\t\x11\x11}w\x19\x12\xb6\x1b\xd0\x8b\x82\xaa\x9e\xbbI\xdf[\xb6[\\W\xc9v\x19\xa5E\xf5[\x81\xf4\xb8&gt;Q\xab(\\\xedw\xa1\xcd\xd5\xb23j\n\xb2\x96i\xd5(\x99\xc1\x18\x06\xf7\x0f\xce\x88\x9e~F\x19k\x8b\x90\x86y\xb1\xabJ\x96\xd2\x1a\xab\x84\xe2v($\x81\x81u+\xfdc&lt;\x93\xb6\x1e\x7fa\xfd76(&amp;\xb2\'\n\x00V\xeb\x84[K\xce\xafJkrL*u{l\'\xa5\x94\xbc\xcd\x0c\n\x81\xe8W\xea6\xd4\x85,\x8d\xdfT\x1d\x80\x19I}\xca\x7f\xe2\xcb\x14\xee\xcc\x92\x81\x1aU\xbf\x87\xb9plj\xaf\xeaB\xa0E\xa6+\xfc\xf8\x853\xb5\xca\x14\xd8\xc8R\xbd\x9c\x03Q\xca\xa24^m\xbb\xd6\xfa\x9f\xdc*VfLd\xb0\xf6zU\x16qYk\xb3\xd6 \xa2wd\x13p\xf1~\xb5\x06\xc9$\xb4D\x118~\xf0\x9c\xa4\xab\xa5\xack\xdaL\xf5\x90\xac\x93\xdd\xb4\xf0|\x8c\xcf\xdb\x03\x00\xe3\xd7,5\x13!\xb6b\xe9\xc1\xea\xfdSG\x9f\xd9V\x9a\x94\xed\x82\x94\x91#\x13\x92\xff_\xb9\x97\xc4*\xd3\x8d\x99i\x90Y]\x9c\x04\xe0,\xb8\xff$\xa4N6\x96\x96\x9fE_\xce\xb2?\x95\xce\x8b\xe2\xe5\xb7\xdb\xe6E4O\xb8G\xf6c\xb8\xe7\x98\x8e\x1f\x9bg\x7f\x9c\xff\xe5\xbe\x90f\xfdq\xfb\xbb\xfbK\xffPC\xf4G)KA\xdfs\xff\xd5{A\xdd\xa5\xa8\x98\tY\xff\x96\xe8]\x8c\xbdq\xdc\x7f{\xb3\xc6W\x19\x04\xe6\xbd\xfar3\x98\xb82q@\xd9-\xdd\x01`\'\xc6\xf6iv\x19\xbd\xaaE\xc9.c\x99&gt;K\x84-;\xee\xa4Kp\xe2\x1a\xea\x85\xb9\x04\xd9R\xcblL\xae+\xbb\xa1\xed|\xd6:\xdb \xd2\xb7\xb5\x99\x89\xe3\xfd|y\xa9*!\xd6\xc8\x17\x1e\x9d\xd1g\x01`\xcf\x89/\x00c\xe0W?\x96\x9e=T\x91}\x84p\xa1"\xb9\xca\x96i5\xac\xae]\xae\xab\x85(]i\xdc \xd5\xbf\xd4.E\xbb\xaa\xd2T\x8b#\xfa\x0e\xc1\x1e\xa4o\r\x92\xacJ\xb5*\x95\xa3\x05\xf7\xac\xc7\xc8\xa7\xe8e*\xb7D\x00\x8eb\xcd[\xb9KqV\xdb&lt;$3/\xd99&gt;\xcaD\xdbe\x9b\x9e\xa7W\x93\xd6\xa20\x1f\x00\xe2+w\xbf\xf6Ii\x81\xbcyu]\xff\xb0P\xea\x8c7\xa6yO\xb5V]Q\xf1q\x0b\x87\x98\x85\x8a\xf2jv\xa0\x8b\xaa\x9el\x88\xbb\xc62\x00L\x07\xeb\x98n\xe3\xed\xbd\xb9\xc2r\x1a\xe5u\xcdl\xe9\xc2\xb12\xc3\xbbm\xb0e\x95\x16\xfdv\xab\xa5B\xe5\xd2\x04\xa7\xdd\xd38\\;0\x8eI\x08\xb1\xac\x96\xaavo\xab\xee\xe3\xf1\x94E\x9e&amp;i\\s\x15mK\xd1\xffl\x81\xb2\xfaX;\x01\xd8\x03\x8fS\xd2\xca\x93\xe1\x17\x05,\xc2\xf5\x93\xae\\\xcf\xa2\x8e\x88\x88\xbeJ1\xbb\x9a\x1b\n2eg!8\xf7\xaa^z\xbd\xa8\xeev\xfc\xaf4\x81U\xe3\x1dQ\xd0\xd9\xf6\xdd\xbdB\xfb\xbd\x87\x06K\xa8\x98Qe\xbe\xdb\xd5z\xe5\x13\x</t>
        </is>
      </c>
      <c r="E128" t="inlineStr">
        <is>
          <t>&lt;class 'numpy.ndarray'&gt;</t>
        </is>
      </c>
    </row>
    <row r="129">
      <c r="A129" s="1" t="n">
        <v>127</v>
      </c>
      <c r="B129" t="inlineStr">
        <is>
          <t>steps_per_sec</t>
        </is>
      </c>
      <c r="C129" t="n">
        <v>1900</v>
      </c>
      <c r="D129" t="inlineStr">
        <is>
          <t>10.12971</t>
        </is>
      </c>
      <c r="E129" t="inlineStr">
        <is>
          <t>&lt;class 'numpy.ndarray'&gt;</t>
        </is>
      </c>
    </row>
    <row r="130">
      <c r="A130" s="1" t="n">
        <v>128</v>
      </c>
      <c r="B130" t="inlineStr">
        <is>
          <t>Loss/object_center</t>
        </is>
      </c>
      <c r="C130" t="n">
        <v>1900</v>
      </c>
      <c r="D130" t="inlineStr">
        <is>
          <t>0.5613942</t>
        </is>
      </c>
      <c r="E130" t="inlineStr">
        <is>
          <t>&lt;class 'numpy.ndarray'&gt;</t>
        </is>
      </c>
    </row>
    <row r="131">
      <c r="A131" s="1" t="n">
        <v>129</v>
      </c>
      <c r="B131" t="inlineStr">
        <is>
          <t>Loss/box/scale</t>
        </is>
      </c>
      <c r="C131" t="n">
        <v>1900</v>
      </c>
      <c r="D131" t="inlineStr">
        <is>
          <t>0.5023267</t>
        </is>
      </c>
      <c r="E131" t="inlineStr">
        <is>
          <t>&lt;class 'numpy.ndarray'&gt;</t>
        </is>
      </c>
    </row>
    <row r="132">
      <c r="A132" s="1" t="n">
        <v>130</v>
      </c>
      <c r="B132" t="inlineStr">
        <is>
          <t>Loss/box/offset</t>
        </is>
      </c>
      <c r="C132" t="n">
        <v>1900</v>
      </c>
      <c r="D132" t="inlineStr">
        <is>
          <t>0.29058495</t>
        </is>
      </c>
      <c r="E132" t="inlineStr">
        <is>
          <t>&lt;class 'numpy.ndarray'&gt;</t>
        </is>
      </c>
    </row>
    <row r="133">
      <c r="A133" s="1" t="n">
        <v>131</v>
      </c>
      <c r="B133" t="inlineStr">
        <is>
          <t>Loss/total_loss</t>
        </is>
      </c>
      <c r="C133" t="n">
        <v>1900</v>
      </c>
      <c r="D133" t="inlineStr">
        <is>
          <t>1.3543059</t>
        </is>
      </c>
      <c r="E133" t="inlineStr">
        <is>
          <t>&lt;class 'numpy.ndarray'&gt;</t>
        </is>
      </c>
    </row>
    <row r="134">
      <c r="A134" s="1" t="n">
        <v>132</v>
      </c>
      <c r="B134" t="inlineStr">
        <is>
          <t>learning_rate</t>
        </is>
      </c>
      <c r="C134" t="n">
        <v>1900</v>
      </c>
      <c r="D134" t="inlineStr">
        <is>
          <t>0.000535</t>
        </is>
      </c>
      <c r="E134" t="inlineStr">
        <is>
          <t>&lt;class 'numpy.ndarray'&gt;</t>
        </is>
      </c>
    </row>
    <row r="135">
      <c r="A135" s="1" t="n">
        <v>133</v>
      </c>
      <c r="B135" t="inlineStr">
        <is>
          <t>train_input_images</t>
        </is>
      </c>
      <c r="C135" t="n">
        <v>1900</v>
      </c>
      <c r="D135" t="inlineStr">
        <is>
          <t>[b'512' b'512'
 b'\x89PNG\r\n\x1a\n\x00\x00\x00\rIHDR\x00\x00\x02\x00\x00\x00\x02\x00\x08\x02\x00\x00\x00{\x1aC\xad\x00\x00 \x00IDATx\x9c\xed}y\xfc\x7f\xdbT\xf7:\xd7P\xddx\xae12O\x95\x90K\t\x89\'2\xa7\x84\'S\xc9\x14\xa1\x92\xccD\x86\x92\x07!\rJ\x19\x93\xcc\xf7R\x86.\xc9|\x15"\x92\x90Y\xeec\x88\x87\xe4\x86\xc7\xcd\xfb\xf9\xe3\x9c\xb3\xcf\x1e\xd6\xde{\xed\xe1\x9c\xcf\xe7\xf3\xfd\xae\xf7\xeb{\x7f\xf7\xf39g\xef\xb5\xd6^{\xed\xb5\xd6^\xe7|\xce!R(\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n\x85B\xa1P(\x14\x8a\x00\x00\xc1|\xa6\xe5\xf3\xce\x01\x10\x00\x80\x90\x94iU\x81g\x19\x80\xb4\x10\xe5\xd4z\xd1lG\xa3\x10f${e&lt;Y\x8cf\x8fQ\xfe]\x0b\x13\x02D_h\xe8+\x19\x12\xbe@f\xe2F&lt;\xab\xd3\x0cb\xd7V\xbe\x87\x13\xba_\x98\xec\x1e\x8b\x93=\x92\xe8k\xcd\x1dI\xedU\x00\x18\xd1\x1c\x06\xee\x8e\x87\xf5\x91d\x1b\xfc\xf1\xfc\x01\x0f\xa2\x8e\x93\xb1G3\x9a\xc3\x92\x8et\xa7\xec\x9azOj\x92\xf6\xab\x8d\xeb\xe8`o\x1dQ_Q\xbe\xb3\x13\x9d^2\xed0\x00d9\xb5\x06\x80\xb6\xee\xdbcJ~\xbd=Y\xdb@\x8c\xab\xea&amp;\xe5\x9aXO\xda\x8e\x01\xe0\xa1\x01\xb54\xc9\xbe\xb1\xe7h"T\xe8\xae%:.\xd8\xa1\xe6m\xd7\x86E\x98\xcd\xf8\xef\x17\x8c\xf2\xc3\x90\xdc2/&amp;\x9ct\x15v-l\xe3\xfdC\x1ei\x96NE\x1a\x04\xbc\x02\x85\x0b\xa7t\xc7p\xbc\xe0\xab\xf2\x02\x99\xc6{\x85\xa31\xa7\xcb\x14l\xc9\xd4b8\xfb\xbe\x97\x01\xf7\xe4\x1b\x13\x01\xd7=xE\xc7a\xc2a,\x00\xe0\x1b\x05\xa4\x9c\xaf\xa8_5[^D\xc1\x9f\xaf\xb8\x9a\x12\x115k\xf9\xf6\xb9)\xa0V]&lt;\x1b\xbb4\rc\x13\x0c\x1b\xf3\x1b\x97\xfe\xc2~\xd8Z\x80j,\x92\x1f\x90\xd0I\xa0|\xfaG\xd7]\xa1\x01\xc0\xef\x95\xe0&gt;q9:\x9a\xf61.\x80ql\x8b\x9b\x18\x86\xf6\xa5\x01\x10\r\x95\xab\xda\x96j%\xac\xc1\x02 OU\xbc\xe7\x1d\x86aY\xc1QRD\xb05o\x92\x16\x96\xda\x11\xc0\t\x9bq\n\xe7\xbe\xd6\xc43q\xd5\x8e\xd8\x15\xf4\x13\x8c\xfd\x0f\x07\x8e"\xed\x7fq\xd2&lt;\x88\xca\x12\xc5\xa9m0\xd9)\xeeGcm%\x00\xa2sO\x1f\x87a\xf8\x9da\x18F\xfd\xb4y\x95)p\xd6\x9a\xe7\xb0\x81\xf7o\xd9\xa1\xb04an(!\xf37c0\xa0a\x98\x1430:6E\x9eIF\xfb\xdc\xe0\x1f8b\xd8n\xa9\x99\x8coN"+\x89\x10\x10\x8b\x1c\xde\xf6\x82\xfa\xc5\xe9\x80\xf2P\x9dg\x1d\nL\xce\x1ej\xb5H\xad\x15\xfb\x0cF\x92\x99\xe7\x06Y\xeaJ\x10\xea\x01\xf3\x08\x8b\xf7X\xa6\xb35;F]\xa9\xfd\xd6V\xfa\x9c$\xec\x9a;;I\xde\x18CS\xdc\x19\xc5\x9a\xe3\xb1\xedWb?q\x04\xb0\xdd\x0e`\xb0&gt;\xf0A8ym\xdd\xea\xebw6E\xedi\x03l\x9fZ+xWV\xf8v\x9bK\x94\xed\x89\x1cE\xbb\x89S\xee\xb7\x11\x0e\x199\xc7\x1c\xe6\x14r\xd9\x96\xef\xb0\xd2Z3\xfb\x8f\xcf\xb7\x19\xb3\xd5"\xa5e%\x01\x88\xf0\xa7\xa6z\xed]\x87\x9b\xbe\xdc(O\x04\xc0\x0f\x97\x08\xe6a\xdc\xe2\xf4\xb4\x87\x7f\xf3\xe9\'\x88\x8fn\'V\xfb\x99E\xfb\xc9\xe9;\xac\x13\x11j\x1e^\x9d\x14U\x91B\xfa\xda\nbA\xd8\xa1\xf0\x80\xe8\xf54\x99\x87H]\x17Z\xb8\xec\xee.\x1a\x00\xf8\xd7v"}\x84)\x8d%\x8d\xec\xac\xd5\xe8_\xd3#\x02&gt;\x91\x9e;\xf3\x93\xab\x9e"\x95+\xd3\xc8\xd0W{K\xe9\xc3v\xe9A\x1b\x9a\x1a\xfc\x95\xe7\xfd\xe5\xd6\\g\xf1\xeb-\x14o\xc8\xf5t\xae\xb0L\xa5C\x93Ql\x94\xdb\x92\x83**\x906B\xe1\x8f\xc5\xa2f\xcd\xd1\x8d\xcdn\x8e\xc5\xea\xb7\xd2\xcfYm\xb0\x86_\xc8\'\xdd\xed\xec\xeb(\x98\x1b$\xb2\xcdj\xc8\xc6\xbb\x85J\xf7\x9c\xbb5\xb3\xe1d-\xcd\xde\xde\xa6\xba\x8a\x00\xb0\xf4\x9d\x04{v\x03\xff\x18\xcde\xa4\xf8E\x02\xd1\xe5\xd9\xc6&amp;(\x96\x98\xf2\xc8\xe2{\xf3\x92`\x89s\x16\x8b\x9aQey\xf5\xa2\x13f\x18\x00p%\x93:du\xd4+\x1a\x1dS\xa4\xe3\xa7\\\xab\xa1w\x0e]\xc0b\xfa\x9f\xae\xf4\xe6\x15]\xe4\x00\x11\xee`\xbb\xb0\xbe\xe4\xfb\xc0w7l\x9b\xf9\xdf\xa2\x11d\xd5z}qPIG\xeb\x1d\xaaw\xb6\xf6G\xf5&amp;\x183yg.\x98x)6d\xd1\x1a|-\x93G\x1f\n\x02M\xce\xd9\x98\xf9*\xeb\xbb\x9d\xc4\x07\x8a\xc4\xae\x9cI~]\xa5\x02?\x18Spd%x\xbe`jILc\xb9\xfc\xe5}\xac\x8e\x8b\xb4\xa9\x96\xfc\xaa.b\xb7\x06$\x99#@\xc07\x96!\x94\x13/\x92\xe7oc\xa7\x92%\xbb\x1d\xfa\xa6\x8e|\xe36?\xe3\xdc\x04&lt;pc+\xda\xbd\x99\xd6\xc2(\xe8\xb5\x91\x90\x99\xeakm\x80\x14&lt;\xb2{\xa5 =\t\xaarI\r\xc7&lt;&amp;\x9f\xfed=Y\x96QA\x8f\xa5\x17\t&lt;\x1d\x9e\xb7\xaf\x01\x80\x0b\xa8N\x83\xf8,t\x96\xc4\xfc\x9d3Z$\xec.\x04\xf0\x94\xf5\xe6\xc0S\x9dL\x1e\xc9\xc6\x97\x9f\x0f&lt;\xfa\x80=u\x16\x10o\x16\x9d^\xb5\xfb\xc2\x8at\xe78\x02q\xd7\xc9%\x92O,u$\xa1\xf7Y\x8e\x07\xdb\x8b\x16W\x05"\xe0\xfaYIR\r\xcc:L4(\x97\xed\x8a+\xdb"\xabI\xa7\x01\xe3\x92n\x1a#EV\xdeT\'-\x88\x80[\xc5\x06\x9b\x8eU\xc5\xbcV^\xe0\x95\xb6\x98\xad\x02\xb18\xdbb$\xb8\xef\x9e\x16\x1b+\x10\x96q\xb6\xe5{\x94c\xea\x8a\x00\x08\xd7\x0e\x0e\x12\x01\xbfK\xf32. 5\xce\x84u\xa1\x12\x00p\xce\xd0\x1e\xc2u\x91\xa2\x9c\xfc\xca\x8b!\xa0\x86\xfb%\tqxy\xb4\x80\xc6\xe1O\x8b\xe9g\x91\x1b\xfb\xdd\x80[\xa4Uj&lt;\xfe&lt;A\x05S,\x87e\x0c{\xed\xe2x\x0f\xfe\xd6\x1a:.\xc1\xec\x16\xe1\xa7M\xe3&amp;\xf9wq?\xael[\x0f&lt;\x96\x80?+*\xe6T\xe32\xc9\xdc\xe88\xc2d\x8bE\xa5\xb4&gt;\xac\xcd\xe2\xb7\x16C\xd0F\x1a\x00\xbc\x16\xe9\r&amp;\x82\xf6\xcbq\x9b \xd1\x15\xca\xc7\xeb;\x8b\xe4p\x92c*\x86\xdc\xb8\x17!\x9f\x9e&lt;\xdbM\xb4\xb8$\xaf\xa5w\xaf\xbf\xf2\x8b\xe0\xfb\xac\x93\xa2&gt;\xba\x85\xcb\xd9=.6\xf7\xae\xda\xcf\xd63\xbb\xe3l\xcbN\xd4\x1f\x8a\xf9\x1e\xaar\x85\x05\xc1`\xaf,m\xf7\xb0\x15\xbe\xcc\xd96\xacMm\xc1\x9ay\x8f\xb7p\xcd1\xc6D\x04\xfcJ\x8a;&lt;\xbegvY\xdb\xf1\xcd~\xe4T!\xf1\xc8X*I&gt;5:\x84\x8dV#\xcdA\xeb^+siA"Io\xa5\xdcE\xbe\x1c\x0b\x00\xc0S\xd6g\xe52u\xd7B\\\xb0\xe5\xb4\xb7@\xb6\x14\xf8\xf8"T\xf5\x96\xca\xf7\xd3\x04n\xe6%K\x0e\xb8l\xc5\xfa\x8c\xad\xea\x16\xfbK\x05\x00.\xeb)%\xce\x1c\xfc\x99\xfa\x00\xc0P\xf3o\xadk\xa4\x97e\xb7\x05\x97Fx\xca\x05~sO$\x96l\xf8@t\xbe\xe0\xc8fH\x14\xaf\xf0\x83\xccF\xc76\xbc^\x02&lt;\xb4\x0b\xa1\xa3\x8aQ\xd3g\xecR\x00\xcf\x7f]\x15Dx\x83\xd5@\xb0#\x8e\xb8\xdd,k?\xebow\xa3|\xb6h\x8e\xd7\x115\xc4\xa3L\x7f\xd4\xf6\xda-\xf4\x81\xd3F\x1a\x1b8\xb8t\xc6W4\x92\x91\xd4#\xfa\xcagQ\xde\x0b\x7f?c\xca\x97ko%8\xad\xbfD\x95\x98g~\x89PvF\xd8\x87E\x17*G\x18\x93{\xda\x9d\xa6\xbc\x12\xd0|\xe4g|O\x9a$\xf2\x94\x92\xab\x05\x11\xd6M\xee?,\x9b\x04\x01\xe0\r\x00p\x8fB\xba\xc52\xd4/\x1c\xe0\xfb\xaa\x87_\xcb1~\xb1\xa4\xd0 \x13\x99f\xa5l\x16\xd9}r\xfe\xd6\xc5\xf9*k\xbd\xf2Jb5\x00\x7f\xec\x14~O\xed\xe1\x8e@\x04\x9ck\x8f\xa6mo1Z\x0f\x1e\xbf\\\n\xdeZ\x80\xf8\xc5\x1fy%\x1a\xbf\x10:_\x19\xf7\x0e\xce\x9f\x88\x08\xaf\n=&gt;\x00\xe0\xea\x84K.#]\x1b-,\x1a5\xd0\xc8\xb1\x9dw\xe7k\xe9\xf6$v#\xdc\x01 2\xef\xe9\x99U\xf6\x8f\xd2\x8e\xe2\xe1\x98E\x14F\xe5\xee\xda\xf0\x84\x92\xd8\x01\xb8\xc7\xb18\r4\xf7\x17\x82\xa9Mo/CC\xfa\x16\xe6\xdaT\x95&lt;\xb68!\xcc\xd5\xd8\xf6*\xff\x0e\x11\x93\x1a\xeb\xac\xfc\xc4\xf6\xab\x9aT\x1f\xc1,AJ\xc9n\xe0w&lt;\x16/\x113-\xd2\xb0\xa3\x04""z0e|n/\x00\xbf.\x91\xf2\x99\xebKr,\xd0e\x05\xee\n}\x05\xaf\xa3d9\x8b\xd6\x9b|\xea\x90\xca\x83\x9e \xed\xce\xd5\xac\xa2\x96a{\x9c\xd6\xad:\xa3\xb4\xbf*&amp;\xd25Uo\x99B\xe0\x94\xed\xd7\x8f4\x00Ti\t\x96\xdf\xdfl\\\xd3j:;\xfd\xc0V\x1c\x8f/\xe2\xcb|\xaf\xb1\x86\xc0\xecf\xa2@\x92\xaa\xeb\x10\x95\xa2\xda\xbe8zgT^\x04\x98\xc5f\x89\x0c"\xfc5\x93\x08\xfbxU\xd3%\x87YH\xe9T\xa6YYS \xe3k\xfe\xb8\x873W\xcf\xa1\xbcO\x8f\x1aw\x19\x8d\xa5\xaa\x03\xc2\x93\x0b;J\xe9kY\xa63V\x7f\xad\x8dcF\xc9W\xf6d\xe8\xd0\xb8\xf8\xf87J\x04\xc6\xda\xfa\xe2\t\x9b`\xfbK,\xc0~\x92\xd1]$\x99\xde\x19;\x0c\x83-\xde \'%\x84!\x9e\xa6:^\xdc\xc97\x9b\x9bZ\xe0\x86\xe0c0/\xb2\xda\xfe\xd5K\x80\xf7\xfe\x1b3\x04\xd1{\x1bC\xd7\xc9\xbc\xc5\xc8\x99V\xa2/\xd0p\xc18A\xc3{Z\x04\x8eN\xc2#\xed\xa8\xa0i\xecaD\x85I"\xe9\x1c\xf0\x0e\xa2\x1f\x86G\x1a\xef\'\xba\x82\xe9]\xc3w\x14\xfb\xa8\xbc\xe0\xab\x18\x9b\xbd\x11l\xc8\xbe\xb0\r\xb7O\x95D\x87\xe9\x15\x9f|\xdf\xf0X\xfd\xcd*-\x9d#\x98\xa4\xc6\x9c\xa3\x8c\x9a\xb0\x98\x98L\xd9\x17&amp;/I\xff\xa4gy\x93j\xa6\x9dH\x82\x80\xca\xdb\xfcC\x03y\xb7\x0e\x9eo|\x8dk\xea\x15N+\x02f\x9a\xa6\xaf\xb3;$2in\xb4/\x97\x8b\xa4#\xc60\xf6\xbb@z\'\xb5\x18\x07\xa7\x93\xce\xb5\xf3\xac\xf7g\xb9\x9d:\xe4\xdb\xa4\x91\x9e\xeb\xe1\xea\xb3i\x1a\x16\x00]\xc1\xec\xb5jpQ\xa29\xbe\xaf\xb7\x9d&gt;\xde\x90\xect\xbdMq9\x8b\xd8\xe5\xbe\x12"\xa1\xc0+\xd8\x84\xed\xe5\x9d*A\x84\xa1\'\xcb\xb4\xc5n\xab#w\x04d\xb7\xf3\x9fn\xadQ\xe3Aw-{\x14\x9eT\x8b\xc0\xb2\n\x8cpZ\xec\x06l\xce\x11\x9a\x07K\xe74J\x9d\xadCf\x80q\x8f\xbb\xa5M2\xab\xc0\x17\xa6\xf8\xda5\x80\xbf\xab\x93\xe4\xc4\xb5na:x\x08-\xc2\xae\x14\x97\xb3\xb8k\xe0\x10\x9bL\x10 \xe0\xd1\x95\x9d\xb3\x94\xdf\x12\x1c\x8c{C+6\xb8\x97F\xab\x06\xda\xdd:\xd9]\x8b\xa0\xd7T,\x00\x1e\xd7[\xa2\x0e\x88\xb9c\x92\xadp\x80\x80\x13\xb2s\x92\x9d\xb9\x91\xd7\t9\xa6xZ\xff\x00P\x8dN\xeb\xaf\x84\xdd\x97\x89\x92\xd1HD\xa4Yhka\xd2\xef\x05\x07\x8f5\x8a\x14\xdb\xa226\x00T\x10\xb4}n\xaa\x19\xd1\x8b*\x88\'\x8c5]\\p\xcfZB&gt;t\x87Ou\xdf\x0f\xb7#E\xbbW\x02\x11\xceC\xc0\x93\xdb\xc7\x9d^\x16KN\xf0f\xe7\x86\xa8\xb05\x88\x80\x17U\x0c\xcbJ;J\xbbZD\xdc\xfe\xb0\xff"d7\xb6\x99l\xcc\xf6\xb7\xe0m\xe2\x81\x08\xff\x87@\x84S\xf6(0\xef\x12Ez\xb5[U\x86b\x8bY\xdd\x04\x08\x93\x01\x10\x017\xf2\xcc+\xdbm\xb4\xb6\xdbFO\xe5&lt;\x82w$!\x9f\xc2E\xb5\xbf3}\x82\x9aC\x9b&lt;I2,\x1f\xb69\xee]Y\xbf\xb6\x18\xfc|qg\x8fH\xcez\xc9\xf8\xd9jN.\x9eO\xf4\t\x89x\xc2%\x19(\x9cW\xb5\xcc\xa5\xc0\xa5)\x10\xf3H\x03\x00\xae\x9b\x0b\xc2\x0b.m\x1fieMt\xe3\xaa^\xc25\x1eV\xfd\xf2\xd6\xb6\xe4\x1awd\xb29\xb7\xabM\xad\x8b\xd3\xb1\xc5\xf8x\x1fJ\x87\x04/-\x15nIG\xbd\x7f\x8a\xdbb6\t\x93|*\x19\xcb%\xdeX\xeaX\x19[\xcd\x8d\xc3\xd9trgC\xad$\xe4\xa9S\xd9\x1b&lt;"\xb2\x87\x14\xc9g*\x0c\xed\x8c\xf2\x9d6\xaf}\xb5@l\x9c\xa9)\x9a\x00\xe0\xa6j\xb7\xe9\xad1\xe25d\x10\xee7\xbd+\xc3]\x9c\x8eE\xbc\x1f\xad5\xb1\x9e\x84r}\x02\x00~\x8a\x02O\'\x14r\xae0\xc4N\xf92\x04\x15\t/\x03\xa8W\t\x82\xaf\xbd\xac\x00\x0c\xa2\x8d\xff\x84\xa7P\xb0\xe3\x97p\t\x9b\xbd2\xd5R\x10\x00\n\x86\xa8(\xc1\xbe\xa9\xd5\xde6\xae\x13\x00D\xc3u\xe3\xe2:\x01`\xf7\xcaN\xc1\xdf]u\xad!Th\x80\r\xc3Y*\xaeC\x0f\xc5\xf0\xb2\xf2\xa8\xa3\xb1\xbf\xc9\xdf \x97\xa8\x81t\xb4\x01\xc7V\xcfQ\x1cW\xd8Pt\x92\x84\x9dH$\xa2\\\xd6\xc5\xab\xddmk[\xe3!\xac\x9e\xc3\x01"K\x8bm\xb9\x91&lt;q[\xe9@?00\x04\xc5\x1f\xbf1\x11p\xb15\xdc_\xdf\x01v\xa17\xeb\xdf\xba\t\x92\x08\xb8\xff\xa2\x8aN\x91\xa0\x82\x02\x88\x80\x93~\xca&gt;\xc29\x8b\xa0\x8bT\xdd\xac\x03\n\x17\x88\x1f6\x04\x04c\xa7\xd2\xf2x\x03\x116\xf0Jm"\xe2\x81,fO\x10\xd3j\x8a\xda\xb5\xfc\x813ju\xa9Y\xa7n=sw\xda]\xc4\x97V\xdd\x7fWd\x17H8%M\xecD\xc2\xac2\xc7 \x02^\x1c,o\xc6\xa9\xbd\xd8]\x18\xf8b\x1f\x0fK%.\xa9\x9cl\x17"\x8c#\xc4\x87\x89\x88\x9e\x1an\x8cJr\x885\x90V\xa6\x97]\x06\xa7\xdc\xc6\xec\xf0O\xf1\xafKaiL\x00\xf0\xb2\xacl\x1d\x86)G\x97\xads:\x00d\xb8\x83\x80\x0f:\xd7{B{\x8at\x8c\x12td\xdb\x85\x9d\x1dmdu\x8aN\xfe\xa5@\x18\xe0Z[pKJb\x7f\xb6\xfc]\x07\xca+h\x13\xdf(K\xfd\xc2\xf5\xc8\xb8?\xdeoN\x87sm7B\x9a7{\xd2\xaec\xb8&gt;\x9d\x19\x0e[\xc1\xd8`\xccu\xc6\xb6\xb3i0\x02\x04\xae\xbc\xdaJ\x96\xe4\x8c\t\'7\xda\xed0\x8f\x14 ( \x84Ax-av\xe8K\x92\x98\xfc\x85L\xb0\xc5k\xb0\xafe_\xe7\xd1\xbbE4\x83U\xf90{\x85\xb2\xbb"\xc3en\xc3/l\xf3e\xb3)D\xa1\xbb\x9c\x86pg""|\xff4\xa7^\x00\xb8\x8a\xd780J\xa1\xa1^\xb8`\x1c\xbe\x905\xbd\xf6`\xed8\xfe:\x16Veu-S\x8d\x0cY\x00\xb8N\xb2\xaf"\x8f\xef\x98?\xa4\xad\xc6\x8b\x10xY\x93~\xd3\xebf\x7f\x02\x00\xde\xe9~]~/\x9d\xcf\xb59\xc7\xe8\x91\x82]}Z&gt;\xb4\x08\\\xd88u\xfd-9\x03\t\xefO&amp;R\xae\x16\xe7x\x91\xacD\xbe\xaec\xb6\x99\x7f\x04w\x8b\xe9\xc8\x0c\x1cD\xc0\xc9k\xdb\xb3M\x7f\x1f\xd6N*\x00X\xd1Zb\x1e\xa6e\xb1\x0c\xc5=\x8e7\xb2\xe9?\x00T\'3\x0c\xb5\xa8\xa5b?\x8c\xd8\x03\x93\xc8pm\xc8\x89\x13|C.\'r\x9aW\x1b}\x05Rr\x08;\xe6\x1at\x97y\x9f\xb1\xb8\xb6e\x1eW\xd7\x83\x13\x00\x88p\xcd\x9c\x84\r\xf2\xa4\xe7\xdd,\xed\x90\x1d\x00&lt;\xd8\xd9\xab\t\xe3\xee\xd4\xf7\xf5\xe3\xe7\xfb\xb0m\x14M(\xddAw\xe4\xcb\x1e\xdc\x95\xe3@R\x15\x81\xe3\x0e\x1ap\xef\x8d\xe1Y\xcc\xe7|\x9a\x1fs\x18\x15I^\r\xe0+\x8c$\xd9\x00\xf0\xca|\x08?V\x01`|\x06\xd1r\x91 \xae\xcf\xee\x9b\xbc"=\xb7\xcc\x0b\x02\x04\r\x98\xfd\xbd\xd7\xa3\x94\xfdR\x08\xc2u\xd8\x8e\xc7\xc5\xc2\xea Y\x8ai\xc7\xb7\xb4YyAO2\\t7\x01\x00\xf8\x15\xc7LY\xf1r.\xd2\xee\x1eY\xab\xbe\x7f7\t\xa3\xdfL\xac\x82^\xdb\x85\xec\xe8\xd6\xa0\xb3\xb6Q\x11\xd1g\xd6$&gt;\x82]\x1d}\xb4\xe9q\x89\xb2\x96\xbeE\xb1\xc8\xb4\x0c\x8b\xb9/\x0b\xb7\xe8\xc7\xe8\xc1\xdf\x0c\x8d-\xae]"\x03\x19\n\xe3\xe7\xff\xab~_\x06\x89\x11J\xd2\xffln\xdb\x0eCw=\x16y\xee\xc6\xa6\xbd\xb3\xac\xf5G\x88DY\xbc\xdd\x1d\xa3\xcb\xd7\xa5s\xab\xcd\x15\xe0Mq\xedE\xc8\xc2\xf4\xbf\xc8\x9eJ\xf7\xa9\xeel\xfdjI\xd72x\x83X&lt;\xe6\xca\xf9i\xddb)\x15\xc93\xd4p\x19\x84\x11\xe2\xb2aw\xc1\x06B\xd1\x19B\xfb\x90$\x05\xd9\xfc\xb7}2\r\xd9ox\xd1\x9e{\xf0=\x88\xbe\xd0\xcc1\xe4\x1eS\x15o\xf8a3bD\xb5\x88\xf8zNL\xd0\x96WPC4\x96)\xe4\x8b\xdb\xf1#\xb2nY\xaf\xea\x12\x8c\xceXG\xf5\xda\xbb\xba\xe9\xf3m\xfaQO\xf0\xb5q\x89I\x92\x15\xb80\xf9;\xafRW\x18\xe7T.\x85z\x00\xc7\xfa^}Gr\xdc\x90tVa\x1b\xd9n]\xbc\xb6K\xe1-\xec\xdc"\'\\\x93\x00\xbc\xbb\x17\xf7\xdc\xe0\x92\xcedn\x13\x0f\x00\xec#\x04\xe4\xca?\x92\xf0\xe2\x9f\xb0@,/b\x80\xc8\xbd\xbd\x15&amp;\xac\xdaD\xba(\xdf\xca\x82\xa5\x91\xac\x03S\x81M6\xe2\x0f\'.\xd2KSiY\x84\xd2N\x1cK\x06u\x88Kh\xbbw\x02\'^1\xe8\xe9\x8dy\x81\xaa\xf5F&gt;\x02z\xbc\xa6W\x04$\xdfa9\x97\xbd\xbb\tS\xa0\xabr\x9ecf\x18v\x9bS\xc6\x14c`7\xef\xe6\xed\x8eP{\xd6&lt;\xd20\x0c\xde\xd7\x0c5\xcb&lt;\x12\xa6\xe2qq0\x0cC\xc3\x9cF\xd9-\xbc\x06\xa2\xf7\x10]\x85\x06"t~wt\xc0kf\xd9\x9b\xc9\xa4=1\xdd\xac\x97\xb0ef\x1b9\x8b"\xd1. {p\xef\x16\xde\xe8\x9d\xc0-z\xb1\xe7a\xc8\x11Cd\xa1U\xe2\x8a\xd13]_\xc2&gt;\xe7\x0e\xc34\xbeT\xeba`\x15\x90\x1d\xf4\x10i%\x9b\x99\x83\xcblx\x0c\x81\xf6\x9c\xb7\xabS\xd9@\x1d\xcd}(\xd5u\x88XmL\x92\x16\x04E\xa6\x93\x89\xccs\x15\x9a\xe61\xdc\\\xf2{\xd0\xee\xc6R\x98\xf2%\xde\x1f&gt;\xb7X\xce\xb1Y\xfb0\x10]\xdb\xe9/\xe1\xee\xb1&lt;"k\xa6\x11\x92]\x11p\xb1\xc4\x9e\x8c=\x8e\xc9o\x06\x15\xed\x11\xa77\xc9\x9c\x91\xd6\xe3\xb5|\xad1\xfde7\xdaPH\x12\x96\xbc\xd9\x9a\xbeS\x18\xad\x17\xa1\tlI\x1d\xcf\xe8S\x18\xc9s\xb7\x86om\xfcK(\x88\xaf\x97\xc8\xb5\x9d\xbd\xcc\x90\xea\x1b\x87\xdf\xac\x86\xac}Dzi\xaaf\x14%\x1a(\x9e\xb2\x9c\xc0\x08\x16x\x0c\xd7g\xe9w*\xeb\x1dM\xc0\\\xaa\xb2\xb4\x9c\xd0\x17@\x9f\r\x8e\x84\xf3\x07"|\x8e\x80\xb7\xae\xaa\xf90\x00$,\xc9\xbf\xa8\x10\xb1)\x04\x1f\n\xe4\x99q\x97\xe9k\xbaq\xb4\xbbw\xe6&gt;l\xf7r\xf1\xa2\x92\xcc\x0e(\xe5\x9e6\n\x00\xf6T\xe6oG\x8eP\x88v\xf1m@\x96#\xffg\\\x86\x7f\x0f\xd6\x8e@&lt;\xbf\xa5\xad\xf6\xbb\xc5\xc4vo&amp;\xc6\x87\xf9\x98\xe1Mb\xe3\xac\xb5,\x01a_\x89\xc0B\x92\xa9\x85\xaf\x01\x80\xc5\xac\xb1+.\xea\x7fk9\x91\xd5\xf2\xd6\xc2\xa4\x03\xb8K4\xe1\n\xda\x8b.\x89\x97I\xfb\x07\xbe\x1e\xd2\xc4#{v\xbf\x8f\xed_b-[RT\nV\xa0\xa7\x17;\r\x9f\x85\x89\x08\xdf \x83%\x0c\x17\xa7m\xd696k\x94=2[\x04Wm\xa5\x02\xa4m\xd5j\xb0H\xf2X\xa2{H\xa8\t\x05\xb0\xd4n\x82\xe2hu_k\x1bK&gt;"\n\xba\x80\xbb\xf1\x8f!u\x9fH\x89B\xd6\xfd\x98\x02w\xa3GZ\x0e\xb1\x9e\x8e,\x99\x8atd\x8d\xfe\xc7\x00\xe0\x1d2"\x00pI\xc6\x98"F\xe5\xb6L\x90-M?\x1d\xaa\x89\xee\xe7\x9cu\xfe\x14\x8eB\x8c2\xc7\xeb\x0c6&lt;\x14!\xa6\xb4\xa5\xb27\xa7\xd5\x7f\xbfxa\x9f\xe5\xb2\x8d\xa8\x96#.\xdbY\xcb\xd7Gm\xbf\x96\xf3!\'nm\x12\x13rT\xca\xb5.\xda\t\t\xec\x9agAD\x7fmG\xdc*\xab\x928t^Zq\x97&lt;5\xeb\xc8\x9fn\xb8\x7f=v\xb0\x15[\x1df\xa3F\x7f\xe7e\x93+\xd8Y\x1b\x87\xb5\xe0/\xcd\xba\n\xda?\xd1t\xf9\x9b$YY\xca\xe9J"\xde\xb1&amp;6\x01E\x8c\x9e\xd5\xc1\xc4]\x1f\xc4,H\xdb\x91=7Xi~\xdf\x16Qv\x8a/\x05\x93"\xccl\xbc\xa0\x88\xc8\xc1\xc8\x8c\xe7\xbd6N\x93\xc7\x92\x06\x07:\xafG\xdb\x8fs\x02G9\xb0IX\x8ac\xc4\xde\xdc6K\x08L\xe7U\xc0\xfb\xbc\xee\xed\xa9\xad"\n{\xc6\xea\xb4,^]\x0bq\xcb\xe9\xbct\xf9&lt;\xb6\xf9\xaa\xd4\xf9\xca\xc5\xab\xe9u\x8b\xa6-g\x85\xfc\xc0\xa9\xa2f\xf1p\xeb\xb4\xe1\x92\xb8e\xa2\'\x8e\x8e\xa3\t\xba\x14\x89/\x10;\xe6:\xab\xe7\x88;x\x03v\xa7U\xce\x82s\x82\xd1\xcc\xc0\x8b\x9d&lt;\xc1\x954\xcbJNt5\x97)/\x0c\xdb\xfd\x02|\x1a\x91\xe1\x98l\x1f\x9eM\xd3\xf5\x8ew\xdf\x92\x1e\x1d\xe4\xb6f\x04\xfc\xcft\xf7\xa2\x99\x8eR\x907v\xe3?\xeb\xce\xae\\$\xc1\x86\x10\x86\xba\xef\xab\xdd\xc2\x8be\x90R\xc6]iv[\xbes\x0f\xd3\xc3o\x14n\xfc\x0be^*Q\xfeY\xeb\xe8sJ\xc8~\x85\x9b\x8e^\xd9bj/\xc5\xd1\x97h\xcch~\x03\xd8I@D\x92H\xa0\xbaGd\xec^\xb3/Nm^\xce\xba\x91\x7fb\xd8\t5\xa9\x90"1\xc1R\n\xe3n\xabv:\xaa\xe70\x91\x0fn\x83\xd2]6Jd^\xf6\xe0\x9d\xac\xdb\xd6q\xdd\xa4\xf3\x1b\x02+\x18\xb7\xa7\x02\x02\xee\xd3\xbf\xaf\xf2\xce\xda\xf2\xe0\xfa\xde\xc1\x14Y\xaeM\xb5\xe8~\xca\xe9\xe3]\x87\xe5\xb6\xe6\xa0[\xa5\x8a\xdc\xdd\xa8\xae~.\x19\xaa+ 8O1\x97\x8b(\x8a\xc1n\xe1k\xe8D\x90\xebU\x99*\x82\x08\x1f\xb5\x88|\x93\x80\xf75\x88\xdf\x04V\xec\xc6\xb04n\xb9bJ\xa9,t\xb8\xe4B\tM0\xb3\xb7V\x0c\x9dH\x0c\xb3"\xc1\x8a\xcb\xd2\xde\xb8\xdc\xda;U\xc8\xd8\xdd;\x06\xb5\x82\x1e\xb2\xe3k~r\xc3F\xd0C\x84\xc4\xc2\xf1\xbc\\\x00p\x0f[\x9e\xfd\x01i\xd5,a\xe9\xf05\xb9{tI\xa2\xf1\xfep\xb2\xd9\x878\xcd\xed\xd3\xa6\x91eg\xe7\x9b\xbb\xdb\x04$\xf8V\x8b\xe4\xfb\x08\xef\xecE\xf8\x8b\n\t\x7f=}\xb0\xe8y\xb4]\x8e\xcc\xd9\x8c\xb4\x0b\x85\xf3O+\xf3\x86\xc2\xb1\x16\xc3\x115v\xdcr(6n\xcb\xc6-\xae\x1c\xdf\xc5\x9f,\xa1\x14\xc0O\xc5E\xe54\xbc\xdb}m\x16\xf6V\xec\x9b\x89f\xb9E\xceN\x99d\x97\xec\xea\xf0\x9b\x9cE(\xb6E\xe0Dr\xed\xb3\xd6\x91eG\x04\xa2O\x16\ty\x93\x92\xd6;B"\x00\xc4\x16\x06^O\x00=5&lt;n\x1e\xc8\xee\xdeY\xe8\x11\x8f\xcd\x05N\xcc\xe7\xc2\x86\xce&lt;\xef\xeb\xae\xc3h\x00\xf0\x1eX\xcd\x99\x93\x9f3\x06\xaa\xf6\x06\xd5*\xaaIig\xc9\x83\x06Q&gt;\xb1!\xec\x03&lt;5&amp;[\x86\xb8\xc5\x92\x91\xb0\r\xcc\xa9l\xe6anJNjR\xb1\x11\xb8y,h_d\xee\xf6\xd2-\x91p\xecr\xe6\xde.\xad\x11\xb1\x00`mz\x82.f%p\xc7) \xe8\xaf\xb7\xdc\x85\xca\x98\xae\x80\x9f\xf7\x17\xada\xb1\x90\xed\xf9\xf8c\x10\xe1Q|\x85\xca\xe1\x1e\x11:p:N\xd8\x98\x07E\xc0\x1f-\xed;J\x1f\xca\x13\xd1\xec\x06\x01\xc08\xd0\xac0AG\x83\xf7\xa4;d-)q\xf6NEc!\xde$\x145x\x16g\x1c\x12\x00\x8f\x12\x9al\xc2\xe3\x08\xfa\x16v0\x1d=\'5w\xcfn634g)\x10\xf9\xf5\x83\xb3\xc6f\x821\xb2#1\xe0\xab\xe1\x00-\xf9\xc9?8\xe2\xbd\x8bb\x1dj\xb1lkiV\x1d\x00\x1c\x1d\xba.\x98O\xd5\xbb\x80\x8d\x82d\xcfE\xa6otl\xb7\xb4\xb6M3M\xa9g\x94\x88\x1d\x91\x84=U\xb3\x06\xa5\x92\x04\xb3#\xdc\xbd\xf9S,l\x1c\xd1vz.\x8a\x07E\x84\x8f4\xf4W\x90cy\xeb\xac\xdd\x91\x8bo|\x05\xfcJ\xcd\x05\x8f\x0e3S\x9f\xc6\xcb\x93\xbcR\xc4\xef\xe7f\x9d\xff@\x97\x19\x8f[\xab\xdd&amp;\x02\x10\xf0\xe0\xb1\xf1\xa7Cj\xdc\x82q\xcf\xba;\xdf9k\xe3\x866~}\xa4\x17-\xac\xa1\x05WA3\xe0\x86\xef\xf5}\x81\xe3\x9a\xad\xb3_\x04\xae\x12\x0b\x90}\xf1XA\x9b\xf4\xc0\x8c&gt;\xfb"\x0cZ\x9f\x8b\xe4"\xce\xfei\x9d]\x08\x13\x00\x88\x80[\xe0\x8c\x12"\x82\x06Y3\x12XY\x81&lt;\x1b\x18\xd8\x11\x07&gt;S\\\xcc\xa9\xe1\xd2F\xb9\xa8{han\x84{z\x8d\x00\xee\xe7P\x1a\xdc\x85\t\x00~\xa2\x1d\xa1\x1c\xdb\xfe\x07\x92\xcf\xb8z\xcc\x95\x8b\x1c\x99\xdf\xbeds\x166\xf1\x9a\xc6"n\x1dz\xd9b\x07Q*\x98F\x0e\xb2Ypbs\xd0M\x9e\xe4\x03\'\xba\xe0\xa1\xc1\xd0\xd8\xc7\x01W\x9bF\x18\x1a\xd5\xff\xb7B\xe2\xa4\xa4\xa4\xba\tU\x0f~u\xb5\r\x10\xf3\xc3p\x1c\xb7\xebp|\x969b\xd8\x85\xf2$YD\xdbx\x83\xb1\x07\xf2*r\xa4\xb28\xa6\x87\x13D/\xb1\x8a|\xddrw\xe6%\x02@\x8ct\xb3\xe9\xa5 \xa9]\xac\xc24\xd9\xe0?\xc3\xdd@\xbf\xd2\x13/R\xcb\x1a0Drg\x97m\xab\xa0\xe5\x9bKX\xff\xa1\x19BI/E\x06\xde\x1a\xde\xb58\x1d0\x97M\xbc\xb2L\xbd\xf5X\x9b\xf4\xbb\xd85\x99\x99\xf2\x84\x9bGry\x08\x1c\x9c\xf1\x9b\xf1\x11\x85\xde6\x9ec\x02xN\xe1\x18\xc5&amp;\x00\xa2k-\x8c\xe6\x8e\x8f\xb3)\xfcc,\x00\xc4\x99\x1e\x15\xe3#";\x04\xa6\x9bm;to\x07\x00\xef\x94\x94B\x0fI\xaa\\y]/E\x06\xc2\x14\xf5\xb0`\xd7\xcd\xe7#\xdd\xc68k\xcc\xfa:\xe7\xb6\x8eOt\xe4\xe9\xc3\xdb\xb061\x89\xc5\x9d*(W)\x08\xf6_\xe1u~a\xb3\x83\x03\x88\x80[KF\xb5y\x00\x98q\x07\xf3u9~\x05\t\x85\xee\x92\x94\x0c\xfcHz\xaa\xbd\x80W\xd3\xa8\xe9N\xb4?S\x03"\\f\xb1\x95\x9f\xf3\x8a\x12\x9dX\xf8G`y\xe7\x80\xd56\x97C[P\xa7\x1e\x10\xe1\xc7\xdd0 \xf3\xeca3\xf6uN^\x97\xfd\x87YJvZ\xe0\xb7\x01\xfd\x1c\xe7\xce\xbc\x9de\x7f\xd9\xdc\xd4\xc4\xfc\xbb\xfd\xc2\xad\x0c\x00\x19\x9bR\xec\x0e^mz\x1d\x16"\x0ef\x97\xeaU~\xf3&gt;\xa9Q&lt;\xce\xf1\xc19\xcbu\xe9-F\x0b\xea\x84Y\x9c\xdd%\xe7#qUG7\nY\x16\x87\xb3\xec\xb32\xba\x9bE\xfb\xeb2J|m\x85\x1b\x81\x8c\xf2]av\xa2Z\xe0\xd1\x00\xc6\x07%\x89\xbbh\x08\xe8\r+o\xad\xd1\'\x00\xe0\xff\xb9\xabZ\xc4\xb4\x96W\x9e\x89\xf1\xaa\xde\xb6\x86\xf3;\x19\ne\xe2\xb1\x01\x00o\x08%\xb1\xbb\x1c%\x9ci}\x8e\xe5\x95\xb6\xb1\x85\xdb\xb2\xd8&gt;\xc94\xda@c\xa31_w=\xfa\xfe\xf0\tDo#\xc2\x0f\xba\x01\xa0;_n\x13\xec\x19mo\x9e9\x91J\x183\xebK\xdc\xa5\x83\xacG\x12\x85\xfa\x0c\xbb\x17\\9t:\x96r\x9a{\xa5\xa5\xbd3\xef\x82\x97\x15e\x7f\xef\xebMF\xfa7c\x05\x98\x1e\xaep\xc1~\xdcv\x8cF\xf7dw\xbf\x85\x9b\x81\xc6\xcc\xb1q\x19\xcb{\xe2\xde\xad\x8b"\xcfb&amp;\xcb\\\xd2\xb7m\xb5;c\xbb@\xe7\n\xb3\xde`3\xf2\x94p\x0e\x02@A\x97vQ\x8f&amp;\xeaf\xdf\xaeo\xee\xcct\xd8\x83\xe9_\xb7\xda\xe3\xbdN\xe7\x8a&lt;\xec\xd5\xb5\xdbU\xb5\x07H\x8f9\xdc\x0f\xc5\xe6\xcb\xee\xd2(Oz\x1e@tG[\xb6\xae\xb3\xc7T\xc0&amp;\xa9\xe2\x86\xba\xe6\xee\xd0\x1e\x93\xb7d"\xed\xd72c\xe0\xf4"e\xcf\xcd^i\xeafY\x9c|\xe4\xf6\xd9\xbb\x84\x978\x17\x05X{\xc3\xbb\x96x^v\xc3T\x18\xd6u\xc9a\x0e\xfbok\xb1\xda_HT\xec\xad\xf8\xd0\t\xacQ\x00I\x9c\xb2\x1d\xee\xf5""\xf5\x11\xc3*\xc1G\x03@\xd7\xedi\x18\xfc\x9c\x05\x92\xdbU\x03\xef]A\r\x96\x00\xfe\xd0\x1d\tS\x1dc\xa7\x8ec\xc6\xb5&gt;\xeed\xdc\xb7\x7fs\xbd\xd42\xc2\x99\x0e\xbb]\xb4\xa3\xc4;\x82\xb31\xda\xfb\xecc\x8dx,q\x17\xd1BDoa\xb2x\x10\x11&gt;\xb5Hec\x9d\x00`\xb99c$l\x10\xc8\xd3\xe1\xf7\x13&lt;G\xe0\xe7\xd3"EX\x16\xc8T\x850gB|,yjA\xb7\xfd_\x83\x87\x01\\\x96\x00\xe0\xb3Dn\xc6$\x9f\'\xd6\xca\xe7\x05p\xd55ml\x070\x0eN8\x9e\x9d\x0c{\x8d\ni,\xa7\xcb\xf4*\x94\xa3Z\xe2\xd0\xb9\x98\x94\x1c\xdf\xeeW\x15@\x04\xdc\xac\xef\xd4\x84\x9bT*\x0f\x00\xf8w\xd3\xe5\xb2Y\xa7\t\xfc\xe8|\xe6\x8b\xc9\xc2i\\\xda5\x17\xe7/\x86\x01\xa0\xea~\xc2\x98\x06V\x16\xff8\xa1\xb1&amp;\xeb\x99\xb7\x89"\x1b\x18\x99\x04\x0f\xe9\xbdy\xf4\xb6J\x99\xc6\x1d\x19\x8b\xd1]\xe5\xdeM\x01\xf3\xd7\xaf\x89\xfa\x96\xe8\xaaZj\xcf\xd0\xec\x10\x18\n\xb0Y\xf2\xe8{\xbd\xdc\xe0\x96j\xaa\xfd\x94\xc0H_\x80\x80o\x86{w\x1b\xe7\xcd\xf3Zkm2;\x80\xaa[KL\xaf\xbf\xf0\x8f\xef\xdc\xb5(f\xc4\xec\xcf\x9a\xf2\xa3S\xc2+\xb29\'\x16\xae*\x96\xcd\xf4|=c\x00\x9b\xbb\x95\xddY k\xec\xba\x8c2\x1f\xed\x07\x80\xf8\xe0q\xf6\xca\xb9(\xed\xc2\x95\x80\x04]\xfc\xbe\xb9\xf6_(\x14\xcb\xee.{jt%\xf1Xjh\xf0C\xf5\x12\x96\xa9U\xc1\xa2l\x81\xd5\xba0\xe3/\xc6\xee\xfb6W\x9eH\xdd\xc5\xb3\xf7C\xcb\xc1\xde\x05\xfa\xf0\xe9@\xb6\xcbn%^K\xcd\x0e\xffbF\x95\xeb\xda\x930\xd1\x7fnu\xa5\xc2\xb1\x00\xb8_^\x86\x88H\xc5\xc3\x91U\xcf\x8ag\x84\xe1R U\x11\x82\xd9|\x02\xf0\xb4\n\x85p\xfb\x1e\xf5\xfe\xcd\x00\x11J^\xf6\xda\xa8l\xe3\x01\xafJ\x84\x0b\xecQ\x18\xb0\xc7\x05\xa2\xdb\xad\xcf\xf11\xe2\xe5-\x04\x1bVq\xdd\xee\x9b\x80bzv\x8f\x82\x9aom\xe8\xb2\x93\x8ctws\x95\xf5\x9dR\xcay\x81L\xd1\xe6{\x97=\x9f\xb5\xfd-\x1a\x89\xcd4Y\xb0jZ\x92\x82\xf4\x1f\r\xc9\x8ae3\xa7\xfb\xb5\xacZ\xd3d(h\x00\xd8\x00-\xba~\x18\xd7}O&amp;\xad\xee\xaa\x94C\xa1v,\xe8\xf4\xf0\xc5P\x06\x7f\xa3\xdd\x89\x8d\x9c\xa0i\xb1tx\x17_\x00\x9c\xe5d\x0fV9\x88\xf1\xef\xdc\x99\xf8:\x17\xd9\x1f&amp;\xa4/\x19\xbb\t??I\x04\x9c5~n\xd9\xf2\xb2\xce\x0e\xf8`-\xbd\x08}\xa2\xbf\x15\xc8PL\xdc\x9b\xc7\xdf\xe1.\x87\xa0\xe5\xb9\xb6\x93\\{\xe2I\xd2\x18v-@+&amp;\x0b\x18\x86\xf4H\xb0\xfc7\x0c\x03\xcdW\xe0\x16\xe4\x08l\nK\xda\x115\xd2\xcdkc\xc5\x91\x8d,\xd2\x0c\xc6q\x0c\xc3\xf8\xc1_\x14\xbd\x84\xf3\'\x94\xa3;\t0\x9f\xc2l\xfd\xe0\x96\x01&gt;Jt\x19\xc4\x04\x9c4[$\xa1%\x04\xd1@\x03\xc3\x1d\xb8\x0c\xd1G\x93\x83\x08hZ*\x8d\xb57k\x84\x96\xf6\x83\xe1Z1\x011\xb7\x9b\x10\x98U\xb2\x8c\x17\xf1S \x18xL\x92\x89\xee\x8c\xab\x0c\xc3{\x02\x87PL\xd6\xd3\xc90\xd0!\xb8\xd7\x13v-@\x13\x16\x07)i=\xd8\x9d\xc0\x9e\x131]\xb349b\xb1\x9daD\x15\xb9\xc5\xd1\xad\x02\xdcy\xfe\x10\x9er\xc7\x12\xf3\xfe\x1d1\x0c\x93\xaa\\7\xe7\xb6!gM\x87\x1f\x0c@D\x97\x9d\xc8\xf2\xec\xea\xbc\xbf\xf98X\xdd\x1dI?J%\x18lYb\xde\xdf\xf9\x82\xe5\xf0\xbc\xd7(\xe28\x13\xbc\x19\xd1\x10\xd5\x0e\xdf\r\xf8\x9bRVb\xda%\x8d\x83\xb9\x1b\xde\x13\xa1\x91*p\xe5Jy[\xdf\\\xb1\xb7\xa8\xda\xa5\xad\x05#L\xb0]\x13SXsZ\x9d\xcd\xa9k\x7f\xf5\xbbuA\x9b\xb7W\x91]\xb6\xba\xcfe\xcf\xfa\xbe\x05\xf8FX5(\xe7,\x90\xad\xad\x84\xe5k\xbe\xb7\x9cNM\xcc}Lf\xbdYF^\xd5\xe0\x15\x12=\xf2\x1f\xab\x12\xde!\x18\xa9Am\xb0\xe2\x1b\xed\xc8\xee\x19j\xc6\x1e`\x9c\xc2\x07\x0c_\xbe\xfbj\x16~H\xd8[-\x18\'UT\xad[{8 \x02\xfe`1,\xdf:\xd7\xe3\\\x06&lt;:\xb96\xac\x7f\x9d\xe3\x9b,\x0f\x80\x80\x1f\xeeGm-AA\x04\xfc\x99\xa1\xce\x94\xa1e\x9c\x9d`l\xef5b\xcf}\x0b\x88\xda\xc1\x03\xf1\n\x0f%=]Z\xd4\xfa\x0c&amp;u\x85\xa6\xc9\x90\x8f\x1c\xe4\x8e\x00\x00 \x00IDAT\xec\xec*6\xa0d\x00X\xf8\xd6\xe9\xe4X\x80MLj\xe8\xcc\xeaL\x1bh\re\xa2\xd7L,:R\xed\x06o\x19W\x12\xd9\x83\xad\x188\x1f\'\xeaX(z_\x0b\xe9b\xbd)\xe2\x96U\xa7=\x08_j\xf3\x1c\x96\xbbL8| \x1f\x98\x13\x02\xbb\xcd\x80k\x0bg\xb3N\x87\xb1\xa9Lh)O\x90=\x8e\xb7\x04\xb7\x03\x11p\xabT\x8d\xc7\xe2\x1b\x9b;\xb9`G\x16]\x02@01\x1d\xd4:\t\xf6\xc8\xfe7\xa5t\x87W(\x10\xe2g\xe71\xfe/\xa2\xcb\xaf\xec\xc8bH\'YR"\x00\x80\xbf,a\xdaq&amp;\xb7\xd1\x9b_\xab\xb14\xb6\x88\xe1\xaa\xccW\xa9C$Z\xd3\xe0\x07(\xfeIp\xd8\xcc\x16#\xda\x8b\x08\xaf\xaf\x8f\x01\xde\x07_\x0c\xb1)\x01W\x8c\xb5_6@\x8b*."\xb7QO\x98b\xc9\x8e\x03\xfa\xc4\x80F"\xee\x9e\xee\xd7\x83\x99;P$W\xec\x0e\xfc\xfe\xc4\x9a\xc8xm\xa97\x8a\xd0Y\xbc@\xbf[T+\xb8\xb7\x10yW\xe48\xfb9\xe4\xeei-\xf4\xfe\x94\r\x00q\xd9@\x04&lt;\xd0tL\r$\xf2\x03\xba\xb4\x8a\xbc`V\x077\x00H#\x96CA\xd0a\xa6\\\\\xfa\xb3U\x87]\x18j\x1d\xf6\xff&gt;\xa5n\x00M\x99\xa1\xb9\x13\xc4\xec\xdf\xa8\xf0\x96\xaf\x03\x02\xb0\xdcF\xb7\xfd\x08\xa750p9y\x95\xc6q\x84&amp;K8\x16L\xfa\x03\xcd\xad\x8d%/0D\xc6\xe9.\xd4\xb6\xdd:\xab\xd9\xd1\xa2\x8ao\x82\xb2\xe4\xa7yPv\x832\x82\xc1\xf0\xd9\xee\xa6\xd90\x0c\xb6\xd2\xe2\xf7\xcb\x92\x1f\xcb\x82\xa6\xf8\x16\xd1\t\xbe\xb4KGk\x82\x0e\xc2J\x0f\xfb6\xd0"\x8cw\x01\x92\xb5\xe7]\x8c\xf2\x10\xa6J\x0eg=\x0f\xc3P~\xdb\xa2\x87\x076m\xbf@\x08oR\x9c\x1dA\xe1v`\xb9\xd1\xf3\x90QT\xa4b\xee\x07\x0e;_\x7f\x9a\xe2i\xba\xcd\x1d\xb1/\x1a\xd27\x12OEv\xdc\x91\xcc\x1d\x11YyZV\x0bf?l\xf1\x19\x0fI\xb3x\xb6m\xae\xf3\xd2%n?\x8c\xf7gWM\xe0\xfd\x1d\t\x00\x13\xcc\x0e\xb8\xa4p\x84\x01\x10\xf0\tk3x\xbd.\xd3\x94.\x14li\x08\xe7\x13\xb3\x93\x177\xf8U\'\xedh}u}\xbd\xacD\x11\xd0\x04\x01\xff\n\xa2\x1bM\xf4_\x9d\xd6|k\xe9\xa1\x1f\xcc\xb5\x1c\xb7\x82QN\',\xa95\x8a$&amp;U\x14\xba\\F\x13\xf5Yx\x8f\xa6\x88*3\xf0\xa4\xd4N{\xa9\x84\xc5Z\r&amp;\x14\xa7\x98\xe32\n\x8aM1\xe7:=\x16P\xbc*:\x9d=|;h\x91?\xad[\xb6\x90-\x92\x07\x00.)\x99D\x9bE\xdd\x10X\x9a\x95\x1d1_\xe0m\xb6\xbc:W5\xf7u\n\xdc\xb8cp\x93E\xaa\xef\xcb&lt;v\xd7\x941\xfdcKoF\x80\xe9k}\x00\xe89\xb9a,\x94\xf6"\xfa\xce*KVD\xb1\x9e\x06\xd9$B\xd4+v*yY\x0c\xae\xdd?\xa6^\xf0\x83\x04p^\xe0fi\rW\'\xe9\xe1T&amp;[&amp;\x84\x04\xae\x91c4/\xf5\xd0x\xe06s\xc8\xe2a\t\x9a\x8d@\xf0A\xd8+\xa6\xb2\xc5\xab&amp;\xba\'\x15]t\xc7\x81\xb5.\n\xbc\xa6i[\xe1\xac\xe5\x82\xc9I\x9e\xc4\x0cDc@WtY*n\xf6\x11M\x1c\x8a,\xd8\xea\xe5\x13\x02\x11\x1e\x1a\x1cq\x99\x1e\x8a\x89\xb4\xc8\xb9\xc1\x06\x08D\xb8\x01\x01\xcfjL\xcc\xa3g\xafm\xdf\x94\x19+AX\xf3[\xb5\xed\x00\xf0\xbfk\xe5/B,\x00\xd8\xf9Jl\xcaL\xdf;\xa7\x88\xcfu\xb9\x92\xb1\x0b5\x05"\xe0\xb5N\xaf\x92\xber\xd4\xd9R\xdd\x1eB\x91B\x07\xef\xcfMF\x98\x12\x9aB^B\x12\xb9/\x8b\xd0\x0f\xdcF3\xb2"\x15\xc9\xec\xf5\x02\x08\xb8T\xd8\x1d\x17\xf5\xab\xf9Y\x82\xfb\x8c\xb4\x8a\x98\xd0~\xaa;\x957s\'\xf7va\x99\xe2\x17\xf2\x02l\xe5,$\x05\xa8h\x00\xe0\x9e\xd2\xcc\xe8\xa7ke\xc6\'\xfe\x7f\xecxl)9\xdd\x11\x04\xe0&amp;}\xa5\x893\xd2\x18\xb0/\xe88\x13v\x8a\xd7.Lf\xf9\xcd\xa7\x81[\xa7\xf9\x81\x08\xd7\x930%\xfc\xc9\xf2"r\xae\xd9\x9c\xbb-]n\x1f\x93S\xa2\xd2\x98S\x13\x06\xa4-\xf6\r\x82f/\x8fu\x0f&amp;q\xd9"\xac\x13\xe9;b\x99\xe5\xc2\x8e\x17\x97P\xf64p\xc1J!\xe3\xf4#\x90t\xb4\xbe\xae\x87}\x9e\xfa\x83A/\xbd\xf5\x9d\tcF \xc2\xb7QiB\x11\x9ao\xba\xc1c\xedL\xbcE\xec\xf9\x1d#\xb6\xb7\n\xda\x04u\xd5\x89\xf53\xb9\x14/\xaf\xd2\xb0\x01\x9b\x1b\x86[%9\x8bj\x84\xde\xbf\x94\r\xb8\xdffs\x99\xe9\xa6^\xa0\xb2p\xd1\x89\x0e-c\x7f\xf88\xe85\x86\xcd\xaa\xb7\x8b\x82Q\xf5\xd3\xad\xc8Vi\xc3Y? \xf8E\x06NC\x9d\xaf\xec\x9b5\xf9\xa5vb\x8b\xe3\x98\xd7\xf9g\xcb\xba\x9b\x1f\x19r\xfe\x91\xdc\xb1O-;\x19\xb9W\xbfb|nxgT\x8cN\xc3\x04\t\x07\x03q\xcb\n\xc8\xc9\x02\'\xe3\x9f\xbc\x8e\x96\x84\x19\xfa)]\xf6\xf2\xd4\xedx5\xd1\xaf\xf5\xe35\x99\xd9\xab\x08\x7f\xdd"T\x9c~\xc9/\x9c\xcb(\xaf\xbc-P\xf8\xf0\x02\x00\x88\xf0\x82&amp;\x7f\x17\xf6Z6\xa4\rB\xba\xd4\x8c_\x9e?_\xabR\xc2\xd8\xf0&lt;\xd3\xb6\x95\xd1n\xa0\xb6\xff\xf2O\xd9\x7f\xf1\xdc\r\x0f\xaf\x0c\x00 \x02\x9e*\xe98\xc7\x98\x89\xcb)r\x1eBId\xd2\xdb\xcd\x9c\xb0g\x84\x8cu\xe4b@\xfcl\x89\xe4\x05m[\xe1\xa4\x0b\x1b\xf2\r\xb1\x14\xfdC\xed\xedT\xb0,\xf0\xa3\xbb\x96`\x9f\x11^q\x8d.\x1a\xbe\xbb\xbb&gt;m\xefl7k\xa8\x9f\x842,)\xbc\x05\xe1{\xf0\xf0\x98\x82\x8d\xa1QN_;OP\x8am\xc8B\xbc\xbd\xaa&gt;\x03b&lt;o\xbc\xfeC8\x1b\xefd\xbd#/\xad\xa9\xde\x08\r,Rm(\xe5\xe2v\xe2i\xf6\xd8\x9e\xf6\x05\xeef]\x13\xda\xad$\x81\xdaG[*\xa0\x10\x0ca\x9b\x11\xed{\x80\xda!b5\x90\xe9ln\xa5y\x8b\xab\xbb\x9eM\xc6\x17m\xf0f\xc2\xdfU\xd0\xec\xeb\xcf\x8b\xe1x^\xef\x94\xf8\x19\xabv:\\\xc6\xdd\xe01\xde\x91HK\xa1$\xf6\xb8D\x85\x9d\t\x1f\xcf\x13\xafq\xfd\x1e\x17\xaf\x9fc\xb7\x95\xb4\xd7Ev\x17\xb8\x1eS\xfeTo\x05\x95\x9a\xba\xa23\x125\x04wU$(\xac\xb8hp^&amp;\xf7\xefC\xb9\xab\xd4\xa5\xd6\tkO\xc3\xae\x01\xd1\xd6\xc4\xddo\x15\xb0\xe7|\xa25\xdd^Kq\x0cp\xdbHD\x8a\x99\xd7\xd5\xfcf\xa9Z\x8d48E-\xfc\xbb\xacf\x956\xb1N\xde\xf3$\xe0\xeb\x1b\x07\xa5\xcf\xc6W4\x04\x8b\x1d\x94r)L{Al\x03\xd1\xc7j5\xac!#\x05\xe0\xca\t\x17\x0f\xceMl\x8c\xb5\xe2J\xffzN\x94^\xec\x04\x00\\w\x91\xa7\x96#P\xf5~\x02\x97\xc2"~(\xade\x06\xe94\xbd\x06\xc2\xdc\xd65\xc5\x0f\xb8\x14,\xe1i\xa9\nV\xcaS\xd7\x0b\xd2\x81\x94\x91\xbd\xc2\x0e\xb6\xaa\xac\x97\xf7\xdc:\xf0\xecTG\x0bO\xdeHjE\x15\x82\xe5\x9flVA?\xb1\x97\x0c&gt;DX\x13\x1e\xbb\xde\x1dl}H\xddR\x9041\x02\xb4\xe5\x9bN\x00\xa8#"\x0b\x00\xeb\xa1\xc8\xae\x101\'f\x14Uc\x98z}[a\xb7\xa9\xef\xfcwvG\xda\xac\xf0b\xe2\xdb\x05\x00\xe2\xcc2\x08\x00\x91\x84\xa6}\x16b\xb3\\EG\x91GXD.\xf2b"\xe2\xe1z\xb8\xf0R0\x01\xcevC\xab=\xcb7d\x9d\x15\x06\xb8\x06\x9e@D\xf4\xc6h\x83\xa6E\x15\xe4G\xb1U\xf1S\xb1\xa5`\xa7Z\xec\xd9\x8c\x00\xb5k\x8c\xa1\xd0J\xa9U\x80.DZ\xc6\xd2\xa8\x82\xc9\xc2?;.\xa5\xef\xf3\x88\x15\x95Db\xb8\x91\xe1\xd2@\xa9\xdeT\x04\xf5\x80\xf6i\x98}Qp\xfc\x1d\xcb\xa8\xa5\xe9\x02\xde\xb8\xbd=\x1f$\xf0\x16g\x03k\xe6\xe0\x93v\x1b\xd9ZM\xa49\xb6\xe1z\x99/\xec\xbf`\xfa\xabW\xce\xc2\x8e\xeb\\\x1f\xd2\xe6n\xfe\n\xcf\x88\x11]3\xc4)\x8d\r\t~\xdfB\xc9Y\n\x15\xabU\xce\x17\xe7\x90\t\xd0\xce(\x1e\xcc\x84\xa3\xaa63\x1b\xffB\x84\xbf\xe4.\xae4\xd3\xb7\xfco%)$\xad\xd4\x08yVl\x19\x12\xe1\x87\xb2\xc6|\xb5euTmz\xcc\x18\x03\xca\x8f\xcc\x0ezY\xefv\xc4-\xe1~\\`;/\xcf//\r\\\x1fT\xea#2\xac#\xe93K\x1dD\xbfQ\xcd\xcb\x98\x02+F\xe5*\x9a\xd5et\x18a1\xde\\c\x1agE\xdd\t\xe0"\xdf^\x1c8\x1b\xcd\xa5H$\xf2\xac\xc8\x9d\xa3\xa2qu\x08\xab\xae&gt;\xb3\x89\xb3\x8c\xe6i\xc1\xe8\xca\xab+7\xcc\xb7\xa1x\x02G="Y\x9a/\x9b\x10\xcc\xf3x?|\x92\xde1\xb6\xb90\xd7\x9dEw)\x8f\x06\x1c\xff\xeb\xea\xcbd\n\xb6Wj\x89\xa8\x92~\xb19\x930\xcd&amp;\xcb\xe3Y\'/\xa8^B~\x00XX\x00_\xb59\x1a\x0e\x0f/d\xf1\xa8\xc2\xf6B,b\xfb\xc7\x8b\xab\x1f\xc2\x96\xd5{,J&amp;\x04,#\x8e\x02\x01\x97,\x1a\x19\x9b\xf9\xd6\xc1\xe6\xdb\xc5#-\xcb\xb3\x9dV\rw\xa7V\xd9\x8b7\xbf\xf1\r\x9a]\xc9\xcd\xb1&amp;%\xfcU\xd0\x91C\x07)\x8f\t&amp;\x85\x9d\xdb\xc9\x9a\xdd\x18pV\xc3\x9e.\x1b\x00x_\x1f+\xe0\xd8\xf8}\xa1$\xcd\xde\x7f\xa63/l\x8f\xf83\xad\xafU\x89\x12\xae\xc5\xebj&lt;x\x93H~T$\xb6G~)\xc7\xf5[-\xe1\x926\x90?\x88\xac]$ jT\xdb\xc0\xac\x94..iY\x92;ro6W\xe0\x01\x1d\x08F\xd2\xbbH8_\xda\xb2\x05\x03\xbco&gt;x\x92\x16\x7f\x9a\x11\x84S\x13\x15^S\x992\xaf"\xe6^\xa3\xae\xa4\x80\x1f`\x8aEn\xe8\xaaL\xabM\xff;\xb9B\xda\xa2\x96\xd2\xe4\x19E&gt;\x13\x11\xae#&amp;\xd2&amp;\xd0\x1dW.V\x18\x886(\xb9\x00\x00|gVN\xdc}\xa9%\xee&amp;\x02\xf4\x86\xa7\x16\xc1.\x7fvD\xee\x8a\xb0\x08\xee\xac\x8ez\xd4\x10\xdbO\x1d\xb6\xc5m\x8bK\xc6\x1d\xd0\x13\x0bwQ?o\xa7\x93bg\xed\xee\xde\xa2\x13h\x0e\xfc}\x89HBT\x9bK\x8b\xad9\x9e\x82\x08_\xa9\x15B\xc4+3\xc60\x97r\xce\x9e\x184 \xc2S\x19\x9a\x08\xb6k\x87\xbe\x1c\xeb\xbc\x8b\x13\t\xde\xaf\x1e\x7f\x1d,\xb6X\xeb\xfe\xfb&amp;\x95\xfb\x8f\xc8\x8a\x8d\xaam&gt;{Q\x11\xa9\xe0yJ\xc5\xe2\x1d\x88\xbf\x00\x11n\xcc\xdc\xafR\xe2\x1dl\xa3\xbd\xed\xda#\x06\xd1\x89\xe9\x06\xc9{\xe7\xe7\x1a\xd1;\xfd\x85\xf6(\x96N0\xc0NC\xf0\x19\xf5 +\xe1\x0b\x9cl%\xf5\xc5\x03\xba|C\x86\xa1\xc8`\xc97\xcd\x87\xa2r\xf6a8\x9c\x14\x1a\xaf\x07\xfeXm\x08\x0cK\xa2;\xd4\xe4}g\xaf\xba%Bw\x90\xbe\x14\xc4\\\xdd\xf1q\xfbm$\x8f\x88\'\xf5\xd7l\xd9p\xfc\n|\x92\xd9\x018\xcd\x8a\x03\x83\xa7\xe7\xba\xa2e\x0b\x80\x97\xe2\xf7\xb6b\xa6\x18\xd13y\x08\x89oU{\xed\x88\xb8[\x89\x0e\x01\rO\x1a(\xc2n7R \x02\x1e0\xfa\x9d\x93\x89\x86\x9d\x08a\t\xc3\x1f\x97\xe1\xbc\x9b\n[\x8f0\xdczk*\xe2\xff\x9d\x06O\xf3h\x82\x00\xbc\x81a\xb4\xd0Y/\xcf8\x0c/p|`f\xfd\xd7;\x93u\xef\xbbX\xc7m\xe1\xe3\xfd=/\x02\xeb\xbf\xbd[@g\xba\xe0\xb4\xf5\x9c\xb2\xd9y\x84\x95\x90\x8d\xe1\xd4[w\x1d\xd2\xab\x02\x00\xe3\xd7\x1a\x8bi\xbb\x82\xe5\xaf\xf9\x04+\xb1\xeebSg\x1b\x18\x88&gt;V*\x8f\xa4\xd9j\xae@Q\x89yF\xae\xe8\x1foH6\x17O\xb1\xa6\xf77\x8c:\xd3&lt;\x85\xb9\xd4\xc1\xf2\xd8\xc6\x94G.\xaf\xe0\xd8\xa5y\xcf\x05\xe2\x95\xa4\xda\xf1\xdd\\\x9f\x8c\x9f\xb2\x0b\x95Y\xf8\tu\x1f\xe9\xa4ha\x17\xde\t\xea\x9e\xe5\x874\xaf\xcaG6pv\t\xc6\xcbP\t\xb1{qW\xb4b\x9a\xb6\xd7\x85\xc7\xdb\x03\xc0\xca\xee\x9fa\xda\x8b\x8eH\xf0u\x03\x9b\'\xcc\x1cS\x8b\xe9\xb4\t\x18\xeb}\x868\xe9[\t\x89\xe9q-\xef\xc3\x19:D\xc0\xf5\xaa\xe7q\xd7\x1b2\x13\xc0\xee\xea_+\x8a\x18q\xf7Y\x0b\x17{W\xf2\x0e#E\x7f\x8cS\xc6/\xa4&amp;\x9a\xdb\xba\xff\xae\x17\x1b\xf0\x7f\xfb8w\x04\x1f\xa4\x1d\x17\xa7\xbf\xf8}3S[\xae\x84h\xa5eC\x19B\xd6\xe9\xb9\x0e\xcdo=iw\xa2\x07\xe1}\xc3v\x99h=\x94\xee\x00\x14\xfb\x85\xc9\xd1\x14\xf6\xfa\xbe\x04\xc1p\x05&gt;\xbeIB9\x9c\xab\x0eO\xd9\x81\xaf\\&lt;\x8e\xc5\xb8t\xcf\xbb\xd0y\x80\xb3\x80-\xe2\xc7z\xa1\xe1O\xac+L\xb16^\x008r*\x93\xdbv\xfb*\x00\xe8f\x02\x16r%\x03\xc3\x91\x9a\x8c\x83\x86qX\xbd\xa6$\xc8\xbf\xa6\x00\x83\x9f\xa0\'\x89\x89|\xb6\xa3\x00\r\xa4\xca\xf8~\x84q\xf4E\xfe\xda\x8e\x1fc\x17G\x87\xcb\x87\xbb\x1f1wV\x04oc\x14i\xc0b&lt;\xf5\xaem\xe5\xed\x8f"o\xdbH_\xbe\x8c\xc2</t>
        </is>
      </c>
      <c r="E135" t="inlineStr">
        <is>
          <t>&lt;class 'numpy.ndarray'&gt;</t>
        </is>
      </c>
    </row>
    <row r="136">
      <c r="A136" s="1" t="n">
        <v>134</v>
      </c>
      <c r="B136" t="inlineStr">
        <is>
          <t>steps_per_sec</t>
        </is>
      </c>
      <c r="C136" t="n">
        <v>2000</v>
      </c>
      <c r="D136" t="inlineStr">
        <is>
          <t>10.275361</t>
        </is>
      </c>
      <c r="E136" t="inlineStr">
        <is>
          <t>&lt;class 'numpy.ndarray'&gt;</t>
        </is>
      </c>
    </row>
    <row r="137">
      <c r="A137" s="1" t="n">
        <v>135</v>
      </c>
      <c r="B137" t="inlineStr">
        <is>
          <t>Loss/object_center</t>
        </is>
      </c>
      <c r="C137" t="n">
        <v>2000</v>
      </c>
      <c r="D137" t="inlineStr">
        <is>
          <t>0.8887505</t>
        </is>
      </c>
      <c r="E137" t="inlineStr">
        <is>
          <t>&lt;class 'numpy.ndarray'&gt;</t>
        </is>
      </c>
    </row>
    <row r="138">
      <c r="A138" s="1" t="n">
        <v>136</v>
      </c>
      <c r="B138" t="inlineStr">
        <is>
          <t>Loss/box/scale</t>
        </is>
      </c>
      <c r="C138" t="n">
        <v>2000</v>
      </c>
      <c r="D138" t="inlineStr">
        <is>
          <t>0.10033406</t>
        </is>
      </c>
      <c r="E138" t="inlineStr">
        <is>
          <t>&lt;class 'numpy.ndarray'&gt;</t>
        </is>
      </c>
    </row>
    <row r="139">
      <c r="A139" s="1" t="n">
        <v>137</v>
      </c>
      <c r="B139" t="inlineStr">
        <is>
          <t>Loss/box/offset</t>
        </is>
      </c>
      <c r="C139" t="n">
        <v>2000</v>
      </c>
      <c r="D139" t="inlineStr">
        <is>
          <t>0.26667666</t>
        </is>
      </c>
      <c r="E139" t="inlineStr">
        <is>
          <t>&lt;class 'numpy.ndarray'&gt;</t>
        </is>
      </c>
    </row>
    <row r="140">
      <c r="A140" s="1" t="n">
        <v>138</v>
      </c>
      <c r="B140" t="inlineStr">
        <is>
          <t>Loss/total_loss</t>
        </is>
      </c>
      <c r="C140" t="n">
        <v>2000</v>
      </c>
      <c r="D140" t="inlineStr">
        <is>
          <t>1.2557611</t>
        </is>
      </c>
      <c r="E140" t="inlineStr">
        <is>
          <t>&lt;class 'numpy.ndarray'&gt;</t>
        </is>
      </c>
    </row>
    <row r="141">
      <c r="A141" s="1" t="n">
        <v>139</v>
      </c>
      <c r="B141" t="inlineStr">
        <is>
          <t>learning_rate</t>
        </is>
      </c>
      <c r="C141" t="n">
        <v>2000</v>
      </c>
      <c r="D141" t="inlineStr">
        <is>
          <t>0.00055</t>
        </is>
      </c>
      <c r="E141" t="inlineStr">
        <is>
          <t>&lt;class 'numpy.ndarray'&gt;</t>
        </is>
      </c>
    </row>
    <row r="142">
      <c r="A142" s="1" t="n">
        <v>140</v>
      </c>
      <c r="B142" t="inlineStr">
        <is>
          <t>train_input_images</t>
        </is>
      </c>
      <c r="C142" t="n">
        <v>2000</v>
      </c>
      <c r="D142" t="inlineStr">
        <is>
          <t>[b'512' b'512'
 b'\x89PNG\r\n\x1a\n\x00\x00\x00\rIHDR\x00\x00\x02\x00\x00\x00\x02\x00\x08\x02\x00\x00\x00{\x1aC\xad\x00\x00 \x00IDATx\x9c\xec\xfdy\xbc~\xfdT?\x8e\xaf[\xe6)\x11"\x99J\xb8\x852\x95\x94\x84\x90y\xfa\x98\x8a\x88P\x19\x929$E\xa6PQ\xb7Y\x86L!!2\x93H}M\x19*C\x19\x8a\x84\xd0`\xa8\xd4\xfa\xfdq\xed\xfdz\xad\xe1\xb9\xd6k\xed}]\xd79\xd7\xbb\xdf\xbd\x1e\xf7\xe3\xdc\xfbz\xed\xf5Z\xeb\xb9\x86\xd7Zk\xefs\xde\xe7\x10\x9dJ\xa7\xd2\xa9t*\x9dJ\xa7\xd2\xa9t*\x9dJ\xa7\xd2\xa9t*\x9dJ\xa7\xd2\xa9t*\x9dJ\xa7\xd2\xa9t*\x9dJ\xa7\xd2\xa9t*\xed\x84x\xa2\xef\x81\xb7\x04\x03\xf3\xe6s\xbbk\x99\t\xf2\xc0\xbdX\xb8f\xec\x02\x999\xe0\xf4b#\x99\x0co\t\x84~\xaf43\xd4.\x98\xf9jx;33\xbf[B\x8d\x8c\xd8\\N_5\xb0\xd9!\xc4\x0f\xea\x9eA&amp;\xeb\x15\xc70}\xfc\xe4f\xe5{\x81\x15shJ^E\x9c2\xbe\xda\t!s,\x04K\xf6\xa2*\xc2m\x06.\x06\xa3v\xc0\xed\xbcP2\xb7S\x10\x88\xaa\x93\x89\xf5\x90m\x88j\x1b\x8a0l-x\xf7t\x80\x90\x8e\x946\x81b~%LAQ\x92\xc2\x03?\xac\x0b,\xfe\xdb\xd0\xd7\'\xe1*\x1dg$E\xeaIf4\xf2\x1cT\x83\x87MSQt\xfe\xce\xef\xaa\'\xb21\xb4Z^\xd3l\xe3\xc8\x14\xaf\x82\x14\x9e&amp;\no\xc5\x01\x12\x15\xc1\xa1\xc2\x90~\xa21\x9b\xf0\xc9-WE\xc7{2\xd3\'\xc7\xe6\xeeM\xd0\xe2\xeb\x02n-\x16.\xae(\x97\xbe\xb1\xe5[\xe0`1R\xb2\x0c\x12\x89C!C3]\xbcp\x916\'9P\xef\x9d\xb0\xf9|K\xd3B\xb6R\xbe\xb2\xdf\x97\x85\xefP\xd4np\x9e\xc0M\xa4\x1d\'\x94\xf1\xa0*\x05B`]\xd2\x0c\xf2#\x9a\n#\x19\xed\xb3_\x97\x0c\xc6\x1c\xb7n\x85\xdbk\xb7\x12\x1b\x88M\xe6\x87X\xd5A\x9fx\x0433?K\x8a\xf35\xda\xab@J\xfd\xa3C\xa1CO\x8b_P\xe6\xa8\xae\xd06R \x92n`Udg\xc0H\xe8\x18\xe2-\x8d\x13,\xc2rI\xc4D/\x18\t\xac(=^\xda7&lt;\xdf\xe0\xf7\xa3%\xc8\x9b\x88\x7f\x7fP6\xf2\xdd\xe1\x92\xeb%\t#\xf9k\xa1\x1d7I\xe4S\x1d!\xbd\xa2\x93&amp;\x9c\xf2|UBc\x97\xdb\xf2I\xb5\x12sz\xb4F\xb5\x06\xcc\xb3\xf6\x19\x89\xa1\xbfS9\xb1\xf9\xdf\x0f\xcd\x8a\xcc-\xbb\x92\xb6\x93\x99!m9p\xdd\xb7I\xe7S&amp;\xe2\x9f\xb7&gt;\xb1\x9c\xb0\xfbn\xe8~\xae\xed\xcd\x17\x9d\xedz;\xc8\xe6\xd5\xfb\x8dj\x16#\xea\xcc\xb0\x1a\xd4P\xf5\x12\xe6\xad\x19\x0cs\xcb\x9c=Q~\x12w\xaf\x0e&amp;bq\xef\x12?l\xf4\xac\xebj\xcb\x14-\x95~\xa2\x10\xae8\x88\xad\x0f\x89A&gt;\x99\xcf\x91\xb0\xb6\xb2}R\xf2&lt;{rO\x85^\xda\x88\xe8\xc9\xde4\xa1R\x8d\xbd\x13\x9b\xb6\xb1\x89\xfdm5\xb72\xf3%=\x98Y\x0cW)\x9c\xe8\x15fk/3\xf3]\xdc\x19\x9b\r\xef\xcc\xffa\xa2\xc6\xfcn\xe37\x1cj\x05`\xbe\xe8\xeeR`\xe6\x0b\xbfHz\xb1H\xcc\'y\x0c\xc9\xf6(\xbb\x8cg*2\xf3L\xecOE\x19W\xe7\x81g!\x16\xde2\xa7 =\xd7\x0b\'\xa4\xad\xa4\xae\xa4An\xedJ\xc5(\x87G\xdbw\x8b\xe8\x04\'\xe6w1_:\xf2\xa9*\x97\x85\xf2A\xad*]\xb6\x7f$\x92ee\xfb\xea\x8f{I\xc3\x06\x1b\x80\x91`n\x88\xd38\xd3\x0fY\xd5\xaf\x14#\x9b4\xc7x\xe6\x0c\x0b\x9a\x01v\xa7Yb\xfe\xaf|\x8f)\x01\x99\xe8\xa9\x07\x04\xceE\x04\xd4\xdd\x8f\x88\x88\xbfUj\xc7Vl\x16\x9f\x82\x8cZD\xce!\xd6|\x81\x04\xf3D+\xbedc\x00r\xcb.\xea\x87\x0c\xd0\x96\x02w\x82\x07\x88\x85\x8bW\xde\x87\xaae\xd4N\x9f\xb1;\xf7\xc2\x9e\xbcT\xa7c\x07\xa0\xe8\xad\xe2\x9au:\x1ar\x05wl\x89\x9f\x9b\xfc&lt;\x1b\xee\xc5\x02;8[\xf4\x9f\xab\xd96\x17\xcf\xd0u\x19\x0e\xcel\xe6\xfd~\x1a\x933\xde\x9f\x18\x98\x99\xf9R\xaa\xda\xe2n$\x1b\x8cV\x81\xcb4\xf4\x0f|n\xe8qq\x82b\x0b\xc0D\x9fST\xdf5&lt;\xc01\xce\x93\x91j!*\x93,\x8b&gt;L\x12\x8a\x17sE\x80awC\xae\xcf\x99\xea\xc6\xe5\xd3\xfdN\x10\x07gs\x07\x92#\xe1\xa5\x8d\xa3w\x12;!~\xec\x12f&lt;x\x1dR\x030\xc4D\xfc{\xe1\x99\x91\x95kZ\x97Gn\xf4\x90\xcbD\xfc\x06\x7f\x0b\x94K[\x9bDam\xfc\xa8f\n\xb4Z\x1a\xc5\xc1\x00\xda\x9dX~\xe9\xc8@\x89|\x02y\xc7\xa8&lt;)]\xff;_\x0b\x90j\x92\x85\xbana\x87\\\xe9\x13R\x01\x1ag[\xc4\xb3"O\xe3\x98\xec\x8b\xde\xa5\xb5\x9b\x0b\x8a\xe2\x1eH\xe3\xa7\xd0=S\x86\xa3!~R\x8d\x8d\xfb\xd7\x80\xe1\'w\x03\x08\n\xb7\xba\x0e\xb4\xae\x81\x13\xc4\xcc\xfc\x17+\xa5-|n\xae\xe09f\xea\xc7\xe6\xe1\xe3\xef\xf1\x9a-\xe2\x1613_4\xdd\x8e\xd7e!#\xa3\xc5&amp;\x19\x84-\xb6\xdb\x8b\xd4\xdd\x12\xd3\xe6\xff\x17\x17\xe3\x98\xec\x05A_\x10Z6t\x1a)|\x92\xf9\x19\xc7|\x85\xc6\xff\xcd\xe0\x9d\xc6\x8a\x12\xda\xeb\xfe\xca\xaa\xbd\x83\xa4&lt;\x9a\xb4\xe63[\xa5aD\xda\xf5\x12d\xfc\xdau\xb86\x8a\x0e\xb6\x06\x9e\xf0\xb4\xa8\x8b\xaf\x93vdtBf\x89m\x00\xea\x16\xb5\xc5\xb4\xda\xfe\xa3\xa8\xa9W\x93b\xdf\xa3\x15\xc1k\'\r|\xb4\xcdC\x9fH?\xb003\xf3\x1fB\x81\x939\xe8\x87yvB\xfe\x91\xbf\x99\xa0\x11\x96\x05\x8e\x1e\xc2Fx\x82\xde\x86\xde\xe7\x84O]\xa3\'\x89\xed=\xc8\x7f\xe7V\xbeh\xb54]\x94\xa6\x10\x96\xbf]Y\xd9&gt;A\x98\xf9\x8e\xd9\xddt\xef\x96\xba\x0f\x98\xe4\xc3.\x9d\xc8\x96\xae{\xd7w\xfcdJa\xc2\x13K\xe8\x9b\x99\x7f\xb1\x9dO_\xf8B\t\xba\xca\xf8\x8a\xc3\xe2\xd8{\xac\xb3\xeae\xd9\xb3\xb4\xf4/(\xd9Nh[X\x97 ;\xedP]fq\x91\x9a\x87\xfdzg8\xea\xec\x1fTLw\xf74\x88\xad\xf3\x8b\xaff\x91j\xfe\x1f\x1a\x1f?\x82\x13\x11=l\xb4\xdd\xf0\xff\x1f\xa3~\xc0A\xbf\xbf\xfa\xb1@ZJ\xfb8\xa4\xdb\x12\xf3\x07*\xa0D\x0f "\xfa\xc4f\x91\x88\x88\xfe\x82\xd4\xadLH\xfaQ\xabs\xb3\xa7\x1eT\x13\x85r\xf1sZ \xdc\xc5\xfc?\t\x0c\xe6l\xbc5\xccW\x182!\x90PTYR\xdfb\xda\x1b3_x\xa9\x94D&gt;\x113\xbf\xcf\xf7\xdd4\xf0\xe6\x1e\x7f&amp;b\\\x8bj\x8b\xe3\xb44]\x17H^\xbb\x11KsS\xcb\xc1\x15\x91#\xa1f\xf3\xb9A\x12\x1e=\x9c\x95tXH\xdb\xab\x83\xf1\xf0\xd2\xde\xe1\xcc\xb5\xe6Krh\x85\x85\xb5\xa0=\xd0\xa5&amp;}xW\xbe\xf4\x88\xe5XP\xab\x13%\x1c{\x1d\xb0\xb2@,g\xe1#\x87\xd1nVvY(X\x90\xbfU\x97\xf3\xc1\x9d!\xda\xa8&gt;\xb6\xc3\x7f\x8c\xcf[;x\xd48\xb9\x8a\xea(i0\x15\x9dP\x85\xfe\xc4 S\xd3\xc9W\xb4\xdf\xdf\xf8\xfd\xba\xd1\xde\xfe\xd1\xde\xc5o\x90\xeb\xc0\x129\xa4ZWV\x9d\xfd\xe8$\xfeET\x05\x06\x80d\x04^\xcc\xa1\xaa\xcb\x87\x02\xd7\x15n\x13\xb8\xf9\xe2\x02\xbb:2\xc2\xdb\x19\x86\x05!\xde\r\xaavq\xd4\xb5\xe1\x18\x1b\xc0ji\x90\xed\xff?\x9f\'\x8e\x8b\x0e\xcb\xdbr\xac\xe3\xb9b\xf6f\xd0O\xd7i\xd1^\xf0 &amp;\xf3\xc9\xd4_v\x179\xaa\x01\x0fY]\xa9@\x05uE\x91\x8aJ\x1b\x9cJ\x92:\xc8\xfc\xb1\xb1\xd2\xc27*\x8a\x93\xef\x0e_\xbb\xf7\x8e;\xd0\xb8y\xd5\xa66\x9a\x8bEJw\xce\xb9+J4\x82\xc7\xd6E\x92\xb7\x0e\x19\xbb\x97o\xdb\xd3A\x15\xaeSi7\xd4\xdf\xec\xab\xc5\xfe\xdd\xc8\xcd\xaf\xfd\xba_-\xfc&lt;\t\xbcc\xfb\x18\xb1\x8dP-\xcb\xde\xe5\xfc\xbb\xcff\xd3\xea"H\xe0\xa9\x08\xf1\x0c\xbe{\x19\xc8O\xb6U\x9aJNL\xc4\xfc\xd5\\\x05\xc5Mb\xdf\x93\xe6A\rV(4\xe2:\xdf[K\x921\x86\x03\xf3I\x9d\xb2\x1c\xdb\x89\xfc#\xf7\xcc\xe1\x86\x01\x96\x92\xf6.\xa8\xcfn|\x93\x88\xd9\xd0\xcf*9\xeb\r\xd7\r\xe9\xef\xcd\xdd/\x92%~H&amp;\n\xd6\xca\xbd\xe6\x00|\x93\xe3\x91\x04Mb\xfe&amp;\xc7\x1a\xa5\x93"p7\xee\xe2\xb9/\xb8\x0b_\xec5\xbe3T\xb7HF,&lt;\xb8^)M?\xf5n+-^\x1f6c\xc3\xf0[k\x01\x9c\xb8\r\xe0\x84\xc4\x9d\xd2\tcQ;\xe4\xcc\x0f\x97\x8b\xf2\xd6`\xfb\xffl.\xde\xb2-\x12\x07i\x87\xb4H\xa4z}t\x97\xda\x96\x9d\xc2\x06\x03\xf5\xcd\xd6\x08\t_L\xe5\xbb\xda\xf5\x9a\x16\xb0L\xdd!\xc8\xdcA/\x91\xd7\xcf[\xb61\xe9\xfd\'L\x11\xd9\x9a\xc0\x8f3\x1c\x13\x92-\xa9\x01_1\xcf\x1d\x0fM\xf9\'\x7f\x0eg&gt;\xf5r\x84|PRMv\x11\xad{\x93\x05\xb0\xb5HE;\x7f\'\x0b\xbe\x13\xb0\xcf\xb7\x1e\xc98\x1fn\xd9\xfa\xfb\x01\xfc\xf5\x05\xc1\xe5\xaf\x1fu\xc6\xefO\xdd&gt;\xd2OM\x15\xea\xefXL\x99\xf3\x84\xdd\xaa&lt;\x12\xdaG\xbe\x9f\xb0\xc5\xff\xc4\xa1\xef\x18\xce\x80\x82\xa6E\xf0q\xe7?\xfe\xcc\xf0\x1a\xc2\xdb\xa9f%\xf9\xffR\xf6\xf1\xa5\xb6\x96\xb0\x88y\xff\xce\xd3\xaf\nY\xae\x1f}\xe0\xe0w&gt;\xd6\xc8\xd9\x9c\xa6\xcdc\xf7\xd6\xa8V\xd3!d\xfe&gt;\x87\xa8=\xd2\x89\x84y~\xc3\x8bn\xf1\x9bM\x00\xe0k\x99\xc3)\x94\xd5\xe14\xfe\xb8\xda\x8a\x15#\xf9Nh\x7f\x8eG\xe5\x8cv\xfao\xcbv@\xf2U\x1bL\xd4\xe3\xa5\xa5\xd3\x89\xe4\xdf\xb2\xf6\x1d\x88\x07\x96\x92\xed\xe2\x07RY\xca\xb4\x99\x83\xef\x910\x1c\x1d\x96%d\xdc\xac~\xa2\x03\x05\xc1\x14\xcdm\xdf-\x14v/Up\xec\x8e\xde\xe7\x1b\t\xa0\x85\xf9\x9d\xfb&gt;+\xebJ\xd2\x91\x05\x82?\xd1\xaf\xdf]\xc8\xc9\xfc\xa9w\xe9\x96E&lt;\x03\t\x17#:a\x87\xdf-\xc9\xbe\x19\xe3\xc7\x1d\x8e\x13\xea8\x0e\x07\xf3z2o~l\x87\xd8|ef\xe6\xbb\xedH\xdd&gt;h\xd1\xab\x80\x9cy\xe9\x81dq\xb1\xeb\x97c\xc4\xfc\xa8\xa2\xf6\xed\x14\xb9\xc6\x7f|\x99\xdd\xe6\x0c\x88\xe0h\xaa\xe5\x96*\xe0C\x15\xd2\xd2\x9f\xad\x8f\x92x;\xa5\xf5\x00,\xaa\xa4\xff\x07ji\xa3\x13\xcc\x98\xa8\xfe\xf3\xfc\xa4\xc3|\xc1\x1dFhO\xefm\x975\x00gM\xfb|4/y\xfe\xb7\xc0s\xf6 \x93\xcc\x0b\x84-\x91l\xbe\xe5+\x85\xaf\x17\xb5%\x14)\n=\x8c\xee\xc0\xd8\xca\x8f\xb7\xed\xe3;\x9ck\xf1D\xd2pbl\xf3*\xa9^\xd6\xf9\xaa\xab\xb54]m\xb2\x9cW\x9e\xb1\xa5\xcc50N@\xc9+)\x8a.\xf3\xfb\x88\xfa\x0f$\xa0\xb2\xc8\x95\x7f\xd4\xba\x02O\xe5H\xf8\x97\xf8\x95\x1fq\xe9\xe9\x95\x1e\xbc\x13\xa2K\xef\xef\x81)R\xb1\xd4/jb\xd8Q\x81\x8e\x02\xa7\xdf\x1b\xaczO5\xda\xb1\xaf\x06\x00\x9f\x00\xe2\x06?\x16\xb8\x0b0\xe2\xbdb(\x0f\xd6\x84\x92\x96\x11\xc3\xefU\xa4\x1c+\x9d\x08\x15bG\x14\xd4\x7f"\x11\xc8\xafm\xa7\xe2\xdeU$\xea\x9a\xdb\x85\x83\x96Ggx\xf7(\x1b\xc0\x01\xf6\x9b\xbc5.\x99\x07wc\x17\x8c\x08\xf3\xa3v\xeb\xb8\x8a\xb05}eUE&gt;\xe2\x94H\xb4\x8d^\x8a\x86?\x85\xa5$\x04"J\xfd\xec\x00\x0e\xc7\x19\xd0\xe2\x01\xe0\xda?U^\x88\xb7\xaa\xd0\xff\xdb|\xdcs\x16\x83\xd7\xa9[\xec\x95\xb7\x0c\xf0\xa3y\xf3\xb3\x88\xf8\x97\xf1\xfa7\xcf\x177\xdbC\x11Y\xda\x00v\xae\x1d\xe3\xb9D\xc0\xbf\x17\x0c\xf5\xdf\xf6\xdd\xb6\xe4\x0f\xb5["J\xf4\xfe\xda|\x91\xe9\x18?4\x0f\xb4\xc0\xd7M+\x7f\xac\x8e\xe7?\xf7\xb3n\xfb^\t\x16\x01\xf1\x9c\x84\xb6\x1c\x08\xf4!\xf9\xe7\xbe\xf619\xf0\xb2\x1a\xb0\xdc\xb2\xf9\xef\x9fU\xde/I\x82\xa3\x18\x7f\xf2\x0c\x83\xb5\x06r\x1e\x14\xed\xa4o\xe5[\xf6\xf4v\xa5&amp;\x04h\xf6x\xf8\xe2\xb1\x84D8V\x07[\xceB\xc9\xfcG\x16\xa1~[\xe5\xb7o\xef.\xe6\'\xee\xea\x81f\x9b\x87\xe9\xa5\xa4\x1f&amp;\xf6\xa2b5\xb5a\xf7\xb8\x81\xec\x9a\x98\xff\x81\xfa\xe4\xee\xef\n\x9a\x831|\xaaE\xc7i\x11\xa4\xad\xa6\x12)G&lt;\xa3,S\xd1\x14m\xf6&amp;]\xb0\x86e\r\x15k\xad|\xf02\x8b\x8bt-\x85w\xc4\x94\xbd\x98\xdaRrP\xd7\x93\xe3\x00\xd6\xfdo\xa7\x82\xbaz)\x11\xcf\xca\x05&lt;L\xd3\xaf\x948\xe2\xa7\xeau\xeb\xdb\xd3\xb1\xe7\xe3P\x7f\xb9\n\x9d\xff\xd0\x0f\x97\x19\x87\xfd;\x10j\xa5\xf0tD\xab\xc6@\xe6\xfa\x1f\xb3\xab\xbe\x19L\x06\xab\xb6\x12M\xee\xcc|\xf3\x82\xde}\xbc\xf4\xd8\xdfY\xb2ql?G\xb1\x85\x9c\xbe\xb8c7\xac\xa4$\xca+\x05\x06b\xaf\xbd\x00R\xf4&amp;\x04\xac\xda&amp;\x1d\xf6\x9e\xd0\xa8}\x04\xe10bkINo|\xc5#\xd7\xbe\xa3\x83C\xfe\xd1\xfc\x10\x9d-(\x7fkI\xee\xb1\xc0\xde\xdd#4\x89\xc1\x82d"\xe63F\xcc%\x99{\x8b\r\x7fi\xd5\xae\x9d\xc3(\xb2mQR\xf7\x1d\xfd\xb9^\xab\x95EhW\xdb\xb6\xb4X33\xf39\xf2\xe9&gt;\x1cPb\xa3v&gt;\x91H$GFum\xc7U,\x99\x99\xf9\xe7\xc5\xc7c\xc2qd\xd4~\x9c\xa6\xd8\xfa6\xfcy\xde\xec\xea1\xaaH\xc3$&gt;\xb1\x82\xb8\xc3\x19\x84\xe6w\x0eV~{\x1d!|7Gv\xa1\xee2\x92\xed\xc9?\xeb\x8c3\xcd\xbf\xcf\xd1w\xd7U\xc0\xe4\x111\x9c\x90\x82nA\xa8\xee\xc3\xd7P+p\xf6\xedo\xce\xee\xbe\xa6\xb1\xa1\x17S\xdb\xe8U\xa2v%\xe8T\xda\x07%\xdf~Qg\xe6\x7f7\xcc\xf6\xe9f\xd8\x12\xf2\xf0\x9b30d\x16\xaa\xfbk\n\xfel\xba\xadF+\xea\xef\xe1\x93\x9c\xa0Y|\xdc\xfd\x9b\xae=\xfb\xee-J\xd7\xb6\xe0}wD&lt;vr\x97\xaa\xedAH\xe5L\xdf\x00\x08\xe4\x0fN\xd0\x91\xbc\x90\xf4\xbaV\xe8\xdd\xea\xd5\x9cV\r\x9d|\xf4\xb4zP8\\b~KdQ\x1ba\xa62\xa1^\xfe@\xfe\x9f\xc8nW\xf1\x94\\\x0c^\x01m\xa7\x18\x8cZ\xff\xb4\xe6u\xc1\xfe\xb2\xa3.Y\xcc\xf2!~9\xe3\x0f_\xfa\xd5I&gt;F\x1c\x19U_\xf1\xc5|I\xf2\x14KO\xbdB\xf1v\xce\x99\x0e\xe3W\xd6Kp`,\x9aa+\x8a}\xb5#T|\x88?{\xfd\x7f\x93dI\x1f\x9d\x10\xc5\x9c\x8bZ\x8f\'~Ff\xcd\x03\x1f&gt;\xe2\xe6d9+0\xaa\xdd\xc8]o\x7f\xc2w\xb2\xcb&gt;N\xf9\xa3.\xfc&amp;\xd9\xb6\x0e\xe3~\x89\xf5\xab\xf3\xbdb\x9d\xd3\xa0\xc0\x89\x8b\xe9^\xde\xda\xef58\r\xef\x11d\x00&gt;\xec\xfb\xd7{,t\xe8vm\x89oW\xcfG\xe8\x14]\x07U(\xb0\x11\x16/F5z\x05\x8c\x9dS\xdetw \x7f4\x966o\x1dzjjb"\xfe\xbd\xe2\x93"H\x94\xbc"\x0f\xbe[\x90\xa2\x82\xd2\x8a\x03\xc7\xf0\xeeT\x94\x99yG\xa5\xe4k1\xe6\x10\xc9v/\x85N,\xda\xa1\x81\xff\x17|u4\x16\xf0k\xe3\'\x80\xca\x14\xe6\xbe5\xed7m\xf9\x80\x82\x94\x1e[t+\x8a\x87&lt;\xc3&gt;t,\xcf\xe3\x15\xd8\xd3EZ\xcd\xe1s\xcf\x8e\xde\xa0\x94\xe8\xe4\xdd\x96\x92]\t\xdaH\xebo{\xae\xbc\x02\xc9\xea\xd1!|3\x99\xde\xdd\x1f\xedp\x06\xfa\xfc\x8e\xe4\x1c\x1dm\xff\xd6\x02\xc8\\+.z\xff\xb0\x93\xe7h\xf1\xd6{7\xd6\xf6\xf3\xb3P&amp;\x9f\x16J\xc3\xdfy^&lt;u\xca\xeb\x1f\xcc\\\'\x1f\x99\xea\x0fF\x9f\xabq\x9ep\x94?*El\xe3F\xb5\xf5\x8fT\x1d1\xcd\x05a\xaf\xcf\xa6\xd1z\xfa\xb4\xba\xa5Rs4\xf4\xe1\xfd\xd1\xed\x84\xcf2\x89\xf9\xec\t\x80C\xa4\xf9-\xe7\xb8\xc4\xd6\x87\xb2\xf5`\x92\xe4\xe8\x0c\xd9\x80\xbf\x0f\xc2\xaf\x96\xfa\xddAvVk\xeb\x1a`~\x85e\x9f\x1b\xbd\xee\x90t\x8e\xe5\xfaCZ\xfa;|\x0f\xe1l0_/\xbe\x85\x16\x07\xd2\xc0\x10\xb3\x02U\x85\x8e\xe2e}\xbb\xd8\xef\xb7\x1fB\xd5;h\x00\xfc\xe8`}\x8d\xe8\x15{\xa6\xd7wO]\xack\xbf\xa4\x1a@\xf0=\x99\xf9\xfb\xf2\xdc\x1e\x17\x1ao/7[\xa7\xf8\xba\xb7\xf3k\x82W\xe7T4b\xdbN\xef\x8a\xbbGY7\xa5\x81\xccwZw \x8f\xe1\xe9~\xa7o\xae\x87\xbb\x9f.\xf4\xe6\xf4o\xdb\xe08\x0e\x8a\x9f#\x0b{+\xf2g\x15\xf5Y\n\xbf*X\x88a\'o\x17*b\x0fa\xca\x01\xc4\xbd\xa0\x03?D\x15\xb07\x80\x16\xb6y\xe9@\xed\x0ch\'\xdf\xbb\x1ev\x08\xb0\x05!)(zA.\xa4\xa4:\x85\x1bu\x1a\xb3!{\xb0(/bE;z\xd6l\x08\xef_S\xbdT\xfe\xd1\x90\xf7\xc6\xba9i\'H\xa0\x165\x19\xecD\xd1\x16R\xf2\xe7\xdd\x9d\xa8\xd8\xad\x90c&amp;\xb6\x941\x90h\x15\xd3]\xdd\xe8\xf6\xd1I\x97\n\\z&lt;v\xd5\xff\xb7\x97\xb3\x83W\x9c\xb5\xa2\xbc\xb2m|!\x14X\xda^\xdb\xb0q\xe2\xee\x8bWY"\xff&gt;\xd1\x12\xeb\x1e\xb7\n\xcf\x0e\xa9\xbd!\xd9\x8b\xf0Y\xecg\xb4F~r]\xc2*\xbd_o\xdb\xff~\xcd\xfe\x11\x12P\xb8v\xea\xc0\xed\x8f\xdb\x11\x91\x99\xdf\x8d\x13\xb8\xaf+O\x19\xbe\xfc\xe3N@.\xa2\xf3\xe6\x8f{\xedb\'u\xbfK\xde\xef\xf7\xcd\x16Q&gt;D33\xf3\xef\xae\x96\xdc\xe8\x9b\xeb\xbb\x16~#t\xe7\xa7\x91\x99\x98o\\\xd6\xbeH2`?\xb2G\xe1\xbd\xa6\\\xd2\x89w3A\x8f\x16wX\x97cC\x98\xeb\xbf\xf9o\xac\xe5\xaf\xc9\xf9\x8d\x99\xf9);SqD4\x97~\xfd\xe67j\x00K\xc4n\xc9P\xd2\xe2\xe0m;\x9bsi\xce:\x82\x06\xc0\x97\x191\xf8\xb7\xa2\xfe\x1d\xc2\xf2s\x15=\xfe/\x12R\x17\xbbsG2\x9fa{\x91\xfb\x8b\xee\xa1\x0c\x0e\x8e\xb6\x0f\x0433\x9f\x04\xd2R\xbfH0\x17\x8d!\xc8\x90\x1f\x03\x8bD\xfc\x10\xc4&lt;K[\x82z[\x92\xd0w\xfexql\xb4\xdb\x91yO\xc4\xcc\xfcV\xbbR\xd4\xce\xfa\xa7!\xc1\x03\xd0\xcc\x03\xdf\x95\xadB\x8b\x16\x83\xeb\x1d\xd2R\xb0\xd3\x9b\x19"\x16\x0f\xffkM&gt;\x86\xc3\xb0\x93C8\x94 o\x9f\xb3\xc0\xb3\x05\x92]HY\xf2fl5\x00\xaf\xa2\xc5be\xfe,\x9f8W\x9by\xfd%Z\xe0\x05\xfd_j\x00\x11m\xec{\xe9q\xc3\xd8\x10\xf3\r\xf5G\xfb\xfej\xbe\x86{}\xb2\xf6[\x92\x01\x06\x95w\xf4\xcfI\x86]a\xbd\xe4[6\x15\n?\xf3\xafTP\xcd\xdf\x01\xfau\x12\xddq)\xd4#{\x8a\x92\x82~|\xc8\\\xd3\x1b\xbeI\xd0\x17\xfb8\xee;\xac!z\xa0Q\xdft\x81Y\xedW\xa2\xb2\xbeM\xf8\x98\xdf3bP\n\xea\xba\xc2\xa8\xc9#\x80\x7fF\xb4 \xbc\xa0\xfd\x04n\x00\x15\xe0\x07b!.F\xf3\xdbX\x98\xc7\xd4\xb2Y\x1f\x03$GN\xc1D\xc83\x07\xe2\x87\x9c\x82\xf3\x1c0\xcb\xd26\x9b\xdf?\x16\xac]\xea\x8e\x8a\x03W8y\xf8\x1a\xb0\xde\xc9\x0e=\xc0\x05\xf2AT\xdf 5O\xbd\xc1\xb1\x8a\x1a\xc3\xf6\xa8B\x86\x15q\x8f\xcfu\xab\x0c+\xa8T\xf4\x91\xba\x13\x80n]\xe0i\x85\xe0\x84(y\t\xf9\x97&lt;\x9ea\x81\xb4}z\xc3\xd4\xdf\xb5B\xfc\xec\x9f\x9a/\x0bAz\xf7\x18)oE\xa5\t\xc6\x0c\x83KZ\x85;\xe7W&lt;~\x8f \x8a\xeb\xb8\xba\xe1\x1f\xec\x86\x8e]\x9d\x03&amp;\xbbJ\xbd\x7f\x91\xfc\x91\xc6\x08\xd560\xba[\xeeZ\xddr@4\x85\xff\xe3#6Q5\xd6\x87\x7f\xdd\xb6\xa3"F\xc7\xc32\x98\xc2\xb1u\x9f\x1f\xbc&lt;\x99T\xfc\xcaV*^\xaf?\xc6\x1d\xc0\x95E\xe2\xcb)\x90\x07\x1e\xc1-\xe9 \x9a\xdb\x9e\t\xc7\xbdfxeR\x1ck\xef\x0f\xe8%\xa5\xdb\x9e\xaf\x1d\x85\xb48m\x9cx\t4\x9c\x88\'\xb6\xf8\xb7\xd6\xe46\xef\xdc![&gt;u:i\xb6\xb1%\xc27\x8cn\xa0\xde\xef\xcf\x8al\xf3\x10\x10\x9e\xf6\x89.\xc7\xb3\x96L\xc2\xe6A\x84o\xb8\xc2\xeb\xbb\xf2\xcc\xd0\xc9\xcf\x0f7.@\x1dO\x88*+n\xa6o\x1d,\xe5\xcfyG\x0cF\xa8&gt;~\x0cu\x1a&gt;=(\xe6\'\x9d\x18FYJ\xca\xbfY\xcd\x8b#X,L\xb8;\xa7\x15\xefp\x98\xf9\xc5\xfd\x1d\x17\xe6l?\x86\xc6\x17\x07\xefOW`;\x82y3\x92\xff\xc8U\xb0\x97&gt;\x07T\x1e\x8f\xf6\xe4\x81\xef\x90*\xcaO\xae\xebf\x8b\xc3&lt;\xf2\xf3\xb3#\xba\xb5\xdb\x11\xea\xc87.\x92\xb9\x13C\x0f3\xc4{\xa1\xfca`I\xd1H\xb5,a~\xc3\xc2jU\x02\xe0\xde\xea\x9a\x95\xd7\xce\x17\xe7\x9b\xee^0b\x1e?=i\xfa/\x0f\xa6\xf8\x10VV!\xb0\x1d\xfaK\x9b\xa3\x84\xb7\xdb\x07Gy}\x98s_\xe5\xb55E\xa3\xdb\xa5w\xa0e\xb7d\xcfl6\x8c&gt;\xb41\xf8\x93\xbe%\x86yL\xb4\x92\x86.=8\x82%\'\xcf\xe6c\xb1\xab\xfe\xba\x10lD\x8b\x98Y\x94\xe0\xe4\xc1e.\xd6\x8b\x1f\x02\xc2\x9e\xba\xb7#\x04\x07\xf0\xa2#mV\xec\x02\x8cGu\xc4\xd9\xb4f\xba/\x80&lt;\xde\x06\xb0}\xfe\xac~M\xb4\xc8j\xff\xd81|\x109\xc0\xf1%z\x9a\x94\xb5\x94\x8f;%\xaa\x84\xaa?\xfd\xaa?\xfcW=\xd67\x86[no/\x1cK\xcca\xdc\xf2J:N\xe5\x82\xf6\x10\xcfB\xe7\xebI\xc4\xde:\xaeP\x1aw\xad\x97\xb3\r\x86\x9a\x1c~\xc8\xf8;[\x8a\xff\xc48\xee\x19\x15\x13x\x9bwG&gt;\xf7\xf6\xe7\xb2\xe3\x8d\xc5\x89\x91\t\xe6\'\x96\xa6\xc5\xde\xdf\xe69wI7\xdb\xf9)(\x8a[\xa4\xf7/\xa6-\xa1\xc6\x9fD\xcf\x1cC\x17l\x18v\x1e{\x86\xff\xd4}\xb8\xabo\xff.-\r?\x0e\x9f@O\xaf\xdb\xbf\xbf&gt;h\xf3\x8e\x89\xc0\x83\xb2~\xc7\xb5\x8d\xa8\xca\xad]\x11\x8b\xaf\xc7H\x07}\x88\xbc\x8f\xe4\xf7\xe5\x8f\xed\xf1\x1c.\xc6\xcf\x80\xadF\xaf|\xae\x1f={\x92\xfe#\x82\xe3\xf7\x00\x1b&lt;\xaf\xdb\xe57H\xb3\xed\x850\xa9\x97-\xf3\xab-!\xe1PN\xcb"\x82\x9dx\xd0\x9b\xf7\x85eg\xb4\xafw\x80K\xbe\xc9\xef\xdfi\x88\xeb\x92\x84\x15t\xd0\x85\xb2@\xccW\x82\xeb\xfe\xfb|\x07D\xc9k\xee3\xb9\xaa\xb1\xcd\xfb\x87\x15\xa8"`\x91\xae5\x08y\xda\x9b a\xe6\xcd\xaf\x08^ v\xb3\xf1\xf4\xcbv\x19\xbd\xc3kj\xf8\xd1\xf7\xa0\x98pch\xcd\xf2\xfc\x11r\xfdq\'\xf4\xcc\x1d\xc9\x19\xd2!\x94\x10\xdfk1\xdb\xd1b\x1d\xbe\xd5Q\x03_\xf4\x9d\x80\x1dyx\xb7?z$\xc4\x1eB\xfc\'\x8a\xbeCpX\xd4*\xe0\xdf\xe0\xbb\xb8\xa4\xe2\xc5]\x9b\xfa\xe5\x85\x87di\x030\xac\xfc\x1f\xdb\xe6\xbd\xfaVp\x1d\x87\xd7\xa5\rA\xdfr\xc0Z\xda\xb7\t\xe4\xbb;\xb7w\xec%&amp;b\xfe}8\\C\x81\xb9\xb4\xa5\x94\xcb\xdb\xe1\x80\xbf\xc7\xf7\xce\xbd\x92\xeeK\xc5\xceIf\xcb\xeaw&gt;%E?\xbd\x03\xb7\x1c\xac_\xd3q\xed\xf0P\xbf:Xg"\xbe!1\xe3\xbf\x14\xdb\nM\xb0\xbe3;\xbfs!\xff"\xdd\xfe\x0fE\xed\x10y\xd1\x0fQ\x81.&gt;t[N\x97\x7f\xa0\x88;`\xf7\x18\x82T\xdb\x97}\xc7\xfbT\xda\xed\x89\xd8\x07]r\xf4\xf2\xf0\xc8\xe8\xc8\xfc\xe4\xf3v\x1f\xaf7\xe0\xf3\xfaa\x11\x18!\x0be\x94\x99\x98\xbf\xce\xcc\x17A\xb7\x8e\x91\xeaO!\x95\xca\xb8%\x92&amp;6\xe1Y:\xa1\xcb\xe60\xbf\xe7\x01{9}j\x81}\xda\x7f\x9c\x92\x81\x88\xbf\x11\xc19\x14Z\x17\xb6\xa3\xa9\xcb\x07x\xea\x8b\xb4\x8f\xe30d\xdb\x89\xd2]\tQg-\xf8\xa1\x89D\xa39h\xcc\x7f\xb6=\xaa\x1dS\xb7P\x93\xe59\xc2\xa3\xb2ZU\xf2]\xe2\xa2v\x1c\xc5\xf8\x95KI&amp;\xd1\xd9\xf5\nM.\xc5\x96\xda\xa4\td\x9eo\x94\xe5&gt;_M6\x9b\xa0\xe2\x06\xe0~\xd7\xc5\x11Sm\x16a\xfe\xe3#\xc23\xa4c\xf1\x14\x07\xd7\xdb\x8a\xdaE\xe0U\xe2\x95\xdf\'o\xaft\'B\\y\x14w7\xa7Cpb!\xaa\x01\x1c\xde0 \xc1E\xf1\xde\xa6\x04$shc(*Z\xed\xbc!\x86]Q\x90\xdf\xf3\x1b\xf9\xb2\x90^|\xf7\x0fOj\xac0Wu\x1d\xdf\xe4\xcbDW\x90\x1f\x8f\x16G\xa4\xee\xf6\xeb\xa4\xed\x88\xc7o\xf9\x90_\x8cg\xd8u\x1aw\xcbv\xf4\xf4#\xfa\xe3\xc6\x15O5\x8b\xd3\xadg\xf0\xe1\x7f\xbf\x17\x92\x9c4\x8b\xe8+l\xe6\xa9\xa2\xbe\x17~/\xdalLD\xec&lt;\x00G\x1f\xcf\x8d\xbf\x9a\xdfv6\xcb\x88\xebo%\xe2[\x81\xef\x1f\xec\x8a\x98\x99\xf9b\xf6\t\xe3\xb8+B2\xe2 \xe6m\xc1\xec\xbb\x16Ly\xb2noEx\xfcs\x04\xdbH\xde\xb9\x90]yy\xa5\'\xcb\'\xa8%\xdfa5\x89h\xe4\x87\x8bj8\r\xccx\x85\xb8\xbec &lt;y\x1e\x0cq\xd6\xbe\xa1\xba\xf4a%\x1apr\x19{?\xdb\x85[\xab\x9f\x0f\x98\xef\xcbD\xcc\xff\x93\x98i&lt;\x99\x17\x9a\xfa\xe8\x90\xa2\xdaR@E\xc5\x85\x83XG\xd9\xbe\xa5\xba\xc5\xd9H\xe5\xb7.\xac3a\x1ftPe\xea\x08\xa8\x95\xb5}\x1b~X\r\x00\x12x!`\x1b\xc0\xdc\x06\x86\xa2\xe2[\xd7Mw\xc9\x11\xac\xee\xb2U\x87N\xef\xadq\xaeQ\xb0\x04\xc9\x90A\x8d\x1e\x058\xec\xeax\xe2\xd8\xed_\xfd3\x9f\xbcz/\x1d\xe1\x83Wd\xe6\x96\xe6\x0b![\xca\xc0b\x93\x8f\xc3\xf5m\xb4\xd4\xfb\xd3\xbe\x89\xff\xdf\x9e\xe5\xaf~\xe9=\n\xc7\xa17\x00\x0e\xb2_W\xe4\xf1\tat\x00\xfeg\xc0\xaf~x\xa6T\xd7v\xe4L\xd9\xe1v"-\xbc%\xdbgM\xd5\r\xf5\xc7h\x1e\x9f\x8e\xe8\r\xedb\x0f\x9c\xff6o\x8e\xb3\xa6\xf7\xf0\xe9h\xde\x19\xc2\xc7\x8b\x803z\xd3i\x05\xf6\xaa!+\xc8:|[S\xd1W&gt;\xb1\xeb\xaf\x19\x8e\x8bv\x88pW5\xe4x\xc8\xbc\xdb\x19\x15\xb2\x81\x9c\xa5nX\xed\xbb\xfa;%\xe6\x07E\x0f.G\x13\xb7\xa6E\r\xe3k\x7f\x9a\xde\xf7K{\xf6t\x11\x11\x8b\xdf\x1d\xc1[\x01#\xa1\x0b\x1e\xc0\xcb\x84\xc4(\x9fr\xabs\x03?I\x84\xcc\xfdkq\xcbR\xday(\xcb\r\xa0\xd4\x08w\x0b\xaf\xbd^\xe7s\x86\x1awK\xcc\xc4\x8f\x85\xeb\'Z\x03`q\xe1\x86\xc4\xb52\x93"\x1b\xfbg\xd1\xdb\x9e\x9d\xd3qE.z\xf2\x18ba\xfdO7\xa73\x90\x15\x9d\x92\x81~\xf0\xff\xb5\x11O\xa4\xae\xc0u\x14\xe4\x81\xb4L\xf3\xae\xc7u\\\xf6\xd1\x9d&lt;#\xd6d\xac\xfeN\xcf\xaeh\xe8\x19\xb0ev,\\_M\xe7\x0bP\x15In\xb9@\xc2\xa6\xc7\xdf\xc1\xe8\x10\xcc\xc1\x87\x92\xf7\x8bH\xbc\x03\x11\x8b\xdb\xd5D\xfc\x1a\xe1\xe31\x80\xfd\xfbn\xa95\xdf\xbc]\xe2V\xc6\xc6u\xd2\x99o\x9dGgJ\xd0/\xee`\x00_\xfb,,\xafOfG\x8ayK\x88J\xef\\\xd9\xc5\x8a\x97/\nz6\x03I\xfe\xf9\xcc/C\x82oUe\xac\xa7\xd5\x8f\x95\xb1\xc0\xb7\xd5\xd8\xf6b\xdc]\xf6!4\xa5\x15\xd3R}\xe3\xc1\x91\x7fi3\xa5\xfb\xa3\xe7\x8fkd\xe2\xb9\xa9\xcf_D\xcc|\x01\xc7&lt;\x84\xba\x9a\xf0|\xe7V\xce*\x98A\x0f[\xfb,\xec\x95\xb2\xfb(\xca\xd6\xd3\x9a\x9c\xee.\xabb\x00`\xcb\x11r\xfbT\xf6u?i\x03;!8{&amp;\x03\xa9A\x92\xbe\xd8\\\x80\x96\xdd\x05\xa1L\xcb$l;~\xad\xdejal\xa3w\xdf\xd5\xb0\x07n\x0f2Gl\xe1\xf3"\\\xe1\xadc\xba_R#\xdb&lt;\x19\xf5\xff~|\xec\x17Q\xbc6_\x07\'_z\x83o\xb1\xaf\\\x81\'\xd0\x18K\xba\xb2\xabv\x85~mHi:pL\xd1\x1e\xd3T6WWD\x02\xf3\xed\x07\x95Y\xc3\xd2\xbf\xa7\x1e`$\x0e\xb5\xe8\x84\xdc\xe2\xb5\xe7rf\tk\xd8\xcb\x97\xaa\xd8\x15\x1dn\xc1""\xe1\xb7]\xa1dV\xef\xf6W\xa4\xe8\x81{\xacD\xc6\xea\xe2\x93oc[q\xecwR\x0b\xc2\n\x0b\xd5\xe9\x7f\xecw_\xc3p\x8b.\x13BFO\x06gsZ\xc6\x987\xf4I"\xbe\xd6\xaalk\xf0\x90:\xe6_Jv\xb5\xeb\xdd\x12\xd7\x12 I\x06\x08\xcc\xb0\x15\x1d\x95\xab\x90&lt;\x02\xbc\xbd\xbb\xe7\x9f9\x1cP\x84\x7f\x1d\xae\xd5O$B\xef\xd2G\x99Uj\x062\xfb\x04\xc9\xe2_~\xd7Uy?\\\xa6\xfc\xf8\xe8\x19$\xd7\xf6u\xec\xd8\xe8a\xed\xf4\xd6\xf8!\xdb\xa2\xf3ov\xd5\xa1\xc2\xef\xbd\xd4%\x1c\xfd\xe3\x18\x8f\x06\xccu/m#\xab\x17\x9c\x84\xd8\x0f\xb7\x94lg&amp;\xfe\xa71\x18Z\x12}\x9c\t\xb8\xd8\r\x9e\xc3\xf2W7\xbe\x97,u\xf4\xce\x13\xe5L\xb3\xd8!\x96\rZ\xcf\xb6\xa7\xec\xad\xbc\x04+\xaa\xde\x1e!\xbf{\xbaxe\xc2\x93~\xac*ryHs\xd6%u\x82\xfb\xb9\xfe\xdb@\xec$\\*Z\x05p\x9f4D4\xa5`&lt;\x85mJ\xdb\xf8\xfc\xbb\xbbJ\x05\x9fq\x97V\x8dh\xe1\x14c\xa0\xb67\x06\xbb\x0f\xe7R\x91a\xc5,og\xfe\x89e*\x05\x99\xa60\x8a\xbe&lt;3a2ti\x19\xec\xd5\x90;\xd4\xe8\xd6\x0b\xe7\xb3]\x92\xb3\xfcTo\x89=\x19\xbc\xe4\xca\xeb\xb7\xd3RQ\x91\xe0y\xdf\xae\xb5\xe7\xd40\x80N9\xad\xaf\x14\x9b\xbc\xff\xf0\xa7\x0c=\x85\x1fp\x03`f\xbe9\x88\x9fz\xff3\x1fO\xd4!\xada\xd9\xf9\x7ff\x7f\xbc\x90\x9d`\xda\x1e\x9f\x8a\x8a\xcb\xe2\xbd\xb5\xed\xf3;V\\\x87R\xbd\xbb\x8dgR\r\x1b\x83[Y\xa7\x08\x8c\')s\xc9\x8dY\xf5W&lt;tu\xf4\xb0\xb8\x04\x7f\xc6\x8dKd\xed\x15\xff\x8a\xbe\xbe\x0c\xf9\xd6U\xc0\xdbn\xe6\xb3\xa4f-\xd7\xa5\xf4\xeeFh\xa6\x0eN3\xeb\xc3\xc1j\x1d.\xae\xb7\xaa\x9e\xb4\x87T\xf5\x05M\'\xf3=#\x9e\xda\xf9\xf43\x9d\xdc\xc6\xa2\\\xbeIW\xba\x15\x110`Z\x05_\xb4\xbd\'\xc4\xc5\xf7\xfeF\xa8~&amp;{Y\xc4\x03\xc5J\x94\\\xcbW\xc8S\x0cSR\xfe\xa7\xe8\x9fS\xfc|\xc1\xdc\x15d\xda\x18\xc0C\x8b\xa2u\xe6\x9f_\xb4E\xde\x92\r`\x87\x95\xb4\x08\xa3\xb4\x1d\x05H5\x804\xd0\xbc\xf0\xdfi\x1a\xe6-\xcae(\x7f\xbe\xb8\xd9\x80!\x11\xbe\n@\xf1PD\xa8f\xc2\xc9v\xc2P&gt;\xc6\xd6\x1b\x80a\x96\xdb\x1e\'\x14\xb1\xe1\x14{\x17`&gt;\xa8\')G\x85:\xfb\xf5}\x9b\xa0f7\xe1\xf6\xbex\'\x1d\x91\xbe\x117\x80\x91\xba\xa4\xfe\xb7\x93&amp;\xf0\xb4[ls\x8c\x89\x98\x1f\x9e(}\xc4F\x08\xfe+\xdc\xca\x96\xe2:\xb2E~|om\xdf@\xd7\xa2\x80\'\x87nx\x16\x93\xd3Z,\x94\x07}\xbavG\xdb&lt;\x8d1\xc8\x93\x13\xcdm\xb2\x16\xf7E\x1d\xfe\xf2\xe4\xf8\xc0\xac\x04p\x13\x05*\x05\x8d"\xb1?\xbfV\x9e\xf7Y\xbc\xb0\x8ey\xc6.J\xf6.e\xdbz\x84$]\x8b7\x8b\xefk\x8a\x8c\xfcZ\xd5\xc8\xc9\n\x8c\x9e\x17\xa96\xf1\r\xc1\xe0u"f\xfe\xeb\x05r\xfejK$\xa4\x0f\xd4\x82\xb9{\t\xa7\xb7w\x87\xd9\xa2\xc5\xeeN\xd6P\xd7\xd1h\x81\x8fS\xcc\xc3\xba\xe7\xddn\x06)\xa8\xe2\xb0z\x84&lt;i\xa2F\xeb\'\xbeKD\xaf\x05\x9c\xb4\xac\n\xbc\xd7\x0e\xfe\xe6\xcc\xcf\xedtK\x07-j\xe9\xabKv\xa4z\xe5F\xe7^\xbc"\x14%\x89y\\F\xc5\xa1\x17a\x9ee\xf2KC\xfe\x82\xa2u\xa6t\x90\xe1\xdd\x80\x7f{\x97\xbe\x0f=\x81\xe5\x04_Xc\xce]\xd4\xca\xfe\x9aN\x9b\x9b\x98\xbf\xefR6\xf4\xbc*SL\xe7Y*\x7f\xfeY,\xaf\x97\n^\x8d\xe0\xb5\xa5\x1b\xa7l\x07A\x12Y\xaf\xc5\xae\xadA\xfc\xdeA\xa5\x93\x1f\xdf\xdf\xc9a\xcb\x8b\xa3d;p\x9a\xebE6\xccV\xd6W\xfbsi+\xad\x90\xe0\x94[\x96\xbdf4 \x97R\xe8\xcf\xe0\xc6\xea\x9c|\t\xd1\xe5\xeb\xa8v=\x1b\x16Q\xaf8)\xfd8#\x1d\xa5\x87\xc5\x02O$_3(\x99;v`z\xfa(\xaeW\xcc\x1f\x96\x0c\xbb\xc4\xb4s2\xf86x!ho-\xb2|\x1d\xed\xd4\xa2]\n;NEb\x1c\xf3~\xbe%\xad\xad\xec\xc9\xa6\xcd\x9f\xf1R\x00\x8a\xef\xa6\xe6\xa3R\t\xf5\x03\xc1\x1c\xb0\xbe\x01\x84x\xb6\x97\xb251\x13?\xb1\xcc\xecV\xfc\xefk\x15\x95\xb7\x14\x9a\x1d\x1f-\xad]\x97\x82\x1f\\(\xa1\x14h\x18G\xbe\xf3\xe2\xa7(\xf5\xa0P\xc6\xb6.\x1b\x87;\x0e\xab#\x18\x0b\xe3\x8a3\x18\xcf\xa7c\xfclT\x05\x94O\xcd\x96]\x97\x7f"f\xff\xe7N\xcb{\xc5\x05\x1e\x06\xc7\xdawf\xce\xec\xf3\x92\x96EZ\xa1\xd0)\x82\xfa\xee\xe7\x17\x8a\xad\x10\xe2\xdcq\x03\x98\xf0\xbc\xa8\xcc\x99~\\\xa9})\x7feZ\x0f\x02\xb7+\x0cE\x82qZ\x1a\xb8\xa3)\x83\xe6\x1dQi\xcbvI\xc8\xfc\x86\xa1\xfc\xd5\xc2wO\xc6\xdah\xb2\x90#\x1b\x96sa\xf7\xb3=3\xb5\x7f\xa7\x1d\x95\x805\xb0\xa5Ls\xeb\xb3\xa0\xed\x87r\x1cS+\xbbKq\xed&lt;\xaa;/\x88\x94\x17\x8b\xad\xb5\xd5\x1e\x02\xa4\xae\xbe\xb6e&gt;\x94\xe0\x85\xb0\xcdC0~\x17t\xf4\xe7\xd6\xb8c\xf6\x92c{S\xb8\x1d,\xee\x04\xd8.\x84\x00\xb1\xeb\xde&amp;\xa5)\xbdH\x14\xad\x8f\x00\x00 \x00IDAT\x1d"+j}\xbd\x9a\xb7\xd5\x9f\xaa\x8f\x88\x16\xcf)\x05\x06t\xe4\x13\x86\xaa\x16\xc9Z\xca\x0c\xad\x91D\xb9O\x86\xeb#\xa0\xa2Z\xe3\x1d\xde\xee\xcd\xc6\xdc\x9e\xf1w\x08vUy\x87\xd5_\x1c\x83\x07\x87L\xdb\xc3\x88\xb0\x05\xeb\xc9\xdd&amp;\xf0\xb8\xd2%R\xdb\xa6\x9c\xb0\xb1\xa1\xb0nYR\xeb$\xc3\xbd`W\x91\xed\x83\xd9\xdd\xc7\x88l\x9f\xc1|X?\nDO\xc0\xcc|/\t\x83\xd3-\x8a\xe1i6\x85\xee\x11\x81?\xac\x060Od%\xe6\x9a\xc0\xe4\xf0\x17\x0f&lt;\xf3\xfb\x98\x88_\x86\xb3\xbfx\x1a\x99\x99\xf9\x96"\x84;v=\xc7H\x96\xd6\x0b\xe8\n\xb9\xb2\x93\xba\xe8\x8b\x05\xcf\x92\xbd\xf8\xa9,\xae5$\'"\xbaU\xab\x11\x96\xbe\xba\xa5\x99\x03\x84\xc1\xf5\tG\xa2\xba\x85\x8dmE\xd6l\xd9\xea\x827\x96\xea\xba#\xf7\x8f_\xab\x15oG\xbe8L\xe7B\xfe\xa7\xc1qc\x9bOP?\xadH\xfe\x81RG/\x17\xcbu\r\x16\x0e\xe9\x91a!\xc0\xa8\x84\x9c\x08v\xc9\xb4\x91\xa2x\xef-F\x0c\xeb\x04k!\xe2\xfa2\xe9\xdd|/\xa4\x17\x0bN\x8e\xbf\x853\x08\xc4B\x13+A\x97)\xe7\xf3\xa4\xa4%X\\\xf4\\\x18\xe0\xaf\xe8\xdf\x19\xedD[\xe4\xb4H\xf8\x0b\xc7\x02\xbf^\x7f.7H\xf6\xed?\xd9&lt;\xcc\xc5\x162\x93\xc2=\xb0\xc9\xe7\xee\xc1\x96zL\xb2\x8f\xc9\xc50\xabF/\xc7\xe5\xdeQ\x11(a[\xcdV\xd7$\xfb\x7f\xaf\x955\xedJ\xdd\x08\x12\xde\xb8P\xd1\xb4\xeb\x0f\xa5j{\xf7W\xba\xf9?\xce\xe2%O\xb1Jn\x83\xadZ\xfd\xd7f\x05\xd2XZ7\xc2W\xbc\xa0\x18\xc0\xa8g\xecZK\x8d\xba*ga\xca\x0e}\xa8\xb7\x8c\xda\xa7{\xdf{\xd6\x9d=v\xb7\xcc\x99?\xee,|\xdd:\xfc\xf8\x927\x80\x97o\x93\xba\x87B\xf2!\xc0?\x10Xf\xfc\xd2&amp;\x8bG+=C\xe1c\xa8\x8c\xaf\xbb\xa2Y\x01\xf3}``\xd0\x8az\xe3\xb1.\x9c\xea\x11\x8a\x99\xf9;\xea\x1b\xb7qI\x04W\xbd]Q\xccn\xfbj\xdd\x18O\xde\x03\xee\xcd?\x142\xec\x08@\xfa@\xb3+-\x0bU\xcb\x8d;\xc4\xe0\xbaZ\xf0D\xee\xc6;3\xf4\x90;MKg\x05\x00\xcfy\xbbnx\xc4y\x94e6yi\x9c\xf7\x0c-\xe4\xc4i\x0c\xb2\x08\xb6\x95bN\xd7y\x16\x1d\x00\x9b@\xf01MK\x96\x98\x8b)(\xb9\xb6\xa9\x10F\xafW\x1dkG\xeb\xc5\x82\xc2\xed\xbfI\x90.\xf7\xe0\xf0{-;L\xd3\xa8\xb8Wh,\x1c\xa9\x83+\xcc\x17X\xf7@6\xdc2\xcdI|\xba\xe5R\x17b\xc8:\xd9`cOE\x98\x06\xee\x98\xf4[\xa2\x0e\xe4x6\x02\xf6\xfd@Y\x95&lt;\xca\xa2\x15\x19\xee\x9d\xd6\xaf\xd7\x8a=\xe8v\xb0\x89\xfd\xb7\x8b\xeb\xcc\xa1\xfd$\xbcXM\xe5y\xe2\xee\x02a"sXJ\xa2{\xd1\xaeH`&gt;\x00.z\x92\x88F\xad\xe2v\x0fu\xd96\x8d\xa4\xb8X\x85\xb1\x80\x88\x88\xf8N\xabp/\xa7\xc4M\x91\xbd\x1d\xe4\xce\x00\xfc\xf1\xb6\x12\x82[7\xb5\x9cCQ\xf3E\xadBE\xe5om\xde\rP\xd5\x98\xb9\xcd@\x11\x03\xd5\x06\x88\xe8Vn\xddnm?\x1eb&amp;\xe6\x8f\x12\x11\xdfu\xdcQ\x03\tlr\xc8H`&amp;\xfe\xad\xf9z%B\x15HS=W\x97\xbfh\x10^T&amp;\\\xc6\x80S\nf\xf0`\x8c\x9al\xb9\xc3\x08\xba\x92\x9c\x956\xd2G}\xdf4z\x17\xb4.\xc5r\x8d@\xd6\xbd$C\xca\xa9\x90\xc7\xc2\xf9\xf4\xdb\xe2\xa4\xe5\x0f\x9a6\x8bv\xe7\xb4\x15\xc4\xcc\x0fh0\x88n\xd8\xd6\xd3-\x8b\xe4\x8f\x18Bu\xf1Q\xea\x1bWS\xf2R(\xd2~\xe8mA\xbd1\x10}\xb2r8\x99m\xddd\xb6\x87\xc7\xc8\x90]\x9a\xf9\x15\t\xb0\xab\xe1v\xed5N\x9f\x86\xcf\x01\xd0\x16\xdf\xabv\x1b\xb0\t[\xfa.(\xca\xaa$\x00\xd2^+-8?^\x98g\x8b\x9eEr\xca*i\xa1\r,W\xd8\x85{$ \xc4\x9a\xe17\x82\xbd\x99\xa22H\xde\xdb\xbf\x1f4I\xc2k\x83\xb5%\xf1\xc3\xc5\x0c\xb1pB\xa7\xba\xb1n\xaf&gt;\xf2\x8f\xe7\xe52\x89\xe8\x9c\xbb\x7fFY#\xed\xb0\x1e\x15\xb2\xd3[&gt;\x9f\x83&amp;\xc1\x1cU\xa5\xceVQ3s\xba\x96\x83\xea]X 8\xfc\xb8|.+\xd2\x93\x82u\x99\xc7\xe0\xee\xe8\xd7o4!SUK\xc9\x88z\x12\x8a\xefF#\xfe\x93\x1c\xa9\xd8%;\x88\xe2p\xaf(j\xbe,Z\x81\xba\xd7\xc2\x8dKI\x0e4\xdb\xd0p\xa2\xa4U\xbe\xdam[U\x1aQB\xb2\xbb0`\xb6l\xf6\xf9\xbb\x9dSi+\xda\xc6\xa9\x95\x9803\x9fo\t\xf3\xc20o\x8b_\xa8\xdcI\x92U[\xa6Vw\x81\x1caA\xe9\x90\xc9\x9c\xc3hG\xdc\x8d\xb8R\xadf\xe6m\xd1\x86{Gw\xbdh\xd3\xf2%g:\xb8\xd8\xbb;\x9f\xb8\xebeq:B\x02\xc9@\xec\x88\xa1\x80No\xf9\xc1\xf5QK\xd2f\x91\xc4|\xca\xa4\xed\x9e\xe0\xdf\x06dn\x15\xedp0}\xeb\x8e\x9fBvIs\x1d\xbc\xdck\xf5\xcat\xed\xde/\xb7O\xad:\xcc\xc5E\xee\xea\x9b\xf8\xda]\xec\xf6\xd5\x96\xd3\xdc\xaa\x0bY\xc6\x1f\xa5\xb2B\xd5\x9eN\x98/\x12\xc9\xd1\xcf1\xc1\xb9\x85\x06\xe2\'\x9b\x1cv\x0f\xee\xad\xdbk\xb4\x00\x18P\x97\r\xa1{\xc8f\xdc\x99\xd6&gt;\x9f\xb1,\x10_\x95\x8b,M[g\xc86\xd6\x0f\x1b@{z\x06\xeb\x90?-\x82m\xfdh,Uo)!\xc3\xd2\x06\xb0\xf9\xfa\xb1e0\xf6D\xea\xf0.\xf1\xcc\xf6uo\x8f\xd4b\x16\xa5&amp;\x0b\xea\x8bz\xdd=t\xcf\x8b%\x00N\xb2\xbeh\xf4\xf5\xae\xb4h\x9a\xe26\xdb"9m\x13\xf3\xcf\x9a\x8d\xe9\xb9e\xe6\x1b\x15\x8e\xb7\xbd\x1b\x9c\xdbH\xc0\xb6t\x8e\xd9\n\x7f\x14U\x0f\xabY\xb1\x1a\xe6\xba\xc9z\xd1\x168pl&gt;|\x98T\xce/\x07\xb2\x9e\xd4\xa9\t4\xb3\x8b\x8eq\x17\x7fmA\xb0\xc6\x90VlQEC\xaeo\x87\xc4\x05+\x97f\xee\xed6\x9a|\xf5\xf4\xee\xb2\xe7\x98\xa3N\xb3\x01\xd9|\xda|\r\x12\xb3\xd5woB\xfe4\xed\x95&amp;`\x9a\xfc^\\\x82*S\xaf\x1d\xc6\x16\xfe\x12\xe8R#H\xf8tE{\xa31-\xdf8~\x93s\x06\xf1(V\xc1\x9f|\x87\xf9\xe7\x0c[\x002\xc7\xd3\xe8\xc7\x06\xc8\x8f\x8c\xbc\xc9\x1b\xf7\x98&lt;\xe7\xfb\xf6d[\xd7\x84\xb6$\xe6\xab\xa1#\xe6\xd9\xd0C\x00\xba\x8e\x06\xff1\x92\xfd\x98\x7fd\x85\xce\x9f\xcd\xb6\x90\x0f7\xb9\xcc\xbav\xb7\xf2\xb7\xc5\xbd\xc7OI\xf1r&gt;\xdd\xd9\xf3&gt;\xeb\xe4\xa8\xf7D\x19\xbc~\r\xe5\x1b\x1e\x9f"\x99\x16b~\x1f\xca\xa7\xber\x8d\x1a`\x8a3I\xf6\x14\xa3\xce\xb1\xe1\xbd\xd3\xf5\xe8\xa49C\x1cC\xb6\xbbDGs\xd2q\x07^\xcec\xd8P\xaa_\x85\xef\xbd%\xd8\x12m\xb4&amp;x7\x87\xee\xbf\xf5\x16 dy\x00X\x9c\xbb\xbdT\xff\xdd\xc9\x19z\x89\\Y\xe7\xdf\x1bLu\x81\x10 \xb0\x820\x02#y\x98\xe8W\x8a\x12\x8f\x92\xb2:\x08\x1f\xac \'\xfa6\xfd\xfe\x8aB\x1f\x81Q\x8c\xdb\x82\xac\x8c!7\x96?\x93\xf8\xde\x90\x18\xb7\xc1\x0c\xee%\x90\xe3\xef\xa8\xa0\xae\x04\tX\xef_\x17Q\xd9\x07+ixPw\xafQ\xff\xe4\xf1WF\xfc?&gt;\xedR\x9e\xb0\xa9{T&amp;L\xa5\xcd,\xce\x91\xbd,*\xee\x10\xdb\x92\xec^\x89sK\x86\xbd\x12_d\xd9\x01?2j\xc7\xe1\xf0\xa0\x05\xb4\xee`l\xe9|\x16B\xc6\xf0\xd2\xbbD\xc47\xea\x05W\xcc\x05\x9f\xda\x88g\xea\xf5bhNa\xd8\xfc@3!\xe9\n\xdb\xf8\'\xd98\xc0\xbf\xf0V\x08 XTM.X\xdf\x92\xf6t\xa4\xa7\xb2\x8bD3\xbf\xe2\x08\xce\xaa\x9cQ\x1a$\xc5\x80\x9eK \xe7\xbcx\xee\x9e\xb4\xf5\xbfB\x19\xc1[\xde\x11\x8f\xb7\xb8\xc9\x02r\x98u\xb6\xc1:8\x84\xf6$\xef\x0e\xe0R!Rs+\xd6\x11\xcf\xb0\xf6y3\xbap\xdd\x96A\xba/\x8fS\xfeP23\x08\xf9\xe6.Zl\x1b\xa1\xa8\t\xe4\xf7N\xdb\x8d(\n\x9a\xe5\x8aC\x92\xa0J`\x0fd\xd60\xc8@03\xf3M\x96\xabZ\xaf\xfd\x00\x89\x7fa\xdb\xc7\xbeu\x1d\x9a\x7fO\\/\xd6\x1f\x8b\xc5\xaf\xb3\x96\xc3\x93\xc7\xf9 #{\x88\x98 \xed\xc3\x7f&gt;,L\xc4|\xd5t\x96\xff(\x0c%\xc7\xdf\x87\xf0U\x9b\x89\x98\xefR1\xc7\xe7\xcd\xeac\xd6$UN\x1a\xf3w\xb9\xbdI\x0b\x01C\x04\xcf_7k\xc8cv\x94\xeb%ul\x11\xf2\xcc\xff\xd0\x83F\x1b\x87\xc4\xe5\xe3:p\xcaZ\xed\xb9\xba\x84y\xe7\xe7c\xd1\xb41\xe4\x8c\xee\xc1l\\mI\xb5y\xe3\xbd\xc4Lw_\xab\xbaN\xdbD\n&gt;\x81\x85\x073\xb8\xee\x8b\x17\\\r\xe4\xe0\xa9Z^uI\x9d+\xcbh\xd7\xc2s\xef+\xe0\x92\xbd\xa6s\x0c\xde5\xe5\x82\x87\xc8\xdb\xcb(\xbb\xee+\xce\xeb,$\xbf1)\x92\xdb\x1e\x03\xd9l\xa69\xab\xe4\xd5"O\xa9\x94,\xc9\x83\r\xe7\xd3\xfczes\xa0\x8b5CM\xd2.\xc9\x00`f\xbe\x0e\xe0Y\x8amhl\xb0k\xcc\xe6\xc5^Q\xdf-\xc2\x1b\xaeHHu\x82\xcd\x89\x0b\xf3e\x02F\xcc4v\xe3\x89A\xfc\x8eU\xcf\xf2\x15\x1e\xf0wh\xe9\xe3\xd3E:\xcel\xe8\x96\x15\x15AsF\xe2\x8bMk\x85\xba&amp;\xbf\x8d\xe4\x11\x7f\xfb\xc0\xf7+\xa0\x19Q\xd6\x00\x84-\x86\xc1\xfc\xd1\xb3`^c\xd6\xff\x1ciZ\xc9\xc0\x9ceX\x8c\x86\xa5\xdf\x95\xbc\xea!\x8f\x9a\xb7rB\x06\xac\xdek2\x0c\xbb\xa2\xfe\xae\xaf\xd4)\xc1Y\xb3&lt;\xf3\xc5\x87\\\x1dl\xb63\xdbg\xbc\x15&gt;Q\x99f\xe6\xe8e\x92\xb4X$s\xd1\xc6\x8cg\xeb\xc81\xdf\xc0\xad,\xeb\xaf\xc7F\x8c(\xe3_$\xfc\xa1F\x17\x06`V\xae\xb4$\xcc\xb0\xf6E\x9c\xac3)\xea\x13\xad\x90\xb9\xa3\x92\x01\x9bF$\xe6wIQ\xea\x0c\x88o\x1a\x97f\xae\tb\xf47f\x92x\xc9\x87-\xc9\xe3_\xef\xc0\'\x12%j\xdd-\xfd\x13P\x12p\xa6\x8b\xf9\xcc\x19\x96\x95T\xf2\xf6\xfc=\xd4E\xe5@\xda\xb8\xfd!\x97Gp\xc5h\xbf\x8d^\xda\x85\xba\xe2\xb3\xddv*\x16&lt;\x11\x0ex\n\xc9\xff\x7f\x9f\xdc\x947W\x8d\xb6\xf8\xd3\xd3\xad\xe9\xe3\xa3C9V,3\xf37\xf4b\t\x06\xb8\x1b\xdf\xaa\x93\xeco\xc9q5\x87\x81\x89\xbe\x93\x88?T\x91\x8f\xd5Q\x7f2P\xda\x87\xadk\xd8\x8f\xd3\x06\xd0o\x18\xb6\xa4g\x14M\x83hs\x00\x19g*\'\xa7\xf3\x1c\xf2luL\xe4\xc6\x8ej\x89\x1b%\xdb`/U\xc7\xedq]\xce\xef\x96\xdfF\xee85\xf2\x83\xd3\x0e5\xff\xe3\x1e1\xec\x9eX\\L\xe5\x89\xe9\xa6\xcb\x1f\xd9\x82\x06`&amp;MY\x83\xb2\xed\x15\xd8\x8b\xb6\xb0\xfcq\x9dt\xafI\xe5\xc6\x9f\x9e\x8e\x8eJ\xc8yX\xe2\x81h{\xd0\x03B\xa8\xb2\xa9\x84bk\r\xa0B&amp;[\xa0"p]\x16\xbb\x0c\xcc\x16\x86lC^\'3\xb1y\xb3\x06vu\xb4/\x92\xeb\xcb\xd5a6\xa1\xa5\x05\xbc\x1d\xea\xf1\xf6\xe0\xdf\xf4\xb4GI\x14ny\xcdD\xf4\x9f\xbb(y\xe7\x17\x92\xdba\xb4\xe7\x02m\x1c\xe6\xc3Rd\x95\x07\x1a\x7f`\x8d\x84C\xa7\xe65\xe6\x8b5\xff\rK^\x14\x00\xc9\x00\'b\xf1q\x07\xb0\x0b\xc3\x82)I#\xb1\xc2\x8a\x97\xb8\xb6\xb1o\x9a\x03a\x1c\x15*gC\x01\xb31a\xaf\xa6\x80\xe2\xb87\x8d\xbc\xe4\x0f\x13J\xbf0\xf3n\x7f\x1c\xa5:b\xcf_\xfb\xa1\xebA\xffR\x10\xb85`\xcc\xbe\x8a\x94\xa8[0?\x81\xc5xk\xe0!9XY+\xe2x\xd7d\xec\xed\xd1\xe2\xee\x93\xc7\xb4\xae}\x1f\xef#x3\xb6\x92D\xa1\x17\x19i\xa6\x89\xa2\xa8\xe0W\x18\x1a]\x03!\x8fw\xe5O \xa9\x01\xe9\xbb\xec\xe2\xaf,\xfb\x8e\x90,\xa9\xb0\xae\r%x\xbaH\xbe\xb1K\xb0\'\x8d\xdf21\x98\x83\xadA.\x8a\xd7&gt;\xdb\x80\x99\x06\x8e6\xfb\xf3\xe9\xc4\xcd%G\xf4$\xd1k\xbd\xae\xec\x1d\x18\xdcu\xc9\xdd\xa8^\xcao\xc2\x17M\x15`o\xfc.(w\xf3\xe6n=\x10\xfcn\xb9\xb7#\xd72;$\xcf,\xf4\x1eE\x02\x1c(\xf1\x8b\xb2B_\xf7\x0c\xf3\x9f\x8e\xeb\xfbp\x00\xd7P\xf67&lt;Z\xbd\xf1\xe4\x82\xf9\xdbs\xb1\xcf\xb9\xde\xb4V&lt;r\x82P\xf4\x12?\xe1&lt;\xbf\xe17&lt;T8\xf0\xed`$\xc7\x15\xec\xfa\xe5\xf1\xa3ag\xae\xc9\\\xcd\xbf%5\x136\xff\xbb\xebZ&lt;\xcc\xdf\x14</t>
        </is>
      </c>
      <c r="E142" t="inlineStr">
        <is>
          <t>&lt;class 'numpy.ndarray'&gt;</t>
        </is>
      </c>
    </row>
    <row r="143">
      <c r="A143" s="1" t="n">
        <v>141</v>
      </c>
      <c r="B143" t="inlineStr">
        <is>
          <t>steps_per_sec</t>
        </is>
      </c>
      <c r="C143" t="n">
        <v>2100</v>
      </c>
      <c r="D143" t="inlineStr">
        <is>
          <t>9.064538</t>
        </is>
      </c>
      <c r="E143" t="inlineStr">
        <is>
          <t>&lt;class 'numpy.ndarray'&gt;</t>
        </is>
      </c>
    </row>
    <row r="144">
      <c r="A144" s="1" t="n">
        <v>142</v>
      </c>
      <c r="B144" t="inlineStr">
        <is>
          <t>Loss/object_center</t>
        </is>
      </c>
      <c r="C144" t="n">
        <v>2100</v>
      </c>
      <c r="D144" t="inlineStr">
        <is>
          <t>0.8098108</t>
        </is>
      </c>
      <c r="E144" t="inlineStr">
        <is>
          <t>&lt;class 'numpy.ndarray'&gt;</t>
        </is>
      </c>
    </row>
    <row r="145">
      <c r="A145" s="1" t="n">
        <v>143</v>
      </c>
      <c r="B145" t="inlineStr">
        <is>
          <t>Loss/box/scale</t>
        </is>
      </c>
      <c r="C145" t="n">
        <v>2100</v>
      </c>
      <c r="D145" t="inlineStr">
        <is>
          <t>0.10224988</t>
        </is>
      </c>
      <c r="E145" t="inlineStr">
        <is>
          <t>&lt;class 'numpy.ndarray'&gt;</t>
        </is>
      </c>
    </row>
    <row r="146">
      <c r="A146" s="1" t="n">
        <v>144</v>
      </c>
      <c r="B146" t="inlineStr">
        <is>
          <t>Loss/box/offset</t>
        </is>
      </c>
      <c r="C146" t="n">
        <v>2100</v>
      </c>
      <c r="D146" t="inlineStr">
        <is>
          <t>0.24099866</t>
        </is>
      </c>
      <c r="E146" t="inlineStr">
        <is>
          <t>&lt;class 'numpy.ndarray'&gt;</t>
        </is>
      </c>
    </row>
    <row r="147">
      <c r="A147" s="1" t="n">
        <v>145</v>
      </c>
      <c r="B147" t="inlineStr">
        <is>
          <t>Loss/total_loss</t>
        </is>
      </c>
      <c r="C147" t="n">
        <v>2100</v>
      </c>
      <c r="D147" t="inlineStr">
        <is>
          <t>1.1530594</t>
        </is>
      </c>
      <c r="E147" t="inlineStr">
        <is>
          <t>&lt;class 'numpy.ndarray'&gt;</t>
        </is>
      </c>
    </row>
    <row r="148">
      <c r="A148" s="1" t="n">
        <v>146</v>
      </c>
      <c r="B148" t="inlineStr">
        <is>
          <t>learning_rate</t>
        </is>
      </c>
      <c r="C148" t="n">
        <v>2100</v>
      </c>
      <c r="D148" t="inlineStr">
        <is>
          <t>0.000565</t>
        </is>
      </c>
      <c r="E148" t="inlineStr">
        <is>
          <t>&lt;class 'numpy.ndarray'&gt;</t>
        </is>
      </c>
    </row>
    <row r="149">
      <c r="A149" s="1" t="n">
        <v>147</v>
      </c>
      <c r="B149" t="inlineStr">
        <is>
          <t>train_input_images</t>
        </is>
      </c>
      <c r="C149" t="n">
        <v>2100</v>
      </c>
      <c r="D149" t="inlineStr">
        <is>
          <t>[b'512' b'512'
 b'\x89PNG\r\n\x1a\n\x00\x00\x00\rIHDR\x00\x00\x02\x00\x00\x00\x02\x00\x08\x02\x00\x00\x00{\x1aC\xad\x00\x00 \x00IDATx\x9c\xed\xbdy\xfc&gt;\xcfQ\x17X\x13\x92@\xb8\rw\x12\x93\x15$\x80$B\x04\xb2r/\x02*\xe2\xaa\x04Y\x01\tr\t\xa2\x86K\x8d\xb2+\x8b\xe0\x0b\xb2\x90p\xac\x9c\x06X\x11\x08\x87`\xe4\\!r\xb8\x90( \x87\x10T\x92@L\x00\t\x02\x89 IP\x84\xd4\xfe13=\xd5uuuO\xcfs\xf6\xfb\x95|\x7f\xcf\xd3S]\xf5\xee\xee\xea\xea\xea\x9ey\xe6\x030000000000000000000000000000000000000000000000000000000000000000000000000000000000000000000000000000000000000000000000000000000000000000000000000000000000000000000000000000000000000000000000p;@D\xc4\'"\xe2\xb9\x89(\xe8\xc5\t\x11S\x03eKq\x15X\x91\x99&gt;e\xcf\x9c\xcc\x16m\xa9)s\x1a*.\x94\xc1:\xad\xa7^\xe4\xb4\x18\x18\xe8\x07$\xd3\x8cF\xbd.\x9e_\xa5\x04\x7fl\xb79\x8d\xf5\x12\xdf\x7f\x10\xd0\x08{\xc8\xc0\xaf\xeeeU\x85\xd3\xae7\xf6\xa5\x93\x91pa\rVw+\x96\xce\x0bL\x8c\xfc\xf6\x1f\xd1?\x037\x0e\xea1\xf3\xe7^&gt;\x845\xa1d\xbfQ}\x01\x10\xf0\x05\xe4\xa5#\xa8Z\x08N\xe0.\x04\xec\xd6u^\x00v\xb2=\xa8\xb7\x8b\x9b\xbck\x8c\xa5A\xc6\xd7\xd6\xac\x81#\xd1\xe6\xe6mq*\xea\xa0\xf8l\xb9/iF\x8atJ\x88w\x17\x80\xb3\xe0P\x0eU\xca\x0fJ\xb7+\x84GJ[\x03\xbf\xaf0\x97&lt;\x01\x9f\x81\x9b\x82\xef2\x11\x8f*N\xe6\xc2U_s\xb3\xda\xf2\xfe\xc0\xa9\xed\xe9\xac\xaeV\xa1\xbf\xbbBc7\xd0\xd9N\xcb\nt\xdeh\xd5f{D\xd8\x81\xf3\xe2\x01qQ\xea\xac\x1fm\x94\x03\xc0\xe4*\x99\xf2\xcb\xaa\xfbO\x93\xaf\xa3 0i\xac\x88Io\xb7\xe1L\xc8\xcc\xe8\xb39\x81i\x9a\xa6Ii\x0e\xe2\t\xef\xd9\x8a\xfe,ud\xa5~D\xd0:\xff\x88\x06\x16}@\xad\xd3\x9d\x06\x84[\xd7f\xbb\xa5\x99\x950\x92\x95\xb7\xae\xaa20\x90\xe1h\x0f\xc1\xaf\xe9\xa1$O\x0b#y"\xba\xde\xefk\xe0\xa7F\xda\x03ER\xa6\xb4a\x8a\xdeu\xb4\x8eA:\x0e\x94\x99\xfe_g\xf6\xdd\xa6\xf9\xea\x82#~\xba(Q\xc5\xae\xad]\x03g\xc3\x05\xba\x8a\x13(i \xce\xbf\x9a\xaa\x92\x18\xea(\x18\xa2\x94\xa8\xaa\xf5kM\xbb4CP9]\xbb\xcc\xed\xb3G\xf9s\x815;u\xc3E\xf5\x85\xe9\xcc\xeb\x1e\xb4j\xf0\xees\xa0\x07L\xcc\xee\xb0\x85\xce3R1\x80\xeb\xbfV N\x9f\x83\xce\x1d\r\xfc%\xb5&gt;\x9f\xa2\x86\xfdQ\xb7\xd7dV\x19\x9e,R\x04\xcd\xe8}Xo\xee\xbbJ:\xaf\x0b\x96\x03\x9b.w\x12V\x03\xb7\x8cS\x9e}\x13\xa3\x88\x7f\xcf\xb9\xda\xae\x16\xd6d\xca\xb4\xebT\x0c\xac@\xb5\xe5\xb0;0\xd5V\x8f,c\x07a\xa7\xa5\xeb\rh\x87\xf2\xbe\xd6N\x19\xb8[()\xcci\xad\x17\t\xd0[\x08\xd6I\x91\xae\xd9&gt;\x99\xdds\xf6\x12\xa9\x1bQ\x8d\xc8\x9bsE\xe1#[\x80\xe9\x19\x8e\xd65\x07\xad\x16\xf8\x15Gh\x1d\x188\x18)\x87\xed\x9b\x00\xb6Ug\xa9\xf4\xf6\xb9\x93\xfe\x9d \xa1\xdf\xe4VELv&gt;\xfb\x1cR\x12\xb7\xe72\xb9\xde&lt;\x9a\x82-\xa7\xecp\xff\x0c\x84N\x8b\xdbo\xe1\xc0\t\xd0=\x1c\xe8\xc9\xefj\xcb\xe2\xa0~\xb6J\xf6`\x8b\xb91\xf9//\xe9\tZ,\'\xef%b\xc5\x91\x8a\x9e\xad\xc7\xc4\xfa\x02?\xe4\x00\x9d5\xa9\x0c:\xee\xd7\x99\xd7)p\x0f+\xdc\xc0\x99q\xba\xbb\x82\x08\x00\xf0\xafNb\xf1\xa8c\x81N\xe7\xfbN\x8c\xef\xc5\xfb\xe8%\xf68(\x87W\xe1S5\xfc\xc9\xa3X5\xa3\xb9\xd3\x11\x11\x7f+\xbck\xc4B\x8250\x10\x82\x9f\xa2z\xc9W&gt;E\xfd4\xed4H\x94z\xcd\x87]\xa7\xfb\xbe\xe6\x80]\xb5&lt;\xa4|\xbd%~-@\xc4\xff5\xfb\xfaw\xac5\xe0,g\x89\xa7\x8c\xae\xb5{\xd0\x81\x01\x13\x7f\x0b\x00\xce\x91\x1d\xc75\xf4\x95\xec\xde\xd2x*\xda\xdf\xaeA\xc6\xaf\xb5|8\x86U/8\xe76\x8b@\xe1joB%\xec\xf6\xf33p\x1e\xb8#\xf8\xee\xa5\xba\xef\x17\xedp\xeb\xf4\x84FK\xdd6\x93gB\x97\xe8\x7fi\x99\xdaY\xf8\xd4\x9d\x98\x0561\xe7Z\x98\xeb\xe4\x0f\xe2qyN5p6\xe0\x93\n7$\x87\xabt\x01\xbe~X\x12\xffR\xfa\xfc\xbe\x97q8vEX\x1f\x03-\xec\xbd\xa4\x0c\xae\xffc\xda\x1aiT\xaeX\x8e\x1e\xb7\x155\x9cr\xb5\xf3\x87\xdfiT0p\xfd\xd8\x1e\x95\xdb\xb1\xa1V\x15\xb6\x90y\xce\xed&lt;\x89x2\xc4;\xeb\xa2:\xb6\x86vs\xc5\xe8\xa1\xdfA\xfd\xd2\xf1\xe6\xbcC\x91\xaea\x88\xaf\xd9\xc9\xe6\xc0}#m\x08\xb6_\xd3\xec&lt;\xc4\xcc\x95_T0\xea\x08\xe3\xbe\xeb\xe9\x89$\xd3\xca=\xf6s\xf2i\xa8\x927\xe1\xf4\xce\xc3\xccu\x0b\xeb!\xd3\xa1\xc9\x828\xfeX\xc2\xc0\xd5\xe2h\xaf\x95\x9bzz\xa9\xc8\xe4\x02\xa7\xd4\xc9\xee\x9c\x87\xb4\x9d\xfa\x11\x17\x8f\x89s\xa9\xfb\xf3\x02\'\xd0\xd3w\xc1\x1b\xcb\xc3@\x19\xa7\xcf"\xec\x1b\x0f\xa7 \x82\xbf}\x02#e44\xb6\xaa\xc6A\x9dY\xe5--\xe9\x7f}\x95\x90\xdaN\x07\x9eG\xa3oRON\x8a\xc6^a\xc0\x06\xf3\x8ex^\x8c\xf8\x12\\7\xa4U\xe6"4\x0e\xc2\x85\xcc\x84\xea\x87C:\xfd\x88l\'\x8e\x1e\xa3~\xc9\xef9\xa3\xde\x9e\xdb\xc8\xe4.]\x1f2@\x0f\x03/\xc6\xff\x07\xce\x80`\xe45b\xbd&gt;\x9d\xcerJ{F &gt;\xed\xdc\x14\xce\x89\xa3\xc7\xda\xf2\xb1\x16U\x9a\'+%\x97\xe4\xba&gt;\x15\x16\xc7\x11\x00\x7f\xe2([\x03\x03\x19\xc8\x1dE\xee9VZa\xae7\xbb9t\xc1\x05N\x80\xbe\xf9o\x17U\xad\x04\x1a\xad\xf3;\xc0;\xb4!\xfeB\x1b\x87\xf3\xc2\xce\xd2\x00\xe8S|\xc6b\x1c\xb8\x81|\x81\x8e?pBD\x92\xb8O\xedd\xc5r\xd0H"\x96\n\x90\xc0\x91\xdf\xc7\xf6\x07;j\xcb4\x1f!Y\xdf\xf4\xbe\x93\xfe\xa0\x18B\x878\rx\xd0\x14_9\xae0\xca\xa9\xb4Q4\r\x00\xf0\xa3\xd2WEI\xaah[\xb9\xc2\xde\x19\xe8\x88\x13x@\xf5\xb6\x80z\xb9\x10+&gt;\x9cz\xed&gt;\xdd\xe5&amp;J\\\xa0{\xc5.(\xa6\xb4\xdec?\x957\xa2.\x10~h\xc6\x80\x0c\x00\xe0\xef\xac\xbfn#\xa2\x91\xa3\xb0\x81\x81\x0c"\xa5j\xf7\x99\x86\xba\xd2\xe2U\xdfl(\x92.\x0b\xb0\x05r\'\xa1t\x88\xbc[O/`\xe9\xe4\xaa\x10\x1f\x85w|A\xefl\xf7h\xdf\xeb\xc8V\xdb3\x0f\x0c\x00@\x8d\x1f\xb3\xfd\xf8)\xad[\xc9\xe0\x1dz\xf4\xfd4Y\x7f\xfa\x80~./\x00\xca\r\xaa\xfd\xacN3\x04&lt;\xe3\x89\xa5\x05\xf7\xe3\x1e\x03\xa7\x06]\x00\xce\xcc\xc4&gt;w\xbe\x8d9p!\x89\xeaE\xf5c|dI\xc2[q\xea\x18\xa5q\xae\x05\x00\xb1\xf80+\xae\x8f\xf9\x03l\'?G\xf3\x1c\xb8\x17\\\x8e/9\xd3`\xcf\x83"\xa7\x84\xcc\xef\x1aj\x15\x85/\xaa\x1fv\x1e\x1b\xea\x1b\x02\xeda\x01\xff\xbc\x03\x01&gt;\xb9\x99G\r\xf6\x1c\xa9I\xfe\x11U\xf4\x88\x7f\x1c\xfa\x0c\\\x10N\xe9\x88\xefp\xf1\x0b\x80x\x96\xe3}{*?G\xe3\x8f\xb3\xd9]s\xb3\xbe"\x93\x94z\xef\x04\x8a\x05@=\xcb\xf2\xee\x81knp\xe1\x93b\xe0~\x91\x1f\xec\x1a27\x94\xcd\x1c\x9a\x9a\x9d\xab\x93\xbe\xe5\xb4\xe6\x9a\xf7L\'\xc8\x8bw\xaaW\xd2\xff\xf8\xf1W\xe9\xe6\xf9\xc0@\x0b\xd4\x89\x04\x00\xaf\xa3\x0b7\xea\xf4\x85o\xc0\xad\xd3)\xedqM9{/\xf9\xa9\xeb\x89a\xf9m_\x9d}!\xd3\xff\xb8\xbd\xc2\xf1\x97zS\xa4\x9a\xe0\xc0@~\xc7\x89_\xaaVU\x98Tg\x8f#}qPs\xf0\xcf\xf6Prc}\xed\xf6\xf6\xe7\xb7*&lt;\xb4\x97"gMr\x8b\x10\xac;0\xd0\x82S\xba\xd5\x11Y\xdb\xcd\xa0\xaa#\x1a\xfa\xed\x06vZjpT\xf7%~C\xbb\x9c\xe6W\x08\x87\xfb\x9d7\xf0\x9f\xc2\xd3\xc2\xb7(\x06\x06Zp\xc6c\xd3\xda\x90t\xec\x01\xcbQ\x8a\xcf\x83\xfb\x89\t\xb5\x07#N\xf9~\x8b\x1d\xabd\xd5K\xca\x9b5\x0f\x0c(8\x8dK\xe5\xb7\x88\xaf\xd2\x89i\xca\xb9sy\xba\xca\xf6\x9f\x04\x85t\xde\xe8v\\+\xa6gx\xb6\xc1\n\x19\xcd\x0f\xeb\xcf\xf4#\x83\xab\xdf\xb5\r\\)\x0er\xbbl^\x91\xc2+\xf5\xf3+\xa5}.\xa8\x03\xbd\x7f\xec-\xb5\xf3\x87\x0f\xd2\x9e\xbf\x84\xd2\xd81G\xb5\\4\xc8\xbd\xcatH\xa1\xa2s\xa7\xca\x81\x81\x810\xc63ym\x90\xa1p\xd7\xd9\x88\xfb\x1bZ\xb6\xc5\x941]j3\xac\xac\xd0.\x15\x18j\xd6\xf7\x03\xf1\xad\x86\xf7\r\x9c\x0e}\x9d\xedZ\x13\xfe\x12\x8ek\xd6\x9e\xf5\xe6\x8a\xba:\xc5e\x19r\xb5\x9c\xd7\x8c\xcb\xb2\x8a\xb1K\xf8\xf3L\xa1I\xcc\xb0T\xec\xdb\x83\\\xe2z7\xcd\x03\x97\x08\xeb\x8c\x92O\xb9^\xe6n\xd4w/\xb6]\x91hq\t\xe4S\x9cUc\xbb\xbf{h&gt;d\x0f\xb3\xb2\x97\x07\xe7\x86s\x03\xa7@]\xc4\xc7\\\xc2x\r\\+N\xe3;\xea\x96y8\xee@\x1b\n\xf9\xfe\x01~\xf5@j\xb7\xe5\xd1[\xa3|\x17\xa9\x81\x81\xabE\x9aHG\xaf\x04\xf4\t\x90\xa3\xd1\xcbJ\\KsH:\x02\x8c\xc5z\xcb\xf4\xd8\xceo&gt;\x93\xa97\xe4\xfd4r``\xa0\x05\x178\x99Z\xcf\x10\xfa\x84\x86\xda\'\x05O\x19\xfeO?X\xe5S\x97y\x81\xef\xf4DMG\xb1=\x88,\xea\xda\xaez,N\x03\x97\n\x9a\xf2\xb3\xf2\x0e\xca+\xcb\x8f@\xb7\xf4\xdf\x98\xfc\x97\x94\xebW\xa0\xcb\x93\x9d\xee\x02\xb0\xef\xc1|\xfe\x98\x7f\x85\xfcq\x88[\xa1\xbdsm\xae1p\xd9\x08zaUX\x92\x92\xe7\xf2\xda\xc4\xe4\xd0S\x94\x06\xad\xee\x1d\xbf\xbb\x9b\xe3\xc5\xacV}(\x88~\xb6V\xd3V&gt;\xde^\xe4\'N{(\x87\x04\'07p_\xd0\x8fV\xf7&amp;\\{j[:\x8fz\xea#^\xcbyr\xbc]\xa7\x10K#\xf2\xce\xad\xb6N\x83\x83\x88x\xc1\xd7X*\xac\xd0\xd8\xe5\xc8\x08\x8c\xd5\xfa\xc4G1\x88^\x87_\x8aO\x0c\\;\x9cLj\xcf\x0e\xe0\x12\x80\xdfG&gt;\x9f\x84 "\xfb\xfd\xf3\xbf\xe5\x02\xee\xc3\x8e}\xb3\xda\xe3\xd0\x97Rh5u\xc5&gt;\xde\xd0\x16\xd4,\xf8\x9c\xffa\xb6^+\xd9\xc0\x8d\xe3\xd0#\x8e\xb3/\x00\xd78\x07\xd2\xdai\xef*\xb2K\x08\xd9\x9aa)\x9c\xf1\xe6\xae\xe4\xc9p\xc4I\xcb\x11h&gt;F\xc1\x13\xde\x84\xbf&gt;\x17\x1f\xb8j|mX2z\xb7\x80\x9e\xbc7Q*\xaam\xd4\xd0c\x0e\xd7*)\x9e\xde\xf2\xe8_J\xff\x85\xbc)|(\xfa\x1c\xad\xcc\xabc/=\xc5\'j\xd8f\x8b\x94\x07[\xe3\x1bB\xcdJ-\xfc&gt;A\xe3\xd25\xe6F\x037\x8e\x0b|^\xad\x96\xcd\t\xf8#\t\x1c\x91\xf3\x1f\xb9\x9c\\Z\'\xd7b?\x7f+,\x96k\x89\xdeV\x17\x89*\x86\xf1m\x86\xbf/\xb4\xec\xaa5\xae\xdd\x07\x06\xee\x1a\x079op\xf6^\xc8\xdc)\xee\x15,\x99\xb3\x1f\xcd\x9d\x06X9Rio\xb4\xff\x84\xaan\x01h3\xe6\xaf\x07\xbf\x17]\xe4\xaey\x84\x07\nx\x80,\xba\x90)}\xe6{d+\x18\x8b)\x95\xbb\xb5\xa6\x89\xbc\x95\xec\x18b\x0b\r1\xc3\x7fEr\x9e&amp;V\xa5\xa8\x96U\xa9\xad^\x8bS\x0e5&gt;\x8f\x98\xab\xb4\xbb\xf4\xca4\xc1\xbe\xbb\x14\xe8\xf6\xf0\xc7\x08y)\x1a\xb5n[\x99^\r&amp;\xe2\xcf\xe0\xad\x16\x970\x11\x07n\x05\xb53\xe7\x02\x1fW\x88\xef\xc7\xab\xe4O\x03I\x06\xf1[\x9a\xeb\x82s\x88\\\xc7\xebD\xa8\xcd\xdf#7Nj\t\x14\x04v\xe8\xecr\xb7``\xe0&lt;@|\xb1Vx2\xeb\xde\x8d\xb8\xd3\xa3z\xa5,\x9e\xf6\xec\xe3\x93\xac\xf4P\xd2Tk\xbf\xe1\xca\xdbH}\x0fjv\xac\x1a&amp;&gt;.\x1f\xf7\x11\xbf\x07\xfa\xc3\xcc\xfb\x8e\x89\xcdoz\x84R\x03\xf8\xda\xe43\xa2&lt;\x14.\x1f\xa2\x07\r\xd5\xebh\xab\x12\xac\xe3\xc7A\xf3\x89\x91\x9f\xef\xf9\xacN_`\xe5\xdf\xd4\xec\xfb@\x81?\x1dp\xbb\xd7\xd2\xcb\xe0.$*\x17\xc4i\xe0b\xe1?W\xb0|&gt;+\x13]\xd8\xcd\xb9\xd2\x04\xa0\xf2UF\xab\x9a|\x81\xfd\xd3\xa0\xa1W\xac\xe8\xbe\xd9\x92\xa3\xb9\x96\xcf&gt;\xf05\xc1\xea{\x1a\xd8s99IP\x1e\xa1\x7f\xe0t8\xc2\xd7\x8e\x8ew\xbe\x0c6\xfd\x9e\xf3\xb8Y\x17\xdf\x93\xe1/\xb7\x9b(\xcb\x9c/\xa7T\x16\x00Q\x88\xe2\x03\xadx\x16\xea\xc1\x0e\x1b\xf1z\xe0\xcc8\xcf\xf4\x08\x8a\xb5\x1d++9\xe3\x81mT\x83\xce~\xeb\x1d\x17\xa1\x13\x0cq\xe9\xa8\xa4o*m.\x00PsbVc1\xf8\x80\xc0\xaef\x96\xef\xf7\x84\x9f@\xbb\xa4\xa3\xa9\x81\x0b\xc6)\xfd\xc49\x8d\xe1\xf3\x19\x11\xf15\xe0|\xf9Q\xddAPo\x92X?.\rUT%\x8d\x15\xaf3\xda\xf8K\xa6\xf4\xc9\xec\xab\xb6+j\x18\xb5\xa3q\x8d\xe32p:\x1c1uUu\xd9\xb9\xbc\xb6\xa9\xeff\xfd\xfa=\xbe-\x97o\xdcg4\xd4\xe1vC^\xf4\x12\xa5b\xf5\x16\xa7\xef\xe06\xe8J\x14n\xc0\xcd\x06\xee\x0b\xf6\xa9wl{\xdb\xf6\x04K\xfa\xf0\xec\xcd\xd6\x81\'\xe61\xc5\'\xc8X\xf7\x1d\x05t$r,pEQ\xcc*\xacy\xc2\xa7\x90\x95\xf7\x82\xa3\xf5J\xf7:\x03\x03{\xd1\xb0\x00\xb0\xd9\xd2\xe5\x98\xa2\x0b0\xff\x8c\xafq\xac\x89\xdbFs\x04\xafv\'\xcd\x96Z\xd8\xa0_\xd1\xdc\xf51\x812\x81\x0b\x98\x17\x03\xf7\x88\xd3{\xde\xb9\xb2o\xeblJ=\xde=\x80W#.g\xe1\xdc\x83\xe0^\xa1Ng\xa9g\x8e\xe8\xb4\x83\x16\x80f\xcc\\.\x8a\xd2\xc0\xc5\xa1\xf2\xaef\xbd~\xc4\xec},\'\x81r/\xa1G\x949\xe34\xb2\xf2\xd9x\x8b.m\xf5J\xe8\xfb \xd0\xaa\x13\xfd\xf6\xaeG\x8e}\xcd^_\xb4\xbd.\xb6\x03\x97\x05\xdfyp\x91\xe9\x9a\xd9\xb5\xaa\xf3\x17\x80T~\xe7\xb3\xe1\xcdNk\xae\x8bo\xbc\xbds\xd4s\xfc\xbd\xa5\xd5\n\xb7\x98\t4%\x1fg\xd9\x7f\x8f\xf5`\xc0\x83s\x1eZ\x91\x8a6\xdd\x18L\x97\xf6x\xa8q\xcb\xf1\xea\xf3\xa0r\x97v\xd2s\x99\xf0I\xabq\xed\xb8\xd33k\x01\xa8\xd6c\xeb\x8f\x1f\xec&lt;\xb5\x87\xc5\x81[\x86x`\xf9ps{f\x9d|\xbcz/!\xa6\xffb\x94l\xdaz\xfeN\xaa\xdb"}Qh\x88\xaflg\x90v\xab\x11Mg\xe9\x9c6\xa3\xd75\x8e\x03\xe7\x84\xb5Q\xfd\xd2\x03t\xf6\x02\x02\xe0\x0f\x868\x1cD\xa0\x8b\xd1\xfa\xe0\xd5Y\xed\x1d\x86\t\xba\x00 q\xd4\x03}\xb5\xfe\xd1\xa6\xbcz\xa3Q\xda\xa8q\xc83\xd0\x8e\xe6c\x84\x96\xfdoL\t\xbd5\xaaN`Yx\xb2\tP\x7f\xe6\xbb\xabz\x91\x0c\xcbv\x8f\xb4\xd5Z\xb1#\t\xaaV=\x02\xca]\xc2\x8a\xfei\x9d\xd8\x19:\x9d;\xd2\xfa\xbd\xfd\xd2\x90E\xed\xe6M\xc3\x8f\x83\'\xeab\xad\x06\x06n\x1e\'\xf0\x8d\xaa\xa9%C&lt;\xfd\xac-\x00\xfc\x1e\xdd\xce\x99\x1c\x91\xd9\xdfi\xa7Y\xa8f#\xf8\x17\xbb\x11\xf0\x9f\xbd\t\xf0\xe9\xdc\xech\xd6\x92\x9b\x9e?7\xb8\x8aS\xc5)W\x17\x9e\xec\xder\x8c\x06\xe1o\n\xd4\xd2\x1b\x18\x00\xe8\xba\x0c\xf0\x18\xddU\xdbNt\xd9#\x1f\xb1\xd1n\xdbE\x9d~V\xef4x\tah\xcf\x89\x90\xb7\x00\x045\xbc\xa5\xf6N\xd3\x9a\x9b7\x16\x87\xb3\xf8\xc3\xc0\x15 \xe2\x16\xb5Iz\x95\xcb.\x1f\x1ew\xfe\xe7\x10\xb4\xb9\xd7pF\xdf?\x8dm\x0b+YV[\x94&lt;\xd9\xe1\xd8i\xcc\xb8H]\xaag\xdfr+\x99\tx:\x11\xf1+\x83\x1c\x10\xf1\t\xba\x06)\xa9\x9a35\xab\xb6F\xf8\x1fP\xc17\xbf\xe7s\x95\xc8\xe1\xc9\xa1\xdcX\xa8ED\xc4\x87^\xd4\xb4i?\x99\xc9\xbf\x065\x9f=h \xfe\xdb\x96Z\xba*\xb1\xb4[\xc92\xaf\xc8\xbdB7\xead\xdfZR\xaf\xa6\xf9\x07u\xb8e\xce\x97\x19\xb8;\xf4Z\x00\x9a\xb7\xcfG{\xa1\x7fH\xcdg\xfe\xd3\xab5_\xce\x14\xe2\x8b\x19\xbd\x14\x88\xf5\r\r\xe9\xde\xf4\x06o\xb0\\\x88\x15V9\x1b\x06\x9e]\x8e(\\C\xfc\xc7\x16-v\x87\xba\x000\x97\xc0\x87\x9d\x98\xd4\xc0\xe5\xa1v\x0e;\xf2;Cas\xf5\xd0\\\xad\xd5\x19\xb3{\xdc\x02\xd6\x90\xaf\xc9\x90\xe7h\xb3\n;\xa2\xa3\xfe\xb9a\xc5P\xeb\x94W.\x00\xb1{\xb0amU.\xd2\xa5\xdf\xac\xf5o\xbf\xe6\x81\x1b\x81\xe5\x0b\xfe!x0\x9bnp\xb4f\xe7\xa4\x93\xdc\x12h\xf3\xfeb\x9d.\xf3\xaa\xe3\xca\x97\xcf\xf95\x03m%\xf6\xe5^\x97\xfe@\xab\xd62\xdaF\xca*O\x9d\xb0\xe6\xe3\x8f.k\x8bq\xb0\x86^\x0f\xbe\xaf\xee\xe9Q?;\xf4\x06\x06\xfa@u\xe1\xff\xb2_\xa7q\xbcp\xae\x1c\x84Ej\'Y\xa6%\xfeBx\xde\xac\xca\xe9\xe4\xf5\xebe\x9dPEP\xec\xd0mU\xb3\xef\xe8\xb2\x0f\xc7\xc1\xbc9\\:\xfd\x97\xf2\x11w"M\xfb\xc4\xed3\x00\xe2C\x9c\x8a\x9c\x0c\xd5sag\x98\x037\x82\xe3\\*\xa8\xd9I\xcd\xe2\x86\xa4\xac:\xb1\xcf8\x7fp\xa1a\xc6M\x8b\xe1\xc5\xce\xf9B\x04\xa4bf\xf5\x7f\xc2J,C\x05\x1a9\xa5=\xc3\x1c\xa9m\xc9\xbc\x9f\xb1\xccPV\x08\xf0\xa7\\\xcd\xf9\xd7jn\x03\xb7\x8fk\xf1\x82,y\xf1%]%\x91\x98\xe8\xcf\x1c8x\x01\xa8\xba\t1\xcb\xe3g\xc5b\xcdK\xea\x0e\xafCt\xd5\xea\rUzt\xe6CK\x9a\x83\x11\xb9(\xfc\xf5\xe1\xea\xde\xaa\xf6\r&gt;\x11\xeb\x01\xa7\xea[\x0b\x8c\x18\x00 &gt;u,\x00\x03W\t\xc4?\xd4T\xcb\xf4wv\xa5\xb8;\xc6\xf5\x08\xe2\xbc\xf3g[\x00\x08B\x15\x83\xfawp\xcb\xf4X\x99x\'\xfdE\xeb{F\xcap\x98\xdfpt\x06\x87\x83{\x9d\xeboR\x97\xc8Q\xea\x9ayh\x0630\x90!\xe2h\xc7\xf9\xe2\x961\x19\x1e\xaf\xde\xf7\xa3\xc2\xeaDek\xc6\xd1\xf0g\xec\t&amp;\xf3\x11\xfa\xf1\x15\xe4\xf31\xb6\xca\xfdfV,\xdc^n#\x99\xea\xaaY\x8c\xaa\xb6\xbc\x96\x8c\x05`\xe0\xea S\x98.:\xdb\x0e\x1f\xf43\xf4\x0f\xde&gt;\xef\xe3\xd5\x07~ \xf3\x05Z\xcc\xb1\x93\xf7\x9a\xe0\xb2\xc7(\x00\xbc\x9b\xa9\xb9^\xa1\xb7\xea/\x9f_Pokg\x1b\x9dD\xa4-0\xc7\xf3\x83\x0bq\xe6\x81\xeb\x83\x95\x9e4\xe8\xe9\xc4h\xd363kO\xcaj\xab4\x98\xe9\x81\xc2\xcd\x8f\xde9\xdd\xd2\xaba\xcdqI\xc3\\y\x04\xd5;@\xb2\xe4\r6\x9dJd\x8cd\xfdtM\x8d\xec_\xe9F\xd3\xe7/\xeb2\xaam]\xa8\xceM\xa6nD\xff\xfb\xc1t\x16\xab\xb3\x87MS\xd9:"F\xc4\xf4\xba\xf5\xcds\xcc\xd5j\x8b\xb7q\x0f$\xab4{\x8f6-,N\x00\xe5\xc1\x9a\xe3%\x1cI\xaf\xa1\x07\xd4\xc1r\xfaV\xaaF\xc4\xb9\xd0\x19\xf7,\xb0\x12\x89\x88\x93\'\xb5\xa9\xaf\xdb\x90x\x0e\x0c\x14`\xe5\x01\xc1\x04\xc1\xc9b\xe0\x98&lt;\xf48\xe5B\xff\xa5dI2i\xadJ\x0e-\xc9\xaa\xfc\x12\x8f\xf9=Ah3\xa1f\xee\xf5d\xd4*\xea\x1e\xa2=\xf7.r`__C\xbb\x85[TR\xdc[H\x87Q\xc5\x1eW\xb24p\xab\xe8\xe8\xdc\xbdC\xfc\x1bk\x1b\xd8&gt;s\xb2\xaaz:G\xea\x1e\t\xba\xe8\x8bD\x81\xaa0\x112Z+\x1f]\xa2j\x89T\x1b\xb5V\x11K\xc3A\x0b\x80jH~\xfd\xe8p\x15]\xa6\x0f\xbb\x81\xdb\xc5i\\\xa4\xd7\x0c:\xc5\\,\x10\xf8\xfe\x8e\x11a\x8f\x96s\xf7\xc4\x86bw\xb0M\x03\xe2_\xde*\x1e\xd3\n\'\xa0\xcb\xabN\x94\xdf6\x01\xae\xa1`Cp\xda$\xe5\xdd)\xaa\x82\x8a\x99\xda\xb4\x8d)\nU\x16\xe7$\x7f9\x1b\xdc\x813`\xff\xc8\xd7e\xd3\xc5\x9c\xc5\x16\xa8\x8d\x17L\xfa4\xa9\xdc\r\xe0\xd0^"1\x0e\xd8\x80\xc4\xad\x06\xa3\x9bzUu\x03s\x01\x08\xec\x00\xe2[\n\x99\xe3#\xe2sJ\x1c"\xe0\x07Jhr\x90\x15\xc7\xbc\x18\xc8\xc0\xdc\xb4\xbbN\xa7\x10\xf3\xc7\xf3?I\xc8\xb7-6T\xe7R\x12W\x12\xb7\'\xac\xc7g`\xad\xd1\x9fhe\x15\xc1\x9eA\xaf\xaa\x9a\x8d\x88\x1d\x82\x9b\xc9X\x16\x83*#\xf7\x00\x9c\x15\xa5\xa8\\UU\xa5\x84\xd6R\x14&gt;\xbcX\x9bL\x8d\xb2\xec\xc0\x1d\xc0\x9e\x87\x85m\xb5\xa7\xf3\xc1\xf1\x05`)y\x92\xcd-:{w\xdf*\xb4T1\x85\xec\xc3\x85L\xa5`(9\x0b\xd7\xf3\xf6\x92oZ\x8efy\x01\xf8\x00\xad\xfai\xfbV\xe5\x19\xec\xe5\xc82&lt;p\xd7@D|zy\xe68\xe5U\x8b\x07\xf3\xc26\x9f\xc4_\xaf\xaeb\xaar\x0b\xadS\xa6SN$\xc4\xecGL\x94\xcf\xe9\xc9\xf8\x10\x87\x15\xa7`\x167\x82y\xe8\x077&amp;\xaa1w\'\xd56=\x1b\xe3\x87\x8c\x1b\xbf\x03\x95@\xd0\xc3\xc7&amp;\xa0\xe6\x17\x00\x9f\x177\xb1\xe0\rX\xa1%,\xeb\xae\x9f\xc3&amp;]C\xacE\xec:[~v\xda\n^=\xf1\xcd\x98+B\x16\x8e\x9b\xeaVUL\x87r\xd6\xf29\x7f{\xb2\x9d\xdc4\xe7\xd1\x9bEW\xa6\xafO\x0e\xdc;\xd4\xf8\x1e\xc1K+\xad\xd4\xeaO\x15\xfdm\x04\x11\x8b^rZ\xab\x1e\xca\x97I\xa6\xe4\xb1\xb6&amp;\xa1\xd4Z\xf5p\xbc\t\x00\x1c\xbcze\xda\xf2\x88\xbfS\xb9J\xdbwx5\xa6\xeb\xf4\xb4M@q:\xa9\xef\x99X\xeb\xea\xdc0\t\xd8j-\x9d\xb2\t\x03\x03\x19\x9as\x96\x0bA\x9as\xe6l\xaf\xd0\xa3\x14*\x92y\x02\x98\xea!\xa9\x85y\xc7^u\x0f\xc3\t\xf97g$\x99\x92}\x04\xac\x0f/\x12\x0b\x80Z\xdd"\x1fY\x1e\x10\x9f\xd1\xd6\xf6R\x86\xf4vN\xc5\xebv\xcd\x81\x9d\xb8\x8a\x05\x80ea\x86L\xf6\xc1J\xd3\xf63\xa1\x80N)p\x91\xe4SzX\xd1M7T\xe9\xd7pC\xffa\xaa\xcb\xa6\xbd(m%\xe9\xa9.\x00\xe0\x83\xcb\xcaer\xb0\xfe[w\xe3a?\x92\xc2\x97\x1f9\xa0\x03\x97\x0b\xe9R\xac\xe4dn\x11&lt;\xfd,\xce\x82\xb4e\xb6T9&amp;X\x8a\'s=\x04\xc0GF\xa7b \xe7\x03\x00\xf8\x0fEE\x07C\xf5\x81b\xf3j\x83Q!\xb6\x96\x8e\xe0\xd8(\xec\x84\x0c\xc4\x95\xb5\x94W\x94\xa6\xcc\xc3W\x9b9\xf3\xc7\xf0\xd5\xb4X7\xceV\xd4}\xfb\xeds\xe2\xd9\xacn\xe0\x06\xa0\xfa@q\xa6Uy\r\xcbt\nd,\x1a|\x01(\xdc\x120\xf5\x9b7\xf7\xb2x@\x17\x80\x860\x01\xe1Vs\x1a\xe7\xdb\x90Y\xbd\rF\x13d\x07f_\x8d#rK\x1b3}\x82\x1eh6St\x89\x88f\xd5\x99\xa9\xd7\xd5\xf3\xa2\xca\x0bF\xbbX\x19\xb8\x05\x04\x9d@\x0f\x97\xac\xa4\x95\x80\x15_\xac\x18\xa4V\xa1\xc7&gt;e\xa3\x9a\xadY\xab\xd6\xd2\xba|\x7f\xfb\x1ca\xb2\xe0S\x1c\x81\x80\x9a\xceuY\x80SC^$\xc6\xb5\x11\x08\x06\xd0Z\xe5\xcdK\x8bU\x07\xc3\xe7`\xea\xf4\x91z\xb4nn\xc1\xe2\xb4\x11&amp;\xbb\xec\x0c\xdc",\xbfaN\xb9E\x07\xbbV\xc1\xd0\x16_~\xa0\xb9\xeeN\xa4\xc3"g\x1d\x8a\x98\x93\x87NUk\x86%7_\xf2\x0fF\\\xe5\x1b\xb7\xa4\xb0^I\xbe\x18\xf4\xeb\xfcM!\x00\xfe\xd3(\x93\xa3h =\x84!\xa7\x7f\xe1a\xad-g:\x83\x8d\x919\x8a"c\xdb\xed\xdbi\x03\xb7\x06\xe9\x8a\xbe\xc3Ue+2\xef\xf6\x99X%G\xb8\xf0\xce\xbcK]Bd\x96gV\xb4\xd56S\xaa\x85\x15R\xfdvy\nc=\xba,r\x91S&amp;\xed\xc0$\x0e\xb5\xfa\x17o\xe1R\x92W\x1a\x80\xf9\x85\xdfK\xe5_l5a1]G\xd5m[E\xffW\xdb\xad\xac0p\xab\xa8\xc8^\xed\t\xac\xcaK\x13N\xac\x17\xb6\x8aFV\xf9\xa8`\x0b\x10?\xa7\x97\xd1b\xef\xed[\x98\xae\x06\xd6\x88\x9b\xf2\xf5\xc9\xb8*\xff\x90\xc2\xda\xac+I)\xf6\xa7\xbaT\x93\xd3\xd6\xe6.I!\xe2\x87\xc7\xc7\x1f?SW20`\xc2\xca\xef\xb6\xc8\x0eP}@Si\xda\x9af\x92\x95\xa3\xca\xd1\xdfL\xcf*\xa7h\xd6_6\xe4\x9eMuG\xd1\n[\xbc\x8f\xe6\x86\xf8/O\xd0\xf0\xc8\x89\n\x11nlvmE\xc4\x0e=\xacV\x1b\x0b\xc2@\x06\xc7\xbd\x82\xfe\xa7\xca,\x8bG\xaf\x93\xfa\x92\x1a\xb4\xdc=v\x82o\x18\xcd\xda\xa5\xb4\xb1Za\xdd\x9a\xd4\xb7\x0f}C\xba\xf5\x92o\xb4i6\x85\xd9\x1a\xb3\xbb\xed$\xc3\xa8\xa1\x81\x88\xe8-\x0cYF\xef\xfc\xfc\xd09\xc3\xdcq\x88\xef\xd5\x12\x13\xf64\xa9\xc3\xc0\xb5\xa2\x98\xfe\xe0\xd3\xc3\xaa\xb4\x92=\xbe\xc8\xbc9S\xf5\x1dU\x9a2&amp;\xf5\xb1`o\xa6\x9b\xb7\xa2b\rh^}\xa1y\xcd34W,Z9\x01\xa6\xa1\x8a\xad\xd3\xfc&lt;\x04\xf7\xec\x81"\xd5 O\x9bU\xd5\x86cK}"^\xb8\xd7S\x07\x06\x12\x14\x9f\xae?um0\x9a\xaf\x19e\x99\xa2B\x10\xb1,R}\xa9\xd8\xe3 U&amp;e\xb5\xfc]\x81\x94\xb1\xd6\xf1D\xfc\xf0\xa2\xe9\xdaP\xa8\xd6]K\x9e\xe7\xcbk\x85\xef\xc8\x14R)\x9fU\x97Q\x83\xd2&amp;\xcf\xcf\xd3w\xaeL\xaa\xdb\x1c\x1d\xdc\xc7\xe2q\xd7`\x0e\'K\xa8\x17\xc6\x13|es\xd0\xc9\x95\x8ba\xdd\naU\x04\xde\xb4\x89\x92\xfe\xb5FU-\x9a\xbbt\xed%^\x18X~\x10\xf1[\x8c\xf2\xf6\xc3\xb7L\x15\xd7\xfc\xa7\xd5rY\xcb\xf2\xbab\xab\x10\xdf\xd0\xbd\xea\xd1\xcb\x08\xec\x08\xd9j\xe6\xd1=8\x7f \xf9\xfc\xf5\xfdf\xe5\xc0\xf5a\x1eye\x01\xd0$\xb3Z;\\\\\xa5\x01\x81\xa8!\xc3:\xe6([\xef\xed\xebtQT\xd7E\x14\xed\xba\xf0\xc9f\xad\xf4\x99\x8c]7n\x05\x00\xf0gb\xc25\xc7br\xe9\xdd\xe3\xaeL\xbfQ\x0e\xc9\x80\xef\x8dE?\x0f:\xf3\xce\x96\xf4\x9a\xcb\x03\xb7\x00u\xf8\xcb.h\x0b4.\x0c"\x80\x8a\xb8\xa98k&lt;\xee/\x1f\xccc\x87]s`\x9b\xb5\xcfg\xe5\x80\xf8WE2[g\x0b\xd7u\xba\xb6.\x95\xab\n\xcd\x11\x1bN\x80\xf3)!\xc2\xc7\x91\xcc#H+\xb4\x00\xfc\x0f\x8bU\xccF\x80\x83y)\xcfNt\xef\rG\xdb6oTf\x07\x00\xe2\xef\xdf\x9c\x7f\xbd\x9c\xcf\xa0\xb7\xaf54pS\xc0\xc8/\x0c\x15\x87\xf6\x16\x80PP\x0el\xe7U\xcd\r\x93\x83\xad\x19\x95\xb5#\xfa\x0bi\x1d\xfbZ\x17\xc7\x890b\xb7p\xe6\x99\xf3\xae\x1a\xe5\x95\x8b\xb1\xd3\t\x9b\xc0\xe7\x87\x08\x07-Z_\x83\x1a\xfc1K\x17\xd1\xb8+\x83\x02\x11s-\x0c5\xd3L\xe7\x11S`\xe0Z\xf1l\x80\xb7*\xc9\xc4\'v\x15\x9a\x82yE-\xc4\xefV\xab;J\xe8$\xf2W8\xcc\xcf\xca\xa4BuBFc\x00\x93\x0fH\xaau-nf\x95E\xd8\xa0\xe1\xea\t6\xab(R4\x11\xd0\x9f\x89\xc9!\xf05\x10\xc9\x82pZ\x8fQ \xa4\xff\xfd,\xb5-\xc3\x8e\xeb\x06+\xe1\xf5\x89\xff|\x99\xc2|\xb9\xd4\xea_\x03\x03\xe7\xf0\x9eR\xec\xde\xae\xb6\xc7N\xa23f\xa8"\xff\xad\x0b\x12\x00\x88\xef\\\xc1X\xd5P\x15\xf5\xdc\xc5L\xeaA\xfao\x0fop\xf7\x1fv\x0e\xbe\xc9l\xfc\xdfQk{mW\xa84\x14\xbb%\xe1\x14m\xfb\xf4\x92\x96\xcbK\xe5\x85\xce\xec\xc3e\xe0\xb6\xa0L\xf2r\xcc=\xf2\x8f\x84l\xe6\n\x0c\xbb\xfb\xb4\x1e\xf2\x94e\xa6\xc2\xa8\x1fLw6\xc1&lt;\xa2!l\xd7\x0f\xf1\xbf\xee,\xb4\xb5.\xfc\xc8\xb6MM\xd5\xe3\x97\xac(\x19Tk\r\x05"Z\x7f\xdf1B,s\x1e\x97\x80E\xc9\xbf:b\xfa\xc0.\xd4\xa5H_\xbd%\xda\xc1\x00\x9c\x16\x0c_P\x8bY\xa6~?\xfa\x7f[\xa856[\xc3\x96\xa4\xaaV7\xd5\x9aKK\x85\x9e\xe5j.V\x1c\xc1\x86\x15K)\xfcg\x99@xC\x93\x8d\x94\xd9?ZI\xf3\xaaC\xeb\xb1\xf8[\xecX\xd9\xb8\xfd\x11VU\x1b\xad\x1b\xb8\x7f\xd0\xcak\xe0\xcep\x90\xaf\x14\xf3\x14\x08\xcc\x01\x1a)\xf0\xa9Y\x89),\xac\x14\xf9XQ\xb8(\x10\x99hQ\xb9\xd2\xdaY\xd1Q\xb1\x05\x80k\xa0\xabl\xbcV\x1eU\xeb,\xda\x9d\x18?O\xab\xb2E\xbf\x1ab\xbc\x96\xa0\xdan\xd4\x12\xe8&gt;\x01\x8f\xd09p\xcb(\x06\x17\x10\x93A\x11\xcb\xe5eu\xb5\xbcH\x0c\xc4&lt;9h\xdalF\xc5\rq\x19\xaa\xe2\x0c\x1a\x16\x00_\xc0\xbeZw\x8c \x0b\xffL\xb0r\x8cO\xb9\xba\xdd\xe4\xb5\xf8I\x88_\xb9\xf8\xc0\xa3\xcbg\xf1\x16IF\xd5q`J\'}R\xeb\x16\xdbN\x9bfIf2~3\x06\x06\xce\x8bm\x0e\x94\x8e;\xf4\x04\xd6X\x18\x14\xfd\xdaR\xc1\n{E\xffYi:\x84E\x9cL\xb1p\x1c\'\xb5xo\xec\xd9\xf5\'&amp;\xcdu\xf7\xe8\xa9XZJW\xd5\xc1\x95%\xa9\xf0\x93\x0c\xa7Rc\xabzjD\xad\xf8\xe3\xc8J\x9d\xf0\x1d_\x00P\xd3\x83\x0c\x8e"a\xd1\xd8 rV\xbd\\e\xe0\x06\xf0\xc0\xfd*\xa6\x89\x07GD\x98\xcb\x10q\xbe\x8c\xc9\r\x15q\x00\x00\x04\x98\x96\xba\x98$\xe6B\xbd\x82A`\xfe&lt;\x9b+V,\xea\x9c\'\x8d\xa3g\x15[d\x83\x16\xa7\t\xd6\xe6\xae\xa8\t\xa3\xaa\x8d\xb6\xc6\xa6\x91j\xc64M*%6\x04~\xe7\xa8\xe3%\xe5g[\xf4\xd8\xde\xd2)\xfd,y\xd7\\\r\xf2\x88Y\xd2g6\xd0\x90\x8e\xf5\xa9v\xc0U\xb4k*[9\x89nL\x1f\xa6\xb9\xd1j#\xe7A\xc4J\xa3\x03\x03\x19X\xb6\x1e\xcff\xfe\x89v\xcc\xcaj\xb1\x94\x8d}V\xed2V*af\x82\x97\x88\xaa\xc7%P\x11\xcd\xa4qoT\xca4C\xc7 \xcd\xcd\xf1\xeb\xc9q\xe1v\x03\xfa\x1d\xcf1\xb2\xdd\xc2\xb9\n\xb8)v\xbc#X\xdd\xaa^\xf4\'E\xd5\xaca\xb5\xa2\x0cd\xdd?\xec\xedB\xda\xd4\x0e\\\x05D\xf2\x0e\x00F\xb2\x86Z\x9a\x96\n1\xaf%\xfd\xa66EM\x1aX\x16IiHJ\x884\x95\x01\xf6YRX\x13\xc1\xea\x04\x1a\xc3\xf9\xbe\xa3\x81\xed\x05\x82:i\x9f\xcf%N\xad_\x02xDI\xdb\xce\x86D@\xad I\xc3\x8b\xdb\x82\x15\x15\x1ciE\xe9\x93\x8c\xc6\xfe\xb6\xd3Q\xb0\xf6g\x16=\x10sG^\xad%S\xac\xc2\xa7\xaa\xe0\xbc\x93\xc3\xc0u#\xbe\xe6\xb3\xaca\xf9@JX\x06qDB!\xedR\xd3\xb5\xb9\x8c\x92\x91\xf9\xf2ud\xab\xad\xfb\x92\ri\x1a\x93LUU\r\xbd\xc6\x8a\xbb\x81\xe6\x1bV\xad6\x9fA\xeda!\xa6\xac\xa8\x15\xf1o\x85\xcdU\xb8\x99/\x89\xfb\x1a^\xa6jl\r\x1f\x973\xecnw\xe0j\xa0\x04\xc1\x1a\x87(\xcd\xeaW\xd1\xeb5\x91K\x94|\x96w\x1c\x84\xf8\x0b\r\x0b@n1\x14\xa4\xaa\x14\xeaV\xc8\xe9\xd6Nm\xcdpZ\xfa\xb4~&amp;\n\x02\xe2k\xfb\x02\xa0\x1d\xcb\xd4\xaaJ\xf2\x91Z\x96\x9f\xa9F\x8b\xed\x92\x02\x89I\xb0\x15\x7f\xc1\xd0\tys\x14n\xc7$j\x03W\x03\xc4?"JB\x0e\xd1\x90,\x07#lq\x16\xa9\x13\x06\xd7e\x03\x85p\x84\t\x02 ~^9l\xc5\xe6\x8a5uS\xc9)g\xdd\xd29\x01\xb1:\xb5\xcd\x84\xdc\xe6\xf3\x85!\xd0Q(\xf7:4F\x879\xd0\xd1\xf1-R\rr\x13\x1c\x0c\xbey\x15Y\xbeM\x87\xcf\x945\x99\x1e\xe1Z\x8b\x860\x87\x92\x85\x81\xbb\xc1\xe2&lt;\xbf\xc5\x0b\x8b\xb5\x82\x9a=\x01CL~ED\xc4/H\xb5X\x159\x15\x01\xe0\x87%\x99\xa6s\x8fxtP8o_\xbd?$\xd2\x91\t&gt;\xbcb\x86WE\x02\xd9\xe1\xe1\xaa5\x9a\x8d\x9e,V\xd1#k\x12\xf0\x17\xa1\xc57\xea\x9a\x84\x1c\xefe\xf8-n\xfa\r\x92\xb9\xab\x14\xdak\xd1\xb0\x05\xd4\xd5b\xac\x01\xf7\x8a\xc8\xf0K\x99T\x10t\xa0\xb8\x9f\xf1\xb4%\xbf\xc4\xb49s\x98\xe9\xd4\xf941l\x03\xd3\x8d"\x80\xfe\xa8(/iK\xd3\xd8\xbc\xa4*4\xf7g\x11\xc31\xf8\x04"\xd5\x83\x81O\x8f\x9eM.\ry\n\xc2P\xe6\x0c\x80O-\xed\x03Z\x95w\x81\xda\xdeS\x12\x18\xb8D(n\x8a\x88\xf8T\x19\xa1xTeG.B\xa7_\x9d\xd3X\xc4&gt;\xd4\xe1)\xd5:\n\x8b\xc8c(\xe27\xb6L\x06\xc4\xbf\x90)\tW\x97\xdd+\xcb\x9d\xbaY\x15C\xadC)6\x16u\xacj%}%!\x9f\xd9a\xca\xd1\xac\xc6\xe8\xe0\xd0\xca\xd4\x9eUe\x97\xc8\xbf\xb9\x9e\xa7y$\xe9\xd0\x8f\xe0=\xb0\x0b5\xeemk\xf803\x17K\x9f#4\x96\xcfy\x95\xf9\x8a$Ydm\xa5\xba`\xac[\r@|J6\xbd\xbf!^\xd1[\xccJg\x14[\x95\x0ec\x17\xd0\xb0\xcfD\x80C\x13+F,:@\x94\x1b\x00\x00 \x00IDAT\x1a\xa3]\xe52v7L\x10\xbe\x8b\xcd\xde\xb9\xafY\xa4\xb62&amp;^\x13`\xf7\xe8\x0f\xdc;\x10\xbf\xce\x9f\t\xb2\xd0\x92\xb4\xa23\xd6\xbc\x9d\xc62\xcd\x96\x84ZmqCP\x13}t\x9d\x95&lt;\xd3L\x86&lt;\x84\xc5)\x94\xef\x12\xba\xd6\x99\x1d\xdf\xea\x11\xe1\xe6\xe8\x10F\xf5\xbf" L\xbb\xc4Y\x00\xe2\xb4\xe5\xb6@j \xcb\x80\xa4\xa4\xdd\x1b\xaf\xa7\x01c\xbb0\xc0\xe0G:-\xa6GC\xf3i\x12\x93\x88\x95BD\xd3\xe4\x9b\x17\x00\'^D\xc8\xb4IF\x15\x1ei\xe8,yhl\xf4y\x9c\xed\xa2\xb6\x19*\x99=\tG\x85i\x8d\xccY\x06n\xe0:`-\x00\xb1Y\xf4\x8d\x00\x80\x0fk\xb7X\xeb\x98\xf8\x9f\xcb{vV\xec\x8a\xb5\xee\x00\xec\x84\xb1H\xefP4/iA\x99\x83Z\xb4\xfb\x8c\xee\n\x02\xdc\xd1\xfe\xf0\xd6\xea\xaezD\xff\x01\xa8\xf4\x83\xf8\xf9\x06\rs)\x0b\xcb\x8e\x1a\x00\x10_\xef\x88x\xc84\xe69\x17p\x1aV\xbc\xae1G\xf5\xc7\x17\x80sM\xbf\x13[=ty(\xdb5\x8e\xf5\xe3\x1a\xfa\xe2\xa5\xfd\xd4:\ra\x97\x1c\x87\xec\xc2d\xe0*\xf0\x00\xe7\x9a\xe3\tY\xc0rO\xcc\xe9\xb5\xfc\xa5"\xcb\xdcc\xaf\x16\x02\xf8\r&amp;cYw\x98k2_4\xbfxG[\xae\xf4V0\t\xa8y\xcdK\xfe\xfe\xa2\xf9+\xaf\xfd)\xb0\xbe\x17t\x05t}\xef\x8a6\xbdM\xe1S\xbe\xede\x8b\xfe\xd9\x8bz\xfa\xa8\x8d\x89.\xffU_l\x95&gt;\xab\n\x8fx1\xce\x1b\x10\xebU\xb7\xc7\xe2\x0c\x83:\xc7k\x7f\xee\r\x9e\xaf\x04_\xd4\xc5\xde\x81\xc5.\xc1\x12\x04\x95WF\xab\x13\x11!\x0b\x06\x15\xde\xcc\x96\x979d\x0b\x02\xb4uh\x07&gt;\x83\xb3^\x08\xf6\xab\xd9P\xbc\xc0\xce0\xb7\xf7\xb5\xcc\x16U\xd6\xf6\x0b\x99\xe1\xb2Cvrc\xed\x9d\xbd+\xae\x90\xf1aC\xd9\xcc-\xe2\xcc\xabE\xa0\xe9\x8e\xe5\xb7]\xba\x08D\x03%\xe7\x9d\r\x1f\xb8\x16x;\x808\x9c0jV\x99\xf3\xe2\x94\xfa\xea\xaa\xf4\x17\x97[\x14h\xd66+F\x00\xc4\xe7\xc8?\x18@\x19\xea\'\x00n\xf4g\x86\xa8r\xf5\x95\xa8\xa2\x95\x82\xfd\xd4\xf9l\xa1v\x02\xd7\xee\xfc\xb7,\xde\x1de\xc4\x1fV\xcb\xd5w\xfd\xd7\xd87\x15\xae\x1f\x94\xb3&gt;p\xf3z\xeb-\xf9\xaa\x1e.f\xdcR\xf6\xdf\xb2I\xadL\x93\xe2r2^\xcb\xe6\x00\xf0CT\x95\x1e\xf3\x04g\xbb9\xd1\xf2\x11\xfdo\x1d\x8d\x03\xbc\xec\xdf\x8d\xacD\x06S\xd5\x8c\x92\x06\xce\xafo.\xe7\xcb\xdelT\xdf\x00\xec\x84\xc2\xc8\x8e\xc7a\x9e\x92M\x14o\xd9\x85c\xb2o\xb5\x7f\xac\xdd\x8c\xb5\xfdbek\'L,q^\xca\x85\n6\x04\r\tcC\x87H2E%\xb5[\xab|\x99\x9f\xady\x0e\xd9w+#\xfc\x8a\xfca\xa5\x15\r\xca\xbb\xef/\x07n\x16\x91\xe3u&amp;/\xbf\xd2\xb4\x1a\xff\xbd\x9f!*\tZ\x91@\x92I\xd2h3\xc7\x1c\x8e6\xdf\x96C[\xad\xe5\x0b(U\xcc\xcdM\x99\x92\xdf\xc0(\x01\xed\xf4\x99\xa9e\x19\xb1u`me\xac\xaaLGP\x95\x11\xfdj\xd3t\xc9\xbc\xed\xb4\x81\x8e{4\xb7\xb1\xe8\xb4\x03\x03g\x86\xb9\xd9\xa4\x9f\x03\xbe\xfbOf\xc9_\xac\xa8bM\x0cY\xb6\xad\x13tR\xbd\xa8h\x81\xdbr\xae\xfa\x0cSm*Ylfp\xe6\xf3v\xd5D\x8d\xe6\xc5\xc6\x95$\x9f\x7f|\xf9\x10\xb3\xd3\x07\xcc\x98o\x9c\xf6Te3\xa3.QXTb\x89\xce\xa1}8\xd6\x96\x81\x0c\xf1\x87\x10\xd0\xce\xdfS\xd8M:\xbbC\x9d\x19\xef\xac\x88q\xaa\xd6\xa4\xb2"\'&gt;\xa5)\x9d\xcf\xcc\xfd\x11 \x9d\x10\x8f\xfeH\x9b\x90\xd7Q5\xc8\xc5\xa0\x96v3NnP\xe3\xd0Pe=C/\x92\xaf\x99\x14\xf0\xeak\x15\xb5R\xbc\x9bP{\xd9I\xac\xe2\x08\xec\x03M\xa8\x8d\x1d4\xcao\x81\xe7}C\x8f\xd5\xb7\xd2\xd3?W*\xc9\x96(V.\xe5-&amp;v\x95\x82\xe98\xc3 \xc9\xe5\xaav\x1c\xb4sI\x90u\xa4\x9e6\xfd\xcd.a\x9dV\xb5i\xeb\x88\xb5\x1b\xbe\x16\xd5W5h^\xe7\xe8)\xca\xb4\x13\x1d\x18Pa\xc5\x1dK\x98\x86\x96Bl\no\xb1\x8b\xe6\x9a\x953\xf9\xa2\xad\x88\x9e\xf6(\x16\xdc\r\x08s\xe5*\xb9\\u\xe7|&lt;WX\xaeR\xbf\x00\xecY\x93\x1c\x85\x05\x19\xff\xd4.b\xa2(\xa3.\xdb[{\x1f\x07\xe1.\x05w[3\xc2\xff\xc0QhX\x00\x82jwS\xd3\xd4\xfeK\xf2y_P^\x94\xec\x8bMm]\xa7\xd6a4X\x95\xb7\r+\x8f\x03\x19\xb4}R\xa1J\x8f\xc8.\x8d\xfa\nw\xda\xadrx\xdf\xae\xb5;i#\xe8HKu\xf9\xe7\x7fXaf\xe0^\xd1\xf8C0)\xef\xfc\xc6dN\xb6\xe7\xa7\xf2U\x93\x88\xfc\xd1C\xf1\xb4&gt;\x80\xf6\xbb\x9e\xc5Vz\xf6\x9bL\x80\xfd\xcf\\J\x1aA&lt;\x00\xe0U\x01\xe5\x10 \x99\xc4\xf2@0-\xcf&amp;\x9a\xcf\xd7\x02]P\xaaZ!\xfbP\x8e\x8eT\xca\xe3\xd4\xee\xdeW\x8d\x9a\x0f\xf2Bv\xe8\xd6e\xe8#Z\xa4\xdd\xb5\x1f\xf4\xca\xb5\x1e\x95\x8f\xbeRUN\xbd\xaa\x07Rq&lt;\x1ez\xf7(\xfc\x10,\x92\xae\xe8?\'\xa1\xbf:I_\x97SsE\x98\xe62\x9a\xc2\xed\xc4\x86\xa6\xa5\x9b\xda\xb5\xa2\xf3\xb0v\x044\xa3\xaa\xfdY@\xc2\xef\x05\xb2\xb6\xe2O\xc3\x12\xb4\xdf\xec\xac,\x8dlt\xcf\xf1\x80$\xa6\xfe\xb4\xcd\xbc\xcb\xc1\xe5Z O\xcf\x81\xe5\x139\x16\x07\x9b&amp;\xf8\xfbS\xa7\x90\x16\xcd}H\x05\xf3\xa7UL&amp;\x08\xd1\x85J\x8f\xb2\xc1r\x06\xce\xe0\xa3\x1a\x1a\xb8#t\xd8\x01\xc8\x8aN]t_\x8d\xa0\xe6,$\xcfZ2\xdf,$\xbd&amp;L\xafL\xd5\x97\x1f\x92\xcd\xc2s\xd5`\x96\r\xeb\xcb!`\xf9\xbfYO\'\xd9\xf5W\xfb&gt;O\n=:\x0b\x99^\xb9\x1e3a\xfd\xe6\x8e]c\tu\xb1\x7f\xd2\x961\xc9G:\x13Wo\xb6\xbc\xa8{\xb2\xab\xce\x94@\xde\xad\xfc`\x10D\x87dn\xd9\x90\x95\x040\x8f\x0b\x8c}\xc0\x1d\x83\xef\x00j\x92\xe5\xef)\x1dP*\xe5~\xc0r~\x9b\x9er\x1d\x9e\xe6\xbc\x92|\x9e\xe8\xdfy\xffI\xcb\n\xe3\x99\x05\xee5}v\xa6\x84\xbf\xe3\x91\xd1m\xdd\xb88,\x14V\x15\xd2!m\x95g\xcf\x01\xa43=X\xb3\xd3iy\t\x0f(\xbb\x9b&lt;9(d\xca\xac\x93\x83\xf1\t\xcd\xa5\x85\xddN\xdd\xdf\x15D\xc3\xa4\x8cu\xa0\xfa\x16\xd2\xdd\xa8\xce/u\x1e\xc4i\x1a\xaf{\x18`\xa8\xbeQ\xc5\xefqe\xd5UM\xaad&amp;@%\xc3\x1c\x92\xe6\x0f \'E\xb3\x11U\r\xe6\xd55\xf2\xdb\xd1S\xc4zP8\xafh*d\xaad\'s\x81\x80\xccN\xc8f\x06\ru_~\x1a\xd0\x91\x81\xeeN\xb1\x0e\xc7\xef-\xf7\x865\xb2\xb5&lt;\x81\x8dT\xb8\xca\xf9Gk\xe0r\x10\xf4\x87\xaa\x88\x13\x94\x94\x11\x99VJWi\x88\x17\xf2\x8dq0\xe9\xac\x9d\xae\xfb\xc18\xe3/g\x85H\xe8\xd5.\x12\xddQ4\xe0\xc4\xca\xac\xa4\xd2\xcd*(\x12\xfc;\x83\xd5zK\x05\x81D\xdb\x9d\x1d\xd7\xa0\x83\xe4=\x01\xaf+]*\xe67\x03\x03\x05T\x85\x92\xb8\x87\x153\x1a$\x01N\x07\xb1X\xb4\x05b\xb6\xe0\xf3\n\r\x01\x00\xc4\xe7\xd2\xaf\xecj\x15\xe2UX\x1c\x94\xab\x9d\xaf*\xb2\x00\xf4\x8a\x02II\\a\x92\xb4\x88\x95\xab7\xd9\x95\xfa\xe5\x98nj\x85\xa1\x06\xd4F[\xfc?\x95\xa5\xb4\xd9\xbcj\xb7\xcb\xa0\x0f\xdc\x0b\xd84\x0b\x85\xf5\x98\xa4zR\xe1hK\xb1\x1eD\xda\xdb+\x96E\x9a CFQ\x95P\xeb\x19bK\x9astfZ4\x16\x00\xc9\xc4\xa7\x1d\xecRB5\x14\xca)\x19\xb1\xce\x95I\xca\x1dO\xed\xe8\xc7\x07\xd7U\xe2^\xcd\r\xcd\xc6\x10\x11\x9f\xe0.9d\xd0y\xf9j\xb4jP&lt;\'\xe1}\x18\xd1:pg\x90n!\xfdDz\x99\x16p4\xe5z\xad\x07q\xb1\x1fYL|&lt;\x11\x83\xd8\\\xc5O\rD:\xb5\xd0\x8d\x11U\xe1F7\xfa\x8b\xdcPj\x94n\xb4\x9e!\x03\xe4]W\xee\x96\x9af\xee\xec\x13\xabf\x80\xe4\xeb5\x98\xa6\x9d\x82v8\x8e(\xe1\x85\xe4*\xb3\x05Z\xb7\xb3\x12~\xa9\x9eU\xbc-\x92I\xad\xfe\x81{\x04\xf3\xecT\x929S\xfa\x1f\xf3ow\xef\x1f\xf4q\xd42G\xb0g\xb2:\xe5\xa4|\x1c]\xa6\nU\x11\x99\xdej\xebd@Q\xaf&amp;\tf\xf4\x9b\xdb\xe9+\xb4\xfd&amp;X\x07)\xd2I,\xfdN]Q\xb1\xcc\x87\x19\nJv\xd1\xc3\xf7\x7f\xb6\xb6t-\xbe\x00X\xfd\xac\xea\x8f\x88%\xc9\xb8\xe6\x81\x9b\x85\x97P\xd8\xf2t\x86\xabnT\xe5X\x96\xecl@\x8f2\xa4T.\x00\xeaR\xe4\x18\xd2\xf5\x87\xa7(\x95\xaf\xadb\\Z\x82\x85\x12\xf7\x0f\x9b\xb2\xf1q\xb4\xc2t\x9d\xb9yp\xb7\xaf\xa1#\x8e=\x16\x15\x02\xfb\xf2\x86\xa2~\xcb"T\xba"l\x0eV\xb7\xa11\xca\xb3\x99\x12\xe51p\x03\xa8\x9a]\xbes8\x17e\xf0u\x83]\xb6\xcfX\xe5\xb7\x8a\x0e\x07\xa9DFI\xc7zqU\xa8"\x10\x0c\xd14\xee\x94\xe2\x9d\x9e\xf8\xf7\x9a\xb4\x84FHg2\x8d\xdf\xcaZ\xf1\xf8\ns\xebg\xd9\x16\xd9\x7f\x0e\xa7.]\xa0zK\x0f\xc5\x15\x04\x8a%;\x94\xeb\xe6F\xd0\xbfS\x14\xe7y&lt;\xde\xf9J\xa4NyRD\xbf\xaa4\xdc\xc8X\xb7\x8c9\xda"\xf1\xda\xb9*\xad\xa8\n\xb3\xa0&amp;\xd7*\xfceZ\xb8\x93I-$\x9f\xa0\xe9uXE\xa1\xbd\x9f\x03\xd1Q\xf1\xeeU\xac\xcb\xc2\xd6\xf1RI\xed\xe9\xf0`\xd3\x1a\xba\xa2\x96\x06\xf9\xfc\xeap\x98\x17\r\\\x01"\xd3C\x9di{\xed\x06r\x7fV\xee\xcf\x87ZJn\x8e\xaf\xacX\xae*#\x14\x92\xe8\x16\xac\xcejU\xed\xee\xbb@\x9a+.\x00\xd4\x85\x08\xff\x0e\xa6\xc3\xb5L\rN~\xa36\xb3\x08\xb5n_h\xe6\x0e\xb7x\x9c\xf2\x81\x8b\xc6\x0fD\x16\x00Y\x12\x9b\xab\xb5S\x1a\xf1}\x1c\x0e\xaa\xb6\xa2voE\xa9\xa9\xe5\xec\x9d\xa9*5^8V|\xb1\x13G\xff\xc5h\xa9s\xb8\xbcvb\x13\xa8\xd5DN\xb3\xae;\x06\x19\x04&amp;\xa0\x95\xe8Z\xac\x05\xa0\x8d\'\x7f\xeeM\x93\xb1\xcaC\xae\xf2\x02\xbdb\x15\xcf\x81\xbb\x83\xef"\xd2\xf3"S\x81]g)LR\x90\xc5\xd0R\x1c\x8c\x88\xa9\x15\xff\xa2K5\xa2\xa7\xaan\xb1:\x82\xfe\xf4\xd4\x0e\xa3eV\xd5:\x01\x00\xe0\x9111\xff\x925v\xc5\xddg\xedp\xfbz\x98\x07\xbaW\x15\xe6\r\x83E\xe5\x8b\x9b9\xa77\xda\xac;\xac\x92\xc5\x81\x81\x05U\xe90\xbd\xa4\xce+5_fN\x1c\x9c\xde\x88\xd1\t\xc0RWf+\xde\xa8f\xf8\x16\xa9\xcc\x8a\x9f\xf3U\x15I6\xb4\xc2R+\x0b\xffH\xadj[\xe1lR5\x1d\xf7.Eg\xf0p?0\x1cNE\x06\xa1\xc1\xeb\xd2\xa0\xc3\x17h\x90\xde;\xc2o\x07\xee\x17\xd1)\xe4\xcc\x10r\x0e[\x9c\xcc\xce|V\x85\xd9\x0c\x84|\xa1\x92\xb3\xc2\x9a\x1f\xba\xf5\x1d\xcb\x80Z\x0f\xf1#\xa8E\xa3\xa2\x17M\xb8X\x1b\xb9&amp;X\xd1\x8d\xc9T)\xdc)\x13w\x98=p\xfa9\xb6\x00\x14\xcaq{\xc7\xd4OH\xc1=-:\xc8?\xc6\x1asGX]\xb3\x10m,\xff\x86pD\xabe\xc5\xc2\xba!\xe6\xa5E\xb4\x90\xaeR\x9b\x89}\x0c\xab\xca7\xa3\xab\x04"\xd2\x1d@\x90\x8elo\xbc\x15\xc1\x01\x8a\xf4\'\xb5\xde\xdc\x91\x11\xaf\xabU\xbe\xf9\x8cVX\xa8"\xd7\x1bw\x01\xb0.)\x93\xa5d:\x8ef\xa7M\x04\xad\x86\xb4*\x1e\xb8~\x04\xe3\x02\xfb:\xbb\r\xf97\xb4\x96t\xa7\x87\xf8D_L]$\x10\x00\x9f\x94\t\xd4\xda\xd5m%\x85\x8e\xe9z\xbdNp\xa9\xd4\xa3\xab\xddJ\x00\x10\xdf\xdf" m\xef\x88\xfe\xff\x9cv\xce\xfc\x9f\xfd~\x93\xb4\xa5\xaf\xea\x10\xb0*t\xb0\xb2r\x15\xc6UR\xd1\xe3\x16\xe1\xbf\x07\xf6b\xb3\x99`\xb3\xb5\xfb\x84\x1d\xb8&amp;T%qIN\xfaPd\xb2\xed\xb4\xde\x86"%U\xa0\xd8\x92\xd4\xd8\xd7M%\xdb%)iZd\xd7\xdeD\x1arw`]`\x91\xd1\x04z\xd9\xe4\x91((\xdflB\x17\xc87\xc1\x18Y\x00\xd6\xb5\xf0\x88\xe8\xd9Qa\xe6c\xb6\x89#Z1p\xb1x\xa0,\x9aVo\x8e\xfc\xf9\xb9$\x91\x84\xc5_0\xd7\xffB\x93\xfa\xa7\xe1eI\xdf?\xac8\x9bp\xfe\xf6\xde\xf6\xd5\xfe\x83\x90\xb0\x88q\x91\xb9\xe1\x99r\x04\x98R@\xd9L\xc8F\xd1N\x93\x7f/P\xf9\x0b\x82\xee_\xdct\xaa\xc7\x81\xf6\x1f.F\xfem\xd2\xbf\xe8j\xed?A5M\xa0u\x82E\x0f\xb2!\x9b\x00\xcc\x96\xa61U\x87&gt;\x1f2}g\xe3\xa1\xf2/\xf1R\xeb\n\x1f\xfa\xb73\t\xa9\xe8_E\x9b\xe9k$\xd8\x9f\xe9f\xd7\xe8\x97\x1e[\xaf\x81+\xc7\xfe, \x92gQ[\xcd\x16\xadd-\xc8\x90U\xf7s\xfc\xec\xab\xd1\xc6-+T\xdaX$\xa5\xdb\xf5k\xa2!\xb3g\x10\xfd\x11\xb1\xaez\x83\xfe\x95\x89\xaa\xd8\x12\xa9\x83\xa8Y4</t>
        </is>
      </c>
      <c r="E149" t="inlineStr">
        <is>
          <t>&lt;class 'numpy.ndarray'&gt;</t>
        </is>
      </c>
    </row>
    <row r="150">
      <c r="A150" s="1" t="n">
        <v>148</v>
      </c>
      <c r="B150" t="inlineStr">
        <is>
          <t>steps_per_sec</t>
        </is>
      </c>
      <c r="C150" t="n">
        <v>2200</v>
      </c>
      <c r="D150" t="inlineStr">
        <is>
          <t>9.94428</t>
        </is>
      </c>
      <c r="E150" t="inlineStr">
        <is>
          <t>&lt;class 'numpy.ndarray'&gt;</t>
        </is>
      </c>
    </row>
    <row r="151">
      <c r="A151" s="1" t="n">
        <v>149</v>
      </c>
      <c r="B151" t="inlineStr">
        <is>
          <t>Loss/object_center</t>
        </is>
      </c>
      <c r="C151" t="n">
        <v>2200</v>
      </c>
      <c r="D151" t="inlineStr">
        <is>
          <t>0.2874419</t>
        </is>
      </c>
      <c r="E151" t="inlineStr">
        <is>
          <t>&lt;class 'numpy.ndarray'&gt;</t>
        </is>
      </c>
    </row>
    <row r="152">
      <c r="A152" s="1" t="n">
        <v>150</v>
      </c>
      <c r="B152" t="inlineStr">
        <is>
          <t>Loss/box/scale</t>
        </is>
      </c>
      <c r="C152" t="n">
        <v>2200</v>
      </c>
      <c r="D152" t="inlineStr">
        <is>
          <t>0.08156098</t>
        </is>
      </c>
      <c r="E152" t="inlineStr">
        <is>
          <t>&lt;class 'numpy.ndarray'&gt;</t>
        </is>
      </c>
    </row>
    <row r="153">
      <c r="A153" s="1" t="n">
        <v>151</v>
      </c>
      <c r="B153" t="inlineStr">
        <is>
          <t>Loss/box/offset</t>
        </is>
      </c>
      <c r="C153" t="n">
        <v>2200</v>
      </c>
      <c r="D153" t="inlineStr">
        <is>
          <t>0.3616681</t>
        </is>
      </c>
      <c r="E153" t="inlineStr">
        <is>
          <t>&lt;class 'numpy.ndarray'&gt;</t>
        </is>
      </c>
    </row>
    <row r="154">
      <c r="A154" s="1" t="n">
        <v>152</v>
      </c>
      <c r="B154" t="inlineStr">
        <is>
          <t>Loss/total_loss</t>
        </is>
      </c>
      <c r="C154" t="n">
        <v>2200</v>
      </c>
      <c r="D154" t="inlineStr">
        <is>
          <t>0.730671</t>
        </is>
      </c>
      <c r="E154" t="inlineStr">
        <is>
          <t>&lt;class 'numpy.ndarray'&gt;</t>
        </is>
      </c>
    </row>
    <row r="155">
      <c r="A155" s="1" t="n">
        <v>153</v>
      </c>
      <c r="B155" t="inlineStr">
        <is>
          <t>learning_rate</t>
        </is>
      </c>
      <c r="C155" t="n">
        <v>2200</v>
      </c>
      <c r="D155" t="inlineStr">
        <is>
          <t>0.00058</t>
        </is>
      </c>
      <c r="E155" t="inlineStr">
        <is>
          <t>&lt;class 'numpy.ndarray'&gt;</t>
        </is>
      </c>
    </row>
    <row r="156">
      <c r="A156" s="1" t="n">
        <v>154</v>
      </c>
      <c r="B156" t="inlineStr">
        <is>
          <t>train_input_images</t>
        </is>
      </c>
      <c r="C156" t="n">
        <v>2200</v>
      </c>
      <c r="D156" t="inlineStr">
        <is>
          <t>[b'512' b'512'
 b'\x89PNG\r\n\x1a\n\x00\x00\x00\rIHDR\x00\x00\x02\x00\x00\x00\x02\x00\x08\x02\x00\x00\x00{\x1aC\xad\x00\x00 \x00IDATx\x9c\xed\xbdy\xfc\x7f\xcf5\x1f~FbWDBcIJD\xa8\xf5\x81RK\x94ZRK[\xfb\x92TB\xa8V\xdbh\xa9\xd4R\xfc\xaa\xd5\xdak-Z$\xa8\xadb\x8bVP\xb5K-\xb1KE\x82\x88\x9dHbi\x85\x94r~\x7f\xdc{\xe7\x9e9\xdb\x9c\x99;\xf7\xf5~\xbd\xdf\xdfy&gt;\xbe\xdf\xcf\xfb\xf5\xba\xf7\xcc9gf\xce\x9c9sf\xee}\x01LLLLLLLLLLLLLLLLLLLLLLLLLLLLLLLLLLLLLLLLLLLLLLLLLLLLLLLLLLLLLLLLLLLLLLLLLLLLLLLLLLLLLLLLLLLLLLLLLLLLLLLLLLLLLLLLLLLLLLLLLLLLL\x0c\x02""\x00\x96W\xf6[\x88j\xa9\x13\x95!\x00\x00D`WF)\xd6Q\x9e\n\xfd\xef\x8d\x05oD\xe1#\xb2\x16\x95G\x19\xc0e\xed\xc8\xd0\xc1\xb9e\xe8\x17\xd7\xfa\x1a*81\x01\x00\xe9`y:\x18R2\xb9\xe1qI\xae\xe8,=\xa8\xcf\x85!\xabo5\xc8u\xea\x1fA\xd6\xfc\x88\xda\x888\xaa\xd6\x88/\x97\xd2\xef\xdd\x94&amp;K[\xdc\xa6\xfe\x9b\xb8Gb\x80\x89\x0e\x1c\xb4\x11YP\xfa\xfa,z]\x02\x10\x9c\xaaU\xa4\xd6\x88@I\xd4\x19\x8b\xf1\xf4\t\xae\x1c\xacG\x8er\xd3\xac\x935\xe9%\xd1T\xbb\xb1M11q\x12^\x88}\x97)\x94*.j\xe5DVJ\tR\xba_\xfe\xde\xee=qK_\x98\x04N\x1b&lt;\xb4\xe0oe\x05\xe2\xcd\xe8S\xb6vJ\x07F0O\x00\x8f\x1a\xa0\n\x00\x00&lt;\xcb\x92pCH)U\xc5\x07\xdb\xd0\xb7\xba\x838\x893\xcd\xaf\x9e\xc1\x7f\xe2*\xd01\x01\xd0\xb2\xd6\xad?=\xa6\x95/TES\xf1!:(\xd7E\x9b8\xfa-\xc4\x8f\x01\xc0G+-y\xa0[\xa28\xc2\xf8b&gt;\xe1\x9a\x1d\x10\xe2cF\xcd\xf7\xfd:\x9c;\xb5&lt;\xec\x9a\xdb\x7fb\x00V\'\xf32#\xcd\xe8b\xf6b\xf9HK\x01\x04\xc0\xb7\x1b&amp;Z\x15\xd4\xd7\x8cj\xa1&amp;N\x97\x1c\xa57\x1e\x18\xfe\xe1\xe8\xfa^`\xba\xbd\xa5\x98\x8d2q\x08\xa3\xac\xa7\xe9\xcc\x89\x13\x9e\xb3\x13Mw\xc6\xb8\xf3\x82\xfd"\xb2n\xc0Y\xca\x8es\x14h\xd5\xacc)\xe9\x88\xbe\\\x00t\x01\x11we\x80L,\xe0{\x00&gt;r\xe7#\xf6\xac\xfa\xc7FiqRu?`\xdb;.\xf9\xfc\xe8\xdd\xd9\xb5\xfbxq,*c\xf0(N\t.\xbe\xe1)\x859\n\xb4j\x96RR\xb9uL$\x9dC\xa5\x0bG: \xe8\xd9\xe7\xb6\xf6=\x11k~\x83\x04D9|V\x031\xcb\x98\x0e\x06TT\x1c\x86\xbdX\x84\x8a\xb1\xba\x03A\x8e\xd38\x98{\xea\x82\xfa\xf8x\xf2M+\xa0\x02Q1\xefv&amp;W\xd5\xd2&amp;\xe8\xd0~\x91&gt;\x0e\x03\xb5\x99\xb8\x14\x1a\xe6sD\xa4\x01\x80r\xb6\xfd&amp;\xce\xb0c\xed8f\xd3\xc1A$\xd4M\x15\xa8\xaaq\x1c\xf1g)\xf6\x13\xb1B\'\x1ct&lt;q\t\t\xae3\x1e\x1cUG\x85\xb3b\xf3\xe0\xb7\xc3\xd2\x17\x1e\xc1brb\x0b\xe9:\xdb\xd6\xc2jr\xb7K\xe9\x89\xa6\x14\x10[\x15{=}\xea\x01\xfc\xe5\xdfx\x8a\xb6\xc9\xfb\xc3\x96\xde"\xbc?0P\xf6\x12\x96\x1f\x8e%\xd7\x8c\x8c\xa1\xd3 UW\x8fu\xa1m\x86\x16b\xbb\xeam\x12e\xd54\xa6\x01\xd5\xfe\xbex\xe0\x83\xad\x86\xf9Zz\xb9\xd6\xb6N\xbb\xe1\x00|\x1b;\xb7a\xb53\xb1C&lt;\x07@\x16\xad}\xab\xd7\x01\x83\xcfu+)K\x89\xc9iV\xa6X\xe4\x00\x00|\xd9Y\x07\xab\x1b\xd9&gt;\xde\xcc\xe9KX\xb5\xde\x9f\x9b\x1b\xb3\xc5\xa9\x9f}\x1a\x8e\x83\xd9\xed\xd6\x9a\xa2\x91\xb8\xef&lt;\xd1\xf57\xf8\xb5\xb4\r\x93\x88^\xd7\xe3S\x1d=RJ\x00O\x84sc\xbf\x89\xf3\xb1\x0c\x96\xdf\xed-;P\x8d \xd9\xd9\xc3\xe3\xa4 \xb7\xe9\x14SY\xb0\xb9\xd8k\xc5\xf4iVc\xdcQ\x99\x83\xa8\xea\xd0&gt;\x01\xe8&lt;U9\x0e\xe7\xf7\xb7\x97mH7c\x02hQ\xbf\x8e&gt;\x9e\xd72\x11M\x9c\x8ank\x1b&gt;\x01T\xf9]\xc6\xfb,2~\xe8\x0c\xb6y\xe7-V\x93&gt;\x8fP%\xee\x98\xe4.9\x01\xdc\xc8\x1c\xa3\xb6\tK\xdd\xf4\xe9\xa4\xfa} \xb3\xce\xf2=8\r\\\xbee&amp;&amp;t8\x96\x98m\xba\x89O\x93i?u\x8b\xb6nvHt:\x85\x98\xda\xd2/\x94L\x94\x88\xb5\xaaX_\x8b]r\x02\x88\xa3&gt;\xd5\xf1\x16\x03\xfc#\x9dL\xad\x17\x8e\x98\x8d\x82\xedf\xcd\x13W\x8b!\x8d3q\x8b\xe1w\xff\x05\xec\xc2\x99f\x98j\xb7\xdaL\x9d\t\xc0\xa9\xd7\xa7\x18\xac\x9aD\x7f\x9c\x1e\x99~d\x13\x93+\x81lC\xda\x16\xe6|y\xcc\xcd\xc5\xddy|\x11p\r\xb8v\xfd&amp;\x9a\x80\xe4\xdfQ\x0c/`\x1bq\x11Wn\xa8\xf5\xf00&lt;\xdc*^\xa6\x1a2\x7f\'\xa7\xc4R\x81+oI\x1fT\x7f\x92\x81q\x8b\xc4\xean\xaf\xb7\xf6\x92M\x19\xbf\xeblm\xd2z\xd7\xa8\xdeD\'ni_\xfe\xdf\x9bV\x80\xe2`\x13\xb6v\x01b\xcf\x84\xdd\xdd\xd1W\xeb\x92Fa\xf5\xd1\x1f\xea\x12\x18u\xb7ZF:r\x14\x1b]\x8f\xb0\xe8\xaf\xb5\xb9Q\xfb\x15\xa6\x89[\x8f#}y\x83\xa6p=\x06\x88\x88\x88O#_\x01\x11\xdf\xb3\x89C\x83\xac\x8f\xaf\x04\xa4\x88\x88\x1fc\xdfR\x93f\x9ebxeA\x1f\xde\xb7F`\xb4\xa7t]l\x89\xd3\xa3\x0c\xa2\xba\x9e\x90\xbe\\\x8a@\xfa\x9f\x81\x0e\x95N\xc5e\xd6\xf7\x13g@{\xe1\xc9\xf2d""4&gt;4\x84\x88)\xa5\xbc&amp;\x9cO\x05Rt\xb4g\x9dg\xd9\x7fh\xb7y\x1e\x9f\xe6\xaf\xd0\xb8\xcfxK\xfa\x94\x92\xc3\xf3\na\xb5?\xf5\\\xeb\x0f\r\x01\x14\'\xf4{\xab\xb7\x1c\xed\x81\xf2\xd9\x8b\x92$m\xd3M!\xa3L\xb6)\xb8\xccC\xce\x13\xf7\x04\xc8\xf1\x00y\x08\xc0-\x19\xdbMp\xbc\xa4Y\x04\xaeq&gt;#\xde$A\xed\xad\x0c\x96\xb3\xde\xf3\xdf\xe5-\x0c\xbc?C\xce\x1cW\x0e\xabR\xac\x7f\x97\xaf\xf9.\x9d\x15\x0e+\x10\xf2\xe9H\xfe\xaf\x12\x0fD\xa4\x8e\x8b\x7f\xb8=}&gt;Q\x81|\x15\xc4\xba\x02\x1e\xf2&lt;\xfd\xb5\xe1n,S\xc5\x8a;P-\xe3\x85\x9d\xf47\xae\xcaX\x18\xf0\x89B\xae\x96~\xb8-&amp;\x82\xe4l=\xbb\x95\xca\x96YZj\xfd\xdc\xf5b\xa8\x83H\x17\x96G\xe5Vi\x8c\x19T\x9a \xe2\xc3fZ\xe8\xfaa\xae\x88\xf3\xef\xee\xde\xbdi\xc0\x01"\xc0_\x86$\x9e\x84F\xd4_t\x85\xdb\x8b\xbc.\xd9F9\xb7\xb0\xa4\xeaB?~\xb9\x141H\x0b\x9f\xb8\xd5\xc7\xa2\xf4_|v\xcd\xb6\x12\xcfY\xedi.P\x96G\xc7\x15\x90PVfa\xe2f5\x0e\xbfZ#frx\x9b\x96\x87\xf7Tx\x13\xc0I\xcb=\'\xa3\x92sO7e6N\xa6\xf8\x8cv\xd0f\x94S\x12\xeb\xb8\xcdT\x0e\xd7+w\xdfC\x10\xdc\x89\xc9M1\xb6;\xd8D\x9bj\xfc\xad\t\xe3\x882g\'\xee\xee\tVt\x97\xa0\xbf\r4\xad\x19\x83\xf1v\xb2\x9f\xb5\xc0\xf7V\xe4n\xf7\xc0\r\x97:N\x1d\xf8\xd4t\x1c\xea\xbf\x1es\xc6x)^9Z|&gt;sx\x9a\xb8\'\x8c\xdb`b\xf3\xa4\xa6\xe0\x89&amp;\xb7\xa3\xf1\x04E\xe8\xae\xd1p \xfe\x08\x96\xc7Z\xe7\xd1\xa0\x89\x1eXVS\xb5\xa7\xd2\xfcZ$~\xc9\xca\xff\x06M\xf6T\xe9f\xfe\xbb\x95\x0f9\xf4=F\xb3cxWwN\xd3\x12\xd3\xcd\xfa\x8f\xad\xe8\xae\x00\xbd\xa8R\xc2\xae\xea\xf1C\xa0W~\x90t\xe2\xa6p\x89\xb0\xef\xe2)\xf2\xfe\xa4\xed\x19\x875\t\xf3\xc1/\xcb\x8dh\xbb\x1dj\x1c)\xfa\xd4V:\x08\xc7\xd8\x98\xe3\xbb\xa9\x1f\xf0\t\xa6\x95\xf6\x9d\x9e\x12G\x0c;\xbei4q\x0fA\xdbo\x02\xab\xa8G\x14\xe7\x04\x1dg\x841)\xa5\xe1o4\xdf\x83\xae\xd1\xe3.\x98\xd0\xc8\x07`\x94[g\xca\xbd\x00\x94J\xd9O\xe7\x0e\x13\x1ah7T\x9f\xf2\n\xab\xf4?V9\x02\x07\x9a}\xe9\xb3C\xf3GO\xc1\xber\x13w\x0eG,\xc1Z\xb8\xaa\x97\xfb^\x8aP\x95\xee\x11l\xfeU]b/\xae\xe0\xaf\xda\xcc\xfbT\xea(\xc58\xdc\xc9l\x80S\xa3#i\x10J\x1f\xe1\xe0\x8b)\xf4x\x91\xfc\xdc\xaf\xae\xe7\xd8\xd4M\xb7\xbdu\xa7\x9e\xba\xcaM\\+n\xc4kX\xf6\x8f\xf8\x82KH\xaf\xb8\x95\xca[\x9a\xc7\xeb3\x88\x7fV\x15\xd7Yj\x08\xd7^M.&amp;\xa8\xbd\x87:\n=\xb1\xd6M\x96\x87or\xfe\xf8\x98\x96j\x94r\x9bK.\xc5\xfb\x8aM\xdc\x19\\\xf9\x94\xbe\xf9\xb2\xcb)I\x87\xd3\x957\x8e\x04\xd1&lt;\xfa\x9e\xcbS\xd4P\x14;\x8by7\xe3\xe1m\xa2:\xf9\xa8\xef\xef\xb5s\x95\'*\x045&gt;\xe5\xd7\xd7o\xd5c\xe2\x96\xa2\xe3\x08\xe6\xe5Q\x1a\xf4\xc9\xb2\x06\xb9K|\xd2\xcd\x87W\xfb\x99\xd4\'\xb5\xd1OtCu\xf4\x11\x8bB\xc4\xef\x19\xa7\x80\xd4g\x04\xef\x89;\x01vv\xed2\xc6qD\n3\xe8\xfb7\x96\x8dK\x1e5Z,.s4\xde1\xa8]y\xb3]Le\xa3\xbd\x02\x98&amp;x\'\x11:\x12\x80\xb0\x05\xd2\xcb\xe3\x8b\xf4\x0525.x\xd9cg\x9b\xaa\xab\xcc\xe5k\xeb;M!\xf6f4\xde,\x07\x8eZ2=Uwp%\x07o\xaa\x90\r\x18*\x15y\x13\xd9-\x7fZ-w\xeb5we\xb6\xear\x08\xd45W\x06\xce-\xef\xaf{\x02B\xc7@\xd3v\xf2/m_\x8b[$\x80=#\x90\xa1\x07$\xa2H\xfb_\xfe\x96\x157\xda\xc2\x92l\xdb\x1a5\xe8\xf7s\x1b\x87\x0f\xdaWk8\xcee\xd0\xd3&amp;m\x05\r&gt;\xe4\xca!\x07W\r\x84o\xbb79\xfd\xc9\x83\xde\xc1G\xdf}\x95\x07;a\x1b\xeaVy8\xf8\xb6\xf7\xd7D\x03j[V%e\x88a\xbf&amp;\xde\xdd\xca\x91\x1e~\xcf\xe1E+|0a\xe5\x1f\x16\xec\xe6\\\x11\x1a;\xa6"\xe9\xf1N\xff\x08\x94\x95\x8b\x0b\x95\x1dDsI\xe4\x11aU\x11\xafO\xe7\x89[\t$I\xc6\x86R1\xe2\xf7\xcb"j\xf4\x16\rn\x83?~\x1ef\xc8\xc0\xb0D\x9c\xea[\xab}\xc0\x08X[\xc8\xf6\xc1\xdb\xe3)0\xf6\xa4\x08m\x80;9\xd5-\xb8\xc3U\x9b\xb8"doq\xd2\x04\xb0PE\x98\x87&lt;\xbbFsR\xd0\xfb\xf6C\xb9\x05Q\xadBp\x95Vx\xc9K\x1d\x108\x08\xdc\x9f~\xf0:\xf3V\xd4\xe58\xf4\'\x0c\xb6\xa1zqu&amp;n\tZM\x83\xc6\x8c\x9fu\x8aF\x00e\x14\xef\x11\x04&amp;\t\xf5\xa25\x05\xfcq\x8f\xb2\xcd\nl\xb7\x00\xdf!:\x8f"\x02&gt;\xa7\x81y\x13:\x8e\xa2_\x83Oa\xeb\x98\xe2\xd6\x15\xa8\xd7\x81\xe1J\x1faxN\x984qM\x88\'ID)\xd7\xb5\r\x1a\x81\xe7\x99 \xe3\xdc\xf70NPPU\x87\xd8\x04\xa0\x90\x1d\xd1\xb9\xaf\xecm\x9c\'.\x0c\xc4\x9f\xbci\x15\xda M\x10K\xdc\x98f\x13gclO\x0f\xb4\x94\x85\xd5y\xc6\xc7\x16\x10TP=\xa9\xb2\x95\xac\xef\x93\xbb9z\xf4N&amp;I\xe2\xa3g1\xbe\x861\xdct8u\x90\xdf\x93\xbd\xc7\xad\xc8\xbdLG\x7fO\x07^\xd9\xab\xe1\x17\x9c=\x01t\xc3\x9a6\xaa\xc4\xea\xdd\xa8D\xf7n\x84\x89\xa4/\xe6\xbcROr\x9ed\xc5W\xd0[M\xf2\xee\xc1\xb8\xb61\xa5b\x06\xfbw\x03\x87\x7f[n\xe1re\x0f\xb6\xe0\x05\x9f&gt;\xc3X#\xae\xcd\x95\xd2\x12\xdcV\x1f\xa8Y\x10\xfc\xbd_I\x85\xae\x94\xc5I\x07u\x80\xf5\xf7A\xb1\xfa\x1b\xb9Y\xa8\xac\x82\xaf\xcf@\x04\xbbcb\x14.\xd6\xb3\x13\x97@\xd3T&gt;\xe7\x7fD|Gq\xa5\x99IY\x16\xff\xc5\xc8\x86\xedc!\xe3\xbb\xac\xcd\xc5:\xfb\x1enZ\x12\xb4/nZ\x97\x1dW\xa4\xcaD;\x0e\xcd\xdb\xf7\xf0\xc9_\xad~G\x9bl)\xfd\xe5-\x1b\x81\x9f,\x0f\xaco\xf6Mj\x02\xf6x\xe7\x1a\x9b\xab\xbfM\xef\x96\x8d#\xbb\xaa\x8e\xe2\x97\\\xc6\x9d\x01D\xf4\xabM\xb6rB\x15\xa5\x0b\xac\xb1-\xb3\xcf(\x01\xbe\xb7\xbd_&amp;(\xfa\x7f\x11\xcc\x0fC\xd4\xbbV\x91\xb1\x11\xcd\xfa@\x80+\xae\x9a\x1f\x8f\xab4By\\\x9e\xa2\x1f\xf5K[\xb8\x1d\xb7\x12\xd7\x8b&lt;\xbe\x13On\xaf\xd0X\x95\xd9_Rt\\\xb9\x00\x1c\xa7xM\xb1o\x05i{C\x14\x00\xfck\x00P\x94_\x1dz\xb0\xcf\x17\xf3\x18\xdb\x02\xc4\xd4_?8K\xe7\x9c\xde\\\xa0\xddsQ\xdd\xfdi\x9a\x00\xe2\x04\x11ln\xad\x9f\xa7Z3\xf5\x8a\xa4\xec\x18\x17\x11\xfa\xcd\xa5\x17\xcc-I(!v\xa1%\xc1(Pn}M\xf1\x06\xd6\xdd+\xcb~\xc4a\r\x87\x88\x99)\xa5b\xac\xb6[\xdea\xe5\\\xb0\xb5m\xaf\xf3\x0c\xc8\xc40\xf8\xbd\xbau\xfd3\x1c\x02\x87\xb3&gt;\x1e\x02\xf3J\x15\xdf(\x98\x87FT\x8cF\xf5\xf5\xachU\xff#\xc3%\xd20O(\x07\xa7\xea\xe5\xf7a\x7fl\nPK\xf6s#K\x93\xcc\x8a\xd3\xbcy\x07\xe3k\x84\xd5\xf2X\x0c\x04\xad`\x8b\xa7\xc6Z\x17\x1ft\xdes\x02\xb8\xcb\xa0\xbd\xcbC\xc8Al\xd5[\xa6[9 \xd4W\xa6j\xc7\xef\xa4:#\xfbbU\xd9#n7\x0b*\x19\x16l3wg\x89\x00\x85\x83x\xff\x1e\x1dT\x17\xa6\xd5+RQ\xdcz9\xde2\xb4\x0b\xce3\x8f\x13\x18\xdb\x13\x00\xb9\xac\xca\xeeP\xe9\xb8\xb1\xf9\x9c\x87\xb3\x9d\xb8"\x08\x972\x8c\xa1u\xd7\xfa&lt;6MQ\xeas\x84\x95\xc2&lt;\xc2\xefE\xfae\x9aj0\xf7a\x13\xef:\xfa\x945\xa1J\xe3u\xdbI\x87\xa5e\xca\xa6i\xa3E\xa5b9"\xcc\xe6\x908\xcb\xb9k\xb3\xc2\xd1\xcd\x8f\xa3\x91\xbe\xad\xc3\x87\x1e\xe3&lt;q\xa7P\x1d\xbdM\x03\xdc\xa1::\xf6\xbab\xa8 \xab\x1b\x8c\x89\x86\xcf\xd6\xb6\x94\x0f\xb2dt\xcb\xa6\x99\xab\xff\x10[4H\xb9q\xe2f\xfd\xce\x87\xd5q\x07{\xf3P|\x93\xf3r\xff\xaf\xce\x07?\xb1_\xd0\xc4]\x80\xe3z:";w\x028\xa0eN5l\x9f\xeb\xf4\xee\xad"0&lt;\xa4\xd7\x18\x9c\xea\xfd\x81d\xea-1}.\x8cm\x02\x85\xfa\xe5R~\\\x8a\xf90\x8bRM\xdc\xc7z\xe4\xa4\x8e;\xc2v)\xba\xcd\xcdgI\x99\xb8:\x1c\xefKf\x10q~\xc8qD\x073%\x9d/Z\xc9\xd6\x9d8\xa0\xf0g\xf7\xebx\x8baO\xcfO\xd4.F=`\xbc\xdf\xd1\xd8\x89\xe9F\x9cQ\x93Hk3\xe628\xdeD~\x97`\x8d`\xe2\xf6\x81ue_\xef\xe6R\xade\xa55\x1d\ta|\xdd|\xe6\x8ee\x8f\xb5x,\xa7\xa2\x9b\x1dKyH\xe7\x17T\x96s\xf9\xbe\x02\x18/:\xc06\xdf\xa7\xb3\xc5\x10e\x8e\xb0\xb8\x80\xffC\x04\xc4?\xbe6/;&amp;X\x9b\xb8f\x14\xee\xb2\x1a\x11\xe0\xbf\x96\xa5\x00\x00\xf1s\x8e\x1b\xc8(\x13\xcb\x15\xb8w\x8d\xa7\xac)u@\xad\x12]\x82\xfe)\xb3E\x87\xff\x1e#Sp\x86J\xaa\xf4 \xd9m\xf1&lt;\x8e~_a\\W_\xe3\x8a\x88\x88\xf7\xba\xc2j[K\xed\x89\xbb\x89`g\xef;H\xbd&amp;\x8b\x00\xf8\xedQ\x95\x9a8\xbfl\x135\x97\xd5\xe3\xa0#\x81j\xd9b\xaf\xd7\xaf\xa2\xa7C8\x17O\x8a\x1c\x1f\xdbt\xd3\xe5\xb8\xa3\xb8\x91\x99\xa9\t\x11\xbd\x1c\xfd\xe5EJ\xdc\xb7\xc7~\x10d3\xe0\xf4\x05\xf1\xc4U\xc0\xea\xd0xg\xd3\t\xa0Cnu\x84\xef\x99\x93\xcb\x1a\x1f\xde\xe74\xce\xcb\xbf\xe7\xb86\xc9\xf6l\x1f*r\x890D \x0e\x9aH\xceC}\xa2m\x9f\xc0\x82\xa42w\xca;\xbdEOE\x07wr\x9a\xb8E\xa8\xbe\x0b\x08\x11?\x03\xc5%\x00P\xdeA\xaca{\xbfH\xdb[n2m\xda`R\x02X\xf1\x10\xe2\xdf\x1db\x91\xa8\x8d\xd5\xf4\xfbZj\xe8\xb8\xb0\xed\xfd;\xcb\xbb\x81\x00\x00\xf1MV\xe6#\x06\x18a[\x8e\xd8\x13_\xefU\xa8]\xbe\x8f\xee\x10\xd7\x8eB\xdf\x11\x0b\x17\x86\x98\x8d4\xda*\xd3\xaab\xd5Q\x84\xaa\xf77$\x91ou\xc5\n\x1d\x0c-\xe6K\xe2\xee\x1aTsl\x08Xj\xcc\xe3N\xadcL\xd6S\xddaD\xce9t\x04tu\xb9\xe4\xe9\x9b\xcc\xb9\x8f?U\xec\x0cU#r\xd7+\x83\x02\xc6\x0e\x06X\xbc$c\xf46~ \xe4g_Y3\x9c`&lt;+GGPd:\xac\x11&lt;\xc6"\xb8\x80\x81M\x9c\x02\x92Z\xe1\xd7[88\xee\xb2!\x8d\x8b\xf7\x1fiIX\xab\x85\xaaRp\x9c\x1c\x1c\xc3\xaa\x9b\xa6w\xa1\xcb\xf1\x9d\xa1j\x93\xa0\xe2\xe2M\xe7\x8b\xb3\xf4\xb1\x8d\xd0\xcaH\xb6\xc3\xc0\x16a]&lt;\xd0,U\xbc\xa7,R\xf3\x00\x13\xd7\x0e\xc47\x8a\xdb\x8dJ\x86\xce-\x81\\D\x15j1\x89\xe8\xa6\xcam-\x18\x11\xa7\xe7\xca\n\xd1\xcf\x0b\xcd=\xb50\xf9\xb8\x0f\x1d;8\xbd.V\xae_\x91_8\xcfI!\x00\xe2\xa3\xc1\xed\xa9#\xa6\x88\x9fT# \xdc/6\xe3\xa2\xf1y\xe2V"\x98\x1cT]\x15\xeew\x9f\xec\x0f\x00\x1e\x07i\x17[t&gt;\xb4\x9e\x8d\xb3\xd2\x99\xfb_\xcb\x9aUT\xb5\xb5\xbd\xd9 \x9aypSIi\x127\xa4\xf1\x95x"m.TFM\x88U``R\xe6}-\x7f=\xf3\xf4\xc4E\x11\xef\xf7le\xfah\xefrR,;\xd4Z\xfc8\xb2\xdc\x9e\t\x00\x11\xf1\xc7@]\xe0\x97\xb5:X\xc1\x9b\x9c\x00\xfe\x17\x9f\xf8\xd5\x9a\xa8\xf6\xa03&lt;\\\x11u\x9d\xe1\xdc\xbd\x12\xd0\x96\x93\x99z\xa7T\x94\xf3a\xf5\xd6\x0f/}\x8c\xd1\xc4\x1d\x06\xe2\xcf\xfb\xbel\xb9\xd3d\x90M\x13@5\xa7\xdf\n\xea\xa3\xc5\xad\xfa\x8a\xde*\xdeP\xa5\xb8\x92\x91m\x89\x11\xe2\x04\xe7B\x87\x8a\x01\x90"\x8e\x9e\xfd\xca\x08nT\xdc\x90\xd5\x92Zx\xc0\xbcEZ\xaeat\xc4\xd2h}\x95.&amp;\xce\xf0F\xf1\xc4-E\xffOBf\xa4\xf4W\xab\x14\xf0\xd5\xcb\xdf\xf8)\xb1\x96\xf3dx\xf8m\xb9L\xb6w\xd0-\xccE\xa8\x94\x7fd\xb1\xef\xac\x1c\x1b\x82\x81\x9f\x0e~\xe7\x85\xaeKZ\x05\x9ck\xed\xb4\xee\xa6\x92\xe2G\x90\xdcmUc)\x92\x8a+\xeb\xf5\xb1\xf5V\x99\xbd\xf6q\x19\xf9\x87@S\xc3\xe8Hn\xaf\xee\x91G\xe7\x0f\x8c""{j\xaf\xa1_\xe6&lt;qg\xe1tm_\x90\xe5\x97\n\x86\xcb\xadk\x0b)\x05\xc6\xad!\x82\x11q7\xf3\xea\x95\x0b\xa3\xa9\xa6\x1fad\xa2\xc7f\xfcV.\xbfZ^&lt;\xdc\xbf\'5tS\x95\x83\xa4\x07\x1b\x93\x96\x0c\xb2\xc2\xf2\x1dVs\x06\xb8E\xd0#\x04\xd4n \xa2\x1fQ 6\x87\x9bk\x04\xd7\x1e\xa8de\x16k\xeb\x8e\xc4\x16\x9d\xbb\xd5P\xb9e\r\x87\xf0t\xc5\xed=\x82\x88Ua93\x92\x7f\xd7;\xae\xa0\xda\xfb\xcb\xc5&lt;\xe4\x8d\x9fqG\x80\x04\t\xc0\xb0\x9fm\n\xdeq\xa4\xd1Njv\xc6vi\xc9\xb1\x06\xe3\xc8\xa5\xa8/\xb3\x80\xaf&gt;\x9b\xf4dF\x12*\x92\x17\x1cq1\x13\xd7\x01#\x05$\xe6\xfc\xc8\xbc\xde\xd1\xff\x91\xbc\x01\x03\xcb\xad\xa7\x03\xde\x1f6\x9d\xe9\\2\x0e\xcf\x87\xe0~\x9d\xb1\xdc\xa9F^\xc4\xfb\xd3?:^[\'\xa8-\xb0\x88\x1aYE\xda\xfc\xd5\xea\xad\xf9\roz0\x93BM85\xf6$S\xe6"\x0c \xd6\xb9\x0e\xe86\x8aN\xd0\xc5\xff\xa0\x17N\xed\xa3r!\x9e\xde\xff\xee\x00\xff\xa5v\xf1\xe2j\xec\xa2k\xaf\xec\xbfB\xc4\xd6\xce\x1c\xf2\xee\xc9jV\xa4\xa0\xab\xe46\x1f\xd4k\xeaKw\x1a\xa1\x9d\xe1\x91\xd2M\x82\x06\xf4N\xb5\xce\xf1\xfcX\xbe\x8b\xdb\xbf\x97\xb1\x9f\x05\x1fw\x191\x13\x97\x01\x1e\x8en(+\xefn\xc0F\x17\x12:\x04\xfe\xf4|\xc5\xdaXiU@\xfc\x91\x8ao\x1d\xed\xfb\xfa\xe0\x8bvTdsC\xa7\xf4\xae\x8d\x13\xc4\x17\xbf\xb9\x06\xa3j\x94\x13v\'\x93\xbf\xd4Q\xd0\xdf\xd5\xf8\xd4.M\xe0\nv\x95&amp;n\r\x82\xa6\xe2\x0f\xd2\xf0\x04\xa0\xf8\x88\x9f\xcd\xc1N\xcf\xe9\x91S\x164\xf8\xfe\x852\x88\x88\x8f\xb2\x14x\xda\x95L\x00\xe0\xa7!\xec\x19b\xac\xe6q^\x94\xf0\xb1\x0e\xd9\x819&gt;X!\x8b\xe8\x02\xbdy\xb6\x086@\xe6\xb40\xc1\x114\xbeq\xde\x81\xfb)\xe61\xe2R\xd8\xea\x18\xdb\xdfL\x80v\xe8\x17w\x89W\xe2\xfd\xa92\xce-s\x0e8A\r\x87k\xd1^\xef^guD\r\x00\xc0\xae\xe5\xe6\x18\x9b\xaff\xe7\xb4\xdbCl\t\xf1\x13\xa4]Fx\xde\xac\rOt`\xc0\xce\r\x8e8\x0eQ\x13Q\x9c\xae\xc9;r\xdb\x11\x94\xb4\x9e\xe4I)x6\x03\xf9a\x18\x80\x8ec\x0f\x04\xb4l\x90!cR!\x86e\xcdU\xd7q\xa1\xec\xd8Z\xb7\nP=SJ\x0e\xa5\xab\xd2\xfa\x7f\xe4Y\x01\xf5\xb8\xd1\xde\xcb\x9b&amp;&gt;\x93\x08\x99\xa4\xcf\xa0\xc7\xabn\xeax\xcb2\x079\xd2\x99n\x9b\x91\x00\x1c=I\x05j\xd0?\xcaD\'\xae\x07\xfc\x14P\x9e\xed\x83\x91\xc5r\xe5g\x04\xdf\xee\x83\x1c\xeaujR\xd9\xbevC\xcbw\xcb\xf4\x8b\xb8\xc6x\x86^\xd7\x1e\xcdt\t\xb9`W\x87*`\xfd\xe0\x81Q6\x94\x98p\x94T\xfb\x11[\x16A\xcd\xde\x1f\x97\xc7\xf4\xa2\x16a7\x05\xb6\xba\xf5 \x9c\x86\x1e\x1b\xd1\xaa-\xaf6\xfcr\xc9\x7f:L\x16[\xec\xa9\xfb\x01\xb0\x9d\xcf\xf6tZU\xe2~\x0b\xf3\xc3\x98s\x11p\x9b \x8e\x81\xae\x16Yt~\xeeRi\x13\x8b\xa1\xbc\xbe\xf0*\x8e\x01\xb2\x84\t\xfb\xec;"\xe7\x1e\xf5\xa4%\x992\xc8\x96\xa5\x03\x96\x05U\x9d\xe5\xd5\\\x8e]\xcd\x9c\xcb\xcb\xafm\xab\xdc\xfa\xf0gl`\x1bdy\xd1\xa3\xf0Y\xbe\xf2E\xff \x1cv\xd6\xba\xb6ME|bQ67P\xd3\x03\xba\x00\xf0E\x8dZY}Z\x15\x99\x83}\xbe\x8e&lt;\xf5\xa7},e\x1e,\xae\x0c\xb7\xa2\x89\xcb@\xa4\xfe\xf6\xeb~\xa9\x08\x99*\x8b|\xed\xc9`\xa2\xb5^-\xa5(k\x977\xecOYZ\xfb\x10U\xa1\xe7\x01\xbfI\xa9NP\x87W\x0elHtT\xe7\xe3IAV\xba\xd5`\xb0+\xbf|y7\x14\x1c&amp;\xa3d\xf9\x15&lt;.\r\xb9a\xd4hZ\xd4\x9b\xb8FX^\xe0\xa4\xbed,\x9bL&amp;Hk\x1anCq\x9d\x12\r\xefv#\xa0\x9a\xf4\xb9W\xab\xeb\xfbU\x02@\xc4O\x0c\x88;.\xcbT\xe0$\xd6\x96\xb8qu9\xd80\xad\xa5\xd1~\xa5\n\xd6\x06\x8b\xd5\x95c\x1bd\xe2\x12p\x1c\xc1\x05\xba\x12_\'z\xd8 {\xba\r\xbf\xe3\x13\xab\xd7C*\xb9\x1c"\x1e\xac%\xc1\xee\xf2\xf9\xb4\xdaC\x15D\xabN\x11\xf6`\xee`\xe5\xdd\xbd\xc8\x04py\x8c\x9c\x00b\xdc&lt;\xe3\xfc\xc3\xb0\xac\xc3\x1dqW;\xf4\xce\xa3\xbe\xf7x\xc9M}$\x87sL\x95RbsQ\xf4\xd8OI\x87\xe2t\x87\xbc"\x15PO\xfb\xf8\x9c-\xb28r&lt;\xaf\xf2`\x8d\x86\x08\xce\x8bw\xae\x04\xd8\xde\x83\x16\x07Z\xf1\x8eWQu\x1c\x97\x02aK\xe7\xc1\xaf\x94:^j\xd7\x15\xd5\x11\x11~/\xa5\xfb\x06\xf4\x01\x00C\xa5\xcd\xeeV\xaak6\xbf\x89\x8c{W):\x06\xc9@(\xd1D\x97\xefX\xce/\xd2\xba\xa8&gt;Z\xce\x13\x1fU\x9e\x16U\x87\x96\xdcE\x84MV\xa1?\x19\x7f\xd6\x10\x95\xa0{\x1cb\xc6\xdao\x11\xe9\xeb\x1ftOv\xde\xec\xf8\xa4\x87,\x0f\xb2\xda8$\xdb\xbfU\x8a\xf74E\xc7l\x13f\x0c@\xad\xd4#\xe6\x06V\xe7\x0c\x9b\xa3\xe6|\xdc\x82\xabo\xa7\xac\x94\r\xedM\xe1\xb3\x9af\xe2\x04\x84N\x1f\xee\xc3\x15\xa2\xa1%\xb3c\x83\xa0J\xe3\x1bw\xf3\xc8E\xfc]\x80W\xb0\x0f\xf6(L\xb3\xa7\xd6BN\xdd/\xfb\x9a\xd3\t`\x19W\xd5jT\x97 M\r\x91\'\xb9\x1e\x7f9\x1a\xf1\x89\xd0*\xbb@\xba\xc2\x90\x95\x82\x19\xcfFD\x9f\xd1v2\x04\xe9db\xadV\x01\xe2\x8f\xcb(ew\x1e\xd3\xc9\xdf\x05\x84~\x10f\xb1\x80\x97\x86\xcd\xaf\x07\x82\x8e|\xb0Pg\xb8\x12\xac\xc1\x88\x997|\t\xc3\xc8\x9cc\x9b\x15\xad\x14\xef\xbf\xdc\x11\x1fvQ\xdb\xc5\xfb\xc2\'\xa4\xacp\xd6B\x8d\xb3\xd3v\x1c[*Z\xeeL\xbe\x04\x04\xda3\xa5\x94\xcff\xb3\xeb\x1d\rA\xce8\x16a\xddy\xd8s\xc3_7\x92m\xe1\xe0\xfa8\xec\x86\xca\xf9\x04s\xd9\xc3\x9b\xaf\xcb\xae\x15&lt;\xc4\xcd\x1cA\xcb\xda\xab\x9a\x17\x9d\xb8;@\x03\xf2\xeeA)\x9a\xd0OU\t\x14=4\x85\x8f\xe8s\x04U\xe9V\x93\x1eoL\xa7\xe0\xb5\x8dNK\xd3!\xb6\xb4\xee~\x0f\xdd\x8a\xb4\xb6\xee\x17\xbe\xcb\x1d\xe7\x80\x00+rD\x93V\x98#\xe5\xc0\xf8\x1df\xb2\x13W\x86\xfa\x1e@\x1c\x18^W\xcaH6NlK\xe7k\xf9\xd3\xf2\xb4T\x04\x1f\x08\xdb\x15\xaauJ\xa9\xe2\x05\x9c\xa6\xc3\xa5\x1aj]\xbeXO\xf4\xaf\xb2\x1a\xd7\xf8\xc7CO|\x1eX\x1b\x89yE\x98R\xaa\xa6\x07[\x91\xf2\x0ed!\xf1\x10\xff\x94\xa0\xf68\xe3~\x18\xc1\xb7\xfc\x0bgK\xde0\xa5\x9f\xda\xa6\xaf\xc2\na\xe4Cb3\x01t7\x11\tW-_\x86\x83\xde\xda\xdf\x17a \xe2+\x8d\xe0\xb3\x17\xbf_E\x9cl\x10\xab\x81Dp\xfa\xca\'ET\xb8\xad\xee\x9b\x18\xe2\xa0(\xd5\x97\x8b\xe4u~,f?,\xf7\xc62\x12y)p\x85\xe8h\x12\xaf\xfb\xda\x17\x10\xd7\xd9,\x13\x14m?\n\xff\xb6n\xc6y\xbd\xd3;\xa4\xf7R\xcf\xd2\x13\xeb\x15\xa4\xf4[*\xdbF\x1d\xb2\x0f\x85\xe7\x84+R\xec\xeb\xea|7\xc2\xa5^\xbf\xb1\xa6\xf5K\xd1L\x07\x9d\x93\xef\xef\xbaB\xbc%6&lt;\xe8C\xa9\xfe\xb6\x98\xf5\xef~rsD\x80\xdc\xfa\xc2\x86V ~\x1b\xdd\x1b`\xa2\xc1_)\x0c\x9d\x99Tf?a\x10w\x1c\x8au\xee\xe6M-0\xf6\xbd@\x98\xee\\%\\?\x9a\x8f\xaf\x1c\x04V\x7fX\x18@=\xa2 \x0b\xd6Y5\x1e\x92\xd9OU\xa6\xe2Q\x03_nN\xc2X\xe75\xbds\x9c\xc0\xc7\xf4z\x9a%\xed\x93\xa9\xb3\x05\xe7\x1f\xa0j&gt;\xe1nWyHqZ\xaf\xf5\n\xe8}}U\xc8}\xd4yT\t\x00\xf0\xb5Sz\xdaX\xad\x08\xf3A\xe9\xbb\xae\x13e%\x07\xb0\xec|\xe2j\xd1\xb6\x02`p\xb6d\xad\x89\xa4j\x19Is\xb8\xfa\xb9\xe3\xa0\x91\xb5\xd8\xe2\xaf\x88S5\x11\x85\xc5\'S&gt;m\x17|\x98\xb9J\xdf\xcf$U\'Kc\xce\xee\x18\x81\xd6\x89\xa6x\xf1\xa4\x1dU*\xecAjj\xe8\xf9|\x00|\xc9\x82I\xb7bM\x1c\xd4m\xdf#r\x13\x00\xc0\xcf\r\xcbt\xf1K\x07Y\xeeh:Q\xa6\x8e\xf1\xbc\x0e\x9b\xde\xff\x16C\xe6\xa6-\x87\xae_|\x02 \xc2C\x02\xfc\xad\xbb\xeb\x07#\xc9\xeek\x1e\x17\xe4\xe3\xab\xec\xfd\x0c?\xdd\xfc\xa8R.\xa5D\xf5\x07m\x88\xaa*CKR!\xc5\xbe{\xdc\xe9\x1c\x07\xed\xca\xf75\x08\xf8\x95R\xf9\xe3[\x05q\x13\x92\xedv\xa4\x1d\xf1X\xf1\x83P\x1bv\x00[\xc4-\x0fiZ\x1a\x1e\x9d7\'n\x08hC\x92UX\xd5|\x93\xe4P\x0c\xfb.7\xe6\xab\x1d\xe5\xb0\xe9\x1f\xa2W\xab\xd9\xe2\xb3\xfa\x86\xa5\xee\xad\x94\x16\xf8\xb7M&lt;\x9b\xee\xc65\x8f\xf4\xb8E\xdc\xd9\x91\x82\x1b\x96\x17#\x9a8\xd7\xf7\xbb\x00?Y\x93\xeeiu\xa8rm\x18+K\x8e\xb5\x8bUdb\x14\x8e\x1e\x03E%5\x0f\xf9\x9d \x00^\x06\xc6\xcf\xea\xc8g;\x0b)0&gt;}\x9c\xc5%\xf2o\xb0\x88r\x045\xca\xe3\xf8\x81E\xa5\x19\xf7\xba\xa4\x8f?\xc2*\x03\xf1#\xc4\x95\xe5\xdfP/\xa84o\x1d\xd7\x0c\xd6\xb6&gt;\xb4\xb1Ao&lt;\xc5z|\xaf,^\xe3\x9f\xf2\xfe\xbf\xd8\xdd!O\xdbyZi\xb7\x0eY\x84\xd3#\xdd\xdb\x18\xe1b3\xf9s\xcb\xa1\xce\xearn\xaf\xce\xf9\xcb\x1a\xf05\x87\xeac\xd2\x18\xf9\x9fnY\x01\xca]\xaeZ\xe4\xa4\x80\x88\xc5\xb0\x97\x0c\xbb,A\x07\x857\xb5\xderi\xb9\xd3Tk\xca\xae5\xa1T%\x95\xe9\x8e\x85\xff\xa7\xd7\x1c\xbdR\xc1\xc3Y\x1a\xbfx\x07kG%\x96\x02\xba\x8c\x1dN\x9c\x0b\xe1\xf6\x95\xde-\xf2\x0c&gt;\xb7\xe3\xfa\xacZ\x99\xda\x02\x19K\x88\xefo\xed5\x86d\xc9\x9a\x16\xf8av]-\xb2\x11tNB_Y\xd1\xb0\xae3\xc3\xb7\xc3\xbayx||\xaa\x1cN\x1a\xf9\xf8L\xb2!\xd4\xb5\xbbcM\x12\xb4\xf8I&gt;\xab\x9b\xff\x05\\h\x87JN\x91\xe9\xf4\xef\x1aB\x13@x\xccW\xc7j\x95\x95_\x1eE\x80\x86\x88\xef\x16\xd1\xcc\x91\x18S/_&gt;\xcf\x89\xc4)\xdd\x16\xee\t\x99\x9b\x80\xdb\x1c3\x80\xd5V\x95\xac\xb0\xec\xe2g\x9c6\xeb\x8c\xc2&gt;\x01h\xb7\x9a\xf8\x8cS\xaa\x1fW\xa2\xc6\xc4\x19\x18\xf9*\x88&amp;\xd0\x01\xa2&amp;\x19\x833\x0c\x94e\x07&lt;U\x14\xe3\x96\xef\x8c=\x8c\xdf\x81\xed\xe5\n\xba\xe8\xfcJ\x03&lt;\'?\xbb{\x07\x84\xa3\xd9kR|ya%\xe4\x17&lt; \xe2\xf2q{D\xe3J\xce\x1a\x1a]\xbcj\xad\xdc\x08\x9e\xb3\x0cg\xd3\x97\xc6\xe1\x0fX\x0c}\tJ\xff\x93\x01sO\xe0\xea\xd1\xf3 \xd8F\x135\x0c\xcb\x0f\x12Y\x9d6v\xe3\x16\x86\xae3\xea\x9e\x00\xc6nq\xd3&gt;\x1d\xee7\x99\xc1T\xf9\xe7\xcdq\xdc\x9d\xfb\xe9\xafl*\x148,.hu\x971N\xdf\x02o\x16c\xe7\xa1\x893\xd0\xf5 X\xc3##\xeb\x93\xb5U\xaa\xbeUf\xe6\x8b\x07\xf6\x1b\x94uz\xe0\xca\xaa@\xe5\xdd\x18\xca\xfc\xcavP\xd4\r\x15\xf94\x1c\x18\xd9\xb0j\x92\xcd\xc1\xe0\xa5}\xc0\xf5#\x969)D\xc0#]\xd7\x83\xa3\xde\x7fY\x98D\x04\xb5\xf0&lt;\xd2\x83i\xfb\xb1\xa3\x0e\x0e\xc3\xf1\x1c\xf2yz\xff\xebG&lt;\x05\xf4N\xf9S^\x95C\xf0A\xd9\x9a\x1dt\x86\xc9\xd2\xe2\xcb5J\x84\xed[\x12F{\xfeAj8(\xa0[E\xa4\x94\xd3\xdb\xf1Q\x12\t\xae\x9b4\x1c\x1c6\xae\xb9{{\xe1\xe2n\x05]g\x0c+!_\xe61@\xef\xee\xcao\x05\xd3\x85gQ\x1b/\x7f\xd3\nL\x1c\x02\x1ap\xc8Z\xf9\x97_C\x91\x8bC"5\xa9*\xc6jV|\xaejR\xd5\xb5\x05(\x1a&lt;k\xa8S\xe68\x9a\xdduz\n\xe0\xaf\x8f\xd2VkS"\xf9\xe3|s\xb0L\xab\xc3\x8a$\xfe\xfd\xc1\xf2\xbd\xb8\x12\xb7\x1bDn\xea\xdb\xa5\xf6\xc4\xe5\x10\x1c\x9f}C\x97q\xacr\x08J\x91\xde\xd3/u\xc4\ru\xbb\xabHK\xa2}\xb4\xb4\xbb;\xfa\x92\x03\x7fe\xe7\xfc&gt;\xb0\xf9\x0bE\xa5/\xa5_+\xe7\x05\x9dz\xb5\xaa\xa7\xf1\xef|\xed\xabCpP\xa5\x0b\xa0\xa3\xcaK\xbdoE\xed&amp;n\x00\x11\xc7\x88]\x13\x00\xbeTtvQ\xd5\xc8\xd7\r\xb5\x1f\x9b?\xdf+\xa0\xdeK\x1a5\xad\xd7B\xaaD\xb4\xb2\x18\xa8"\xa48\xb4\'\x00)K\xf0\x1f\xe3LiSg\x86\x9a\xaa@\xa5U\x1b\xf0\xa7\x05\xff\x9b\x05"~\x8a1\xb1\xc1\xb8i\xe9\xda@\xd7\xbb\xe2\xd6]\xac\xf0D+"n\xb1\xc9c\xee\xa5ja\xac\xab\x06\xb9^\x0b|\xa4 \xfc\xbc\xce\x9aF\x8a\xd0\xc2h\x9f\xfe\x96"\x10\x11?\x9dk\x0e\xa53\xfd!_!E\x8aw\xb7R\xbcL\x11PueY\xa5.\xb7\xca\x81Pe\x95\xda\xb5r;\xaa\xceQ\xc4\x15\xb0z\xea\x96\xf5\xdf\xc4 \xd47\x81\xe5\xdb};EiQdx\xf3+o\xb6\xbd\xd0\xca\xc7:y\xb9l\x88\xf5\x9d\x16\x7f\xa1cg\xd8\xb3V\xc8eo/\xe7I\xf9\xbez|\x88m\xe5\xe1F\x9a\x9b.\xbf\xe4\xc7~\xd9\x8b\xae\x9b5\xe6\xa1\xdc\xfa\xceD\xf9\xb3\xfaB\x1b\xc9\xab\xe7\xf7\x03\x00.|\x00\x94\x82\xcaU\x94o2\xcde\xca&lt;\xbc\x8bM-\x84^\x0c1\x0e+\xac&gt;5\x02\x00\x00_p;v\xe1\'NE&lt;"n\r\xfaP\xbc9$\xc2\x9f\x11\xa3\x1b\xaa \xf9P\xd5\x0c\x11\x11\x1f\x87\x88\xf8\xa2\xf5\x0c\x86\xa5\x92\x0f\x87IM\xbb\xa2Rq\xe6\rl\x05\x9f\xe5[\xbd\x11\x8c\xb2\x07\xf5\xe9\xc0\xe7\x8dXy\xc8\xf2M&lt;\x11\xe0\xf1\xa4\xa0\'\xe5\x7f\x0549\xa1\xa3U)C\xb9]KZob\x00|\xcb\xc3w9\xcc&lt;\x9cA\xb2\x06C\xc4\xd6\xf0\x87+\x99t\xd0\xbcXH\xff\x16\xa8\xa2\xe9\xcdx\xe2\xbe\xca\xb9\t*\x1f,\xd3\xfd\x96\x14u\xc0\x0f\xd1\xaa\x15c[\xc3%\xf0\xca\xee\x9a\x18\xac\x82}\x171\xa1\x0bT\xb6\x9b\xa7\xa2\xed\xd5l\xf9LDa\x19\xdf\x10\x07\xf4\xf7\x04\xc3\xa0&amp;TrD\xba\x1a\xa5\xee\xb7\xdc\xdd\xb08[\xa6U\xa4\x89\x98\xe8\xa66mU\xd8S\xe3Gx\xe4\xab\xee[(\x0c\xdf\xc7\x94\x15\xd4j \x9a\xec\xf1\xcdO\xd3\x01\x02]c\xf53\xfd*\xed\xaa.\xdd`\x15,21\xc1\xe1\xf9\xcd\xa6\x01wL\x81,\xf1\xd5\x85J\xf8\x8c\x1a\x87BgSD_Eh\xc1\xdd\x95\xdb4R7+\xa5SU\xa6I\xe1*[\xee\x89\xbax\x1e4\x84\xe3\x11\xe2\xe9\xe6\xd8\x0em*%M\xf7\xe3\x15\xe2\xb8\x94\xc2\x14\x7f &lt;\x01\\W\xb5=M\x1f\x00\x00 \x00IDATkM\\\x19\xa4\xd3\xcc\t\x93Q\xfc\xbd\xbb\xf8\xfdrH\x1f\x9fu\x96\xc2t^\xe9f\x18\xf4\xd7\x16E.J\xd3\x05\x84\xe5\x8b\ri\xe7\xa6y%\x17!\x9fm2\x9b\xb9]\xd9JC\xe5\xcfO-\x93\x84\x11\xb5#\x88\xe7\xd9j|:9\xb4\xf5\x84\xc9\xc1\xe39\xb6\xc5&amp;\xee\xe9\x90\xc6\xb4\xba\xad\xe3\xa3\xc8\x1dH\xd2\xb5\x1c\x1c9g \xe2^\xcd\xebd0\xef\x93\x01a\x15\xa9.-\xe8\x11l\xfe\xb4\x15V\x19\xde)l\x020r\x86\x11\x89\x1f\xaa\xad\x8a\xb8\xf4\x9bvs7+Z\xd6=\xa2\xceU\r\x9c\x89\xdb\x8d\x88\xe3\x0b\xf3\t\x89X\xdd\x8dM\xd3\xad\xc3A,\xd2\x9f\xd2Y\x90\xf3\x91\x9c\xf3Eu\xbe\x8cwD\xb5\x85v\x87\x1ep\x16jG\x94_\x8f\x1a\t\xbeF9\x1d\xb2\xc9,\xbc\x9a\xd9K5I\xef\xca\x8c]\x067k\xf0\x13\x13\xc3&amp;\x80\x9d\x9b\xcd|\xf5&amp;\xb2\xd4h5\x1a\xb4-\x93$2\x00\xb7\xb6\x1c\xaa\x9cUY\xe8.\x08\xc2\x13@}1\xc1$\x02\x00\xbe\x82A\x1c\xb9r\xack\xc8\x14\xf2X\xa9X\x98\t1\xa1\xae]\x93\x93L+2\xc5\xae\xff\xe1\x8f\xa8\xba\x8dT\xe6\x9c\xa1\xd3\xbd\xee\x9c\xb8R\x94\x8e\x8f\xf8\xa6c&lt;\xe58\x8b;\xb5!\xa34X\xd6\x12&amp;e\x8f\x1a\xa2E#\xdb&lt;#\xe2\x82\n\xe1\xe6y\x9bu=\x01\xd2\xde\xfa\x984\xf4\xef^\xe4\xdc\xf5\xa5\xcf\xd5\x91\xfe\xdd\xa3\x13P\'\xd6\xf1Fse\x13\xe3Q\x0cHr\xf1\x88\x01\xa1\xc4\x99Fi\xe9\x10$\xf3\x15cm2H\xb7\x9fl/2\xa0G\xfa\xca\x06\x99w(x\x01{ \xe6\xf7\x8b\xa3\x18\x1a\xd7+&amp;\xe7\xd7s\x98i\x95)\xb21&lt;q\xe5&lt;q\xd7\xa0\xda\xc9\x7f&lt;a\x028\xa2aw\xd9\x81P\xebp\xb1)\xed`[\x9e\xa1\xa1\x93\xdf\xa3d\x1fRS\xac\xafJ\x7f\x1c\xae\xd4O\x8e\xf6\\Y\xe1\xac;Be\x07\xbbi\x87\x03\xf2\x9e\xcdE\xac\xab\xbe]w\xaa\xf8\x89\x9b\x05\xe2\xcf\xc9.&gt;\xee\xb8\xf1\x87*\x99\x1c2\x84\\&gt;\x07\x9c\xd7\x10\xebu8\x8c\x9a\xe1\xc2\x9a\xfc\xdf\xf3\x04up\xfepRp\xc1\xe3\xdb\xf9\x04[Ou\xa07\x92\x8b\xd8k\x9b\xd4M\xf2\x86\xc5\x81\xa3\xfa%\r\x0b\rM.i\xdb\x13\xe7\xa1\xf6#S\x88\xe0\xbe\x0f\xee\xc8+\xb0\x1c&gt;\xf9\x96\xf3c\xc2\xcb\xade\xa6\xf0\xd5\xb0j\xd1Q\xca\xd2\x9f\x12\xae\xd7\xc9K\xdc|&gt;w\x18\xb9)\xfa*_v\xb4\xd9\x1dA)\xd5\x1e?\x8e%l\xa1W\xe8/iS\xe9H\x7f\xd0\xd4\x1eeV}/fN\x96\xac\xe5:"\xff=\xfa\x89\xdb\x05\xef7\x81\xe3S{_\x14\xb0[\xcec\xdbL(\xbfJ3\xe7\x1e}\x05RJ\x90\x12\x0bW"\xde\xbf\xf8@\xd7%\x9f\x969\xd0\x9f%.\xd4[~\xfb1"\xab\x1b\xd7\x19}\xd1\xd80\xfe\xeb\xd1fM\xd2\xde\x86\xa4\xd39MUJ\xee\xbb\x80.\xfdH\x9b\xb1)\xb7\x0c\xef\x0f\xdc\x90\xf6\x8b^\xf0\xf13+\x1f\xfd\xee\xa0j\xbe\xa8\xc5\x7f\xfb\xc0T\xbcJ{\x9ch\x87t\x7f\xf4\x96\\\xfd\x8d\xed\xf7\xa6\xc5e|)\xda\xc7\x13\xb7\r\xd9\x8e5/\x92gP\xe52\xff\xf8h9c\x01.y\xb6f\xa8\x07*\x16d\x12!\xea\xa8\xc5A\x9c\'\xab4\xcf\xafR\xee\x8e\x12\xa4{\x80]\xc4\x85\x9bt\xe2B\xd8=\xbbvK\x99\x01\x06\t\x95h)\x1bJ\x19GR\xc3\x96\x0ejA3CZ:\x9d\xe3mF+\x88\xa4.\xf8\xd6\xdb\xad\'\x07\xf9\xd4\xab\xcf\xafd\xfd;\xf4\xbe\x1aT\xdb\x7f\xb9\xa1\xbe\xf1\xf6\x8c\x8ac\xe3\xcfX\x92\x82\x19\x8f\xb3nY\xa5\x1a\xa4\x98\x13\xc0\xad\xb7\x84\x89\nV\x9f\x15X\x01\xf4Y\x82c\xa0\x1a\x1a\xd8\x1e\xf7\xb3+\xabc\x11\x1c\x82p\xd6\x07\x9a\r\xc5\x14r\xa4\xa5\x9e\xd5Q\x9d\x05\xc25\x92\xda]\xe9\x82\xa6\xe0\xef\xf6)\x06f\x88\xc1\xfat\xc9"zzl\xf1i\xca\xad\xff\xdb\xa8\x9e\xaf@\x0b\xb3\x89\xdb\x03,}Mq\xeb\xb0\x8b\xd5\xd9\x9a\xde\xad-\xb9t\\\xbd\xe3\xa0bEu\xbeJF\xf1\xad\xcc-\x14d\xa3\xf3\x0f\x86%@\xbe&lt;,\xe7p \x9e8^\xeb\x0b\x1bN\x9f8\xac-\x1dn\xd4\xfc\'\xee\x04\x9cI~x\xa0\x14tj\xd0\x9e\xba\xe9\xd0\xf0`\xbdhq\xa6G\xbe\xb1_\xfc\xa5\x1e\x87\xa5N\x96\x8a\x1a\xaf\xb1~\xe8\xa9\x85(\xe8XB\xf1\xb5V$.\xfd\x9e\xe0\xc2\xcc\xee\x1b1\x93\x1d)&gt;q\xcf\x81w\xa8\x0e.r\xc6\xab\x10\xc7\x94k\x11\xbe\x14N\xd4\xfa\xdb\x95\xcf\xca\x04\x0bfY\xf2\xa8"\xbb\xb5+\xc9\xaa\xe9\xcaB\xfb\xa7^U\xfeR\x87\xd66\xb0\xd8\xb6\x02\xabG\x8c]\xe9Ct\xb8~\xe4\x0e\xc2\xedTe\xf5g\x9f\x8fKt\x98\xe3\xb1!\x8f\x88\xf7\x80N\xbbS\xb0\x8f\x81\xaek\xfb\xf06\xac\xb3hpyX\'\x05[\xed(1\xef\xdf\xe5\x80V\xd8;\x1f\xc6}M\x9f\x94@\xd4L\xa9f\x85\x89\xc7_\xb6\\\x9e\xfa\xe0@\x18\x18&gt;\xba\xe92i/B\x14^\xce\xd0\xde}G\x92\xdb\x99&gt;.\x00\xe4 )""~\xf1\xfa\xb9\xc6\xad:\xfa|\x8bX\xe7\x86\xaa\xd2f\xf1\xf5\xaf\xaf\xcf\xc4UC\xcd`T\x8al{\x80\x94\xbec\x01\xef\xa75:\x98D\x8b\x00&lt;JS`\xe1\xa1\\\x91\xbb\xb2\xcdJ\xfe\xa0_\x14\x03\xa3\xbdd\xb85\xbb\xe8A\x8b\xbeM\xe1\x9a\xf4&amp;n\x06\x13\xf5\xc4\xc1\x89o\x98\xd9z\xe0\x1b\x9d\x1eD\x00\xc4\xa7\\\xcc\x911\x9b88\x16@\x84e\x15\xab\xeb\x92\x85\x8f$\xc5\x05\xb7\x8b5\xdd\xc4\x18\xd0\x0e\x8bw \xbe\xc9\x00\xf7}\x98A\xc9$_i\x93\xbb\x16\xceLx\xe2^\x1bN7k\xe3\\+r\xeb\xc5\xec"\xcd"`\xdf\xf8\xb5\x14\xe8n\t\xabx7G\xd3\xa1oR\x1e"\xecM\x15\xd5Z\xa9\xc3\xedP\x0c:gU\r\x81N\xf4,V\xdb\xd2w8DD\xa8\xde\x7f\xba\xff+\x87\xf7$\xb0\xff\x18\'\x1d3\xe9\xc7\xf62\x83\x14k\x8fD\x88\xbd\xa5\x94\xb2\rB\xdd\x14\xe5C\x98\xdb\xf3\x9c\xf8\x1f\xf2\x12\x9d\xdcM\xac\xe0\x19\xa9\x8a\xe8\xf0\x16\xd7\xa92/X(\x85\x1f\xa1\t\x87HC\xaff\xb0\xfc\x91]\xec\xbe-\xc3t:d^\xa1Z1=;vqh\xa7Sn4&amp;x\x06\xee9\xb4\x94\xd2\xd2j\x05\xf1M\xb8\xaf\xbdys6\xc6\x1e\x82\x81\xb6Q\x9e.\xde&gt;\xbe\xb7 \xee\xaalM\x87\xbb\x9f\xc5\xbb\xe5\xb8t\x07\xa1\xbd-\xc9\xc6[|\xec\xb3\xc4\xfc\xcf\xa6\xf4\x06\x1a\xcf\xe8[}6\xba\xed\xe2^\xaeoc3\xae\x86,\xe2\xe9\x0c\xb0\xee\x11\x07)[\xa4\x8f\x82\xf4\xa1E\xb2{\xb4&gt;\xb4\xa6\x0bk\xd6e\xaa\xd0\xa2\xd4v\xb3\xa3\xcb@Lf}\xd8\x92y\x97\xeb,kTvT\x07\xcf\xdf\xc7\x9e\xb8(\xd4\xc0\xa0)6*\xb7\xa1\xd6\xc0J\xba\x06\xd4`0l\x90\x1f\\\x8cf"J\xbd\xeb\xf1\x85\x9d\xd9\x00\xa6\xc3IAe0\xcdu\x86hUV\xf1\xd5\xa8&gt;&gt;\xb4\xc2\xc4\xd2y7!\xa3^nB_g*Y\xf5u\xd9V\xe2\x81\xf1"\xe0\x8e\x85&amp;&gt;AY\x11\xe6}\nl\x85\xfe\xd6%\xedm\xe2\xba`\r\xa4\xfc\x95}(\xcan\xff}\x96k\xa9\x92\xa7cmG\x0c1\x17u|\x8d\xef\xa7P\xcc\x01*\r\x1a\x93\xe2(\\r@*\xee\xb5K&lt;\x9a\xc1\xc7\xca\x0b\x9fV\xce\xb2\x94\xc0\xe2\x19\xf6k\xbf\xd3\x18gt\xc37\xf2\xe3|,\xb2*iG\xa7EYO\xdcaX\xd6\xdc\xc7ga&amp;\x1de\x9f\x95\x1d4K)\x10K0)TCUg\x84}\xdf\x0f\xb4V\xb2\xaay\x1f\xc2\xe1 \x10\x11\xf1\xa7p\x90\xbf\x0b\xbb\x97\x08\xab6\x1f\xb4\x9aJ\xc0\xd8\xf0u\x0f\xaa6\x0cl\xd7\x97\xdf\x05@\xfc\x81(\x87m\xa4\x9c\xa1g)\xb1\xbav?[\x85\x89\x931\xca\xc3:\xe5\xab\xece\xe2(\xa8\x8fC\xb9\xdc\xf9\x1b\x11.\xe1I\xab\xd1Ci\xf9\x87\xed\xaa:a\xf09c\xf4 \xcb\xec\x8e\xb3\x15\x8e\xa0\x87].\xd4\xca#.\xf6\xaa\\\xd4\xe1\xa0D\xa9\xf6a\x9e_\xa7]\\9\xb3\xf6\xa5\xc63g\x80\xbb\x00+i\xbb\x13\x84\xbb\xd8\xa1k2\x13+\x1b\xd0$\x14\xf5\xb3!\xb6Dc\x1d\x83e\x0b4\xb9N;\xa7\xc1\xbd\x9e\xaah|\x98\xb5\xf4\x11g\x1e*\xa6\xb3\xfaf\xa9\x7f\x13C\xa7)\xe2\xc5#\x8d\x13W\xe98\x8aJ\x95V\xb4\\\xfc+\xcd\x0c?\xac\xc8w\x91*\x0f\xe8D\xa2!\xab\xc2\xc2W1\xcb9\x01\xdc%`\xd9\xdf\xc6\xad\x18\xab\x8b\x8f4\xfd\xbat\xac{\x11\xdd\xe7\x06&amp;\x80\x82\xd3\xa8\x9a:cH\xd5\xb3\xc6\r\x10\x11\x7f\xb6M\x81\x06\xea\x9a\x86\xbe\x9e\x8a\x81\xd1&amp;\xad\x07"_\xc0\xae_\xbf\xeb\xc9\x95\xc9\xd9\xaa`gV)6\xb61\xcb\x08\xc8\xb2zSJ\xc03\x9f\xd7\x9b8\x15\x9d/\x8a\x81\xc6\xe3\x8cV\x91\xc5\xd2\xce&gt;.\xb6\xeb\xb0\xbfq(-rqS\x82"\xff\xf2\x14S\x0b\xc9\x9b[\x18qD\x81(\xa5\xf7\xec\xc5^\x91\xd8\xcfl\xa1EN\xea2\xe6\xe1\r\x115\xee\xb0\x0f\xfe\x82\xdf\xfb\xac\x9dY3\xc6[\xf5z\xc0\xfa7hH\x8b\x95\xee\x15\xd7\xc6\xado9\xd0\xd5\\\xe6Tr\xbb\x1a}b :B\x8cz\x18x\x91\x9d\xab\x88\x8c\xa0&amp;\x8b\xcaM\x9a\x0f\xac\xa4\x95GR)\xed\xf0\xb9M\x1d\x9f\x1e\x11\x11\x7f\xac\x88\xdf\xdb\xbb\xd5Y\xf4\xd0\xaf\xdf\x00\x00\x00?~)\xcb\x19\x02uA\xb9\xde\x8a\x19\x12%@\xd92b`\x0el\x19\xba\xeeG%^\x9a\xb8[\xf0\x8d\x11\x11\x11\x87&gt;\xbc\x83\x88\x88O\xe8+;h\xcd\xdb\x07_\xa8Ln\x0c\x93\x1b\xae\xb1;\x014\xb2B\xaf\xa5\x91 \xc2\x8di\xe2\xe8)\xa4\x1c\x92\xd5\xa6\xd88g\x97\xd5U\xd5\x1e2\x19\xd3V\xb9ES\xe3\xc4\xcd\xa2\xf9\xf1?\xff\xae\x8a\xb5\x88V\x80\xe6\r\xfa\x96\x95X&gt;\xc4\xb8\xf0\xeb[\xa0b\xf8\xe5\xc9tt9\xf9\x8dV5\x9c\x86\x12d\x15"Z\x97\xbe$\x0f\xd6\xf2]\x8a\x8bY^\x18\xd1.H\xe5\xafP\xae/|\xcd\x7fNOE\xc4M"\xc8*\xd8\xc5\x1dZ\xc5\x9bqb"\xe3\xde\xf2\x92\x9b\x93\xad\xd3\xf0"\xa4\xb06\x98\xf2\xfd\x96\xd4$\xa1\x16\xde\x9f\xe5Kw\xaf\n\xe5\xbb\xd7\xb7[i\xd3\xe1\x01\xd5J!\xee\xaf^(.j\r\xd2\xee\xfd\xa3\x94\xad/\x93\xe8\xf5\x06\xfcM\xc5\x05\xf3v}\x98n\x1d\xa5\xd2*\x8e\xfe9\x17y7\x08\x0e\xcf\x04\xf9uJ\xf4b\xde\x8f\x8a\xc3\n\xedC\xd6\xbb\x91:B-{\xae\xb2\x9d\xb3\xcem\x84\xf728\x89\xed\x15\xf7-=\x1dslU\x96\x91\x04\'\xe1\x81\xc5\x9f\xedV^\x1a\xaf\x03o}[\xccR\xa9\xdf\x90\x8a+r4\xc9q\x8f\xec\xae\xcc7M"\xbcj\xd8_s\xd6\xcf\x02\xde\xda\xb9{`\xd8\xd36h\x9aH\xba\x93\x1aG3F\xe5\xf6*MC\xf5\xf2[\x91\xda\x17L\xf1n\xfd**\xf1U\xe9\x17\xf7\xf1\xb3a6\x08p\xa0\xcb&amp;n\x01\x82\xf6\xdf\xb1c\xbc\xbbzr\x91\xd2\xd8\xc5\x1f\x8c\x02\x99US\xfaX\x92Y\x9c\xe3\x90Y`u\x1b\xc3\xe7|\xc0\x93\xd5\x11\xdc*_\xf1x~%Z\x90\x1e4\x8c\xeb\xd6\xdb\xf2\x07\xfd\xb5\xc9\xd3\r\x9f\x82\x1b\x1b\'A\x86/\xb8m\xef\xd1M]\xbbxTm\x7f\xcb\xe1\xa6\xaa?1\x1e\x88\xcf=h\xce!\xe7\xf2te\xb8\xb6zm\x87\xde\xb9n\xb1R9c\xe9\xc4\x1d}\x82\nX\xb5\xa8\x92\xf9\xac\x9a\x80\xb1\x11+\xe5\x86\xb4\xb5&amp;\x80\xa6\x93T7\xe7R;\x10i\x13\xa3\xe0\x18\xd1(.\xd6\x0b\xb2\xd5v\x94\xbea\xacM\\/\xac1FF\xef\xebn\x94=\xcc\xc3:\x10g\xd15\xf2\x0f\x1a\x9ft\xf6\xfc\x8a\xbb"q\x88\xa15\xca6\xee6W)\x8c\xbe\xa6\xab\x16P\xdb\xb0IV\xb3\x11\x08&lt;\xec@\xd9\x0eT\'T\xf5\xee\xcd\xba\xcc\xe6\x81\xf6\x01s\x05p\xb7\x90\xbb\x13\xc5\xc5\xdc\x9d\x1d\x1e\x19lkx\xd9\x9d\xe1\x07\x83\xee)\x06\xc4D\xad\xaaJ\xff\x14\xafr\xdc\xc7\xadS\xdd\x97\x9b\x1ct\xe6\x1f\xb6}\x8eh\xd3\x8eH5\x9b=\xc5V\x00\x01\xde3\x7f}\x90r^\xf6\x88\xd7\xf0\xdb\xfc\xb8?:\xa2^\xa4\xacO\x81\xfb\xca\xa9O\x85\n:\xc6u.\xf2\x9a\xa7h4qC\x90\xa6@\xbfv\x18\x8ad\xe2\x88S\xd2\x057\xb1\xa2\x94\xc2\xfa\xc6\x86_Vm\xe7\r?\xee\xd3#\xbe\x80\xe6v/\t\xa7;p#P\x8bd/f\xb1=\xa8RVKU\xa0\x9b9\x15\xd1z+BPt{\x8d\xa6A\xe30\x90$\xf4\x1b\xed|F\xfa\xf70t\xf7wd\x02\xa0\xbe^^\xbc\xd5\xa6\xc6\x94W\'\x98\xaa\x1fX\xef\xddK)\xa5\xd3\xd7\x12J\xae\xc2u\x9a_+\xe3\xd6j\x15\xf0\xefD7\x1b\xc0%ClNX\x9f\x8a\xaas\xaf\x16\x8fTdHm\xd5p\x01\xb5\x9e\xeb\x1er\xf1.\x9e\xb8e\x18\xe5\x85)\x13ju\x8f\xb5\x93\xc5\xc3D_\xab\x81F\xaa\x89\xe2\x89\xfcj\xb3t4^\xbc\xc1\xd5\x96\xf4\xcb\xaa\xeb9\x95\xd6k\x87\xc3A\xf7y`r#:\xf0\xd6\x18\xafT\x1dr\xa0u\xb7\xdfM\xb5\xfcD\x13\xda</t>
        </is>
      </c>
      <c r="E156" t="inlineStr">
        <is>
          <t>&lt;class 'numpy.ndarray'&gt;</t>
        </is>
      </c>
    </row>
    <row r="157">
      <c r="A157" s="1" t="n">
        <v>155</v>
      </c>
      <c r="B157" t="inlineStr">
        <is>
          <t>steps_per_sec</t>
        </is>
      </c>
      <c r="C157" t="n">
        <v>2300</v>
      </c>
      <c r="D157" t="inlineStr">
        <is>
          <t>10.330612</t>
        </is>
      </c>
      <c r="E157" t="inlineStr">
        <is>
          <t>&lt;class 'numpy.ndarray'&gt;</t>
        </is>
      </c>
    </row>
    <row r="158">
      <c r="A158" s="1" t="n">
        <v>156</v>
      </c>
      <c r="B158" t="inlineStr">
        <is>
          <t>Loss/object_center</t>
        </is>
      </c>
      <c r="C158" t="n">
        <v>2300</v>
      </c>
      <c r="D158" t="inlineStr">
        <is>
          <t>0.2881008</t>
        </is>
      </c>
      <c r="E158" t="inlineStr">
        <is>
          <t>&lt;class 'numpy.ndarray'&gt;</t>
        </is>
      </c>
    </row>
    <row r="159">
      <c r="A159" s="1" t="n">
        <v>157</v>
      </c>
      <c r="B159" t="inlineStr">
        <is>
          <t>Loss/box/scale</t>
        </is>
      </c>
      <c r="C159" t="n">
        <v>2300</v>
      </c>
      <c r="D159" t="inlineStr">
        <is>
          <t>0.07109625</t>
        </is>
      </c>
      <c r="E159" t="inlineStr">
        <is>
          <t>&lt;class 'numpy.ndarray'&gt;</t>
        </is>
      </c>
    </row>
    <row r="160">
      <c r="A160" s="1" t="n">
        <v>158</v>
      </c>
      <c r="B160" t="inlineStr">
        <is>
          <t>Loss/box/offset</t>
        </is>
      </c>
      <c r="C160" t="n">
        <v>2300</v>
      </c>
      <c r="D160" t="inlineStr">
        <is>
          <t>0.15002356</t>
        </is>
      </c>
      <c r="E160" t="inlineStr">
        <is>
          <t>&lt;class 'numpy.ndarray'&gt;</t>
        </is>
      </c>
    </row>
    <row r="161">
      <c r="A161" s="1" t="n">
        <v>159</v>
      </c>
      <c r="B161" t="inlineStr">
        <is>
          <t>Loss/total_loss</t>
        </is>
      </c>
      <c r="C161" t="n">
        <v>2300</v>
      </c>
      <c r="D161" t="inlineStr">
        <is>
          <t>0.5092206</t>
        </is>
      </c>
      <c r="E161" t="inlineStr">
        <is>
          <t>&lt;class 'numpy.ndarray'&gt;</t>
        </is>
      </c>
    </row>
    <row r="162">
      <c r="A162" s="1" t="n">
        <v>160</v>
      </c>
      <c r="B162" t="inlineStr">
        <is>
          <t>learning_rate</t>
        </is>
      </c>
      <c r="C162" t="n">
        <v>2300</v>
      </c>
      <c r="D162" t="inlineStr">
        <is>
          <t>0.000595</t>
        </is>
      </c>
      <c r="E162" t="inlineStr">
        <is>
          <t>&lt;class 'numpy.ndarray'&gt;</t>
        </is>
      </c>
    </row>
    <row r="163">
      <c r="A163" s="1" t="n">
        <v>161</v>
      </c>
      <c r="B163" t="inlineStr">
        <is>
          <t>train_input_images</t>
        </is>
      </c>
      <c r="C163" t="n">
        <v>2300</v>
      </c>
      <c r="D163" t="inlineStr">
        <is>
          <t>[b'512' b'512'
 b'\x89PNG\r\n\x1a\n\x00\x00\x00\rIHDR\x00\x00\x02\x00\x00\x00\x02\x00\x08\x02\x00\x00\x00{\x1aC\xad\x00\x00 \x00IDATx\x9c\xed\x9d\x7f\xe8\x7fOV\xd7\xe7\xdabXn\x9a\xa9\xd8/\x13Q\x89\xd8p#E!t\r\xdc22IY\xb4\\\x91\xa0(*\xff\xa86\xb5\x1f\x7fld\xe6\xee\x1f\x99h\x14iA \x14Aj\x92\x9a\x12\xf4\x035\t\xb2\x9fF\x9a\xfd\x91V[\xad\x88\xb2\xeb\xafZ\xea\xf4\xc7}\xdd\xfb\x9a{\xef\xfc83s\xce\xcc\x99\xfbz&gt;\xf8\xf2\xf9\xbe\xde\xaf\xd7\xdc3g\xce\x9c9\xf3\xf3\xde\xeb\x1c\x0f\xda`&amp;\xbe^\xcb\xcch8\xed\xda\x12\x15Y+#\xaaI\x81\xe0\xaf\xce\x11\xf9JV*\x9a\xb80\xf8\xbd\x98Q\xf4!5\xa7%\xa2w\xb1S\x8a\xe7\xceG\xa0\x15lrD\xf4)\xce\x9d\xdc\x04~\xd6\x0bzGQ\xea\x92V\x9d\x976s\x07@\xce}\x84\x84\x1c\xff\xcb\x1aQ\xe5\xf9&amp;\xf2\xb9F\xff\xd2\n\xca&amp;\x0ew\x00\xf1\xef92G!\xab\x189\xf7\xdb\x04\xc5\x1d%??\x1b0\xe6\xaa\x83\x88&amp;\x15\x01D$\xe2X0c\x11Do1\xaa\xf1D\x96&lt;\xc5\xa9\x16\'\xb8\x86\xd7\xda\xb1\xf6\x9b\xe8\xf99\xe5\xdb\xfb\xaf\x87pp*\xd1#\xd9\xa5\x1b\xa8\xd0\xac\x90DF\xd356\xcb\xc4L\xd9s$&amp;U\xcb\xb1qC\x07\xda\xf3\xfd\x0c\x11=J\x08j\xbc\xf4\xd6\xe2\xc8O\xabIVr\x0cA\x87\x13\xf7\xddS\x08=\xc9\xdf#,\x1d\xff|&amp;\xd8\x7fr\x97\x0e\xa0YU\xce\xcc \x98\xd1\xebD\xffj+\x8b\xc4\xc1\xf6\xb1H]^\x8fo^\xa9\xa2W(\xf2Y1\xc7H\xfb\x8aY\xfe\x83j\xf2\xf0*\x92S\xaa\x0fS\x08\x82\xdb\xbf*C\x9ae\x11\xeb2+D\xa5c\xf1\xb2,\'\x99\x81\xc4\x87\xd9\xf79\xb5s\xee\xafl\x1f\x04Y\xc5\xfd\xbf\xba\x8b\xab\x0c\xfe\xf5uy\r\xe5\\y\xfc\x0bE\xdd\xd2m\xd24\x06(\xa7,\x9e\x7f:\xe7\x96\xc5l\x0f\xa01\x0f^\x8e\x9f\xb5\'\xdb{\x93\x0f}i\x95=\x9a\x17)\x9a\x1d\xb9Z/v\x9cbS\xbc\x7f\xfb\xf04\xcb\xe7\xff\xe7\x88\xb7\xd1#\xd9{\xaf\xc3\xff`\xa6\x85\xdb\x0f\xac\x15\xaa\xe2\x02\xc6&gt;\x0bU1_\x1f\xed\x06|\'bV\xd23^\xa9\xe0\xc3,Y\xa2f\xaf\x17\x9f[\x9f\xb2\xff\xfc@\xc8\xbc7\xf7\xd8\x98E\xfd\xefnc\x82@4\xf7\x8a\xf6\\\xd6\xdf\x12\x07\x0b\x1e\xdb\x04\xce\x05\xeeo:I\xb8&amp;{gnF\x16\xcckxL\xed\xd6\x01\xd0c\xac\x13\xf8\xe9k\xea$\x9ad\xbanR\xac\x03H6O7\xce2\x13\xd5E\x18n\xfb\x8c}\x9e\xcd#w|\xa59e\xd8\x0b\xea\xcd\x06\x9c\x8bX\xa3\xa8\x03H\xfc\xf9\xfc~S8&amp;i\xfb55,\xd2\xae\xa6\xf6F^!a\x0b\xfd\xfe\xd2\x9c\xb0bv\xb0\xd3\xdc\x82:\xe8)v\x92\xfbEf:\x80VF),e)q\x93\xff]f\xbe\xcd\x19]\xbd\'\x9b~\xe5\xfd\xc7\x0e\xc3\xbf\xae\xa2\x03\xe0k{\x15u\x1d\x07\xfd\xda\xb4\x90F%r\x04;\xa1\xb2\xcb\x0bm\xc5L:_\\\x88 \x1e\xe3*\xeak\xab\xa5\xf7\n\xaaQA\xb0-\x0c\xd4g\x00\xd5e&amp;"\xfa\xaa\xc7\x87\xa3\xb4\xf3\x97\xda\\\x1dz\x1b\xca\xe5.\xd4\xd3)\x96#\x11%o\x81\xa1\x0e\x1d\xc0\xe9\xcbo\xe6v\xc0\xfe\\\xa7Q\x93\x87\x9c?\x97\xca\xa5R\xa6\x90\xadb\x92\xc5\xc5v\x86\xbeG\xa5 L\x81c\xcd\xa7Z}\xfb\xf4z&amp;ZZ\xcb~\xd1.\xc1\xdfc\xf4?d\x15\xa8\xc8\x9d\xaddj\x8e\xd9\xad\xb6\x9e9\x1eW\xe7\xaf\x9dAc\x07\x90H\x14\x93\xf3\xcc\xf1\x07\x8b\xca$\t\xfdU\xe7\xe4\xda\x8f\x92G\ri\xddEy\xa6\xc7\x16\x8f4:M\x92\xdb\x01\x8c\x8b\x90\x9cr\x91s\xf4\x13\x8a\xf2\xb5h\x1f4I]\xbe\xbbWQ\xd8\x12Q\x83\x0f\xa7gj\x14\x1e\xfd\xf5\x12\xe6J;\x80\xb4\xd6\xbc\x1d\x88\xb3\x8e\x85\x15%\xc6\xb9+\x9am\xfc\x94 X\x92\xf6\xc0*b!\x8e\x93\x08dc\x0c\xd5rq\xba\xde\xf8\xb5)\xc5X\xf7\x01\xc4\x8e\x1f\xe7\xba\xfaG\x1a\xce\xf9\xe5\x84\x96\xfb\xe5D\x14\x10\x14\x12\x1e\x14\xe5\xcb\xc9\xeaS\xcd#\x8c^\x0eAKe\xb9\x1d\xdf\x8e\xfc\xea\x9c[\x16GD\xf4\xb9\xcfo\xdc\xf3\xfe/\xef\xbb\x98\xfcd\xee\\%\x83_\xf7n\xf6\xe7s\xe8\xa2\xe7\xe8\xc7\x12,\xc9\xf75\x17P\xc4Bi\x19\xac\x1bYlP\xa4\xd8\xb5\\\x82,K\xfd\xdd\xbc\xaa\x8a=\t\x1a+\x18\xd6\xbd\xc1f\xfdNZb\xf8\x7f\xfa\xe9:\x0c\xbc\xc7\x18$Q\x8ak\x19\xc9\xb9?\x93\x1b\xfe[\xb0\xc9\x98]\x93\xee\x996\xc2\x9c\xae\xcdB\xb6\x10ob\xca\x91\xddy\xb6\xd1"\xb4i\xea\x19\x98\xa3{\r\xd6\xba\xe1\xe7N\xdb\x9dx\x8f\xbf/W\xfa\x95mj\xa8H\x91Jz(\x1c\xd1u+\xceq\xe4\x90vh\xcdbs\\\x85\x88\xfa\x9b&gt;f^\xcb\x98\xf5\xd5\x95\xb5k\xea\xaf\x98l8\x1a\x18\xdczR\xf3(\x88\x19Y\x92\x7f\x1e~2V\xeb\x99\t\xb5s.\x14\xd8\xb7y\x1f\xad\xfb\xc2\x8f\xff\x92b\x8e=\x85\xc2)\x97_\x94K\xb1,7\x19\xd3*\xd3iR_\xcb\xb2\xff\xd39_\x85Ge\xc4xu?%\xa2\x0f\x8c&gt;tU\x01\xc5gv\x14\xb9\xbbu\xbf\xd0,\xd9\xb9\xea\x87GW~R\x8f\x8dT\xd04\xc3\x90\x95(S5K\x97\x0f\xa0\x82:?\xda\xf6,\xffS&amp;Y\xadV7\xe4f\x8bdD\xdf\xbc}\xd0:=\xd2.\xea*!\xddu=\x93\x9d\xba\x81d\x16C\x16@G\xad\xba2\xcb\xdbM7\xfa_V\xf6E[N\x9e\xf4\xcft\xcf\xba\xc5\x7f\xb5-\xdf\xcf\x8b:4(#n*\x08/B\xb6\xc8\x7f\xe4"!JK\xd1\x98`\x91\xde\xcb\xa0\xc7hWz\x91&amp;n\xcef\xe5[o\xac\xfe\x8f\xa9m\xad\x0e\xb7\xe9\x00\x8c\xe4k\x08\xd60\xb9K\x14\xa0\xf6a\xce\xfaos\xe4\n^H\xe1y\x86L\x88\xac\x90\xd0\xc7s\xebJ\'\xe8.A\xb3\xcf\x82j\xc3)\xb2\xcc5]7\xff\xe9\x92O%1\xf5&amp;\xdb\x04\xee`e\xa9\xad\xa4\x84\xa6K\xf3\x1e\xd9z\xb9\xaf*g5\x9f\xd9J\xc5\x1f=\x7f\x94\xbe\xdf\x8d\xc1\xed\x92\x95\x149\xc9=\xed\xac2\xf3\x15\xdc\x8d\xd55{\x84\xf0T\xafJ\x94\xec\x0b\x06\x0er\x8a\xce\xe33\xbeyIna\x06\xf1\xd1\xae\x12=\xd7\x13\xba\xe5\xd5\x9e\xd1I\xc2\xd8\xe9p:\xefDa\x99j\xb7\x97\x8d\xe8G\xb3\xca\xb4#"y_\xbc2\xb0\x90\x96\'v\xfc\xc1\xbc\xe2y\x04{t\xa3TN\xd5\xbfkL\x07\x10\xccSJ\x91\xf6\xd6\xf6\xeb\x86\xf6\x8b\x03;\x80\x0eK\xbd\x82c\xe1)\xc2j\xfb\x82d7bJ\xd29Y\x1fu\xacb\xb3"\xab=,{\x15wdW\xa2@\xb5\xaa\x9c\xeb\xda+\xe8\x7f\x96$n\xcf\xce\xbf~-\xe3\x10\x1f\xbb\xd6\xa0MW\xdf\xf1\xc6\x13|\xc7{_\xe7BY\x88\xff\xcc\xec\x99\x9b\n\x894\xb6\xfdE\x08\x83\xadB\xc9\xc5\xb2\xab\x01\xf5\x92\xc33\x80lW\x14\xf5\xd1?_\xaf\x89V\x03-\xea\x0e\xf7\xc4D\xb4\x9ew\x1c\xeef\xe1\xc1`N\xb1nJS\xd5\xa0\xa7\x7f(\x1e\x1b\xfc\xbfoS\xe0\x8b\xe5d\x8e\xf7\xccw\xaagahg\x80r\xf7^\xfb\xf5a\xf9N\xc8,{A\xaaKQ-a\xbdP\xf6\x8ey\xbe&amp;~\xeeD\xb4\xdf\xfa\x1b\xbcv\xfd]\x9b\x87\xfe\xc1G\x83\xe4\x8aDt~\xd6\x86\x1d\xc4+\xda8\xedm*(s\xa0\x01\xfb\xd4\xe0\x1b8z\xf4\xb1\xc2\xbd\x9d\x95\xa4;\xdb\xa2\xe7 9\xbdJ,y~\xc3Y\x87\xf4\x85]\xdc!f\x16\x8e\xb9,;\xec\xb2,\xa3\xc7\xaf#\xb0\\%\x85\xf4\x89\x87\xacc\xa0\xc3\xa7B+\x8d\x8f\x95\x1e\xcb\xae\xfaS\xbde)X&lt;9\x16\xedj\x8a\xd8\xc1\x86\xc7oz\xd4\n7\xfe@\x9b\x1b\xb0Z\xd7bc\xc8Q\xd1\x8a\x97\x8b?\xb5\xc7\x81:\xff\\_\xf9\xc2\xdcf\x00\\\x98K\xd8f;\x80\x9d\xd8\x8a\xb3\xff\xb9bU\x9a\xe2M\x9d\xbb\xe5\xf5\xdf\xb3IBW\xf1\xf6\x15\x8cW\xca-\xb1`s\xa6\x0e\x07\xff\x97h\xc5\x02\x12Z.\x9e\x87i\x86`So\x00d\xd7\x7f\xf6u\xb6\xe0\x18\x7f\xdf6U-x\xddZ_b})\xbf\xa9\x13\xbfv8\xe2Kv\xfd\x19\xb2\x84\x1d\x0c\xbb\t5h{N\xfb\xf5}M6\x1d\xc3&gt;E\xae;\xf2N\xe0\xa2.\xfa\xe1\r_\xb0\xec\x81\xd2\xc2\x00\x87KN\xd7\xb4\xaf/\x8c\xdbD\x87\xd8\x82(\xfd\x94\xe9\\\xb9\x0b\x8f6vE\xf4\xcc\xeb\x10\x86\x06\xd0\xe7\x92L\xd6\xb7\xbba\xd3\xd1\xe4y\x85r2W\x1e\xb6\xc4\xda\xead\x15(\xd0\x80[\xa8Ze\xa4 z\xef^\x05u\xcaL\xd6\x8b\xbf\x0c-\xf5Rw\xa1\x9f\xe3\x7f\xa8\xcb\x98\x97\x8b\x9alE&gt;0Z\x01p`u\xd5\xd8\xc2z\xbf\xe3\xe1\x05\xfd\x9fncF\x1cw\x9bWT]\x18\xfds\x94U\x87Th"\xbf\xf7\x08\xa9D\xce\xd1\xafrn\x1e\x8fm\x19]\x01]\xfc\xbbX\xfd\x0f=\x1d\xab\xbd\x03\x10\xd1v\x96\xe6TGn\x95kK&amp;\x96\x1d\xd1\xc7\t\xc9j\xd0a\xb0\x06G\x8a\xa6\xfbY9n\x1e\x8f-]9\x90,\x94\xaa\x81N\xa2g\xa9\x8f,R\x9e\xda\r\x81\xc3\x12\xd3\x95\xd96\xd3\xd9\xb2\x83\xae\xe26Q\x9d=\x93\xb7H\xd0\x08_B\xf5\xd1\xa9\xf0&amp;\xb0\xc6\x90\xd6\x97R\xb7\xf3\x93V\xa6QU\x91\xf1E\xa3\x84\xfe\xb4\x1c\xc6?,\x82\xe1\xc4\x86\x10\x96\r\x19\xf4\xf0\x0e\xea.\xcb"{\x87\x97\xde=(\xb4M\x18\xdb\x1f\xf9\xee\x9eo\xfc\xce\x07\x96\xeb\xf3\xe1\x99\xc4N\x01=\x05IY*\xf3r\xf3\xe6\\Z$\xa4M\xbc\xffF\xdf\x9f\xec\x93#\n\xcc\xd7-\xf0\xd8K{\xfb\x1b\xba\xe8W\xeagq\xfa\xd3\xde`b_&lt;\xe1$s\xcf\xa9\xa1L\xee\xa3\x1c\xac\xd4\xb5\x97e\xd1\xeb]\xb2Y\xf7\xcfT\x8c\xac\x9f\x90\xf2\x93#3}\x00\xcf\x97O\xcb!\xc4n6\x13q\xa3\xa2\x04\x10\xda\x14i\xd5\xc1\xa0\xc30\x03\xfa\xa5\x03\xd0=\xa7\x00\x1a\x99\xe6\x8d`\x8f\xfb\xda\x15\x1d%u\xaf\nW\xc4\xb1\xff\xf7\xc7\xc8\r\x8aYCwKY\x9b\x96\x1b2\xd8\xf2\x9b\xec\xc0\x19BVt\x12\x9c\xc1{"\xcd\xa6\x12c\x18T\xa4\x16\xcfmlv\x8a\tf\xd2\xb5\x88k5t[y\xdfG\x14\xc3\x87\xd5\xbb;\x8al\xf5\xc8"\xbc]\xc6\x93O\x1e\x82\xb9\x8bc_C\x0eu\xa5\xe0\xccq\xb3irYT\xed\x9a\xde\xa2RN\xccR(\x95\x19\x00\xbf\xe4E\x03\xaeSb\x8dg\x1a\x17_\xc5;$\xd8\xdeb+LJ?W\x9aaH\x9a\x80\x8c1\x0c\x1f%\xc4\x08\x0e\x1a\x9eC\nv?ZZ\xb0\x0e\xdbl\xcbR\x95\x8b\xda~\xec\xc0\xba\xe7\xef\x04\x88w\x15EC\xb1L\x07pmE\xbc\xc7\xe4*\xc6\x8d\x96wg\xc7L\x12x\xb8\xe67&amp;u\xf0\xd33\x95\xa9zp\x7f\xfa\x9b\x0c\x1f\xa2\xd4\x04\x96\xab\xd0\xc5C0\xa7\xe7\xf6\xfb\xd7\x14^\x98*\xf8\xe0N\x8du&gt;$\xf9\xf0\x9c\xed\x93h\xe52\xaaO)\x9e\xea\xd5G\x87\x9a&gt;\x8d\xd2\xaa[\x9c\xc1\x91\x8as\xf6\x86Q\x94SFJ\xd5\xd2\x9a\xd40\xd1.\xb3nu\xc5N\xad\xd5\xb1\xcd\xaf*\xcbN\xdbb\xbc5;4\x0e\xf8\x86\x14F{\x81o\x96\x05\x934\xa7i\x1c\xfb\xaa\x917:\xb4f#\x92&amp;q\xad\xc0@X(\xdf\xec%J\xca\xb8\xaa\x0e\xc0T\xe0\xab\xeb\xb3[\xb4g\xda\xeb}.p\x07M\xecR)k6z\xf5\x90X\xa9\x1a\xfd\x1bi\xdfs\xd6\x88\xbf\x82\xd2\xaa\x14\xe8\x94MCp\xff\x04\x96\xfc\xd1\x96\x1c\xcf5B=\xbe\xcfY\xc7\x8e\xf1\xfa(\xe2M\x98\n\x9a4}~`\x07[/\xdcE{\x17~\x07\xd0k\x12\xd0\xcd{\xa89/#~n\x04\xe5\xd9\xda1\xa7\xa9\xe5\x8b\xa0\xadb\xac:\xb3\xf9Na=\rJ\x1b@\xa0\x03\x98\xc4zg\xbd\x03\t\x9e)E\xb2k\x17\xa2$y\x8a\xfa\xeaC\x91\xff\xe7\xdf\t\x9c@\xfbx\xbb\xd9\xe3\xf3\xbbq\x97\xf5\x8d\xb8\x8f\x97;\xaa\xe8\x1b}im\xa1\x9cU\xe7\xec.\x9fQ\x8b\x97\xb0,\x0b\x95\xbc\x0be\xb9\xbc\x9bs}\x8c\xbd\xbcf!8\xf5\x92%v\xb1\'\xf5\x07\xab\x85\x93S\xf7\x0c\xe1\xb3\x03\xe4\x9c\x93y\x19\xce\xe6\x18fC\xd1\x99\xa7\'\xcf\xa2\xb1\x14\xdd\x06\x00{\xf7J\x8f\r\x9f^\x19\x17r\x1a\x05\\\x07\x05z\x1bz:\x82u\xd1\x9b3\xa7\x87c\xe4e]:s\x9f\xd4\xd4\xaa\x08.\x80tZHQ\xa3Uw\x91\xb2oQrb;V`\xb0\xb4\x15\x8bHii\x06\xcb8/\x8ffRX)\x1d\xaa\x80\xaf\xd2X\x7f\xf0\x0f\x8c\xc9v\x003\xfayl\xe3\xf0J\xea&gt;\x80\xc69\xc4[\x0e\xa2n5\x1f\xc9\xf6j\x06K{\xad\x82j%\xa9\xed\xf2\x89\xf8\xac\x8ey\x11\xc9&lt;BR\x96\x02\x95\x06\x87J\xad\xdc-\xd4Hq7$^\x17\x15\x1d!y\xff\xde\x8f\xbd\x7f\x9ds\x88\xc0\xe2\x06\x05\xb30\t6\x95\x91\x12\x82\xe3nVv\x01\x05\x02\x9b\xf9\xad\xb9\xf4,Q\xfaD_\xb94\x81\x19\x80\x0f\x7f\x08\xbfg\xfcxD\xf5\xf6%\xf3\xf2)\xf0\xd7l\x07\xab\xa2\x00\xd1\xe6p\xb5\xa53d\x94x3`\xd5\x9d\xf4\xf0/\x96i\xe3\x0cY8\xf2\x15e\x1d\xfcR[\x91KY\xd7\xa7P\xd4\xdd\x8e\x1e\xaf\x94\x02Q\xfc\x02\xd7,\xc6\x86R\x88\xb8\xaf\xe4\xb3\x80\x12\x1e\xc8\xb1#\xc7\x82D\x1f]\xa8T\x0f\x0c.\x15\xb6\xa8\xb4,\xc5\xef\x978\xb7\xc6\xba\x8c\x15\xb8\xb6a\x7fy4k\xa2}\xf8"\xb5\xa6\xdc.$\r\xdf\xf2\x8f\x0e\xe3_5eG\x91-\x82\xb9\x96|\x13\xda\x16\xd4\x18?ih16m\xb1\xe0\x8f\xb1\x0b~u\xf2*EZ\xc6 \xcc\x93\xd7\xa5\xbbdz\xd0\x85Q:$~\xea\xa3S\xd0\x02\xd6zD\x9f\xd2ZK\xa7,\xd8&amp;U\xb0\t\xd17\xd6\x89\xf5-\xf0;\xeas\x7fv\xa5\x06\x87A\xed\xf0\xcbd\xa7\xec\x13\xd7\x85A\xa5c3\xdc\xfe~\x7f\xcd+\xb6\xd7\xbf\xae\xe1t3\xe6\xf0\x0e\xa0\xf4\xe4\xcc\xaa\xac\xa0~\xfc\x8e\xa4gv|ii\x81\xac\x91\xd9\xb4A\xc7?\x80\x1bjJ\xf3\x15\xaa\xa8.\x0c\xbd\x10\xc6\xa6\x99\x13\xb3(\x1a\xfa\x068\xb7\xcd\x1cC\xb9\xb3\x1eR]\x01\x85\x9e\xb2\x10,~O\x9b\x04s\x8a5\x80\xc7t{\x19\xb0N\xb5\xdadWk\xb7c \xee4\xe7\xc5\x0c\x00\x9cT\xcc\x07\x00\xe7\x1f&amp;Z\x1eL\xbb\x0c\xac\xfeYJ+\x03kY_-!d|t\xe5\x9c\x99\x99\xa8\xb3\x95R46\xe8\xa8\x1bzhOM\xe8\x9c\xc5\xf9K&amp;\x9f\xc6\x1f5\x17\xa9\xe7\xa9!Rv\xfa\xa7\xdc|\x0bd^\xae\n\xfa\x80Tv\'N\xf1,[w\xdfP^\xb9\xf1\xd1\xf4\x7f\t\xca\xa1\xed\x1e\x88\x81\x10}\xa2\xd2\xfc\xac\x7fH\x0b\xcf\xc8\x1b%6]\xce\x10em\xa6%2/\xf6\x12\x7fk,\x8b@U\xb5t\x00{s\xd2\xe9\x00\xa4h\xd1-q\x99_j\xb3e\xef@$\xce\xbe\xfb\xb40\xb8\x8f\xc9\xa4\\\x9d\x8e\x14i{\x9b\xda:X\xb8\x97\x1f\xd2\xb1\xa7\x91l\xfb1Yu\xf2\x13\x1d\xc0\xf9\x9b\x8b)\x03W)m\xac\tuH\xc1Bm?\xfd\xc6DS\xb9q\xf0\xf2\x96\\+/O_g\xb8\xd7\xeb\xfa\xb4\x92\xd8\xf7~\x07)\x1by+\xc6\x1cV+*\xba\x80\xf6\'\x18:\xeb\x15\xead\xdd\xfdO\x8e\xe5+\xa6\xe9\xcf+\x9dDH\xda\x97\x0b"\xbf6\rxg\xe1\xb0\xfe\xdbs\x9b\xf4\x87\x8f\x7fNe4\x1f=\xbb\x15\x07/\xc3&amp;\xe4w\x00\x86\x0b1\x0cV&lt;\x8d\'\xd0\xf2\xcf/9\x0e\x88\x7f\xf2\xb0\x84\x98\xd4\xa7iQ!\xae\x90\xa8\xb8\xe9B\xf9\\\x9cL;\xb5\xa1\x8dt\x00S\x90Y.s\x8e\xe8\xefTKH\xfc:\xb5%9\x83eN\x02\x01M\x84\x84$:\x00\xd1\x1b\xc1\x1aZ\x11\xf3M\xbf\xa5\xc2\xe5\xfb\xbd9\xd9M\xbbZc\xfc\xc9\x86\x06\x94\xce\x17-\xcb\xb2\x9b\x89\xef3\xeb\xf0JC\x9f\x16\x9e*\xa5u#r\xee\xc7\xd2\xa2\xc2\'\xacv\x13\xdd\xb1qq\xdc+{\xe4\xc9\xd0\xadp\x7f\xa8\xe3IE\xd5h[!\xdc\xb2svh9\xd7\x0c\xaa\xab\xe7~\xed&lt;\xc1,\xe3\x86\x96U\x88\x96\x12\x16\xd9\xc7\xbe\x19\xafX\xa8}\x8dU\xa6\xf9j\xa2\x85\xf6e%\xe5\xfd\x9c\xde\x1d\x80\x91u6\x03*\x04\xf0-\x13\xfbl\x13\x0b\xd1*\x86Y\xdd\xb2Z\xf5W\x9a\x99#s\xd2I\xa1[\x1dYua\xb3\xc24\xc8\xfa\xe6\xea\xbe\x1f\xa5\x91\xef\x88\x96a\xa4f\xfb\xa8Q\xda\xdb\x99\rU\x1c\xe6\xd5\xdc,=M\x9aX\xa3o\x14x\xfd\xfe\xf4Mx\x0f\x00\xfe\xb4\xb2.\x9c\xbdW&lt;4xK\xf2\x92b\x19\xf0\xf3\xab(r\xec\x8a\xc6\x99G\x95&amp;\x8f{\xa1\'\xf2\xe3\x16_PZ\xe1\xd5v\xcf\xf2\x1eZO\x17a\xc6\xea\xba\xdf\x98\x9dU#\xba\t\xdcM}:\x9eJV\xcf\xee\x98\xafK\xe6\xee\x7f\xd5\xba\x9a\xe4]\x1f|\x84\x83`\xf1\x13e\xe1\xc7\x89\xfd\xb9\x05\xdc\xa5\xdeg&amp;\xd7\xdf~$\xad[^x\xadq\x8a\xe2\xe2\xe8\x8d\xbbG\x8f\xc5l\t]Z\xa8z\xa3,\xf1.\xd7-,Qmf\xe45\x19\xbe\xedv\xc7k|\x905}\xea\xa1\xcf\xbe*\xc0\x92/5\x19a\n\xe9\xb1\x14~\x9d\n]NG\x9dM\x19",\x9c\xad\xc3L\x03\x98\x8d"\xb5\x03v~W\x8d\xc0`]0u\xa8\xbe\xa4\x0f\t\x9d\xfc\x91\x10\xab\x03\x10-`L\xd6\xaa\xccXkj\x8c\x119k\xbf\xf5\xc2\x0bCh\xe5\xa8(\xd8\xe2\xecx\xbe\x94\x1fW\x84\x8c\xcb\xafQ\xb1\xd1\x0e\x80\xdd\x07|\xf5\xe8\xe9\xde\\dk\xf3\xba\xc7u\'\xe3&amp;\xca\xae\x11\xe6\xf8\xec\xb9\x9f\xbf\xaf\xda\xb2\xb2\xdf"\xd2\xc5)/\xf1\xac\x8c?\xacJD\xd9\x87\x08\xae\x1f\x92\xefm\xc8\x08\x89\xc9tq\xd1\xc1\xeao\\%X\x1b\x19G\x1a\xb3DTX\x85\xa5\x86\x12$\x96\xf5\xbe6\xb5\x96\xe5\xb1t?BK\x8e\xa7\xa9\xe6\xee/\xda\xf6\xd7a\xcd\xfa\x9ao\xec\xfb\xbbB\xbc\x16:\n"\xc9G\x94\x0e~\x1c4qJ\xb3&lt;\xd6\xcc\x13\x1dri=\x9d\xd2G.\x96y\xb1\xdc)\xd1#{\xf6\xad\x19\xe9\xf9Ga\xf4\x7f\n,\xb9N\x86Xy\xfdG$\xfb\xdb$\xe3\x18\xf4p\xef\xf3\x9eP8\x99?C"\xfaS\xb1\x91{\x1a\xda\xfec*\x16\xeb\xb9\xdb]\x89y\xa8\x11x\xc0\\G\xfeQ\xd5\x94\x933\xb1\xcd\xae\xff8\xaf6\x98m\xe1+BY\xc4\x12\x7fp\xbc\x03\xa8k6\x14z\xa0\xff\xab\x11\xadJ\x1bf\xc9\xf8\xdb\xf1\xa7:\x8d\xfd,J\x0b-n\xa4\xc6\xf5\x96\xe0\x85-:\xde`\xfdg\x1f\x16\xcc^\x10E8\xd6\xe1t\x00"jpth\xcf\xe8\xf1\xa1Q\x10`\xa3\xe16"\x02}\x9fn\x118*\xb8\xa4\r\xfb\xf6\xe6BY\x08\x9a\xa5\x1aP\x92\xd8U\xe6V\xb8zB\xc9\xc5\xcd\x93\xd5\xc4W\x03\xd7&gt;Z^,\xd1U\xd9S^{\xd1\x04s/\xdd\x8d\x00\x03yl\xb4lT\xbb\x01\x8d\xdbRJ\x90n\xd7\x9ck\xab//\xca\x88\xb1\xf7\xb98\xc7\xb5\xb0_j~\xec\x1a\xb0\x07 \xdb\xbb\xb6\x0ca\xd8\x0b\xf1*\x8fR\xd2\xf0\xaf\xcd\x14g\x8b,\xce\xfd\x1b5\x87~x^X\x93f\xe1?)"\x06\x1cX\x16\x99\x00\xd7!\xfa7\xbaQ\xddp~\xe0A\x89\xd3\x17\xfe\x97\xe9b\xc4\xa2\x99\xc1\x1e\xda\xca$\xcb\xe7{\xbd\xbe\xc4\xa0z\'2\xabF\x8c\x85\xda\xec\xba\x13_\x93k\xe2\n\x03j\xad\xb0\x1d\xb2\xf8\x10\xed,\xb4!z\x87\x84\x10b\xc6\x94\x9e\xc4|\xa6BC_N\x91+\xaa.\xf62\xf2\xfd\x17\xa7\xac\xef\xbccWd\xeb\xdbZ\xc1\x18\x9fW~\t\xb3j\xbc\xd5\xc8\x1f\xafP\xac\x1a=\xb7yMw\xcc\x8f&lt;\xfa\xe6\x98\xbf\xbc$\xa3!q\xe6\xe7\x9e\n\x84\xee\xc3@\xe8#J\xd5Mb\t\xa8\x8f\xd9\xeeT9E\xbe\xb6\'-\xeb\x00*U\xe3\xaat\x18\xfd)f4\xa0]\xd2\x9b\xfa\xe6\'M\xcdX\xbe\xb0\x03\xb8_\xac\x94u\xb4\x89\xad\x930\xc3\xd8Z\xaf\xce\xbdEm\x0b\x8e\xfe\\1\xdb&gt;\xa7\x0e\xd4v\xd1\xf9\xd4Z\x14\x87\xff#F\x8b\xadc\xe1\x07o\x95\xd2\x07t\x80\xe4\x16\x82,N&amp;\xa2\x83\xf7.z\x8adR\x1d\x0b\xccUF\x1bF\x16\xf4\xfaXu\xd4r\x81\x97{\xc5%)\x9d\xf7\xef\xb7T\x1f~3\xff\xac\xc3H\xd0\x0cV_\x91n\x03&lt;\x96.\x1f\n\xae\xed\xd3\x8cE\x84\x10e\xc7\xbf\xe2\xb9+\xd5e\xa3X\xe6\x95\x1f\x14Y\xee\xe4\xe6\x12z\xd3E\xa5\xa8rO\xdb\x9b\x91\x91\xd0\xc0\xa4 R|\xce&gt;\xa5S\xd5\xa8\x1f-55\xba\x9b?\x04~\n\xfd:D\xb72\x88\xe8\xbbG\xebpB\xb0\x01\xd3vp\xa8]TQ\xa6\x1a\xf9\xf5,\x85\xac\xfd_\x99W/\x7f\x8ei\x02e\x88\xd4\xa4\xad\xb3*wB|\x04W4\x17+\x17~\xf9FN\xf8(\xfaw\x00\xa5SR\xa2/\xac\xd0\xc7 \x13y\x05\x13\xfb1\x9d~\xcdh\rn\x83xM\x8f\x9d\xbf\xcbF\xbd\xeb\xb2`\xbb\xf0\x0e\x88\x1fp\x9e "H\xc9\xc9-\xe2\x07\x7f\x1ab\x1c\xbde\x8a\xe3\xd2\x88E\x8c\xaa\x05\x86c\xd6e\x13\x88\xb74\x15\x81\xb6\xbb\x81\xa0b\xbe\xc2\xb4\xfd[W\x86UR,\x97ry\x07\r\xeb$\x08\xee\xd6D\xe4\x0f\xaen\xa3\xaev!a({w\t_ "\x9b\xf73\xd7A&amp;\x1f\x9f\x92`w\x1d\xcbj\xfb\xfe-\xa2\xa7x5\xad\xfae%6\x16D^\xed\x19j\x7f\x08\xabef7\xcb\xe0\xf7\x018\xe7\x88\xbe-}~\xfc\xf0\xff\xf9\x99\xc5c\xe8\xb4\xb9=\x89\xdaf\xcd\xbbpG[M\xfa\x8b\x17\x9f\xf5V"\xab\xb3.]\x16v\x95*0\x99\xc5+\x16.\xabe\xda\xa4Z\xd9\xb1\xf3\xdc\xe0\n\xc0\xf0\xa97\xe0\xc3\xac\xacD\xb2\xec\xe5p\x86\xfe\xa4\xab\x95\xdfB\x07\xcf\x00Z\x06,f\xc7zA\xae\xca\x12\xd1O\xe7\xae\xf27{\xc5U\xe2c\xcd\xd4\xc3\xe3\x8d\xb8\x02z;\xa5\xdc\xd4\xf1\'\xe3\xfa\xdf\x07\xc5Ys\x8f\xfe\xf4o\x9e\xa7g\x7fVo\xd5\xf4\xeb\x00\x04mt\x8f\x11\xc7\xb2,\x1f^\x92XO\x93t\xbe\x16\x9b\xf7h\x07\xd0y\x94\xb7\x82P6\xcbC\x87\xfb\x8f\xf65J0\xbc\x8dT+\xd0u\x06 e\xfaS\xd7\'"3Mu\x1e\x8d\xea-\xdb\xfb\x90[\x84\xb4\xb3\x9f\xda\xac\xb8uV\x03U\x83p\x8a\xa7c\x04\xe1\x85\xb5G\xe7]f\xabL\xea\xf1\xbe\xd8\xc6\xe3\xa8\x95\x01\x1f\x16_F\xdd\xc7jER;u\x00\x8an\xd3\xc5!\x97Z\xa7i,8E\xcaw\x9a\xee\xd1\x87\xb5d\xc2T\xe4\x91q\xbd\x08\x86\xcbk\xec\x15i0d\xaf\xb5\x92\xe4J\xf1E\r--\xaeY3;Z\xd9\x8a_lLj\xb7\x13D*\xc2\x8b\xca\xd8\xcf\x10\xf785U\ni\x9a\xd87i\x9f\x8c\xaa\x0f\x05\xb6\x9c&amp;\\O#\xbd\x9e\xef\xc8\x90hw\x9dO$\x97\xba\xe8Z\xef/U\xebw&gt;t\x1b[=\xe0\x8c\nS\xfb\xdd\xadz\xd9\xa5\xa8h\x82\'sNR\xa4$\x1b&lt;;t\xd5\xa6\xa7\x92\xa4\xef\xbd\xd5{\x83\xa0?\xe41Z\x97\x8e0\x97\x05\x88\xfeZ\x17u\xb8\xf4\xaf\xa7X\xf7\xa9\xed7\'\xe1s9\xe8\x10m\x99\xf9U\xe8V\x94\xfeE\x03\xca\xdd\xb9[]\xe6;\x80\x8eyMG\x9f\x06&gt;i\x07\xd09\xfc\x95Gs]\x87L\x14\xbf=\xebI\\\xe0\xc1T\xcav%\xba\t\xac\xed\x9d;\xf9\xd5.95\x98+k\xf4\xad\x95\xf2G\x05G\xf5\x05\xc3iW$;\xef\xf8\x15\xd6&gt;9\xd5CG\xcb\xe2B&gt;O\xfb?\xe5x\x9aX\t\xaa\x1c=fu\xdf\x81t\x88e6\x07\x11-J\xc5,6j\xc8&lt;\xd1h]\x83\x01\x8b?\xec\x1c\xa9d\x89\xc6\x0f\xba\xf4\xc95\xd9\x9d\x94lw\x0c\xad\xf5F\r\xa1\x86\xb1\xbeF\xa7\xde\x07L(Y\x1c=#\x9b\xf5-\xa2\xc7\x7f:\xc2\xd7M\xa3\x11\xab\xff\xfc\x0e\xe0Hge\xda\xf33\xe2Uo\x1f\xad@#\xa6\xf7i\xe8\xd3\x95\xe5\x0f\x19\xa3%~\x1aQ\x07D\x9f\xae\xd7\xfe\x89\xe8\xb7h\x88n\xa6C\xe0\x8bu0\xa6\xda\x99\xd1\x96/\xcd\xc02\x8e\x8d\xaf\xd9L\x9f\xb7X\xbe\x80\x1b&lt;\xe80\xf6\x99\x08%#\xfc\x91f\xc9\xedj\xa5\x15\xe8_\xfbd,\xe0vk\x02=\x8bl\xc7\xbc+\x03\xe3\x0c\xf1\x1a\x91\xf5H(\xae\x1c:\x00\x9f\x98\r\xa6\xb6\x8b\xcd\x9a%\xfa\x9dF\xd4"z\x9b\x93h\xf9&amp;\n\xa3L\xe3R\xa1\x88+\xfe\xe1\x9a|\x1b\xf3LH\xa6\xd3\x07\xb5\x9c\xa4\xb3\xb1\x19\x17l\x123T\xeb\xa8\x9c\x9dQS.\x0c\x91\xf4\xf7\x06,\x80\x12=o\xbf\xeap\x1fVT\r\xff\xb3\x81F1\\\x01\xcb\x982\xcd\xdeZNn\xc3\xf1\xa2\xf1\x9ef\xca\x94\xc6\x89\xd9J`a\x87~\xb6]N;\xa3&amp;\x82\xe4\x1c}\xe8C\x81n\x99\x86\xd5\xe86\x94K\xa8Q\xb2\x06=\xd0g\x18\xd1\xed\xfeG=\x89\x02\x1d@\xb0\x11\x05\xcd5d\xcfu\x18\x9d\x8b\xea7f\x9d1\xf5\xbe\xb1)#\x7fx\x07`D\x87 }\xb4\xb2P\xf6\xd2\x1eXJg\x0be\xe7\xa3\x1a:\xf9\x92\xfd\xba\xa2/}\xae\xd0\\+p&amp;\xe3\xde\x83!\x83\xd9\x16\xba\xa9\x9a\xc8\xe5\xe1\xcamB\xeaH\x8b\x9b\xa8\x1ec\x18\xd7\xdf\x94rc\x95\t\xd6\xd4\xa7\x06S\x1e\x06\x9a\xd1\xe3\xceS:o\x85\xcaE\xe5\xfc\xd2R\xe9\x85\x0c\t\x19\xb1\x1c)\x97\xa0\'\x89\xa5\xf6\xa8\xfe\x97\xef5\x8c\x9b\x16i\xc1t\x15|]\xe8K\xd5\xb2|\xc3)/\xbd\x9c^\x06N0\x89\xa5I\x0fC\x07{\xf5\x8d\x17\xa1\xf2\x15\xe6E1\xfa\rb\x99\x86c\xa5\xa51@]\xd7\xfe\xfc|\x8b\xf1\xb8\xcf\xcd\x8aSD\xa265\xd7X$n|\xebz\x94\x96\x99\xacX\'\xee\x15\x87\x16X\xb2\xb8Q\xb4\x9e\xc5LY\x81\xa9\xf1\xf8\xfek\xd0\x88-\xaa\xc6\xeaE\xb5\xf4\xe9^\xfc\xf3#\x97\x04\xbeLjI\xdf\xa62\xea\xb7@\xb0A\x89D\xa8)\x0cF\xbd\x1e2\xe6\xe58\x87eJ)\x8a\xcc\ry\x94\x1c\xd8\xe0o%\xdd\xac\x03\xc8\xda\xe6i\xbe\xf7\x88\x9d\x02\xe4\xd7\x88\xac-DN(\xe9;o\x19\xdf\xd4+#\x8a\xc0\xb9\x90#STYCT\x97\x8c\xbe\x7f\x9a&gt;\xa0B\xcf\x1eE\xdb\xf3\x08fV\xd4C\x9c\x04j\xf0&amp;%\xb9q\x8e\xa5\xff}\xcc\xc4R\xf9\x86\x7fj\x97^^M\x14\xf9\x9c\x10n\xa7evS\xc3?yY\xd6lR2U,\xd9\xadb\xb43\xea\xecc\xd5\xd9U\xb8C\x9f\x83\x1c\x1f\xe5\x1f9\xba\xfcJD\xf4\xafw\xed\xe3r\xdev\xbc\xc4F\xc3\x97\xa1\xac\xff\x93\xceTH^H~\xec\'\xce\xb5\xd9513\xd3s\xa2\x8f\xe9\x1c\xecd\x0b\xaed\xc6]\xa4v\x1d}\xaf\xaat\x1b\xf0-\x98n\xd7\xa7\x1fzl\xac\x12\xd1w0\x92\xbd-\x9fd\x9aM\xe0\n=\xfb\x8fg\xb5\xb3K\x08\xef\xd9\xcfer\xd1\xb4\x82\xca\xb0ZAW%#\xec"\xedTw5c\x07\x1a\xf4\xce\xb2\x90\x92nz\xb6\xe6\x07\x154\xf6Z\x15\x03\x13j\xb6\x85n\xa8\xd5\x13\x9d\xc8\x94s\xd4L_\x07\x91LZ+7\xf6\xbd\xe8\x8e\xa5\x929\xe9\xb9&lt;\xfbsjY\xe4u02\x99\x8b1\\;\xa1U\xd92S\xef\xbe!\x91y0\x03\xe6\xe8`\xd5\xe3xa}\xa6%\xeb-\xbe\x02\xb2\xd8w\xfa\x04=f\x8e\xf3\xa8\x91\xa0}\xe8\xf0\x14e\xa9\xa47\x18\xd4\xbf \x89\xd0\x97hJ\x89 \x15}%$S\x1bG\x94}_\xe0\xde\x0b-\xc7o\xfd_\x8bX&lt;\xf8\x97\x94\xe6\xc2\x91\xea\xffa\xbf3\xf0\xb5\xd30G\x85\x05\x16-]\x9c;\x96\xb7\xbaj\x16\x03/\x14\xfc\xc2A\xf9\xf6/\xb8\xf96$Fs)\xcf\x95\xb3xQ\x8e/\xbc\xb8\x8a\x89\xe8\x99\r\x91c\xc4\xd6\xbdJ\xfd\x94\xbe\x1c\xff\x1b"rn\xd1\r\x0cr\\\xbd\xb5\xe7\x1bhOj0+BI\xc3\x93)\x86\xd8!H\xd0\xfd\x8a\x85(x\xe3*3])\xfb\xcc\xb9I\xf9\xad\xad\xed\xa5XGdv\xeah \xd7@d\x16\xbe\'\xc7\x9c\xea\xea\xc6\xdc\x19\xc0\xb3y{BO\x01\xddO\xe6\xff\xb9%;f\xfd9\x972&lt;\xa5\xd1\xe2&amp;\x1d\x0c\xfcvf\xba\xf6\xe5#\xffJ\xd5W\x9f\xa7\x95\xdcK\xb1D\x1c\xa3H\x9a\x1e\xd7\xd1F\x91\xf5\xb5\xe7\x8f\x89=\xbf-\x01\x9d\xbe\xa5/bg\xb4\x95\xddk\xae.;q\xef\x8f\xea\x1c:\xb8\x94\xb7\xe66K\x9c)]\xf6\x08p\x1d\xb0\xb2/\xf4\x06\xfe\xa1\xcb\xfc\x1eb\x1b\xd7,\xcc\xc1KB`\xfa\xda\xe1\xbdw\xdd\xb0\xf7pUm\x01*\xca^=\x03\x88\x8d\x7f\xd7N~\x97\xc9\x19\xa1\xf0u \xa2k\xba\x9aR_\x94\xf7\xed\xaf\xea?\xed\xfe\xe9\xed\x9d=%u\xd3\xbf3W\xdf\x10l\xe0\xde\xca\xc2%SQ#\x0e\x0fJA\x1dNM\xb5F\xa2\xf7\xb9\xe0*\xfe\x16\xf1\xf5s,M61_\xc2(\xfc\x19@bKG\\\xe3\xc6\xbd\xf7Fi\xd9q\xf7\xc9\x13\x029f\x8f\xa3|vJ\xe6Y\x13K.\x91 d\x87\x1a\xfd\x89\xfe\xd8\xe3\x83\x88Z\xfa\xcc\xa2\xe7\x8e\x9e\xc2\xd38\xabO\x95\x8f\xc6:\x80\xc0\xaf\xf3v\x00&gt;\x142\x94\xcd\xf0\xf4Y\xb9\x04Y\x9d\x99\x0bJ\xce9\xfa\xeb\x15\x1dL*\xdc\x17\n\xab\xa4=\xa3\xec\xf5\x89\xf3\x1eL\t\xe0J\xeb\x92\xac\xb2\x83\x89\xc8\xef\x1dR\n\x034K`\xf5\xd1\x0e\x83\xf1\xb4\x02\x9b\xa5\xd8\xfb\xb0\xc6&amp;T*!\xd8k\x06\xafW\xb2\xda5;\x8b\xfd\xf6\x9cd\xfb\xb9\x02Q\xca\x81\xc2\xe6p\xed\xcaU\xc9\xa6c\xa0Y\x8a\xd6\x9b\x98i\xfdd=\xd7\xda\xfc*\x0e\x8e\xd9\x053\x8a\xff\xd4&amp;Y\xad\xffX\xd2\xeb\xfeL!\xcf\xd3e\\=\x83\x99\xfe\xcbP1\xf5\x1c\xe5*9\xb6_\x12+\xd2\x9b\x05\xb5\xb9\x1dr}\x00\xab\xcdRU\xa6\x1a\xa70\xf65\x8ft@ z\x9fl\xbe\xba\x0c\xec%\x05c\x1f\xd1\x97\x0fYBn\xc9S{\xd5\xfb$\xbf./:"\xad\xa3\x18\xe4m\xce\xb6\x8b\xe2\x94\xb4\xc8 \x96M\xb7\xd3\xb3\x8e\xa7p\xaa \xb2*\x0f.\xfe\xd8\n\x10\xc9\xdd\xef\x96\xfb\x97\xa5%OmmO\x16\xa9\x9bm\xcc\xd2\x01\x0c\xe1\xd9\xb9\xe6\x07\x86\x13\x98\xaeo\x070\xe5\xd2\xdcx\x85\x836\xab\xb3\xe4\xf0V]\x91\xfb5=y\xe7v\xb2\xd2\xc4\xcb\xdb\xc1zR9\xb4\x94\xfd\x95\xa3\x7f*\xac\x1f\x93\xd5Y\xe8\x95m{o\xea*\xf5\rQqO/\x91\\\xdb\x1axBv\xbb\xcd\xb8\xec\x92\xec7|\xf6\xdc\xab\x85t\xb0^,\x87\n\xe5Y\x87\xfd\x83k\xe8\n\xc5\xa4\x96C\xd0\x82j8\xe7\xe2\xe7\xc4\xd3\xde\xe9_\xd3T\x90\xd1F\x00W\x82\r\x81{\xed\x1e\xd6\xcak6\xba\t\xfc\xd8\xd68&gt;\\\xe24z`\xad]J/c\xb5 \xd5\xfe\xf9\xb7\xe4\x05\xd3\xe8\x99Ci|W*\xf3{\xd8\xa6^\x94\xa75\xc3\xe7\x9d\'\x12F!\xa2D\xdf \xa6\x80\x97\xc1\x10\xb3\x10\x11}\xdc\x1c\x8bT=\x89\xd5\xfa\xea\xbd_\x1b\xbfp\xa4%\xd9\x077\x05Vu\xf7\xeb\x89&gt;\xa5Z\x88\x14\xccb\x9c\xd6j\x99vh9\xab\xa3\x12\xfdC\x9aO\xd1\x809\xbeGr\xab^\xd5\x90\xf7o\xd7|\xc7lb\x8d6w\x08\x9bZ9F\xd0\x90\n\xb0Z\x10#\xa2qT\x0f\x96/p\x04\xbb\xcd\x04\xcc\xcb\x89\xe8\x07\xe2?]#\xfe\xfe\xeb7\xb1\x0b\xfb\xb8\x9c\xa3\x8d&gt;\x81\x0e`\xa02G\xcb\xec\xb6\n\'f7\x0c\xbbM(\x87\x94\xda\xda%\xcf\xee]\x0fD\\\xab\xb48n\x9c\xf1\x9b^R\x9a-\xef-\xd2\xa3\xa8\x89\xa6\x7f*\xb5C\xb5\xb5&gt;\x84\x17\x9d\x83\xaa\xf0\xf5\x13\xac\xcevA\'\xa5\x89\xdc\xdb\xb7\xc3\x15\xcd\xb2[\x11\x8b\x80jM\xa8B*\xff\n)\x9d-T\xe5+\xc0\xbc#\xc1\x15Fv\x8a|\xb6\x08\x1d\xd1\x10+%3\x91\xd1o\xce&amp;\x8b_+\xaf\x13\x03\xf1\x8cE\xc4\xd9\x89;v4\xa9\xe6\x06E\x00E\\\x83\x9e\xa1\xa9@\x0c\xba *\xf6\'\xb4M\xc0\x9c\xcc\xc6\x12\x8c\xaa!\xe6\x9e\x8d\xbe"\x87\xec\xa4\x06\xef\xedBfAm\x9a\xd2u\x19\x04\x880w\x07\xe0j\xd5\xfd\xe79\xf9\xb5\xaaqi\xec\xb8\x0cVR\x9f\xc9\x13\x9f"e\x82)O_\x1a*\xdb\x85\x82\x92~\xbbE\xe7\x19\xcb\x8b\xdb"\xd8\x01\xc8;\x89\xac\xc4\xc7B\xd8\xc7&gt;+\xcfW\xf9\x9aM\xe0\x9b\xa1m\xa0\xd1\xcav\xda\xf0qe\xff\xac\xd5\xdeI\xf7U\xea\xa9\x0c\x11\x11\xbd\xbdn\xb2\x15,\x0b\xe7\xc2:ZD\x95\xf6vF\x9c\'K\xd1.\x91F\xca\xb4\x90Y\xccX\x04\x85\xa8\x94\xf5\x99\xd2j\xf9\x7fn_\x1e\x12\x04{3~\x16r\xfa2\xb2\xfb\xe4\xe8\xa0r"\xc7\xe2\x18X\xaa8\xa5\xbeX\xe4\xca\xd7\x9f\xdevJ\xd0\xacO\x82\x9e\xd1d\xa2\xc8\xc5W\xb5\x7fK?\xb9\xd4\x1c\x06=\x92:\x1a\xb4\xfe\xdb\xd2\x07P\xee\x01\x1a[\x10\xcf\xd7GP\x83\xabfWu\x7f\x13\xac\xa0\x92\x00\x00\x1dZIDAT\x81Q1{\xfa\xde\x1d@\xdc\xac\xa5\x9a0W\xe7gi\xf6W\xf6\n\xaa.B\xcc\x8f\xfd\xda\xdf\x7f\xedo\xa8\xce\xf9\xcd\xe2\x07\x8f:\xfb\x18N\xca\xae\xb5F\xf3\xd80MQ|\x17\xb6\xb0\xdf\xf0\xb2J\\\xbb\xd9H{\xaeT\xc3I\x14\xaf&gt;&lt;5f\xbc\tIt\x87\xa3\xe2?s\xc7\xfb|\x15c\xf9\xa5P`t\x18\xd1(\xf9\x05\xa1PC\xd3\xb0$?&lt;\xd1\xefEU\xd6P\xd4\x01\xe8h\xb0m\xaf\x15)!\xdbq\xdd\xc3q\xae\xa3\x12\xc1\xda-\xad\xa0\xab\x1a%\xe9;\x9dT\x99zV4\x90\x9e6C\x05IA\xfb\x7f\xc7\xb0p\xfc\x1c\xba0&gt;D\x9e\xe3\xb1P\xbb\xde\no]\x08?}e\x1dr\x0f\x7fv\xd8\xa4\xac\xf5\x95\xb6\x9e\xef\x8b|;\xd3\xd1ec\xd5\x07\xc0]\x895\x9c`\x90\\\xd7\x0e\xf6\xe4\xce\x9d\xdbK\xf4i\xa0\xe2\x04\x83\x82^dg\xd2\xf3am\x89\xb0X\x17\r\xcdR\xf8&amp;\xb8\x92\xc4\xf1/8\xbd\xceX\x12\xdd\xd5\xa3\xa1Z\xd6\xbe\rj\x1bl\xa2\xa7\xaf\x85"\x9f\xd3\x17\xf5=\xcfP\xb4\x10\xa47\xeb\xf7\xa5\xf23\x90Y\x9f!\x8a\xadq\x8bcd\xd9DP\r"G\xf4\xf1F\xcaU\xcd\xd4\xca\x07\xf1KD\xf4\x91R\xa2@l3L\xccH\x9d\xb7\x15\xf6\xdcX\x9bE\x1e\xfa\xaa\xe51\xa2F\x8c\x88\xa3d\xb6\xeb\xd3\x1b\xbf\xd6\x8a\xcct\x9b\xba\x0bA\x1d\xd7\x13\r\x03\x95\x99\x9d\xfc&amp;h(*rl\x1e~\x1f\xc0\xe3a\xf7\x1d\x0f\xd5\xac\xf3\xbb\xea\'\xec\x073\xed\xe3q}f\xa6\xcc\x0e/\xb0\xc9s|\xa3\xc3\xe9\xcb \xcb6[O\xbd\xe7\xddRsnw\x1b\x84\'y\x8e&amp;\xc5\x02N\x1fV;K\x8e\x8fEd\xb5\x1cA\x89\t\x0c\x7fODDo\xcf%\xbb+\x08di\xa2n\xd3U\x0b\x01\xec+lg\x8e~\x03\xd2\xc6&lt;\x8d\xfd\x85\x97H\xea\xc4\xec\'\x1a\xaf\x87\x96T\xf1\xf3\x8a\xe5\xdb\xa8\xc9_\xe6\xac\xa2\xc8\x15v`=\xee\xe6\x1b\xd2\x92\xf7|\xf5\xd6\xfc\xe8xH\xe2\xf4}\xbd\xd8\x96\x8b\x99YL\x12[-w\x03f\x15\x0bB\x8f\xbd\xae\xf0S\xd0|+\x07\x97\x83\x14\x14bD\xc0\x9e\xa1\xdf]:\x1b\x8d\xbc\x89\xfe\xc1\xb5\xbf=$\xf8]\xa2\xd9\x85JT)\xaa\xfcZ\xd2\x0c\xbe\x8e\xe1B\xda^D\xf4\x0b\x15\x8a\xe5\xc5\xb6\\|/\xd2\x15GC\xd7\x12U&lt;J\\\xe2*\xb6\xa4\x1d\xee\xc7I\xc6\x98\xf6\x99}\x9f\x8e(\xa5\x89R\xd48\x88\xedY\xba\xa6\x0e@V\x15e\x1e\xd3G^\xb77\xca\xc1F1Qi\'R\xb5\'\x15\x0e[\x1aK\x99\t\xa3/\x85ggs\xddu\xbc$\x1a\xb1\xff\xa3\xe7y\xa7\xd7\xc1w\xdd\xdd\xe2\xbd\x89\xfe\xca\x1aG\xa5\xb5\x91\x81\xde\x17\xf8r\xdf\x85&amp;\xde\xe9\xfe\xab\x1ffK;q\xb7aF\xf3\xac\x1e\xe2mc\xe2Z;\xa0^\n\xf5\xb0\x14;\xb7\x9e=A\xb8wd}\xea\xb2\x9b\xc7XvL\xce\xd8\x81\xc8\x91s_\xdbG\xa1=S\xf6BPBB\xec\xaaas\xcfW\xe2\x13K\x12\xdb\xa9\x143\x8a\x14\xd0\xbe2)Y\xe4\xf49\x9c|\x07@\xc5\x93\x9a\x8c&gt;\xf1\x1c\xff\xacH\x06U\xb9\x83jV\x8b\xb6{\x08*F\x95D\xe5\\\xeb\xceN\xd8\xb5\xa3\t\x93\xf0h{l)\x82y\xb3;\x00\xb1Q\x1a\'\xc7\xc6,2\n\x18\x9a\x94\xdf\x8d_1\xdc\xcb\xc1\x05fe\xa0\x03h\xc4\xd7/\x18\xe5\xf6o\xb2e!\xfa\xf1\xe2\xf2r\xa6\xe7\x89\x9f\xe8\xad\x89\x0b\xb74r\x1d@\xa3\x90\xc6\xdc9\n\x9c\x92\xf4\xd4x\nw\x8f1\xb5\xf2\xf7#\x18\x86\xe2\x89\xbd\xcf\x96\xaaR*\xf8\xf4!8^\xde\xec\xf9H\xc0\x94p\xfa&gt;\xf70\xb8\xf4-\xa3\xf1_3\xf7\x9a.\xf94L\x88\xb7Ih\x03\xf2w\xc5zjl\xd0&gt;\xc4{\xbc\x173\xd9\xbcP_O\x10\xe1Z#\xb1f\xe8\x7f\xb1\xb81\xe7A\xae\xfc\x8d\xfd\x93\r}\x8a8=\xea\x93\x13K+\xfb\xb9\xebE\x9f\xd4q\xdc\xca\x1eV\x0bw\xe3\xa5\x02Kf\x00s\x0c7\xfa\x90?\xa5\xb3\xfe+=R{\x0e\xa0lT\x87\x115\x1a\x99h4\xed\xb6\x03,\xa3\xb5(\xe3\xda\x10\xf8-C\xba\tI\x8azc"\x97]i\xbd\xdb+b\xf9\x96\xcaau\x00EB\xef\xce\x0f\xe7\x12\xecUO\n\xa6\xdb\xa6\xcf_w\xfd\xe9\x1f\xdf%(wf\xae&gt;`:\x82+o=F\xc9Z\xc17\xa7\xd6(\x7f\xea\x9fi\xce\x0e=u1JE\xa5\xa4/\xe9v\n\xf9\xae\x88\x18\x8f\x9c#\xfa\x9b\x93VD\x8b\xd2"\xc1Md\\?f\t\xec\xa1\xf6\xfa\xc0\xd1\xed\xb1\xa3\xc1w\xc50\xef\x00*Z&amp;\xd6^V.\x92\xbfn\xe1\xaf\x9f\x83K\xab\xf7^\x01gRZ\xcb\\\xe7\x99p\xfd}\x08\'CQ\xdcc_\x87:\xe79E\xec\x16\x03\x8a\xd4B\xeb\x9d\xc0\x15\xacZ\xaf\xb7\xb4&gt;\xff\xbd\x96a\x7f\x8e\xb1\xfc\x00aQ\x1d\x00\xd6\xbd\xe2\xea\xdc\xffa\x88\xea\x9cS\xb6C\xac\x9eN\xc7\xef\x94r\x9f\x89\x90\x11\xc6F\xff\xe1\xb5RYx9\xa3\xcd\xd1\xfb\x9e\xd7\xad\xfe@\xc1\xf4\'\xbb\xc8U=\x07\x1a\xee=Y\x1e7\xcay\x7f\xf2\xf9\xf2\xa0\xc0\tc\x19y\xb0/Q\xd5\x08\x8c\x87\xe8-Cs\x17\xf0\xb0R\xaf\xd6\xcbK\xec\x1c\x1em\xa9K\x1f\xdbR\xdd\x8f\xddc\x1e\x1a[\xacXo\xef\x98\xbah\xed\xecK\x85|+\xc8\xae\xea\xf0\x9d\xff\xa5\xeb\t\x14\xe2\xc7@\xbd6N\xde\x02{,\xa3\xcc\x12\x10\xbf\x8fZ\xd4\xce\xf9\x0e\x1c\xb7\x96\x8e\x9a+\xfa\xf4\xf0\xf2\xd7\x9a\xb9\x861\xc5%\xeaR\xfc\xf4\xbb=\xb1\xc8\xf8\xea\xc5;`\x11\xa6\x9bwv\xc0k\xf5\x9a\x0e\xe6\xb9o\xa5\'\xfb\x95WQ\x8d\xc1\xba\x97Z\x8b\xd0\x9eF\x99u\xdb\x81\x8a\x8d:\x9aU\xc1$jNF\xc1\xfa\xads\x1f\x98\xcaa\xec \x15\xd9\x84\xed/\xd5\x01\x08\nW\xf2-\xe2=^\xa3?\xbbb\x1dt\xbbf\xf0\x07\xfb\xae]\xfa\x9a\xec\x99\x1a\xac\x94\x17\x84_\x07R\xf5\xf5R\xf5\xce\xd8\xfb\xccOp\x074\xd5\x0ey\x9d\x8eg\xe8u\x00\xa5r\x1b5\xe1\x8e\xaa\x88h\xe8v.\x11\xbd{D\xa6~\x07\xd0\xb3\xec\x18\xc0\x1aa\xaf\x85\x19\xcf2T\xd0^\xc6V\t\x15\x11P\xbbb,\xb7\xc6\xc3Z\x99U%\x8b\xb0Y\x06t\x00\x82\xe8\x15Lo\xf8\x99\x1d\x1a\xcb\xe7\xc8O\xd9\xd7SDr\x8bo\x02\x17\x96fY\x96\xc4\xa6%\xe5\xe4\xb1\x9de\xf0\xa6\x1c\x7f\x002{\xe8\xc0\xee\xa7\xbb\xfb&amp;\xb0F\xd9\xb4\x9d&gt;vhb;\xe9\xa2\x90#?\xe5\x92\xeb\x9fr\x12b\x97\x07;TC\xae\x99\xed\xee\xf7_O\xa9\xae\x17%\xbb\xf79\x02\xea\xeb\xacVW\x14\x91\xe8\xdc\x0c\xe8\xef\x17]\xde}\x07\xe2\xee\xf5\xa8aR\x12z\xdaZ\xb5\x90\x81\xb5\xa6\x941\xb3\x9a\xc6\xccY9\xf3=\xba\xbcB2x\xd1\xe4\xe3\xe6\'\xfe\xaa%+\xfd;d\xb2\xab\xb9\xb6\xe3\x82\xcf\xb5\xd2-W\xb8e\xdd\xa4\xa8\x08\x19}\xcc\x92]6\x98\x91\xc7\x89\x86_\xac&amp;_\xa3\x03\xb8\n\xbc\xb6\xe1\x8a\\K\xd6Rn\xe7\x08\x17\xbe\xb8\xed\xf2:\x13\xd1\x08\xf3\x9er#\xfa\xaa\x92k\xbb\xeaz{\xc7\xcb/J\xf4\xd0\xc2\xb4\x02\xb2T\xef\x8e\xf4?y5:\x0f\xc0\xe3]m\x97\xcf\xd5\xbf\x92\xc7h]@\x0f\xfeB\xb3\x04\x833\t\xd9#6\x9c\x95\x15a\x06\x1at\xae\xc6_&gt;\xb9\xf6\xd6\x8eJ.nX-\xfd\xca\x89\xec\xb92\x97\x0f\xdc\x18\xd5\xceXJrLN\x8b|\xcb\xcew\xe7\xd61i\xd9~y\xd5U\xf3\x95\x93\xc7\xf0rM\xeaE6\x99\xa1\x03\x08\x1f6\xb9\xb1\x1b\xdc\xa1h\rC\xda\xb2\xaam\xb7Sv\x13u\xfa\xca\x10\xe5~\xd6\xb0Y\x9e\xf0\xb0WS\xf8,\\\x0f\xa4\xd8\xa4e\xc1\x93\x88\x8a\xce\xd7M\x00\xd3\n\xfbyS\xec\x16\xda\xe4~\xa6\xfaK\xa3\x15\xf0\xd9\xe3E\xd6\'[\xda\xc8\xd4\x958\x8b\xeem\x1d\xc0\xb4A\xa9z\xc1n\xd6\x02\xbf\x18\xa8&amp;U\xf6;-\xb8\xe7\x8fk\xb204|&amp;"\xfa\'=b\xfa\x0fi\n\x7f\x0e[\xbd\x92\xf8\xe1\xbf\xa53hVnPm\xfb\xf9\x9a\xf2\xb9\x13\xf4K\xe6^R\xec\xac\xf9\xbc\x86\x02~0\xca$\xb3W\xc5\xdaZQ\xdb\xc2\xf5G&amp;/\x1f\xd9\x018\x8c\xdar\x10\xd1\x7f\x9cgjy\xa2\x83W\x85gu\xaaY\x02\x05\x98\x13q\x83\x1d@\x87%\x11\xf5\x0e\xc6\x88UM(\x91d\x94\x86\x93n\x05wPll\xd9\xf31\xeb\x8f\xf7Q\xe4U\x18\x15\xaaZ\xc6\xe0\x02\xb9[m\xe0;,\rY=|w[\x17\xb9TIJ\xb1R\xd0\x0f\x1dlr\x15\xcb\xcc\xc7\xe2\xf0ir\x88\xfe\xd6\xcb\xda\xf3u\\\xe9N%5]\x14S\x86\xb6\xa3\xcc~\xb6\xac\xb1k\xb49\x83\x06/\xcb\x97\x8cV\x80I\xac\xc1thM\x9f\xe1\xdcoR\xcd\xe0\x15\xa89\x8d`\xa9\x03p~\x1f\x80\x0e D\xc1\x8d\xcde\xd3\xb8\x1b\xda\n\xcc\x85\xaa\x0b\xd2\xef\xd6\x94n\x84\x8af|\xcbHy\xd7\x0e\xa0t\x11\x8f\x9f\xf8\xb3\xd7K.\xa7\xe8\xee\nQ\xfb\x03r\xc0H\x86\x1e\xe8\x99\n\x8e\x81\x04\xedh\xa4&gt;\xee\xea\x1bE\x85*\xb5\xc1\\F\x9bK[ \x0e\xa7\x0f\x08\xed#6u\x1c\xe6\\N\xa4\x19\xdc\xb5%\xdd\xafP\xbf\xb5$qi\xf1\x89\xfeG\xe1\x15#\xb9\xa9\xcf\x82\x02*V\xb0\x89\xc2\x1dGP\x8a\x15\x1fK\xe8\x91\x8d\xdd\xf4\xed\xde\xad\xed\xb5\xb9\xcc\x82\xd9y\xa1\x94J\xf4\x95"b\xee\x8f\xb8\x07\xd0\xe5\x83\xb8\xfc\xddI\xb4\xdd\xb7\xc2\x19\xeb\x1a\x95\xb5\xa6HG\x98\xe9\xd3iz\xbcWrUB\xf5\xf5\xaa{9\xa7~\x89\xeb=J\xc1a-\xe7ZH\xa2\xc4\xcb\xa4o\x08\xa7\x96\x89H\xd6\x07\xc8m\x86\xd6i\x8c\xe4\x85\x92\x0e\xed\xbd\x94\n\x95\xc4\x1b#5G\xdbC4g\xa8\xc5\xf1\xa2\xf8K\xe1\x05\x89\xbc\xc7\x99O\xbe\xbb\xdb\xe4\x1b\xeb\xb3\xb9P\xf2\xcf\x9bAD\xeby\xa9\xc7g\xc6H\xcb\xe6\xc4\xa8\x85t\x8b\xb8\xfe\xdaj\x01\xa2\xb5\x11\xc6^\xaa\xde\x88\xa1`\xef\x9c\x8b\xc4\x816\xfb\xb5z\xa0o\xa2:Ak\x05^\xa5%\xd3g(\xeb\x00bV\x88\x99\xe6\xd1\xf1V\x99\xcf\x9f\xe7,^|\x0f\xcaY\x9c\x9b{\x18y,\xd5\xcc%a\xb0,\xcb\xb2|\xc1\xb2\xd0\x9b\x9f\xdf5F\xf7\x89\xba\x87\x96\x10\\]L\xbd\xf1\xb8\xc1\xbe9\xa6O\x91\r\x96\r\xff\xcfv\xdd\x1e\xd4\x1bm\xe8\xec\xeat\xdf,=\xbe\xdc\xd6\xe8/%\x92]\x16L/~\x15\xad\x8e\xd9\x84\x88\xe8\xcb\xe2?U\x95\xcb\xac5\x1e&gt;\xf3\x1d\x16#\x08\x87\xca\x1d\xbc\xea\xec\xac\xbawP\xa5\xfc\x94N\xb3\xe7\xa0\\\xac\xb0@\xbd\'$\xaf\xb5\\\xe4&amp;\xb2\xed\xad\xa8\xbe\xe72R\xbb+\xdbt\x8bt\xb9l\xea\xecS7\xa9m\xcc\xd1\x88Yh\x1b\xf0\x11\x11\xd1\'\xd4H\xd0,\x8b\xf5\xf0\xdfF\xac\\\xaa\xddj\x8a\xd8\x0c\xa0B\x0e\xf9\x9f\xa5\x0e\x9f\\\x8eL\xcd\xe2\x19\x82\xe3&gt;\x83\xcd\xe1\xd6\x8d4@QU\xc6F&lt;\xd1\xc6\xcf8)\xc7\x97\x96\xbf\xb0Kgf\xd0?\xb4f-\xe6\nZH\xc5\x8c8\xcd\x971\\\x84$z\x1dU\x8e\x03\xa5z]\xa7\xf7\x0f\xd0e]\xa2\x9b\x9f\x90son\x96\xf0i\xd94\x06{\x00\x1d\xeeP\xce\xeb@\xbbUB\xc9\x93\x03\xcas\xd3\x82&gt;5\xf4e\x9b\x8a\xdca\xa3%;\x00\xd0\xc8\xab\xcd\x11\x834\x1a@|h\xce\xce\xf8\xe7\xcfJd\x17\xf1\xd5u*\xe4\xc7F+P\x8aA\x1b\x9e\xd85\xb4\xaf\xea\x8d\xf9\x16\xef\xb3\xf1\x8a0\xae\x9e8\xa7ib\xe3\xacq\xdc\xae\xc0\xe9O\xfd\xc9\xef\x9e\x11G\x1f\xa6\xa8\x82)H\xb9\xfc=\x97\xdaK\x03\xa2\xec\xcf\x99\xb6\xed"\xe5\x95\x10=\xd1\xe0\x02y\xff\x06~Ee\xc8Q\x1aF\xb3\x81W\xebF\xb0\xd89\xd5\xf6\x96\xffy#\x82W6\xc7\xeas\xb9\xeb\x91^\xa9\x12\xf1\x0f\x08\x8f\xbbQs!\xa2\xf6{\x033y\xe8\x89.\xe7\xfe\xeb\x18[\xaf\x1e\xfc\xb1\xbf\xa3\x99\xb2\xb6\x862\x9d,\xba;\xae_\x84\xc6\x9dL\x11s\x04\x85\xac\xb2\xc5W\x99:\xb8\x92!o\xd5\xe7\xfe\xd1\xf0\xc2tE\xae\x9b\xaf\xdb)\xe3t\x06W%m\x8d7pD\xac}8\x11\xed}\x0f\x15&gt;\xabd\xbdRj\xd0\x17\x94\xb3}\xb9\xd0\xe5\xd92\xbb\xde\x15\n\xf4yX\xd2\xdc\xb71\xb3!g\xec\x191\xbd\x98\xa8\xd0\xe5q\xdf\xbdp\xc5\x1ab\xad\xb8\xd2ZH-\x01]\xef~\xde\xff\xf2\xbf\'\xc6\x80\xa1\xdd5\x8a\x16\xbe\x02\x17\xdfwP@[\x13\xb4_\xc0\xa5\xc1\x13\xe6\xad\xc2l\x9bl)\xd4\x1b\x1b\xae\x15\xc1`\xd8\x7f,\xab\x8eV#\x86\x86#g\xe5\xc52Mu\x00\xa7\xe4\xabY\x0f\xa1\x7f\xf</t>
        </is>
      </c>
      <c r="E163" t="inlineStr">
        <is>
          <t>&lt;class 'numpy.ndarray'&gt;</t>
        </is>
      </c>
    </row>
    <row r="164">
      <c r="A164" s="1" t="n">
        <v>162</v>
      </c>
      <c r="B164" t="inlineStr">
        <is>
          <t>steps_per_sec</t>
        </is>
      </c>
      <c r="C164" t="n">
        <v>2400</v>
      </c>
      <c r="D164" t="inlineStr">
        <is>
          <t>10.304028</t>
        </is>
      </c>
      <c r="E164" t="inlineStr">
        <is>
          <t>&lt;class 'numpy.ndarray'&gt;</t>
        </is>
      </c>
    </row>
    <row r="165">
      <c r="A165" s="1" t="n">
        <v>163</v>
      </c>
      <c r="B165" t="inlineStr">
        <is>
          <t>Loss/object_center</t>
        </is>
      </c>
      <c r="C165" t="n">
        <v>2400</v>
      </c>
      <c r="D165" t="inlineStr">
        <is>
          <t>0.32203764</t>
        </is>
      </c>
      <c r="E165" t="inlineStr">
        <is>
          <t>&lt;class 'numpy.ndarray'&gt;</t>
        </is>
      </c>
    </row>
    <row r="166">
      <c r="A166" s="1" t="n">
        <v>164</v>
      </c>
      <c r="B166" t="inlineStr">
        <is>
          <t>Loss/box/scale</t>
        </is>
      </c>
      <c r="C166" t="n">
        <v>2400</v>
      </c>
      <c r="D166" t="inlineStr">
        <is>
          <t>0.08122997</t>
        </is>
      </c>
      <c r="E166" t="inlineStr">
        <is>
          <t>&lt;class 'numpy.ndarray'&gt;</t>
        </is>
      </c>
    </row>
    <row r="167">
      <c r="A167" s="1" t="n">
        <v>165</v>
      </c>
      <c r="B167" t="inlineStr">
        <is>
          <t>Loss/box/offset</t>
        </is>
      </c>
      <c r="C167" t="n">
        <v>2400</v>
      </c>
      <c r="D167" t="inlineStr">
        <is>
          <t>0.16221786</t>
        </is>
      </c>
      <c r="E167" t="inlineStr">
        <is>
          <t>&lt;class 'numpy.ndarray'&gt;</t>
        </is>
      </c>
    </row>
    <row r="168">
      <c r="A168" s="1" t="n">
        <v>166</v>
      </c>
      <c r="B168" t="inlineStr">
        <is>
          <t>Loss/total_loss</t>
        </is>
      </c>
      <c r="C168" t="n">
        <v>2400</v>
      </c>
      <c r="D168" t="inlineStr">
        <is>
          <t>0.5654855</t>
        </is>
      </c>
      <c r="E168" t="inlineStr">
        <is>
          <t>&lt;class 'numpy.ndarray'&gt;</t>
        </is>
      </c>
    </row>
    <row r="169">
      <c r="A169" s="1" t="n">
        <v>167</v>
      </c>
      <c r="B169" t="inlineStr">
        <is>
          <t>learning_rate</t>
        </is>
      </c>
      <c r="C169" t="n">
        <v>2400</v>
      </c>
      <c r="D169" t="inlineStr">
        <is>
          <t>0.00061</t>
        </is>
      </c>
      <c r="E169" t="inlineStr">
        <is>
          <t>&lt;class 'numpy.ndarray'&gt;</t>
        </is>
      </c>
    </row>
    <row r="170">
      <c r="A170" s="1" t="n">
        <v>168</v>
      </c>
      <c r="B170" t="inlineStr">
        <is>
          <t>train_input_images</t>
        </is>
      </c>
      <c r="C170" t="n">
        <v>2400</v>
      </c>
      <c r="D170" t="inlineStr">
        <is>
          <t>[b'512' b'512'
 b'\x89PNG\r\n\x1a\n\x00\x00\x00\rIHDR\x00\x00\x02\x00\x00\x00\x02\x00\x08\x02\x00\x00\x00{\x1aC\xad\x00\x00 \x00IDATx\x9c\xed\xbdy\xd8}OR\x17\xd6gp\x82\nD  \xa0\x04\x90  \xb8!\x83\x03\x1aVEFP\x98aQq\x01q\t\x8b\xe8\x08"\x8b  \xa0\xc1\x91\x04\t\xa8\x08BFd\t&lt;\x880\x82\x1b\x08\x12\x17\xa2&lt;\x04\x88`|\x06\x10\x19dU\x08\xc8\xa6\x03C\xe5\x8f{O\x9f\xea\xae\xa5\xab\xaa\xfbl\xf7=\x9f\xe77\xdf9\xb7Ou\xd5\xa7\xab\xab\xab\xab\xcf\xb9\xef\xfb\xa6t\xe1\xc2\x85\x0b\x17.\xdc\x00\x00\x00\xd0\x14h\x8a\xf1}Sb{\xdd\xda\xb0^x}\x86I\xfe\x98\x9bo-\x00\x89e\x03\x1c\x94\x81\xb0\x02\xac\xceZ\xf9&lt;4L\x8cjKd\xf8\xc0Y\xb1;\x96vd\x8d\x8aw\xe5[\x929\xc9\x99\x16n\xbar;\x06\xaa\xda\xdd\xe8\x0e#Y\x13\xdbO\xcd\x839p\x7f\x18\xb2@#_\x98S\x84\x8f\x15VH\xd3\x90%y%9!*\xf9ZJ\xb2T\x00\xab\x90\xc6\x8f:\xce\x1f\xcb\x9d\xa3"@9Tc\xff{\x82~\xd6\x03\xba*\xcbl\x01\xbc\x06\xc8\xa3\x1b\x0e\xbb\x81=6\x85\x0b56\x08\x89~\x9c\x82\xe4A\x81\xb2\x9e&amp;\x93\xd3\x83\x94\x04%\xcd\x8c\x92\xf2\x06\x08\xf9ZW^\xb5W\xdd\xf1\xf5\x8f\x13\x01 zh\xf7\xe6\xb8\x16mX\xb3\x9c\xe2\x9b\x16Y\xf74\xf32\xbd\xb7\xcdR\xd8b\xab\xb8VuJ)%\x80g\xecg\xfa@\xb3pK&gt;oM\xdb\xf5\xe4uA\xc7\x92\xc5\x1ab\xee"\xd1!\xa9\xdf}\xa7F/6{\xa2\xa4\xfc\x05:1iWH$\xd7\x13\xcdK_ (\xb5\xf1\xca\x9b.\xbaIH\x92\xd5x\xef\x17\xe5X\xae\xe5\xf1x\xd8rB\xaf\xe0y(x\x93\xb8E\x9b&amp;0\xc4LK-\xa8\x86\x0cI\xb6\xb8f\xc5\xab\xa7@U\xa2/7\x80Z\x92r\x18\xb5\x8fJj\x1a\x93\xb2\xf7\x92\x1eN`\xe3\x11\x01\x00\xc0\x0fH&amp;\x01\x00\xe0\x7f\xdc\x92\xcf\xaa\x80\xf5\xdd\x0b\xc2\x0b?k\xf7\x91\\\x9e\x06\xd4\x9c\xd2x\x00\xd2\xd43\xf0%\x81\xd3.\xf30\xa4\xda\xee\xe0\xd3\xeb\xea\xd8E\xa6\xa8\xb8\xdf\x83\xaf\xfa\xb3Dn2Z\xc1\xf2F\xcf\x0fY\x99\x92\x92\x9f\xc9\x02\x9c\xcc\xee\xbb\xc8p\x8cr&amp;\x8a\x84~}O\x02\x01\xcf_\xae\x8dc\x83-}\x08,\x1c\xa1L\x85\x00\xfc\x93\x1c\xfc\x91\xa6r\x99\x00\xf3\xd8\x87\xd5F\xbbT\xdb\x82c\x0f(I\x96\xb6\xc4q\xf5\xa0\xed\x873l\x00\xc7\xe1\xf3\xf1[\x19:\xca\x80\x9f\x1e\x8e\x13l\x83\xa1\xa7E\xfdV\xaccX\xb22*\x9e\t\xa0\x96\x97$5C\xfe\'\xe9\x0b1\xa4\xc4\x8b\xe6\x007\xc3\xee\x11\x0f\xc2\xf5\x85\xa7\x8c+\x12FB)T\xf1sm\xb1\xbb-\xb1\x1a3\xc9Z/\x0fH\x85\xbe|\x1c\xc7Gy:\xecQ\x13\xecra\x14.\xd7\x0f\xc7\xf1\x8f\x92O\x17\xfd\x8f\x86\xd8G"\xd2C\x92\x98~\xbb*\x8b\x19\xc0\xafp\xc3\xb4l\x80oC\xd7\xff\xd1\xd97\xca\xce\xde\xedP\xeb0pJ\x1b\x8e\xbf\x7f0\x9f\\8\x0e\x1e60rB\xd4\x05\x94\xbb\xd5#\x0b\xf41HF\xe39\xe4\xad\xdd&amp;\x85\x1e\xc0{\xf5u\x1f\xcc\xd1\xf98\xeb\xa7\x06j;\x11\x1eu\\\xbb\xe3\xd4\x8e\x85#\xfdl\x84\x03\xfd\x0f\xe27\x1e\xb6\xf7\xb1{:y`)Xu\\\x03\x1fX]\xb0\xe0r\xeb\x85\xf5\xc0\xff\xd0 \x00L\xd3\xd4\\\xd2\x7f\rw\x19\xc7)\x88i\xd2\xef\x039XL\xad.\xfbb\x83\x07M\x11\x00\xfchJ\x7f\x874\xef\xe8\xccc\xfa\xc9\x0bv\x10\x00p\xe8\x18\xbd\xf0\x90XiE\r|\xa0?D\x7f\xe0\xd00\x96@S\x1b\xbc\xc5@}c\xf0\x18\xd9\xf6\x808\xc2\x9b\x8c\x0b\x17\xf2\xb7\xcb\x83}I\xcb\x80 6j8\xecjY\x95\x96Q\xf9\x96[\xddA\xa7\xe1$\xb8\xbc7\n\xc3+\xbc\xa7\x82m^u\xda\xe1\x9dD\x00\x80\xdf\xb4\x0e\x15?z\xa2\xd0\xfe\xdd$\xbde{l\xfffh\xff1_\xe8\xc3\x98\xafi\xc8\xe8W\xfeT\xe0~\x96\xb2\x12\x8fu\xccm\x1f\nl\xfcU-o&lt;\xd2\\\xfb\xfbW|\xbbI\xf9\xb5\x9cN\x80\xa79A\xc0\xfd\x0eJ\xdc\xf84\xdd\xd2\x8b\xe67,7\xc6\xbe_s\x8c\xe9\x7f\xb0\xc8{\xb0\xe1\\8;,\t\xfe\xda\x03(L\xbf:&lt;\x7f\xc1#{.\xfb\xf1k\xd1w?\x94\xc2s\xd0\xe1\xae_\x07\x8f\xfeo\xb0\xe8\x03\x9c\xa6\xa9\xf9%\xa5-\xb1\xe5\n\xb8V\x1b\x8b\xd8\x11\xed\xb0X\x83\xb0\xe7\xc7\x12\xef\x17\x93m%\x9f\xce\xbd\xe7\x009y\xadX\xa7\x1f\xeaP\x82\x07\xde\xff\x03\xd2\x17.\xa4\'\x1fE\xf6\xe1\xbb\xea\xfa\xeb\x10P\xc1\xfd\xc7\x83t\x0f\xe2\xb3\xc2\xf0/\x86c\x85\x8a\xf2\x1d\xbe\x90\x8e\x89mm{\x07\x1cp\xf5\x1cvI\xf7\x10;\xe8\x90\xd6A\xacv\x0c\xbb\xf7\xb0\x01st\xc0\xfck\x15.\xff\x1d\x16k\xcf\xcda\x7f\xba\xbd"uL\x92v\x9c\x9b}7,\xd3gy\xbb\x8b\x05\xae\xb7\xc1\x15"\x7f&gt;\xf4\xee;\xf9q\xffSp\xee\x91\xc78M\xeb~\xeb\xffH\xaf3\nT\xc4\x0e\xfe\x93\xde\x12\xb2\xb7wg\xbfo\x907\xa7\x8f\xee\xf7ly\xba\xef\x1b\xb8\x03\xe7\x89\x94b\x1b@\x03\x93\xf1M\xcc\t\xa0L\xdeq\xc6\xb8A\x80\xd1\xc1\x1eg\xf8\x19\x9d\xd9\xaa\xd9}\xb3\x1f\x8e\xb1\xfc\x16\x16;zTm6\xcbQ\x8a\xfc\xcfN\xe7\x04\xf4\x8bQk\xdai?;\xdeB)\xe0\xde\x00\x9a1q\x84\xf1\x8e\x9b\xe7\x83\xef\xdf)\t\x0e_o\xe9\xeeX\x15\xfe\xa0zw*\xbe\x90\xe6&amp;\xd9\xf6\xd8\x86\xbf\x96g\xe0\xf4yU\x99~\x16$FE\xc6J\x8e\xfd\xe9\x94\xd2\xde\xe7\x98\x0b\x17\x1e\n\xc7y\x84z\x10\x1a:\x8e\xcfP\xc2\xf1y\x83\x8a\xa6\xe4W\xf5\x98\xee\xa4~\x18\xb8\xb7\xde\xdb\tK\xba\x95\xe6\x03l%s\x9f\x8f\x03&gt;8x\x02\x80\xd1\x15\x96\x12\x03\xab\x82\xb5\xbb\x17\x19;6fh47&lt;*\xb6\x87\xb4\xb9\xb2\xc9\x87&gt;X;x\xd8l\x83\x91\xef\x00\xa6\xf9\xe9?\xfb\xc8\xf8q\xde\x0c\x9c\r\xc3\xdd\xfeDf\x92\xe6\x97X9\xefz6\xd5\x7fb0\xce\xceCN\xe17\x934s\xde\x13\xd8\t\x80\x7f0\xd8\xd7q\x8fI\xc9$\xa1n\xf7i8W@=\x85\x05\xd0?\xc6]|\xc4\xd2f\x9fk\xc5\xe8\x9dz\xe6\x8d\xe4\x95\xc7&gt;w\x01\xf4\xb3\x99\xb0\xd5\x03\xcc\x13-\xba\xae\x13@\xb8\x88\x18^AZ&amp;5\x97\x06S\xdd\xce)\x945\x9c\xabt\nW\xeb\x87\x8d\xe1Nb\xfc\xcc\xf6(\xe4B\x8f\rGK^\xb8\xcdW\xfd\xb0"k\xf0\x10\xb3\xcc\xfca\xdf\xa3\x8cJ\x11\xd3\xed\xbf\x9b\xba\xd6@\xdd\x85\xacd\xb4:\x85\xbc\x9aK\xebi\x01\xd0X\x9c\xc7\x0c\xb5\x0b,\x0e&gt;U\x07\x89%\xa5\xf0\x94\xe4W\xe5\xf3\x04\xa1\x9f\x00\x181Uf8\xbd\'\x87\x83\xf8\xf0\x9aK;\x96\x87cG\xfd\x11\xdf&amp;\xb6\xa4\x8dm\x9d\xd4]\x0f\t%\xbf\x1b7\tIm?\xb7\xc3\xc2\xf9\x1da\xe7\xf7\x19\x86|\xf9\xe7\xf8_\xf3x\x18\x8cu\xf5\x96\xdf3\xe9d~\xfb1\xa1+\xcc2\x8e\xb0\xe8\x02\x1cn\xf3(\xdd\xdd}D\xe7\x00x6=P\x7f\xc4\xee\xbe\xe7\xfe\xfd&gt;&gt;\xa1\x1dx\xf8\xbe\xfdcc\xd5\x1d\x0f\xaey\x7f:\xf0\xae\x85\r\xb0\x9e\xa1\xc7\x08\x80m\xde\xf4&gt;\t\xf4\xbep\x1b1\x07\xd2\x97%,2\xcd0x\n1\x02\x7f\xc3 s\xce\xe5\x12#\xbd\xf1X\x07\x9a;\xe7,]\xb8\xd0\x01\xe9\xa1\x9e\xa9\xef\xb6\x0f\xb5\x7f\xb2\xa3/\xfc\xd6a4.`\xd0\x00\xd8\xf8\xac\xf3x\x1b\xc0!H\\x\nP\xde\xea\x0c31J\xd1\xe1\xd1\xfa\x9a\xc4fD\x9e\x16\x0e\x92\xb5\x8f\x80\x80\'\xd6s\xde\x95C\x1a8B\xe0*\x1c\xf6\'\xc7\xe1\x00&gt;c\xa0?\n\xcb/r\x8e0\xe3\xc7\xc4\xe5\x97\xedq\xf3\xf9J19J\xebc\x06\x86=#4\xc7\x0f\x9f&gt;\x88\xd3a\x00\x00\xf0[\xe4\xbb\xc7\xd88\xd7\x03\xbcto\x06~&lt;\xf2|\\\xb8\xb0\x12\x1a\xdf\xed\x91\xe5\xc3\xbf"\xe21\xf0\xc0\xa5\xf4\xc3oo\x17\xecx\xee\xde\x04.\xac\x0b)\x91\xd1o\xd7\xd4\xdf\xc9Y\x9b\xd9j\x18\x92\xe0\x8e\xb0\x01\xbc\xc3V\x86\xd6\x18\xe7\xbb\xde4\xef\xea\xc2\xf3\xc6\xf0\xaa\xd8;\xae\xdd\xa0_\x17\\\xea\xd4\xd3\rf3\xe4\xa7o\xca\x06 }&lt;#\x86\xf3?\xb7;\x8e\x01\xf8\x9d{3\xe8\xc3\xd9c`\xc75\xbdv&gt;YC\xbf\xe5\x8b\xe9\x8f\x89\x07\xd8\x00\x9e&amp;\xaei\xbb\xb0\x1e\xe0}\xe5[\xeb\xffN\xec\xb1z\x02v\xaf\xb5uP\xf4\xcc\xcb5\xaf\xccw\xea\x9f\x92C\x9e\xd4`;\xb1\xf6\xb7\xb7\x8f\x8c\xebU\xd9qQ=\xbc\xda\x91\xc9\xa9\x81\xdf\xf3\x07\xdc\xb8\x8d\xe7\xaf\xd9\xd5\x91\xbf\xec\xe7\xec%\xaaZ\t1\xe5\xcawX\xfa\xe8tY\xbf\xb0\',\x93\x923Z\xe7\x04&gt;j\x04(o\xd5\xc6\x99\x18\xaboV\xbb\x8a\xd6\xb3\x028\x87X\xa6Rz/8\x82\x94\xc3b\xac\xd7\x96\xab\xf2A\x13@\x0b\xa7N|7\xeeC\x86pp?0\x0fs\xf4\x1f\xbb\x93\xea\xa9\x91\xa4\xbap\x1c&amp;G\x03\xbc\x98k\xe4vn\xefv\x1e\xf3y\xd5k\x83\x85r\xf0\xc5xt\x18\xeb\x82\x91\x7f_\xf8\x90pE\xd1\xe9b\xeez\xc3q\x01\xe0\x1fme\xe8\xfa.\xe6yp\xa5\x06#N\xed%\xfb,\x8f\x1df,\xb8\x1e\xf8K\x8ak@b\xbc\xfbXv\'0\x16\xa7\x1b\x8e\xe9/$\xdcF\xf5\xd4\xfe\x9cB\x9e\xcb\xd8\xc0o\xef\xd7\x02}a\xbf?;\xbc\xc1D\xe3\xd1A\xe9\x1f\xd8\xe4\x8f\x90d\x02C\xccI\x0b\xfe,\x8be\xc7`\xbbp\x04\x98\x1e\xdbL\xd3\x94\x03Z\xdf\xe2v\xd9\x00\x87\x17\xa4\xb7\x8biFL\xcf\xad\xdb\x0b\xa2\x1dwA\xcfx\xad&amp;\xe6\x0b\xf6\xebX\x1b\xc4O&amp;\xd09\xd2\xe6+\x93S\x14\x83\xa7\xcb\xfe\xd8\xa7\xf0\x9a-\xe1\xd0\xd7\x9c,:\xfbe\x0e\x02-\x00\xd8\xea`\x9b2\xcd\x85\xb5)\xb9\xea\xe2\xcai\x07t\x17\xc5\xf6$\xd9\xd3\xd5\x89\x0e\x9a\xf6\x15~\x8a\xe1\xdcp\x8aX=,\xf0\x89\xffD\x91\xac\x9e\x00\xb8(?\xe0\xa8V/Z\xa7i\x9a&amp;\xe3\x9a\'T\xc6s\x1b^_\x1cdN\x0fB\xa3\t\xdd\xfb\xd34%\xb2\xab\x9d\x02s\xf2j\xff\x01\xb9\xd3\x0ci\xc6\x06\x930\xa1\x00\xde\xe0$=\n\x03\xfe(\xfc\x13\x7f\x8cx\xf6\xbai/\xfe\xa3\xaa\xa4\xed\xc3\x8f\xcb\xe9\x13\xce\x8a\xd34\xdd\xea\xc1\xfcq#f+\x00 \x9d\x99\xfe&gt;8QJ\xf4}u\x93\r\xe5\xb3\x0c\xd5\x08o\xc9\xd6\\\xde\xf0&gt;\xeb\x12(\xfa\xfa\r\x9d:=\xa5\x83\x84\xdft\xff_\xcaO\x00\x8e\xf4\x03\xe7=__\xde :v\xf7\xcfp\x1c"&amp;m\x08}\xbfe\xf3\xa2 P\xa5\x1e\'\xbbu\x96\x03\xebU\x13\xfb\x9e]n\xd6\x01\xe06I\xf9\xe2\xe0\x10~H\xfcN]\xfa\x11\xf2\xe3\x8fl\xb3`8\xfb\x89YG\x8e\xea\xb3\x8c\xd1\xfd\xc3[\x00\xec\xcf\x90\x0b\xbf\xfb\xc9O\x88E\xc0\x9b\xc7\x99\x80m\xb2\x7fUE5\xab*\xe8p\x11?\xd7\xa1\x93S~Vz\x9a\x87\xa6rP\x8f\xf8\x05"\xfbc\xed\x01\x9cf\x9e\xcd\xa0\x91\x7f\xa21\xba7\x00\xf1\xfd\x86\x90\x00v\xfc&gt;\x9c\xfd\xcd\xed\xaa0z\x80\xfd\xb9\xfc\x04\xf6\xc4\xea\xcc\xbf\x1dK\x9d\x8d\xee\x13\x05}\x86\xd7\x03\x00\xcf\x14\xef\x00\xa4\xa9r\x02~\x15\xec\xa5\xb65\x96\x17\x98\xfb\xf28!\xf0\xa4\xe3o\x01\xa53\x94\x03\xed\r\xc0\xf8]Zv[\x98\xf6~!\x1e/r\xc7\xed[F\x0f\x082\xe2Y\xf2UL\xddU\x003L\xfa\x11\x1e\xa3\xb2e\x01\x18m\xf1i\xfaY]\xdbr\xfd\x0e\xd5\x0e{2\xff\x1d\xa1r\xf2b\x14g\xfcS)\xfa\x8fz4\xdbO\xb9\x9b\xe2\xedKr\xc1Y~\xce\xe5\xd4pd\xa6u9|\xc9\xfdz/\x0ek\xe8\xe4v&gt;\x8b\xb7A\xc6,0\x8b\x15\xc2+\x8ca\x1c\x98\xd3\xe7\x1eF\x8f\x00\xcc\x8a=\x94\xe76mo\x905\x9c\x00\xe5\x06\xb0/\x97\xb3\x15N\'\xc7)\xe3\xd5\x0f\xe5\x87x{6\x00\x9a\xed\xcf\x91\xfe\x05\x9c\x96\xf8`H&gt;\xb8y\x07\x9e\xbf%\x97\xf1\x18sF\x81\xed\x7f\x94\xd4F}{b\x17\x8e\x0ch}I\x03Z_\x1e\xb3$\xc5\xeaA\xf0\xb9"\x10\xa0\xe7\xfb\x01\x17\x18\x1c9\x0bY_\x02\xb3q\xbf\x148\xd3\xd4_,\xb8\xea\rc\xf6ws\xf0v\xd8\xbbj^\xd5\xf6y\xabW\t\xf8WZ\xb1\xa3+\x7f5\x05\xaf\xa3i\xa5\xd0|\xd4\x95/\xe1&lt;?\xc4za\x00\x1c\xdf\x02\xd2r\xc1\x884\xa1\xc7]\xc0\xc04M\xde#\x0e\xfeUe\xc6\xdc\xb7\xc1\xaf!\xd2\xac\xafg;W\xb2k\x9a\xd8\x19\xe5\xdc\x15\x8f\xf2\x85\xd4=\xe5\x9f\xf9\xb2\xe9?c.\x05\xf8j\xae1\xf2M\xb6sa%\xf6G\x8e\x82\x91\xcc\x9a\x8feN\xf4\x13\xd2\x1b\xa0\xf9\xb4!\xac\x96\xd5y\xe4s\xe8\xc6\x80\xfc\xa3\x8c\xc8\'\xf0r)\xfd\x1c\xfa\xfe\x86^\x8e\x98\x1f\x04]\xa8\xf0\xa8q\xf8\xa8\xe3r\x14\xf7\xfa\xaa\x00\xf8x\xbf\xe9\xddJ\x8a\x1dk\x99N\xcbv\xe6g\xaf\xd7\xc2\x90\x8ew\xca;[\xed+\x1f\xb0t&lt;\xf5[\xdf\x0bM&lt;\xb9\x99\xa5\xc3\x1d\xee\x81\'\xe7S\x151_`\x1f^\xeelBJ\xd3\xfa\x06\xd0\xa8oF\x12&lt;+\xd6p\xc2?\\A\xa7\x82+\x1d\x15\x18\xeb\x0e\xe5\xebw\xbb\xe0H\\\xba&lt;\xb3\xcd@\x0e5w\n\x84\x0c^\xcbT\x19\xbd\x9d\xe2\x9d\xb5\xfd\x8e\xde:\xcbL\x1d\x10M\xd7\xb1\xb7\x1f\xd6\xe1\xd5\xc0\xd6\x1b\xa5\xe0\xd6\xd5\xec\xc9F\xddJ\x0cZ\xde\xab\xd3\x84|q\xc1\x08\xb1\xae\xff\xf3\xdb\xad\xde\xd3\xcd\xda\xc3\xe65\x0e\xe51\xda7\xf0f\xe9\x10\xe4\xf4x\xc0\xdf\xb2\xb0\x0b\xaf\xc4\xa1!&amp;v\x1f\xc8e0\x1e\xfe\x01\xb4qlu\xe1bp\xcba\xfdv\xb4s\xf3\x13\x81\xeb[O\xd7\xf4\xf4b\xf7\x10\x87\x83\xcdb\xc0!\x9d\xd9\x7f\xf7)\xb0\x00\xd4\x8fb/\xe2\x19\xd7`W\xf5LS\xb5pvy\xef5\xc8&lt;&lt;\xea\xf8Q\xdf\x06izN\xb1ZN\r\xd8\xf8\xedO\x14\xf0C\xf3\xc5\x15\x12\x17\x1e\x17\xae\xe0\xde~)\x0c_}\x00?x\xadh\r7\xef\xd8\xabN\x8b\xe4{b\xf98\xb5\xdd0\xf8\x9d\xb9\xe3wAk\xf8B\xab\xb9\xad]~-\xb0\x0b:z\xbf\x12=\x88F\xad\x9691\xacci\x17\x18\x9f\xce\x9b\x9e\xab~h\xd1\xa5\x8b\xd6\x86\x80\x93\xcc\xe8\xf6\x1c\x8f6\x89+\xf1y\xdb\xe3\x8d\x14#\xf6M\x953\xe2\xc8\xb3\xf0\xa4\x01\xe6=\xa0\xe8\xf5\xe8\xaf(\x1f\x0c\\\xa5\xf3\'6\xe7\xb0\xb1\xc1c\x81\x7f\x01\x10\xeau\x01#\xec\xa0\'\xf4N~\x8da\xbab\xf7\xc8\x8e&gt;.\xb3n\x1c\xe4\xcb\xa6\x0f\xeca\x0b\x94\xe1\x03|q\xa3\xef\x81\x17\xceA\x10v\xd1\xe3\x17\xb1\xb1o\xda\r\xb3\xfe\xe0\xdem\xc0\xf4\xe53\xf5c\xb3\xfdh\xd8x\xc6\xbd\x15\xdc\xe8\xf7:g\x99\x96\x94\xf6c\xbb\x8b]\xfb\xbb\xcc\x81b\xa7\xc1.\xa3\t&lt;eb\x95\x8c\xe2s\xc1\x02\xaf\xbb\x8f\xff\xf2\xf9\n\xa1\x1b\xca\xd3\xf9\xba\x86\x0e\xebs\xdb\xcf\x94l\xc3eC\xe0\xd7\xb9Kc\xdf4\xf5|5\xfb\t\xe2,\x0f\x1fc\xe9\xf5\x0c#\xbb\x90\xd2&amp;\xb5 kB\xfds\xcc#\x8c\xe6\xaf5\xael\xe8\xe8\xb0{\xa0\xb3&gt;\xa7?\x94\x11\xd5\xf4\xf88\xd1s\x1e&lt;\x8d\xd7\x9c&gt;\x18\xd8\x9f\x99\xda\x85\xc9X\xacz\xe68\x99\x8b\x989\x96%\x8f|X\x1b\x82#\x8c\xee\xdd\x0f\x99\xe8-8it\x1c\x90\xb4\xeb\xfcw8\xf6\x1bb\xe0\xd8G\x85\xc1\x01\xc3iO\\\xce\xf0\xe2\xd4\x1e\x03x\xa5\xbd)\xdc\xf1\xd4\xd6\xe1\x13\x1bn\x04\x03^1\xda\xac\xf4\x988=\\\xc7\x84\xf5\\\xb5\xd7\x13\'\x97\x19\xf8\xb8=\xbf\x02\xf1\xd4#\xf5Qp[p\xdf\x1a\xea8\x9e\xcd\x81\x11{\r\xf9&gt;7aO\x973A\x1aRx\xa4M\x1f\x19KDE\x8f\xe1\xbd|\xc6O\xda\xac90\xeaw6l\x83\xd8\xcf\x16]8 \x8e\xf3\x80\xed 4\xb6\xc1Sx\xf4\xed\xf8\x05\x8a\xed\x9f\xed:\xc63\x00\xfb\x9c\xf5O\xecqB\x83&gt;;~\xf0\xc0=&lt;\xb6\xf4\xfe{leh\xed7\xa8\x1b\x87\xac\xe5\xe7U\x1f\x7f\x1d=\xc6\xd792s\xc7\x06Pv9\xcb\xc8\xd5\x9f\x1d=\xcf0V\xc67\xeeM`\xcb\x99\x90\xca\xb8U\x19\xd0X;W\xf0\x9d\x8b\xed\xd68\x9dw0\xe1\xe3\x93\x1f\xc20\xf6]\xbd\x81\xbe9\xc8\x8f,\x1c\x81C\x18\xf0\x11\xa1^$\xe0\xab=\xa0j\x89\xb9\xe88~\x1d\xfe4\x86\xbak\x94\xe6\xb3\xe2\xec\xcfC\x86\x06G0\xf4\xfb\xbfi\xe0\xd2\x90\xdf\xe8&gt;\xf9\xe0\xd5\xf0IN\xf9\xb1Y\xa6[\xc3\x10"\x8f\x80U\xc3\\W\xfe\xb4fa\xd4V{\x8a\xbc4\xfc\xd9O\x8f\xae@A\rO\xe41%\x81\xf9)\xdfZ\x9a7\xc0\x8eL\xbc\x86w.\xfe\x86(9\xcc\xbc\xef\x0c\xfb\x06\xd0\xda6\x8b\xdb=\xfe\x05\xf4\xef\xa2\x9c\xe8\x8b\x9es\xb7\x98x\xe3\xc3\x19\xc9\xf7^O\xc2\xa3\x97-\x8f\xba\\\x1fsT*\xa4\xb0\x7f\x82\xae\xd8\x14o.\xdf\x1aRT\xc2\x07t* \n\xf13\xbbAz\xd2\x1e\x89\xb2\xf5\x16w\xc8\xeb\x81_U\x0f3\xfa\xce\xa0G~KH\xcc\x8e\xc0y8\x87\xf5\x06\x15x\xda\xde\x19\xb4\xfbO\xcf\x855\xf0\xd6{\x13\x90\xb0\xe3\xfb\x9f\xa6-\xe3\x8f\x1a\x18\xbf\xbe\xd6\\\x99\xd2]P\xef\x1e\x01vn\r\x0f\x8c \xa3[\xdf\xfe\x19]\xc0\\W\x06\x17\xfa\xbejX\xa3\xc7\xca\xf6\x90\x88\x1c\x87\xe1x\x90\xaay~\xfd\x08 \xe5,6\xea\xc7\x94\xb7\xfd*V\x832\xc0\x1d7\x1e\tG\xe0\xc0\xe2Pob;\xad\x8f\xdd\x00\xb4\xe7\x84G\x9d\xcds!\xfc$\xf9\x11\xfc/\xbdT\x04\xe0\x1f+\xebO3\xacF\xfd_}1J\xea\xe9\x98o\xa7\xbb\x9d\xc7\\\xc0\xe2\xa1\xf02\xf5\xae\xf1\x80\xb2/\x9a\x87\x9e\x8dG0z\x03\xd8\xfc&lt;\xf1\x9c\xf9\xe2+\xb64+\xe2\xb0\x11xXb&gt;\xec\xbe\x95e\xeb\x9d$\x02_\xaa\xa1\xdd\x07:\xa2G\x9b\xfd\xf4\xb0\xea\xdc\xed\x1e\x1b\x15\x0eEF\xc2\xda$\xcf\xe0\x83^\x00|t\xf9\x11\xf2C\x88\xa2\xdd\xaa\xed\t\xb8\xac\x89\xc6\xc3\x8a-\xa9\x98\xd1\xe4U\xddv%\xacQ\xe5\xad\xaec\xd9\xde\xa4#H\x1f\x85j\x9f8\xe8D\xb60\x8a7\xdd8wx\xe7\xcf\xa5\xaaR\xe0\xe9\xfe\xcd\x8co\x0e\xf5:Z!\xf2\xa4\xb1\xe5Lx\'\xde.oyV\xbbA\xd8\x8d\xb5\xb06\xe1S\xac\xc1\xdd\x1f\xca\xb5\xab\x16\xee\x89\xab$\xb9\x12\xe7V\xe4\xafa\xd3\x87cf\xfcS&lt;\x145a\xafM\xd5b\xd7\x9e\xc4\xc32\x96\r\x80\xed\xf5\xbd\xd2\xad\x0fL\xaf\xeb\xd2\x85t\x86\xfa\xf1\xaa\xce\x12\x9dkPE\x87-\xed\xee\xbe8\xe0\x1c\x1d\x8b\xcd\x8c\x03:\n\xe3\xe0\xf4x`\xc2;n\x00\xecu!\xa3\n\x18\x99C)\xcc\x95]\xee\xec\x1f\xdb62\xbe\xd4n\xeb\xf6\xef?\xf7\xe9\xef\xa4W\xe1\xf7E;z\x0ea\x0ey\x9b\xc2\xb3\xad\xc9\x94R\xc8\x03\xa7\x18g\xcft\x9cu.\x9f,r\xc2\xa5\x8dZ\xaf@\xe8\xef\x1d\x18\x9d\xafv\x83\xdb\xdew\x9a\x9e-\xb8\x92\xe0J\t\x13\x00&gt;\xc3\xfc$d\x9b\xac\xbd\xfd\xde\xb0{\x94\xda\x01\xf0\xf2{Sh`\xbd\xc3\xe2\x85a\x88\xb9t\xcbuY\xbfy\xd3\x85\x07=\xa7\x1a\x02{fw\xb1\xa2\x1a!\xa5_\xee\xe4\xd6\x03\xefv\xc5\xb7\x9b\r\x1dv\xd9\x8f%\xb6\xd2\xa6&gt;\\\xe7\xb3\x86k\xb4!6\x96\xc3\x06O\x04[WC[\x1a\x1b\x04o\xb6X\xd5\xa572\xfc\xc9\x80J\xee\x1d\xa9\x1f\xb5\x87\xd1Cm\xd8\x07\xc1\x11\x82\xe1\xc2\xe1\x80S\x89\x94VV\xb4~\x8cobl\x03\xcf\xd3\xf0\xc6\xf7\x91\xc4[\xd5k\x95\xbb\xbc\x91`/\x1e\xf5\xe1\xf5J\xd8k\xec\x07Y\x0e\xfd\x18&gt;\x8c\x87\xf1\xcc\xd6\xa0\x8e\xf3&gt;|\x18J\'\xa8\x7f\xa5\xd7\x8f\xde\xca\x0bZ],o\x0e\x90\xf0va\r\xaf\xb9\xb2\xfeu\xd5\x9f\x0c\xe1\x8a\x1e\x00\x00\xbe\'\xd61\xd0+\x06\x10\xa6{\xf4\xf3\xb1\xef\xf0wy\x1aa\xd89NfK\xe8QWj\x06gU;\xbf`\x1c\xc4`\x1347\x00\xfbk\x80\xd5\x9fGm\xb6\xc1\x9cd\n\xb7{\x8f\x15\xdc\x00|?\x1e\xd1Y\xde\xd9(\xf5\xbe\xfb\xb9\x10\x84VNz\x1f|w\xdc= \xb6\x7ffj4\xb6&lt;\xb2\xdb\xf0\x9b3.\xec\xcego\xfb\x0b\xf0\xec\xe0g\xad\xb5\xd8\x86\x94ts\xff`\'\xbb+\x1a\xdd=\x1c\x8f\x8c\xfc\xc0\xa1\xf3\xc0\xd5~\xed\xf6\xb1\xbd\x1a\xb6\x07\xef\x93\xcd\xac\xcb\x1b3\xbe8\xa0\xdf\x0e\x8b\xcbS\x18\x96\xd2a\xf0#\x17\xf4\xef\x18\x85\xd7\x8c\xae\x8a+\xb9P4=\xe2u\x1a\xfb&lt;\xc7\x98\xdc\xdd\xb6\\\xd2\xc8J\xf5V#\xa4\xe6\x89\x02\xd0\x14\x17 b\xcb\xb5\xf9P\xde3\x17\xb1\xb3#\xc0\xeb\xc4-\xae\xc0g\x08X\xbbW\x9c\x07\xf14\x1d\xd7\x0e\xee\xaf\x97o1\x8fY}\xcf\xfa\xbd|\xc2\xe8\xa1\xe4\xb0\xb2\xaa\xf6\r\xc1\xa7\xfe\xbe\x99\xad\xf4\x0f\xe1y\x04&lt;\xd2X\x8e\x8e\xed\x0b\xba[\xb4\xef2\xc7\x03\x8d*\xaa\xc4\xaa\resM\xb3\xa0S\xea\xf6!\xb3K7\xc6\xb5H\x15T\xce\xa9v\xf1&lt;\x9b7\xb1!\x9b\xc0\x8eU\xf3p\x18\x07\xc2UK\x0f\xe2\x81\xed0\xdceM\x85\x8f\x11\xa9b\x96\xe7J\xf8|K\xdf6nw\xb5\r\xc0\xff\x9d\xda\xd3;\xfax0E8mi\xd5\xfb\xf4.\xa8\xef-\xc3\x8b\xa8\xac\xf9\xfeBL\xc9\xaa\x08o\x00\xd5-x\xbbQ\x8c.\x0c\x85\xf2\xf82\xf2\xb5\xe4E\x8fUl\xbd\x1d\x88]\xde\x16cJ~\x9f\xcfL\xee?\xc5\xb4\xea^kT^\xc9\xd0\x1e\x81]\xed,\x00\xf4\xed\xac\xf6\x06\xf0\xb9\xc56\x0f)\xfd\'\xf4\xda\x80\xaaM\xd1\xaf\xb5T\x1b\x8c.\xb3\x0b\x00&gt;\x7f \x81\x90\x8b\xbek\xb8\xce\xe3\xc2\xfe6)\xb0\xe0\xedvw\xc1Jq.\xa9\x8d\x85\xb5p&amp;\x18\xa3\'\x8c\xe0X\xf4\xc7_\xea\xdey\xd2\xb3#\xbb\x01\xe8\x87\x00\xd2\x1e\xb4\xdbl\x97\xae+J\x11\xf3\x95\x12\xf9#\xdf\xa5\xad\xd3\xf7\xd5\xc43F\xceF\xe0\'~\xb8\x15\xa3\xd8\x19\xe6\xc9zD\x1d\xad\x7f\x9b\x99\xda\xc5Da\x0e^\x01]\xef\xb0t\x9b\x16\xe1\xa5\xed\xa4\x9c3T3\xfb\xc3\xd2E\xda\x00\x00\xc6\xcd\xc2\xee+\xcc\xba|f\xb9\x9f\xed\xd3\xe3\xc2\xde\xbe\xd9\x03\x87\xca\xb9G\xe2"\xa2\xf3\x90\x14\xb6\x18P\x9e\xbb&lt;;\xda\xd1x\xcb\xfc\xfc-&gt;\x84\xed!&gt;\x7f\xf7d\x8a\xf6\x060\xb7\xb0\x0f|\xd21Vh\x8cAO\x91n\xd9\xfb\xaf\xd2~Etz\xd6\xdb\xfd\xd439\'\xe8\x9f\x08%8\x9f\x95\xb1\x92\x01\x1cs\xd1\r\xe74\xa4\xe8f\xb3?\xa0I\xc7[\x82t\x02pq\xf6\xd2\xd3\xbbwz\xc0\x98\xc4Ya\xc5\x1b\xd5\x03\xa5\x00+o\x97\xc7\xc03\xd8V\xc9\x1d\xd34\xf5\x18\xd3\xbbS\xa3S\xa7\xbd]1s\x7fE\xe3 \xf0\xf0-=f\xf9\xc9\x18\xbbk\xfbr=\xf5U\n\x90nq\x94Fs\x824@#\xc7j\xe2\x9a\xe1+\xd1u4C\xb1\x84\x15m\x95\xd3h\xf7N\x0fL\x93\xb8\xac\x17V\xa5\x80e\xe4\xb8\xc3\x11\xd2\xc6\x89w\x14\xe9X\xda\xa5S3\xf7\x8d\xd9\xee(s+\xa1\xf9\x96\xe9\x08\xefTo\x1d\x9f?\xd4\x9f@.\xa8E%M\xb7\xf5w\x8c4\xd6q\x03\x14\x0e!\xb7\xe8\t K\xe6\xcf\xf0\xfa\x89\x91\xb0\x13\x882\xef\x87D\xd7^\xfb\xe7\x8f\x1bL\xb1\xd7\x88\xebm\xf3)\xb1\x1cK71\xb4\xb2\x91\xed\xc0\x9cXM\xbd\x84vN\xbf\x89\x86EH$#?\xe8o\xdd\xb54J\xa9\xd0L\xf0\xde\xab\xba\x18\x85Q\xf1\xa8\xef\x88\xcc\x06\xc0\x85Mu\xd7\x9b=\x1dl\xb9\xbe\x1b%\xdfFu\x18\xdd\xfdt\xa3\x8f\x94t\xd6@\xd3\xe9X\xa0+\xdd\xa8w\xc3\x7fm\xbcit\xbd\x00\xa8Wr\xc8\xd06\xbb/oZ\xb9\xf5\xd1\xab\xfc\x9d\x8d\xfb`C_g:\xcbBf\xf7r\xba\x01,\xe7\x80\xe2\xe7\x84C\x16\xcd\xdb\x86\x05/\x92\xac\x84\xb4\xe1\xfd\xdb2\xc2\xbc\x1d\xb2J\xec\xe6\x02}\x9f(\x8c\x1b\x00\x9cs/]\xa9\xac\xe0m\xc5z\xe1\xfdu\x1d\xa6l\xed\x99l\x13\xbaRQ\xb6Y\xaf-\x81\xe7\x91\xbd\xab\xc3j\xc5L\xe6\xfep\x89\xb0\xda\xcc\x93$\xb6y\xb7T\xd7c\xe9)\xda\xcc\x9e\x1c\xc5\xe5x\xc8\xe5\x98\xed\xf1\xc5\x8a\xa5\xf4viz\x05+\x96s\x06\xfc\x9c\xc8\xc7\xb22W:%4\x9dat\x97\xcb\xab|"P\xe4\xfd&amp;\x8e\x83%\x11\xab{\x80\xdc\x9dU\xd8\xe5mZ\x074\x8d\x06\xa0\x0f\x8c\x7f\x8a\xb8\xd5\x1c\x9f4\x96\xc6#P\x80(\xaa\xfai\x0c\xd1\xd6\xb4\xd54\xe1\xadDL\x1b\x80\xecd\x80\x97\xa3\xf4\\\x1a\xe4..\xf1.\xb8\x9e\xb6\x05x\x1d\xb0&gt;\xa83\xa9Q\x0c\xad\xb9\xce\x85\xe7\xea;p\xb1\x1b\xcdq\x04\x9e\xe5\xeab3\x14\xe84\x98\xc3Y\x81\xb2\xe1\xfd#\xc0\x07\x06U=\xd3#\x1c\xb3\xb1\x02F\xad\x87\xceJ\x19\xd6y]\xa1\xe8\xdb+\xd0\xf5\x1c\xa4\xdc\xb5\xd3\xedJ\xa9\x9ey\xfc\x836I\xc7\xbeX&gt;\xb4\x89qS\x98\xf8\xbb\xf4\x18\x1c\x00l\xffi\xa5\xe6m\xf0i\xf2Y\xcc\xab\xaay\xd2,o}\x82W\x7f\'\xf6\x8d\x9e\x9eM\xc6\xe5XE\xb2y\xf0\xb7\x98\x1e\x02]-\x9f\xfd\xcd\xdf\xc6\xdb\xac\xbc\xbd\xcd\xa9\xe1\xe4\xf7\x12\xbc\x07(\x87\xcb!G\x01m\x07\xbd\x12h\x0b\x1b\x1d\x8e\x0e\x056b\xd6;+\xaeQ\xe7n\t\xef\xa1{\rs\x8eZ\xb8\xef\xa9\xdaf\x1350\xd2\xc6R\xd6O*v%\xcd\xddw\xd8\xf0\xe5\xe7&lt;\xf03\x83l\x188\xb8\xdawA\xf3y\xdd\xa1\xd8\xae\x05\x90C\xd9\xb2\x05x}\xb4\xda\xb6\xc2\xd9\x8a&gt;h&gt;\xf2\xc4{\x07\xb5\xd9\x06\x90\x0b\xdbQ\x0fj\xb6\x9f\x051mqT{\xe8\r\x8c1\xef\xca\xa5g\x11\xa3\xfeC-\n0\x7fo\xa5\xdf\xca\xe3\xc3\x18\x8el\xe5\xeeM\xe8\xca~s\xa1\x89\xcak\x96\xe4\x0e\xf0\xbc\xa6\x8cbB\x92a\x13b\xcf\xcc\x8e\xe2\xa6\x9ah\xbd~x\xc7\xc6\x0f?7I\xe6]\xb0)\xc6.\xa5\xa6f{;/L6\x80\xe6\xb8\x14\xed\xdb\xec\r\x9d\x15\x8c\xd3\xd6\xaa\xea\x8f\n\xfb\xd2\xf5F\xe1f\x13\xc6\xd2\x7f\x8c\x9dF\xaa\xe3,b\x89\xab\xf8t\x97H/\x84*WJ\xa5\x80\xa6ZE\xffL\xf5\xcf\xf4\x90h\xf1\xae\xa3f\x12\x1e\x1b\xc2\xd4\xb4\xb7W\x92\x82\xe4\xafk\xdd\xd1R\x95\xc5,TT\x88\xab\xa0[\xf3#\x83\xd6\x05\xa2\xa4u\x9f\x10\xe5\xa5\xfc\xa2\xdc\xb5`\xcbL\x0f_&lt;[\xdcow\xb9Y6\x9a\xcfe\xa9\xbd\xcanV\xa3\xc64g\xf4\xd0\x10?\xee5\x19\xf6\xfaI\xe9\xde\x16\x8biw\x9a\xb6\xee\x07\\K\xec\x18\x11\xb0uow\x1e}\xb4\xbb\xd7\xfeP\x1f\x0cUI\xbfr\xd1\x16+\xb0%\xe2\xebv,\x8f\x00\x81\xc0D\xcc\x1d\x9b\x0f\xe2\x06\xae.Il\xfd\xd3\xe1\x98r\xbe\xa9\xe7\xeeO\x97\xda\x9e\xbb\xcegG\xbaLu \x08h\xc6\xc2\x80\xb2\x07v\xdcJ\xbb\x97v\xd7\xfc\xec\x08\xdea$\xab\x13cT:\xb0\x18\xda\xb8v\xce\x16\x9b\x86wO\xeb:\xfa\xfd\xa6Wj)T\xcf\x1a\xbb@\xb9\xd3\xaf\x1a\x03=\xba\x97\xb4e&gt;\xe8\xc4\x8d\xc9\xd6\x8d2\x8d\xf3z\xbe\x98\xdf\x9aJ%?;\xd8\xc0R\x85\x12:yJ\xc3e(|\xd7%\xb6q\xb2\xda\x1a8\x02\xa4[\xaf9\xd2\\p\x03\x185\r\xbbOg8\xc3\xa6QUm\xa9\x99\xdar+4\x8c\x88\nl&lt;\x0f\xf6\x8c\xe0\xf5v=\xae\x00\xb9\x15\x90\xc7\xe1\x8e\xb6q\xd6i\xa3[\xc98Jah\xbb\xd9C\x02W@\xe3\x95\x9fa\x03\x08\xdb\xbau|/\xf5\xae\xb1XF\xbd\xdc\x1e\xb3\x0b\xb3\xab\xf4\x8d\xed\x96\xe6.\xde\x19\xfdd\xa7\t\x176^\xaa\xfan\xb1K\xde\xa8R\x16}\xf8V\x9d\x0c\x06XT\xc9\x04uz\xc2x\xfe;#\x9b\x02\x00\xe0}N\xfe\n\xc1t\xe4\x8c\xbd)\xda/\xcb#\x85\xa4\xc5\xccd\x052|-A\xdd\x1b\xa8\x9e\x94\x04$\xdf\x12\xe4[\x86\x8eS\x0c\x1d\x85\x87\x80Q\xbe\x02\xf8\xbd&amp;1\xd9nu\xec\xc3w\xebhDO\xf3UJ\xe3W\xc70U\xa3\x14\x1d\xc6\xd0\xe1`\x99\xac\xc8\x06\x10\xe1\xe2\xe0\x00\xe0\xf8\xd5"v2\xc6\x81\xce\xa5\xe2\xb3\x97\xd2\x0c\x15\x8f\x80&gt;\x02\xbc\xc8k=\xb4\x01\x98\x1et\x90|1\xfe\x89\xc7\xaa;\xca\xf6\x07\x02\xaf\xc5\xe1\xa5R\x8e(\x96\x12\xb3=\xf8\xe7t\x8dZ\xad\x7f=\x02\x00\xbc`\xad\x19?N\xdd\xf3 \x08\xe4,\xbf\t\xab\xd1\r\xc0\xd6\xf5y\xb0\xdf\xed|=\x80\xce\x13\x8dG\x10\xa6d\xe1\xf4J\xf8Q^\x0f\xa8\xb1Q\xe7W\xab\xcfgamG\\\xe9\xe0H\x1ac\xaa\x86PJ\xc6\'\x99H\xa6(\xbc&gt;s\xe5-\x7f\x94\x1e\xd7s\xd7{\x97A\xb6\xb7\xc7\x83\xedo\xab\xa6\'!\x89\x88\xd3\xaf0\xb9\xd7\xef\xde\xeco\xde\x00\xf4[a\xb8\xd8\x8e5\xea\xee\xa5)\\4[T\xfd\xad\xb9\x97\xb2\x01\x04hx\xfbv\xa9\xc2\xcc[a\xd3,\x1d\x9a\x0f3M4\x84\xd5D\xbb\xfc\xf1\xaae\x96\\5\n\x1f*-*\xd8~1oi\xae\x1f\xe5#\x9a6\xf9*E\xfe\xed\xe2Vo\x02\x9d{\xff\x92\xaaE\x10\x8e\x19\x89\xb0\xda\xc8\xd2 \xbb\xc6\xc3\xc1R\xc6\xda\x1e\x9a\xad\x8a\x1e\xeb\x00\x00\xf0F\xe8#\xbd\x08\xc6\xe4\xb3\xc3\x9c\x04\x98N\x18HR\x7f\x10j\xd1\x83MS2\xf8\xe37\xb5\xe4\x1f\x01\xfa#\xb9H!v\x80\xc5\xb3\x12\xd4\x1as\xc9\x1d\xc53\xd9\xee\xca\x82\x16_v\xdf&gt;\xd8,\xac=\x9cj\x03\xe8\xd1\xf0\xc0h\xe6\xcdT\xae\x82\xa5E}G\xd50jSe\xc1\xb2\x0b\xfe\x1d\xf1\x96\x9d\xd8)\x01\xa5\x13\xf5\x94\x9d\xe5\\\xee\xb0\xcc\xf7\xf6\xde]oF\x0f\x1b+\x87"v(2^4\x9f\x934e\ny\xd41\x9c\xcf\xb0\x92\x90\x82\xb5@\xc7\xa4U\x99!\x85\xabbcs;`\x83\x11z\xf5\x0f\xafm\xe9\xc3\xfa\x8f\xb1?\xc9}\xec\xe9\xbf\xe0\x04\x10P\x81\x14\n\x1b)\xec\x8di\xd1kN\xd3&amp;[)\x1e\xc2XT\xadpH\x05\xf8\r\xb7\x8b\xcf\x99\xdf\x07\x14\xc7n\x1b5\xd4\x057\x1a)&lt;\x04\x94 \x8ei\xebW2\xabr\x1f\x06CV\x8a\xb7R=\xc7\xd2\xddQ\xf1\x9fg\xf5-p\xcb.\xac\xb67\x1a\x86\x9dk\xe5j\xe5n\'\raZ\x19\xebR\xbbfHx\x13\xab$\x85\xdc,\xed|J\xa3\x9egbY\x88\x0e_\xd1\x02\xe4\x82\n\x9c+b\xbb00\xf5\x1f\x13o=_HC\x0c\xac\x19;\\\x9bkx"\x94=,\xa0\xb3\xdf\x01\x87\r\xa7%Slm\xf7\xd7V\x1c\\.j\nW\x02\xd2~\x90R\xf1\xfa\x94\x15\xc8bR\xdc6#\x8a\xed\xabPb\xfbJCc[,\xb78a\xa3X{\x05\x1d6\xe0\xdb\x08\x84c\xd1}\xfe\xef\x02\xbb\\h@K}\x13\x99\x85/\xf4\x98\xaeh\xd8\xe5w\x84\xf2\x84\x81\xbd&gt;/,Y\xcc&gt;j\x9a\xbb\x8d^\x82\xf9\xdf\x9c\x9f\x95h1\x86.KO\xdcW\x0c\xb5\x10\x00\xc0{4\x04\xbc\x94\x02\xf0&gt;\xe3zLd/(\x02\xcaV\xef67lo\xdfz\xd2\xf4cc\xcf\xfe\xdaT\xa2\x14q\xe7\x02\xfb\xd0C\xca#\xa4\xc5f\xc2\x9c(\x87\xc4\x8f\x92\xd3\xa9~W\xccj\x89\xbb\xf5\x80\x05\'\xe8f~c7*KB\xe0\x07\xd8\xed\xd6\xac[J;\x98\x89\xf2\xf1\x82\x03\xb4\xd6\xa8\\o\xc9S\xdd\x1c|\xbf\xa1a\xc7m{YZ\x1d\xdd\xf5\xf6\xc0Zj\xca\xaf\xe7\xafV\x8aqk[{r\x8fS\xf2)\x87$\xf6\xd6\\\xd4\xf3\t\x11\xafb\xfb\x06Po]:\xe1\xacy\xe6\x13\x80\xb0\x83\x94w\x89\x00\xd9b7\x9d\xc5\xe3\xc4L/\xc4\x8a\x12~\x9d.`R\xce\x99\x8b\xa9:,\x84\xf8\xdc\x07\x00\x00\xf0y9/\x1c\x10\x01R\x03G\xe2U\x04)\xc1\xc7\xa8\x02x\x9f\x9e[b\xbe\xd7\x8f\x95\xd4n.\x92p\n\xae\xc8\xd0^\x16\xcdF\x0e\x95\xbc\x8b\xbf]yc\x07jv?\xe62\xd8\x0b454]\xa48\xb1sz\xec\xd8r\x167\xb0\x04?"\xb4\xf7\x1f\x99;\xfb?\n\x9a~hzz\xc9\xe6-\xb1\xf5\x92\x0c\xad-h!\xbf\xcb\x8c\xb3\x07\x05\xe9,\x12\xd0\xb6\xb4G\xb9\xf5\xcf\xc9\xc3\xee\x1cyX\xf3\x849\xba\x84m!\x8b\xce\x87\xfbQ\xd3k\xa0Un\x98\xf5\x18^\x12\x0eD\xf0\xd9\xd4\xfa]h\x12\x19B#\x85\x1evK\x02c\xa7FQ&amp;%A\xfa\xd1wP`\x1b\xfb\x06\xc5j\x90\xb6\xab\x98\xb6J\xc0\xd5\xbe\x08p\xf2\x96^\x87J;k\x81\x0f\xb85M\xact"\xdbl\xb6\x00\xbe\xbc\xab\xfb\xa2\xc7p\x12g\xac\xb7\xd7I\xcc\xbdG&gt;)gb\x9f\xb5\x93]\xe1\xee\x8a{\xf6.\xd3\x01\x08\x03\xb5Y$cw\x81\x88\xd9\xf7\x9b\x18\x99s\xc3\xb1\x1b\xafM\xe5$\xa8"l\x83\xb8\xa9\xaa\xce-\xa7\xc2^\x11\xafm\x8e\xad\xda\xd2P\x9fT\x8f@v\xef\x12a\x00\x00 \x00IDAT\x05\x99\xb6CV\x9a\xa0!\xe59q\xa3\xad\xd7\xa0=\xc0\xaeD?4\xcc\x93\xfeEJ_\x17k}\xe7~\xf0\xe4g\x89{|\x0b\xdeF\xbb\x1b\xe4\xd0\xd3y?H\xb4\xab\xf44\xca\xc4\xc8b\xac\x03%\xa5\xddh\xdc\tt\x07\x8f\xcb\x9dv\xe1\xbdg\xa9FE\x07\xa7&lt;x5\xdc\xbe\xc4\x170\xc9\xd4\xb7/V\x1d\\\xde\xd37\x00I\x13p\xdd\x15\xc9J\xadLFWvZ\xb0\x8f\xe3%\xf7Y" \xe6\xaa\xc6\x0b\xe7\xf3\xec\x10\xd8{+\xe5\xea\r\xb6\x80\x95r\xa2\xdeq\x97E\x06\xc7\xcb\xd4\xc31G\xa3Q\x0c\xf2\xde`\xcc\xfe\xba\xcehB`z\xa2$\x13\xaf&lt;,|\x8c\xb4O\x177\xcf\xa0M\x13\xbaV\x16\xa4}"\xa7ij\x0b1(mU:K\x9eE\xb7C\xae\xde\x9b\x13XWp\xb5\x8c\xfa\xb8\x93t\x89z\xd8\x81\x9b\t\xa3kc|\xf8\nC\xef\x120\xd32:\x85\xf9;%c\xab\x89\xd1\xe6\xc9\xc8\xf8vs\x949h\xa7I\n\xe0\xd7f\x99\x1897\xc5\xd8\x9e\xd2\x8d@8\xdc\x96\x92e\xba\x8d!\xb1\xfa:\xdc\x1eJlU\x11\\v\xd1\x14r\x8d#\x9e\x8d\x84\xc2\xca(\xdfC\xcf\xdb\xb7\xbd\x8c\x85\x81\x1es\xf3[\x0f\x07\x19\xef\x10\x1aYE Z|\x99\xf7~\xf1.\xd8\x96\xb1\xaf\x81IS\x8dc\x9f0\x12\x88o\x9e\x1e[\xb7\x16\xe3\x01\xf1 \x91\x19\x07\x00\x00\xbc\xa9K\x9e\xbd\xd6%\x8d]\x8c\x04z\xca(\x8b\xf254\xbb8tvW4\xf4*\xb7\x11\x18et\xf7\xb9\xa8p\xf3\xec@V\x96\x15\x14K\xa0U\x18T\xbbNg\x90\xb8\xca\xff\xfe4\x8a6\xb3\xc1\x8b\x9f\xd5\xe3R\x1f\x9e\xa3\xa3\xa0\xc7\x9f\x81n\xd5\xfeq\x16\xc7m\xcc\xb2\x7f\x0fX\xae\xcb[/\x1d\xc1\'|\xd0\xf1\x1e\xc2\x86\x94\x0b\xc6\xc6~\xb5\xfdP\xfc&lt;\xd6\x1e^z\xf4\xdarL7\xa5u\xdb\x1a\xd7\xc5\nz\x9b\xa4Z\xb6\x82\x19\xe2\x90ca\xd5RZ1Z\x11\xd8\xd2\xba\x82fMd*~\x17y\xfe\xa4\xaf\xa76\\\x9d\xdd\x8bM\x83Q#\xa5\xca\x90\xcb\xf1\x00\x00?_\x90\xe4\x14\xb6\x93W\xa0\xb6\xea\x14\xab\xb2\x9b\xc2\xd0\x9b\\,i"\x1c\xddl\xbf713\xf1\xd9\xe2\xe6N\x99\xe5|\xaf\x19D\xae\x0cc\x7f\xa6d\xd16\x10\xf61\xfc\xeb\xd5\xb9\x0c\x05;.v\xf3\x97$cF\x97\xeb2D\xc6Nm R\xf4\r`\x94\xaa,\x00\xe5\xc7\x94\xd2W\xe9]B\x94$\xa1\xd8\x88\x94&gt;\xca2\t\xcc\xac\xbdK\xc7\x06\xf0&gt;m\xe5F\x12\xa3s\xd3(U\xcb\xe2r\x1ae\xed\xbb\xc6\x98\xf7\xd4\x1dK\xbc{\x15e{jm9\xf7&lt;\x14\xaa\xb5\xa1\x8c}\x9b\x8d\xd7\xb1\xd8,2\xf2\xca\xdf\x00\x9d\xd9y_\x88y|\xbc\xa17\xb0\x89\x1d\xd3O\x87\x03=2ZN?\xf4\xa3\xd7(\xa3\xb0U \xd2\xeag\x14\xf4\x85Oyf\xfcn\xb3\xf2\x07\tH\\w\x17\x95\xf8,\xf0\x1c$\x96\x0c\xeb_\x9a\xd4\xb0\xb7\x00\xbe\xb5+4!_t\xcd\xd9\xc1\xe7{8=I\x1f\x8d\xfeN\xc3G[K:\x1f\x94V\xdaJ\xecC\x0b\x1c\x7f\xab\x92V\x99\x91a\'\t\xb3\xe65\xe6\x94\x94\xaa\xed3\x9fq\x02\xbcl\xf3)\xe1\xcf\xe0\xd3\xd5\xc3\xec\nl,\xee;,\xbbW\xbd\x87\xdc\x81\xa8\xb4n\x13\nc\xcf7T\x87\xdd\x9f\xb7\xe8\xff\xbb#\xc8\x00|\x01k\x05\xed\xe5\x9f\xd9\xa3\xbfM\x00\x19\xad\xda\x8d\x0e\x0fd\x7f\xd7-V\x7f,\x01Iuz\xb6P\'}\xf5\xe3@T\x83q%\xfd\xdc"I\xb6L\xbb\x98\x9a\xe8\x9d\x06c\x07\x12\xf6\x0b-ph4D\xc2}\x85I\xc2*=\x95G\xc0\xd0\xb3\xca\x8f&amp;+\xac\x84\xf4\x9a\'\xc2j!\x13\xe8]PRh\xec\xb2\xba\xaaT\x02\x1e\x1a\xb9\xcb\x10\x02\x9d\x08\xa7\xc2!]\x96\xbeD\x95\xa2\xcb\xbb\x88\xec[\xf2z\xb1t\xeem@\xc8\x14\x83\x9f\xcd\xd9%\xed\x95\xd1z9\xb7\x89\xb5CJ7m\xb4+\xa5T\xa5}\x9b\x01\x91y\x8c\xf4Z\x15\xf0y]\xd9\x93\xba\xd2\xe5\\\xfb\x128&gt;^\xcd\xfd\x8c\xab\xf1\x1c\xa2Y\xe9Kj\xe5[y\x87\xb0\xebc\xf8&lt;\x0e\x06g\xff\x979\xbe\x03\x1eHB\xbb\xec\x01:U}\x01w\x15S\xf1\xe3\xad\xc3\xb0\xfe&amp;\xc0\xa6\x03\xf5\x8a\x9a\xb3\xdc\xdd\x1e.\x17\x00\x00\xc0\xebD\xac\xb8\x84]\x94\x0c\x0b\x8d=\xf4\xe8g5\xbb\xaaf\x14\xe9\xdac\xcbG\xb1iY;\x01\x8b\xe7\xc3\xcdG\x96L10\x0b`U\xd9\xbaW\xf9\xf6\xd0O\x00\xfa\xde\x00-\xb1\x88{mei\xa7Z\xf6\t\x92\xd6\x1d\xfd\xbb\x01\xbc\x86\x1ai(T\xe9\xd3\xee\xbb\xc4\xb3\xb5 \xf0\x84\xcd\xed\xff\xfe\x83yD\xf2\x92\xff\xcb\x96\xee\xc3\x81\xc7\xab\x1f\x08\x94\x8e\x8f\x8c\xaa4\x10\xe7/\xbe\t[d\xdc\xaa\xf1J\xd3\xbfM\xbf=\xe8`\xaa\xbc\xc0\x8e\x97\r\xb8\xc6\x99\x833\xd1\x0f\xba\x01\xd8\x85\xd7\xc3f\x8bQ\xab\x91\x11\xbc}\x83d\x04\x0e\xac\xf0_/;\x96e\xd6\x1cxx\xb1\xdbB+\xb5|"\xb2\xf7@\xaf\xab _\xafS*\x01Y\xa4O\x08U\x1c\xac4\xfef\xe5\xe5+3\xe7\x0eJ\x9f*?\xc2\xa0/\xae\x0cD\xe6\xf1\x15xD\xc0\xcb0\xddm!\xdb9^\x00\xf8\xde\xd5\x94\xb7\xad\xafvZ\xef\xec\x05\x1f+\xca|R@\xaf\xcd(\xfd\xc8\x8eA_M\xcd\xee1\x00\xfa\xcd\xd2\xce\x8eu\x18\xd7\xe3E\x92\xde\xf3\xa8b\x8e\xb6o\xb6\xaf?!\xa0I\xdd\x99\xc6\xaa\xb3\x08\xf0\xce\xdd\x1a\xee\xd9\x1f\xfe\xbdv\x0e\xab\xbaX5\x0f\xafL\xe7\xf3\xe2\n\x9aEs\xeb\xa1G}\xbf{\xa5$\x8e\xae\x8b\x1fZ\x82\xf5\xe3\xd9\x08R;\xb2\x8d\x03x\xfe\x086*\x91i&lt;\xe4\t\x86+=6y5&lt;\tH\x11iOR}\xd6\x99*i\x9b\x93M\xa2\x11\xdf\xa7j\xb8\xf0\x1aG\xe6Yl\xe0\x13\x00\x83\xcc\xa0\x8a\x95r\xee\xdc\x00\x8a\x8f\x82\x8c\xb1$g\x1b\xdf\x8bU\xf8\xc6v\x8e\x0e\xb8\xb6\x96y\x91}\x0b]n&gt;\xa3\xdd\xf4\x9a\xd9\xd9NO\xdc`J\x13\xd0\xf1\x97j\x0e\x81\xb1E\x04\x00\xc0\x1f\\\xae\x93\xff\x81\xdd\xd2\xab\x0c&amp;\x85\xa7\xae\xbcgt\xdeD\\?\xb7\xa1)\xc6\xa8\xca\x93\xe6\x00\x00\xe0\xeb\x96\x8eP\xdc\xb2\xe9\xd0\x94w\x8a\x01\xfaW\x11(\xb5\xa9\xaaV~\xdc\x1c\x13\xc3\xf2c\xd7\xd4\xa2y\x8b#lQ*y\xb7\x81\xb8\xdd\x94\xde?\xdc\xb9\xa6q\x95\xe7-\xd0\xc4\xaa\xe7\xd9,\xf3\x01Q[\xfd\x13\x12P\xb3q\x14tV\x16T\xcc\xc5\x7f\xc8B\x05UL\xdf\x83\xc3\xf3L;\xc5vz\xaf\xc5\xb5\x93ii\x91\xa9L\x03\xc6\xed\xd9\xadL\xe5\xdf@\xad\x9b-\xae\xee\xa5\xb1\x8f\x10YU\x80\xee\x16\x9e\xe1\xba?\x89\xfd#\x8f\x11W\xda\x00\xf8S!\xac\xac\xf0!\xc9\xdd"\x93\x0b\xc0\x83LQW\xc9\xe3\x19\xb2\xde\xd1\xbd/\xde\x92\x11\xf3\xcb\x17\xea\x02\xb0\xb8\xa5(\xa4\xeb\n\xd5\x132\r\xb9\xd2\xefx\x8ah\x81\x14\xe7\xeba\x949\xbb\x86\xb7ou\xb1(j\x06\x1b\x00\xc0\x9f\xdf\xe8\x01\xef@\x9d\xc7\xc8\x1f\xc7\x00\x0eM%\xd1\x83\x90\x8f\xfa\xad\xcf\x1c&gt;\xd1\xc23\x8dxP(\xd1\xf0\xf6Z\x1b\xc3\xd7U3\r\xd5~\xa8\xee\x92GLaVU\xd1\xd7T\x19\x9b\x12}\xa4K\xcc\xdb\x15\xde\xfe}\x9eu\xfff-\xae\r\xben0\xf6\xadU\xa5\xd7\xa9[\x16\xe5\xdb\xef\xa3\x15\xc2\x86\x8f\xb1\xbe\x0f\x03\xd7,\xc2\xdf\xbe\xaf\x99\xb9\x1e\x1fC\xc0(&amp;\xb1dO\x91\xb1\r`G\xacM\xa3\xdc\xec}U6\x00\xbcp\xe8\xf1\xcbN\x80\xda\xecg\xd1S9\xd2\x13\x0f#y\x97\x19`T\xc1kp\x0c7\x0b\xe6\xe1\xd9\x7f\x88\xaa\x8a\x92\xab^\x0c[\x8cu\xdc\x19\xb4\xec\x95F\xc2.?\x00\xf8\xf5G\x1a|\x93\xc9\x0fE\xd5J\x9e9\xce\xd8\xed`\xc7\x92\x9b\x94\x95\x83\xcb=K\x06\x0c3\xf9\x12c\xf7&gt;\xd3\xf1\xbe\xb3\x86O\x98/\xaa\xf8\x80\x1a\x8c]\xeam\xd6\x8aN\x1bk\x17\xe2\xf3\x7fZ/D\x03\x9a\x9b]\xf4Q\x1bO\x9f_\xea\x0cN\xd7@,\xf3r\x1aH^\x02\xf8o\x89\x98{\xb5\xc3\xc7p\x8d\x92\xb0%8Hn\x02\x00\x807\xc7$]\x0c\x8dhl\x8d\x85X\xddQQh\xb7\xde)\x10\x16\x93v}\x9ctt\xb5\xba\x00\xeb\xd7\xdc\xb4\xea\x92R\xe2\xd0\xad\x8a${u\xc8l\xf7\xe2\xa3\xa2a\xa5 \xb7\xac&gt;\xca$f\xab~\xa0\xe4Q5\xfb\xf8g]\x16G\xad\xa0\x80\xf0q\x01\xf0\x8d\xc6\xb4N\x97\xfd\x96`\xab\'k\xdfq\'\xca\xa6\xc0\xfd\xddI\xdd\xce+\xa1\xce\x14\xf3\xd1~\x8fV-\xb7\xfa\x97V\xe5\x8a\xef\xdac\xc8\xfd\x16;\xd7H\xee)m$\x9e\x14Y\xffa\x03\x85\x15{\x0b\x06\xfd]x{\x97!{O\x8f\xfe~\x02\xe7\xdb\x15\x94\xba\xb5\x10C1T\xac\xfc\x96\xf2m2\xafQCg\xf0\x91\xb4\xfe:\xf4\xd9H\x80\x15\xfe\x88\xd7\xbc\xe4g\xdd\n\xd5\xe9\xa2d\xc7\xd9"\xfd\x04\x188Y\xc5^\x82Z\x04\xe1\x80\xfe\xb7\xe9!\xe6\xee\x95\xcf\xfa\x06\xe5\xda&gt;\xa7\x9b\xe8\xa82{z\xed\x86%\xdd\x90\x14)\xb9\xd2\x9b_\x9a\xc5\x0b\xc8\xbf\xfb3V_\x18\x03\xec&amp;\xf4+\\\xcak\r\x83\xe7\xfb\xc6\\\xaa\xfe$\x1aD\x03.\xcc\x07\xb0\xfa\x94\xd5\x1e8\x0cAt\xa1\xc6\xe7\xee\xb0\xae\xc8`\x17/%=j 4P\xf5R\xb2Y\x8d\x19-\xea\x8d\xca\xaff\x1ab\xaeS\xf2\x10\x80\x12\xa9\x9c\x1ee0y\xdb0\x98\xb0qh\xc9`\x85\xe2^b\xe0\xb3\x0b\xbe\xb9\xfc\xa8;\x16\xef\xca^\xd8\xb7ge\t\x011\xad\x17V:\x1f}\xb2\xaa\xc7\x14\x03\xf5\xeb\xbd\xbcFq\xceryc\x97\x8c\x00\x06\x92:1)&lt;\x98}\xa5L\xe8P\xba\x97)_h\xd29\x12$\xc2\xd6\xee\xa3\xf9\xac\x0bi:\x85\xe9_\xab\x12l\xc5\xe2Ob\xab,g\x8b\x9e\xb4\xed\xf4h\xb9\xaf1^\x92\xc7_l1g\xa2\xd4\x14\xc0\x8bY\xba\xebBS\xa11\x15\xf0+\xd3\xcb&amp;Z\xfbW\xa9?S6\x16.\x1b$\xba\xca\x87\x9d\x16\xdb\x89\xbb\xb4%5\x8aT\xbf;^U\xe8\x84\xfb\x15\xb2)Q\x14V\xfb\x9e\x00J&gt;\xad%\xa3K\x0ek\x1084zI\xe9\x83\xb6\xe08\xd8w*\xee\xee\xfaqU\xa6\xfb,\\\xa9\xca\xd7\xbas\xb6\x87\x96\x0b\xfc\xb4h\x1f\xa3\x0e&amp;O9\xfd\x0f4\xcc\x0cU\xb6.3$g\xd1q\r\x04\xcd\xfd\xfc\x06`\xd6\x86;\xb2\xb7\x0e\x82\xe6\xb0\x8eF8\x82\xe6\x08\x1dS\xdba\xc8\x0b6\xc7U\x1f{,\xc2+\xfb\xac\xb7\x15\x86\x0e\x04asC\x00d{\xe6w\x97\x94\xc0rN\x19B\xc9\x9cm\xa4]\xb03\xe3zu47\t10&lt;\x9aa\xc4\xaf\xa2\x04t\xd0\xc14H\xfe\x17\xfb\x9a\xacp\xbd\x0c\x835\xaag\xfb\xd6\x9b\x96&amp;\xf9\x009\xdd\x8e\xe6p-\x1e9\xac\xd3\xd6#U/\x92\xe2\x9a\x97\x0f\xb3\n\xe7\xbbQ\xa8\x9eu\x84\x17\xc96Q\x02\xb3-\xd6\\\xff\x06\x90HB\x8cT\x03Da"~62\x11\xaeM\xd5+\xda?^!\x7f\xa4\x1ds;\xa3d\x85\xa7..\x99\xa6\xfb\x03\x1b\xb6Q\xf2\xf4\xc8\x9e\x01\xf8\xba\xea\xd9(\x942M=\xa9o\x8bVl\x19\xado\x00\x86\xdb\xfa\xa7o\x9d\x8f\xb4\xfe\xc5.3\xe7/\xd0\x9e\xc8\t\x85s\xf1Q\x93W\xd8n\xb9\xb6\xb4\r\xa0\xe7h\x08n=K\x9em\tX\xacKg2~\xe2\xcc\xe6\xd0f\xf0%\xf5\x06\xa0j\xe8s\xa6\xe7\xf9\x1b\'mOPL;/\xfc\xc3vJ\xe7\xc6KRJj\x005\x11\xde\xff\x95\xc5\xc9Z\x89\xe9\\;\xe1d\xbe\xa3\x9c\x10K+\xf7\x8fv\xbb\x1f\xb1z\x15\xdf_bw\xf4}3\xa5;\x10\xd4\x02Q\x860\xff\x85\xa9\xe6\x91\xba \xb3\xe6c\x07K\x89@\xd7&gt;\xef\x96\x99\xaa\xa2\xcaB\xa3\x0eZ\xf5\xa3\xa2\xa7)\x16\x0eoL\xd5\x92\x18\xf3\x893`\xee\x10\xb8O\xad\xa1N\x91\xfaV-]L:\xf6\x80\</t>
        </is>
      </c>
      <c r="E170" t="inlineStr">
        <is>
          <t>&lt;class 'numpy.ndarray'&gt;</t>
        </is>
      </c>
    </row>
    <row r="171">
      <c r="A171" s="1" t="n">
        <v>169</v>
      </c>
      <c r="B171" t="inlineStr">
        <is>
          <t>steps_per_sec</t>
        </is>
      </c>
      <c r="C171" t="n">
        <v>2500</v>
      </c>
      <c r="D171" t="inlineStr">
        <is>
          <t>10.138918</t>
        </is>
      </c>
      <c r="E171" t="inlineStr">
        <is>
          <t>&lt;class 'numpy.ndarray'&gt;</t>
        </is>
      </c>
    </row>
    <row r="172">
      <c r="A172" s="1" t="n">
        <v>170</v>
      </c>
      <c r="B172" t="inlineStr">
        <is>
          <t>Loss/object_center</t>
        </is>
      </c>
      <c r="C172" t="n">
        <v>2500</v>
      </c>
      <c r="D172" t="inlineStr">
        <is>
          <t>0.9860363</t>
        </is>
      </c>
      <c r="E172" t="inlineStr">
        <is>
          <t>&lt;class 'numpy.ndarray'&gt;</t>
        </is>
      </c>
    </row>
    <row r="173">
      <c r="A173" s="1" t="n">
        <v>171</v>
      </c>
      <c r="B173" t="inlineStr">
        <is>
          <t>Loss/box/scale</t>
        </is>
      </c>
      <c r="C173" t="n">
        <v>2500</v>
      </c>
      <c r="D173" t="inlineStr">
        <is>
          <t>0.16858865</t>
        </is>
      </c>
      <c r="E173" t="inlineStr">
        <is>
          <t>&lt;class 'numpy.ndarray'&gt;</t>
        </is>
      </c>
    </row>
    <row r="174">
      <c r="A174" s="1" t="n">
        <v>172</v>
      </c>
      <c r="B174" t="inlineStr">
        <is>
          <t>Loss/box/offset</t>
        </is>
      </c>
      <c r="C174" t="n">
        <v>2500</v>
      </c>
      <c r="D174" t="inlineStr">
        <is>
          <t>0.265413</t>
        </is>
      </c>
      <c r="E174" t="inlineStr">
        <is>
          <t>&lt;class 'numpy.ndarray'&gt;</t>
        </is>
      </c>
    </row>
    <row r="175">
      <c r="A175" s="1" t="n">
        <v>173</v>
      </c>
      <c r="B175" t="inlineStr">
        <is>
          <t>Loss/total_loss</t>
        </is>
      </c>
      <c r="C175" t="n">
        <v>2500</v>
      </c>
      <c r="D175" t="inlineStr">
        <is>
          <t>1.420038</t>
        </is>
      </c>
      <c r="E175" t="inlineStr">
        <is>
          <t>&lt;class 'numpy.ndarray'&gt;</t>
        </is>
      </c>
    </row>
    <row r="176">
      <c r="A176" s="1" t="n">
        <v>174</v>
      </c>
      <c r="B176" t="inlineStr">
        <is>
          <t>learning_rate</t>
        </is>
      </c>
      <c r="C176" t="n">
        <v>2500</v>
      </c>
      <c r="D176" t="inlineStr">
        <is>
          <t>0.000625</t>
        </is>
      </c>
      <c r="E176" t="inlineStr">
        <is>
          <t>&lt;class 'numpy.ndarray'&gt;</t>
        </is>
      </c>
    </row>
    <row r="177">
      <c r="A177" s="1" t="n">
        <v>175</v>
      </c>
      <c r="B177" t="inlineStr">
        <is>
          <t>train_input_images</t>
        </is>
      </c>
      <c r="C177" t="n">
        <v>2500</v>
      </c>
      <c r="D177" t="inlineStr">
        <is>
          <t>[b'512' b'512'
 b'\x89PNG\r\n\x1a\n\x00\x00\x00\rIHDR\x00\x00\x02\x00\x00\x00\x02\x00\x08\x02\x00\x00\x00{\x1aC\xad\x00\x00 \x00IDATx\x9c\xed\xbd}\xf4\x7f\xcfQ\x17\xb67\x89\x8a " \xb6\x81\x00\x12\x1eM\t\x02\xd5\x16\x0cUNOA\x11\x82\x04\x08*JA\x04\x81\x02\xf1\xc4G(\xf8\x80R\x02\xa51\xd4#R\xe0 B\xd1\xb6\xa1\x82\xa0\xa8\'\x1c1\x16\xf0!\x82\x0f\xb4\xa1\x15"\x16\x95X"A\x04zx\xac\xd3?\xee\xfb\xee\x9d\xdd\x9d\x99\x9d\xd9\x87{\xef\xfb\xfd\x99\xd7\xf9\xfd&gt;\xdf\xf7\xfb\xde\xd9\x99\xd9\xdd\xd9\xd9\xd9\xd9\xbd\xf7\x1d\x82\xc3\xe1p8\x1c\x0e\x87\xc3\xe1p\xb4\x03\xe0\xf7\x9c\xad\x82\xc3qu\xc0\xd9\n8\x1c\x8d\x00\x00\x007`\xc7\xdd\x00B\xb8\xa0\xc5^N!\x87\xa3\n\x80d,]p\\\x1d\x80\xa7Yk\xc7p\xb8\x199\xee\x1b\xf7\xe5\t\x878n_\x00]\x1c\xde9U\xb8\x01;\xb4\x88\xde\xce\x8df\xc5\x8cv\x00\xf8\x91\x83%&gt;*4\xd3\xf3\xc0\xd6\xccX\xddKO\xdd\x8b\x9e\x8e\xf3q)[\xb9\x90*\xa3!W\xedR\xbdpY\\3\xd7\xcf\xe1n\x14\xdd\xa6\xd5;j[\xc7S\xc4\x03\x1b\xe8\xe3\xd6\xec\xa2 m\t\x10\x0eV\xe6\\\xdb\x06\xf4\xd7\xe1\x98\x85\xfb\xf5\xe0&amp;\xbd\xad\xd5\x04\x94\x88\x13\xd9\x9a\xb8&gt;&gt;4\r\xc2\xb5+\xbe\xfe\xea\xe2\xd6\ts\xc0\x91\xc2\x18\xdc\xef\xf0t\xf4\xc2\xfb\xbe\x13\xb8\xf9\x04\xe7\xc1^\xdfJx7L\x82f&amp;\x88WfL\x00\xd9\xf9\xba\x0b\xe2\xe2\xea9\x1a\xf0\x0c%\xdd\xb2,S\xf5x|D\x0f\x0e\x10B\xb0\xb6\xe6\xde\xfe&gt;\x08\xe7\xa0j\xe1e\xbb\x03\xeaS\x80\xff\xb8[\x81\x84\xe7\x05\xe1N\xc01\x11\xab\xe9_y\x00\x84\x8e\x00&lt;\xd6\xae\xb3\x82Bq}\x0c\xfbH\x98Z;rWy\r\xd5qWB\x08\xf0\x9b\x86\xca}\xe8.s8\x0e\xc2\xd5\xc6Qc\xf6_\xf1\xe4\x9d\xbb\x8c\x19\xe0\xb2=\xd6\x89\xdc\xfb\xc6qMhS@\x11\xf7u\x16L\xb9f}\xe6d5"\xcc\x8b\xe8\xa2\xb1\x05\x0ed\xbf\xdcUw\xdd\x13L]\xa9$m\xeb*sT\x01\xe1\x8b\x95\x94\x1dR\x1c\x8e\x13p\xfa\x81\xb9\xb1\xd0W\x87\xdb\x98lh\x8b\x07j\xbf\x01(\x9b\x15\xe0\xd6DC\xda\xe9"\xe6z\xe4\xd3s\x0eG/\x1aR\xe1\x0c\xf1\x08m\x9a\xd03\xf2\x07\x1eM\x01x\xd5@\xc5\xae\x8c\xe6z\xe1\x96\xcd\xd2q\xfdm\xf5`!\x8b\xc3q2L\xa3\xe9\x91\xc6\x9eP\x15n\x83\xfd\x91\xaa_\xc5\x84\x83\x9bc|\xb7\x92\xc75\xbb\xeaI\x99\x90\xc3!\xe1jC\x81[\x14\xf8\xa0}jH\xce,y\xef;6\x987\x81\x0f\x86l\xacW3\xe5\x9ec\xd2\x13\x9f\x03\xa2\xb2\x16sOO^\xac_V\\M\xa9\xb5\'\x0ej\xabe\x89\xbb\xd6~\x9c\xdf\x11q\xf5\t\xa0\xcf\xa9\xb6\x80\x1c\x8f\x87\x8c\xd2s\xfc\xd3\x94\x9a\x1d\xe2b\xac\x8a\x1f\xe6\xf7T\xaf\xa0X}\xf2Q\xeex\x94\x8c\xabM\xa2\x8eN\\n\x02\xc8\\\xed\xc1\xc1\xca\x8b\x91D\x80\xb7\xc3\xb7\xe6\xcf\x01\xb3\xaa\xfa\x9dI#\xe6Rf\xb4\xb0\xc0r`#\x1e#\xa5\x01\xef\xa9h\xd2\xb6V?\xdd\xfd\xfa\xe2\xc11\x17z?\xdb\xf3\xaa/\xab&amp;\x8d\'l.\x00\xea\x14\xe3\xfd\xd6&amp;\xc7\x90\xc7\xe2.\xdb\x10\x8f\xd1G\x8e+\xe3r+\x00=4\xc1H\xf3\xfa:&amp;\xca\x93Ax\xe7\x03\x12g\x9c\x1f#\x11&lt;\xa4\x16\xf3\x1a\xa2\xd3\x83\x1f\xd0G&gt;\xc78F\xe2a\xec)\x0b\x93\'E\xcd\x00\xf0\xa2\x8e\xb2-\xa5\x9e\xe4\xf6\xef\x10h\xaa\x06\xc5WSs&lt;\xcc\xca\xccq\x97x\xb6\x82\xe6\xe9\x18h9\x01\x0c\xe7\xdfS\xf6\x9a\x1dqM\xad\x86\xe0\x80\xaa=p\xeb9\xee\x03\'Z\xe0\xbb\x9f&amp;\xf9\x04&lt;\xe4P\xef\x9f\x96\x1e\xb1Unx\xc8\x1ew&lt;&amp;N1\xd6\xbb\x18\x1f&gt;\x8aI\xc4\xd7$tO\x00#_\x8f\xe1p8\x1aq\xd9$\x83\xe3aPnH\xb8\xc99\x1cW\xc1\x05\xc7\xe2\x05U\x1a\x88\xe3\x9e\x0b\xbd\x06\x9e`\x90a\xdd\x16&gt;\x1d\x7f\xe0l\x05\x1cO\x0b\xcd\x0e\x81+w_\xe3\xad\xf1l\xcf\x1d\xbaQ\x80\xd7\x1e\xb1\xad:[\x80\x11W\xd3\xc7\xe1\x18\x80!\x03\xf9\x1e\xbd\x98\xa3\x07\xa7t\xf8\x15\x8c\xec\n:8\x1ca\xdc\x83`\xc3L\xda\xa7\x81\xa7\x83#\x9fE\xc3Ou\x1f\'\x95AY\xef5\xfb\xf7\xb2\x0e\x9er\xad.Pi\xc7\xe3\xe20\xeb\xf2\xe9\xc1\xd1\x03y\x97\xe5N\x7f\x1d\xc8$\xc5G\x90\xe3\x08\xb8\x959\x8e\xc4\x10{#\x9d\xa3{L\xc7\x03c\xd6\xbb\x80\xf4\x8b\xfb\xab\x1d}\xf1\x18\xe9\x1e15\x99\xf4d\xed\x01\x8acKW\x1b\xad\x8eN\x1c\xf128\xfcB\x05\xf26{\xeb,\\J\x19\xc78\xb0G\xc5\x00\x02z\xf9Z\xfc\xa9\x16\x00X\xf8W\xb2\x01\xbc\xdf\xa5^\x102\x1e\x00\xf9\x0f\x15\x01\xf8+\xa1\x1f\x1c\xa3,0\t\x1c\x98\x97\xa9\x91\xd7\x07f*\xaf4\x98\xce\xc1\xbd\xb4\xc01z\xd2I\x1e\xeay4\xe0\xed\xf0\xcdRnc5\xbf\xd6\x04\x10B\xb8\xc3g\x17\x1c\' \xfb\xf9\x94&gt;V\xa7\xa5a.8\xfc\x9e\x08\xae\xdf\xf2\xd1({\xec\xb3Z\xf0\xe9&lt;\x08\xe2pta\xc6\xea\xfb\xe2o|\x8c\x91\xe9@}\x1cJ\xc4\xc5\xea\xd4\t\xc0\xcc\x90a\xdb&lt;\x91\x88\xa7\xa4\xdc\xf0\x1e\x1d\xf7\xd5\xc7\xf7\xa5m\x184\xc74p\xf0\xf3\x7f\x9d\xe0r\x98-|\x86(\x84\x18\x9a\xae\xf7\x08r\x13r8\xae\x05\x80\xefRS\xfa\xe8\xddA\xb6\x05\x84\x00\xf0\x85l\x91\xeeC\xa2\x9aI\xa4\xbc[yvA/\xbe\x03\xbe\xee|\x8a\xb0\x19\xf7y\xa2Q\xa9\xe3d\xf5c\x86\xd4_5\x81\xe7\xfd\x82\x8d\x8eyon5\x06=}\\CT\x1e\xd9Ur\xfb\'J\xb1\x13\xe1\xb3\xc2\x83\xe3\xc4\x8c\xf3\x91\xabM.\x8bzM4N\x8d\xc3\xf5\x98\x0f\x18q \x8dJ\x8e\xbf\x8e\xb88.\xc9#hb\xe2\x7f\xa9.#\xfd\x00|\xfc\xdd\x8c\x1a\xc7\x18\x1c\x99\xbf&gt;\xcc\xb6\x94\xa1\xd9EpG\xab\x9c?5\x8ds\xac\x0e\xfc\x90\x8a\xac\xc2\x04\xdb\xc0\xcc\x86\xb2\xe6\x8b\xbe\xa6i\x1a8\xc6\x92\xefh\xc88.\x8a\xea\xf8&lt;\xcc\xc4\xee\xc8\x9aK%\x87\xeb}\'-QG\xc5\xc0\x0e\xd3#J\xac\x18\xbc\xea\xd1\x19\xb2`\xc4\xbb6+\xe7p\\\n\xf1\xbc\x1d\x1e\x033\\\xd3e\x17\x00\x96\xd5\xd2TEN\x83\xb2^\x1f\xa3a\xd5\xa7\xc9\x10\x08:\xd0\x9b\xd2\xcfV\xd9\x006\xe0!k\xf4G5\'\xc7E!\xec4\x1c\xe0\x9a\xefb\x02Pf3\x1e\t\xd6N\x19\xdb\x08WhR}\x0b4\x1bp,\x03\xf0\xd7\xb7\x0f\x9f]\x95\xd5 \xc8\xf1\xb4p\xba\x95X}\xc7\xe9\n+\x01o\xb0\x10\x87\x00\xf0\x9ci\xba\xcc\xc5\xec.\x11\xd8g\xef\xbf\xe1\x8aCye\xf0$4l\x1c\x89\x95\xbdh\x00\xe4x\x10\x0c\xb4-\x92\x15i\xbcJ\x8b^\x89.2\x00\xe8Z\xa4\x8a\xb5)j*r\x85\xa68\x18D#Oh\x84\xca\x01P$T\x9d\xfd\x1f7\xb2f2w&lt;it\xdaQu0p\x04\x96\x1c\xfau\x8d\xbd\xf4Mgi\xf2\xa88,\x04\xd6\xac*B\xc7\xf4\xa3\x8bx\x0c9\xa5\x8b\x04F\x8ey\xb8\xbd\x0ezj\'\xf7\xbc=Vc\x7f\xcb\xb2\xfc&lt;\xfd\x8a\xdaE^\xf9b\x0eWx\xc5-9\xde\xae\xa0\xda\x93\xf0\x02b;\xd7}w\x8d\xbd\xa6\x05\xd7\xbe^\x16\xc9\x1e\x05Mp\x19zW\xf9)\xf4\xa3c \xee\xda^\xee1|\xa9\xaduTdc\xd1\x16\x06\xdeQ\xcb\x1f\x14\xfe\xcf\xcf\x85\x8e\x95\xa5Y\x00\xf8\x12\xe1\xdeQ\xf9A\x98\x19\xc1\xe7\x90\xa4v\xca\x81\xbe.\x06R\x17\x85\xac\xf1z\xf3\x96(\x18-\x9a_\xf2\xb75\xe2}\xf8\x85=\xed\xde\xc7\xe7\xc7j\x04\x0b\xdf\xb9\r\x03\xa0\xb2D\x00X\x97\xbf\xfd\xce\xb9\x94\x83\x0e\x0e\x01M\xe1x\x0c\xcc\x1e\xc1W\x88\x1d.\x18\xc0\x1c\x1fTAH\x9f\x86\x8d\x9f\x1bX\xc1+\xc3\x19=\xdb\x9e7o\xcdts%LGwp\xaa\x1d^8\xa6\xdd\xd6\xdaxl\xee\x18\x80+\xd8PU\x85\xf3U\x1c\x84Sv\xde\xb0D\x14\xdc\x85\x7f\xd4\xe4\x1c\x01\xe0;\'(\xa9\x91\xdb\xdch\ru\x14\xe8\xcb\x05\xae\xccJ/\xb7\xae\xd5(^;\xcf\xd1\x1c\x1d\x0f\x8fb\x00\x9c\xa5\xc8\xfd\xa1g\x02\x90]\x12wO\x96x\xca\x84$ \x9e\xd9\xa5n\x1d=\x01\x0c&lt;\xa4o\x05\xd7\x02\xea\xe2?\xa0$\xbeH\xbf;\xee\x03\xd7q\x16W\xd0\xa1\rz\xb72\xa4\xa9\x01&gt;B\xf0\xfe\xe1zs\xc0p\xb0\xd5\xaf\x159\xb1M\xac\n\x97\xc5\x1f\xb57\x1d\xe7\xe0\xca\xe6\xe4\xe6.@^\x19\x84\xd4\xd9\xe9\xcf\x96\xc8m\x0e\x9f\xd5\xa2j\x1bj\x87X\xd6\xbf9\xd13B\x80\xb7\xaer6\xd8U\x9b\x05Z\xd7%S\x95q8h\xb8\x87\xbdST\xdc4\x85FA\xad\x1a\x1e\x83\xaff\xae\xcb\xf5U6HC\xd3A\xf1\x15\xe0-\xf2\x8b&gt;\xe8\x1c\x07@m\xe2cd\xb9Y\x1f\x80\xd8\xc2\xd8\xb1\x97\xcd&gt;p\x02\xe0\x14 \xbf*o\rQ\xa3\xb9R\xfa\xb2\xfd\xedv\xeb\xa0\xd1l5rk\x04\xdf;U\x01\xc7\x01\xb8\x9d\xe1\x05\x00\xf2d1w\x1d\x11\x84\x10\xa0\xffyU\xd8x\xdd\xdf\xd1\xfd\xb5\xfeg\xeb\xa0\x07\x00\xbc\xc9\xb2\xfc\x0c5\xc2q\xe3\x93\xe3\x7fx\xef\xc0y\x9d\x1e+h\x92\x9e5Kmt\x10\xb5[\xad\xe5\xbelF\x06\x80?\x0c\xf0\x88P\x86\x18\x03#\x91!\x8c8}\x00&gt;\'\t~\xf7\xebO\xf1\xd7M\x93\x83\xff|&lt;;c\x05p_\xd8\x1aj\xfbz\xdb\x1aQ\xd9Ly\xfb\xc4\xb3C\x1cn]\xfb3\xc4\xf53\xd4q\x1c\x8a$\xe2c\x9fT\x0c!\xd4\x96\x02w\x8duP\xdf]\x05;\xa3Hy\x05@\x92\xdd]\x13\rA|FbY\x16&lt;L\xe4\xc8\x97\x1cPW\x0b\x96\xefz\xe5\xed\xe8\xc7\xfe2\xb8\xdaK\x08\xd2e\xec\xe8xPJ\x04[\xf8\xfc\xe7M\xd2\x97\xe5B\x03@\xdf\xae#5\xde\xde\x9b\x81\x16I\x1fQ\xd2\x0c\x14\xa8\x07\x0c:f\xd6\xccCx\xed\x82X\x8a(\x16\xaf\x1d\x1c_s\xe2\x96\xda\xbb\xe7\x1c\x0e\x02x\x02\x18\xb5\x03L\\T\x0c\xfe|Gq\x80.O\x08Yn\x87\x9c\xd5\x0f\xce\xffd\xb2\x00~l\x94\xf4\xfe\xcdX+\xb1\xdc\x9e\x07\xe8\x83\xf3\x9c\x9d\x80O\xed\xe5\xe0p\xb087\xe1\xf8D\xd3\xdb\x943\xfa\xb6\xc4k\x1c\xbd\x01p\xe2fCU\xa6F)H\xab\xc0U\x04\xbe\xb0\xbe\x86\xd67\xc11\xfb\n\x00\x97~\xdc\xc7q]\xec\x01&amp;O0\xd0\x82\xe5lR\x1a]\xd2\x94\xef\x88\xb4\x82\xf8y\x94~\x17C\xe9\xe5\xd7\x7f\x8e\xf7\xfe\x8f\x81\xb4%%2=\x9f\xbaP\x8b\x86\x0eG\xc4\xf8S}\xb6Cu\xeb\x91\xb8\xf9\xdbPx8\xce\x16t\x8f\xf9T\xd9\xd1x\x8e8 [\xd5\x1c\xfd\x0c\xd2\xcb\x9f\xb5c\x04\xef\xd0\xd66\x9c+\x1b4wz\xcc\xc1q\x7fhH\x956\xb3\x8a1\xd2\xbe\xc8\x88\xc1\x17O\xafW\xcfZ\xe4\xf3L\xac/\x00\\3b)\xf0\xfaq\x82\x94d\xdf?Lb\x03\xb2\xb3\x9e\xadLT\x91\xbb&gt;\xc0/i\xc8Ru\x89UI\xad\x80\xd7\xf8\x99\xd1\xc7E\xd5Gg\x8f)\x8e\xb2\x04\x9c\x89\xe6\xb4\xc2~\x1f\xe932k\xf1\xc0\x96\xad9\xc9\xce\x96\x1d7\xcd\x97\xc4g\xb5y4\x9c!\x13\x80r\x0e\xb01\xdf\n\xf6\xb3\x1a\x88\x07\x1e#\x8e\x1c\x99\xa1\x95\x96w\x8c5\xec\xa9yH\x84\x96\x1f\xb4\x0c;jq\xa7\x03`\xe4&lt;\x89x\x1e\xc9d\xac\xfa\xc3\xb9\x8dj\r\xd98\xc7F&lt;&amp;\xdc\xa9\xe5;$@\xf1\xe2\x11\x19\xbf7/\xde\x95\xd5\xc9\xe9\x7f\x9d\x89&lt;\xd9p\xb6\x07\x9e\x04\x1f\x93\xd0\x1aY\xfe\xa1\x19c&lt;\x0b\xedJ\xfax\x1e&lt;\x01\x8c\xc8l\xf4p8\xc5\xef\xce\x96\xa8Y\xbbLV\xc1qU\x0c9-\xd7\xa7\x80\xb4\xc4\x1e%\xdc\x14RY\x03\xb0k\x8e\x1f\xb2\x12WS\xf5\n\xfa\x08\x1aT\r\xe1\xdc\xcc\xe4\x15Z\xcf\xe1\xe8\xc5\xc0\x05\xef-\x83D\xde*\x84\xca*\xd5e\xe9\xd5:\x03CZ\xb5\x81\x83\xe8O\xeb\xf4\x03\x9d\xda\x80\xc5\xc4\xd6\x86\xc7\xbbZM\xe7\xf9\x04\xe0P\xc1\r\xc5\xd1\x867\xd8\x8b\xf4\x1c\x96\x0fg\xef\x7ff\xd8\'\x80\xdb\xd7x]\xac\xe6P\xd1\x03y:\x9e\x16p\x02\x9d\xbcKg]\xfa\x86\xdfa\x96\x8a\xf5\x9f\xe124\xf1\xd7u\\\x95\t\xa7(\xddy\x1a\xe7x\xe0\xcc\xe4(\x9fn FG\xe3\xee\xaa\xd9\x1c\x97\xc1&lt;\xb39\xc6 \xe5X2\x0e\x8c\x13\x1d\xf1\xd5\x86&amp;\xb9UN\xed\x0c{s\xd5\xb1\x1b\xd8{tGE\x9e\xe2w&lt;5\x8cH@\xa3E\xf7\xb4\xf1\xf0H\xc3l\xb8s\xa7\xb3\xf6:\t\xd7\x99xH\xc4\xd0^\xa3\xd5\xdf\xb0\xf0\xbc\x08\xeen\xc9\xe58\x01\xf2\xb0&lt;\xf7\x90CH\xcf\x08\x8d2\xe6!\x8e\xc9T\x80\xe3?||\x0eL\x8b\xa1\xfcC\x9eH\x94\x8f\xcd4\xdc\x8al\x95:\x0fl\xb7\xc6\xdeo\xea\xd0!\xeb\x00\xbd\xc2&gt;\x01&lt;A&lt;CC\x84\xcdBx{xt\x01m\xaa\xe0b\xd9\xbb\xe9\x1bp\xb5\x97\x9c7\xe8R\x8e\\}\x95Z\x9ant{-\xc5\x07J&amp;{\x93\xfa5\x95\xa4R\x0bu\xb1\xc4X\xa7\xd6\xf6\xf6|\xae\xc8\xb2,\x82rVA\x9dQ\xcf\xa5~\x15\xc3q(N\\m\xe3\x08\x94T\xc2\xaa\xd9\xc0z&lt;|8dj\xdbO\x10\xf9\x94+\x80\x03\xd0#\x0btG\'gc\xe0j\x15\x00\xe0c\x89\x8b\x03X;\x1e\x1b\xa3l\x04{\xf3\x17\x14\xd7\xdb\x96\x08\x87Yp)\xe6\xe1\x07\xcf\x10\xdf\xf3\xeeM\r\xd5,\xb5Ag.\xb0\x18\x9c+\\\xd9\xfeD]\x19(\xaf\x0c\xd2\xe1[\x87pq8"\x00\x0c\x0f\xdcs\x86\xdc\x93\x17:\xc0\x0b\xa7;\x07\xb6\xb3ww\x8dQ\xae\xa7+\x12\xb7{s}\x91\x95\x94M\xc1\x9b\x04\xab%\xd6U\x8a\xfb\xc9\xe9\xe1Q\xa9\x94Z\xba\xa6q\xee\xddn\x1d\xe7\xc3\x1aUuE|\xdc\xf5\xf9\'XjE\xdau\xc8\n^\x7f\xb51V\xc1}\x8b\xf82\x15\x1f\xa2GC\xc6R.\x02!\x00|\xa5\x92m\xff\x9aF\xce\x8ce\xbd\xd6\xb6\xa6w&lt;,V\xdb\x1b\xee\x9a\x8fA\x83\xd6=\xe3\xed\nM\xd4\xaf\xc2\xd6\xe3#\xb49\x1b\x9d\x95\x90W\x1b\t\x99e\xeeW\xb2\xc5\xcc\xf5KvA"wk\x93\xf2\x87\xd0\xc5\x0ea\x8e\x0b\xa2\xbfCgx7\xd9\xd5\xe2\xbb\x9aAh\xe5O\xf3\xe9\x98\x03\x06/_\x9aJ\xbdT\xe6\xa9\xccN\x18[`\xf8\x86\x93F\xa2\xb2"\xddJ\xe9\xf4I\xdd\xb4\xecm\xc3F\xa3Q\xae7\xfeW0\x9f\xc3\xdb\xf1X\xd08\xeb\x8c\xe6\x18\x87H\x8a\xc6\xb7\x0c"R\xb4j:\x0c\xcd\x0b\x11j\xf7\x1bg\xa8\x1b\x99LE[g%W(\x9a6M\xe8\xeb"Cs\xa8q\r\x1bs&lt;\x18T\xcf\x01\xb4\x80\x7fV\x80\xb3\xe3\xc1g\x909A\xdf\xb1\xac\x87\xb9Kr\xab\x0e\xd6_?\xbe&amp;\xc8c\xed\xcb\x12\x96\x10\x16\xf5\xe3\x14\xc7?t\xa1\x11\x88\xdb\x9c8\xbf\x7f\xaa?\xb56X\xdb\xf3\x07$\xaa\xd5\x86m\x8f\xda\xf1\x84\xd0\x997\xd4J\xb9@\xd4&lt;$\xfc7\x95\x05\xfe\x19KxO\x9b \x9bbC\xfbT\x9f\x89&gt;\x00u/V%(*s\x9d\xdaU\xd1\xa3\xa9\xb2\x9aw\xd4\x1a\x8e\x01\xc0^L\xdf\xf7+a\x96\xc9\x11\xdca\xe2\xfe\xdf\x82\xa1Q\xcanE\x9b\xaf\xaf\xb9x\xc6\xbf\x03\xc0\xc7\xb5\xb3\r\x9b\x13\xffU5\xf5\xc6B\xd9:m\x93&amp;J.\x9dy\x86\x84H\nu\x1df=4d&gt;\xa0\xd1|\x02x\xba\xd0\xb8H\x80\x8f c\xf9jt\xaf\n\xcd\xec\xde\x16\x8a\xb0Hr\xca\xb6\xf4\xf1V\xea\xaf\xeb\x8b\xa8\xbc\x9b\xae\x9dA\xc9\xed\xbe\xa0Y\x08N\xadm\xff\x04\xa0\x8f{\xee\x11\x8fU\x1b\xc7h\xe0\xe5\x029\x07\x9c\xa4\xd7\x8e\x98\xb2\xe8W\x0f\xe0\xebMe\x84\x9cO\xa9\xa4\x8e\xe1\xf9\xed\x19F\xf7\xac&lt;\x01X\xaf\x07ub\x04\x9b\xee~\xd1&gt;[\xef|2J\x9d\xb6\x0e\xc7\xe5\xd0`\xad\xd58n \x8c\x91{\x82.\xb9\x8a+\xed\xcc\xe74\xdd]8\x1e\xaek\xc8\xabP\xdb\x9c\xb4VY\x08bJ\x08\xcb?a\xae\xba\xc7\t\x00\x98\xcf\x8e\x07\x87&amp;\x1dQ\\y\xf3#\xad\x1c\x185*\xa5\xe6\xc4\xad\xf78\xb6g@\xd3\x0eM\xab.m\x11.\x12\xd7\x8bh\xeb\xcdj\x99\x8bXH\xb6\xb8\x19\xbb6u&lt;!\xac\x16oJ\xa7\xb4\xf9Ij\xa6\xb9\x8aA\x02\xbc\xfdZ)\xbdJ0\xf9Y\xd9#\x1bG\xd35T\xf0\xde~\xe0X\x13\x97\xc0\x9b\x89\x04\xa9\xa1\xc6\x8f\xfd\xedV5\xfeN\xfe30J\xa7+\xd6\xcd1\x04r\x84[\x8c%z\tO\xb2R\r\xe6\x82\xc8\x12\x0cj\xa8\xc6\xc04\xbcq;\\\xd3/\x84\xd6!\xdd3[\xc3\xb6_\xd2\xb3\xa2\x92K\x92\xb67\xaa\x0b\x9a\r\xf5~AV\xef\xd1+\xfd\xb0h\x8e\xcbn\xcf\xa4,\xcbR\xfe\xe0\x07 \x82\xf0\x87\x89\xa7W\x84A\xb2&gt;\xed\xb2\x14\x17\x95O\xc1\xacT\xc3\x07\xa1&amp;\xc8\x95\xb1\xe9\xbf\xac_\xc6z\n\xd3rD@\xdb\x83FY\xd7\xe8\'\xfb\x10\xd6v\x1c\xd1\x0e\x8a)$\xea9\xb0\xe5\xe7=\xfe\x06\xe8\xefx\xe6\x86\xc5kNIV\xd9\x7fH\xc6A`=\x1c\x1d\xe3\xbb\xed\xb31v\x9e\xa7_\x07\xaa\x87FJ|\x16.\xde\x1a\xf36\'\x9d\x8ft%\xa6\x85\x0e\x004\xb7F\xc9\x87\xba\xfe}\x87\x99\x10^\xe4\xf5T\xa8\x7fU4\x10\x1a\r\xae\xa0\xa7\xe3\x1cT3B\xd8\x92\xd140\xf8X\x0eI3\xc3.\xf1\x08\x1f\xce\xbc\x01X\x0b\x00\x80\xaf=C\x87\x9e\xb2\x83\\\x1d?\x014rn\x9c\xa1\x91\x85\xf7\xd4\ts\xd0N\xa5\xcd\xc2(\xe9S\xe9\x1d\x0f\x82\xcc\xd0\xe9\t`\xbb\x95\x95\xea\x92\xdbSX\xe6\xac\xd3\xed\x8fNS\xe0\x81!\xb4\xab\xe0\xbe\xd5\xcc\x19\x0ej\xdd\xc8\xd8\xc5\xca\x07+\x931$C\x9frt\x94L\xb4\x13\xc0\xa0\x98D\x90\xc8\xb1\xf7\t\xe0\x01\x81\x03\x10\xcepSz\xca\xbe\xc9)\x01G7\xbf\xa3\xa2C\x9b\xf2\xcdLF\x04\xa3\x8f\x8c\xe6\xa6ihV~V\xe0\x88\x8b\x8b\xe8nEV\x8d\xa6\xdf*\xb0;G1\xd3\xce\x1c\x8a\xf5\\`F\x9f\xac[\xb3\xaa\xfa\xd4\x93\x8f\x90\xa7\x0598\xc2\x17\x0b[\xcc/n!\x8fVn\xbf\xa9u\xf2\xb8\xe6\x94`UiT\x15\xa66\x04\xbc\xb3\x82\xc6\xd2\x1d\x99\x9f\xa5i\xdeC\xc56\xdenw\xafq\x11\x80\xf8d\x7f\xf1\x8c\x85\x94o\x98;\xdbt\xd4\xf3\xcf\x87\xb9\xc3a\x80za\xce\xc5\x80\xaa8e\x14\x18\x1d\xbe\xbeTi\xff&lt;B\x84p\xd7\xb6\xacy\xc1\xa1\x8b\xf4\xfel~\xe8\xf6)\xd8\xb1*\xe9\xeb\x13@\x1a\x92\xb7Y`V\x16\xd2\x8bm\xba\x9d\x8e\x8b\xab\xe7h\x84\xa6[\x0f\x885\xb0\x04&lt;`z\xd8\xfe\xdaTD\x8bV\xfc\xba\xdb\xa4\xde\xef\x0f\x01\xe0=\x04z*\xdb\xd6\x9f\x8e \x9c\xce\x15\x06q\xd4\xe9`\x9fW\x95&amp;L\x00m\xa9\xad\xac\xfd%\x03\x884_Y\xe7l\xd4\xc5\xe1`\xa0\xf4b\xa4+\x1ch\x88\x93\x1cA\'\xd72e\\M"+\xf5\xd1\xf0\x994\xce\xadl\xfb\xdb\x90\xc4\x0f\x8bw\x87C\x19\xcbg\xce\x1a;\xf0\xb6v \x85\xcazTg\x0bY\x93\xb2\nje\x1dO\x1be\xc0\x12B\x80\xf7\x0b!\x84O\x9c?V\x05c5\xed(\xcc\x06\xb9\xe5(\x8f42\xba\x1f52/&gt;\xc8\xaf\xabY\x01\xc2\xf87\xd7?2\xd6a\x06Z r\xee\xbaY+\xe3\x8f\'\x00_.8\x1c\x93P\x9e\xe58\x0b\xcd\xc1\xe9pM.\x82\xb6\x8aq\xee\xb29\xfc\x97d\x91\xc1\xd6\xa0s&gt;\x0e\xc7`\x0c\xb1\xc5f\x16M\x91\x90\xc4\xc7\x07\x96\x0c\xf8\xde\xb35@\x18\xb2\xdb|\x17H&amp;\x83\x8bi\xee\xe3\xc6\xa1B\x96\x82\x94(\xcb\x82\x9f\xcd\xf1\x1cf\x7f+\x0f)]\x93\x86f\x171\xfa~%L\x15\x89\x9b\xf0\xddb\x8f\xc6\xfdi|%\\m\xd6q\xcc\xc2\xf4\x84\xfe\xfa\xb7\xe1\xe0\x8dp\xab\x7f\x05\xb0\xed\xbf\xb1\x9b\r\x19\xe6,\xff\x1d\xb3\x91\xe7R\xda\x98\x0cQ\xa5*e\xd2V\x7f\xeb\xb17\xee\xba\x8f\x82\x07\x01rm\x95N\xb5\xc5\x8c\xe4Q\x07tU\xb9\xc1u\x8c\xa9I+\x80\xf4scz\xbd\xa1\xcc\xbd\xe1\xca\x1e\xa106\xe6\r\r\x8f\xeb\xd7\x00~\xaaF@\x8f&gt;\x96~\x84V\x8eS@\xbd\x0eZg\xf7\xca\xf1AfK\x16\xf4~\xe7\xf2\x18\xcf\x12\x91\xb2R\xbe\x11Z\xa9R\xc47\xa9\x0f\x11-\xe9\xe76}4e\x1e`D\x91\xa7\x9bfH\xb1\xb2-z\xed\xf6c=\xf8\xfa\xbc\xf6\xb7\xce+\xd8\x177\xccI$\xfd\xb2\xfc\xe2j\xc1l\xf4U\xe4\xc2#X\xac\x83~&gt;\x85 +\xd6\n\x12\xf1\x8a\x0f\xa8\x0bUjH]\xac\x84\'\xe4$$\xf3t\x0c\xc7\xd4f\x86\xa1&gt;(3\xc8Q\xb9\xbe\xcc\xd4\xf56_\x8e\xca\xa9\xf3+\xb7d\x1f\xc5\xdfqQ\x00\xa8l\x1dx\x84\x10\x00~0\x84\x00\x1fD\x94\xd2\xe9\xa0\x9a\x84\xaa\x1cL\xf4\rRN\x01\xbc~\x1a\xe7\xdd+\x85p\xf8\xc6\xf2X\x90\x82\xad&amp;q3\xe6\xe2\x8aM\x13\xaaDC8/\x0f\x07\x00\x80\x7fB3\xbc#\xdbv\x9c\x0f\xa5Q\n\x13\x00\x9a\x06\xda\xb7\x10z\x0e\xf6Xs\x02\x00\xef\xa6W\xac\x07\xcdQ\xa4\xa9\xcc\xd6\xf8\xfb\xe7\xf2.W\xb0\x7f\xeaU\xcaj.&gt;\xdb\x9b\x11a\xf5.\xba\xde&amp;3\x8dG5\x9a\xdc\xdd;\xba\xa0\x1f\xf7\xd8\xd1\xe3B\xf2\x06\xb2\xde\xbf\xa8h\x98\x8b\xcaJ\x1c?Z\x0e\x93Xm\xff\xb6\xe2a\xbe\x0b\xee\x845\xa6\xee\x94\x95X\xfe\x813\x84{|\xc7x\x98\x86\x84\xecH*\x91\xe6\xedC\x97\xf9\xae|\x86p\xa8n!p\xc5\x9bE\x9f\x85N\xaf7de0\x15J\xed\xca\x89\xd0Z\xafQ\xeb\xa4f \xeb\xbdt\x8f8\x1e\x16\xcd# \x96\xe9tFC8\x84t\x14\xfd\xc1\x82F\xb3\x10\xe9W\xe6\x9a(k\xf405\xc4\xbdV\xed\xe5!\xb5\x1e\xdbt\xda\xa5\xb4\xc3qq`3\xce\xec\x19\xe0 ;\xa7\xe4\xb6,\x89n\x9f\rE\x1ep\xda\xb8;L\xea\x82\xc2\xa8X\x82\xb3l\xc0-\xcfA=\x07\xc0C\xce\xba\x0c\x89\xc71\xe2Yd\xee\xc4=\'\xd1\xaaG\xc6\x7fY\x96\x10 \x10\x8f"T\xb8\xdcT2\xb4Cr\xd4\x84%\xc2\xb1\xaaA!\x1b\x98\xc33\xd3\xe4\xa91\xaa\x979\x8cz\xbe\xa4\x04\xa0\xbf\x82\x10\x93\x02\x03M`V\xb5\x1dw\x8a\xeaBXvA\xcd\xa6i\t\xb4\xdf~\x12\xe7Q|\xc6\xba\xe8\xcd\xf5\x0ffh\xa0\xef\x915y\xfe0\xd5\xa5b\xdb\xf3\x0e\xf0\x88{\xf2\x98\xcc\xc4\xd3\xe1\xb8:\x86\x07\xac\'\xa6=\x01\x00^\xaer\x13\x97J\xe9\x94\x9b\x13\xa4z\xd7\xd1X\xdfxo\x08\x01\x00~p\x84\xf2\xe6\\\x1f\xa3\xa7\xe5\x04\xda\x8dU\xe80\x98\xfa\xc21\xecR\x1c\x8e:\xdal\x85\xf6)\xa3\x7f+\xe3\xc6\xf6p\x83\xc6\xb3\x8er\x02\x90\x89\x0e\x9b\xc1H\xb5\x9b\'\x80c\xb46\xf9\xc4\xa9a\xbb\xb9\x08\xc0\x8f\x8b\x1bZ\xc3\xa1\xb5\xc6r\'?\xdb\x9c\x18\xa9\x94\xe3\x11!\'\x7f\x84\xc0\xfc\xae\xa3\x8f\xce\xe9\xf0C\x8f\x92X\xe3Yg\xab\xf1\x08\x1c\x8b\xe77i\xc5jb"\x86\xfd\xefX\xc0W[\x88\xd1\x00\xc1\xe3`\xaa\xf1c\xde\x9d\xd9\xad;\x1e\xa2\x8e\x03\xb0\x19\xf7/\xcbB\x1b\x8d[\xe9\\\xe4n|\x02|n\x0f\x83\xdcG\xe8O\xe94\xc9\xea\xda\t\x9f\xe2\xce\x860\x81_&lt;|\xf9\x95O&lt;g\x9f\x8ai\x03\xa4HnM\x95\x88&gt;\xcf\x91\xc3I?R\x9a\xe3\x10\x08\x9dZ\xda\xb52\xa2\xc4\xe3\xd9j\xa6\xe4\x9ac\xa0\xe1\xcd\xde\x9fl\xc3\xe1c\xd9\x00&amp;\x990\xd2Y[YE\xeas[\xad\xc1\xbc-\x9c+\x12_\x86\xd7\x1f\xc35\xc8\xe4N\xe6\xefx(\xe4+\x86\x97\xd9\xce\xd2\x94\x18\xa8\x18\xe9\xcb\xda\x19v\xa9\xa3\x131\xcd\xc5h)y\x0eg\xf9\xdf\x06\xb9c5\x95cp}\xcbp)V\xaexF&lt;m\x02r&lt;y\x98\x83\xb2\xe8\xf4\x89u\xc0v\xc5\xc2m\xc6\x04\xf07\tAc8\x7f\xc9\x186\xbd\xf8\ry\xd3-\\\xf6\xc6=G\x0f\x84\xa6\xb3\x9alO/\x8c\x1a\x1e\xfa}\x05\xc7\x93\x80\xd2\xae0\x11\x8e\xfa\xb3\xb2\xd1\x8d\x0f\xb0T#\xfd\xc7\xf4\xefC\xd4Zc\xf8,\xd5\x80x\xf2\xaa\x06T\x04\x15\xff\xb2\x8d\xc9\x18eh\r\xcfw+g\xe9p\xcd\xac#\x89\xd3-\xd9q\x18*\x0f\x03\xaev\x90\xfcX\x12}\xa5\xfe0#6\xa9\x9eg/\xd7e\xc5\xb2,\x000\xf1!\xce(.\x1d\t\xf3\x05\x9a\xb16\x88\xb5TY\x11\x00\xc8~\x15\xcbTUL_\x1a\t)\xa2\xce\x13\xf6\x07h\xf1\xe7\x1eTu@=&gt;\xb2\xb7\x8f1W\x13\xb8\xa6\xe0\xba\xcf\xf1x`_\x05\x11\xa3\x80\x9b\xab\xcd\xef\xeed\xeb\xbfUI\x0bB\x83\xa21\x83\x14\x7f\x8b\x91d\xa4Z\xb2\xb0"\xf2\x0c\x15U\xf1\xdc\xdfN\x8a\x95\xe0G\x03\xc0+9\xe6\x9b\x1a\xeb\x92j\xd8i\xa5}\x01\x17\xec\x93\xca\xbb\xd4I\x94]\x1f\xe3O\xe4\xfd\xa1y\xabE\x9e\xc2\t\xa6]v\xca\xe8\xf0\xd9!\xd8_\xbd\xc0%\xee\x86@\xe0&lt;\xb8\xf2\x8e{\x84\x90\xd3\x98\xb1B\x14\xd8E\xbf\xcc\xd1\xbca\xa8\x1a\xb8j8m\x02\xf0\te&amp;\x05PA\x9b\xa0\x8dE\x9e\x93\xa1\xda\x96Q\x89N\xed\x00&gt;\x16R\x03U}cM\x18\xcd3\xe6T\xa5\x02\xa1\xc1\xa6\x06Y\xebF\xc5vq\x0c\xc1\xa4)|c\x9e\xdb\x8c\x98H\xe4\xbe\x02\xfc\r\xa1ym\x8am\x86\xa7\xa2\xf4\\\xd0\xd3\x04\x14_\xdb,\x81\xf35%Y\x8d\x80\xbf5g\x0cc\xb5I\x17\xdc\xcf_\x7f\x11k\xa2\xf2\xe5\xb1\xac8\x190\x8a\xb5U\xc8\x06\x00\x80\xff\xc5@\xdc)\xab\xa2\x89\xfd\xb0\x83\xc9\xa4\x01=\x18_n\x98\xdd\x08\xca\t\x80\xf9\\\x16\xb7\xa2y\x02\xf8\xf8f\x91\x8e\xbbF\x0c\xc0\x95\xa3\xa5tX\x05\xc18\xdd&amp;Epx|\x16\xb7\xb8v\xe0\x06*\xc0\xab\x94\xed\xf6/k\x04z\xef\x1fU\x92\xe7\x00\xa2vUEUJ\x0e8&lt;\xfa\x0e\x1b\xbd \xcb\xae\xe0\x14tyd\xfb\xb3\x8e\r\xe2\xae\xd3V\x8e;\x06\xe5\r\xf3\xebitCM\x00\x05Y\xc9\xf9D$\x13\x18u\x97\xf3\xbd\x7fZ/\xa2C7\xbd\xf7\x0f\xaa\x8cP\x8b\x02ar\x7f\x01\xfc\xbd\xa0\x08\x14f;\xb5\xdd\x12\xa6\x8a1b\xea\xf6\x80\xe3\xe9\xe0\xa0\xad\x1e(\xce\x1b@q\xe6$\xa4g\x0f\xa0\xef(\xc2\xca\x7fe\xdb\xc0$\xaaW\xaa\x91\r\xbcH\xc6\xd1S\xcc\xc3Z\xe36\xc5\xd2\x0b*\x1e\xb1yI\xb4\xbd\x8f~\xf6&gt;!\xae\xa9 \xab4\xad\xe1j\xec=\xfb@{\xa3\x9bI&lt;P\x95\x1cv\xdcN\x01\x11\x11:\x1f`\xd0y\x03QLie\xd8\xd1\x03\xc0\xea\xa63\xefO*\xa6\x11\x17\xf9\xaf\xa7\x85\xbab\xa5e\xa9\x1e?\xcc\xf9\xaf\x13\x8f\xc8\xf2\xf6\xeb1$7\x93z:r\xb9\x02&amp;\x89\xb7n\xba\xf9DKIQ\x01(\xd4\x90\x8f\x8d\x01"\x1b\xa3\x04\x03\xe1\xa0\xe4\xe9 \xd5P\xea\xb6\x04\xf3/\x1e\x99\xd4p\xdc\x05\x18\xe3^\x96\x80\x02=\xa0\xe8\xd6\x8b\xd5\xf8\xab\x1a7\xd1\xccu1r\xe7*\x81\xe3YY\xac\x88\xc7\n\x03\xaa2$\xc7\xd8\xc7\x04\xaa\xe5`[\xb6\xb9\xa4\xee\xe5\xed\x8b\x80\x06\xb5\xab\x9a\xb0\xfa\x8ch \xc1$\x06\xae\x152)\x00!,cV\xd3\xca\xd6\xdb\xd5@C\xd5\xc3y\x87\x15\xc4s\x00kX\x80\x83/\xd2\xa8\xb4\x96\x96\x18\xa8\x96\xcf\xb2\xa8\x0e#\xaf\x9a*\x15\xc1\x10\x14\x92\xe3\xcd:\xe7\xd55\x98\xcb5c{\xcdC5\x97\xdf\x16\xa6\xa53\x1f&gt;\xc1\xc2\x89S\xf6G\xb4\xb1\x10\x8d\xadE?-d\xef\xdf\x16\xc3\xa2l\xd8\xad\xd6\xfd\xb1\xb0\xb5\x110}\xac\xdf\x1b\x0f\x8f\xca}\x11p\xa7\xb0\xfd&amp;p\x89\xba\x8f\xee\xcb\xe3k\xa8\xdaX\xd3\x97\xbf\x96\t\xb1\x93\x8b\xbf\t\xdf*\x17\x04\xe4\xa3F\x13\xfd\x9b\xeap\x91|\x9f\xd5m\x7f\xb87}\xf2n`u:Ye\x1b\xd9\xe4T\x12\xef\xbe\x19\xc3\xa1G\x01\x8c\xc3"plTe\xa2\xec\xadj\x19\xd4\xe1\xf0\xa5\xc7\xe3@y,\xa4\xfd\x10I\xc1\xa4\xa5\xe0\x7f\xd4\xf7s\xb5\x90}\xa5\xd5\xa0\xb7F\xd2Z\x1f\x1c\xf9\x94\xa7w\xe4\x8e\x00\xc5)\xa0#\xf5\xffb\x1dYU\xab\x8c@Y\x8b\xb5\xba\xa6\ns\x861\xa3\xd5Fq=\xabs\x1dw\x87}\xd3\x15\'4\xe5\xe9\xbc\xb0\xaa\xfa\xf4O.\xc0M\xe9\xcey\x80\xdaF\x029\x8a\xe2\xd6\x88\x9c[0\xa9\xa1\xe4\x83\xf4Y\x17\'\xd2i\x19\x8d\x0b\x18\xbc\x89\x12B\xb8\xbd\xac\xa9\xf1\xed=8\x9c\x97h\xeczW9\x9769\xaa\x7f\x05}\xca\x1d\xa6\xce\xad/\xd9$\x1c\x8e\x88=\x05\x84\xc6\x06A\'\xf8\x11\x8d\x81\x95\xa9\x92P\xbc;\xec\x14l\xa2\xd3#I2\x96e\xad\xce\xb2}\x13\x98\x83\xfeTF\xed\xec\xd0\x8d\xa7\xf0\xadB&lt;\x11X\xd0\xb2\xfdi\xf6&lt;\xb7SF\xe2d\xb6\xa6&lt;\xac\x15\x14\x8e\x15\xdd\x08r\x89\x127@\x1f8J\xc1\x00\xf6E$\x04\x80\xb7\x97$%\xa5~\xef\x9aX\x15h\xe4\x03T\x0eG\x8e_!\xde\xc5\xcb\xc9,\x9f\x10\tRz\xc2\x93\xca\x16\x0eC\x7f[\xaa\x19\x00\xf0)\xe2\xddXo\xcdT1i\t\x9e\xb5\x7f\xd6\x19X`5\xf9s|\x96@)\x0cB\x80\x0f+.\x1e\xa2\xaaI\n\xee\x02\xf2\xae\xd0\xc2\x80\xde\x86\xb4\x0f\xa5\xc3\x93\x8a\x0eG\x05\xb7H6\xbdR\xa1\xaf\x98&gt;\x9d[\xefUTP\xa9\x9f\x03R\x0f\x00\xe0}\xd9\xbbz\x95\xda\xaa\x9c\xb5.\xf2\xf2!kt@\x93\xf1U&amp;\x00\xf87:\xb2\xa3\x15\xeb\x11\x9d\xd1C:1d\x0cI\xd6\x95\x01e\xd2f\x0ev\xa3:\xc3l\x1c\xd7\x82\xa6\xfbe+I\xec\x89!&gt;\xcc\xc8\x94\x82\xfe\x13\x89\xc3s\xad\x12iG\xa0*[8\xfa\x9b\xf7\xff\x8b\xa4\xbb\xd1l\x02\xcbr\x07\x0e\xf8\x03|\x07\xc9_\xef\xb6\xf2\xd63O\x06\x01^\xbc\x97m\x9e\xe6/\x0bz}\xffXut\x1c\x07aX*\x8d\x0cx\x7fjV\xe6\xeb\n\xb6\x14\xdf\xb6xm\xe0\x18\xc9\xdcY\x16\xe9\x97\xfa\xc8s\xc00\xb5\xaaj\xefz\xdeja(\xfb\xc1}\xa2\x9b|qC\xfbl)\x9d\x10\x8f\x1bMj\xdf\xb3|.(\x9e9q\xdc\x1f\x8ew\x077\xb9\xa2gO\xbe\n\xeb\tup\'L6\rks\x13$\xd1\r\x19$u1y\x02\xd0\xeb9\n\r\xb5\x1d\x12G7\xa4\xd7{\xc6\xc3\x11\xcd8\xe2\x07V9\xe6\xa2\xdc&lt;2\xf3\t\xe1N\x91\xbf\x0b\x08\x1d\x06=\xa2S\x01\x80|Rl\x95\x8e\x8e\t%\xba\xe5\xc4\xea\xb3n\x95s\x11\x94[l8G\xc1\xb5\x9b\xcc\xea\xebIVB\x81\x95\xdb\xb8N\x8a|\xa8\xee\x18$c\x93bjS\x807\r\xf8\x98r\xab\xe8\xec\xe8L9\x1f\x906\x7f\xf01\x1af\xc5\xc9\x92\xb7\xf5MutK\x07\xa5\x8aA\xe4g\x8d\xee\x1e\x03\xc2\xab\xb8\xeb\xd5\xc19\xd2\xce^\x8c\xc8\xbc\x0f\xcd\x8a\xf0U\xad\xb6\x80\x14\xc6c2]\xf8/p\x1a\xd2 x!"\x91\x89u\x8a\xd7g\x98G\xc9\xb0M\x88\xae[\x98\x82\x94\xd0\x86~\xa9\n\xf7\x98\xdd\x11\xe2\n`\xc0\x1c\xbe=\x95\x1e:l+\xd3\xa2S\'r i\xc6e\x7f\xb0\xa9\xc7&amp;k\x9b&gt;\x13\xed\x96\x1fS\x95\x15CD\xe0\x82\xc4\xc3\x0f\x89C\xdd-\xe9\'\xe6\xdbs\x00U\x86!\x00\xfc.\xa5\x82\xc9\xfa\x00 \x88\x8bNRt\\U\xe8\xcf\xe0\x03\xc0\x0f\xae\x1f~\xf7\xfe\x1a\xae\\1\x86\x15\xfd\xde\xaa\x9b\xe6\xac\xda\xf2z\xda\xf1\x14au\xd9\xb3#\xe8I\xf1?\x17\xfc\xe6d\xe3%\xf3\xb2\xc4\xa8\xbc^&lt;\x9d\xd50\x87\xaf\xe3\x02\x7f^\x93\x9a\xaa\xaa4:\x16\xc2\x05\xb3\xf5\xf8T\xa1\xa1\xdc\\\x9b\xa0^K\xa2\x1d\xbd\xb8F1I\xdc\xfb\xaeE\xbb\x82[\xc7\xe8\xc3\x05}}\xf0\xb4\xd0\xb6\\-/~*s\xab\x7f\x1c\x0e\x81\xca\xfbk6\x93\x93\\\xc4\x00e\x94\x8a)|4\x00|\x15\xed\xf7\xa3,\x8b\x92\xaf\xa2D\xc8E~\x1cg{,\xb2\xaa\xc8\'\x80\xb7\xd7LZ\xd5\x89\xcf&amp;tR\x91\x13\x01\x94\xf9]d\xc0:\x1e\x07\xb5\xa0\xe9\xc3O\xd4\xa1!d\x8b\xcetT\xc05i\xbc\x91\xee\xafy\n4\xe9\t\x10\x00&gt;CI\x1c\x14\xce\xba\xbcn\x9a\x00\xdc\xa3q 7?\xbc\xb9\x9e\x02&amp;\xe6\x01\x81\xfc\x1d\x15\x94\xba]\xe2\xafb\x15g\x90\xca\xe2\x93\xb4\xda\x84o\xb6\xbe,\xa1\xf8\xad\xca\xf2\xed`X\xdb\x81z\x96\xb2z\x192\x89lYg\xeen\xec\xa9\xc1/\x8fK\x7fM\x13\xa3\xf2N4\xbe\xb9\x00@\xf3\xa6\xbc\xc3\x00}o\xc7s8&amp;\xa1\xf7\xf7\x000\xe4\x88\x01\xbf\x9b\n\x0f\xc5\xb8\xebe}\x93\xa5\x18\xa8\xde\x08 \xbfN\x86\x90\xc8\xa1\x97I\x92"~\xc4[\xc4\x00_7\xcai\xabR\xe3f\xd0[\x91\x92\xf7\x17\x98mSx\xb7V%cm\xb8YvM\xfc\x88\xef\xa0-\xd8\x85\xb3\xae#\xb1\xe90\x9es\xd6nr3\x0e_\x0c\xf9*\xe1\xa9\xe0\xf8\x05a5]#g*\x88\x8b\xb7[\x19%+\x17\x0f\x96r\xd0\x00&lt;\xaf4\xa4\xf2p\x00\x00 \x00IDAT^\x07J1~\x0f\xf6\xcc\xe1\x94U\x99\xa3\xd1hhL\x13\xed\xa4Y\xb2\x86\x98\xadG\xe4\xcd\x8e)\xd2 \xa2\xea\xbb\xcb\x8b\xcf\t\x01\xfe\xcf\x91/\xe9\xb2b\x8f\x9e\x1c\x8f\x84\xe8\x0e\xf6+\xc5]\xa6\xe0\x8d`\xa0\x91eB)\x07\x9dH\xeb\x17M\xf3\xb7(y\xbf\xe0\xe6!}\xab\x82\x898\xa5\xac\x16,-\xd3\x8a\xe1\x96\x993\xaf\xd2p\x05\xb9y\x97\xe7\x0c\xe9ky\x94&amp;:\xb5\x05\x1c\x8f\x00\xd1\xc5\xd7\r(\xa3\x89\x9f\x9a\x8d/+\x14\xb9!\x9e\x06\xf5\x0cB\x8b\xa8s,\xeeh(\x9a\xf4\xbc\x9bZ\xf1\xd0\xeb_\xd6U\xbe\xa2\x9c_i2\xea\x8a2HIu\xf8D\x89\xd4\xe1\xe8A\x1e\x98l_&lt;\xfa\xc80uvy0\xccn\'*\xbeV\xd9j\xe2X\x03\xf1\xb8\x1b1\x16&amp;TF\x98W\xa8\t\xc9\xc29\x06[\xe9\xc5\xc0\x7fu\xdc\x0b\x06l\x02\x97}\xbf,!\xbc\xff\xfe\x8bN\xb7\x1d0\\\xe4\x11\xbd^C\xa5\xe8\xf7 \x8d[\x19\xcc\x9bn\xcf\xe8\xbf\xb9\xd1\x83\xe6\xb9b\xa6dz\xa2a\x7fK\xd3Og\no\x9f_\xd8\xa5(\xab\x85\xf4\xf6\x9e\xe2\x92\x853\x1a\xc2\xb82\xad\xfc\x1cw\x02\xe5h\x00\xf4\xc3F&lt;M\x82\x01\xca]\x06Ip\x97nQ\xb4pC\xcd&gt;\xa4\xa9\xcem\xf0\xb13Y\x95\x1b\xfc;\x89\x83FJ\xf2u\xd0~R\xb4\x87\xc7\xb0\xff\x07\xa8\x82C\x85\x19=]\xf2\xbc\x88-\xa5n\xd7\x92\xefF\xa5\xe0\x1f\xf5N\x009\xf3n&amp;\xa4\x17\xcb\x0eo(\xa5\xa0\xaa\xa9=\xf2\x08\x13\xc2\xb2~\x1by\xf7\x1d\x86\xc9\x9a\x07\x93\xf7\xbfrE\x1c\x0f\x88\xd5\xe0&gt;\xf4\x10A\xd8\xb8/\xb21\x90\xa8\xa4Sf\xa5\xda\xd3\xa3)\xc2\x10\xdf=\xaee\x04\x1ez\xfe\xb8j\xb2b\xca\xe9\xc1*W\xa21N\x00U\xfd\t\xfeJ\xd6\x1b\xbd\x86-GYe~\xfa\x90\xc9p!U\x1c\x16\xeco\xff\xbf}\xe7\x1f\x01\x9d\xf4\\n\xa2\x8dQ\x04\xd4\x92\x8fr\xbd2V\x01%\x82+\xcf\xa0\x02d\xcf\x0c\xdf\x04u\xb4\xd1\xcaS~\xea\xd8\xc80\x7f\xf2\xe8\x16\xbd\xb7j\x19\xcd\xa0\xdaD\x9a6&lt;\x17\xb2\x86\xd0\xd1J\xcd\x9a\xe8\x1b\xad\xdf\xd8\x1c\x8e\x15\x95M\xe05\xd0Xw\x81^6A|\xf2\xbc\xe6\xf6&gt;\x00Ch3(\xf0\x00\x80[^\xe3\xfbU/\xf2\xcd^\xdb\xbb\xbb\xe9\x0e\x1d2\xa9\xcf\xca4laXp\xd8\x8e\xe3\xda\x99\x85\x90oY\xd7\x9b\xa8MJ\x04\xc0\xa7\xce\x0br\x97e\xc9\x1b(\'\x98$Y\x90\xb8\xc4i \x02\x8a i\'\x1e\xad\x00\x9c\xfa(\xa2\xe3L\x90\x0bv|\xf1W\xf24&amp;\x11e\x11R\xa8I\xf3\x86[$\xa5\x92\x1e\xe77\xdemZ\nK\x93g\xe7\x9a\xb4\xaa\xf6XU\xdb\xa0\xa9Z\xb3\xb1\xf5\x97B\xc5m\x1c\x80\xffqf\x0b\x93\xe4\xb8M\x0f/n\nq8\x12\x94V\x92\xd91\xbd\x9d\xa86tfH\xa3\x1c\xfa&amp;\xa5\x13\xbb\xc2T\x8d\xba\xd9\xe7\xe9\xfey^\xb5\xca\xfa:\xde|\xc5\xaf\x1e\xdd\xc2\x9f\x80/\x9e4\x014p\x18\xde/\xa6I\xa8y\x84:\x9e.\xc8\xd1\x05\x90[O\xb31\xc9\xb1\x9e@\x10\xef\x1ad\xa5ey\x95r)&amp;\xcc\x9e\x064&lt;\x01\x00\xfe\xd9(\x81\x03\xd0\xdc\x08\xe4T]\x1a\x9e&lt;\x17\xea\xd5\x83\xf7\xeeRo\xde\x94\xdf\x0fl5\xec\x88;X\'\xc7\xf5A\x1ati\xe8x\x11 ;&amp;\r\x7f\xb9H?\xb0\xfe\xe5\x18\x0e!9\xc1\xa9\xe1\xc6K\xe9\xd6uo[\xa4\x9e\xda\xd1\x00\x8c\x1c\xd5\xe4ROY\x90\xbe^\xe3E\xde\x1f\x95\xbb\xd8\xbca;7\xcd\x04\x00\xa2c\x85\x80]\xb3\x18\t\xb5\xa9\x98\xea\x16B\xf8"\x8f\xfd\x1dz\xe8\xbd9\xb6*z\xda \'\x80q\x83\xb9\xadHQ\x8b\x7fd+\xce;\xfa\xb6z\xc1;1^/u\xfd\xfa9@+W\x19,\xa7+\xa4Q\xa2\x0f\xc6n\xa8\xc6\x82?&lt;\\\x95\x10Bm\x1ds\xb0\xb3\xf6\x99\xc1\xd1\x82l\x02\xe0hv\xe2\xfd\xe2\x1f11g\xee\xb6\xcf\x01m\x90g;-\x93\xf8\xe1\xb7\x06\x08am\t:\x90,\xfc~)\xb2K\x93_\x16\xe7\x98\xaf \x99\x87\x8e\x15@E4\x00\xc0\xb7\x8f\xe59\x0ftp\xa3k\x16\x8elR\xc3:\x1c\xc7\x01;-\xc5\x04`;\xc00&lt;\xe0\xb5\xa26\xfdX7\x03\t\x0e\x90}\xa5\'\x80F%\x15*%\xf3\x0b\x9ej\xa0@\xb3\x14A\xfap\x9e\xf3@L\xbd\xe2\x94\xb9\x7f\x05\x80Obx\xc6y\xfd\x92M\xe1\xb3\x93CB\x16\xc2T=\x85\xde\x8fdl\xfbU\x1d\x0b\xabC\xc4\xfb\xe7\xb9\xc7\xff\x07\x8d&lt;ee\x94\xdcH\xffN\xf5i\x83^\x06\xd4-\xe7Es\xa5\x07\xbb\x99\xc9\xf4\xc7\xdb\xec\x8c~\x1a\x95\xaau&lt; J\xcf\xa1\x99\x00\x1a\xf8\x97\x17C\x08\xf0\xa7\x06g-\xe5-\xbbR7=\xe7\xbfT\xc4\x83\xa1/\xf4\xc3\x05\xaa\xad]\xe5\x7f\x91(\xcf&gt;\xa7J\xe4\xa5\xe9T\xf97\x18\xa7\x9e\xde\x8a\xe6\xf0\x82\xa5)\xcc\xf8\n\x9d\xee\xb8o\xe4\xde\xf9\x10\xabZ-\xbd:\x00\x95^\x92`N\xcd:\xda\xe2:e\x9a]\x7f\xc6\x81\xfc\x1a%r\xfc\x8f\x08\xe9\x9b\xd0\x10\x83s%\x00\x01]\x1c&amp;\xbd\xd3\xa2L\xfc5Sx\x08\xe1\x17)\xb8]\xb3\xdf\x1dw\x86\x8b\x18\x11\xe1\xf5\xc4a\xa3\xb1\xfe\xb6\xe1z+\xab\x0c\xb7\x9b\xb8C\x8a\xf2VI\x8f&gt;\xdb\xe55hx\x84\x10-\xf4\r\xd5\xc8\xdcNo*SL\xf0ubi\xbe\x0f\x01&gt;;\x84\x8b\xf5\x91\xe3\xd2\xe0\xdcJg\xf4:\ndZ&amp;*\x05\x00\x00_\xca\x96UD\x8e\xf9\xf5\xaf/)\xbf\x9f\xf2/\x15\xb5\x9b\x91V\x8d\xf0k\x00\x7f1l\xcd\x12\xeb\x10ks\xfa\xc8\x1f\x98Mnf\x05!\x00|\xa0DP\xcb\x11\x19\x02\x7f\xbdZ\x94\xe8\x81\xa3\x0c&lt;\x95\xefh\x00\xe3e\xeac\xe0\x18C\xeb\x89\xe6bIm4MM\x0cd\xd96}2\xad*d\xec\xe4GO\xd8\xa1\xaf\xadF\xa1_&gt;l\x7f\x07\xd6Ei\xd2Q\x01\xe5 \x18\xd5\xe0\xc3\xf8L\x9b\x00&gt;&amp;\x04\xf8\xf0\x19\x8c\x1dW\x02\xe9\xfd\x819\x83\x7f\xa3{\xee\xa1\xea5\xd0\xdb\x02\xba\xb2\xfa\xc5\xad\xce\xc4NU\xe1\n\x1f\xfaz{\xd2\xa9\x193\x04b\xe7\xfb?\x8c\xd0\x04\xf6\xb7N\x99\xb9U\xbb\xcc\xda\x02\xc3{\'c\xd8\xd0#g\x07\x0c\x8e+\xa1p\xfd\x10\x98\xb0\x02;4\x80_[\xe5y\x96\x9dYc"A[\xec\xc4\x95\xa9^(\xa0\xa0\xd7+\x1bK\xb1\x99\x84I\xed\x1e\xd7U*bK\xad"\xe5(\xcdm\xd2\xd1\xdf\xec"\xcf\x9f9\xf9\xcf*S!\xd0sc\xf8k7\xc0\xb6\xcf=\x02\x1d\xf7\x8a\xe2\x17\xc9\xd3\x1f~\xd9\xcdh\xbb\nMo\xbd\x8flW\x86\xfb\x9b\xf47nml\x0f@\xa9X6\xb4\xea?\x1dCa\xde\xaf\xeb\xac\xef\x94/;\xf1\xf4\x9f\x0f\x89M\xd1\xa9\t\x94?tS\xfb\xb5\xa2\xdd\xcc\xe6\xfc\xae\x11\xc9Y\x90UV\xe1\x14\\\xc40\x1c\'"\xffA\x18\xc2\xfb\xafW\xb6\xd0\xb2\xcd\xfb\xd3\xfc\xc3-\x97\x01[\xe6\xa2\x87\xf3$\xc4\xdf\x08+\xfd\xbe\xf6\xa7c"%\xfa\xf5\x9b9\xca\xfe\xc6\xed\xc3\xfb\x95:\xe0+\xfaV\x13\x1a\x98\x0b3\x859\x0f\xff\x84\x0e\xc7X^\xab\xbd6\x90\x91\xc2r[\x8d\x91[5Q\xd7\xa1\xd6\xb2\xad\xff\x12\xae\xdc\n,WW\xec\xffm=}PL\xee\xa1\xbf#\x87\xd5\xf6\xb6T\x00\xc7\xad\xbe\x8d\x9c\x8d\xcf\xf1\xe3\x95Q\x0c\xbe[G\xd6\xaaNY\xaf\x06&amp;\x9d\x98\xd4\x96\xcd\xcd\xd2\xacK\xf4\x8c\xa5\xd8\xf5\xfb\x871\xee\x8c\x9c\x18\x9au(\xf5\t\xc8\xf5WeU5\x11\x12k\xf8R9\xd9\x80\xf1\xf4W\x8fa;\x1e\x19/WS\x9ab@\x96\xc9 &gt;\x06\x89\x00_\xa6O\x95\x8e\x13z\xfc`c\xf6\x8a{+\x0e\x08\x1a\xfa\x1e\xec\xbe\x15m\x0cp\xce+\xa1\x99\xa6\xcc\xed\xf38\xbbUuG\xb1/\x92\xb6\x89}/\xda\xbd\xbf\x03\x03R()\x07\xc8\xd5\xd1h\x06\x9br U\xa9\x9e\xa7#3A\xd3\\\x95\x9d\xc6~\x1d\xbeRMi\xaf\x7f\x7f{\x89\xbe^\xcd\xa4;\xb6\xed)\x9e)o\x10\xa7\x17\x81\n&amp;\x1cf:s\x9f+\x9e\x04\x94\x9d\x1c\r\xae\xc1&amp;\xfe\xcbB\xa2\xdak\xd7\xbcg\x91\x16\xe0\x12\x02T\xd9/\xa8\xea\xd0\x8c\xd2\xaf5\xf2\xa9\xf9\x94\x81C\xf4S\xaa\xca\x14\xa9\xf6Q.\x02\xfb_\xbd\xff\xcf\xa8t\x06\xc3X\x88b\xda\xe1n\xe6\xb3WM\xed\x10\xda\xe7\x9b]\x90\xb5\xa4\x1d\xd3g\x18\xc7E\x80=2\xd7\xe1\x00\xf2#\x962\xffl\x11=\xd1|I\x93\x85\x97\x9c\xf9\xe3$\x9d\xf4\x95\t\x80\x1a\xa5m\x95\xad;\\;\xc3\xe6\x98\xba\xfc\x90O?\xf6\x04H`\x1c4\x14\xc8\x08\xfe\x81\xe8\xb2\xb3=\xe1BO~\xf7{\xb4{\x85Aa\xbb\xb0\'\x11j\xb7\x1cw\x86\xd2\xfayC\x1f\x16\x11\x1c`@BlX\xda7[\xe5O\xb0m`jv\xc5\xad\xd1_\x95r\xab\x0e\xfe\xac\xe5\x9f9/\xa5J:\xce\x8dAn\xc1\xa4\xb6\xc5ZeB\xa5PR)\xef&lt;\xc9 \xf5\x8d\xa0\\\x16\x1f\x03U\x93^F[G\x17p\xfe\x14\xe1]i\xe2\xd4\x9c\x9b\x8d@=*\xdas\xb2J\xbf\xb9\x15ab7\xcbiU\xc8\x1d=\xca\x9b\x15\x91\xec\xa4\xe1\x83\'\x00U.\xe2m\xa7\xa8\x11\x8a(\xfe\xcb\x15\xf4rr\x86-\x05\x953?\xf8V\xff\x9c\x94sV\xd0\xdc&gt;\xa0\xbf\x04Y\x9a6L\x0cI-H&amp;2U{d39\xae\x0f\xce\xf8r\xb2A3\xff\xd4\t +\xa8\xd4\x99\x99\x00"~\xbcR\xbc\x94\x9bb\xbb\xa8\xadB\x1b\xc6:\xb8\x1e\xe4\x8dY#\xaezy\xa1T\xde\xca\xa9\xdc\xb2S\x14\xea\xab`\xe5&amp;\x13\'c\x90\x11\x04\xc2*S\xafG\r\xd7\xb1"\xc7\xe5@y\xc9?\xdb\xc0\x04-#F\xa8%\x08j_F\xe0(~\xeeZ\xa7\x13\xd8w\x8c\xe2\xa6\xa2\xb4\xf0\xac\xb25\xc8\xfd\xdf7\x9e\xe94 +\t\x8c{\xbd\x14H\xed\x84:Z\xe3z\x13\xe5\xb5\x9b\xcaq\x146\xdb{\xdf\xf8\x15\xddza\x11\xad\xfc\x95\xed\x83\xb8\xa5\x9c\xac\xca\xc7\xea\x9b\x08"?kJ\xc9\xc1eF#\xb0:l\x14Ue)\x13\xcd3\x14\x1e\xdb\x0e\xca\t\x8f\xec\xb5\x86\t\xfd\xf4I\x83\xd3\xf8\xb6\xf1\x837r,&lt;\xab\x12}\x02x\xea\x10\x9c \xfcC\xdaJ\xda\xecf\xac\xadq#\xdf\xac\x123\x0e`_\x8f_h\x9c\x94\x1d\xa1\'\x9e\xaa\xc9\x0cq\x9a\x96\x07\xf8\xb6a\x82\xfe\xd5i\xe1\xb0\\\xd3l\xff\xc3\xb6&amp;\x1b\xa1\x9e\xe3\x91\xc1\xfb@t7\xbd\xf8\x93M\xa3}\xac\x1b\x1d\xce\x8d\xbb\x08\xf05/\xe9`;o\x04\x02|\xf6\xa5\x06x19\xd5\xe9u\xdb\x9e\xd3\'\xb9(\xe5\xb0\xe6$v2\xc4\x9a\xb6\xc5 $\xfde\x82\x19\xc7y\xd0\x0c\xbc\xf8\x81\x0c\xff\x9b&amp;\x80\\\x87\x1eK&lt;`\x02\xa8\xdej\xe6i\xe5\xc3\x8d\xe4\xe2\x8aV(D\xce\xe3|A\xd6#\xdcb%\xdf\xb35\x89\xe8\xd1O`\xbbO\x00G\xec\xe5\xc4\xc9Fo\xc3P@UJb\xe5\xd9\xff\x87E\xfe6\xd0\x12\xf1u\xcd,\x01\xff\x92K\xe5+31VS\xcbJ,\xbb"M\xd0)\xa01t \xde\xfa\x8b\xe5\xb4(\xb9\xa5n\x07\xf8X}[/\x8bZ\xdb]/j\x82\xb7)\x18\xa5\'\x9a\xe6\x9a\xc47\x87\xa7\xae\xb6\xaa\xee\x96\x00I^\xe2\x1dUL\x92\xe3\xad\x8d]m4\x80\x00\x9f\xdf\xc0\x18q@\xea\xad/\xf7\xee\x99\xce\x94\xbd\\\x12\xed\xed\xb3hG\x90\xe31q\xef\xf3?\x1e\xedR\xfc^M\x94\x0f\xd6kc\xdb\x14\xb2E|\x89\x82\x7f\xabj\x92n\xd4\x15\x03O\xab\xe8\x06\xcd\x83\xba\xeb\xb3R\x15\x9a\x10 \x84\x9f\xb1*\xa4g\xdeZ\xe5(e \x87{\x1f\xfb\x0e\x19\xc7M\xec\xc0\xfc&amp;\x0cI3It@\x83\xf0R\xbf\x83\xb1\xed"\x87`W\x0c\x00\xb8BC\xda\x13\xbb\x80\xf27O\xb2\xeb\xd0aR\xa5\xb6\x82\xe8N\xce\x1c\x19\x16\x07\xcc\xcf\xb6\xac\xd7\x9b\xdbV\xb2\xff\x10\xc2\xb4\x9f\xac!5!\x7f\xc4&amp;s\xfa\x97\x1a)\x8e\x830o\xe6\x17\xc2\x8a\xc3\xc2\r\xa5\x18\x</t>
        </is>
      </c>
      <c r="E177" t="inlineStr">
        <is>
          <t>&lt;class 'numpy.ndarray'&gt;</t>
        </is>
      </c>
    </row>
    <row r="178">
      <c r="A178" s="1" t="n">
        <v>176</v>
      </c>
      <c r="B178" t="inlineStr">
        <is>
          <t>steps_per_sec</t>
        </is>
      </c>
      <c r="C178" t="n">
        <v>2600</v>
      </c>
      <c r="D178" t="inlineStr">
        <is>
          <t>9.936342</t>
        </is>
      </c>
      <c r="E178" t="inlineStr">
        <is>
          <t>&lt;class 'numpy.ndarray'&gt;</t>
        </is>
      </c>
    </row>
    <row r="179">
      <c r="A179" s="1" t="n">
        <v>177</v>
      </c>
      <c r="B179" t="inlineStr">
        <is>
          <t>Loss/object_center</t>
        </is>
      </c>
      <c r="C179" t="n">
        <v>2600</v>
      </c>
      <c r="D179" t="inlineStr">
        <is>
          <t>3.408249</t>
        </is>
      </c>
      <c r="E179" t="inlineStr">
        <is>
          <t>&lt;class 'numpy.ndarray'&gt;</t>
        </is>
      </c>
    </row>
    <row r="180">
      <c r="A180" s="1" t="n">
        <v>178</v>
      </c>
      <c r="B180" t="inlineStr">
        <is>
          <t>Loss/box/scale</t>
        </is>
      </c>
      <c r="C180" t="n">
        <v>2600</v>
      </c>
      <c r="D180" t="inlineStr">
        <is>
          <t>0.10988163</t>
        </is>
      </c>
      <c r="E180" t="inlineStr">
        <is>
          <t>&lt;class 'numpy.ndarray'&gt;</t>
        </is>
      </c>
    </row>
    <row r="181">
      <c r="A181" s="1" t="n">
        <v>179</v>
      </c>
      <c r="B181" t="inlineStr">
        <is>
          <t>Loss/box/offset</t>
        </is>
      </c>
      <c r="C181" t="n">
        <v>2600</v>
      </c>
      <c r="D181" t="inlineStr">
        <is>
          <t>0.23587379</t>
        </is>
      </c>
      <c r="E181" t="inlineStr">
        <is>
          <t>&lt;class 'numpy.ndarray'&gt;</t>
        </is>
      </c>
    </row>
    <row r="182">
      <c r="A182" s="1" t="n">
        <v>180</v>
      </c>
      <c r="B182" t="inlineStr">
        <is>
          <t>Loss/total_loss</t>
        </is>
      </c>
      <c r="C182" t="n">
        <v>2600</v>
      </c>
      <c r="D182" t="inlineStr">
        <is>
          <t>3.7540042</t>
        </is>
      </c>
      <c r="E182" t="inlineStr">
        <is>
          <t>&lt;class 'numpy.ndarray'&gt;</t>
        </is>
      </c>
    </row>
    <row r="183">
      <c r="A183" s="1" t="n">
        <v>181</v>
      </c>
      <c r="B183" t="inlineStr">
        <is>
          <t>learning_rate</t>
        </is>
      </c>
      <c r="C183" t="n">
        <v>2600</v>
      </c>
      <c r="D183" t="inlineStr">
        <is>
          <t>0.00064</t>
        </is>
      </c>
      <c r="E183" t="inlineStr">
        <is>
          <t>&lt;class 'numpy.ndarray'&gt;</t>
        </is>
      </c>
    </row>
    <row r="184">
      <c r="A184" s="1" t="n">
        <v>182</v>
      </c>
      <c r="B184" t="inlineStr">
        <is>
          <t>train_input_images</t>
        </is>
      </c>
      <c r="C184" t="n">
        <v>2600</v>
      </c>
      <c r="D184" t="inlineStr">
        <is>
          <t>[b'512' b'512'
 b'\x89PNG\r\n\x1a\n\x00\x00\x00\rIHDR\x00\x00\x02\x00\x00\x00\x02\x00\x08\x02\x00\x00\x00{\x1aC\xad\x00\x00 \x00IDATx\x9c\xed\xbdw\xfc}OQ\x1e\xbe\x17\xc1\x06j\x82\x8a\x02b\xc3.`\xc5XPIb\xc1\xaeX\xb0\x8b\x15\x15+\xb1\x0b\xf6X\x12\xbb((*\x8a\xa8H\xecQ\x8c\x02\xd1\x88\x8a\xc4h\x14~F\x11E_*QQ\xa2\xc4JD\xe7\xf7\xc7\xbdg\xcf\x94gfg\xcf\xb9\xef\xf6a\x9e\xd7\x97\x0f\xe7\xee\x99\x9dyfvvv\xcey\xb7\xd6\n\x85B\xa1P(\x14\n\x85B\xe1E\x1dtFU\xefv&gt;]\x85\xc2\xf5\x83\xb7Y\xce\xb8\x89\n\xd7\x0et\xfc\xef\x88\xab&amp;s.\x10\xb5\xa37\x9eO\x1b\xdc\xdd\x13\x9e\xccLZh\xd3C6\xdba\xda\xa4\x83w\xeaK\x8c\xfc&amp;Zs\xc0#|\r\x13\x84&gt;\xa8\x11\xd1\xb3\xf6U(\x92+\xbb\xa4\xcd\x8b\\5\xf4\x8a@~\xdd\xc9\xb9\x9ef\xc2xLX?Gr^\xc3$\xbfp\xf4Z\xa9\xc7\xcd\xc5\xe5\x90\xf9\x90\x0b\xb3H\'\x13t\xaa\xb3\xf4T&gt;.i\x80b9{FB\xc9\xe1\xf4\xa3\x89\x8bH\xc2\xc5kW\xb5\xd8\xc0\xeeaq\xab\x01/\xd3q\x15\xbc)7&lt;*4YX\xd3\x92Y\xebC\x81n2\x1f\xea\xabZ\x92\x9b\x9d\n\x01\x02\xc7h$\xb0\xd3\xeep\xd1g7 \xaff$3\xcc\x97\xffE\x95\xfao\xbb\xcc\x9d\xb0\xbb\x95\xf3\xce\xd8\xe2\x13]\xa0\xfdr\x82\x03&lt;\x08\'hl\x983\xe23k\x91\xf71sk\xe7K\xdb\'\x06\xef\xe3\xb5\x85\xb7\xa6Sg\xc3% f\xf2\x9fw\xcc\xc5S\xd2\x83\x1e\xbem\xd6\xe4u@\xbc\xe2\xde\xbd8.\xb3\xfb\xedB\xc1\x0b\xd9\xdf.#\xc3Y\xffh\xb6\xfa\xec\xde\xd0\xd3\xf9\xad\x0b+\x16D\xf4\xbc\xf0\xaes&lt;\xfcV\xa8s#\x93\xc4\x13\xcf\xc5\xe6\x89y\xac\xf9\xda\x96\x8b\xfcl\x19\xec]\xd1\xf5I{\x0f\x81k\xc7\xb4\xfc\xa0\xb3\x9b;\xab\xc2\xb3c\xed\x12\xeez\x03\x96\xef\xfc\xb8\xda3\xff\xe2\x9a\x0e\xab\x13\x8c\xf4\x8b\xc7\x99\xd7\xc1f\xab\x9c\x85g?G\xc6\xfd\xec\xb6\xbe{\x07\xc9\xfb\x99\x91\xdbnS\x94\xc6E\xa7\x1d\xd1\xe7\xa0\xc13\x9b\xed\n\xaf[\x07\xbd\x13\xee91\xd5\x06\x9d\x87\xcb\x04\xf8\x12\x10=4`K\xfdK&gt;\xa8\xbd\xbbEVq\x88\xabm[\xf6\xf4\xc2\xc7y\xcf\x00\xe3\xceS\x0b\xc7\xe7\x84\x92G\xe1\xf7\x82G\xc2\xf4\x8b\x08\xcb9\xc0\x9d\x06\xf7\x07\xb0\x04\xf7\x94\xa4s%\xc6\xba!\xef)\xca\xe5v\x85\xe7 3k13\xed\x9a\x1c\x00g\xd9\xd4\x81/\xf2\xe9\xd6\x9d\xbe\xdf\xdc0\x9a\xd7 \xd8\x85\xabC\xe6k\x06B&gt;|\x933|h\x18\xee\xee\x9d\x85i[\xf9 \xe7zQ\xdb\xe8\xab\xc6\x13/\x14\x99z\x91U\xb5_C\xf2\xab\x9a\xf7_\xbe5kR\xf9\xb58\x01\xce\x84\xa9/\xbdd\x03\xeb|\x8d\xea\xf8\xef_&amp;\x84\xcf\x08\xfa\x8e\xcb\xb3uSq\xb5q\xd9\xbc\xe1\xa3/l8\xed&lt;\x11\x11}\xfdHm\xf4-"{p\x96V]\xcdO&gt;\xd8\x06V\xaf\xe1\x9e8KB^C\xbf\xae\'\xe2\xae\xe8\xbc\xa7\xddy\x17\x85\x0c.\xd3za\x80\xe8\xdd\xdc=&amp;\xde\x95{\xca\xb7\xb4\xd2\xa9/\x0f\xbe\xca\xf2\xd20\xaf\xf6\r\xf6o\x13Z\xbe\x8b)#\xd6X\x04\xf4v\xbd\xe1i\x8e_\x14$f]\x10\x9f\x1b\x87-of|\r\xf97cSF\x03\xeb\xd9Y\x01\xb6QyQ\xc6\xb9^\xb9ny]3kna;x\x02\xd8\x9a\t\x1bY\xd9G\rF&amp;\x96l&gt;\xdb\x80\xcb\x15f\xfb\xe5\x7fU\x89\xe4\xba\\\xf9\x1e\xa7wZ.B&amp;WB3\xd7\xe5\xac\x99\x13\xe6\xd89C\r\xd3f\xcbq\x85*&gt;\x7f\xe8\xafS \x02\x11\xd1K\\\x94\xe6\xa7\xcd2\xd9\xf7B\xbc\x85\xc5\x88r=\xb57q3\x8e~=\xa0\x7f\x94\x85\xc0\x960\x12\xe3\xc7\xe9_\xdb\x83\x037\xe1\xf0\x84[\xf6C\xfb\x9aQ|\xe4\xc8\xc5\xbc\xfb\x1a\xadB\xa6\xc1?\xedsr\xdf\xef%\x15\xeew\x90\xbf7\xbf\xb9\x85fu\x01e\xe3E\x98\xdb\x1f+[\xf8U\xc6\xe6\xcf\x80\xcbob\xae\x06\xf8\x8d\xf0\xc5\x1c\x92[\xaa\xf9$\x8dO\x06\x1a\xce\xbf\t\x93\xacpiF\xc1\x1dT\xea\xf0\x0b\xd1\x90\xcc\xe6\xe5[\x9fK\xa8\x11\xfd/\xfbtr%\x15mh\xd3l\xfb\x0bI\xe0m\xb8\x0eD\xfel~\n{\x92\x06\x8f\xa4g\xc7\x19\xce][\xfd\x91\x15-\xb4\x03\x7f\xb8g\xf25\x81\x17\x86\xeb\xb5\x7f\xf2\xc2\xaf\x05\xcb%=\xfe\xec\x94\x88~h\xfc\x80\xff\xd9\xee\x01\xa0\x06\xd9\x85J\xcd\x87\xe0\x03`\xdc\x91y9\x8e(9\x1a\xae\xa2\x81\xddfOm\xe9\xe1\xf6\xbeL\xbf\x88\x88\xe8.\x17\xa8\xff\x02$\xcf2\xfd\x8c1\x1e\xae\x97\xa9\xfeD\xb2t\x9c\xda\x82\xd6\xde\xf2|g\x00\xdf o}E/\xf4\xce\x00\xa2\xbb^\xa4\xf2v\x87}\x1av\xfe\\\xe2\x85\x9edP\xf3\x8b-\x99\x07\xef\xc2\xb4#-p\x1a&lt;J\xde\x07ih\xc85\xefiWOG|\xf6\xef\x87s!\xc3\xa0\xbf\xc2Z?\x8a\xdd~e\x8e\\}\xf8.\x06\xe7\n)_#u\xe1J\x0euB\xdcoI\x12\xd9\x0c\xad\x0f\x88\xcb\xf8G\xeeqg\xdd\x8c7\xf8u_\n\xb3\xde\x9dB|1Fg\xbf\x98&lt;\xbc\xb5\x81\xa7}\xc3\xb8\xdez\x00\x1a],\xe6K\xed&amp;VB\xb3}Y\x04\xce\x83\xbe\x1f\xce\xda\x1aoV\x94\x8aL\xf8\xd6\xeb\n7\xe2ET\x81\xa4Jz\xd8\xc6\xef\x99\x86/\x00 \x8d\x9d\xde!C\xc1[\xe8\xb4Z\x88\x97\x11O\xdb\xf4\x12\xea\xabhn\x87\x94\x87\xd8hW\xf1\xb8|yH&amp;\x96,=ndOg\xe6\x99\xb8]\x0e\xe8\xab\x9d\xf1\xd6Zko\x96\xd7#\x0f\x80s\x16\\\xf7\xa5\'\xbf\xde\x9e\xee\x91i\xf3`q\xf9 \xba3\x1e\xbfd\x1e7\r\xa9\xe7\xad\x9eB(\x7fb\r\xf4\x81c\xb5{\x80\xab\xff\xb2\xc3D[\x10\x8b\x9e\x89\xc9~=\x97\x8a$\xdf\xa3g\xbcp\xef&lt;9\xe5Q\x91\x95\xdc\x89\xeb\xb08\xf4\xfc%\x8c\x17\x99-\xa7\xa7\x93%|\x17\x9a\x97\x9e\x1f\xd7d3\xcc\xee\xf0-O]\xbe\xddye\xa7\xb9I\xc9_\xde\x1d\xe7\xcctUF\xf7\x98;;\xe2\xb2.\x98\xab\xd7A3\x07\xc0\x19\xcf\x89\xeb\x05\xef\x11\xac\x99\x17\xca\xce\xf4\xa5\x96MX|\xad|I\xda\x16v\xb5\xea\xfd"\xb5\xccs\xa6\xb6`\xd01-\xff\x12\x11}f\xbf\xdeb"s\x00Le\xf6\xb67\x0cW\x8e\xa9\x02}\x8a\xd8~\xa3;JF\xaa(\xa7\xa7\x9ce\xc5\xa0\xb9\xeb\x90\x0c\xf9\x03\xa0\xb5\xf6\x91[\x0f\x80\xc6\x1eso\xa9c \x9f\xa4\x9b\xddV!\x8b\r\xda\xbd\xb7\xe7\xe8\xdd\xff\x9ao\n\xef M{\xc8\xd0Q2\xf4y)\x02\xfc\xfdf\xa71\x08\xf8\xbe\xf8\\\x93B\x90ib\xf4-\xef\x008\xddz\xec\x19X\x9d#\xed\x8e\x0fs\xebG\xa6\\\x89](\x8c\xb9\x89\xceo[\xd1\x9cx9\x91?\x016\x1d\x00\xf6\xeeux\xe7y\x1ed6?\x8c\xd0\xa0\x8d%\x11\xa0|\x899K\xf3%\xb4\x9d\xfb\x00\x18\xd6\x94LN}K\xa0\xe4\xf1\xf1W\xc6\xd6\xb7pv\xbc\x99&amp;}\xe8:\x0c\xf8\xad\x91\xdc\xa3\x14=\xa7\x8b\xd4\xda_L\xc9\x8f7\x1d\x90\xe4_\x86\xbd\xf2\x05\xca\x07\x90\x9e\x86j(\x18\xd9tN$\xaa?/G[\x0e\x00\xc7\xd9[a\x97dN\xbfm~\xee)\xbb4\xf3\x05R\n\xcb\xdc%\xd7\xb2u\x7f\xa6\x1fz\x92\n\xfb5\x99\xaa\xcd\xf5\xbf\xa5z\xff\xe3\xd8\xb59\xfdO\xdb\xf8\x01\xc2gR\xe4\xe3\x95rb\xce\xa6]\xef*\x01\xef\x05Wf\xed\xee5_\x0e\xfa2\x81[\xdf7\xa5idh\xcd\xc9\x0bQ{%\x92|J\xe2\x08\xe8\xc2\xdb_\x01y\xf8\x92\xcd3o\x04\xe2n4\x08\x1c&lt;\xcf/\xae8\xbc\xacKc\xdf\xf2n\x85z\xfa\xd9\xd6A\x98\xf4\x1dw\x7f\xf9\x87S\xf3\x18\xe1\x88\xbdaB\xd7\xb5\xec\x86\xa85\xa2w\xd0\x83KH\xed\xb2\x04\xcb\xc4j\xe8\xf9\x1e%\x9d\x17P\r,\xcd\xb5\x8bm\x9b/\xeb\xb0\x1a\xecw-s\x00\xd0\xe9\x9b&gt;\x97\x7f\xb7\x1e\x00J\xec\x8aJ\xcbU\x00,^\xf8\xbcf\xbb\xd4\x8b\xc3\x8658\x0b\xb7T\x91\xddT\x8b\xd7\xb9(\xc3t\xef\x7f\xa6\x8d\xd4\xf6\xe9\x81\x07U(\xbf\xcd\x8ek}-\xebf\xd0\n/\x17\x9f\xe3=HA\xfd\xb3\xf1\x89\x85/\xadr\\P\x9d\x9a=\x00.\x08\xb9\x03\x80\xfa\x96\x97g\xc0\xaeW\xc4/*\xd5\xbf\x8d\xf6\x86\x95\x99\x8a\xe9\xce8\xc2\xe9\xcf\x0eZ\xdah\x93\xcf\x19\x8d:qV\x8fL*.2\xf2uM\x97\xcf\xb0\x15\xb4\xcfQO\xcf\x98\xcd\x17\xb41\xdes\xd2\xa8\xd7\xa3\xa8,\x15+\xf2\xf9\xae\xf2\xe1\x8a\xeb)\xe1K\x9e&lt;\xf6\x97\xef\r\xd3\x87\x89\x1d\xcb\xc4\x04.\xe2\xecO\x9e\x01\xad\xf7\xa6\xa7]s\x97m\xf5\x7f\xd9\xad\xe7t\xe4\x1aA\xb6E\xc7\x7f\xd7\xf0i\xe1~\x8b\x85\xd1\xee\xbd\xb7\xda\xd1\xf2\xc4\xeb#6\xb0\xf3\n\x9e_\xb0\x8f\xd1WSg)\xfd\x0bG\xccOE\xf6&gt;z\xf97\xb0\x0e\x9fZ\xce\xf8\x98u8\x93\x9e\xab\x82\xa92\xee\xce&amp;$\xb3\xb3\xce\xe6\xcb"\xb7\xde\xd2\xcf\x88\xcb\x94\x94\x89\x8b\xc3\xb9\x9e5\xcf\x88d\xe9\xa7&amp;\x8a\xd8r\x00\xcc\xb6\xaa\xa761\xf9\xe0x\x83qt\xe9y\xac\xd5]B\xa6\xbd\xc5{\xcc\x8a\x9d\x97\xde!z\x85\xca?\xaa\x94U\xd7\xb0J\x10}\x8dV\xfbw\x8d&gt;"2\xe4\xf2\x8crr\x02\xeb\xb4{\xa1\xbb\xa3\x89c\xfdSlr s\xb1EI~s\x9a\x89\x19\xdf\x95\x8c\x95\xbf\xcc\xbdM/\x08\xef:\xee\xec!H\xce\xf5f%W\x82\xb0\xf6?\x9f\x88\xd7\xae\xfeX&amp;f\xed\xb7~\x16G\xae\x11\xfc~_$\xdc\xbd\x1b8\x12\xdb\xa6\xa0\xc0\\\x0c\xf4\xc0\xd1\xd3z\xbep\xcar\n\x96\x85b\x06\x9b#\x95d;\x0f\x80y\xd6\xa9w\xe2\r\x1d\x9cI\xe5\x81\xf0\x14]\xbc\x9a^_\x9f\xa6\x87\xa6Go$@\x03\xb1\xe7\xb1`\xccp\xb5\x92:\xab\xd0\xb3\xf8\x85V\x9f\xa4r\xefm\x1b\x90\xec\x17\xa8\x95\xc9\x83\x9b#\xff{{\x96\x15oDD\x0fa\xef\x7f\xbe\xba\x11}A\xb4#\x9c\x07J\x9b&lt;[\xf6\xf3uC\xe7\xdf\xeb\xd4\xe9c;\xbd\'\xe1#\xea\xa2_\xb3\x8c&lt;\xdb\xa9\xb8\xa5P\xee0ADD\x7f\xdadB\xefl`\xc5\x01\x90\xeeL\xa1\x1e8\xbe_\xc9E`~\x15\xfaE\x14\xf6\xb8|\x9f\x97U^8yN\x80\x9a2\xc3\xc7\xc3_*+\x8f\xd1]\x9a\xb8\xbb\xd5\x8a\x97~D\x7f\xb5_\xcfzwJ\x97f2\x048*\xe6\xac\x8cLo\xa5\x7f\xa5\x80}\x16\xbf\xce\xf8\xa6d.:\x1c\xd3\xf5%\xb8\xe5\xbc\xaa:\x8b\x0b(\x05\xc7\xf1\xb4w=y\x9a\xaaS\t\x87\x96\x07d\xff\xd7\x99\xb6F\x94\xfcF|c}\xf7\xeb\x82=\x8b2\xf3\xdc0\xa9y\x13\xab\xfd\xdb\x03\x17es\x8b^\xff\x9coi\xf8"\xda\x05\xbd\xe4\x12\x08+U\x1e\x9f\xc4Z\x8a`\x05oje\xdf\x06\x82aew\xddY\xeb\x94\xd6Z\xfb\xa5\xc0D\xa2\x99==\x1d;)&gt;\xf5\x12 Ss/\x08\x14\xe6e\x0b\x1a\xab\x9dF[\xa3?\xea\xda&amp;\xc2xq\x91:\x8b\xd6\xa0\xd7V\x8f\xa1\xe0\x16\xbd\x85\xab\xd6\xef]^? \xb3\xc3\xa1\xb3\x04\x19\xe65\x11\x11}f\x1fM&gt;\x9d\xcc\xda=\xaf\xc2\x8cE\xaf\xfb\x162s\xc8}\'w\x8b\x9e\xa8nq\xf4\xf7?=\xd3\xc4\x9b\x9f\xb3Fe\x83\xb6Lq\xbf\x9cZ\x86^MP\xbf\xb0u?&amp;\x16\x9c\r\x19nv\xa5\xb0\xa4\xd3\xba\xee\xb1\xbe\x10X\xf5\xac\xe3\x7f\x9f\x98\x9b\xb0\x1b\xafu\x90\n\xf4\x941\x81\x86\x9eT\xce\xdb&gt;sC\xd9YN\x86\xc7\x99\x9f\x91!j\xf41\xe3\x02\xa7\xdb\xfc\x1d\x1b\x7fsV\xe3q \xf9\x80T\xf1\x7f\xf1\x9c\xdd7\xbf\xd4\x17\xa7\xd7\x05\xa6\x96\xe1\xc6\x90\x7f~c\xb9{7\xf4\x1ds\xfba\xb1\xd2\xfc\xa65\xa9/Ut\xfc\x8fn\xb9aJ\x9f\x91"\xb2\x11\x19\xf2\xec\r\xfbiJ\xf4\x80\xb5g{\xfb\xd3\xdfvTI\x87;m\xe7&gt;LN\xcf?_^\x0e\x88\x88\x1e\x1e\xdd\x1dM?C\xa3v\xdd\x9e\x08\x83\xa7=.\xe3\x15\xff6\xf3\xf4v\xeb\x97\x7f\xfd\x08\xc9\xb6\xe2p\xc7\xaa\x8f\xeb\x010\xea;\xb6\xf0d\x95\xcb\xbfK\x8d-\xfcX\'\x9d\xda\xbd@vg\x07\x00\xdbR\xfb\xf8i\xfb\xf1A5\xdc\xc6D\xd3\x00F6\xfb\x9a\xa9\xe0\x17\xbd\x9b&lt;\x03k9\x98Ru&amp;\xb6\xbc\n_\\\x10\x88\xde\x16*\xe6\x83Sm\x96\x9dn?\x9e\x05\xc1{6\x88\xcb,\xcah\xf3\x82\x13\xe5\x06c\x03\xff\xf1\xeb\x85}?cm\xb4\x11\xa8\x8fP\xecZ.\x88%\xc5y\x12\x1b\xd42\x9e\xc2\xdd\xedp\x86\xe4P^\x8f\xe4Ll\xe3\x1d/}b\xfa\xb0)\x01\xee\\P&gt;\xcd\xc5\x99\xfd\xbb\xd1\xdc\x8eYN\xea:S.\xeb]y\xa6\xd5\x08&gt;\xee\xb7~FmW\x8f\r\xcf\xbc}c\x04\x13\xcf[\x8d\xadE\xd9\xd7\x88#g\xa7\xd1Kl.\xda\x1d\xc3l\xa6w\xf3\xe7jU{_\x8f\xe4\xdf\x985t\x02\xa5\x9e\xca\xcd\xf2\\\xe6N\ns5\xb8\xb5+\x9d\xbc\x99\xffa\x87-%\xf1\x0bC\xf9 \xc1\x1e&lt;\xb46FW\xbe\xa7/\x99\x9a\x9b\tT?\xc0v\x12k\xfe"^\xd7\x86s\x12S\x0e\xdcqu[h\xb8\xd0(\xc4\x95\x9d\x10v\x99\xdb3y\xd2\x90G\x98\x96wY\x17b\xd7X\xcc\x07\xad\xbf\xd1\xe2\xf2q+`\r\xad%\xe3\xec\xcf1\xe7U\xb7\x0f\xdb\xea\x0ex\xb4\xf5?&amp;\x97mC\x93\x97\xd1\xb9pX\xdfq\xf1\x95M\x11[\x84\xec#~\xc7k\xfb\xa6\x8d\xb6\x0b_\x7f\x9e\xc0\xb7B\xf5WH\x96\xcf\xa3\x10[\xec\xb3\xa5W\xf4b\xc7)\x96\xc3\x03\xa0\x7f\xfa0\xbf\xd7\xcb\xac\xe3\xf9\xab\x95\x1f\xed\xfd\xb6\x02\xcdD\xff{\xffK$y\x00\xac\x8e\x0c\xb5^\xf4\x8e\x99r\xcb\xbc\xe0&gt;\x1b\xbbM\xef\xa9rg\xb0\x94[\x9f\xc9\xe6-\x9e\x05k\xf5\x17\x83[\x8a\xe3U=\x11\xe6\xa9z\x1d\xdb-\x82\xfdua\xb3\xdd\xd3\x85\x89-\xac\xef\xb2\xfa\x8c\xbf,\xb3\xca\xfc\xcd\x85\xfa1\x01j\xd1\x01\xb0Wy\xf8\xb2\xfb\xecf\xaf\xf3\xae\x98b\xe5yqU\xae\xd9\x94\x0e:\xe5\xa0/~\xfe\x851l\x17\x1c\x9c=\xedQ\x10\xa5\x8bh\xe6.B\xed\x95\x81\x88\x1e\x82\x06\xb1p\xacJhx\xe5&gt;(\x8a\xf8\x88L\\\xe2G\xf7/\x0fy\xc3\x96\xe6\xf1\xc3N\xe2K"~\x963N\xcb\xc5&gt;3\xc8\xee\x156\xa1\x01\xa6\xb2\xc1\xab\xfeW\xb8\xb1\x89\xfd\xeb\xde\r\xd9y_\x00\xbf\xe4wGS;\xd3\xee\x8b\xe4,\xba\xcdH\x80\xb4N\xfbF\x01Lt\xc8\xd3_\xac\x02Y\x967\x05\xb3\xa5\xd4=\x1e\x16\x1d\xc1\xf9\x11[\x19\x1e\x00\xed\x98\xe5\x8f&gt;g+\x1a\xba3\xa7?:\xb4N\xd7\x17\xdcF-\xb6P\xdc\xd8K\xdb\xdd\x14\x88\xbe\xe8\x92w\x02\xfd\xf0eZ\xbbv\xc8\xbc\xc7\xd8\xb3)\xf6\xef&amp;]^?\xf0\xa4VZ\x11\xf2p\xa7\xec\xe1\xb0\x13dv\xc7\x91\xd2;\xf7\xbbW\xfa\n\xee\x0c\x88\x0e\xbdpV\xf6&lt;\x1f\xa5\xe0\xf4\x01\x10Kzwg\xa8\xce.\xa7Nt\xa4\xd6\xda\x9a42 \xb0\xf4z\x8d\xe8\xa7\xad\xada\x90\xcfH\xe6\xa2\xb1~\xf1p\xbe\xa3\x8c\x15\xdeP\x04\xeb\xbb\xc75Z\x9e\xed\xbc\xbbCV\xc1\x14QR\xff\x08\x08\xe4agmv\x1a\xec\xdc@\x98\x85\xfd\x86g\x90A\xa6d\x10\x11\xfddB\xd5(:?\x95`\x02\xd1Z#\xfa\xd5\xd5\n\x11\xd1\xed\x97Y:\xdb\xb6u\x12\xc3\x07\x94\x0bB\xc6h\x0f\xc3\x12\x8a\x8d\xef"7\x1dyW\x89|U\x825\xe8\xfco\xc0\xe6\xe5\xcf\x15\xf0\xbc\x9ed\x95\x8c\x15~!?}\xff\xd7\xc8"\x11\xd1\x85\xfe \xfc\x92\xf0\xc2bX\xb56\xe9\x0f\xee\xde\xac\x8d3\xc0\xe5\xbb\xc2\x7f\x9dl_\xcbu9\xdd\xea\x7f\x1c\xff&lt;\xa9J,\x878\x9cI\xdd44\x06$\x89]\xa7}\xeb\xa6\xe7f`%?\xe6)\x97\xaey\x07\xc0-\x94\xa4\x18\xf9m\x9f\\\x90-\xbd\xc2\xcc\x03\xf1\xb4\xf6@\xa1Y\xdfo\xce\xd9\xedg!\xdf)g$\x06\t\xec1\x01\xe7\xeeU\xba\x03\xb7T\xf5\xdf\x80)\xff\xb3\xdbCL\xf1\xdb\x7fq\xec\x83\xdc\xea\x9fhw\xe6\xb1\xed\xe1\x7f9(\xcc\xce\xa1\xa7\xb1\xf5\x05\x9fdu\x99#@\x10\xd6b9\x8by\x9c%\xaa\xd3\x13a3\xbb&lt;\x03\xad#o\xd8o\x9d\xfbm\x9byI=;=?ag\xb9\\S\x17\xed\x02\x9b&lt;\x9ek0\xa3\x80\xb9y\x86g\x14\x03\x13\x97:\x10\'\xea6\xf5\x17\xb3\xa5\xae\x02^r`a\xfayv\xbd\xcf\xee\xf7\x03\r^\x81k2_\x19&gt;\x82~\xa6\x115\xfaV51p\x81\x88\xbe\x00\x96\xec\xe1C1(\xb7HL\xc9{\xe3SI\xa9\xdcf\x83\xdf\x91=K&gt;o,\x93\xc7\xce\xc2z\xf6\xba\xdc\xd5\x86w\x89\x88\xbe\xcd\x99\xf8]Y\x13g\xa0}.\xdf\x03-pG\xdb\x12/N\xcd\x1dg\xdb%\x94\xc3\xcc9d\x05\x12{\r\xd7\x01\xd8j\x08\xcd\xc6PL\xe6&amp;\xc1z#\xbd}\xd6\xfebbCF\xad}\xb0\x11\x10I\xdc\x7f\xf3\xe8hy\x1ak\xd8\xa1\xdd\xfc\x82\xc1\x95\xc6e\x1d\xcduuNf\x8c:\x00\xaeC\xae\xeddq\xa6J:z\x15--\x0e\x83\xe7%L\xdb\xdd\xf1\x18\x1a\xfb\x94\x9c\xe3\xa5\x8a\xd69\xafj\r\x8es\xe4\x9c\xc5PR\xfeG\xbc\xe9^\x7f&amp;\x9f\xef\'\xf8\xd8\x91k\xb2\'\xb7\x81\xaf\x1c\xcc*[\x88\xfb\xe7\xa1\xe7D\xed\r\xf18\xbd}k\xf4\x04\xddb\xf3\x89\xfd(\xde\x80`\x87x\n\xddq\\\x14`?\xa5^O9GE\xb8we^\xbe\xa7\x8e\xc9\x8cNO\xffE\x83\xe8\xbb/\xde\xc8\xd1\x10\x88\xc6O\x1a\x19u\xe1\xa8r\xc6\xcf\xd7\xb0[J\xd0\\f\n\xcc\xc0K\xc6\x1aX\xf3\xefp\xe2r\xa6\xa6\x9b0\xd3,\xaa\x8f]!-\x7f\x08&gt;\xa9Y]\xbch\xe1\xd4J\xcb\x909\xe7\x9b\x08\x11\xaf6\x9b_\xa2\xfd\xb5s\xf6\xe0\xc2jO G2\x98\xa89l!\xae\x08h\xa7,\x010\xdd\xf1tU.\x85S\x94\x9c\x80`\xc9\x8cFE\xe9\xaa\xb7\xc8\x91\x80\r\x8e=\xf0\xe0\xe0\x16sS\x8fh\x9b\x0c\xcd\x99\x90\x9bt\x90\xdb\xbbW+\xe6\xd6K\xed\x06\xb5\xdbbe\xac\xeb\xbd\xa6.&amp;\xb4]JWt\x83\xd1\x83=\xdc\x13\xf4\x92\xcb\xc5\x8cf\xfeq\x92X\xa8\xed\x82\xcb\xd67\xba\xacNf\xc3\xfd98\x9c\xac\xb6\x8c\x18\x17\xf6\x8e\x84\r[w)7\xf9\x19\'\xfc\xe9\x88\xf3\xac\xc2\xf8\x00X\x07esj\xc7\xcfHi\x1b&amp;\x13\xe0\xfc\xafM\xf6\xf8I(\xdf\x92\xfa\xd7br\x0e\x02\x91\xcc\x85\xad\xe5\xadsZ\xd8\x18\xc2\xa0\xf1\x8av\xc6\x9aeg\xcdN\xb1Fm\x05\xdc\xa3s\xd1\xf3\xa4\xbc\x1e\xc3\x01\xf7b\x99\x0c\xe6:\xd5\xdc\xc0n\xdf]\xee\xce\xf4\xadn\xab5\x01&amp;\xe2fF\xee\x96\xd8i0\x86|\x88\xdf\x1d\x97\x0cD\xf8\\Y\x04\xd5&amp;\xcb\xb4\x12\x1a\xd2\t\xd4\xf2\xdd1\xe2\x88\xa7\xef\x0cG\x86\xdb~U\\f7a3\xb2C\xdb\xf5\xc2Z/\x14P\xeb\x14\x8c\xef\xa5\xd1\x1a\xd1\xcbl.\x16\xbf=e\x8b^\xc7\x8c\xa4v\x0b-\xef\xbbb\x97\xcd\x01\xf0\xce\x9e&lt;\x1c\xfd\xca\x9c\x18\xd2\xd6\x1ak\x90\x03\x92\x0e\x99{\x87\xca/\xa4\x08\x86|\xb6wp\xbd\x8e\xab\xc3\xccf\xabwT\xc4\xdc\xba\x95=\x18\xee\x9d;\x9e\xc4\xc0\xfb\xee\x80\x00\x85z\x89^\xf6\x14\x99\x90\xff\xe0)\xff\xa9\xe1m\x97UJ,\xd4`\xce\xe6\xd3-\xf8\x93\x0f\x97\x87[\xe1&lt;P\xe5\x9f\xe4\xb9\x07\xab\xffP\x9b\x1ai~[\xbaZ\xf6\xde\xaa8\xf2\x819\xdcw+?e\x8d\x88\x93\xd4\xce\r\xc4\xf4\xe0g#\xc9\xc0\xd8\x0c\xe2\xad\x05Ka\x93Ou\xcd\xa1\xcdM(\xf9\x8dT/q\xb7\xc0g\xac\xd31I\xfd"W\x99.\x00\xc9tj&amp;h\xf6\x99\x80\xcf\xf7\xf4M9I\xad-?b?\x07o+\xed\x8f3\\\xcaX\xe7\x13\xc0\x93\xd3\xf9\x97\x9b~\xf6\xbc\xfa\xae\x0e\xd1\xfe\xf7\nw \x7f\n\xf7\x1f\xb6\xd6\xe8]uf\xa8\x03&amp;\xd6\x06\xa9\xaa\x95\x9cJ8^\xf2p\xbd\xf6\xa7\x0f3(\xd0\x19\xce;\xca&lt;\x97\xcc\x8f\x9b\r|y\x89\xa8\x83\xb6\xc4\xb0d\xbfv\x89\xb9\x95\xe5:\x00U\x87`e\x97\x7f\xff\xf8\x12)\x1a@\x86\xf0\x80\xccl\xbd\xccc\xc1\x98\xd2\xbe\xd3}\xa0\xfc\xd2S\xc7v\x00&lt;\xe6\xb6\x80x\xa7\x17\xd0|=\xb7\xc1\xe5\xc3\xee:O\xf2\x83\xe5GS\xe0~\xf1t\xfd\xa3p\x03\xe0\x9a\xa8\x966\xe6i\x93\xdb\xab\x11IDEy\xc5\xe8,A\x7fNGx\xfa\x8a\xa9tT\r \x90\x89U\xe4\xb0!V{\xb6Jfy\xfa&amp;\xa7\xbb\x0c\xb5\xc9\xfd\xff\x06\xees\xaa5q\x11\xe8T\xacQZ\x9a\xa4\x86\x16\xd4\xc6d\x18(\xfa\n\xff\x16S8|&gt;\x1b\x86"\xe8\x08\xcf\x08\x1e\xba\xc8k\xd6e\xaa\xd2\x81\xe5\xef\x19Y\x0c&gt;\xde\n \xb6C\xc4\xf8Ez\xfa)r[z\xdbo\xd9\tz\x15\xf3\xc5\x1b\x9a\xe0\xe9.h\x84z\xacN\xaep\xbd~|C6\x11\xab\xd6Zk\xf7\x96\xe3m\xeb\x9e\x99\x0c\xccvD\x1b\xe9"\xad\xafe\xb1\x8f\xbcn\xbbGb\x16=G\x04\xe7\x07\xed\xae\xbe\xc8lw\x1b\xf3\xf0\xd4\xb1=lkn\xd5\xdb\xbc\xf4S3\x86\xfa\xafOi&lt;\x06C\x05\xe5\x8c\xc9y}&lt;=\x03fK*V\xb2\xa6l\xc6\xe2\xd7\x0cU5\xf9Xj\x0f\x005\xee\xdb\x1a\xf87\xd8o\xce&lt;M\xe3oc\x16\x83\xe9\xe0n&lt;q^\xe7\x06pU\xfa\x91\xf9\\6\xb8\xce\x8b|\x05\x11\xbc\xe2\xb8\xb4\x83S\x19].\x9e\x06N\xa3\x17\xe2\x80\x0c]8s\x02\xe4\xacs\xf9\xe3\x8b\xdf+\xc7\xb7\xb4\xd6\xaeheo\x1ep5\xd9\xa4D\xd4D\xbf\xbf\xe8B\xdb\x12Z\x1d\x06-\\i\xfa\x82\x8d\xc5e\xb8\xa3\x88\x88\xfe\x00\xb0J)\x87\x8f\xff\xe8\x89G\xdd\xb5]\xb0%\x9c\xa7\xd15\x83AZ\xc9lF\x9e\x0c\xa7\xae\xbc\xd8\xb9}\x89)\xf7R\xfd\xfa\xd4\x08\xde\xae\x9a\xfa\xdb\x88\xbe\xef\x01\xf1t\xbfY\xe1&amp;fs\xb5\xeb\xb1J~\x1eM\xd9\x80\x0c\xf3\x19m\x83\xb2P\x98@P\x8f\x8c$\x7f\xe0\xf2\xdfJ\x13\x1d\xeb\x0b\xae\x83f\xd9 \x01.\xdfM\xc3%\xf7v~\x0c{\x00\xbc\x91}u\xf0*Y\r\xd1A\xf2ZZ\xfe\xbb\xf4!\x07NS\x1b:e\x05.\x19d\x18\x8b\xed\xd9B\xf9\x1d\x98\x8a\xd4V\x84\xc9\x0330\xfaxFLyjC3?\xf7\xb4Sf\xa7c\x9d\x8b\xe6\xa4$\'c\xe8]T\x90e\x199\x83\rP\x9d\x9es\x8d\x1a\x88\x0b\x01\xae\xaa\x89}\xbam?\xab)\xd4\xcf\x92\x19%V\xe1\xd6\xd9\xa7\xd4\xcc\xb8\xb2\x9c@\xc0\xbaN\x1au\xd7\xe1Ib\xfa_\x1ab\xd1\x01\x90sML9y\xba\xbb4lc\x05\x03\x95\x99\xb5\x83\x9dk\xf4i\\f\x8f\x81\x91u\xff\x16\x1e\xf4\xe2\xb3-\xc9\x8fS6\xb5GK\xcb\x95\x11\x9bt\x13\x88\x9dc\x15\xc6\x9b\xf7{\xf1\xac\xc1\xc4}\xe5\xe5*\x91\x8d&gt;\xf2/\xe35\xdf]\xc9\x08\xa9\x95\x86\x8f\x9fB\xd8yr\xd44\x12&lt;\x07\xc4T\x05GS6\xe4\xc1k\xc7F\xc3\x02J\xe6\xfb\x886\x1f\x00\xb4\x98k\xa1E\xcbm,\x93g\x83\x9a\xdc\x94\xbc3\xde9$,j5r\xad\xb3|\xce\x0e\xc5-\x8e\xf9\x86&gt;\x9aT\xac\x96\x0fD\xe0\xfbb\xb6\x1d0z\xd7\xcc\x13\x0e^\x00\\B\xe5\x1d\x1f\x1b\xf4\xa6\x17\xcd\xe1\xeaa\xb7\x19-\xbdC\xa2\xbc\xee2t\x16\xec&lt;\xc3\x89\xben\xe9e\x06SH&gt;e\x0fX%\x04\xa2\x03\xc0}\x08@\xaa\x86\xcb\x04\xa6\xb8b\xfdY!R8\xea\xfe\x9a\x7f\xde\xe7\xb1we\xf7up\xaatnS\x12\xb0\x9aRK\xbf\xdf\xe8\x85\xbb:e\x92@w\xe7\x14&gt;\xc6\x9a\x90\n\xa7):\xd8r8\xe5\xd4^\xc2\x19s\x05\x88\xfa\x08\xf3\x91Z\xa3\xa7\x99\xc1t\xf9\xb3\x8d\xea\x80\x9b\x1d\xb9\xbd\xdb\xe9\x13\x11\xd1\x9f\xcb}\xe8\xa8\x95im\x9a\x91\xb0\xb1\x922\xaa\xb4\xfdk\x96(S\xbb\xb6Kz\xe2q\x11\xb0\xf7\xd6\x07sOa\xccg\xd3\xad&amp;\xf7\x89\xaa\x89\xc3H\\\xe8\x06#\x82\xbf\x8f\xfc\xeaA\xad\xd9_L\xd2\xd2A\xdbbqf\x1b\x9e\x91\xc3\x85\xd6O\xfe\x86 I8\xd3\xb3\xae\xc2\xb7d\xf5\x0f`\xe3\x08KP\x1c\x97\xe1b\x9c+\xa8\x9d\x99*\xd0P\xd2\x8c\xac\x1a\xc6\x86\xb0]]\xe9\x88\xa5{\xf6\xdd\xd40V\xbe\x0c\x1cO\xeatoa\xf9?xr\xa8\x84\x1b\x8d_Sx&amp;\xf2 "\xa2\xc7\xee\xd3\xb1\x8f@zp\x8f\xc2\xfd\x80\xcdAn"\x98n\x95\xc7\x1az2$\xa9&amp;Y\x99\xc1;w\rA\xe6\xbf\xde\xc5\x94\xf2a\xaa\xdf&lt;\x90Y3\x1bV\xee6|\xcc\xdf\xf6 \x9f\xac\xc5\\\xbfZ\xf5`v\xbfs\x8f\xe5\xe3R\xaf\xf3f\x01\xe1\xb9)\xe8\t)&amp;\x00_\x05\xc4}\xfaT$\x93\x08\x8e\x9f_?]\x9fd\xee\x98}\xb2\xdeE\xe6\n7\x9d\xdd -GiY\x96\xe7X=D\xf4u\xcb \x9c\xd8\x9c%\xf0\x186\xb61\xd9\xee\x98\xd8_\x84\xe4\x89\xde\x9aHi\x05T\xed`\x94\xb1y\xbf\xd4\xae\x99\x9c{AIs\x95\xb9xA\xc8Dv\xdb\xb2\xc5b\xa7EMp\xeb\x8b9\x91\xd3&lt;{\xde\xea\xf48|\xf6\x03&lt;V\xb6Vpiu\xdd\xa2\xce,\xbe\xe32\xf5\xfd\n\x93\xf2\xe2v\xda6\xbc\xb7)\x1cJ`K\xb3\xb2\x83\x0f\xcf["\xfag\xd6\x8b4\'z{"\xaa\xe6\xe6\x13\x1e\x1e\x00\xad\x9f+\x8brkN)i\xb9\x94\xc0\'\x87\xdc\xecCng\x01\x99\x84\xb9f\x19}\xc1X\x1b\x87\x81X\xe2\x91\xcd\xac\xdf_\xb0\xe9\xb3A\xa5\x9f\xf2\x98L\xa99Y\xffvF\xd2*\x0c\x1b\x96PslWrP\x94N\xcf\xddJl\xb9\xb5^L\x86nO\xf2&gt;#m\xc2\xb8\xb3\xd9\xe6v&lt;\x12\r\x8a\x87Euk\xc9\xceK\xdb\xdf\xebI\xef\x7f[3.\x85\xb9_z\x9cz\xf6\xca(\xd2\xd6\x05Y/\x03c\x8f\xbc \xc7\xd9\xdcO\xca\xcd+\xc4\x12@\x8fCb\xf6\x0c{Q*\xff\xad\xb5\xe4\x89\x9d\xd6\xa3RgV\xc9\x1e\x90I//\x9d\xfa\xe0\xd7\x8b]\x8a\xda\x1f)?\xc7\'\xf8S\xf5\xfd_\xd5\x80\xf44e\x07@\xde\xe2\xf3\xb7\xb2=\x9dF&amp;^7q/\xe8\x9dO\xaf\xb8\xac\xef\xbb\x9cFv)w\xebZtw\xd2\xa8X\x02\x7f\x1f-\xab\xf5\xf2z\xee&amp;\x0f\xfb4t\xc0\xbb\r\xbb1=a\x9e\xe8\x9b\xcdb\r4$\x04\x92\xc6w\xe1\x96=$\xf6\x1c\x80\x99\xc5\xdb\xca+m]m\x1e\x06\xcbS\x94Z\x94:$\xe1\xdb\r)\xa1\xed\x045[\x0e\x91\xdd\xb05\xc3\x84r\xe8\xd5jv?\'\x95\xbb\xb7.xS\x9dE\xfb\xf6\xce\xd4\x842\xef\xae\xb7\x06\xc7\x84\xa1\xbf0\xc2^\xc3\xee\xdeZe\x02sI\xaa[\xa7f\xf5o\xcb\xc9\xa0\x97\x9a\xd2v\xabV\xfe\x13\xdc\x149e\xdb{\xc5\xc1:\xfb\xf2\x13\xd1o\xb6F\xf4\xa7+\xbd@\x18M\xd7\xe5\xde\xaf\xe9d~J%H6U"\xa3-\x87\xe6\xc2\x89&lt;G\x8fw,\xa5)\xec=\t\x88\x88\xe8\xc3\xf6\xa8\x984wY\xa6.\x04\xc4\xbe%\xd7\xcf\xb1\xd3\x18\xc5\xd9\xc5\xd2\x80M\x04\x02pn\x94\x8d\xe1\x06\xdf\x8f\x8b^\xc3\xc0\x85U\xe6\xf8\xef\x1f\xe1\xe9\x17B\xebV\x02\xf5\xbex\xf9\x18$\xf4%\x90\xa1\xc7\xcam\x00\xc5\x82\xe9\x92\xb9u\'\xda\x12l\xd62\x824;\x94N[}\xb4!\xe5\xe0z\xb1\xdc\x7f\x96\x9e\xf83\x8e\xb7\xe7Ff\xa57\xbem`\x0f^S\xd6\xafp\xfbf^\xc7%\xa3\xc1\x13#\xb3\xa1\xa66]W\xba\xa8?\xfd\xb9\xaf\xb7\x18)\xdf\xf3\xf4\x7fi\xc8V\x7f\'\xb6\xf2\tl\xdd\xdaS\x04\xa6\xe4\xaf;\xc6\xfb\xd0)tt\xbb\x8b\xa6\xd6\x9a\xd9\xf0k\xe1\xa0\xc7\x89\xc1\xf4K\x18\xbe=Z\xe8;\x9f\xb8\n/\xf2\xc3\xdd;8\x1f\xb8\x80\xa7!\xe7\xd1fp\r\x9e6\xa2\xd7:U+\x87\xe162\xe3m,\xbfjz\xbc\xba\x92\xbd\xa7J\xc6\x90C\xc6\xb5\xc6\x0exhB\xe4\xdbh\xc5\xe1x\xdf\xd71]\xbb5\xb0\x18\xb2b\xb3\xe2\x0cIil1z)+K\xe8\xb4;j\x92\xda\xda/\xd2\xc8\x84\xc0f@\x1c\xdf\xb3\xd0H\x16\x9d\xd1~[E\x93\xbbBL$\xa2g\xc9\x03\x80]G&lt;\xe5\x9e\x85\x9b&lt;QO\x90\xe6\xbf\x02/\x97b=\xf6/he\x82\xb00|\xc8@\xc6\xc9\r;\x18~\x94o\xc0L\x84\xafj\xa3\xea8\xfbd@5\x9c\xa4\xac\xd2\x82\x0c\xa4pO\xcb\xbb\x07\x99\x94\xd9\x1d\xf6ZM\xccd\xea\xba\xcb\xd2n{\x0fU\xf2e\x97\xf3\x83J\xb1\xe6\x90\x86^P/\xc2\xa1\x89\x1b\x0fZ_k\xa4R\xf5\xe3\x97Y^\xbd\x1b[\xcc\x12\x9b\xd0\xe3\xf4&amp;\xd4[H\xbb\xc0&amp;\x9f\x02&amp;b\xa6\xdd!qQ\x8buz\xb7\xbcYfD3\x1c\x9a\x064\xa4\xb6$\xcfY\xe5\x9e\x8c\xb5\xc5\x8aQ6-\x81\xe6}\xa7\x05\xce(V\xfa\x93\xcbD\xe6\xd9ql\x9aeZ\xb7\xdb@\x1e~\xc7\x9cG=\xf3\x9dU\xf6\xf8C\xcaf\xca\x97\xcd\xd2h~$\x93K\xae\xa2\n\x0f\x92`\x97\x05\xf4\xd6\x1d\x81\xce\x9e[\nd\xfex/\x90\xd1\x8b\x8d\x83r\t\r\x9a\xa7\x1ev\xb2kf\x8ct\xe6\x8bL\xb2 \xe2\x9cS[K*\x84;\x90\x88\x88\xfeZ|\x0c\x8c\xce\xc7\xbf+\xccw\x00DD/\x975\x94&gt;\xecI\xba\x9c^\x0f\xad\xe7C\xba\x92\xbcuH&amp;\xe6\x90\'i\x8a).\xc1Z\xb9\x99k\xb9\x11\xfd\xc9\xd0\xba\x9e\x9e#\x99\x99\xc5\xd7k\xd6\xf4\xda\xb5 \xfdD8\xcf\x83p\x07\x8bAt\x08\xe2\xe9i\x1b\x8f\\J\xb9\xbb\x1a\xd8X\xda\xf2\x84b\xf4ADo\x93\x89\x9dkt(\x93Q\xa4t\xa6\x1b\xae\xf0\xee\xe3\xc4\xc8Pa\xd8w\xf4\xb3j\xa9\x05D?\xe2\x85T\x8f\xb2\x0e\xb4\xa9\x9c\xdeP7I\xd6\x1a&gt;\xf9\xeeR9\xa34W\xfb\xd2\xab\x9f\x9ah\xc7\x83\x8f\x83S?\xc5*l\x12#\x92\xdf\x150\x84\x8dj\x1e\xb3\xab\x9cU\xcb\xf4\x1b\x8bX\x1e\x16\xc1&lt;\xb78\x8d\x8e7\x7f\x88q\xdb\xec8\xfd\xcb]]\x05\'\xb0m\xfa\x8d\xc1\xe6@\x13\xbd\xdd\xae\x00O\xd9\xca\r\xc2&gt;b\xaa!%"\xa2\xfbm(vQy\x10m\xe0\t\xff\xc7=S\xc3\xefk\xca\r\xb6a!\xeb\x1f\xd9\xad_7Nu\x99\xa9U\xbe\x84\x84 \xfa\xdd\xf5:\x12\x9b9\x1a\xd9\x02\xa2\x17&amp;\xd3qP4L\xd1\xbc\xa8\x97\x0cG\x923\xebEt_xh\xe1\xc6N\x1d\x00\x13\x9b%\xd7\xb2\xf4g\x85\x81BC\x8cO\xef&lt;\x035\xce\xc6\xc1\x0fm\xb7\xec90x2]\xc5\xd6\x12\xc6G\xce~\x04&lt;"M\xa9\xa1Ua\xf4\x8e\xff~_\xde4I\x97\x06i*\xe4\xe7v\x1d)K#&lt;\xb5\xcf\xfa\xb3\x88\xcfY\xb0sA\xfb\xafl\x0c\x94+\x13^\xa1\t\x04\xb2d&amp;\x85\xe359K\x9e\x93\x82#\xf3\xa0\x8d\xcaW\x13\xd0\xae;\xf1(\xf0\xb9r\xbf#\xfd4\x9f!y\xd9~\xc4\xdaj\xb3\xb2b\xb7\x864\xe2\xe6\xc0\xf3\xc5\x0e\x9e\xb7\xc4]6(\\\x83\xe5\x91\xebx\x8dZ?\xb6\xea\xef\xb1;\x16\xdb\xa6?3\xa9\xfcM\xf4\x895N\x11R\x1fO\x9f\xbf)7\xebvN\xfd\xc2\xad\xfa\xfa\xcd\x1b\x11\xb5Q}pg\xb5pW\xcc\x1cN\xeeGO-\x0f\xbb\xf8\xe8\x1c\xd2Q1\n\\\xb8\xe0}\xb8\xc6\xfd\xfd\xe7\xa7\xec;\x83\xbbk\xc3\xcec\xc0\xc4\x9fn\xff\xce\xa8\xc7a\'x\xaa[\x86mX\x97G\xe9!&gt;n&amp;\xe9&lt;*m8\xe1n\x002\x01\xb5\xa9\xc3\x17\x83\x1er\xc6\x0e\x08\x9b\x93bk\x95\xa4\xa5\x8e\x10\xad\xe3i[\xb9.\xde\xd0k\xa3\xdc\xea\t\x84\xed\x86d\xa2\r\xb0\xf9\x00\x90\xb60+\xf6\x08\xdf%\x1e\xea\xf3\xe4j\x07:\xeds\xe1\xfa1\xc7\x9f\xa9\x12\x04\xa0\xdd\x9cBhb\xc8\'\x1fvU\xd1\xf6l\x10\x128\x8e|Br"\xd30m\xd4\xd13\x9d{J\x95\x9d\x9d\x7f\x153h8Lz\xec)KS\xce\xde\xf83!\xbb\x15e;\x19Dg[D\xac\xc2\x0f\xf3+\x88\xc2\x8foJ\xd0\x98\x8c\xc9\'\xb1\xab\xfd\x89\xa8\xc4\xb4F\xcf\xf5j%\xee8\x80\x98&lt;\x957\xc0\xc6\x87\xfc\xbb6\x9e\x96\xff\xb3G\x9d\x17X\xbe\xc9\x15Z\xc3\xae\xc88\xc2\x13\x9ag\xceTz\xcb\xf6-y\xcd\xe7-F\xaaKH\x1cTG&lt;\x9a7L\xe9\xe0\x80u\xe74\x1c\x99\xcd\xf0\x94x&amp;\x02\xa3A2\xc7\xa6\x89E\x95]\x9c\xad\x98\xdcj \xa2\x97\x93\x1fe\xa7|\xb6\xc0\x81\xf2\xe1J\xfe\xf6\xc5Yol#%faU\xc1\x1e\xd6\x8dR\xfc(\xf0q\xc3\xa3\xc2\x8dV\xec@\xb7+\xb6\xfa21\xb4\xc9\xb6M\x82\x15\xd1K\xc2\xbb\xdeD+s\xa4\xfabr\xeb\xce\xe2;Z#z\x82wwg\x0e\xc9M\x91z|\t\xb5\xdda\xe0\xc0\xf8\x8f\x00\x00 \x00IDAT\xc2n?/y\xd8_\x1c&gt;\xfa\xa8\xa3\x05\xe4\xe7\x14Sr\x96\x92\x8f\xf1\xbc\x12F\xcdao\x83\x86\x1e)\xa2\xf3#\xcd\x19k\xf0\xe4_\xb4\x00\xf3&amp;\x10\xa6\x99\xef\x0e\x0c\xedv\x85\x1d\xaf\xfaVP\xb25\xa27g\x04D\xa5\xe0\xdcBs\x83\xbb\xb1G\xf4\xf6\'\x99\xdf\x07s\x1f!\xbd\xf8\xf30qw\xbd1h\xb2\xb1\xc5^\x0c5\xcc\xac^\xdf\xb1YzHs\xd0\x9fv.\xba\x1c$\xedMbO\xf0\x95g\xdc)~\x8bo\x90\xdd\xbbD\x12\xc8=m\xf4\x03^o\x16:=\x89\x0eU\x04\xd43\xeeX\x11\xab\x10e\xef\xe3\xe1\x01p\xce\x08JJ\xc1\xf8)V\xef\xc3\xc6/\x82\xc4e\xa2/\xff^%&amp;\xb5\xb7-\xd0\x1ah\x8e\xdfj\xad\xb5{\xa0\xf6\xbc\xc9\xda\xc7\n\x87\xe6\xb6\xd9\xa9\x88\xa7,UB\xc0\xb2\xf2I\xb0\xcd\tn\x8dx*=F\xe0\x7f\x0e\x1e\x02\xbaG\xd6\x05\xcf"w)\x13]\xa7j\x0c\xe6\xcd\xae\xdd\xb6\xa2 \x92Vv\xc4J\xdf\xd7\xdb\xb9\xf6\x88\xa2F\xf4f \x1f2y\x90\xe0i\'\x0b\xfe\x89o\'%;\xc5Qm\\\xdbH=\xd8DJ%$\x90\x19&lt;\x17\x88^\xdf\x19_\xf7\xfbJc_\xebp\x95x\'v\xbd\xdf\rX\xe56/\x12!$\xc5\xac\xecPO\xc3}\xc7`J\x86\'\x89W\xb1\xf1\xa3\xeb\xae\x83J\xa9\xda\x0c\xf5\xe4\x14\xa48wxH:x:\xe9\xda\xfe\xb5!\xc0\xef\xe6\xe8o\x84\xde\xd5i{\xd0\xaf\xd8\xcdmK&lt;f"\x0e\xb0\xe9\xb9\x1e\xb1\x98j\xf2\xb1u\x18\x90\xa4p,CK\x81\xdeLf\xb9;Ra\xb6\xc9x\xc25\x04\xc9\xeb\xf9\xb57\xf2\xad\xbd\x8bo"\x83_d\xca\x83\xaaj\xedZy\xb9!\xb3\xeb*\xd4\x86\xd6\x8fc\\\xc0IJ\xec\x0b\x11}\x81\xf1\x82_L\x11\xb6[\xc8za\xc5\xd4\x14w\x8b&amp;2!\xb9c\x03\xb9 \xda\x99\x1c\x80d\x886\xfc\xa2\x84\t\x8b:\xf1|&amp;F\xf3\xf1\xfae\xe3s\xb1G\x1e\xca\x88\xde\x02\xed\xb5\x07\xa57 \xa3\xf4\xa1\xb9\x19\xab/y\xf9&gt;+\xb8\xfb\x16(\xdf\xec\x04\xf8\x94\xc3\xe9\x10\x11\xddf\x96\x9a\xd4\x1fl\x96\xed\x8a\xaf+\x88\xfeI-\xa6}\xb0\x95\xf2\x8d\x88\xe8s.\x80\xc9I?\x80;\x05\x15Y\xde\x079\xfbs\xcb\xa9\x80\xacGZ&gt;\x7f\xf5H\xd7\xe5`\xfa,7S\x1a\xd6\xd9\xcaw\x1b\x84\x8c\x17\xa9\x9e(\x94\xe9O\t\xfd\xe04\xd3\xf1B\xc7y\x88h\xac\xc2\xd4\xda\x8f%\xa7\x19%)1\x93\xa8Izt*\xeb\xe3co\x03y\xa8!&amp;\xb9\xcd\xd66r|;\xe45d$\xd5\xfe\x82\x87\xe2f,Kv\x0b\x16\xff\x13\x9c\xfa\xa8z\xc9~Ag\x0f\xb1\xb4\x8e`d\x9a\xd7\xfe;\xda\xb0\xad\x99\xd5\x9d\x12\xce\xc0\x12\x1b\x16\x14\xb1(\xa6c\n\x18\xc6\xbd\xfc\xacG\xbc\xb8\xe4\xa7\xab?E\x92)=A\x9a\xf5\xc9\x8a\x0c\x92\xcc\xb0\xf3\xad\x84\xa53_@\x95\xf8\xf1\xc2\xcb\x81\xed\x8cC\x9e 1\xd4R\xb6\xf6\x87S\xca\xd3\x92\xcfJ\x1c\x99\xb0\xfb\xde\x16\x8d\x9e9\xba \xc4\xb3\x82=\xf2\xb5\x1bX\\c\xcc\xbf\x15\x19?\xcb\x0f4&lt;\x95k\x8bj\x1c\xc4\x80\x12\x92\x1b\xb6\x90qY\x0c\xe8MM\t\xads\xcd\xec\xb9~\x14\x1cHf\x9d&gt;\xcb\xc4\xd8#4\xc8\xacL\x97?\xc5\xd6+F\xdb\xb4\xc52]r\xb8\xf9\xad&gt;\xfan\x87jx\xde\x04\x86\xc0z\xd9\x03 \xe4\xb9\x01\xc1b\xb1\xa5d#\x89\xad\xc1\xd3\xc0\x95\x91\x9bT2\x99 \x0f5\xb7\xe1\x82\x8e\xfa\xbf=\x04n6\x88\xfe\xc4\x86f\xdd\x9c~\x0bi\xc3\x99\x8foF\x0c7\xf5n\xee\x0ed6\xd4\xf71\xc3\xdd\xf9t\xd2\xc3.\x08mQ\xd2\x95b@fx\xdaY\xebQ\x9d\xf27O\xb4$\xb1Q"\xa2_^\xaeA\x0b\xb2t\xf4z\x16\xb7;cpy\x1b\x10f\x91\xa47nJ\x14\xdb@\xd87t\xfa\x17\'\xed\xff\x05\x87\x845\xb1\xd1\x05;.oy\xb1\xd2$\xe5\x14`\xeeq\xf2{\xe4F)7\\X\xde\xd6\xd8\x07\x05"zg_U\xb4\x16\x98L*\xd3\xa6\xd3\xf1Z!\xde\x10 /\xd9\x99\x9f\xd2\xff\xaaG=\x7f\x9bd\xd2L\xf2i\xb8\xd3qI:\xef\xda\xa8\xeda\xf5\x13\xd1#\xa7\x14.\xef\xfa\tF\x80\xa5\x17}\xc62\xfevV\xc9\xcfs\xa7\x83h\xd9G\rD\x89\x99\x96\xba\xec\x91\x1f\xaeI\xc6}"\xa2\xcf\x9d\x9a\x82\x8aH\x9eCL8\xee\x15\x88\xbe+\xefp&gt;8J,\\&gt;\x91rDo\x94Q\x9e \x8b\x9f)O\x99\x99s\xc1jS\xe3&lt;\xb6D_\xe1q\xe0\n=\xd3^\x97\x93\\\\2\xf2\xfd\xdf&gt;\x7fgb\xdf$XW{\x98`\x1ezy\xbd\x04Qw.\xb34x\xe6\x05\x9bA\xccu\xda\xe7&amp;\xcf\xe7@\xd3\xa9\x1d\xcb-&lt;K\xd3F\xad\xd1\xbfS^\x8c\\U\xcc\xfdT&amp;\xfa&gt;\x13|\x97\x92\x0e\xe0\x03\xd0\xb7I\x18\xd3\xff\x16\xad\xd1I\xc3\xf3\x04C\x9b$\xc3\x91\xc0\xba7\xd2U\x05z\xa0\xfcY\xb6+%\x9aP\x9f\x83-\xa3\xf7\x8eO\x94X\x897\x91-\xf49\xeb\x94\xde5\xe1\xfa\xda[F\x12\x9ax\x9f\x80m\xa0?\tMcp\x9c\x0bsvk\xc4d\xce\x18\xf9\xeb\x05\x1e\xb5\x0f\x94\xbd\xc0I\x00%\xa8&lt;\xdew\x05\x86\x96\xd7\x02^M\xf7\'"bD\xeb\xc9/\xc6\xd9\xc4%e\xf3\xb6\xba\xf2\x81#9%V\x8fWvc%\xf6\xd4\x1c\x06\xd0\xbbe\x9e\x002,\xd0\xa9`\x04\x94\tGI\xca\x1c\x9b\x02\x94\xcc\xa9\x98\xd4\x8fd\xdc`\xe5\xb9\xe4\x83\xcd\x05\x83 o\xd6\xa3\xf7\x11\\\xdc\x87\x03\xa3&lt;\x06d\xa6\xf7\x9b\xc4\xbe\x0b\x88X\xe3\x92g\x9e\xc7P3p\xcdL\x90\xc19s\x82]#\xd8\x14\xa4\xe5?! s}\xe7\xe2\r\x1b\xdb@?\x19I~\xf7c\xb3\x04(\xd9\xfe_(dH\'\x8e\xd2O6\xc7\xdbQ\x93\xdcr\xf0\x98\x01\xa7#\xe7\xe3\x91\x8c\x96D*\x87e"\xd2\xbfN\xdf\xb8\x16Cn\xcd_\xeb\xe3\xd0=L\xee\xfd\xb7\xa4Qj\xdf\xbc\x8d\xf4@3 \xa9L\xb3\x8f\x83LV\xdb\x96\xa5\n\xd0 SH\x1b\xb5\x0b\x1a\xc4\xddkP2s\xf7 \x88\x86\xe8k?`&lt;E\x05\xea\x16D\x9c=\xce\xda\xe5\x95{a\rK\x89\xcd\x15Y\x1d\xde\x88\xcb\xfcN\xcab\xdez\x1e\xcb&amp;\x99\x0e\xceR+\x97\xb9w\xd9d\xdd\x92Y(\xe0\xf6m\xd3*\xe6\x97_\xc8}\x0f\x1b\x9c\xb0\x95\xe7\x05L\xc7\x02\xc1\xdf\x930I\x9eb\xad\xc4\x88\xfe\xc5Y\xd2\x8aNU8%\xc6\x99\xc0)\xdc\x9f\xd8\xc7&gt;\xc2\x93\x07YY\x87\xa6\x1ey\x03\xbb\xcdY\xc1`!2+\xfem#V\t\xees\x927\x15DD\xf4\xcf\xfe\xad\x89]\x01\xa7O\xc9k\xbbJ@S\x92/\xa3\xf2\xcd\xe0\x84\x13H\x83\xa6\xf1*\x13s\xc3\xfd\x10\xcd\x1aR2&amp;\x90\xdd\xb9\xaf\x93\xd3\xebeO\x0e(\xb6-m&lt;\xfd\xae\xd1\xd7\xd4\xc5h&amp;\xb0\xb6/N\xafH\xe2\xf9&amp;\x0fr\xae\xdd\x91\xf4)\x05Sny\x92^\xc5\xb6\xd1\x8eM[&amp;M\xf6sJ\xc6\xd5\xf6\x12\x91\xf2\x01\x138\xf8\xaa\xe1\x94[\xbe\xe8+\xcc\xbe\x93\xb1\x838\xca\xfbw\xc5\xbb\x83\x8a\x0fH\xfa\xc48\x99\x94\xc5\xc4\xd7\x06\xdc\xb0\x98Jm\x9bqo.6\x14\xb6HCzv0\xa9\x01j3\n3\x13\xef\xbd\xc1\xa2\xd6\xe3\x8f\x8b\x0c\xdc\xfc\x06i\xad\x868\xc1\xf0\xac\xc5\xb4\x9bosK6\xe0\xdfmu\xceI\x86\x16Z\xc0\xef\xb7\xdaLT\xadfWrr\xb1lp\x86\xdb\x87\x15\x84\x1f\xf3$\xb7n\x88\x1b\x88\xa1\x9b\xf4\xc7\xdeS\xd8\xddmQ\xeb:\xe1\xab\x86\xcbD\xef_\xd8\x08\xde\x96\xa0~a\x85\xe3\xb7:\xba\xfd\x97\xa6\xbb\x86&amp;\xc5\xba\xc5a\xeeZ_\x9a\xd90\xc1vU-\xedz\xeb\x07\xc1\xaes4\xa4\x1a\xdb\xd9\xa5\xa7\xa6\x9b\xf4\xfc\xdc\x8c9\x1e\xf9\xcbA_Vg\xefd\xe33\xa4\xbd\x98x\x0f%\xe5\xdaew\xd7\x94\x8e\xbbr\x94\x96k.\xb5FD\xea\x87\xba3\xce\x8a\x0c\xd4\x9aw|\xd3\xc4h\xad\xf9\xd2H\xa3\xd9\xdd\xd7Z\xa3/\xceH\xdd\x04xuD\xc9\x0c\xe3B\xec\xe2\xf4\xdb\x84\xd8\xe1|\xde\x9d\xa7\x8e}Uv\x03\xc2\xc7\x1f\xde\xa6G\x8e\xda\x10s\x87\xa7\xc60\xbd\x14\x072_\x80\xb5`\xd3\xbfc\xe4\xfb\xa0\xebGZ\xe1\xdd\xf5\x8f\xc0Z\x8f:\xe7\x7fD\xae\xad\x1f\x1d\x92O^\xd4&amp;A\xf4zZsn\xf2T\x9f\xc1%\xbf=\x12K\x99n2\xe7\x91-aw\x83\x83\xc1:f&amp;\xaa\x11E\xe6\x88W5\x83\x1e\xe7&amp;\x93\x84\xe4\x17\x87\xa7\xc8\x9c\xc6\xef\xc6\xae\x8dr\xa8G|L\xd6\xa5\\\x04m\x04^T\x10\xf8\xdb\x83\xa1J9^N\tx\xeb&lt;\x84q\xc1\xc2&amp;\xb6\x19\x1d\xce\xf9!;\xc5&lt;Op6&lt;.\xa4\x91\xaa8fV\xb7\xd2\x9e\x89$CU\xce\xf6\xb6;\xfc\xdd\xf8y\xb3\xcaL1\xe7\xc4\xe0\xf5N\x04]\xb6\x1dQ\xcb$(\xbd$\x10\xcb\xd8\xed\xb8\xefj\xe8\x9b\xac\xddTK\x9b\x18\x01\x9a\x95#\xf8\x17\n\x81\xb9\xfc_{\\\xad\xb1bdd\xabN\x99V\xdd\xd3\x16\x88\xd1\xc3\x9d\x0e/a\xc8\xfa\xa8\xc5\x0c\x07\xb5\x8e\x81\xfe\xd0\xfe\xcd\xc40\xa6\xcb\xc5i\xe4-\xa3%\xc4]!\x8d^bN\xd1[J\x0f&lt;\x84\xb6\x19Y53\x13N\xea,\xcf\x8f\xca\xeez\x0b\x17\xa3A\xe3\x1f\xb3\xf2\x80\xe5\xff9\xea\xcd\x95;\xd0\x9c\'\xa0\xbc\xc8h\xe3x\xc5\xd0V\x002K\xa3\x08\xc0$\xb1\xfaa\xdf`\xaf\x93\xab\xc3\xc5\xd4\x04\xfe\xe9\x19\x19%\x8b\x0b\xd6\xeclymN\x06\xe6a\xa7\xc7\n\x95\x0b@\xe0\xd1\xee\xf3\x04\x8b\x98\x8e\'0a|\x94#\xba\xceP8\x97\xdd\x8a\xb2\x02\x8e\xef\t\xef\x8d\x079u\x96u\x10\x17i\xbd\xff\xf1\xf4\\\x8f\xc6&amp;\xa6\xda\x07r\x1a(.\xa6\xa70`\x9d\xf2\xee\xd2\xce\x0c\xe9GV&lt;\x8bL\x7f\xca\x86\xea\xe2\x87S&lt;\xe5\xc33\xde[\xb2d \xecn\x87\x02v\xff\'\xcd\x91|\xa1\xd1/\x022\x8b\x8c\xa0\xc7\x8bN\xd6/\x9f\xde\x0f\x86\x13\xc7\xdc\xfc\x16x@\xc9\xa9\xbfk\x0e\xcb6(\xe3/\xa7d\x85\xf3\x19\xeb\xb9@\xf4\xc3P\x85\x93\xae\xf4\xf9h\x1d\xc7\x13\x1d\xc9$\xed\xeb\x88\r\xdc{d\xa6*\xecY0ed\x8a\x92m3\x87v\xe1\xc6P\xd7Z"\xc7\xc4\x12SZ\x92:Uq\xbf\xb8\x15J\x1e\xc9\xd3j\x7f\x17&lt;\xb0\xafw\xc3\x96p\xce\x90\xdf\xd9@\xbb\xd4\xda\xe3\x19\x87\xfe\xef\xc4*\xe7\xbe\xaf\xd4\x13\xf0\xfc\x8du\xd2{\x8eX\xf9\x1c\xec\x8eXS}\xa0UO\xb1\xd4\x83\xe5\x9b\xf2q5\xa1\xc6]&amp;\xef:\xb5G1Cd\xe2\xc6\x80\x87\x0c\xc4\x1aNA\xb5/\xd6\xbc\x85\x18\xd7\x13\xf2\xe1\xe6\xccJ\x9fga\xbc8(\xbb\xbc\x11\xdeY\x92b\x02\xc3\x8e\xbbshKi\xb3d\xd2\xfbm\x92k\x0ev\xff\xefU\x88*\xc5N\x9d\r7\x9b\xd9\xc4\x8eO\xaf=^\xfb\xe5rz\x8a\x15\x1b\x8e\xec\x87S\xd65\x7f\x18\xa5L\xcd\x01\xb7|\xc9\xf1\xf3k\xe2\xa8\xbb\xda\xc7\x80\x1d\x7f\xf1\xac\x1dN\xffO\x9f\x0en\xa2x\x1eZ;\x1c\x0e\x1fw8t\x113\xa9\x8b\x1e\xe4g#\x10\x00\xb5\xaf\x07_\xeap\xb2u[u\x7f\xaa\xf5\xf5\xe4\xb8\xdd\xd5\xe2b\xb8_\x1f\x0e\x0b\x8d\xd6\x0e\x0b\x92\xa6c(-\xdcPr\xbe\x95\xc7\x1a\x80\xd8\xe9\xe2\xbc)\xde\xcd\x10Q\xd2\x97\xb8\x84\x01%~\x8a\xe6a\x99\xf5e\xf5H\xafe\xebt\xf0\xb6\x0f\x93\x02O\xc5\xf3\x06\xe0\xbdE(\xb5V+.\xd9i\x13B[\x92?\x93\'jk\xb6\xb02:s\x9f\xa8\xa6\x9c\xd8\x1d\xb8\xe4\x86U[\xe7k\xfd\x98\x0c\xb5\xccn\xea\x9b\x9a\xcf\xd5zn\xea3@\x04\x1a=\xd8\x12\xfd\xe2\x86e\xca4#\xdf\xbd\xf4\xefq\xaf\xc4\x03\x0f\xc5\xd4 \xf9\xd6\xe9\xad\xce\xd3\x8av\xbbg\xd1#t\xe6\xd4\x12\xfb\x92\xda\x0b\xd83\xcaq\xeaE\x10\x1b\xf1\x01\xef\x10.\xdc\xe8e\x1a\xe3v\xbd\xfa*d\xa6{[d\x05\xdb\xd5V\x8c~\x8f\xd7\x9e\x88)o\xa5Q\xf1u//&amp;\x81\xda)\x0eS\x9c\x97\x8b\x87\xf2\xc8pm\x1eU\xbbp\x97\xbf\xad.\t\x17R\xc8\x12\xf1ZjV\x7f\x89\xe1\x1c\x00"\xe3]\x19\xbb\xae\x19b\x9e$~#\xb4\x08\'\xcb\xb4\xa7gj\n\xa1#M\xa5.\xb1\xaf\x9c\x0f\xb9\xd1\xa2\xe1\xd5\xe7\xb9\t=\xfa\xf9m\xb0\xeb/s\xf7X\x1a\xc3\x84\x9c\xad,q\xbe\xdd\xbd5"\xfa\tG\xb8\xb5\xe8\xdd\x910d\x8c\x82\x11\x95\x18N\t\x86\x11 y=\xdc8\xdeB\xcbl\xb4w\x83o.\x88\xd4*\xaap\xba\'\xaf\xadps#g\xf5\x94\x8c\x8d\x17M\\Bh\xec\xe6\x812\xabX,\x99\xb2(V\x9d\xccV\x1f\xa4j\x13\xe9\</t>
        </is>
      </c>
      <c r="E184" t="inlineStr">
        <is>
          <t>&lt;class 'numpy.ndarray'&gt;</t>
        </is>
      </c>
    </row>
    <row r="185">
      <c r="A185" s="1" t="n">
        <v>183</v>
      </c>
      <c r="B185" t="inlineStr">
        <is>
          <t>steps_per_sec</t>
        </is>
      </c>
      <c r="C185" t="n">
        <v>2700</v>
      </c>
      <c r="D185" t="inlineStr">
        <is>
          <t>10.020083</t>
        </is>
      </c>
      <c r="E185" t="inlineStr">
        <is>
          <t>&lt;class 'numpy.ndarray'&gt;</t>
        </is>
      </c>
    </row>
    <row r="186">
      <c r="A186" s="1" t="n">
        <v>184</v>
      </c>
      <c r="B186" t="inlineStr">
        <is>
          <t>Loss/object_center</t>
        </is>
      </c>
      <c r="C186" t="n">
        <v>2700</v>
      </c>
      <c r="D186" t="inlineStr">
        <is>
          <t>0.09530428</t>
        </is>
      </c>
      <c r="E186" t="inlineStr">
        <is>
          <t>&lt;class 'numpy.ndarray'&gt;</t>
        </is>
      </c>
    </row>
    <row r="187">
      <c r="A187" s="1" t="n">
        <v>185</v>
      </c>
      <c r="B187" t="inlineStr">
        <is>
          <t>Loss/box/scale</t>
        </is>
      </c>
      <c r="C187" t="n">
        <v>2700</v>
      </c>
      <c r="D187" t="inlineStr">
        <is>
          <t>0.04260671</t>
        </is>
      </c>
      <c r="E187" t="inlineStr">
        <is>
          <t>&lt;class 'numpy.ndarray'&gt;</t>
        </is>
      </c>
    </row>
    <row r="188">
      <c r="A188" s="1" t="n">
        <v>186</v>
      </c>
      <c r="B188" t="inlineStr">
        <is>
          <t>Loss/box/offset</t>
        </is>
      </c>
      <c r="C188" t="n">
        <v>2700</v>
      </c>
      <c r="D188" t="inlineStr">
        <is>
          <t>0.15824509</t>
        </is>
      </c>
      <c r="E188" t="inlineStr">
        <is>
          <t>&lt;class 'numpy.ndarray'&gt;</t>
        </is>
      </c>
    </row>
    <row r="189">
      <c r="A189" s="1" t="n">
        <v>187</v>
      </c>
      <c r="B189" t="inlineStr">
        <is>
          <t>Loss/total_loss</t>
        </is>
      </c>
      <c r="C189" t="n">
        <v>2700</v>
      </c>
      <c r="D189" t="inlineStr">
        <is>
          <t>0.29615608</t>
        </is>
      </c>
      <c r="E189" t="inlineStr">
        <is>
          <t>&lt;class 'numpy.ndarray'&gt;</t>
        </is>
      </c>
    </row>
    <row r="190">
      <c r="A190" s="1" t="n">
        <v>188</v>
      </c>
      <c r="B190" t="inlineStr">
        <is>
          <t>learning_rate</t>
        </is>
      </c>
      <c r="C190" t="n">
        <v>2700</v>
      </c>
      <c r="D190" t="inlineStr">
        <is>
          <t>0.00065500004</t>
        </is>
      </c>
      <c r="E190" t="inlineStr">
        <is>
          <t>&lt;class 'numpy.ndarray'&gt;</t>
        </is>
      </c>
    </row>
    <row r="191">
      <c r="A191" s="1" t="n">
        <v>189</v>
      </c>
      <c r="B191" t="inlineStr">
        <is>
          <t>train_input_images</t>
        </is>
      </c>
      <c r="C191" t="n">
        <v>2700</v>
      </c>
      <c r="D191" t="inlineStr">
        <is>
          <t>[b'512' b'512'
 b'\x89PNG\r\n\x1a\n\x00\x00\x00\rIHDR\x00\x00\x02\x00\x00\x00\x02\x00\x08\x02\x00\x00\x00{\x1aC\xad\x00\x00 \x00IDATx\x9c\xed\xbdw\xf86MQ&amp;Z\xf3\x89a\x11\x15Q1\xb0(r\x14\xc3Q\x04\x15uE\x0c\\\xa0b@Y\x03\x82r\xe9\xaeiMGQ\x8f\x98\xd6\xb8\x8a\x01\x0f\x98\x13^\x82\x19#\xe2zD\x14\x96\xb3\x86\xdd5#.(\xa8\xe8*fPY1K\x9d?f\xa6\xa7\xba+tuO\xcf\x13~o\xdd\xd7\xc7\xcb\xfcz\xaa\xab\xeeN\xd5\xdd\xd53\xf3\x00\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xc0\xa9\x81\xe4\x02\x11-\xd1\x81F\x8f4\x84\xba\xf6V\xbb\x86\xaa\xe1\xe0\x86Nfz,(m\x9cq\xb5e\x19\x85\xb9\x1b\x9d\xae3\x05\x02\x97\x0f\\\xfd\xeb\xd8qqB\xa7-[\x17\t\xf8\xe7WE\xc1u@\x98\xc6\x10\xa1e*=\xe3\x8c{\xb8\xc5\xabm\xd6\xc0-\x8d\xa6\x8e\xeb\x97=\xc8\xcf]\xe8\x04Pcu\xa5^\xff*I\x03\xc0 \xe6\xd7[\xfc@\xe0fb\x94\'\xbdX\x8f|\xa1\xb4tT+\xf2\xbc1\xa2\xab\xab\xcf@@\xc3m\xe7&amp;p~L\xd3\xd4\x97\xf1b=~\x81\xce\xe2\x9d\x1csm\xceG\x00\x88f\xf5"\x02\xbe\xf1\xd1\xb1/Mw_}\xc6\xc1F \x10\x08T\xd0p\xf8q=s0\xd4N5P\x0f\x06\x06\x02\x81\x1b\x0e:\xf2\xaf\xcb\xaf\x89(\\Y\xb86g\r\xa4g\x1cn\xed\xda\n\xdc\x1a\xb8\xc5\x9d\x82\x07WZA\x05m\xfc\xdd\xce\xb6\xc6\x1b\xe1\rq\xc50\x85W\xdb1\x02\x81\nn\xde\xacp9\xe5Y\x9f\xb0&lt;\xde\xd0q\x9a\xaf\xf0\xe1\xa8\xe1\x1b\xa0\xd8Q\x05\xce\x86[\xb9\xe7]{\xc9;\xda\xee\x16n\xeda\xb8\x95\x87L\xe0\xa6!zs\x81\xc1o\xa5\r\xd5&amp;\xea\xbf\xae\x16D\xbc\xfa\x88\x87\xe7\xa9\xd6@ pq\xf0\x8c\xcc\xeb\x9a\x00\xce\x88\xeb\x9axN\x89\xe2\xf3*\x11\xe0\t\\1nj\xe7\xd5\xca5:\xbc;PY?\xf6\x14\xaap_\x88/\xdd\xcf\xe7\x06\xe3\xa7Y\x8a\xe8\xff/\xa3_\x04\x02\x04\xd9\xc3\x8b\x88\x1f\x02\x80\x00\xf7T\x04\x02\x17R\x1b\x87\x7fY\x8f\xac`\xd3u\xdf\x07?.\xa2\xbe\xf6A[\xcdk\x1fA2U\xfd\xac\x981\x1085\xe6\x175\xb5\x8f\xd8\\\x88\xa7\xbb:\\]\x80^\x84\xd8\x01\xfc\xe5\xba\xfa\xf2\xe7p\x0e\x06\xff9G\x84\x88\x02\x03\xd1\xf9)\x08\xed\xeb\tv\xbf\x8c^kcr\x7f\x97\xe2b\xcfEgV\xbc\x14)\x05\x11\xf1G\xcc\xec\xca\xfc1\xd0\xe7\x91oN\x9c\x02\x9e\x16\x9d\x9a\xbe01M\x97\x12+\x0c\xdc\xca\x90w\x00\xa7\xe7\x11\xb8*&lt;X\xbf\x85\'Y\xe1\x9e\xd2y\x16EiX\xe6\xdf\xf1\x006\x81\xc0q\xb0\x97\xa57l\xdf:\xbc8;\xb5\xe1\'\x8e\xa11\x1cM\xf5\x94\x8e\x10\xe4\xb8\xf9\xa0\x1a?e?,_\x8a\xc6\xe5\xe7n\xf0\xe3\xad\\O\xcd\xf3^\xec\x86/\x10\xd8`/\xdd\xae\xae\x07w\x13\xee\xc8x\x99\x93\xe3~R\x9a\x82\x7f\x91\xcd]\\|{\'\x99\xee\xd2\xe4\x8fQ]^\xbd\x04\x02\x81\xfd\x88A}Q\x18\xfb{s\xdco\xf7iF\xc47+R\xf6\xd0\n\x04\x06\xe2\xa6\xf6\xc5Xr\x9d\x1d\xe2\xb3\xf0W\xd4&amp;{\x1e\x85\xb2\xb3\\O\x1d\x04.\x1d\xbb\x7f\x10\x06\xf1\x99\x03h\xdc\x8a\xb8\x9c\t\xa6x\x9f\xe3\x8cL20&amp;\x93\xfe\xf8\xd9\xe5\x03\x11\x9b~z\xc8x&amp;\xf8j\xeb p\x83pA\x9e\xe2\x00\\K\xe9\x86\xb3\xbc\x96\x82\xc3\x8e\xdd\xc0i\xb6w\x9e\xe7\x7f\xac3\xb3\xebi\x88@ p\x06\xdc\xf8\x87Cn\xb6\x13\xe4?{y\xe3\x1b4ps\xd0\x15\xd0|\xf3#\x98\xdc\xca\xb8\xd1\x1erA\xf1m\t\x7f\xae!\xa6{r\xfd\x7f\xc7\xfa\xf1\x9b=/\x06\xae\x03E\xe0\xd8\xf5\xbe\xfb\x05w\\\xca\xed\xc7\xcf\xc8#\xc0\x80\x88\x0f\xb7\xee*\xe9\x1f\xa4\xa4\x9b\xd9\x87t\xd0=\x01&amp;\x8c}@\xe0*@\x16e\x17\xed\xd9\x9d\xf8\nr}\xfd\xa59\x0f\x0e\xea\x06\x86C\xdc^\x95Z\x7f\xec\xac\x95\x83\xf8\xa2V \x10\xb8\x85\x10\xa3~\x08\xe4g\x16GT\xadvl[=hm|\x0fY7\xd4\xf4\x15\x87\x83&amp;\xc2\xe8\xa5\x81\xd1\xd8\xfd\x18h\xa0\x0b7r0\x8b\x8f9\xee|p3\xf9SE\xf9\xc4\xa5\xb3\x94_\x99\xf2\xfb\xdb\xbf\x02\xa6E\xa1\xdc:\xff\xaaN\xb5"\xb1\x03s\x15\x1c\xa7?\x10p\xe1\x16yC\xea\xc2\x8bx\xd9\xecT\xa4\xce#~\xdd@|s\xaa\xda\xdf\x8a\xaf&amp;88\x98ww\xf4\xf0\xa3\x1b\xe5V\x18w\x81\xab\xc4\xcd\xeb\x98g/Q\x95\x807"\xb1\x97\xc8H\xd0s#\x10=&gt;\x0f\xcag\xd9\x8f\xa3\xb6\xf0\xf1|u\x07\xbf\xf98\x02\xf6\xdd\x8bj\xcc@ \x10\x18\x8a\xf3n/\x11\x00\xff6\xfcl P\xc3)\x07\xc9)\x87\xe3\x19\x07?\xe2\xa5\xc7\x9d\x80,QO\xc3\xf4\xc4\xf51\x9b{\xc9i\x8d\x06\x02\x01\x01\xdd\x9fN\xec6g|}e ~\xd4\xe4p\x8b\x00\x11\x9e\xe5\xae\xed\xcb\x9f\x17\xbb\xd1\xdf]op\xa5\x04\x02p\x0eo8\xd0\xa2\x11\xca\xb8\x8a\x95\xfe\xd1\xd0\xce\x00r\x99\xbd\xd5\x84\xf8\xf6T\xdb\x05\xd6z\xc3\x8b\xcd\xb7\xcc\xf3\x17\x81@\x05\xf9K\xc8\xd7\xb7\x1a\xba:\xc2G\xc0\xf3d}\xe50V\xa9\xc6=\x95\xebz\xa1\xdd\xb4~\x10|\xe7\xd3\x81\xc0\xf5\xa0\xffk\x8eCiTl\xf9\x8c\xf9)\x9d&amp;\xd0t]\xa8\xd6\x87\xf6\x84\xa8*\xbf\x9fS\x85\xcfy\x1a1zN `\xe1\\\x03D\xf3F\xb6\xe7\xf2\xbc\xddzi8#9\xff\x028\xdb#\xee\xb48H\xd5~\xc4\x0e p\xd3\xf0\xacs\x13\xd8\x03\xea\xc7\xd5p\x04\xbb\x81\x00/c\x1a\\\xe6\x9a\t\x1e\x82\xab\xf0Ay\x90\xd0\xe575\x89p\xbb\x81\xc0x\x9c\xec\xa9\x1b?:\xc8\x18_\x8fY\x04\xec7\x9b\x1c4\xb6\'/\xcf\xf8\x88\xea(=\xe3\x8a\x90*\xb6\xaas\x88\xd1\x9b\xfa\xdcs p\xf5\xe8\x18\x9c\xbf?\xd0\xba_2?\xc7\xf3G\x8dn\x18F\x15\xb0[K\xfevqj\x8e\x07\xef\xe4S(\xf4\xd0\xb0\x96\x0e7\xbd\x1b\x04\x02=\xf0&lt;Ax\x99p&gt;\xc8\x81\x88\x88\xbf\xce\x13\x0f\xe3u\x031v\xabq\x90i\xf19(#s\xf4\x81\xc0-\x07\xfdi\xfa\x8b\x1b\r\xa2s\xc7\x9a\x80\xa6gO\xf9\xce\xbe\xc4\x1e\x85\xfe\xe7\xc4\xf6U\xe1\xb9zW\x9c7\x04\x02\x19\x04\x97\xfa;\x00\xcb\xf6\xb9S\xc3E\xa1\xf5\x01G\x97\x06C\xf8\xe2\xbf(&lt;\xca\x05\xee\x9fD\xeb\xaf)\\v\xd7\n\x04\x02\x03\x10\xc3\xfc\x92\xa1?\x7fu\xfe\x1d\x8c\x88\xea!P p\xab\xe0\x7f\x90\xeb\x8b=\x10\xeb3~i\xcf8yp\x1c\xe1&amp;\xbd\x8d\x1b\xa0\x914\xf0\xc88\xcc5v\x89@\xe0@\xf0\xe71\xc4c\xb1\x91gz\xa7\x1a\x80M~\xe4\x12"\xfecU\x95\x9a\x01\x10\xef{\x90\xf2\x06\x1a\xf5\x13\xf8\xf7:\r\x93V\xa4g^c\n\t\xdc\x048\x1f\xe2\x06S\x0c\x11\xffM\x93\xd1#\x07\x0f\x7f\xde\xff\x06\x8c\xd5\xa6f\xf2\xa8*\x13\x1b\x17\xfb;y\x0co\x0f\x91\xfe\xd5\xb7z p\x1a\xb8\x9e\x8a\xa9\x89\xdd\x00?\xbb\x1fv\x15\xccO\x1c\xfe\xcf\x13qQ84~\xf7\xc2\xd3\xa8\'n\xf8\xe8i\x81\x80\x80\xfeWr\x94\x05\xd4Sw\x909/:|\x84\x9d\xe3\x841\xab\xbf\xad\x08\x1cb\xf4&lt;.\xf54\xd19\xaf\tvQ\x91\x8f\x89(pv\xd0\x85\xf9u\xf5\xc7\x03#\xdd]!\xdaK\x08\xec^\x02\x87\x9dh\xdd&amp;J)\xd2\x11\xd4\x95WK p\xa1\xb8a\x03\xab;\x9aq\t.\xa6{\x02\xe8\x99\xf0\xeevAM\x7f\xa5\x8b\x98@\xe0\xba\x81xO\xaf\xe4\x95\x0c\xcek\xe0(`v\xfc\xce\xc3\x181{\xb3\xc5\xcb\x98\xf3f\\\xff\xce\'\x10\x08\x8c@\xf8\x01\x0f\n\x7f\xd99\x01\x8c\xe3\xd3`\xd7z\xd1$Z?\x10\xb8$(\xebM@|5\xa7\xf0\xd9\x81\xf8\xc2\x1b\xb6\xbc\xc4\xaf\x1f\xbfx\xc7\xf5\xdf3V\x15""\xbe\xf4l\xe6\x15 \xc0\xfdbr\n\xdc`t\x8cy\xe9q\xfbAl\x0e@\xdbs\xee\x97\x14\x1b\x11q\xd0Y1:\x9el9\xb4^\xc2\xc9\x06\x02\xcd8\xfac[\x81K\xc3\xd1MF\xbf\x93s\xb0)f\xfa\xc4\xf6\x02\x81\x0b\xc0m\xfb\xb2\x0b\xd1\x18?\x9e\x0b\x80\x7f\xb1\xcf\xfe\xad\x87\xf3\xfa\xa9\xb1\xdf\x12\xe5^~\x9a&amp;Dx\xbb\xa1V\xba\x81\xd8\xb9\xe11\x0e9\xf0|G \x81\xc0`\xbc\xdb\x91\xcac\x87pSQ\xff \x8f\x9e\xc8\x1d\xf25\xf6\x12\xfc0@\xf4?\x07\x17\x08\\\x03.\xff\x03\xfd\x97\x1fd\x0fh(\xbeJ\x94&gt;\x1d\x88\x88\x88\xef\x7f6Z\x0e\xecY\xf2\xe3O\x96\xd9\xa3\x03\x07\xae\x00\xcb\xf8\xc4rV\xc0\xda\xaf\xa8\x1f\rDD|\x82[\xf8H*-\x88a\xcf\x1f?\xb5#4\x03\'\xfb\xbeG]\xc7\x98N%\xddA&amp;\x108\x11\xe8\x02\x8d\x8fP#q\x88\xd1\x1b\x89b\xe5\xcbo\x9d\x05\x87\xee\xa5\xe4\xc2*\x13\x80H\x0c\xb7%\xc8^\x92FI\xf5\xf4R\xc3~\x02\xd9\x90\xd9\xa70\x10\x18\x86rXvi8\x99\x07\xbf\xa8\xa9\xe2\xc2\x1f`\xad\xe2\x12*\x93\xc7F\xfa\xba\x13""~\x85\xc7\x8aS[_v\xf2J\x84\xfe\xceZ#\x99@\xe0\xba1G\x8dF\xe89j\xa6\xe9S{\xdeP\xd8~\\\x14\xf9\xb4\x1f\xd81\x01\x8c\xa4Q$6h\xd0;\xfc\xb5w\x98@\xa0\x13E\xbf\x7f\xc9\x85\xad\x83\xf0\x0bz3\x92\x11]\x1d\xdb\x88O?\xfd\xf8\xbf(\x8fcDu\xc4\x88\x10\xfd\xcb(\x06\x8f\xb1\x14w?@4\xa73&lt;\x02r\xc0+\x108/\x8e\xee\x92\\}\xc708\xd9\xb0\xd93B\xcb\xa7\x1bE7\xf7C\xdd\xeaO\x81\xee\xe2\xab\x07\xb9\xd27\x9c\xfdV&lt;\x92\xff\x87~\x9c@\xf4\xd4Y\xc1\xc1\xdd,\xfc\x7f\xe0\xc6\xe2\xe8\x9e}\xb1\x83\xc7t:\x97u\xea\xebAw=\x8b\xf9\xca\x93O\xac{\xea,{\x83\xe9\x8aRd\x17\xa7\xc7\xb5\x9f\x18\x05.\x13;\xdf\x04\xae\xc33\\\xe7\xf7?\x8f"\x00\x00\xd3\xe4d\xd2o\x82\'\xd6\xcc\xfd\xb2yw\x9a\xa4\xb7nO\xe2\x03\xba+j\x9a&amp;N\x1b\xcd\x07\x99H\xde2\xd7\xac\x8d\xe4jd\xe5+E"l\xbc\xe4\xbc\xdd\xea\xd8}\x0e{ \xb4|\x08j\x90\xde@\xe0`\xa4\xf1\xaf\x86Y\x1dgw{\xfa{\xd3\xca\xd1\xd4\xb3S\x01W(\x8f\xea\xbd\x0f\x0e^\xdb3$6at\x88iy\x9d\xd6\xf5\x9e\x99\xdd\xf1\xf4"|R&amp;\xef"\xe0\x11\n\x04n0\xb8\x8f\x1e\xb2\xc6\x995\x0e\xf2\xff\x03\x98d)\x8a\xd8)\xd8\x1c\x03\x97\x7fD\x80\xda\x91\xec\x89\xa1\x9e@&lt;\x80\xa5T\x97)\xf8\xafSg\xeb&gt;\xab\xf8\xc2\x9a\xa1\x9ft\xea\r\x04.\x13Z\x80\xbb\xc9\xfd\xd9\xa24pp~\xf7\x9f\xb35\xd8\\\x02\xd5&gt;8\'\xd9/jlh\xab\xa2*|\xbcu\xee\x87k\x86\xeb\xda\xa9\xbc\xfe\xaa\x1fj\xd9\xaf\xb7\x87\x04n8\x06\xf6Kg\'w\x1a\xbc\x901\xd3\xfdD\xd3,\xf6\xac^+\xa7\xc1\x89k\xd8sl\xbb-\x02~n\xc0\x04\xd0\xba\xae7\x88)\xca/\xa2\x97\x06\x02\x03\xd0\xd7\x95\xefm\x07\x07\xd8\x08ql\xc9\xcf\xb9\x03(c&gt;\xb8Ml\xef\xd0\xbe5\xf1\x7f\x8a\xf9Fz\x91\xfd\x11B1\x87\xbd`O^\xb9\xde\xd3F\x1cQ\xf0\xe7McV\x08\xdcB\xb0\xfb;\xb2O\xcb\x81\xcf\x87\xe2\x0f\x9c\xedGhM\xe7\xf2\x9d{\xc6\xb6?\xe7Ae?e\x95\xeet\x85V+\xd4\x9bI\x0e\xcb\xa4\x1f\x90\x94\xcfrj|\x92BM\xf2\xcdc\x02\x08\\2\xc6?\x12\xe3\x10\x90\xa3(\xca\x10\xb9\x84qS\xf7,\x07\x07OZ=\xc8(*\x1f;H\xcf\x8c\xd5\x13\xdeE\x15\xa8e\xb75\xef\xa0\xb6hx\x9f\x03\xf4\xc7\x04\x10\xb8zp\x07\xb7k&lt;\x8c\xa0tQ8h\x84o\x0b\xcc\xd6\t`\x10\x99\xb1E2\\a}\xff\xf7\xbc\xa1TZ\x80\x14\x1d\xd9\xb5\xc7%n\xe08\x08\xdc\x02\xd8\xd9q_\xa1\xdd\xad\x1c\xbd\xbe\xae\x13 q\xff\xd3\xda\xc5\x14\xbbp\x1a_\x1d\xd5{\x1cK\xack\xce[\xb9=\xb9A^H\xcc\xde\xb4\xa8\x9e\xc7\xf6\xb9n*\xbf\xcf\xff\xeb&amp;\x06\xea\n\x04\xc6\xa2x\x00\xa39\xfb]U\xb5W\xb7\xf0\x198\xfe\xc5\xf3\x8f\x8ai\xf7\xc3T\x00\xf0\x88c\xaaW\xf0\xc2\xaf\xd77\x01\xbc\xa53\xcbV\xe3O\x10\xc8$\x1d\xf8\xe5jy\x8d\x0e\xfc\x03\x1e\x06+\r\x97\x98C\xe09n\xa3\x81\xc0y\x90\xadz\x00\x10\xbf\xbf\x14\xf0(i\xb4xi\xf3\x01+tZ\xfe\xd7\xa9\xce\xf7?I_\xb0\xf7\xae\x9a\x9br\xf85\xfb\t\x14\xd1?xt\xe7\x03&lt;\xde\xc2\xf8\xeb|\x14Pj5\x8fu_\xc7\xb8\xacN\x1e\x08\x948\x97/NF\x7f\xf5\xe0M1~\xc6\x8e\xbc\x88\x88\xbf\xed\x11\xeb\xb7\xd1@\xa6&amp;p\xbe\x83\x16\xc3\xaa\xe8\xd0\r\x9a\xc7E]\xd4\xa8QI\xc0\xb1\xb4?Sl0\x10\x18\x83\x8b\x8a\xc9\xccL\xbe\xf8\xdc4\xf6\xe0R\xaa\x92`\x0b\x98\x0c\xfaM\x9e.\x0e\xcb\xb3RE\xa2\xed&lt;m\x01\xa42\xeeX\r\x122|6\xa2\t}uUl\xa3+d.\xb0\xbb\x04\xae\x10\xfe\xb7\x8bJ\xcc\xfdU\xfeh\xa5(\x9f\xdb\x9b\x0f(\x9b4\\\x11\xb8\x0b\x18[LD&lt;A\xbd\xe1\xda^\xb3\xdf;KK\xa5\x9a,\xac\xcf\x9eX\xf9d\xaa\x9c\x85e\x17\xba\x1f:\x86\x04\xd7\xef\xb1h)T\x8c\x9e\xa6\x95\x03\xb72:?\x07\x9d\xdc\xdbw\xf5eo=\xd3\x1c\x87\xa63jG\xf0\x86e\xc9V\x83\x1f\x03\xabS\x18\x1f\x948\xfe%\xb2\xe4{\xa6i\xfb\xcb\x08\x13\x1d\xd7\xa2\xdc\x0fN\xec\x0b\xd2m\x04\x98\xf7G\x92^%S|\xf8z\xbe\xeep\xd6H\x02\x8cG/\x1a\x02\x81\x91\x10\xf7\xe6\r\xd9w\xba0\xf1\xf9h\x92\x8e\x88\xf8*\xeb\xc5)\x8f\x04us4\x95G\x8d/\x10\x17\x12\xe2\xb3i\xac\x0f;=\x12H\xe5W[\\\x8a\xe1\xac=g7\xe1\x0e\xc8\xe7\x1c\x00\xafq\x0e2\x81\x80\x8a\xcb\xf0\tu`~M\x87\xf7q%\xa0\xde\xe7\xff\x94\xea\xaa\x18\xe4[\x90\xfd0J{P\xceR\xe7aQ\x07\xf7\xfb\xf6\xf2\x82\xdf:\xfbT\xb71\xbf\xd8Z\x0e\x04`\xd0P\xa9\xae\xdf\xed,\x1d\x0c\x1cOe\x8c)W\x8e\x97\x89\x02\xfb\r]2v\xae\xa6\xfb\xf2\x12\x07\xbam\x01My9\xb1\xbbu\xbcA\xc5[\xa0\x03\x04\xae\x08=g\x00\x88\x1f\x06\x0e\x8fy\xb7&amp;\x9d\xd5\xc37\x1armQ\xebRn\x1f\x18\xba\x9f@gJo[o=(\x9d\x12zT\xed\xc1\x89\xfdK\x11\xbb@\x809H&gt;\xff\xd9U\xda\x97\x13\xf3\xda\xcfVn\x16\xd9E"6\xd3\\\xa9\x8a\x9b\x80\x1dQMLo\xde\t\r\xf0\x93\xc9\xa4\xf4\xab\x99-\x16\x02\x81k\x80\xbd\x9fm\xea\xca\xf2yc\xf5\r\x9a\\L\x8c\xf9\xe2\x13\xfd,\xea`\xcb\xff\xcc-\n\xa9\xc7\xe0\xbc\x13\xc0\xb1\xb6*Lj\xd9\x13\xfe\x83\xb2\x075\x0b\xe2)\xe9\xaf\xc1\xaeg4+\x05\xec\xd4\x1a\x08\x1c\x00\xfb\xc1gT\xd2\xe1H\x97A5\xcf\xea\xcd\xd7\x8b\x1a|\xa5G\x0e\xf5\xa2i\x13\xc3\tp\x1aS\x97\xb08\xcd\x17\xf8\x00\x00\xf8".\xa0V\xbe\xa7\x08Y\x07\xd3d\xfe\xc1\x8cd^F]\x05\x02{\x91\x9d\xb2z\x06\x0f\xc0\x0fw\xf5~\xba\xb3\xfe\xc4\x9a\xc5&amp;\x07\xeb\x97uj\xe4\xde\xe1\xc5|\xf9\xdf;\x01 \xc0\xed\x04\x8buJ\xe0\x9b\xc0\x94\xec\xde\xd7_\r\xeb\x03\x91\x16\x16\xe2,k\xb3\xaaM\x00\xffWU\x86\xea)\xecR\x86\xf6&amp; &amp;\x80\xc0\xd5\xa3\x18%U\x97V\x1b\x965C\xab9\\\x0f\xfa\x8c\x81\x8a\xec\xc2R^\x93i\xc2L\xe9\xabE2\xfb\xbc?W\x98\xd4\xee\xd4\xa0\x8a\xb5\xccy\'si{\xaa\xd1\x93\xb7U9\x17\x1e\xd2\xca\x81\xc0E\x83/\x82\x10\x7fy\x876\xfd\x16\x1d\xb7Dr\x9b\t\xfc\x84s\x9d\xce\\&gt;\xf5\xb9\xa1Z\x08\xa8Ug\x939\x94\\|uz\x16\xf5ts\xd0\xc4\xdc*\x17\xf0.5\xa4\xf6v\xb6\x02\xeb\xfc\xdb\x05\xdd\xad\x1e\x87\x98]\x02\xe7\x07\xed\x84\x1fl\xc6d\xba\x94/\xdby\xcdYo\x02\x8d\xc1\x99&amp;V\x9e\x05\xa3\xa80\x9f\xb4,\xef\xbfi\xf0\x10\xe2\x042\x0e\x95\xedTEO\x17\x81d\xda#s\xc4\xe9\xe8k[\x16U\x83~"\xefV\x13\xc0F\x85N\x18j\x11\xbfj\xb4\xb5@\xe0\xf20d\xc9&lt;+\xe8\x8b\x9c$\xeb\x8eh\x92\x9c\xf7\xb8\xb5\xbf\xc4\x81\xad\xe2\x8f8i\x07\x00\x80\x1f\xee\xa54\x1c\x88\x7f\xe3\xb1H\xe3\x87\x92\x92]\xcb\x17\xe3\xa4d\x8fZ\xf0\xcd\xac\x81\xc0yp\x82\xce9\xca}\xb0\t\xc0e\xa5\xea\xbfjw-\xa7\xd3\x8d\xb1\x9b\xad\x94\xb7-\xe6#\x06\x9ajG2\x1d\x0c\xd7m\x8d\xbc\xd3RsI)\xb4-\xe8\xc6K\xdd%t\xefWj\x0f\x985L\x00\'\x19e\x81@\x1b\xbaWv\x87\xaeh\xf2x\x08\x8a\xe9\xcd:\xf1\xad\xcd\xbb\xc7\xaep\x87\xa8&gt;\x8d\x07\xf1T\x05\x8e\xeb\x00\xad\xd5\xbem\xe6\xf2|\xecW|J\x13\xc8R\x9c\xb6\x10\xdfN&lt;\\\t\x04\xae\x1bKt\xb2k\x8d\xb3\x7fES\x7fd\xe8T\xa3\xaeX\x9c\x9e\x06\x9euw6\xf9\xa5:9\x98\x98\xc8\xe4@[\xad\xf2\xa4o\xf4\x98s7t\x1a\x1d\xa7\x88\xfa\x05\x02\xa7\xc7\xceNm\x1c\xedz\xb3\xb7\x1f\xe7\xba4\xb7\x0f\xd8\xb3\x0f\xef\xaa\x9f1\xaa\x1a\xf3\x8b\xae\xf8\xcc!G\x0e\x9d\xe7\xe1\xe9\xc10\xeb\xd0\xde\xd5y\xceX\x10\xde\x9cg\xefc\x81\x1b\x8c\x9eo\x01\x15\xdf2i=\x01\x9b\x96\x8f\xb9O\x9b\x03j\t\x89N\x00\x00\xd3\xa8\x05\x96\xbd|\xae\xe6u\xfcx\x88~,9zu(\x9a\x99\xf4\xcf\x1c\x91o\xe1\xe7\x1e\xa7\x16pO\xc9\xd9\xf7\xf4}\xc7!\x85\x86\\fI\xde\xfd\xbd\xa4;j7\xa6\x89}#\xa8\xa5\x15\x9a7R,\x0e\xe947)\xd7\x81\xc0\xc5\xa1\xd5\x11o+\xb5\x94\xe2\x1eZt\xce\x18\xe2@\x91\x0f\xd1\xfdJ\x99\x89\xee\xe0C5\x0b\xad\x07|\xd5&gt;z\xd0J\xcf)\xc7\xf7\x07\xb6\x85\xe1\rZ\x17nW\x82\x9f\xda\xc0D\xe8]\x11\x13\n\xdc`d\x0eZ\x93Q\xb6\xea{\xe2B}\xe0\x04.\x19\xc8\xce$iz=\xbb\xa23\xa9=\xba\xf2\x1f\xdf\x95k\x9b&gt;\x1d\x92]\x16DUO\xd8\xef\xac\xff\xf2\xe2{T 0\x00i\xa0P\'BC4MA\x95#\xe8QJ\xf9\xadW^/\xc639\xd9\xe0\xcf\xf6R\xcfm\xcf;b\xc9\xac\xeb\xf7\x9a\x10\xc5\x90\xa0\xd1\xb2bB\xbbE\xe7\xc2\xdaY\x02\x92\x7f-[\x0e\xda1C\x04\xae\x0c\xbcS\x8b\x83\xdc?f\x8b\xe8\xb3\x98m\xbf\x0b\xd0\\\x89\xed\x11\x9a\xad\xe4\x16[\xb3\x8bz\xea\xc2\xbeYVug\x1e\xef\xdch\xabU?\xe8\xdey\xa0\x8btV\xd1\xdcG\xe4\ti\xfd\xd7\xd3=\xf6?$\xd6\xbd\xdb\x0b\x04N\x87\x9d\xcb4\x9a\xc9p\xc7;a\x8fX~\xb7\xa3&lt;X\x94\xe5!\xad\x1c;\xd1\xed\x14\x10\x11\xf1\xad\\\x92\xc9\xf7\xe9\r\xfd\x8cU\xf2P\xf4\xf6\xb1z{\x16\xb7E\xe9\xe4\xfa\x17\xfc\xa2\xd3n+[\xab\xfb\xa5\x86hS\x1a\x08\x1c\x8d\xfd\x9d\xb2XijV&lt;c@\\=\tk:\xfdA\x97\xd6Y\r\xf1\x13\x10\xff\xd0)\\\xe6U\xae\xf7\xc0\xeb\xf5|e\xf4,x\xfb\xef\xe6|\xc4[N\x1a\xad \xa6\x8b\xb8\xa5$L\xe8y\xeam\xcf\xc2H\xa4:Va 0\x12F\xd7\xdc\x16M\xb8\xa5\x0c0\'\xa7\xff%2{\xe8\x1b\xb1\x8cm\x03\xcd\x9d%2\x9c`\xd5\xaex\x86\xe1\x9b\x00\xbe\xe4\x04\xee\xa4\x1a0\xd1\xca\xfe)\xd2\xce\xac\xcd\xb4\x1aQTyzC\x97\'w\xc4\xe1\xf8\x03\x97\x85\xa2?\x8a\xe3\x1c\xdd\xce\xa8\x8f\x80`Qz\xae\xb1\xc9\xbe\x87s\xdf!\x81\x137o\x9c;\'\x00\x9e\xb8g\x02\xd0\xdahHW\x14\x03Dm\x1a\xf4\x0c\x7f\xd2\x15\x84\x0c\x04\xce\x03\xba\xd0\xe6\xb7\x8e\x9b\x00D\x8b \x8d\xf0&gt;\xebZ.T\xe6\x1e\x00\xc0G4(\xdfI\xa3\t\x85\x92\xe6\xa5\xf4\\\xe4&gt;\xd3\xa6\xb3\xb3\x0f~\xaa\x13\x80MiU\xe25\xda\x87\xbe\xd6\xa9\xe6\x8a) p\x89H\xfd\x92\xfa}\xd5WV\x97\xd2\x88w=\x86\xa1\x7f\xe8\x18\xb2\xa5\x03J\xfaM\xd3\x15b\x88\xdd\xce\xd4\tm\xde*\x984(,6F\x9a\xd8\xcf\xb4\xb0\xf4\xd8\xcdm\xf5\xb9\xc4\xa3W\xd3\x07)\x8f\t pq\x10\xc3#\xad+\xfcrH7\x13\xc8\xb3\xa3\xa4\xb3!\xdc\xff\x86N\xf1\xead\x06\x8eXG\xca?jd\x8bS\x94fz\xbf-\xad\xfc\x88#?\xf6YX\xa4\x7f\xcab\x84[!\x89k\x1fC\xfcb\xca\xf0\xf2=k8\xff\xc0\xe5b\x1el_\x95\xa7\x8c\xd4\x9fi\xae\xd0\xe0^\xc9=\x01\x083\x90\x91\xd3\xa3\xb6*S\xfc\x86\xc9Nm\xa7TE\xfc\xac\xa0\x1c3\xb1\x17\xae\x92o)1q\xd8\xcaw\x99P[\xc8g\x92${\xae!SU\'Q\x980o\x85\xbf\x0e\xdcB\xe8\x1bBn\xe5\xdem\xbb\xb8#\xd9ow\xa7\x9e\x81\xe8\xa0\xe2\xe7\xef\x98\xab\xbc\xb5\xe1m\xaf\xd9/\xbb\xd8e\x04Z\x9bx\xdd\x91\xa8\x81\xc7\x8e\x8a\xbd}{\x16\xc1\xee\xb6G\x11\x05\x9e\rl2\x0b\x04.\x0b\xc6X\xec\x085\x14\xf2\xdd\xfew\xbf\xdfn\xf22MN\xc4\x1b\x1c;r\xee\xe1\x07\xd7\xe5\x9f\x85|c\x95\xa6\x03\x12\x93\x83\x1e=\xa3\xee~\x8b\xdbt\xce\xc7k\xdef\x1aG\x03\xd7\x7f\xfb\xfb\xf9@6\x81@\x13\xc4\x9du\xba\x85\x00\x88\x0f\xa3N\xb4\xea\x0e\xb8K\xf2,K\xdb\x897\xa0m\xcd\x9b*\xc4\x16\xf6\x86\x8f\\\x0c\rJ\r\xc2]SoZY\xf7\xb9\xe6\xa5\x93(\x9a\x81\xd4\xa4\xd07\xdamev/cc\xb7\xff\xf8\xe7B\n\x12\xb8\xa5!\x1e\x03\xae\x17\xe5\x04`\xad\xfb\xfa\xd7\xfbc\x86\x01w\x0c-q\x86\xb6\x00Eq_\xaa\xc3\xd3\r\xee\x92\x0c)K-#A\xb3Q9+\xb2\r\xcaX\x97M\xf7\x16\xad_\xd8G\xd2\xa5\xc7\xb6\x8fo\xc6\rw\x1f8\n=?\x08\xb3\x80\x8d\xcf\xf9\x976\x10\xd7!\x96;\x14\xad\x17k?WR\xc5\x9cq\xff\xe0\x98\xba\x19\xcc\x1c\xe6\xdc\xab\x0e{\xb8\x16\x96\n\xbb\x888\x939\xd5r5\xb31W\xc3\xff+\xf0\xb2\xd0Zu\xd3\xb4\xd6w^\x17s\x8f\xc9\x12\xa7z\xcb\xb4\xd6\xd2\xdc\x1d_\xd6X\xbd\xdb\x8f\xea\x8cn\x14O\xd7\x9b\xa6)\xe6\x80\xc0e!\x8b~\xb0u+\x92}\xee\x8e\xc5\xe2\x92\xdd\x16\xf8\xbd\x11\n\x11\x00\xef\xd7`\x94\xe9l$QWx\xba\x01\xdfa\t\x01\xf05v\xcdRr+\xb4+l\x92GP\x83W\xa2ey\x7f\x86\xc8\x8fR\x04C5\x99:[2\xbe2\xcd{\x94\x06\x02C\xc0\xb7\xeae\xca|Q\xc8\xb0\xbc[\x16#\xbdN\xc6O\\\xf52\x9f\xdbbq,\x9eFL\xdb8\xcbB\xb0\xb5z\xfb\xc4\x10\xe0\xd7k\x9bE1p\xd4a\x1aY\xc6b\x91\x92v\xae&lt;6\xe8Y\xd0 \xfe\xb8\xdd\xdb\xe5\\\xcc\xca\xbd\xf3\xf4@\xe0\xfc\x10\x86\xae\xbc\x9e\xda\xbe\x95\x8b\x00\x88\x9f\xbe.\x9d\xd4!\xb1sE\xe9\x1d\xff|\xf6:w\x98\xb5\xa9\xdc\xadD\xef\x9d\x19\xea)\xa9\x9d\xc1^Jk\xbe\x92\xfb\xf1\xaaW\x85Z+\xdb\x93GUm\xea\t\xa9?l)H%\xbdL\x8a,\xb9\x80\xcd\xa7\xde%\xce\xdbc\x03\xb7.\xc4\x9e\xb78w\xd2\xb31\xef\xe5\xdc\xc9&gt;IV"\xcf.\x87vwa\xa1\'pX\xd2Q*\x8b\xa6\xd6i\xb1i\x91x\xe8\xb8\xefS\x8e/\x16\x1c\xba\xa6S\x8e\xab\xf8\xa6p\xd7\x04@Q\xa5NX\xf1\x8c\\M\xbaFD\xfcr\xb5D\x81\xc0\xb5\xa0\xfb\xf8s\xe9\xf7S\x9e\xd2\xafn\xd6\x80\x08\xe4d\x0c\x11\xd3\tX\xc7I-\xe53\xab\xea\x13FD\x98&amp;P\xd6\x97\xa2Z\x83s\xa9\x1c\x00\x187\xc4\xf2\xb8X\xe6L|\xd3r$\xee\xcb\xd8d\xa5\x89F\xff\x99\xbe\xcf\x90\xa1~m\xa6\xac\x8d\xa6irv\xcb\xb9!h\xceY\xa9X\xa2\xc4\xc4V\xae\xdd\x1dU\xf3\x81\xc0N\xecz\n\x08\xb2\xc5Q\x7f\x88Z[$\xceclr&lt;\r"\xebl\xf1K\xda\xed\xb4\xe4\xd3\x96z\xe2B\x93&gt;\xa1T\xac"\'\xfe\xf4\xcb\xbb\x97\xc6\x0b\xb2\xf8\xa1\xf2\xda\x7f~\x06)\xaf\x1f\xf7f\x02\xb1\xcf\x07I\xe5\x9d\x00&amp;\x98\xc9\xf4\xa8t\x19\xb5\x17\xf4i\xd1\xbe=\x97\xb5ftV\xc9D\x9bf\x9a\xa6\xa5K\xac\x0fe\x15\xc2I2\x0f\x16\x15\x9c\xf5\xda\xd8T:\xb7*\xb1\xcf\x08\\\n\xd6\xbd\xf6\xf3\xba;\xa5\xd1\xe3\xb58\xf52\xc6\xb4\\\x1e\xa3\xed\xa3\xa8\x8c\x0c`\xf1\xa7\x1cl\x10"H\x8dvK\x1a\x0b\xdef\x9f\x9a1\xd8]\x9aCP4\x03m\xac1\x9a\xf5pP!\xe3\xd7\xc9\xf5\x04\x02\xb7\x04^\xe3\x1cF\x97\x01\xda\xb2\xe7\xd9\x86\xf5k\xa4\xe8\xbf&lt;\x07\x0c\xa6*0\x19\xa4\xf9\xf2\xbc\x8dPX\xe6^\xebJ\xa4V\x18X\xd6t\xf6+\xb2\xb2\x19^^\x95\x07\x02\xbbQ\x1d\x96\xc5y\xe9N/),\xc1\xfer\xaf\x06Af\x95\x84l\xf9O\xbe\xdf\xc2\x96\x84\x03\xe7\x80\xfe\x1d\x95;\xef\x19\xd7\x9b\rO:\xb1X\xcax6C1~\t Z\x01@|\xda\xa5\xd7E @\x81d\xf5\xe4\n\xd4\xe8\xcet\xa7\x9f5&lt;\xb5\xe6\xd3i\x86\xf9\x02\x01\x10\x1ft\x82M@\x13.\xd9)tpK\xa7K}\x95z\\S\xe0\xa7\x0f\xd5\xd62\xb7\xe1\xa9\xa6\x99@\xc0B_\x17\xcc&lt;)\x8f\x9fJ\x8b&gt;\x96\xd2a\xb4\xe4\x00\xd2\x90{\x1e3W8v\xfa\\\xb6\xb1\x03\xb8\xf6\xe1\x99Z\xe1\x8c\xc5\xc8\x82\xf8\x00\xb4\xc3H]B\xae\xf1ki\x08\xa3\xcf(\xe5=\t\xad@\xc0\x00\xed\x97\x8f\x99SL\x19[\xc3\x8c\xb7\x91\x06m\xf70\x16\xa7\x13\xed\x16\xcd%\xf2\xe4\x0e\xbec\x02\xd8\x08\xa0\x90x9\xe0\x85\x18Br\x9b;[\x98l\xd7b\x00p\xe8\x8c\xeb\xd7\x96x\xb4\xce\xf9B\x0fo\x91\xbf\x01+\x8c\xc0M\x00wy\xbc[6M\x00\xabW\x15\xc4\xfcj\x91D\xed\x01\xe0\xaf\x8a\xbb\x1a\x15\x13\xea\x04\xb0\xe3\x18\xa0\x89\xc9A\xc3\xddP\xfb\x08v\xf7\x08\xa7c\xd4\x94\x9a^z\xc3{\xd1\n\xdf\xe9\x1ci\xfbU\xban!O\x16\x16D\xdb\x00g\xed\xd9\x13\x07\x02\xfb\xd1\xfe|\xbd\xd0\x0b\xa7\xe5\x1f\xe1\x85&amp;\xf9\xcd\x1d\\\rg\xdaZ\x9e"\x9f3zr \xe2\xf61\xc7\x96\x02\x0b%]?\xd5\xa9e\xf1\xbfk\x06z\xe5\xd4X\xc9\xef\x10\xad\xac&amp;\x80\xe5}(M\xb9]\t}\xacZ\x81K\x7f\x11:\x8c\xa7Ui\x13L\xd3\xf4\xbf\x00\xee\x8a\xf2\x1b[\x85E\xaa\x81\xbf|\xb7xrG\xf9\x13\x81R\t\xac-\xd4\xfbr\xdfJb\xef;\x95\x81\x80\x07;^\x04\xdb\x80\x00\xf3\xb1\x1d\x1b\x0c\xeb\xc6\xbfp\x9aI\x8e\x0e\x12{\xf4J\x98\xf8\xdd;\x08R\xf45\xa9\xbdk\xa8=\n&amp;\xe6\xb9t+X\xfc\x9b\xdf\x94\x16\x83\x8b\xb69\xdab9\xf1\x83&lt;\xcb\xe3Y\xe5\x18U5s\xe0$\xab\xef\xfc\xa5\x89?\x01\x00^\x7f\xbd\'\x9a^\xaa\xab\xe8\x81\x82i\xd84V\x91\xbf\x7f\x97tOD\xf5\xc3\x98~\'\xa6\xf0\xfe\x81\x8b\x85\xb8Y\xd6b\xeb\x9e\x10\x89\x11\x97\xdf\x94\xfc\xb5\x90\xe8\xa1Z\x95\x913R\xd39\x7f#\xfes\x9a\x1dz\xb7-g\xa6\x03\x1f\xa1qO\x0f$\xcb\x96\xa9-z\x96\xd7\x11"\xfe&gt;\x97\xf9\xd8\xedn\x8b\xee\xc2\xd06\x10"F\x13\xb8\xf9\xd0\xbc\x0fO\\\xe7\t@\xc4\xaf\xe9\xf5\\\xd5\\t\x90\xf3[\xc5\xf9ak\x80\xbbp\xef\x08\xe4\xbf\x9a\xf7o.\xa9S\xac\xa5\x0e\xa9$"\xe2G\xcf\x17M\xbc\x8eB\x95F\xd6p\x8d\xa5\xc6\xea\'\xfb\x87\xd6\xc2\xc9\x16\x01?x\xa8\xf6@\xc0\x03g/\x17]\xb31H\x8c!\xd47\xaeR.D\xc4\xf7L\x89\xc4\x9c\x9d\x1d\xe0w\xb8\xa3\x7f\x9e\xb8\x03\xa0\xc7\x83\x1dL\x8f\x026.\x9c\x8f\xc3N\x1a\x9e\x8a\xed\x9e\x17e\x99\xc7:\x95\xf5\x10\x18\x951\x108\x03\n\xb7\xd2\xbc\xd4%\xcb\xbaR\xad2\xce\x8dY\xa1c\xd9\xd5\xb4T\x93\xdc}\xee\xfa\x91\x0bW\x15\xee}\xa8\xe3\xc5\xa2f\xf2o\xb2\xd5m\xa2\x1b\x03\xa7\xf0\x83@+\xffA\xca-?\xdd\x8b*Z pRt\xfb_0\x83\x00\xd8\x12\xa9\xd89\x02\xbd\xc1\xe8\xdc\xe9?\xbf\xc3\xd0r@\xbb74\xa4U\x0e?M\xe9\xa8\x18\xecj\xd3\xbaZ\x9fFC\n\x11\x11\x1fZ\xd7\xd0BI\xb1\x926\x8e\xfdz\xfa(\x05\x02W\x86\xf2do\x90\xef\xd8|\xed\xf1p\xdaZ\\\x7f\xcd/\x8cw\x9dt\xaf\xa3\x9b\xb0\xed\x1eW\x9b\x1e\xbd\xb8\xbbA\xfdy\xb9$\xb2Y\xed\xb65]\xc8\xdb\xdb\x87\x8d\x1c\xcf\x98O\xc2\x00\xf0.\xadZ\x03\x81K\x05\x1f%c\xbd\xf6\t\x9c\x7f\xfe\x08GUX\x96\xb8?s\x82c\x89g[\x0f\x85\t[\xf8\x0b\x02\x07\xd5\xe7\xac\xf8\x07l\x99#\xe6\xc5\xb63\xe1\xb2\x02\x8d\xcc}U\xb5)7i\x88Y\x8c\\\x81\xc0e\x81vt\xa9O\xefu\xdc\xfc\xa7"\x8f@\xebD\xd5\xe7\xc2\x06z\xbd\x9d\x1e\xbcc\xd3\xe0\xd4S\x9d{\xd6\xf4G\xc387\xf79nI\xccA\xd3\x07qIV6s\xaa\x98[\xe1[\r \x15\x08\x9c\x1cdA\xdd9\xc2\xda&gt;\xd8\x9f\x9b\xceh\\\xc0\xe9\xdc\xc0\xfd\xd0N\xf0\xbd\x19\x8fe\xf9b\xf4\xf0\xd5\xb9\xdav&amp;\x8fl\xcd\xb2\x07\xda\xae\xb4\xafY\x8c\xa3\x97\xad\xdb+\x16G\xe1BzT P\xa2\xdce\xbfo\xbd\xb3&gt;\x94d\xa4C\xa7\x12goa\xb2\xa6,\xe9\xb5\xacm\x86\xea\x1aD\x971\xceA8\xf5(N\xb0\xf9\xf4^P\xeb\xce{\x16\xbf\xa5\x15\xdcCG\xeaE\xaa\xb6\x94|\xdc\x04\x80\x08\x88?&lt;\\m \xb0\x17\x99\xdf/\xa6\x01\xc7P\xc0{\xeb[\xf5^&gt;\xb8]\x1f\x12\x83\xbe\x10\xec\xf15X{[\xea\\\x18\xc2)-\xc9yz\xf7\x04`\xdbj\xd5/\xab\x92t\x06\x02\x17\x87\xd4\xc7Sw/}\xb7\xe4\xd03\r\xa2\xceLC\xf6\x13]\x15&gt;\x8dc\xa6a\xe9z\xcc\x82n\x14\x96\xca\x87\x86\xba\xb2\xb49R\xaad\xf6C\xd43\x84\t\xe2/\x14:\xf7p\x16&amp;\x98&gt;=\x00\x00\xf04\xda\x9a\x17\xdd\xe9\x02\xb70Dw/\x88\xed_\r\x91\xc1\xd0\xa7a\x08\xaee\x18\xf2\xd9\xd7\x9d\xd1\xca\xd5\xa2\x87n\xbc\xda\x8f\x07t\xa3\x85\xaeQ\xb3\xf2S{\xb7P\xa8\\\x0f\xc4L+&amp;\x81\xc0e\x81z\xff\x83z\xe7\xb6\xa5H)\x12\x07K\x83$\xb9\x8e\xa8\x06\x1a\xa2\xce&gt;\xa4\nk.KC \xe2\x1d\x92$\xcf\xa5\xa9\xa0^\xa6&gt;\xa9+\x02\xe2\xe6\xcf\xc3\x993\x14\xb3\x15\r7\xa4\xdfm\x0b\x14\x7f\x16\xa9\x05a_\xdfpt\x80\x1d\xda\x03\x81\x0b\x84\xbe=\xc7\xaf\xd3{\xfc\xfe\x19\xa7XR!A!@S\xbc\xca\x996H\xb3\x0e\x13\xe3\xd7\xb6Z7\x87\xbe\'s\xe4\x95;\xd7f\x90\x190\x01(Q{ \xc1@\x97\x9eZ\xab\x15\x8b\x98ue\xa0\x9f\x19\xe4\x19\xb7\xf4\xbc\x1d\x9f\xc5d*&lt;Yo\xd1d\xb2\x14\xa7\xf6@\xe0\\\xe8\x1b\xff[v]m\xb7N\xd5\x16\x1b\x85\xf2\n\xd4\x17\xea\x15\xdd\x87h\x91_\xdb\x0c+2\x99\xfc\xbe\xa0\xb6Y\xff\x0e\xb6_\x02\xd6\x04o\xe7]n\xf3O7\x1b:mUbJ\xb6\x99\xf8\xeetv\xf2\xf6\xe5\xfa\xc0\xacL\xc4\xc7\x14\xfa\x9b\xa6\xa8-W\xd7\x96+\x1083\x84\xb5\xc9\x9a\x80\x0f\x02D\xc4\xfb\xae\xe9\xeb]\xd0\x9d\x8b\xd3\xe2\x8e\xdc\x87\xa8-\xaa\xc0v\xf7cMoJx\xb4\xca1a\x18\x0by#X\xe4"\xa3\xe7\xbd._Vs\xcd\xd9u\xc3\xc2\xbfi\x97\xe0\x94\x0b\x04N\x8c\xeaj\xce\xd8\xba~\xf4\xa0\xbd\xad\x114\xa8rk]QzVjgqpM&amp;\x07\xf2\xc4\xfc\x1a\t\x0c\xeb\xfb\xedj:\x8f\xab|Qsq,\xf1\x17\xbdjc\x8d\x1f\xb82\xa4\xee\x8a\x00\xbf\xd3\x90k\xee\xee\x82\x0f\xb2}\xc7\x9e\xf5\xac\xc6\xc4\xe9\x07\x93\x8cG\xbe\x9b\x7f\x13\n\x7f\xe7\xdcW\xe51\x87Jp\xc3\xd6\x00\x00\xf8O\xeb\xd9F\xd9\x88\x03\xcei\xba\xb1\xd5\xcc\x99\xb6\x1a\xdc("~\x90\'\xe3\x11l\x02\x81\x83\xb0\x8csK@_\x03J\xdd\xdd\xb3r\x1c5\xa4\x89\x9f\x92\x8d"\xf9\x01\xca\xfbH\x1c\xce\xeeh\xa0\x0c\xfa\xab\x95c\xbd\xbd\xa2\xec\x00\x00 \x00IDAT\xa4\x8b\xadP\xb7\x9bW\xdd\x9e\xe2k3P\xb7Z-\xb0\xbe\xbf\x8d\x9c\x1aR\x95\x0c\xec\xae\x1c\xefz\x90\xde@\xc0\x8f\xeaZx\xaf\xfe\x9aN\xcf\xe2]J\x04t\xbf\\V\xdc\x16&amp;\x00\xc4\x9f\xb7U\x1c\x03q\xd2\x92%\xbf%\x93\xa1.r\xb9\xe8%\xd0\xe9\xa3kqsC\xaf\xdf\xa21\xb5;5\xf4A\x9c\x1a\xcf\xb8J\x08\x04\x0e\x01~n\xff\xa6\xd5^\xe6\xfb3\xda\x04P_\xe4\xba\xd6\xb9\x00\xf8=\xd6\xf2\x19\xc6\r\xec\x9e\x93\x0fB\xc3\x9bE8\xaew\xe5\x1f\xeb\xbct\xd7\xbc\xdd\x15\x8d\xb6\x1d\x9c\xee\xde\x9d\x14\xa6\x1d\x16kd\x1c\xdd[\xe8\xae\x11\x1d\n\\\x1a\xec\xf8\x89\'o\xb3\xc5\xddn\xa8\x95*\xb6g\xd9\x89=\x96\x06z:{\xce\xb39\xd8S{\x13E\xde\xbbl\x0f\xab\xa5t\xd7\x0c\xbe"#c\xcb\xd7\xa2\x97\'\xeeN\x81\x80\x13\x1d\xdf^^\xfa\xf14M\xd34\xa9B\x88\x88\xcf,S\'\xd0\xb2\x18\x83c\x025\x97\x07\xf3\xc0\x9b5\xe0\x7f\xb2\x0c\xa5\xa5\xfd"\xafQu\xaf\x9d\xfdc&gt;Yj\x9a#\xdfn\xce\xbb\xa3r8\x07q\xf3\xe43Q\xca$-\xd34\x81\xf1@\xbd\xaao\xe2\x97\x9e\xd5@bk\xd3\xb6bM\x7f\x8f\x88\xf8fy\xaa\xaa\xa7\xda^+\x8d\x98\x02\x02W\x8f\xcaZ\xcf\'\xa9\xdd\xfa\xfc\xdeU\x9b\xbd\x04\xab\xda\xa5K\xfe\xaa\xe3&gt;\xd7j\xee\x08\xbb\xfe\xdd\x95#\xe6\xc6\x12\x8f\xa9%\xb69\xb0\xfa\x98v$k\xac\xca\xf9\x9a}H\xc5\x87\xf3\x0f\xdc\x04\xd4\xc6\x9b2\xa8\x1e+\xca\x8f\xe6\xd6\x9d\x11\xb7\x95o\xe9_Z\xf4\xfcf/\x81V[\xdf\xbc[C\x13\xb0\xf6%\x86\xbe\xe0^\'\x99rR\xd7\xc5\xa4nF[Y\x9b\x1b\x8a\x0bY\xf9gt\xb1\xef\x05\x92\x0bD\xc0\xfb\x9d\xd4z \xe0\xc2\xb6\x8e\x96n\xad\x17\xc2\xa2\x8cf\x1c\xeeH&lt;s\x8d&amp;\xe3\xf7kb\xd9\x9b\xdc\xa2\xe4\x8c$1E\xadQ\x84\x9d\xde\xd9\xa3\xa1\xc3\x84X]\xad\xb6\xfcv\xdfe\xd1\xff\xf6\xf6bE07Hf\x8f\x12\xc4/]/\x1a\x98\x07\x02\x97\x05\xd4\xdf\x15\xa2\xc9\xd6\xde|\x97\xf54\t\xdd[Y\xfd\xc1\xf7)y\xef)*&lt;,\xd0\xa1A\xdd\x81\x1di\x91\xd6\xbc\xd7i\xf6\x86\xf2\x9a\x1aY\xac\x7f\xb5\x8ap\x8b\xf5\xf1=\xcd\xce\n&lt;\xf1\x06(&amp;\x80\xc0U\x02\xef\x04\x88\xf8\xb5\xa6\xccG\x9b\x81\xa6\x8a~el,\xa3\xfe\xb62\xb1\x1434\xbb\xcdi^l\xe7\xd4U\t\xc2|H&amp;\xbc\xc3T\'\x81R\xb8o\x02x\xda\x92}\xf9\xb3\xcb\xd0i\xa2U\xe5\xfc\xd1\xb507\xe4\xed[\xe1\xfe\x03\x17\x01\xc4?\xda\xad!\x1b9f\xbf\x07p\xbb\xd1b3\x81;\x9e^\xad\x12\xe3\x92\xa2\x99=\xd1\xad\xa4\xaf\xc3/\xd8\xcc\x93Z3\xfe\xd0\xbf*\xafVy\xcd_\xcb\xa1B\x8dXU[k\x07\xb8\xb3T9\xfeY\xdfFwo\x0c\x04.\x02s\x07F\x04\xfc\x97\x94\xd2\xf6`I\xd3\x96V8Z\x10(-\xc4&lt;\n\x8f@6\x9f\xd1D\x80\x87\x8cP\xee\xb1\x9b\xa5\x7f\xe1.s\xb6k3\x9a/%\xa3#V\xe6\xed\x00D\n\x01\xf0\xc3\xb9\x80U\xda\x0e7=K\xe33\\\x92M\xe9\x81\xc0\xf5A[\n9W\xf1\xa2\xc2=\xeb m\'n9\xca&gt;K~J9\xfa\xec\xe2\xbb\xab\xb7~\xd68#\xe1\x89\xc9\x85\x99\xe6Q\x9f\xb9S1\x8c \x98X\xe14\xe5\xed\x0c\xffH\xf4X\x145\xe6\xd2A\x8eQ\x10\xa7N\xcc\xf7[}}\xa6c\xb6~\\\x97\xa1@\xe0D\xe0\xdd\x16\x89\x97)$OG\x8b\x18\xad\xacXk\xa4p}4\xa5\x83?J\x10\xc4vW\x8e?;\xe2\xbb\x14\xf4\x0c\x9d\xf3\xfd\x0ez|z\xe0J&lt;\x13\x80m\xb7#\xc0\xb5K\x98n\xe0\xfc\xd9zQ\xd4\xc0\xa8\xb3\x8a@\xe0@4\x05\x8e\xd3_\xc7\xf5\xecu\x10\xdd\x9f\x1a\xf0{4\xea\xb7\x1b=Kfe\xe7\xb6&amp;)I\x9a%\x9e\x06\x19y\xdb\xe1$\xe4\xe7mLtR\xeb\xcbZ\xef\xcfT\xf9\x8c\xafj\x9b\xa4/\x18s\xd9\x9f\x90\xffyF&gt;\x81@32\x0f\x98m\xa5\x9f:_e\x87\xb1Y\xc6^\x8b\xf9\xf5\xafH\x0bO\xcd\xad\xf3\x01F\x89UV\xa3\x0e\xc2\xfb\x07pQ\x8d\x1e\xe5\xdal7\xd0\xa1$\x13y\xddV\x16\xef\xfaL\x86HT\ra\xe8\xc4\xd2%\x00\x9e{J\xab\x81\xc0MBv.\xa7\x8f`\x87\xe7\x95\xdfo\xd5\xfcB\xf2A\xc0\xd6\xb9\xdbu\xe6\xa4\xeeZ\xa8\xe2\xce\xab\xf0G\xe0s\xf42\xedA\x1b\x9dV=Fu\r\x9b\x00\x14d2\xac\xc5S}V[\xb3\x9d\x8fC\xa6Co;\x8d\xb2\x12\xf4c\xe1\xb3Lx\x81\xc0x\xa0\xe3\xba\xa2\xa1\xf0\xc2$\x1d2\xdf\x81\xa8d)\xb4\xd9\x7f\xda\xde\xabuD"\xbe$\xf3t\xbf\xab\x9a\xde\x03[\x15\xaeNPs,\x1ew\xe3\x9ci\xa8"4\x1f\xae\xcd\xda\xb4\xd1\xd95I\xbbh;\xeaP\xe0`\x1e\x99\xb0\x94\xf7DD\xc4\xfb\x00\x00\xbez\xfd\x048&amp;\x80\xc0\rA\xd1\xa17\x07\xd18\x92\x936\xaeV0\xd1;zt\xe7\xaf\xc87j\xee"5\x12\x9c\x86\x93\x98G\xec\x01\x8d\x9e\xbd\xcf\xd1!b\xf1%\xcf\xfd\xd5\xda\xee\xd0\x85j,\xfe\xe5\xf2E\xa7z\x9bt\x97H\xbe\xe0L!\xaf@`/\xd4\x08\xcf7\x94\xdb|\xbf\x87\xcd\xf4\xe0\x03\xc5`1\x13\xbb\xac\xc1C\x1d\xe2y\x99\xf8!\xafy;\xf4|\xd3\x002\x15\x13&lt;\xa6\xb4t\xb3Z\xc6|[Y\x14p\xeb\xb1J\x8f*\xb3{\xa8\xea\xdf\x1f\xdd\x8cn\x89?\xed\xacp&lt;I\x14+\x10\xe8\x07\x99\x00\x04\xb84\xb4Zl\'y4\x8c\x85\xe1@\x9d\x82L\xb7\xf6\x03\x80\xc9\x0f\x8eU\xab,\xc9\xed,\xf3\xc5\xef:v\x96\x06\xe1\xd6\xa2\x14\xd2\xdb\x92(\x17pjE\x04\xc4GC^\x84&amp;&gt;\x81\xc0H\xe8\xcb\x9c\xfc\xdd\xd7\x9e=@\xd5\xf4\x89\xba~&gt;\x99u\x9eR"\x90\xb5g/sO%6\xc7X\x1c\x16\xdb4\xb2\xec\x86\x12\xbe\xc9\xf3.\x11\x1aC[\xf8v\x9b\xc5,\x9dD\x11\xfb\xfa(\xe2\xbd\x9a\xe4\xbb\xc1+j\xf0\x88\n\x04\xfaP\xed\x86bg\xed&gt;\x12\xd8\x83\xe2\xd0\xd2#\x9fO\x00\xd87\x01\x00\xb0\x19\xb15?\xcdKc \x9f\rwglk\x1a2U\xaaw\x1e4]q\x15k\xeaC\xfb\xeb\x81)t\nsI:1;\xe6\xd7\xf0\xb9\x81@;\xca\xd0\xado\xbc\x8d\xa7\xd1|h\xb9\xc8\xed\x99\x00\xa8,Q\xd5\xc5\x7f\xce\xfe\xbb\xd2-\x87R\xf1TF:\x03\x18\x13\xb02\xa6\x16\'a0\xe7!&gt;\xe1\xf9\x19\x0b3\x81\x94\xd79\xd3 \xee\x9d/\x03\x81\x1b\x0e~\xecf\xf8 Y\x83\xf1\xf0\x867B\x82\x88\x80?\x03\xb6`\xa1j\x8f7\\\xe6\x8f\x95$\xd5\xd6\xa4\xae\xf4t\xcf\xeeq7\x1f\x9b\xf8\x98y/\xcd\x91\xa9\x13@\x9e\xee\xd9\x00u\xd8]\xab\xcb\x14; &amp;\xe3y\x08"\x10\xb8\x02\x88\x83\x82\x8e\x95\x86\xc5\xa0e\xa5\xe6\xfd\xbbFi\x9f\xbf\xce50U\x8a\xc2%8S\r\xcd\xefv7\xd5\t\xc0\xb6\x0e\xba\xb7\xe5\x9a1\x11\xf6r\xf3\xc9\x112\xadprA\xf6\xc6\xb8\x11M\xf2\x14\xd0\xbf\xf5\xb9\xb498\x10\x10\xe0\xef\xca\xe5b\x8d$\xfcc\xcb\xc2\x8d\x8f:9]\xcb\xee2\xc1&lt;\xf5\xa0\xd1\xc8CI\xcc\xf4\x92\x8e\xec\xf9wQr\xb8\x8fx\x80OLs\xe8|o\xd1J\xb2{\x15\x8f\xf8\x96M\xbd\xa8\xbb\xf6\xb6.gmM\xf2?\xbflK\xff\xc0\xda~"\x108=lo\xa3b\x0e\xdfL\x13 \xc2\xa4\xe8\xd8:\xfb\xb4\x89\xe4#`\xe2y\x11QH\x15\xac/b\x88\x98\xe9\xef*\x12Rm\x12\xaa\x94&lt;&amp;\x0ce\x888\xa7\xf7\xf1\xdf\x89\xb9&gt;efN\rk\xe9\x8aj\xe4\n\x11\x01&amp;\xb9\x8cs\xd9\x13\x19?\x1b\xdag\xec\xb2\xe0\xbeb\xd6\x99\xe4\xcdG\x1a\xfdU\xa6\xe9o\x8a\xbe\xed\xe9\xea\x81\xc0\xa1\xb8\xad."a\x82\xc5\xef\xa7\x0e\\\xae\xc4?p\xbe;ME\x1f_\xffb7\x1a\x16\x80S1\x86\xc9\xb2\xae|}\xd4\xb1\x90/f\xa4U\xf3\xc3YJ\x1b\xa8\xcd\xd9\xbf\xaf\n\x05\xe1i\x9a\x96\xb9\xac\xc3\x92l\xbaa\xa9\xa9\xb9\xe3\xeaa\xc9\xa6a\x9a\xa8\x9a\xf9O\xa5\xde,\xa5\xdb\xbf`\x9a7 =\xed\x93\xc8\xf2\xd6\xd4\xfa\xc7\xba!\xdb\xae=P\xbc?\x00\xfc\xefp\xf7\x81\x1b\x02\xd1\xbf\x14I\xd5\x034\x8f\x15\x97\x18\r\xdd4f\xaf\x86e\xbc\\\x17\x0eB&lt;*\x05v&lt;S\x118\x8e\x01&lt;\xdc\x9a"\xef{\x0c\x8dB\xaa\xa5\xc2\xa2\x11\xd0+:[\x83-\xc9\xba\xd84\xfb\xab1\xe5\xd6\xd4D@(p}@D\xc4O\x16\x12\xc9\x85g\xf0\x18\xde\xd0\xe3+3\xf9u,5zm\x043\xa4k[\xdcL\xaf\xf99\xed\x94\xc0\xbd\x1b\xe5\xd0j:\x99S\xef\xee\x9c~\xa9B\xfd\xd0b\xbf\t[\x81qS]\x85\xd8S\xa3&gt;\xd9\x0f\xab\xaf\x16\xc4\x04\x10\xb8&gt;\x88C\x85.v\xb6\xc9\xe0-jz\x8c9`\'K\xc5\xa2\xc1\xa4I\xc96\xdb\xd1\xf2*\x13\x80\xaaJ\x9c\x12\x1c\x04&lt;p\x16\xa7\x8a\xace%\xeb\xa3\x0c\xb5\xb1RfSu\x81O\xae\x05m\xab\xd0\x89\x8b\xf3i\x9c\xc9\xee\xads p,*\x8e\xdb\xd1\x7fE\x0fr6W\xe2\x1ep\x94p\xfa\x97\x16\x82kz\xdd5\xa3\xa2\x90E\x8d\x96pV}\xf1;\xe3\xe3Y\x11\x8es\xca\xdc\xf5\xa7\xa2\xb7\x05a\xf0\x91ns\xeeH\xe0Y\xbdf\xdf&amp;R\xd5\x163@\xe0\x92aO\x00\t?\xe1\xd3\xc3\xff\xd4\x94oq\x9eU\xbe\xaa\x9f\x8b};\x0b;\xf8\x07[\xc1v\xa1\xfa\x08\xc0/j\xcb\x88\xf4\xda\x1d\xc7\xe8v\t\x03}\x89&gt;\x05\xc8\x92\xba\x92r\xcbhX\xf4\x13\xab\xcaxTe:\xfd\x92f\x11x\xcf\t\x04\x02\x02D\x9f\x92\xfeB\xf2\x05\xe0\xea4\xf0\xa0M!q7jP\xfb\x8f\x0b\x1a\x82L2\xfa\x8a\xed\xa7\x14\x88x\x8fu\xa9\xf8\xfd$\xd1\x17\xc7\xd0(\xf5\xc1\xf2\xce\xbe\xbc\xd5\t\x00\xb69\xb2\xd4\xcfs\x19\x15\xe9)\xb4&gt;\t\xd5M\xdbj\xb3\x8c\x9a\x98\xce\x1f\xc9\'Q\xc3\xef\x07\x02\x9d\xf0\xac\x16U\x97\xad\x8cy,\xc52U\xf6pmr\xfd$\x8b\xbc\xe9\x11S\x0e\x8dG\x0b\x81rZ\xc9\x0f2\xf3:&amp;\x00\x9b7\xcf\xd27!u\xb4\xc2\x8c\xbbrUw\x16\xfc\xf8\xfc\x17\x92k\x95\x892Q\x1d\xdd\x8e\x81\xc0\rD\xdf\xb0^\x86+\x7f\x89\x1f\xf1/\xb9\xa4\xe4v\xb5?\x9b8\xd4IJ\xbeOK&lt;\xbd\xef\xa0&amp;\xf9\x05\xe4s\xaa\xec\xfd\xbbh\xb3\tX\x8e\xe0\x89\xb64{\x88\xf0\x1b\x8d|\x90]\xb7\x16G\xd9v\xf8\x15\xb4\xe9\x0f\x04\xce\x83\xd2i\x1ef\xa5\x85\x8fK\x1e%\x8f\xbf^4O?\x96/d\xfa\xb5\xec\x89\x18I&lt;\xf60\xb0\xcf\xbbY\n[&amp;-\xa3\xa5\x92\xdfw\x06\x7f\xa8i.\xf0\xc0\x962\x8e\xaa\xebl\x16\x99\xf1f\xa6\xfc\x16\xe1\xf4T]\xcc\x00\x81s\xc3\xe5\xf5z\xfd\xcbg8\xack\xe6&lt;\xfa\x11\x00\xf11\xda\xd2\xd5\xe9\xc8Z\x85=\xc4r\xe5\xe5T46\x98\x80\xd2\x9bk\x82X\xbe\'x\xb2\xaa\r7_\xbc\x87\xd57\xb9\x1bq6G\t\x18\xc2\x1e\x85\x95\xa3\x88\xce\x92y2&amp;\x89p\xee\x81\x1b\x02\xe2\x11\xd8\xfa\xda\xbdN$\xda\x1c2\xed\x0c!\x1fr\x85C7\x16m\xdc\xfb\x8f\x1d\xba\xa2\xd2\xb1V\x84c\x00\xf9\x1c\xd51\xbd)\xc1"\xcd\xca\xd6\x1f\x84[\x87\xec{\xca\xb0\x8crbl\x9b\x15\x0fNl\x9dN\x1cQ\xe4@\xc0\x83\xdb\xed\xc9\x8c\xca\x97\xe0h_\x9e?\x18\xb7\xdd\xc9\xff\xb6\xf5\xe4*\x97\xaf\x8ci\x1fTi\xfd\xcc\xca\xf6\xf9\xb0\x99\xcf4\xa5\x8f\xdb\xd5UM\x13\xac\x9c\xe7\xec\x03?\xf3\x82+=,?\r\xd4lBm\xa0y\xf2s\x90^?\xee\x96\x15\x93\xb6\xc2\xdf\xc1\xea_\xd7\x947\x06x~\xb22M\xac\xc9\xd2\x07\xdf\xb2\\\x89Zw\xa1R\xfe\xa9t\xc7,A\x83\xa1V\xaa\xb1)\xf5K\x92\xd9\xd1\x99\x03\x81+G\xb1\x01_\x12=\x19\xd7\xec\xe2\xb9\xe2(z\xe0[\xbaB\xaf\xddl\x19{\xfc\xe2m6QP\xdd\xbf\xe4\x1c\xb2\t\xe3\xe9\xa9o\</t>
        </is>
      </c>
      <c r="E191" t="inlineStr">
        <is>
          <t>&lt;class 'numpy.ndarray'&gt;</t>
        </is>
      </c>
    </row>
    <row r="192">
      <c r="A192" s="1" t="n">
        <v>190</v>
      </c>
      <c r="B192" t="inlineStr">
        <is>
          <t>steps_per_sec</t>
        </is>
      </c>
      <c r="C192" t="n">
        <v>2800</v>
      </c>
      <c r="D192" t="inlineStr">
        <is>
          <t>10.0419855</t>
        </is>
      </c>
      <c r="E192" t="inlineStr">
        <is>
          <t>&lt;class 'numpy.ndarray'&gt;</t>
        </is>
      </c>
    </row>
    <row r="193">
      <c r="A193" s="1" t="n">
        <v>191</v>
      </c>
      <c r="B193" t="inlineStr">
        <is>
          <t>Loss/object_center</t>
        </is>
      </c>
      <c r="C193" t="n">
        <v>2800</v>
      </c>
      <c r="D193" t="inlineStr">
        <is>
          <t>0.24853422</t>
        </is>
      </c>
      <c r="E193" t="inlineStr">
        <is>
          <t>&lt;class 'numpy.ndarray'&gt;</t>
        </is>
      </c>
    </row>
    <row r="194">
      <c r="A194" s="1" t="n">
        <v>192</v>
      </c>
      <c r="B194" t="inlineStr">
        <is>
          <t>Loss/box/scale</t>
        </is>
      </c>
      <c r="C194" t="n">
        <v>2800</v>
      </c>
      <c r="D194" t="inlineStr">
        <is>
          <t>0.11238706</t>
        </is>
      </c>
      <c r="E194" t="inlineStr">
        <is>
          <t>&lt;class 'numpy.ndarray'&gt;</t>
        </is>
      </c>
    </row>
    <row r="195">
      <c r="A195" s="1" t="n">
        <v>193</v>
      </c>
      <c r="B195" t="inlineStr">
        <is>
          <t>Loss/box/offset</t>
        </is>
      </c>
      <c r="C195" t="n">
        <v>2800</v>
      </c>
      <c r="D195" t="inlineStr">
        <is>
          <t>0.23052914</t>
        </is>
      </c>
      <c r="E195" t="inlineStr">
        <is>
          <t>&lt;class 'numpy.ndarray'&gt;</t>
        </is>
      </c>
    </row>
    <row r="196">
      <c r="A196" s="1" t="n">
        <v>194</v>
      </c>
      <c r="B196" t="inlineStr">
        <is>
          <t>Loss/total_loss</t>
        </is>
      </c>
      <c r="C196" t="n">
        <v>2800</v>
      </c>
      <c r="D196" t="inlineStr">
        <is>
          <t>0.5914504</t>
        </is>
      </c>
      <c r="E196" t="inlineStr">
        <is>
          <t>&lt;class 'numpy.ndarray'&gt;</t>
        </is>
      </c>
    </row>
    <row r="197">
      <c r="A197" s="1" t="n">
        <v>195</v>
      </c>
      <c r="B197" t="inlineStr">
        <is>
          <t>learning_rate</t>
        </is>
      </c>
      <c r="C197" t="n">
        <v>2800</v>
      </c>
      <c r="D197" t="inlineStr">
        <is>
          <t>0.00067000004</t>
        </is>
      </c>
      <c r="E197" t="inlineStr">
        <is>
          <t>&lt;class 'numpy.ndarray'&gt;</t>
        </is>
      </c>
    </row>
    <row r="198">
      <c r="A198" s="1" t="n">
        <v>196</v>
      </c>
      <c r="B198" t="inlineStr">
        <is>
          <t>train_input_images</t>
        </is>
      </c>
      <c r="C198" t="n">
        <v>2800</v>
      </c>
      <c r="D198" t="inlineStr">
        <is>
          <t>[b'512' b'512'
 b'\x89PNG\r\n\x1a\n\x00\x00\x00\rIHDR\x00\x00\x02\x00\x00\x00\x02\x00\x08\x02\x00\x00\x00{\x1aC\xad\x00\x00 \x00IDATx\x9c\xed\xbd{\xd4\xbcOR\x17\xd6\xb3rX\x01\rBD\x11V@`\xd1\xdd\x8d\x8a\x90\xc5x\xc1\xa0@P\tp\xc0\xe3\xe2\x82\xb8\x1a5\xc4\xa0\xe2\x05/(\x1a\x88\n\x88\x80\x81\xc5\x0bA!F\xc1\x0b*(\x08\xae\x88\xa2\xc0\xc9\x1e\xee\x1a\x05\x01\x01o@ \\\xf4 \xca%Z\xf9cf\x9e\xa7\xba\xee\xd5\xdd\xcf3\xcf\xcc\xf4\xe7\xfc\xf6\xbb3\xfdTW}\xba\xba\xaa\xfa2\xf3\xbeo)\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13\x87\x01\x00\xdc\x9a\x82\x8aNn\xdf;\x8aG+\x16\xf6\x03\x9d\xbc\xe7|\x01\xc0\xce\xe1\x01p1\xba@d\x85\xe9\x9d\xf1\x0fk\xcf\x18\xcc\x17\x13\xa2N\xcd\x96\xaa\x87\xd9\xe5\x1a\xb0\xb9\xe5u\xf5B",\xb40\x9d|\xc8D\xb9D\xe6SV\xb1+a\xdb\xdb\xa9\x18@n\xd1\x04\xac\xc9m\xb6;\xd1\x88#{\xf9&amp;\xdc\x8e\xec\x90\xfbE\xdc\xab\xb8V\xca\x02\xb5\xe4\xb9P\x9c\xebN\xc4\xa2Q:\xc5v\xf4\xb6\xe0\xf7\xa4\xda\x92\xee\xf8\x85\xa8\x93vg\x84\xb5\xd2\xcc\xdf.\xf4\xb4Q\xaf2\x1f$\x0c\x99X\x01\xb4&amp;UJ\xb8^\tP\xeb\x17\xc9\x18O\x1b,N&lt;&amp;x\x08\x8e\xc5\x8fn\xa7zbK\xd8\xe5c)^F\x01\xba\xbe0\x1e\x01\x00\xc0\xa7Y\x8bJU=\xe5\xb7\x9f\x16\x91/Z\xc1E\xcb\x1b\xe7V\xeaJ\x8a\x9f\x8a\xc3\xd1|\xa5=\xa5\xcb\x8cx\xb8\xe1\xbd2\x1b|\x83\xd8\xc4\xaeh\x9b\x86\xc8\x1a\xde\x83\xad\xf5\xef\x80\x83\xf0\xdf\x94\xc4\x11\xc6(\x97\'%|\xce\xed\xfe\xf6S\xaaP\xb8\xf2\x16V\x82\xc9\xe6\x97\x97f\x91$\x19\xc2\xf9\xfd\x8b8\x9f\xbf/\x92\\n\xb4\xd8\x18\xed\xe1\x8d\x03\xaf\xf6m\x99\x1bY6&amp;\x8e\x859[6"\x9b\xa0\'\x81\xb1\xdd\xd6\xbb$n\x8d~\xbf\xae\xc1\x9d\x05R\xd6m\x0e\\x\xad\xf4\xbf`)\xc7\x97\xe7\xe4d@U\xe9\x9c/\xaf_\x8d\xdb\x9d\xeb\x1dM-~\xbbQ\xc8\xc5WSC\x12\x00\x00\xben,\xb1;\xc6SU\x87G\xc5\x90I\xecT\xe2\x94\xbf\x88\x86\x1e\xf3:\x8d\x81\x0b\x80\xa5D\xb9\x15\xc1-l\xb3^u\xaf\xde~J\x11\xc5IOn1\xbe\xb7\x05T\xeb\x85;\x16\xe9^\x9e/0\xf5\xeb"\xbe\xde\r\x91\xb1C\xc6EO\x81\x1eO&lt;\xa4\x1f\x1frP7\xc1\x0e[\xc2\x10\x8d\x1b\x99\xceVdWUP\xd2;\x88\xfc\x14\xad\x97\xbd\x80\x95\xcc\x88\\Uv\x97\xc4#\xa5\xfd\x8bg"\x1f\x16sZ&amp;\x9e\x07\xd92\xa4\x15\xd7\xb8\x1ao\x01\xc0\x1f\x06X\x9f\xdf\x1aZB\xe7\xb9\x00c\xfe\x99\x8ax\x83\xa7\xa9\x12\x1f\xe1\x11\xcd5\xc0\xc7\xf4\xd1\xfd\xa2s\xe6&gt;u\x0c\x0b\x1f\xcavr/\xf3:\xfa7\xa7V\xafV\xf9\xedR\x12\x7f\x90\x1b*\xd0\xb1]ys\xa1\xe57ZRK\x93\xea\xb9\x00\x04q\x8fn\xba;\xc2\xc7\xc4&gt;um\x07\x80\xc7*u\x85\xd2\xcf\xa7_\xd5\xd6\x11\x0e\xf0\x11]\xdd\xaf\xa5\xf9\x13T\xfd\xe9s\x0f~\x11\xdc\xc5\xbbg\x9dY(&amp;\xee\x15\x0f\x1f\xbb7\x19\x9e\xf8\xc5\x95Q\xae~\xe0\tK\xb9h\xcf\xcak\x18\xfa\xe0@\xdf\x07\x9e\xb2\x89G\x83\xf1\xb9\xdc\x18\xfd\xa3\x14\x05\xcd\xed\x9e}\x7fZi?\xce\x02\xa0\x95\xce\xa3U\xaa\xfe\xad\xf70\x9f\xb7\x9e\x0f\n;m&lt;)\x9e{\xf47\xc3\x93G\xdd\xa10\xb6\x04t}\xad\xee0wP=\xaa6\xfc\x0cc\xb4\xdd\xb1\x0e\x9f\x98\x988\x16\x82_\x89\xd9\xda\xd0psT\xf3Fz3\x9a\xd1\xc5}B\xb8\r\xa3.\x99\xe6\xe7\x04\x0f\x85{\x99\xcb\x06\x96\xf71\xb0\xe3\xc1\xf5\xdb\x96_\xb9Q\xbf\xa18\x96\xccA\xaa\xd8\x118,\x08R9\x88\xeb\x0e\x81\xe9\x87\x89\xbb\xc3\x80k\xf7\x9e\xbe\x07\xc8\x99MKX\xc3\x1a\x96\xd2\xb6\x1d4[G\x98\xb2\x89\x89.\xd8\x17\x97\x7fiO*w\x8e\x07(\x07w\xb4\x87%\xdf\xf5\xdc\xc7\xd6M\xacO\xec\x87\'\x9c\xce\xbb\xc9\xf8\xdb!\xe8\xa0N7\xceY\x88\x83\xfc\xe0\xd80\xb5\xb5\t\xed\xe7\t&amp;\x1e\x16d\x8e\xe1\xcf\xde\x8a\xc8Nh\xdb\xc8\x1c\'\x13\xe2?\x86:1\xe1\xa2^W6\xff\xaa\xf4\x13\xe1\x8e|\xf6T\x13\xfc\x18\x83=\xce\x18\xee\xf1\x9b9\x13\x18\xf6\x04\xc2\x15{\xd1\x99\xd8\x11\xcf6\xad\xcbx\xef:\xa0\x7f\xc2\xad\t,\xe0\x85\xe1\xae\x1d\xeb\xe2Q\xc7f\xfc\x00\xdd\xbc\x0bz:\xdc\xd7T\x1f347\xe5t\xc8\x11\x0f\xc61\xa7\xf5Q\xa1~\xe7g\x9e\x00&amp;R\x80\xbfW\xbf}\xe2\xb8y\x9e\xb1?\xcfH5D\n$\xfcJ[\xc386C1\xab\xff0L?\xde/\x0e;u7\xcf\xcf\x9b\x13\xb0q\\f\xf7\x83#\xcf\xef#\xe0\xb6\xde\x15\xad\xdf|\xc2#\x04v#y\xd8\x048\xc2w6\x00\x00^9R\xdb0]\x13\x12\xf8\x82\x8d/\xfa\xa7\xff\'\x9e\x05v\xac\xc73\xe1\x86U\xf8\x08\x0b\xc0\xc4\r\xb1\xdb\\\xcf\x1f\x0c\x8e\xe2\xee&lt;rw\x84\x87@\xdc\xec\x00\xfb\xb9\x98=)eq(z\x03\xa9\x00\xbc\xc1v\xca\x87 \xf5\xa3\x18l\xbb-\xb7o\x8a6K\xf38\x10\xc2p\'=\xb3\xdb\xc7\x1eB5E\x86\x15\xfb\xe7-\xc5~c\xcf\xcd=\'\x8fCE\xce\x81\xa8\xec\x85\x91\xa1\xab\xfcL\xd6\x0e\x00\x00\x80\xffR}\xba\'\x95\x89g\xc3\xf0\xf0j\xce\xa2T!n\xb0\xf2\xf0\xf7\xad\xd1\r\xf2\xd6&lt;&amp;\xc2\x98sq\x03\xdc\xf8\x13\xe0\xfa\x07\xc1\'\xda\x80\xab\xf9\ro\xff\x0f\x8b\xfbb{\x13\xb4\xb9h\xe4\xcd\xdb\xf7\x8c\xd351\x91\xc2\xfd\x96\x87\xe6O\x92\xe1\x1e\xca\xe2(~\x0f\x7f\xdc\x19\x82]?\x15\x08\xfcx\x17\xff\xb2\xd0\xc6\xa4&amp;\x9e\x12\x1b\x05\x16\xfc\xf2q\xaa\xfa\x18n1&gt;\xf8u\xf5\xdb\xf1\x16F\xe2\x81\x17\x80\xd0\xf7\x95\xdbv\xf7\xf0\x01\xae\xe9N\x9fj\xc4~\xfby\xca\xfe\x8ec\xbd\x94\x02\x1f?\x17\x06\x84\xe9\n\x8e\x9b\xff\x98R?\x87\xddnu\x0e\xfe\xb9n\'nu\xe89\xb8\x0b\xb5\xcd\xb8\xbb\x01\xefw\xe6#E\xd7#\xe3\t\xa7\xe9P\xa1y(2\x13\xcf\t\xe5g&gt;\xf6\'2\xb1;\xb6(@\xd6\xf5\xf4\x0c\xabA\x98~\\\x00\x00\x00_d|\xfb\xf6Q\x83n\xc8\xc04\xff&lt;\xac\xd7&amp;\x08\xe6&lt;O\xdc;\xbe\xc6\x138N9\xbb\xf7O\xefw\xc0yI\x9a\xaex\x10\\~\xb8\xf1\xd64&amp;\xee%\xa3\xc8O\xcc\xdd\x07\xe9\x18\x1e\xf8#k\x0c\xf1g\xcd\xaaie-\\\xf2\x19\x1cu{\xdc\xfbu\xcd\x16\x14\xefb\xe0\x04\xf7\xc7x3\x1cy\xf6\xfa\x17\x80{\t\xce\x08O\xcd\x1bO\xb2L\xe60=\x12\xc7#\xf9*5\x92\xc3\x0e\xfb\x91f\xa4\x07#\x7f\xba\xea\x0e]J*\xbb\xbb\x00\xdc\xe3\x18\xb7\xc2\xfe\xbe\x18\xf5\x11Sc\xc7[\x18\x9d\xb89z\xbf~&gt;g\xffH\xe0\xdf7\xc5%\xdf\xbe\x08\x9a\xa8p\x9b\xaf9o\xad\xff\xce/\xa06\x82=\xf2\xc7\xf6\xcbc\xff\xbcB\x04\xf3\x02dB\xc0\xd61\xa1\x9d\xc5\x86\xe8\x19\x02\x9e\x18\xb9\xeb\x91y\xa8\xdc\x1d\r\xbe\xae\xaf\x08\x06ryX\x90K\x95\x1b2\x99\xd8\ndV7\x9afm\xf3\x955\xb6\x15\xbd\x98\xa1\xa5\x11^\xefI\x7f\xc2e\xe7\x03\xc4\xd8\xe9\xeeY\xe3\x0f\x0e\xd7Q\xc6\xf3\xe5\xb6\xa4\xc1\xd9sU\x98\xc8a\xd3\x88\xf9\r\xbbXYL\x10#\xf3|}pX?\xcf\xa5w\x19\xbeC\xda"H\x06\xb0\xfa\xc5wY\xcd\xef\x91\xf3D#"s\xbd\x1c,vY\x03\xb6\xb60qc\xdcK}\xe1_\x84\xd7%\xb7\xe6\xb27\x82\x17\xb0\xf72\x957\xc3c8\xe8V\xa3Pw\x97;\xf3h\xc5c\xcc~\x1c\xf1\xef\x92\x0b\xb7\x97\xdbP\x1a\x85\xf8T\xc2\xe1\xc72\n\xf3t&gt;\xa1\xe2\x86\xdfG:8\\\xe2\xf7;\xb4GBsm{\x8c\xb2\x18\x19\xc0\x03\x0cs[\xac\x1fo\xeeb+5\x1fs\xf2Faz\xf2\xe1\x91\xda\xfe\xdf\x9c\xc3\xd6\xe6f\xc0\x87P\xfd\x00\xc5=\xbbl\xef\xc8\xbb7w\rg\xbb\xf3\xe0o\x15\xa5G\x9e\xe56n\xda&amp;l\xc8@\x8f\xe3.\xf1\xcb\x87\xc7\xa1\xf7\x8c\xd8\xd3\xfb\xf0a[*\x9fa\xd4\x8aGr\xdc\xcd\xbf\xc7l+\x1c\xf5#8w\x81\xa7\x1a\xec\xc4\xde\xa0\xdf"\x9f\x81\xd5\x8a{t\x1d\xf9\xd5\x02\xf78\x04\x17sP\xcf\x8b\xe9\xa6,\xf6\xfc\xd4d\xe2 \xd8\xe7\xe7K\xa2\x92\xb7N\xdb\x9b\x13\xe8\xc4\x1dS\xdf\x08o|k\x02\xc3q\xa8\x8c\x9d\xb8\x15F\xcd\xd1F_8\xb9\xdf\x10:2\xf3y\xdb?\xf1\xec\x98\x19p\xc6\xc0\x05@\xfa\\q\x80]\xf1\xe3\xcal\x976\xc0w\xb4v\xdc=\xba\xb4\x9f\xcc\xf8\xe4\xf9\x01@\x1b\xf0\xd7*\xb2\xce\xaa~\xf8\xb0\xdb\xcf\x9d\n\xf6\x9c\xe7\x19U\x8f\n\xefgh\xfd\x89\xb7~\xabD\xf2\x0b\x8b\x86\xad\xb1\x11x\xef\xf1\x1c\xfa\x99\xbe\x1dx\xdc#\xdc\x0f\xb5\xea*_\x7f\n\xaa\x88\xdd\x1c\xf3\x07\xbb4\xdc+\xef-\x81S\xc0,\xd0\x1b\xce\xfb&gt;\xdfM|S\xdd\xfa\xd6\xa6\xf7\x87X\xac\x88\x9f\x1fq\xdc\xe3@\xbe\xf6\xc0\x9fN\xefM&lt;6\xf6\xb9C\x86\xa7\xcc\xa6\xad]\xdb\xb0\xa3}.&lt;\xf5\xe0\xfb\xb0\xe5Np#\xb5{\xcc\xf5\x0c\xa8\x1e\xdc\xa3\xf3Bw/\x07\x0e\x8b\xe32\xdb\x01G\x9e\x98\xe3\xe3\x8e\xbc\xd7y\xbd \x7f\xec\xd9G\xe9\xb0\xb8\xa3i\r"5\xa2\x9c\xf06\x1fE\xf4h\\&gt; \x06\xf86Q\xf9D\x14\x8d?_&gt;\x9c\xc7\xf6\x88|\xac\xc7\xff\x9d?P\xfex\xc3\xff\xb2\xdb\r\xea\x86\xcel\x0e\xe66\xc6\x1b\x8d\xf4\xac\x15\x10\x88\xd1\xc7\x0b\xd7\rqCg\xfdwC\xb5\x01\x0c[\x93H`\xed\x13R\xe9\xefem\xc4C\xb453\xaa\x94\xb2\xd7\xb7\x0f\x9f\xdc\xdb\xc1]\xdaD\x17\xbc\xef\xc0\xe5\xbe\xc4\xf6Hx\xcfR\xca\xa0\x8f\x8f\xee\xc2O\xee\x9d\xcf\xb2\xfe\xf1\xd1&lt;v$\x9c\xe1\x0e\xb1\xf7\x1e\xa3\xa3{\x9b\xc5}\r:F\xe55\xd5\xd6\x165\x1a\x93{r\x1c\xeap\xb75\xb2\x97\xa4\x0f|\x9c\xb4\xbf\xf7%wyPW\x0c\xc4tQ\x16\x03=\xf6&lt;\x1f_m\x8eG\x8d\xe3\xc7\x1c\xd5\x15\xd9\xd1\x05\x977|\x15\xa6=2Z\x0e\x08\xf8\xa7\xb7fpHl:w\xff\xedbeG\x1aw\x11\x8d\xf7\x84\xa7r\xe8S\rV\x83\xbdH\xdc\xe9\x02\xb0\x1b\\_\xbcC\\U\xe0wE\x983E_\xec\x89\xed\x8c\xceh\xeb\xc5\xba\xbf\x0bl\t7Mo\xfc\xdd\x9b\xe7\xc4\x01\xbf\x97\xe2\xc6C\x03\xe7o\xcev86\x00\xfd\x9b\xed\xb5\x1dzbi\x8b\x8f\xb5S_\xc0\x9b8(\xb4oA\x1c|\xda\x8e\xcdnEd\x97\xb7\x0f\x13\x9d\x00y\x1b\xe2\x13\x11\x82wj\xe13\x16\xc7)\x9a\xbbMt\xdc\x0c\xc0\x07n\xc8c\xe28\xb8u\x91\x99\x18\x8c\x9b/\x1b\x13\xdb\xc1\xf8\x84\xe6P\x88\xd3\xa3\xdf\xebW^/\x92G\xd8:&lt;\x14\xda\xbf\xf58\x96\xc7cAt\xceq\xb6\x9c\x9b\xaa=\xc80\xe1\x7f\x1c\xa5\xa9\x0b7L\x93\x83/\x12\x0bR_\xc2&gt;\xfe\r\xc4\x9d\xa1\xe3k\xef\x8f3\rCF\xe2\x06\xe6\x01=v@J\xdb!2\xd6\xc6\xefI7\xf5\x9aH\xff8\xe4C\x7fW\xdb\xc5\x0b6\xd2\xfb\xb4\x0e]p\xdaE\xcf\xe9$?\xbf\xa1\xff\xcf\x94\x00%\xd6\xd69\x06\xf0\x9e\x1bi\x8e\x18w%\xda"\xa1\xa1\xd7\x93$\xdd\xf0AjIt1\xf7\x1c^u0\xf6\xab\xb5K]\xf8P\xf2h\x94\r\xc5\xee\x96\xea\xa38\x08\r\x8eNZ\xe4\xd0}\x90O\xfb\x0f\xeb\xed R?f1\xd8\xb4c\xf4\xc7oaT7\x97\xb8\xd2iPnh\xbc\xef\x00\xda\x08\x91\xef\xf6\x1d*\xf7\xb6\xe3\xe3~\xc4t}mu\xbcw\xf0\xea\xaf\xb9{\xe7\xc08T\x10\x12\x1c\x99\xdbp\xf4\x0cu\xee\x1b\x1e\n\xf0\xd2\x1d\xbe\xc2,6\xde\xd9\xa4\xde\x1d\xe13p\xba\x8a\xa9\xbb\xcf\xb8"?\x95B\xbb\x1c\xd8\xe1G\xe6v\x13\x90\x8d\xd7g5\xeb\x91\x8f\xaaQ\xc9g\x81\xb7\xe5\xff\xfb[\xa8\xdd\x1f\xda\x9f\xc1\xe3\xe0_5;\xdaXn\x02\xa8Q\xb8\xa3\x0ev:l\xbb[8\xf2\x0fa=\t\xd6MF\x9f\x92\xc4\xa4?\xf3\xa4\x8cr\xf7@&amp;\x13\x18\x07q\n_\x00"\x8fn\x05\xd8\xf2/\xf7n\x81\xdbr\x1d\xeb\xab=\xc7\xa2\xd92\xa2Q\x8c\xde\r\xa8\xdd\x18\xd1\xef\x1a\x00\x80\xfdYyD\x06\x14{g\xcf\xba\xfa\x9f\r\x11\x9f\x1f\r&lt;I\x96!\x90G\xa7\xd3\xe9\xe6\x03\xd4\x02\xf2\x08\xdank\xe5Nq\xf3\x88\xba;D\xbf\x06\x1aq\xeb\xe9t:\xa78\x00|\xb6(\x80^\xe3bp:\x9dn^\x08\x8e\x89{\xdft\xd8\xd3z\xf3\\\xed4O\xe6\xe6\xacm\xd3)\xe3\xd5\xbf\xff\x12c,]\xbeq\x1e\xaa\xde\xd1\x89#\xeaQ\xf7\xec\x87F\xe7\x01\x1f\xfe\xc3X:[\xa1a\x80O\x12\x89&lt;\x00\x80=z\xc2\xcc&lt;\xfex\x87OIp\xa2\xff\xefn+\xcdO\x8b\x92\x95\xe2\x1av\xfc\x19&lt;\x04"_\xbd\x98\x8et\xb1C\xb4m\xfa\xa9\xb5\xa1x.\x00\x07\xf9\xbe@\x96\x01\xd4\xd3\xea\xd7\xd6\xaf?\xfa\x1e\xdc\xf8`\xc0x;1\x00\xc7\xf7\xe9n\x0c\xcf)R\x15\x088z\xe6D\x80\x0b\xfd\xe5b\xb0&gt;\x04\xe8\x1d\xf7\xa2\xb8\r\x8c\xf2a\x8f\xbd\xfd\xdc\xdc\xd6-k%\xbfrc\xf9\x8d\xe2y\xa3\xb1\xdf{\xf6\x1d\x11$\x13\x9a\xfb\x92\xf6;:p\xa8\xa3\xf0z\xddc8\xe2J\x7f\xfc\x9b\x9f=\x89\x91\x9a\x98:\x10\x88\x92\xc7\xf1*\xe1\x81F\xba?\x97\x16\x1c\xc7\x93\x0f\x88Gr\xedq\xc6\xd2\xccdT\xac\x9b{y\x8eo\x1bbt8n\x92\xf9\xd7\xd5q\x8f\x9f?h\xbbw\x12\xd7\xec\xb6\x85\xfc \x17_6\xc86\xe5\xf8\x84\x0f\x84\x83\xb8\n\xd0\xbf\xaa\xccA\xb8\x8e\x00\xfc\xe1\xfa\xed\x8dhp\x90"\x91:\x03l\x9ax\xfb\xcf&gt;(\x9f"\x12w\xb8\xa3\x0e\xba\x0f\xe0or\xa1\x81.=ZY$&gt;\x04P\x7f\x9a3\xc2\xfb\xc8\xe7\xd4\x89\x16t\xceh\xaa\xab\xb3\xf04\x93\x88\x98\xbe\xe9\x0f4\xf6\xa8&lt;`\xb6ec\xe6\xb7H\x1a\xc8\xdb\xd7\x06\x8c\xba\x94\x8eP\x9b\xb4{\x9er!\xf9\x89T\xfe\x05\xf2\xe2\'\xbe\xee\xe5\xd6\xa7\xca&gt;\xa6\x1c\xc1\xf97\x836\xf8\x9b\xfb\xe4L`;\x16\xa9Y\xbf\xf9GR\xa1\xfd\xf5\x8d\xbe\xffS\xc2v\xef.\xd3x\xb9_\xfe\xfd\xa0\xa5v\xdb\x1a\x02&amp;"G\x04\x97j\'^&amp;}\xac\xbd\xb5\xd1\x08v\xb8\xb79\xc8Ho\x83\xc6\x8b\xbf]\xbe\xcex\xd7\xfa\x89!}\xa1\xd57&amp;YC\xb7KZP^\xdf;\xcc\xaf\xbdn\xfbqKC9\x06x\xc5\x10&gt;\x9d\xe8w\x8bp\xb0P\xae\xda\x8a\xb2B\x00|\xd93W\xf5\x04RU\xe3P.}\x8cu\x9b\xde\x17\x8fS\xb5)\xdck\x8d}hd\x01`\xd6\xf4\x1d\x99\xa4`\x9c\xed\x00\xde\xaa\xed\x12i\xd3.q\xc5AI\xf8$eU\xb8\xf5\x1d\xe9sak\x07\x02|\xc5Fw\x88\xc7\xc1\xa6\'\xd9\x83x\xec8L\x08\x86\\\xb6\x88"\x91\x13^\xb3W\x1a\x8f\xe9\xba6\xdb\xd6X\x1a\x84\xcc\xcd\x0e\xa9G\x8d\xc9\xe3bg\x7f\xb5\x9d\xa9\x1f{R\xc5;hYr\xfb\x10\xff\nb1yG\x11\x10h$v+,\x84\x01\x00\xdeY\x17S^{\xca\xfd\xbb\xef\xb6U\xa1\xed\xc4\xd9|\xe5u\xabY\x8d\xe7\xceD)\xc7s\xd0\xe5\x82\xefv\xa6\xf5\xa7\xe3\xcd\x05?!\x00x{S\xcf@R9\x1c-x0\xdeo\x1b\xb5\x03\x97[u\xf6\xcfew\x1b\xe5\xcb\xd3\xe00rw\xc5{m\xb7\x8f\x1cx\xf7\x81c\x9e\x8c\x8e\xc6\xea/\xa3\xd7\xc3i\xc1W\xea\x8f\xc8\xdb[\xbb\xc5\xa9&amp;\xaf7\xd2\xd0\xa6#\xedW=\x8aa\xb3\x1e\xfd\x86g\x8c\xf5Q\xdew\xf5t\xba\xf1\x8e\xbe+1\x91@\xf3$\xbd!\xd1s\xeb\x0f\xf7\x1e\xfeS\x8d3\xc6\xe6UP\xdb\xad\xdc\tWd\xba|y\t\x87b\xe3\x92\x00\x00\xf9\xdf7\xc57\x19\x05]\xf8\xb8\x7f"\xfe\xe5\n\xdb\xf8\'\r\xbb_5\xcf\x05`(\xc6\xa6\xfd(Uc\xb15\xb1!\x1b\xd2\x01&lt;\x02V\xb6\xce\x9ek\x01\x1a\xf0im\x83\xe9\xa0\xdaH\x9d\xd5\xbe\xa0b_\xee\xb7,-\xecE\nc\x0eCY\xf9\xcc\x07\xd1\xa9\xaf\xfaL\xf4\xe2\t]=\xea,\xbf\xbcxT\x1f\x06\xab\x93\xf8&lt;u\x83\x9c\xa3\xd5\x04^VR\x85&amp;\xb2Dm\xb7\\\x8a\xdbv\x9b\x89\xf1t\x10)\x1f\r\x07\x94k\xc7C\xdf\x07N\xa8x\x93q\xaa\x8e\\Uw8W\x1edU\xf1j\xcdnDJ\xb9\xe97L"\xd3\xf1\xc5\x9b\xcd\x1a]\xbaL#{\x9d\x0e7\xd3\xbc\x85\xcecd\xd3\x1dcz\xf0\x8c\xe9\x87#`\xbd\x06\xb9\xc5|\xd8\xfbk\xfd\xd3\xda\xf8\x8d\x93p-\xd6\xf89AC\x97\xcd&lt;z\x83\xdb\xff\x1b\x99\xde\x1f\xd1\xbf\t\xac\xc1u\x10\xf9+\x9d\x9d\xe6\xb6P\x951Z\xca^\xdbI\x98\x1fCm0\xcb\xe2\x1f\x01\xden\xf7M4k\x7f\x03\xf9,\xd6\xff\xf7\x91\x17\xfd\xe4\xba?&gt;\xbeE\x90\xff\xe5aY\xfe`\xf1\xc9}\xde@\x10\xff\x81\xf2\x9b\xff\xd9\xeag\x01\x9e\xb6\x81A\x05\xfb\xde6\xe8\x9b\xb8\x0f\xd9\xe7B\x93w!\x9f%\xc2\xb8_M\xf3\x18\xd8\xd4\x19\xee\x95\xfa\xb9\\\x19+=y\xb4\xdb\xdc5$\x8e\xfd\xa95\x17\x1e\xfb\x89\xda\xf5\xed\x18U\xa9\xb1L\x0c\xc0\xee\xa7\xbc\x96GA\xe1\x83\x07\r\xc0\xeb\xdf\x9c\xe1\xed.\xe5od\x98a\xf9\xe4\xf7\xbaIW\x16\x80=9-F\xaf\xd5\xf9\xb6q\xd2o\x1d\xe0%11\xe5\xabV\xf3\x14\xde\x00\xcd\x95\x87\xc2~;)\xeb\x87\xff\x9d\x8en\x0b\x15h2tG\x00h\xff~H\x93\xb9m\x0fm\xb8\xc8\xc6;\xa6\xbe\x83\x14\xa7qLtrK}v2\xdc\xfa\xc4\xcd\x00W\xdc\x9a\x88\x0f\xe3\xa3\xbf\x9d-\x1e\x13\xe2&lt;n4\xbf\x1b\xc5LC}Y\xcf\x07\xca\xd8\x1b8\x8c\x1a\xda\x9ei\xb5\xcf\xc5\xe93\xa3\xf7C\xe0}\x90\x9d\xd2{\xf9\xe8\xa63V\xe1\x9fq\x85\xac^\xb0\x0bM\xec\x9a?\x87\xcf\xfb]\\\x1e\x01\xa7\xd3\xe9t:\r\xf7\x83\x16\x8d\xa4\x9d|^\\\x94\x8f\x85\xd5O\x92\xcd*\x7f\x1e\x9a\xcf5\x00\xfb\xa3\xec\xb108\x0f1\x96:U\xcf\xa5e[d/=\x9c\xa7\x03\x18m\x02?\xe6\xf2\xd7\x08\xb6\xc0}\x05.\xe1\xfaH\x97\xb3\x89{\x1esx\xc6Cr6\xc2b\xa0\'\xc5\xddy\xf2\x8c\xad\xcf\xf9\xe4\x04v\xa7^\xba1n\xf7q\x9f~\xbe\xdeF\xad!\xa0\xe5d\xd4\xa8\xa2\x9c\\\x14\xf4\\\x8c\x1c3\xb8\x01Al\xa4\xabE\xa7\xb97\xdb\xf0\x8fz\xa6\xa6\xc6\x96\x0f\xaa\xe2\xf5k\xa3Y\x06\xf3\xef\xe7l\x87\xb1{\xa9\x89\x91\xd8\xba\x0c\xf5\x1c\x0eJ)\xf0.T\xbe3V\xc4\xe3\x8b\xbc\x11\x1b\xf7\x89\xd3\xa5\xfa\xf3\x8d\xde\xb8\xc4\xb8m\x02A\r\xa3\xd1\xd0\x90\xb5\xd8\xc8\xd5V\xdb\xdc1V\xe8\xb5.t\x01h\xa5a\xe0\xcfl\xa0s\x14F\x85\xc7\\HB\xd8-\xd9\xac\xdd}pF\xbb\xef\xdfo\x0b\x80a\'zw)\xddt\x9f\x15QNd\xf0q\xa7\xd9n\nu\x19\xdd\xcc\x8ab\xb1W\xed]\x07zl\xed\x04\xf8\x91\x81\xca\xe5\xc6\x1d\xe3\xed^\xb1\x83{\xda&amp;\xe1!\xd7\xf9\xc63V\xec\x92\xbd\xdf\xd0@\x88\x04\x06\xceij|[\x1fm\xb1\xfcp\xcf[;\xa7\xb1\x96\x9a8\xa8]\xbc\xc6\x1dB\xf4\xe6Y\xf0\x98\xe894\xf0\x9e\xb6\xb2\x8dw\xb2\x96\xaa\x1bFO\xbfi\xa3\xffM\xaaF\xe4\x8e\xab\xd3\xd6\xcd\xb3\xbdmys\xfb,C\xbb\xf9\x00S\xd8z\xc6+[w\xe5\x99\xdb`\x87\xf3\xe9\xf0\x1b\xf9\xf5\xd1\xe89\xf6\xb3\xce~\xbaK-\xdb\xeaj{\xc7l9\x0f\x85\xad\xac\xd7\x17cm\r\xd5\x96\xb6\xde\xf4}\x81\x87&lt;\xe6j\xd8y\x91~\x08\x9f\xed\x85\xd4\xdcl\xb4\xb6\xf7|H\x00\x1f1\x9aM+\x9a\x8fG-\xa7l\xf4\xf7&amp;\x8fV#\x9a\x83D\xfb\xfc@\x11\xfenW\xac\xc7\xc3\x9a\xb6\xd8%\x15\x95\x195G\xfd\x9f\x00\xdd\n\xeb\\\xc4\xda{\x0c\x1d\xd9\x0f\x0f\x85\x9d\xfd\xac\x19{\xdb\xcd\xf47G\x92\x93\xa811S\x7fek\xc0\xc5\x11\x00|\xd7\xa8B\xd9xq\x8c\x07\xd2L\x84\xdc5\x0f?\xb3\xb6-\x00\xcd C\xb8\xf7\xd2\xb6um\x06\x98\x0b@\x12\x9d~\xda4\x91*\xf9zmo)1\x1da\x01\xec\x05\xd1|\xd1\xdf\xa6=Kf\xd3k\xa8\x11\xbd\xdc\x8d\xaa\xd6x\xc3\xbc\xdd\xbaj\xb4\xe9\x07\x00\xf8\x04\xf4v$#d\xe2\xa36Q\xbb\x91N\xd7\x93s\x01\xd8\x04\xa2K7\xdd\xec\xa4\xe4[\x8d\x06\xc5\xe8e\x82OoD\xba\x8a\x07\xe4\xb17\x1b[\xa0\xad\xd2\xdd\x9c\xc0po\xae\xfb\x15\xf3f\xcc\xb0\xbb\xc7\xb2\xb4\x81\xce\xd1*+\xe5s\x01\xd8\x1bK\x10\xefc(.l\xec%\xdb9\xd4\xafy\xc0\xc5\xd5s&amp;m\xdc\x82}\xe2\xca\xf1\xbarG\xa9rfz@\xc2\xf0\xdb\x022z\xb8\xfa\xe5,E\x86I\x93}\xd5\xd6\x0e\x8c\xd4\xe8M\xad\x97C\x06\xc9\xdd`\x94\xebb\xbf\xdc;\xa3p\\Te\xb5\xdc&lt;\x9e"\x04\xe2\xde\xb9mrJ\xed\xb1\x01\x8e\xe6\xa3\x1a\xcaX2\x98\xdb\x11\x0bH\xc6V\x92`S\n\xfc\x0eY\x03\xc0\x07\xa4\xf4d\x81\x0f\xa6=\xa9\xda\xb8I\xbav[\x16\x80\xb9\x02\x8c\xc7X\x9f\xdeV[rW\xa5~\x96\xe8^\xc8\xc8\xfb&gt;\x93F\xc3\xd1\x01\x10l\xc9\x88\xb6\xce\x8e\x02\x7f\xb3\x1an\xb1a\xec\xb9(\xe8\x19&amp;\x93\xf1\x8b\x11&gt;\x90IO#\\,\xe5\xca\xc9c\xd7*\xd9p&lt;\xcd\xea\xaf\x0e:\r*&amp;\xce8\xec\xda\xd9\x99\xaecM\xa7\nn^y)x\x91\x08\x97u5\xdb\xfb\x18\xde#\xb2\xd1R\x95\x8f\xe6\x05`\xc7\xdc\xd1L\x1ds\xf3\xab]6\xfeK6\x90\xce\xd39\x00\xfc\xc0\x81\x8b\xd8q\xb1\x9d\xcb\x96CY@&amp;\xb4\xa7\x96\xba__\xc4v\xebqXi\xb6\xc1\xbeuQ&gt;\xb0\xaf\xbc\xaft\xf54\xd9\n\xa2i"\x963\xfe&amp;&amp;\x1a\x16\x80\xdb\xc2 \xd9\x16\xe7[\x8fyl\xc2h\t\xb8ib&gt;2\xf8B\xba\x8bQjq\x88]q\x15\x01\x14\x1cF\x84\x90\xc7\x9a\xac\xb9\xcc\xc8\xed\x06\xdb\xa0\x92\xb8\xceU\x8fv\x07\xa5\xf1?p\nmz\xc4i[\x00\xec\xab\xad&amp;\x1aC\x94\x1cb\xee\x08\x89T*e\xf3\x0e\t\xfc\x9ccF\xef\x03B\xdb\xaa\x07}\xbf\xf4\xfa|ICU\x85/\xf2\xb4\xa3\xa1sy+F\xa1\xcb\x8a\xaf\x01\xf6X:\xc1V\x9d\x7f\x1d*\xee\x01\x99\xb6\xa7\x91\xf1\xf6x\xa4\xd9\xa5\xbc#(\xaf\x13:/\x9a\xd7\xb7FI\xaa\xba\xd4O\xc9\x8b6\x00\x94\xb7\xec\xe9\xdfn\xd7\xaa\xb6CW\xb8P\xad\x00\xf8\xe7b\xdf!y\xf1\xf8\x80o\x1e\xa4\xc7~\xaa\xef"Sz4\xe5\r\x13)o:\xea\xcd\x1dW\xcbs~x\xc4\xbb\xb5\xb8\xbd&amp;\x1e&gt;\xe8{\xb8\x8dZ\xe7\\\n\xd9\xf5^\\\'v\x98\x05\xb2\x08\xedc+\xd7\xcb\xec^\xaf\x9a\xaa\xb7E\xc3~$\x1c&gt;\x17\xee\x0f\xc6\xb7\xc7Ha5\x95\xa8\xb3\xc2\x83\x80\xef\xc1m\xbb\x80\x94\xf0:N\x95+\x15\xb9\xda\xdf\xc5\x16\x89\x08\xf6\xa9\x08n\xd0C\xd3\xafg\xe0\x86:5h\xda\xc8\x04\xf5+\x8c\xb5\xaf\xdb\xde\x86\xc9\x15=\xbeg\xe5i\xb0\xb5se\x94vc\xb4\xc5\x90\x17\x14Z\xf7\xae\xe3\x0f+\xcf\x82Q.3\xb4\x18&amp;\xb4\xfa%Us\xa5\xafY\x04Id\x00\x02a\xbe\xb4\xf1\x05\x89\xacI\xf6p\xc4\xd7[\xc3\xb5U%I\xa3\x89\xa6n!\xcd\t\xa7E\x16&lt;W\xde~\x9b\xc5=\x16\x1d1\x11l\xf9!\x16\x1bz\xc5\xc9\xcc\xef\xff\xe4\x90\xcd\xa5\xb2\xc1\xc13\xbe\x00,\xedB\xf7\xd1\xacD\xe0s\xc6\x90=u\'\x99\xfam\xe0\xd6\xa2^\x02\x83\xf2\x91\xc6\x81\x88,\xb1\xe9\xa0\x15~15\x00|G3\xc9JU\xe0\xcc*Q\xda6rm\xbd\xb6\xdd \xa7,\xf9\xb6\xf5F\x0eB\x9dC\xc3\\&lt;&gt;6O\xdan\xa3c\x19v\xea\xc2\xd1C\x0b\xc7\xa51\x1da\x036PJ\xcbrj\xe9\xd4\x1f\xa5q\xeb\xc4j\xb8\xe7\xe5\xf2cw\xbe\xe8\x04\x99\xb8\xd3\x88\xd4\xc36g\xbb\xbd\x86\xcca\xe3\x020T\xb9&amp;u\xeb }V4/\xbc&lt;?\xc7\xf0\x89\xed%\xf9e%\x160H\xba\xdbUB\xa6\xe1\x117w4\xdcd{\x91\xe2 \xbaN\xeb\xa2\xf9\xd9\x1d%\xe9\xb6\xc4\xd6k\x15\x8bg\xf9!\xd3\x8aw\xc4k\xf4\x06\xe41\x99N\x0eXyJWd\xfc\xf1\xfa\xb0&lt;9b\xaa\x1c\r\xc3\xf7\xddJE\xcd\xeb\x89\x0b\xe73?\xa5\x8d,\x00\xe4d`\xe5\xd8.W%\x9e\xcc\x1fte~\xfa\x10C\x1f\xea\x8ap\xb5\xe9.A\r\xf6\xaa_\xaeO\xdfT|\xf4\x06\xce\xddc|Za)\xf1H\x03\xe6\xc6_l\x8d\xeba\xf1\x85\xc2a\x05\xbes#s\x01\xb1=\xce+\x13+v\xb8\xb1\xa1\xe1\x85~A\x15\xcf\xcf\xb4\xb6K*:\xf5}\xc8j\x14d\xe8v\xc9\x92\xc9\xda\x13O*\xbec\xbd5Ox\x9b$\xb3)\xce\x1eM\x86\xaeS\x98\xdc\x05 &gt;\x95?X\xcb\x8b\x1d\xdd\xe5j\x0b\x08\x93\xbe\x8d\xdaR\xca;\xf9\xbd\xba\xed\xfe\x85^\r\xcf\x05rP\xdd\xd0\xd0y\xc7\xf1%\xbc\xdd_\x00b;\\K(\xb2&lt;\x18Ok\xc9\xb7s\xc9\xd8J\xb6\xee+/\x00\x1b\x18r\xd5\x8aLFA\xa8\x9e\xc3\xaf/\xbc\xab\xa1\xcc\x12Pu,\xf9#\xa3\xd6\x18_\xe3\xe3x\x8c\x8d\xf6c\x8cb0\x88O\xec\x14\xcd\xee\xc7E\x81\xdcnw\xe8\x9c\xbd:\xaf\xb3\xc1\tT\xfe\x1f$4\xef\x13\xa3\x9b\x16\xe2M\xd5\x9a\x16w6\x88M#\x7fv\xcc#?\n\xb0\xdd\x86\xa3\x17\x1fz\xa2\xfb\xa4dJ\x8e\xc5\x80\xfc\xda\xec\xe8\xfc\x8c\xe8&lt;\x01\xb8\x1d\xb2\xa5\xc7\xd8s\xb9\xa6#\x87\x89~\xf4/\x8a\xabd\x93\xf5\x9e\xec=fJ\x1cd\xa7\x16\'\xb1\xddi\x06\xbf\x18k\xe5\xbaP\xad\xca\xc1\xfb\xecj\x8c]\xef\x14\x95Qey\x1e\x1f\xcbRj\x9f\x1d\xc1\x99\xe8tjg@\x93\x9e7\xdb\xc00\x04\xf7_\xe2\xe8\xdb|\xa2\xf5Zr\xfa0\xbe\xb9\xa0g\xe1\x9f\xe8\x87\xb6g\x88l&amp;`\xb3\x15\xc2*\xe5JK\x90\xc9\r\xcf7\x0f\x02\x7f\x93\xab\xf4\xc2\x8eo[\x8d\xe3\x93\x17\x91\xc2\x9b\x02\xed\xec9$T\x82\x1f?6V\xfc\xfa\xb56\x16\xf8"\xf4%\xf4\xac\x8dCb\xffQ,\xae\x0bF\xefA\xfcl\xec\t\x8a]jc\xdf\x9e(\x8149N\xd0\xcd\x05@\x80w\x93\x98\xb9%\x8f\xc8d\xe6\x00KF\xc2\x11^Ik\x9c\xbb\x97\x81?\xaa^\xc1\x9b\x1bj\x8b\xb3\xb1\rW\xbb\xf5\xddx.\xaf\x9f\'\xbe;\xaf(+U\x99\x1b\x0f\x1e\x18\xdd\xd6C\x16\x83\x86R\xc9\xe5\'\xd4\xc3U\xcc\x9e\x0ff\x9e\x14\xbb\xf9\x0b\xe0-\x9aih\xc1J\xda\xb5\x03JP\x1by\x9aZ\x1e*\x1a\x81|\xd6\x94\xbb\x1d\xef\x0b\xa9\xcf\x8a\x9a\x954\x03\xfe\xa1\'\xc0\xa65\xa7\xdf+\xee\x80\xc4\xb4@\xcd\x1a]\xfa\x92\x17X\xe7\x83/\x00\x8f\x95DG\x84S\xdd\xea\xf8\x1bR\xd7\xcc\x8al\xa9\x16\xf2*`\xa8\xc2g\xb6P\r\x8e\xd7^\xbd\x8a\x9e\xc9\r\x18\x95\x14"gkv\xf2\x85&amp;%\x1f\x97%\x92\xa99\n\x8e\xa2g\x9d\x10\xdb\x1bf\xcd(\xf1\xc6\x02\x905\xa6Fl\x9a/\xd3\xf0p+\xd3\x11A\xe6~\x94*\xf1)\x89\xb6\xb6\xb0\xb3K\xcc@\xb6\xa5\xbeO\x17\xf5\xa3\xa2\x900!~"\xe73\x1e\x87\x81\xe6he\x91\x1cu~\xf7\xbe\x1b3\t"2\xefQU\xf5*\xa8Owr\xd9\x1bt\n\xe4U\x1e\xa7\x9e\xb1\x00\xa4\xf4\xf70\x14u\x06\xf5W\x92cI&lt;-2{\xa8\x96,\x02(\xf0MYR\x1e\x93\x18%\xc6\xc4\x117\xca\xbdH o=\xbd\x17\x16\xf9\x8c,g\xf0\r)J\x9a\xc5\xd4\x85\x0fd\xae\xe6\x87\xc0\xae)\x8bK#\xae\x03\x00\x80\xaf\x1cI\x8e\x91q\x7fz\xd6\xd5\x90]\x00\x86\xa3Y\xf9\xaf\xae\x95\x10\xfe\x03\rM4\xe2&lt;#\xfb\xd4\xb2\x8b\x18\xedU\x00^\xc3\x1a\x7fk\x8a\x8fj+\x7f"\xd1\xc65$4Q\xf4\x87V\x9d\xa0\xd5\x995\x1c\rQ\xad\xab\xda\xc9\xbf\xdc\x8c[\xe0#\x0b\x00K\xae\x86\xab\xad\x94\xb0JF;c]s\xa1\xf1Fa\xc2\x87T\xd7\xd2]\xb4\xc6\xe5QS\xc1}\xf7\xe6\xb5\xc4bb\x1au\xfa\x02\xfd\xf4)\xae\x10\x86\x96c0\xaf\xa7l&amp;\xcb#x\xe9 2x\x01\xfb\xc1L\xc7\xa6\xcb\xf4l\x97}0v\x1f\x10\x14\xc6\xf3Ov\xd0\x00\x7f6\x9b,p\xfd7\xdek\xd8\x06(dh\xcd\xa0\xc3\x86\xc1AaLS\xc4\x93\xbc\xf0\x19\x92&amp;\x07G\xc3\xc0=\xf5\xce\xd8\x88\xb6\xad\xf5\xf77\xabm\xeex\xb0\xa9q\xb7\xf3\xfa\xee\xd8VK\x05\xecaC\xf2\xd76\x18vS\xc2b\xd4A\x8d\x1e\x13A\x0e[\xe8\xd7&amp;n\x88\xf2\xa7\x83]\x97\x03\xdd\x0b\x0e\xa8\xb86w\xb3L\xbb{!\x15\x9c\xff\xe8\xa6\x9e\xf5\xda-{\x83\n\x9d\xea\xa6\x08\x0cdBf\x9cM\x8d\xda\xf1\x1d\x07\xdd\xfe\xdbN\xd8g\xb7`;\xa1E\xa1m\xcb\xbcx\xe4\xc2&lt;_\x8c\x8d\xd4\xd6\xee\xfa,\xa9\xd1\x1d\xc5\xf9\xc5\x8b\xc2].2sI\x08\x82\x86\xc8\xda\xde\xa5\x87?\xd5jw\xea\xe2\xd5\xad\xf8\xf6\x8d\xa1\xcd\x8d(\xd7&lt;\x13\x07\xfc\x87|\x1fWg\xccY\xb9\rc3\x9b\x9b\xa6\x196|\x13\x16v=mU\xb8j\x1e\xa1M\xc0\x00\xa21\xebc\xfb\x82\x7f\xd8\xb2\xf2\xf7y\x11\xac\xe9\xf1\x9b\x1c\x00x\x9d,\x07}\xe7\xd2\x10\x97\xf0\xb6\xe3n\x18\x91"M\xe1\xf5\xe9U&gt;\xa2\xb6\x8dLS\xaf~\xec\x9c*\xc4\x87m\xd6\xdb6\rc\xd1\x19\x84\xbc/\xde\x8b\x8c^W\xc6\x97\x7fM_\xfb-\xe2\x9akJ&amp;J\x16\xf7_\xdb\x1e\x04haX\xc3.\xd51ekQN\xa6*2s|mw{\r\x8f\tX\xac\x87O\xdf\xcd\x04n\x1e\xca\x9du-\xb7\x9co\x96\xba[{Q\xdc\xca\xd8\xf2\xae@-\xdcIp\x0c\x16&amp;\xde\x06\xfc"\x9c\xd2\x9c\x10\x96\x92\xba\xba\x82&gt;\x8e\xcb\x0e\x05w\x95\x06]r\xf8\x1eDy\x1a\xd7\xf3I\xae6b\xd4\x16\x08Xd\xb7C\xb18\x13\xc5\xfa\xf9\xb4\xd9\xdd\x19$E\x9f\x04\x9dn\xe7\xcb\xc9Mhh:;\xc3J\xaeB\xceG8\xe0\x8a\xad\xf2,\xd2n\x9e\x05\xb7\x87^p\xe5\xfd&gt;\x9e\xe2\xb1{gR\xb2\xed\x89\xf7\x15F\xaa\x7frG\xb6|\x14\xe1nd\xda\xf6\x1a\xf6\xd9v\x14\x0e\x1b\xf2)b\xa3Ja\'zj\xden\x9c\xb9\x9dK\x18\x8f7\xd4\xbb\xb1x\xad\xa4\xd3\xb6\x18\x94$\xbdf\xe9\x8f\xd6\xbe=3-^\xd9\xfb\xb7\xf6\xaeEqyXZ\x06\xc6P{\x05azR\xaar\x05\xf7\x85\xb5\xa1/\xad\xde\xaa\xbd\x02\x84\xe2\x9b8\x08\x08\xf3\xcb7\xe2\x96L\x99\x08\n\xa6\x11\xd9y\\9\xa0\xfd\x16{\xe1w\x7f\xedEI\x8e\x9f\xa1\xf0\xcaj\x98\xc2\xa0\x1fF\xd9\xabMo\xa0\xf59\x90+4\xf1\x94k"\xa3\x19\xcdl\xed\x05\xe1\xaf\xae\xca\xcd\x00\xbb\xa9\xf6\xfe\xe8$+e\xfa8b.\xfc\xc1\x85p\xff\x8d\x96k1\xb5O,\xfa\xf6\xd9\xa7\xf1\xa6\x9e\x802;\xf0\x0b\xe4uny\t\x00\x00\x7f\xd6\xe5\xe0\xb2\xad\x94\xff\xc5\xa0\xbeaX\xd6\x92\xb6\xe5\xd9\xd2\x1c\xb8V\r\xed"\'489\x8fg\x14\x97\xd1\r\x08\xd8\xd1\xc3\xaf\xfc\xa0\xef\xf0k\x98\x8b\x14\xc4\x9d\xe1,\x81\xec5\xe8_\xb7\xd5F\xd53ZqQ\t\xea\x13%\x01Zfv\x87\xf9\x1ak\xe2&amp;[\xe6\x81\x81}\xcd\x94\x0f\xda\xc2\xf3\x1aO\xdet\xa8T\xbd\x19\xc8.\xb8\xa1\x8a\xb9\x92\xc4\x84!\xd6\xbc]u\x08$w\xdfQ\xb5JWc\x1d\xea3\x97\xa8\x8c\x11Qk.\xf6: /T\xf1~0\x180iC\x1b\xc4\x00Q2\xd0i\x86\xa2\xc4\x15P7\xab\xfe\xb9h\x9e\xc3\xf5\xca+3\nc\x1b\x81o\xdef\xf5\xbf\xa0\xc1\x11\xce\xbeRz\x88\'\x05\x104&amp;\xe4\xa9\x9a\xba)\xde\x01P\xbb\x9a\x18\x92o\xd4\xac\x84\xa9\xe7\xdb\xd8\xe5\xc3\x19\xfa_)p3\xaa\x81[\x84X)\x05~\t&amp;@OT\xdc-\x80\xfaF\xf4\xd7\xbd\xfe~\x0f\xe1\x06\xe0\x00\xde\xc7\xd0F\xe6\\}\x10\xce\xbefj\xb8b,\xaa\xc2F\x8f~:?\x04\xb6p\x07.\x8e\xc6\x9e+5\x19\xd9R\xd5\x00\xbe\xe758.\x95\x8b\xff\x18o\xff\xa0\x18\x8d\xa0\xbe\xb5o\xdc\xbd\xa4\xbc\xee\x99\x1eP\x7f;{!\xd0?\xa1\x8b\x8e\x06=\xc1e\xcf\xd5\x1b\xd9F\xf4\x00\xb8\xef60\xd1\xddU1\xd2\x00\x00 \x00IDAT\xd0E\\\xd1\xdb9\xb4\xc6$\xe9\xb3\xb1\xab\xee\x16m\xfe\xfd\xc0s_\xbd\xe3\x7f\x93\xd8\x1d\x84JO\x8a\xe2\xbdL\xf2\x90\xa5\xa2\xce\xb7\xc0u\\\xb8\xc6m\x01b\x9d\x14\xb1\xf3\xfe\x8e\'\xea\xd6\xf4\xce\x16\xff\x9e\xd0\xaeT\xff\xd0qd\xf3M:Q{\xf1\xe1\x166L\xeb\xee0\x17b\x91\xe0$/\x0c\x99\x10\xbd\x8c\xf0\x04\x85S\x94\xd9j/\xb6\xcb}\xd9[\xbb\x93\xf1L\x0c\xc1\xf8\xc4\xe3\x98\x8bglv7\x91\x13\x8e\x8bb&gt;\xf9^G\x00\xd9\xfe\x97\x98\xaf\xb2\x835V\xd0`w\x80o\xb6M\xd3\xe0\xf9]\xe7\xc6(C\xae\xed\x0b\xf3]v\xde\xe4\xa6\xcci\xf4\xc4\xfew\x1b\xce\x0f\x04y\xb6\xcc\x9ahu4\x0c\xb5\xf1[\xed\x86\xd2\xdb\x96Y\xfeuc\x1a\x82b;\x060x\xbfL8\xc0\xd6\xe1\xbb\xddj\x87\xad\xc7\x0bJ|\xa9\x10)50\x1c"\xe3j\x88\xec\xa2"\x91|@\xf0\xacQb\xb5Es\xc0\xeeq=s\\\x08;kwk\x9f\xac\x14X#\x94\x02\x7f\xadW\'\xeb\xeb+\t\xa6\xb7\xbdH\xf0;GA\xc9\xf6\xd7/\xc6\x02`\xd7\x94\xad\x93c\x87\xf4\xb3\xa6x\x1b2\x91t\xe0n\x07\xf8{r\x08\x01\xe0\x089l\xc1B\x0bv\xa2\xd7\x9f\xdbf\x1d=Wv\xfdX\x86\x82?\xa5\xf7i\xa1]\xd5Iq\x1c\xbd\xdaSm\x81\xa0v}\xfa\xb1\xb5!s\x12\xf9\x9d\x12\xee\xdb\x0f\xac\xc5*\xa3f}\x8f\xec\x80\x1a\xe9\xc5Nf)\xd3\x94m7\x13\xae\xd3\xd0\x9cu\xcd\xdf\xe9^\xe3\x8d\xbej}\xa9\xdc\x1b\xd3\xc6V\x85\xe3\x94&amp;\xbe!s$\x93\xf7?\xb6@PU\xd8b\xc2\xfaD\xe8\x0eD\xf3\xe15\xa6\xbboZCLC\xdd\x97Q,w\x0bq\x1a\x1b\x81\xbb\xd5^Tz\xce\xc2=\x11\xbf\x9d\x97D\xc5\xf2n\xe3=\x1b\x94\xaf\xa1;ve\r:3$\xc3"\xb3\x95UGgS\xed\x1aB\x9bX\xd0M\xff\xc8\xc2aV\xea\xbd\x80\xaeG\xfa\xb6H\x81\x95C{:p\x13a\xf4JmX6\xda/p\x8d\xde\x02`\x1cl\xa5}\xf4 \xdaD\xc9\x10\xb5\xc1\xe2\xd8oeT\xa5^\xf0\xc7\xc3\xa6\x83\nG\xcdQ|V\xe4\xbc\xd3\xd5V&amp;h0\xfc\x06$\xe0Xi\x1b\xe8v\x81=\xd1\x0bw\x1a\x8c\x13\xc0m\'0U\xfa\xb1p`\xc8?\xb1\x89\xcf&amp;\x85\x156\xc8\x16\xa1\n\xe4\xab\x98\xb11\x17\xf9\x1a\x81\xe4ZI=j\x1b\x88\xfd\xba\xe8\x8bY\xf3.\x04J\xf96\x9d\x89\xab*(\x99\x02^*p#_BR1)v\x19\xb2\x81H\x12\x99\xa8a;\x0f\xbcc\xc4\xc0\x8dO\xbf\x9e\x05\xefJ\xb7\xe1\xed\xaa\xc4|\xb0\xe5{\xc6r\xee\xbcC8/&lt;Ib\xb7\xa92\xf4\xaf-M\xe3\xd2X\x89\x05(X\\:\xb7\xd8\xf4\xc6/\xe07c\xa5\xf4:\xca\xda\xfa\x03$\xa5a\x90E\x80\xe4\xeft\xd2V\x1a\xdc\xa8\xbd\x9e\x18\x80\x06G\x8e\xf5~D\x19\x8f\x11\xbb4\x18z\x82\x8d\xdba\x9f\xf8\x85\x1a\x82\xc0\xa6\xd6\xcd\xad4yQ2S@z\x19\xf7!\xf1\x01\xb2@\xf2e\x06\xe2\xdb\x032\x00\xe5\xad\xb7!C\n\xeb\xef\xf5\x84;mi\x04\xb4\xea\x7f~0\x8b\xfe\x18\x8c\xf2 d6\x17\xa3f\x8d\x04\xc1v\xd1\xb0\xf5"\x01\x00\x00\xbf3)\x0f%\xb1\xab\x1d\xb0\xe5\xd7\x98D%=\xb6\xae*m\xed\x8a,\x1b\xf6\xcaw\x8f c\t\xeeu\x82\xc3\xc7\x0b\x80\xaf\xb3/\x17\xd4m\x017\x84\x08=\xd2T\x8eA\x9bCR}\xda\xb2\x88\x0b\x8f\x9d\xb9\x8dB\x81\x84\xda\x9a\x12\xac\xf1"\xdfg\xab\xb2\xeb\xf9\xf9\x86\xd1\x1f\xa9;\xda\x1e\xbc\xc7h\x89\x85\x9f\xb6&lt;l]\xfd\x97\xa8\xd8H\xff(\xc4\x931X\xd6\xfb\x87\x9c\x9d\xa0u\xfb\xdfi\xf8\x19\x10^\xf0\xbf\xb4\xcej&amp;\x90V\xd85A\x9bN\xee\x16\xd1\x03\xf0\x17\xe5R(Yb5T\xd8\xc3\xe2\x7f\x8bT\xfb\x82C\x18^\x8b5\x9d\xf8\x11w\xb0[\xb5\x1d\x8b\xd7\xe3\x8e\xb8\x02\x10\xb7\xd8\xaa\x86`\x0b\x1b\xf5\x88$\x81\xd65\xcc.\xe5u\x8cQ&amp;\x96Z]\xe7{g\xe9-\x04j\xfd\xea\xe2\xa4\xa7\xcf\xc4\x8a\x94_\x06:1\x15\xa4\xbb\xad\xe4\xa92\x01\xf0\x9af^B\xb5"\x85\xbb\xf5\xd4\x05\x00\x00\x7fB\x11\xfb&amp;_U\xdcj\x1fxN\xdaCv\x97\x07\xd7{\r^\x8d\x0b\xf7h\xa0\xab\xbb\xde\xdd\xad\xbf\xad\xf5\x9f*\xb1\x19\x1a\xf2\x9a\xe7\xbb\x08\xe9\x08.x#\xbc\xf2\x10\xe8t\x82\xdb9\x9ex\x91\x16\x9f\xcf.\xd3\xea\x16\x94e\xf7\x14\xe7c\x9c\x9fRzp\x97\x94\xfc\xd6z\x86\xe3\xe6\xc4\xdc2\xe7J\x1aK\x94\xb8\x00h\xcai\xdf\x18\xab\x08\xd0\xe1\x8c=z\xbb\x01VpW\xf7\x8c\x18S\xe8\xd7\xf65O\xeb\x13\xf33"\\\x9e\xd4S\xd5\xe7%-\xfeySm\xf3dd\x0bn\x8f-\x9f\xc6\xf5\x8c\xf2\x00\x1b\r^\x98\xda\x16\xe6q\x8c\x06`\xc8\xbc\x90K\x12sG\xac\x10\xc0A2\xf60\x9d:\xd9\xd4\xa50\xd2\x17p\x19\r\xf0\xe9\xa1j_F\x156\x0b\xd7Q,-\xd6e\xe9\xfd\'h\x1f\xe27w\x03\x8b\xf5p@\r\xfet\x15C/\x86\x0c\xca8\x0b\x1f9\xbc\xce\xbc\xc8V\xc8\xef\x85\xba\xe7\xcd\xa5\xfd\xf0\xd7\xc3\xca\x93d\xac\x8b\x91\\\xe9\x94JO\xbc/\x99\x05Y,\xaeq\x04\x86D,\xd1\xe0\x96o#\x83J\xcc\x03\x8e\x0fQ\x9c\x93\xd2\x7f\xd8\x0c\xdd\t\xda\xd0\x7f\x11\x11cn\x1a\xe2\xb5QJ\xec\xb9\\\x1e@%/d\xaf\xa6\xa4\x87\'\xb5\xd2\xad$"\xec\x16\x14\\z\x1ar\xa0a\x1c\xc4\xca5\x0fC]\xdc\xc9m`\x02\xac1\xa2-b+\xb0#N\xe8\xb4\x8b\xe3m\xf1%\xd7\x17\xbc8,-C\\\xea\xe2\xcb\x02\ny\x14={\xf5\xe7\xb0\n\xc78gY\x97}y\x0b\xf8\x84\x18\xec.\x86\x02n\x97\x97\x814\xb5U3Q\x1e\xef%2W{\xd5gs\xbb{g\xdd\x8fw\x17Km\xd0\xdc2/.\x9f\x1d\x10&lt;5\xf6\xde,\xd9C\xf6\xa6xk`\xabu8]Z~\x13\xef\xb2\xfd\x02@\x14\x06\x03f.\x00\tp\xdf\x05\xba\xf4\xfd\xa6\xe8\xa0\x18\xaeJ\xf9.\xa4],\xd3n%\nb\xcd\x167+t\rVi\x88\x17\xe5\x8e\xd0?w\xd5J\xa1\xad4\xbe\x04n\x81\x86E\xbdg\xb5n\x13\x16\x05\xb2\xd9g\xbb\xb8\xd9\xfbZ^\x18-\xa55k\xec\x8dNP\x83\xa5d~\x13\xb4\x07\xa9B\xe3n\x01\xc4\xc7C\x92\xd3\xb1\x8b*\xf2\xf2\x02\xbe\x8fR\xc2\x0b\x80\x9d\x00\\\xffj\xe2Z7\x1b\x98\x8fZ~\xb4\x15\xaeY\x95\xd2\xfe\xa9=&lt;\x83\x04\xf2]&gt;\x92\xcc\x9d\xdf%[\xdc\x83\xa5\xb9i\xc1\x10\x0b\x16H\x92\xa5;TT2[(m\x05\xc0\x0f\xfb\x85\xa5O`b\x05\xa0\x7fKl\x9fb4\xda\x02v"\xd1+\x05[{\xcc.\xa9\xb0\xc6\xbe&amp;\x121\x1f\xaf\xa5\xabT7#1\x08W\xc9\xff\xdd|\xea\x12\x03\xc4\xa1\xf9pf\xac\x1f\xfb\xa4S&lt;o\xb5\xd5Z[\xbd\x04\r\xe8Q\xc8\xc3\xb0\xbc\x08\xad\xb2\xbd\x8bz\xad\xea\x8cW)\x94\xb6@\xc43&lt;\xd2\xfaw\xdfW\xbb!\xb1":\xaa\xde\x93=5\xdcY\\\x04\xec\x14\x8a\x18\nv|\xb9\xa6\xe1\xff\xbb\x92\xa9\xb9\x15\xf66\xc5\x90\xf42\x16\x80\xa2\xbbK+7q\x04\xefOjCn\x17\x87\xaa\xd1\x97[/\xc5\xbfkj\xce\xa86\xa7u\x1a\xbd\xadrqN\xdb,\xe2\xd9\x19\xc6\x0f\xeb\xff\xae\xd6@\xe2-J\x1dh\x1b\xf5k\xf3]\n\x8e\xe7\xb9\x00,pVr\xb6\x0b\x06\x00\x10\xff\x86\xaf\xaa!j\xcb\xe0`\xa4\ng\x18\xd7\x19\xef`/\x00\x11\x0e\xe2\xa3 \x8b\x86\xa8\x8d\x8fo\xdd\xc0*\x1d\x97\x15\x85\x9e\xc3\x12k\xad*\xdc\xb3\x00\x94\xa1[\xdd\xac&amp;{\xc7@\x1f\xf1\x96\xc7\xadAb:\x0c\\\xe9\xe3\x0b\x1eb\x92\xd8\x89N\\P\xcd\x1fjT\x03=\xa30E\x83\x9f\xe6r\xdd\xeb.\xf1\xfb\x93\xab\x06z\x04\x11\xadDh\x04-\xf6#b\x8e\xde]H\x1d\xed\xdam\xbc\xe5d\xcez\x81\xe1\x07"\xe314\xeb$o\x9b\xeb\xb8\xfa\x08Ow\xe5\xb2\xe1)\xc12z\xbd\xb41J\xef@N\xf8\x9cJ\x12\x16\xc7\xde8\x83\x0f\r\x121\xfdnKy\xbf\xf9\x12CPu\xdd\xc3\xb6\x01\xea\x1f\x9e\x12Ga\xab\x07\xf6\xfd\x99\xad\xa30\xb8\x1a]+~5.9K\x03s\xb1\xe4\x98m.B\xaf\x01\xa1\x05O\xe9(\xbe\xc6\xbd"\xfet\x19v\x82GQ\x83\x86\x81p\xc9\xc0_\x8d\xea\xd1\xf5\xe7\xf8\x14;CwL\xc0\xa3\x03g{\xe4\xb6n\xc8\xca)\xcc\x8a,6x\xb7"F\x04d~&amp;v\x08\x19\xa2\xc4p)\xbca\xc8.\xe9\x9f\xe5H\xaa\x7f\xb4\x97^\xc7\xe5}\xee\x912M\x8c@&lt;|\xcd\x11\xeeD\x98O\xd3\x1enh\xdf\xdf\xcf&lt;\x9e\xc9[\x00\x80\xf7\xf7\x87\xf3\x83\xba~cP\xac:\xd1\xcd\xbe\xcd\xfcPay\x1f q\x06?\xc1?\xf2\xf7\x18\xda\x14\xc2\n\x17^\x9f6eUJ\xf9)a\x0f\xc4\x9d\xdcss\x85m\xb9\xdb\xa8M3k#\xd5Dkn-\x1c\xb7\x1f_3+|\x08\xeb\xe7\x10\x84\xbfC\xdal\x8fh\x9b\xd3|\xa2\xf5Z\x04\xe6\x02\x10\x85\xb1\x80_\x97\x04\xe9\xd1\xe8t\xbdN\xf9\x17\x07%C:Q\x0c\x01|\x02\xdbS\xa8Q2j`\x89Z#m\xf4\xe4=\x17\xda\xcc6\x18\xb2\x85\x01\xbe^\xf2\x12\xed\xbbiv\xb5)\xef\xdc\x8e\xd8Y`&lt;m3\xb7u\x17\xaa!\xd0\xe2\xda\xda3)P\xda6\x06\xc3S/\x00\xd9r`\xecG\x00^\x97+T\x96\xe5\x0cEB y\x00?w\xf9&gt;OmQ"\x89W\xd2\xfa\xe9\xcf\x1a\x1e@\xf1\x15\xcbz*-~v\x85\xaa\xfa6\xd52\xa0b\x83\x0f\x01_\xd9w\xaa\x88\x0e_\xb9\x1a\x8a\xe8/z\x886\xd8m\x80=\xc0\xf3\x93}\xea\xdd\x90\xbc\x88\xe7Bv\x97\xb9\x84\xc2\xb3/\x00)\x18\x8e\xb6\xb7E\x11\xcd\x86\x92\x14\xb0*3\x19p\x1dG\xbfbE\x97\x17\x96\x07\x83\xc6\xb5Zm\x11^q\x9d\xe2bfO\xd6\x82\x8f\x19A\x92\x10\xe8S\xe9\x98;r&amp;\xff\x12O \xb8\xdc\xf6\x8c\xf0\xc8\xfe\x11\x81/j\x1c\xc9\xeb\xbd?\x97\xfbS\xf5\xdaL\x8a\xd8\xc1\xc3\xe6\x88\xc0\xde\xda\xc8wZ\xf9\x8e\xcf\x15\x94\x02\xf0\xe5\xb6\x89\xc4\xfe"\xb6\xa8\x90^\xfc\x85]\x7f\xc5\xee\x9d\xc0\x16\x1b\x86\xdcn73YQ\x85\x111\x85y\xd0\xe7|\x82\x00&gt;\xde\xf6\x86\xad\x17\xed\x03*z\xd9(\x1a\x82!\xda\xfa\x99gw\xeb\xbe-3b\xf1\x03.\xf6\xec\x0b\x80\xb1\x12Fv\xafu\xaa|\xf2pnRB\xe6f\xcb\xc9\xde\xc0}\x88\xad&lt;E\x86w\xe9\x0f&gt;w\x80q\x13|\xd1\x1a\x85\xad\xe7q\x15\x8b\xa9\xc2\xff\xbak\x06(\xbf\x81#\x02:\xea\xf0N_U\xb8\xa8\xad\x95G"\xb9wQ\xbfx\xacGG\xa5j \x84J\xc1l\x89"s\x01P\xa3\x1f\x80\xdf\xeaZ\x9e\xea\xd9\x1a\xbc\xa5rc@\xe6\x0c\xafI\x89\xd0o\x9ac\xa34\xb8OM\xb5\xd1G\x91\x01:\xa5\xff\x0b\xb2\xec\x1c\xb5K3~\x9e\xf5\x01\x9eM\xe1\xe9{%4\xa4,j\x15\xff\x97*]R\x0bg&lt;\xf8y\x9c\xcbb\x9e\x9eRGH\x7f\x15\xdb\xbf\x0e\xc2\x8f\x1f\xb3\x9c\x14\xe7\x04P\x96)\x07)\xcb\x9ez\x01\xd0@6\x178y\xe2\x1di\xfb\xf5E\x91\xf2\x907\xf2\x05\xa0\xb0\x14\xc2\x87;\x99\x0f\x8a\x00\x91\x15k!}\x8d\x05@|\xc2%-s\x11[D\xccx\xdb\x8f\xd6U-\xe4\xdb\x08\xbe$`\xa2Ms\xa4\\\x92\xf0sep\x8b\x10K\xaf\xaf\x06\x98\xed\xe6\xce\xaa\x04\xef\\J&gt;6\x8c\xf1\xb6u\x8cXl8\x97@\r\xdchwi#\xf9\xa4\x10\'\x86\xd4\\\xb9\xa3T\xb5\x0b\xd3\xa6\x89E\xe9\x85;\xf2@\x89+\x11C-K\xa0\xee\x95\xed\xa1\x12#/X\xfb\x10+\xabZ\xd7QZ\xfb\xbaBG\x8d\xb6V\x93d_X6"a\xeb\xefk\xaa\x8aP\x12\xe5\xdc\xe2eP\x1a\xd8\xa5\x81\x9ba\xcee\x00h\nB\x14%\x8b\xb2\xe9\x98\xc6\xb9(\x94\xb2\xcd\xda\xc8\xf5IkI\xf76\x</t>
        </is>
      </c>
      <c r="E198" t="inlineStr">
        <is>
          <t>&lt;class 'numpy.ndarray'&gt;</t>
        </is>
      </c>
    </row>
    <row r="199">
      <c r="A199" s="1" t="n">
        <v>197</v>
      </c>
      <c r="B199" t="inlineStr">
        <is>
          <t>steps_per_sec</t>
        </is>
      </c>
      <c r="C199" t="n">
        <v>2900</v>
      </c>
      <c r="D199" t="inlineStr">
        <is>
          <t>10.17612</t>
        </is>
      </c>
      <c r="E199" t="inlineStr">
        <is>
          <t>&lt;class 'numpy.ndarray'&gt;</t>
        </is>
      </c>
    </row>
    <row r="200">
      <c r="A200" s="1" t="n">
        <v>198</v>
      </c>
      <c r="B200" t="inlineStr">
        <is>
          <t>Loss/object_center</t>
        </is>
      </c>
      <c r="C200" t="n">
        <v>2900</v>
      </c>
      <c r="D200" t="inlineStr">
        <is>
          <t>0.3283449</t>
        </is>
      </c>
      <c r="E200" t="inlineStr">
        <is>
          <t>&lt;class 'numpy.ndarray'&gt;</t>
        </is>
      </c>
    </row>
    <row r="201">
      <c r="A201" s="1" t="n">
        <v>199</v>
      </c>
      <c r="B201" t="inlineStr">
        <is>
          <t>Loss/box/scale</t>
        </is>
      </c>
      <c r="C201" t="n">
        <v>2900</v>
      </c>
      <c r="D201" t="inlineStr">
        <is>
          <t>0.09004743</t>
        </is>
      </c>
      <c r="E201" t="inlineStr">
        <is>
          <t>&lt;class 'numpy.ndarray'&gt;</t>
        </is>
      </c>
    </row>
    <row r="202">
      <c r="A202" s="1" t="n">
        <v>200</v>
      </c>
      <c r="B202" t="inlineStr">
        <is>
          <t>Loss/box/offset</t>
        </is>
      </c>
      <c r="C202" t="n">
        <v>2900</v>
      </c>
      <c r="D202" t="inlineStr">
        <is>
          <t>0.21487248</t>
        </is>
      </c>
      <c r="E202" t="inlineStr">
        <is>
          <t>&lt;class 'numpy.ndarray'&gt;</t>
        </is>
      </c>
    </row>
    <row r="203">
      <c r="A203" s="1" t="n">
        <v>201</v>
      </c>
      <c r="B203" t="inlineStr">
        <is>
          <t>Loss/total_loss</t>
        </is>
      </c>
      <c r="C203" t="n">
        <v>2900</v>
      </c>
      <c r="D203" t="inlineStr">
        <is>
          <t>0.6332648</t>
        </is>
      </c>
      <c r="E203" t="inlineStr">
        <is>
          <t>&lt;class 'numpy.ndarray'&gt;</t>
        </is>
      </c>
    </row>
    <row r="204">
      <c r="A204" s="1" t="n">
        <v>202</v>
      </c>
      <c r="B204" t="inlineStr">
        <is>
          <t>learning_rate</t>
        </is>
      </c>
      <c r="C204" t="n">
        <v>2900</v>
      </c>
      <c r="D204" t="inlineStr">
        <is>
          <t>0.00068500004</t>
        </is>
      </c>
      <c r="E204" t="inlineStr">
        <is>
          <t>&lt;class 'numpy.ndarray'&gt;</t>
        </is>
      </c>
    </row>
    <row r="205">
      <c r="A205" s="1" t="n">
        <v>203</v>
      </c>
      <c r="B205" t="inlineStr">
        <is>
          <t>train_input_images</t>
        </is>
      </c>
      <c r="C205" t="n">
        <v>2900</v>
      </c>
      <c r="D205" t="inlineStr">
        <is>
          <t>[b'512' b'512'
 b'\x89PNG\r\n\x1a\n\x00\x00\x00\rIHDR\x00\x00\x02\x00\x00\x00\x02\x00\x08\x02\x00\x00\x00{\x1aC\xad\x00\x00 \x00IDATx\x9c\xec\xfdw\xdc6MQ&amp;\x0c\xd7&lt;*\x98P\x8c(*`@\xd6\x80|\x88\xba\xea\xa2\xb8(\xfa\n\x86\xd5UtQ\xd7\x88\x8aq\xcd9+*\x88\xbaFp\xc5\xe5\xc5\x9c\x03\x98\x10\x13\x82\x88\xaf\n\x98pA\x04\x11#\xab\xa2\xa2\x88\xa9\xbe?f\xa6\xa7\xba\xea\xa8\xea\xea\x9e9\xc3\x8dO\xfd\x1enf\xba+\x1c\x15\xba\xbag\xae\xf3\xbaN\xa2\x9b\xe9f\xba\x99n\xa6\x9b\xe9f\xba\x99n\xa6\x9b\xe9f\xba\x99n\xa6\x9b\xe9f\xba\x99n\xa6\x9b\xe9fj\x11\xff\xfb\xb3\xce\xcc\x97\xf5\xfaDt:\xa7.\x15\xb0c\xedv)\xe3\xb9Njj\xe9\xff\x90"e\xa6\xde\xd5\x8e\xcb[h\xa5\xcb}\xab|\xd6\xc5j\x90\xe8m\xc4\xa0\xb5+\x05\x95\xf3\x8ekz4\xe3W\x19\tb\xcbk\xca\xca|q\x87C\x7f3\xf9\x1a.-/\x0e\xbd&lt;\x87\xd0tj\x03y\x9a\xbd\x9d\xa6+\x82\xe4\xd1!P\x99\xa9\xa9\x80\xcf\x98!f\x9e=*\x17\xc7*\xff\xb8i\xfa\xc6}\x1abxp\x9c\x99a\xa22&gt;\xaa\xe0\xa7\xf2%\xd4\xce\xcdI1\xc4\xc8\xe1\x82_\xa6\x846i\xa2\xa8\xdbd\xd7\xe9J\xdb4Q\x1d\x8aev\x19\xaf\x8c9}g*m_z\x91jR\xca\x8ata\x19_\x94\x07q\xc0\xb3E3\x8al\xb6\x81\xce^\xcb`\x86\xebn\xc9\x85\xb0\x18$.\x804M\x13.Z\xf1\xbfS\xf7\xc3\x9bN\xaa}\xa6=\xbbXf+\xf6\x04O\xca\xbf\x9f\x12\xdd$:s2\xf3\xd1\xc9\xbb\xcf\xfc\x7f\xa7\xa8\xb9\xc9t\xff|\xc0\xffx\xd5Ptu\x9a\xce\x8f\xd6,D$p\xce\x12\x01\xec\xaf$"\xfa!)&gt;c\x9e\xa6\xa9\\\xd0r\xb8\xfb\xceZ\xcb\xc4\x9bP\x8dmk\xd8.BM\x10\xe1rd\xa9\x17\xd44M\x02^qo\x82\x00\x04\x02^\x1f\x05D4\xa6i\x9ah\xfe\xaf\x85\xd3\x16\x98\xb4\x0fNWb\xb7\xe0y\x1f\x16\x98\xa7\xca\x01\xa0\xc4\xcc\x1b\\3\xbf\x88\xccT\xabZ\x1e5j\xb1\xfd\x8b\xc4\xdd\xe7hqq\xb7\x85sQ\xbc\x94\xcf\xd0[\xcf\xdc\xbe\xcf\xf3tF\xab_g3wA\xca\xbb\xe7E\x02\x0e{j\x95\x12\xcb\xc6\xfc\x7f\xdaH\xcc\xc8\xdb6e0\x18}\xce\xa9\xfa\x0eK\x06\\\np~k\xd3D\xcc\xfc\xf3&gt;\xe7\xa6\xe4\x17i\xb1h8\x05\x1e\x0c\xc7\xe7Yu"\xabeD\xc9BC\xd6\xe2zQ\xbd\xd2\xb1\xae\x89\xf1Jp\x1b\'z\xa4\x11\\\xad\xbd\xaa\xd5\xe3(\x87.\x0er\xda\x97T\xff.h\xd8\xe7L\xe8\x0f\xb1U\xd6\xd5\x99\xe9\xf9h\xf0\x10\x18j\xe1A+p\xb6\xef\x9dx?\xd6\xb9kD\x0c\x0b\x9b\x01\x16\xe9\x84\x8e\x1c\x96\xcfO\xc8\xb19Md}g-\x92"\xfe\xfd\xec\xaa\xfd\xd5\xdal\xfd\x0b%Yf\xaf\xef7I\xaa\x95:\xa9\x0e\xb8b\xbe[\xbd\x94\xc4\xfb\xfa\x85\x91\x15&lt;i\xee\xfd\x9cq^7\x9b\\"\x02\xaa7\x153k\xfcU\xceB\x85D\xeeI\x05\x04\xf0\x82\xfd?\xb0}RT\xb6\x80\xf2\x82q\xf4\xcfI\xe7\x84\xb1\xdf\xe7j\x01\xb7\xd8R\n\xeb\xe3X^\xaa9"\x077\x13\x96\xe7\xb8\xf8+EV\xb3:\x10x\xa6{;\x05\x9c\xdd:c+\xeb[S\xfc\x02\xbfUAGv\xd2\xa6\xbf\xed\x88\x82J\x06\x00\xf6(t\x84EU4b\x94 \xf9LV\xd4Z\xd8\xa1\x06\xedQ\x10\x90\xfd\x80\x0f#\x07\xe5\xf9\x81\xfc{\xa73\xc4\x9c\x99oyh\t&amp;\x17FFO0\xc8D\xccO\xcc\x08\xeeq*n7+\x0c0(/\x9a\x8f2\xbd\x90\xa46{K\xa6\xef\xd8\x84X&lt;P@\xdd\xcf\xff\x07\x01X)"\xe2\x9f\xc0\x05\xbcq\xbf\'}\x14\xb6\xb2\x99\x10#\xe0\xb0\xa2\xce\xe96\x14E\xc9\x00\t\xcd\xa0wgrj"\x03x\xfe\xe4F\xd9\x00\xba\xc4\xf7hHJ\x0e\x988E\x80O\x9a6O\xb9gr\x18\xcc!\'\xa6\x0es\xe5l\x15\xf1\xe0&amp;\x05\xae[\xaa\x8e"\x00)\x11\xb7\x91B\rET\x10l\xe7%";\x12\xe8Wz\xfe"lI\xaa\xc9V]\xbb\xc7\xa9\xaa\x9b\xd7\xd2\xcc\xcc\xfc\x8c\xed\xb6n\xc1\xcaelK\xeeC\xcc\xcc\x7f\x1c\xf07\x9f\xf3$[+5\xc1\x14\x0e\x11\xfbi\xba0\xc5\xce\x9c\xd2\xeeaG\xb6\x7fo\xe4o\x0cg\x85\x91\xa7\xae|\xd5\xc7\xbd\xabX3\xc7b\x18\xd3fc\x92\xd4\xf2{\xa6+\xc9c\xb5\xda\xdbl\x97\xac\x04[;\x80j\xf3l\xa8bnuj\xd1\xdc\xf1\xae\\\xd8\x94\xc2z\x9b\x11\xce\xe6|\x89\x9d,r2\x11\xf5&gt;\x14\x8a{\x13\xe7\xa7xw\xbd\xe1\xe8\x9a\x1d\xd9\x89l\xaf\xf8\x01\xefIwu\xe2a\xd1\xbc\xe0\x19\xb2\xcf\xfe\x16\x1b\xb4\'\xcb9\x1e\xc6\x01\x11\x7f+eg&lt;\x03#\xf2\x0eQ\x1e\x95\xc7\xa9\xf8\xc7\n\x83\x99\x99_\xd1j\x03.$\x14z\\\x8b\x86?\xcf`k\xf3\x9c\x90\xf6\xd4\xe2\x05\xa9l\xe9\xeb\xed\x8d\xe8\xc4\x91t\x86\x00$\x16jC\\\x8f4-\xe6\xd8\x8e"\xe9`o\xef\x8e{\x9c\x19\xff\xebA\x88c\xcdZ\x9e\x8e\xe16pt\xf5\xf8m\xbf\x81\xd0\x8e\xd8-\xc4j\xed\xc2\xafzwQ~W\xb3u\xa5\x94\xc0\xd9\xdd\xa7\xa5\xf3\x11\xf3\xeb\xdf\x00(\x1d\xda\xde/\xdf\x08\xa1&gt;5\xc5/.\xf7\x07hgI_\x7f\x8et[T\xb35\x0f:\x96\xea\xf1C^\xd3\xf1s+xcad\xe7\x9a\x04\xf2c\xa9o\x07 "\xa2W\x11\xefdl\x18\xbd\x97ETW\xa6g4s\x9c\xaf\x90\x87\xfc\xcc\xfc\xd9p\xea\xb6\xf8G\x1d\xae\xaa&amp;\xc7\xcd\x94\xa1\xab\xef-#\x94\\&lt;\xd7\xdfXOA\xc7\x1fZ\x13#\xd2:\xee\x1a\xf5\xf8)6\xddFo\x8a\xf4DV\xba %x\x88\xf9qy\x9dRy\xef\xfed{m\xef\x06\xd0KL\xd5\xf6\xb6\xfe[\xe3IE\xe9\x06yJ\xb8!\xe8\x06\x8ac&gt;\xe9\x83\xc7=TW\xaa^\x0f\xa1\x8bT\xefz\xd0&gt;\xbf\xe5\xc6\x9b\xdf\x813o\xc6"|\x10\xa9yrz\x8e\xc0fw\xa3\x9d\n\xad~\xb8\xb3\x06`b\x06\x99\xb2\xb1u\xf7R\x18\x95yI\xf5\xae\xee#Z\x04\xef\xdf\xeb\x01\xeeZ\xe8\xc8s\xc1\xd1m\xfd\xfa+\xe3\xca\x11f\xc0e\x8e\xa9\xe5\xddN\xac\xf0\xf0\r\xa0\xe8:D\xe5\x1el]\xadM\x19\xea{\xdf\xb5u\xd5vuy?\xd2\x08\x98\x87i\x89\x00r\xf9\x13\x9c\xda\x10\xe9\xab\x9c\xe2r!h\x07\xb4\x9b\xe9\xc5\x91\x0e,\x8b.=\xf9\xf3\xcb\xa5\xa8c\xa3\x1dU\x0e\xdeB$\xec.l\xc7\xa1\xc2\xed\x15\xdamcK\xbe\xbai\x1f\xa5\xdbJ\x92|\xd6D\x0b\x86\xe2\x97\xe6\xdaa\xcfD)\xa7$\xbf\x11\xea\x91\xe7W\x9b\xfa\xcd\x1b\xc0\xc9\xe9\xc6\r\xee\xf0\xb3\xe1@\x07?C\x88\x8a\x81\xff\xb8_\xd5\t\xc0\xbe\xca\xa6\xdc\xd5\xde\xb4\xdb\xb5\x98\xc7\xde\xc8{\xdd\'\xb59Y\xc1\xdc+\x1d+{x\x06`\xb5\xc7N\xf5.\xed\x9dE\xbe\xf7\x14%\xfeU\x9cW\xd1\xa0$\x0e\xe6\x97\xb8,\x98\x9b\x89\xd2\x1b@\xbb+-l\x17.\xb2+\xa8\xf1\x88\x0e|\xc7\xc2\xe5\xc5t\x8b9?.\x8e\xc6\x07\xa7\xb2\xb9\x01\xe4\xdf\xb1x\x1a\x92R\xa7x\xf4&lt;E\xd9\xc7*\xab\x1aH\xecj\xd7\xb2\x01\xbc\xd8\xd0\xcd\xd1T\x14\x1fKo\xb8p]3\xdcC\x96\xf2\xb5ed\xf8\x15E\xd7#\xec)\xda`}\xa8=F}R\xcbz\x08\x80\x83\x97\xe9\xf8#\xdf)r]\x95\x98\xa3\xf9\xcbw\xe4\xc8!\xe1\xbe\xe0\xb2\xdccy\x81]\x7fQF\xb6\x88o5n\xf7\xc5\x86z\x97\xeb\xce\xaf\xf6\xb8\xb6\xeeODD?I\xe6ku2(\'\xf4\x850.\xb3\xf7U.{i\x02W\xbb\x88\xc1\x95\xfb\x96\x0c\x14\x8f\xff\xad5\x97#/\x9dWX\x8c\x19\xba\x9eg\xaa\x8bn\x1b\xf7b\xfery\x02\xea\xd6p4\xa41\xb2?\x8f\x15\xd7g\xc6r3u\x13\xe8\x8c\x87~J*9{\x9awA\x95\xfe\xea\xcd\x8f\xfc\xcf\xb7}5\x8d\xca\xa1\xe2\xcfr{A(=t\xd2\x9a\xbb\x81H\xc6\xe1K.\x0be\x07\xe1w\xe2\xd7\x9a\xd0\xf3\x00\x13?\x12\xb8@\x1c\xf8d\xad\xe0J\x93\xea\x90\xea3^\xa1\xd6o\xa2\xf4\xec)\x01\xee\xa6k\xc7\x87h\x8e\xf6\x8d\x88\xfcXR/@\xcfc\x11\x8f\xfb"\xff\xd8\xa9v\xfd\x81\xa4k\xe2@O\xdf\xa6_\x04\xbe\x078\xfe\x033^\x9c\xdf\xeahK-\x8bg\xa0\x93\x1a\xde\xe9WIv\xf0\x036I{l\x9d\x96\xae\x1a\\\'\x95\x9f\xb4\xe8\xf1\x834\x1f\xcby\n\xf13(t\r\x9d\xc7\x8a\xef\xceO\x9f\x05\x80G\xa0\xea\x8e^\xf9a\xaf9\xd0\xce.\n\xa003\xf3o\x1e\xa2\xeaJ\xa8:i\xa1\xa9\x9b7\x80s\x93|s\xe5\xed\x07#j;\x01\x0c[\xf1\xfa\xc8\xd8q\xf2\x9c\xc9\xcd\x14:\xaf_\x87{\xac\x95\xae\xcf\x9c$L\xec\x91\xb5?\x0c\xdcK\xcdG\x9c\x1be\t\x1f\xd5\x08\xdbe\x16\xc9\x1e\xfcs\x88\xb5\xc9\x10\xff\x1d\x98\xca-\x8a\x1b#}m\xba\x06ON\x04\x01\xf6e\x97Y\xf0\xc8\r\xe9\x0c\xd4k\xe8\x15\x8f\xb5~\x9a\xe8w=~13\xf3G\x9d\xdf4\xf9\x9b\xd3\xcd4S\xd0\x0b\xbb\xde\xe3\x95&amp;\xce\xd5\xe0i\x7f\xea\xdb\x82\xe4\x9c\xdb\xe4#\x82\x03\xea\x1a\xdaf\x8an\x18\xa0\tz\xa43&gt;\x99\xf7\xce\x96\xfe\xb8\x15\x8a\xf0)8\x05\xef@\x1a\xc8\xda\xd8CkF\xe2\xf0W"]\x1b\xf3\x98\x89.0\x97Z#cO\x877\xd6\x8a\xc6O~\xeb\xc5E\xe8\xdf\xd1\xe9&gt;\xa6\xeb)\xa6\xc3\x1f\x93O\xe1V\xfe}\xce\xe9\xa2\x1a\x04\xea\xa8l\x9e\xf4\xe9\xc7\xeb\xfe\x17k\xc1\xa7\xd9\x00\xaege\xf5\x92~\x1b\xd6r\xa4c\xaf\x1d\x075H2\xb9\xe2D\xbf\x8d\x04\xde\x1d\xfb~\xf2\x1ai\xf6\xee(\x1fo{\x8c\x1a\xa2\x93v\xcf\x13\xe9=\x01y\xa5)\xc7\xf4Z\x8d\xb4E\x9fx\xb3\x83\x80\xd3W\xfe(\x7f*k\xf1\xbd^l?\xb5\xb2Y\xe9z+u\x89\x87NH^\xd9\x9c\x19\xc3~\x8bo\x92V\xcb\xec\xee\r\xd5\x0f)w\x02\xdaC\n\xd8\x8d{\xdc(\xd4\xf52\xf1l\xd4\x8be\x0c|\xa65s=(\x8f0Y+\x8e]4\xde\x81\xb3\x8b\xae\xb9PO\xf1\x10`o\xf3\xfe\x1f\x08\xc7\xaa\x8aS\x9cO\x93\xe5\xb4\x07\xed\x80\xbe\x87\x88\x88~/c)M^\xd7\xce\x88\xc8\xaeo\xd13U\x1b\xc0%)y\xf4\xeb\x85y\xc1\xf5)\xe3~\x11\x00\x01\x9d(,\x81N\xf7\xb1\xd4\x1c\xe4a\xb9\xe7\x0f\xfby:dW\xc8?p\x9c\x9f\x98\x89oi\x07\xfb\x1e\x86\x06\xd8\xae\x90:\x9e\x0b\xfd\xf8d\xf8\xaf\xe4@\x10\x83x\xf3k8\xf2\x9f\x8e\x9a\r\xe5\ni\x00d\xd4mO`.CA\xf5\'\x17\x9b\xb7P\x83\r\x00\xdak:\xc8\x0c\x1e\xd1\x96W\x88\xb1\xa4TR\x1b:\xdb\xd2\x1f\xb6\xe2n\xa5\x88\xf9aG7\x88\xb1\xe8\\\xf3\xea=\xff\xde\x1f\x9f\xb1$\xc5J\xf8WN\x00\xee\xe2t\r\xbd\x9e\xff\x1e\r\x9e\x19\xc3\x85~\x8a\xc5\xcc\xfc\x886\x8f\xba\x80\xb3Z\xedo\xf8\x16{\x9e\xd0\xa1\xe00)%\xfc&gt;;\xf5\x9d\x89\xe4\xce\xc7\xe8\rI\xe6\xc9u\xe4\xc8\xd2+p\xf5t\r\r\xa7\xd0\x96\xcd$\xff*u:Hg\xa5S\x9dj\xc7\xa4\x8e{\nI\x1df\xb59,\x8e\x0e,\x87\xc1h\x89\xb7\x95\xf4v\xf0@\xa4\x1d\xb4#\n\xe6\xcc\xcf\xfb\xc7\xdabqf,#\x81\xa1\x1b\xbaOd\xca/\xabjQ\x08\xce\xda\xb1v9\xdb\xac\x9c\xe6\xaf)/\xb6\x1f\xa4\x07\x95E4\x92B{3\x1dF\xedG\xb2^\x85\x8e\t\xc7\xba\xe0I\xa8\x1a\x84T\xbfE\x19T\x92\xb6\x95i\xdfe\x87p\x95\xb4\x9e\xa6\xdbH\x9a\x1c\xa7\xa1a\xbb\x8fPzT\xff\xca\xe9\xadE~u\x00\xc6E\xe26\xbc\n\x03\x19\xbb\x01d+g_G\x80\xdbO\xc0P\x96\xcc\xfe\x9a\xbf\x99\x8e\xa4\xde\x03\xef\x1e\x13\xcd\x1db\x0f\xc9c\xd1\x01\xea\x84\xb6\x9d\x8e\x9f\xb4\xa4\xeb\'\xad\xcd\xe8\xa9i\xf4\xa9\xd4v|\xb7\x8fdF\x86\x91\xec\xa7\x8183\x13\xf3\x9b\xa5\xbbs\xfbx\xb1\xd0\xcb\xa0\xf1r\xeb\xbf\xd5\xbco\x0ev\x84!X\xd4\x8b\x95\x7fl\xba+\xf7\x86ki\xff\xc76\x91\xa3T]-\xc9\xdc\r\xf8\xfb\'\'@rH1\x8dm\x00{\xecBk1\x80\xf8\xb5\xc9\xc5I&gt;\xf2c\x06\xe79\x89\xcd\xdfJ:\xa9{\xd7\x19\xbdB:\x14\xd1\xc6\twY\xab\xf0\x18\x7f\xaf&lt;n\x87\x113\x7f\xe7\xa1\xda\x8eSVk\xf6\xd7\x1b\x8b\x7f\xc1\xec\x8e\x87\xd3\x01\xc9\x1b\xa2l\xf6\xa7\xe9\x98\x87\x9b\xdd?\x0b\xbd\xe0*m\x1a\xe6\xe6\x9b\xeb\xf3\xa2\xbf\x86\xc2l\xba\xdc\xf5\xe0\xee=\x01\xfc{\xe9\xdd\x07\xd2\x81\xdb\xa6wd&gt;\xa2\xe9D\xb9\xbdH\xd6\xd7S\xde\xab\x9d\xdf\xf4N\xea\xfd\x81\x95&gt;y9l\xaf\xb1\x0b\xd4\x8b\x15mGY\xf4\xfd\x80,\x18\xd4\xf8N\xfa\xe7\x83\xd6B\xb5\x96\xf7\xab[u\xee\xd5 T\xa1\xa7\x84+z\xe3\xc2W\xf2\xb5%\x1c\xbe\xd2\x8a\x04\xf9CG\xcc\xf9?&lt;\x19\xd0\xb6\xc8\xf6\xfc\x14\xe8\x14\xc4\xce\xf5\rG\xf0\xc9\xba_I\x87\xfe\x8b\xd05\x80\xc8\xb4"\xf0Z\xe3\xd4\xb0\xd2\x14\xc0W}\xf6\xd4\x98\xeb\x1f\x08\x9d\xe5GA\xcd\x1fTd\x1e\xef\xfc\xd7Y\x97\xa7\xd3\xc1r\x8b\xa6G$\x03O\x9c\x05\xb2"\x94\xebw\xcc\xcc\xfc\xbf\xc1\xf8S\xdb\xb2WH\x8dJ=HOF\\&gt;\x1dv&lt;\xec\xef\xb3\xbb\x9ft\x8f&gt;\xef\x92&gt;\xdcRFa\xb3o\x9d\xad\xc1\xe9\'\xa4\xb3\x04\xbe\xda\xdeP\xd1\x16\xb7=\xf7\xaf}\x03h\xd2\x18d\xfeVqm\x1c?Q,N\x11\xde\x81m\xec@+\xaf\x97\x90\xfd\xf4C\x91\xec\xa1g\xed\x90=\xaa 8q(\x1bWn^f\xe25\x1f\xfe \xea\xa8\xcaO\xb6\xef\xbdV\x0e\x02|C\xf6&gt;\x7f\x03\xa0\xfa\xdc\x19tx9s\xbd!86=\xd5\x11\x0f\xd5\xd0\x81\xc6\xf89\xfb&gt;\x94\xb2\x9b\xf3D\x95}=\x0bf\x00G\x12\xfc)N\x01\xe58\x96d\xeeU^\xddv\tw\x02\x18{[{8\x1d\xd3\xfdE\x138\xddA\xf8\xf9\'\xd0)\xa1J\xdc\xcco\x08\x9e\x03\x90kr\xfc\x8a\x1e\x02\x14\x14\xbb\xcb\x1de\xa5k&lt;\xcf 9\xeb\xc4\xe0\x13\xd9~:\xc3\x99\xee\xe2\x04\xca\xb7\xb3$\xba"q\x9a\xa7\xc0\x1e\xb4\xdd\xde\x1d\xf0\xb2\x9b\x9f\x14\x19\xbd\xeb\x0e\xcd\x87\x13&lt;\xff\xee\xa1\xe7\xea\x17)\xbe\xdd\xdb\xf4i&gt;\xbc\x96\xf4foO\xb1u\xeb\x897\x80\x13\x81\x1c\'\xbd}]\x02\x00\xbc\x06\x9c\xe6B\xe9\xa9|\xf1yb\xc1\x17K\xbar\xe7N\x81\xee\xa4\x9f\xb8\xb0z\xc7l\xa1j\xec\xd6|\x86\xdc6\x16\xa6y\x0f~\xa0\xa1\xf3,\xcc=V`\xff\xb8a\xbaJ\x13\xe5\xa9]8[\x90\x82\x87\x03/\x08\x10\x19\xbf\xd5\x90\xf5\xe3\xaa\xe1\xd4\xe1\xea\xd2\xbf\xdf\xa9\x0b\xae\x93\xe1\xae-\xcf\x19\xbc&gt;\xd4\x9f\xc7z\x9f\tlwH\x15z(\xb4\xe3\xb0\xf1u\xeda\xcd\x13\xf7u\xd2U\xbf\xd9\x0fH\x85\xf7\xa6c\x95g\x01\xec]\x87\x9e\xf5\x9d\x87\x11\xef\x89\x010\xbf\xb9\x8bm\xbe\x92\x8a\x0e,\xe8\x13\xad\x8d\xa4\xd6\xa4u\xbe\xc7\xe0\x0b\x96\xfd\x94&lt;\xbav)\xd4\xc9Mk\xd1R\x17\xda\x00F\xf4\x84\xaf\x04\x99\x88\xdfg\xabpfm\xb7&lt;\x8d9\xc7,\x10\xd2\x83\x80\x1fL\x87`\xbb"\xdf\xf4f{\xe2SI&amp;\xfd]\xda\xfaN\x16\xbd\xfa\x9dA\xcf\x8b\x00\x18&lt;+A\xd9\x1b\x88\xf0\xe3\x11\xe6l\xa5i\xec\x040 s\x04\xa9nE&amp;\xfb\x81 \x18&lt;\x1a\xde\xe1\x14/\xb4\x9fL\xf0\x10\x11\xf37\xb1\xf3\xb6d\xe3\x11\x16!\x8c\x1c\xde\x13RA\x7fy(\'\xa5\xc0\xbd\xe4\xa1\xbe\xc9p\x9e\x8dT\x9cJv\x9d\xb9\xfa\x0e\xb0p\x0f\xf0\x01\\m1\xc5\xc0\xe2\x90\xd8W\xa2\xbb\x90\\\xc3\xea\'\xa2\xd6\x91?\x98d\xf3\x1b^1\x7f\x0f\xa4E\xd5N=\xae\xfe\xfe\xfa\xc7\xe3\xfc!g{\xf49)-&gt;&lt;r\xbe\xbe4\x9a\x03)\xd5R\x8f\xb2u\xc4\xbb\xe3&lt;\xdb\x9c\xb2\xff\xbd\xd3d\x9a`\x95\xc3\x85\xf4\xe2T?3\xf1\x8b\xd9\xaah\x91J5\xf3\xbb\xfal\xa0\xfd}\xf5\x01\xd6;\x9e\x83\xf7\x9b\x98o?\xdb\xcfr\xa6\xc7\xdf\xe8\x05\xc2~B\x01\xf3\r\xb1\xe7e\xfb\xe9\xc6\x7f:,\xc8\xee\xee\xc3\xfb\x05s\xe0\x9f\n\xaf\xbd2\xf8\xf9\xcexp\xd4\xed5\xd1\xc9_\x00\x0c\xc9\x1dF\xe5\xdc\x9d\xe9\xbf,~E\x08\xa9\x1a\xf7\xe5\xd4\x05\xc4&amp;A\xb3\x13\xb1\xe3\\\x7f\t\xe8\xb1\x18/\xb2f\xc6^\x8a\xc8}\xe2xL\x97\xa2C\\\xb9\xfe\x80\x1c\x080n\x97W[\x1c\x05\xd7+t\x88d\x0eDK\x83\xa8\xce\x95\x03\xf8\x0e\xa2|\xfc\x93|\xe09\xaf\x15\x97S\xd7\x80\x8e6\xff\xb7\xac\xe0L\xcf\x92#)\xa9J\xfcZ+\\R\xef\x8f\xaf\xb2\'\xe6\xeb\xf7\x7f\xcbV&lt;{\xf86\xde\xf9\xf4t\xb5\x81\xcc\xff8\xf4\x06"\x95\x9d\x03C\x8f\xcb\xec(\xed7 \x8d\xd5u,\x94~?\xd1\xb6\xa2\xca\xc0\xea\xeb\xea\x92\xa7h#\x07*\xec2\x1d\xcf^i\xb7Rd:\xac\x86\xcd\xe2\x1d\xfaY\x815\x19\xbe2\xa1\x04\x9e\xc5\xba`\x8c\xbe`\xbda*\xc0\xa1\xd3\xe1\xbf`X\xae\xe1\x99\xc3&gt;\xf3\xf1\x85\xfeJp{\x89\xf1\'\x18\xa8QY\xf0\xfa\xaf\xd8~\xd0+\xafQ&lt;P\xe4j7\x00y\xfb\t\xeb\xe0\x8d\xdc\x12\x0e\xa5\x13\x9d.\x03+$^_\x02\xce\x9c\xb6\xcc\xdf\xc3\x0e\x8a\xf2\x06\xca~\xef\x06\x90\xe7\xde\x93n\xe6\x07\xed\x89\xa1\x94\xbd\x92}\xe8\x10m\'\xea,\xe6\xc5\x916\xe2\x99\xed\x85t\xa3\xb7Ep\xd0DN]\xe3\xfb\xde\x1b\xfd\xa0z)\x8a7\xb0\x9bCz"z\xf1\x08l\xb0\xe8\x06\x1c&lt;E[a\xf1o\xc4V\xfbQ\xda\xfe~4\xf5V\xbd[\xdd\x18\x86\xae\xb7\xfc\xb3\xe3\xe2|y\xc3\x9c\x02\xff\xc6\x19\x7f1Xlc.$\x9f\x06&lt;+\x03g\xe7&lt;\xf3\x8b\x19u=G\xd3\x8d|^\xa9\x1a\xe52\xc2\xcdf!e\xd9\xfc\x86m\'\x80\x9e\x9a\xcc\x85z \x15\xc3;\x1c\xbfI\xe3)\xf3\xaa~\xb6\xf4\xd0\xd6\xfb\xc6+*b\xbe\xd0[\xfe\x98\x0e\x01\xd3\xf5\x03\xab^z\x81g\xb4\xac\xea\xd7NE\xf51G\x01\xcaQ\xb4\x84N\xf3\x03\xff\x7f\xcf\x14\xfe\x88\xc8}\x1b\xb9,I0ND\xc4\xb7vM\x1c\xf8fu\xac!$\xa5z\xf5v\x819\xe4E\xdf\xc8\x0f$\xc4\xa7i\x98\x88\xff)\xc5|1\xb2\xe7Vo\xea\xc5\x8cN\xf2\xb6\x14E\xef\xda\xf6\xd4&amp;\x15\xb0\xfba\xbf\xd3^,\x07\xd0\xe1\xa1\x07O$\xff?\xa7\x89\'N\xeb\xde)\xbb\xaa\x1f\xc3\xa3^\xb9\x04\x08w\x96\xdf@\x8f\x0e\xa4t\xb7\xe9W\xde\xfbT}l\xf6\x99\x99\xf9\x97\x93\x86\xc4;!;\xb5^\x1c\no\x84\x82\r\xe0\x062q%t\xa3\xef\xa67\xdc^u\x11r\xfa\xf5z\xd1\xab\xcd\xdf\x00\x823,\xe0G`\xc8oC\xa9\x13\xfa\xa1\xf5\xf0\xd4}\xab\xe0\xe2\xc5\x19D\xd2o\xf4\xccu:\xae\x8b$\xee\xd8\x8d\x96\x12\xa0p?\xb6s*\xe1\xfb\xec\xb7\xd6m\xf4\n\xe9&lt;\xd0/\xbe\x98OJ\xcb)\xd8~\xb1\xbb\xf1:Xtd\xfb\xf8\xf7\xd4\xb7\xe5\xba\x15\xcf\xcc\x06\xa3g\xbf\xe5$ON\xcc\xfcc;\xc4\x8fDs\x10\x80\x92\xbfg\xb6d\xd7\xaa\xb8\xb2\xb2W\x1b@\xccc\xd9T\x05\x1f\xb8\xae\x99_\xeb\x18E\x9b\xc2\xc6\xf6v\x14\xf83\xe480\xf1]\x87\xdb:Z\xe1\x1eZ\xbaj\x82\xe7L\x80\x80uM\xf5\x94\xe4T\'0\xa8\xadak\xb9H\xe0\x81\xca\xa3\x9f4D\x96S\xa8\xf4\xf8\x11K\xe3\x9e\xa3\x82\xb3\xe9_\xdai\xbe\xd3\xdcv[\x17F\xe1\xb9\xba\xfd@Q\xd9\xb5\x96\x9f;!\x06\xeb\xea\x95\xd0\xf9\x91\xb8+\r2\x0f\xe8\xef\x17\xd9OW^\xa2\xd7L\x1fkF\x92\xc7\xac\xa3\x08\xeeC9)4~\x18\xae&amp;\x80\xdf8\x8d\xda\xce8\x0c\x1b\nv\xc1\x1a\xc4%7\x80\xb2\xf3\xe7A\\\xfb~u\x1dt\x86\x8d\xfd\xb2\x0f\x19\x87\x0b\xf6\xf7\xa8\x93\xd0C\xea\xdb\x81\xd6\xd9$\xf5\xa6\xde*\xcf\xfc\xdc\xb8\xc3\xdc\x8a\xff\xf2\xc1=\x82\x92^\x1cR\xba\xcd\x17k\xc3F\xd5Ca\x1e\xde\xc1t\x86&amp;\xe5-\xa1\x17\x87b\x0c\xe9t\xfd\xacW\xed\x8ev|\xc4\xcf`z\x8c\xee7\xd7\xb6\xb2_C\xcf:\x8f\xce\xfb\x82\xa7K\xad\xb1\x92\xe0\x19S\xdd\x81\xa1Q-x\x9f\xeb\xafdf\xe6;\xa78;\xd4\x0eI)\r\xb2\xd7\xf1\xa3\x9d\xb7yc\xdaOG\xcb[\x9d\xa0F\xcfx\x06\xbcB\xca\xf8\xb0\xbdB5Ov{\x82\x10\x1c\x03\x95\xdaS\x84\xfa\x90\xee\xef)9\xc5\xb1\xfat\xb4\x07ec\x03H\xfc0#\xd0\xac\xac\xe4\xf9OA\xf9\x83\xf9\xb6\xe1u\x9b\xe8\xfb\x11\x1d3\xdf\xa3\\\xc7?#Ic\xf8U\xc7\x10\x85?\xf8\xa1\xfe\x87\x89\xab\xa0a\xc4\xf1\x91\xa7[\xdb\x90T[m\xc2\xb5|\x04l\xe2\xcf\x9foa\xba\xeb\x94\xea\x8c\'F\x86\xe9F[\nYR^5_\xae*\x06}\x80\xc0&amp;\x0e}\x1f\xc5\xdb\x0f\xa2\x03\xcdG\x99&lt;|\xefO\xad\xe2\x9a\xed\xb3;\x9fJ\xb9\xf5\x8c%\x03\xc8\xc5\xa2\xd5\xe3\x9d\x87\xd2`\xceJ\xc1\x96\x15o\xa7\xc7#q\x1e\x90wbH&amp;#Y\xab\x07n\x00\xe5\xcd\xc0\x98`r&lt;\xb62\xdcz2Q\xad\x8e\x81\x86\xfd\x1a\xd6\xc3)\xb6\xa7 \xd4\xb0T\xbc\x11\xc9\xfaW\x83H\xaa\xb0o=\xeb&lt;\xaf\xe0Z\xbf\xf6\x9c\xd00\xf2\x00\xd1kEYll\xe4\xb9\xed\xf3\xc6{\x08PT\x1eZ#o\xeb\xb9\x1b\xc5\xe3`\xbd\xe5\xc5\xb7L_4\xd9\xea\xf5Q\x00\xe3g\x8f1\xc7\xeb\xbbDgm\x9bwV%\\\xcd\xc6w\xd9\xe2\xd9\x93\xc1\xcf\x1e2\xd7\xdc\xc5\xf5!\xa3\xa9\x13Z\xb9Pq2\x7f\xe8Qv\x87_\x9d5z\xd7\xd0\xcb\xf0\xbcS\x03?\xf9\xb8\x18\r?\xb0\xdc0\x1e&amp;(\xbb\x01\x1c\xba\xcf\xf3\x15\x14J\x97q\xfd\xf8\x83f\xb7[q\x01\xdb\x93\xe4,?\xa6\xea@\xd3\x80\xdab\xe8avL\x1c\x007s\xfe\xd8\xd3\xca\xcfv\xe4\xef\xa2S#zb\xc3:\xb0\xbfw-\xd7Je\xca.\x1f}u\x9a\xb0\xb3\x9eH\x0c\xfd\xf0E{N\xb2\xc7\xd5=\xe2\xbb\x90\xec\x91ef~\x99aY\xea\x7f\xd1\x979=q\xab\xe4\xba\x06\xaf\x9c\xf66\x8e\x8fn+1\xb5\xfa\x99e\\\xc6&lt;\x16w\xb3\x86L\x84`R c\xfe=A\xe3\x07\xe5\xd8\x9cG\xa8\xa0\xdd\rC"\xa2\x97\x9e\xf5T:_\xe1Z\xea\xf9\xa8\xe7\x9a\xc2o\x8eo\xcc\xff&lt;\x88\xed(Tg\xa6\xec\x13\xc3\xd1^,\x8b\xf9_\x92\xccz\xf9%\xd1\xecy\xf1\xcaD\xcc/\xd1\\Qv\xfe\xca3\xde\xa4=\xe8\xd5\x97\xddqKa&amp;V]--\xa5\x10gm\x9b%\xa2\xf2\xd9M\xbb\xfd\xf3G\xa5\xcc%k\xbbIU\xd3O\xec\x82\x0b\xc3-z\xf433\xff \t\xe5\xd5\x06p\xa3\x94t\xb5O\xce\xf4\xc8\x06\x7f\xe0\xd8k\xee\xc7#P\x9d(\x82g;\xef\xef\xc7\x7f\xb5\'\xe5\xe0Qr\xe9\x14/\xd5\x10\x1f&gt;v\xed=t\x9f=z\xbd\xbd\x80\x05u\xdb\xea\x97\x02\xefC\xcc\xa0y\na\xe6\xd7\xd4g\xc1\xfe\xa7\xea\xd3\xe5\xc2\x8b\x03\x04YX\xed\xbe\xd5\xb0\x12*\xbf\x16bs\xed\xee\x843=6\xd4\x86Js\xcfz\x1e\xa3\x13\xf5V\xc4\xb6^\x9c\x12LRsr_&lt;s.\xb4u8\x88\n&amp;\xa5\r\x15\x9b\xc3\x99\x04\x18\x9b\xfb\xe2\x03\xb4,\xaa\x1ao\x1e\x1a\xe2cR\xff\xa9\x11[\xab\x16n\x00\xc7RWAz\x8ew\xa1\x02\x8f\xbf\xe6o\xf6\x11&lt;\xc7\xf4X\x01F\xafv\x1b\x98)\x99\t\xbc\x86\xb7F\x7f\x01H\x87\xd3{\xf70\xf3\xab\x9e#\xaf\xa7\x08\x04\x7f\xd6\x08\x8c\xa3Q\x8cS\xbc\xa2b\xa0/y8\x9a\x1e\xcaG\xd1\xcb\xfb5$B.\xcf\xe0\xbc\x9f\xd0s$\xaa\x8c\xb9\xae\xd5d\x8f\xb0\xd5u\x8d\xbfp2\xff\x84\xd63\x88\xf7\xa2d\x1fd\xf6T^\xf0xA\xeb&amp;\xd9d\x0e\x94{\x9b\xd3\xa9I\x15\xc4A:\xf5+8\xc0s\xc0K\x8f^\xfe\xfe\xa4\x9c\xf4Y~\xa7\x86\xa3;)\xa3\x03&amp;`\xe3\xcf\xcc?\xe58\xe3YN:\xd9Sxw1t\xbeH\xd9]\xdbN\xe8\xccv\xc5\xff\xd0\xd0\x13o\x00\x809W\xf9+g\xccu5\xc4\xfc\x07\xc5\xb7!\xf1\x93\xf4\x82\xe6\xd1\xe3\x0c\xa56\xa6\'\xee\x14\xa0L\x91\xb9k8\t*R\xbb\xf8\xfe\x13C|n\xd8Iz\x01/\x9aw(D.7\xa30\x0b\r{\xc4_\x84^Y0\xbfG\xff\xa3\xf9I\xeb\x89\xf9\xee\xba\x99v\x1a\x9dE\x95?\x03qK\xb5\x85\xd5\xa2JM,+^\x87$\x92~\x1d\x0fs\x11\xe96\xc4,\x7fj\xdf\xab\xea\xca\x9d=\x96\x1a\x85\xc2D\xfe_\'\xcfTF\xf0X\xd0{\xc0\x04\xbbKF&gt;\x94\x92\xab@.\t\xdb\xec\x9a+\n\x8f\xe7NXy\xc0E\xe7\xe0\x11\xc7Ae\xd3\x11m\xfc\xe7]!\x99]\xe7\xfaWm\xdf\xc1K^\x7fM\x83\xb3\xae\xe1,\x98\\\xff\x07x.I\xee9+\xc7VfK\xb0\x06\xceA\x87\xd0\xf9\x97\xd0\xc947Z\xc9\x81\x9e\x1e\xa2\x08\xc2\xe1zA\xb0\x19\x7f\x91\x1f\xc3C\x1c\x1c;\x1e\xe6\x17\xb0\x96E#j_)&lt;/O\xf4\xa1\x036\x02\xeb\xfb\xde,\xe5d\x1b\x9fz\xe0D9\r\x87w?I\xc3\n\x04\\qf$\xb7e\x82]_\xdf^~cU\xdd$\x03\xa8\xc9V\xa6A\xec\x06 "UQ\xfd]\xf49\x03f\xdd\x8b\xc6!\xfa\x0f\xa1\xa2\xf3\x0bv\xe3d\xf3\x08\x127S\xbb1H\xfa\x1f{\xa0\xb4\xa8]\xc9\xa7\xb4\xdeKq\x00\xbd\xdb\xe4H\xc340\xda\x12i2P\xf7\xaf\xbb\x1fU\xf9\xaa8\xfb\xc5_\xd1\x8c&lt;\xc3\x8c4\xc2^\x1c\xdf\xf3\xde\xefxRk\x15\xee\x87q\xf5\xa8\x95|\xacg\xf9\xfd\xe9\xc0\x98ZMv\xc9\xa9\xd9\x96B!\xbb\xe3\xfdF/\x9d\xa7\xca\xec\xbb\x9d\x95\xfe\x02,\x89\x9e|u=\x89f\xb45\xad:\xf5\x9f6q\\\x1d\x0e(\xda\xd3\xe3\xae\x93\xf6;"\xaa\xd1a\xe84\xf4\xe5\x91-\xf7\xc8\xaf\xec\xdfH\tb~\x93\xed\x1a2\xf8~z"#06&lt;@e2\xa0\x03\xeb\x93\xc5\x05\xb7\x9e\x85\xf7Pn\xab\xeb.\x9d\xf3\x97\x9a\\p\x8cb\xbe\xed\x01D\xcc\xdf\x804\x1c\x07\x06\xa1r\x99\xff\x14\r\xf6\xd4\x0cp6\x14\x1d\xcb\x8e\'u\xec1(\x04p\xa0\xaa\x8b\xbd\x14R\xb7\xc3+\x8b?\xa3T\x97\xffg\xf8B\xebg\xa5\xc6\x1a\xd8WCg+\xc11\x1a\xc8\xb1\xda\xb7O\xe7`\xe3d\xba\x00\xa8\x07\xdbO\xe5\xcf\xea\x00\xf0\xf1\x07&lt;\x9c\xb2!R\x0f@v\xfa\\\x944\xa6puad~8\xf3\xb7%\xed\xeeZh\xfeI\xe8\xd8\xa8^|9\x9f\xee\xbc\xb5up\xe6\xdbu&gt;\xc7[U0\xf0\xf0\xbdP\xa0\xea@\x9a\xbc\tf\x9e\xa6I^\xf4\xd2\x8c~\x9a&amp;\xa8aL\xed0\x98@\x9c\x83(\xec\xa0\x9dP\x07\x94\xcfgi5\\\xb2P\xb3\x9d\x10[\x86le[\x84\x01\xc3\xc5\xa9\xe0\xdf\x8fj.?\x9b&amp;\xcbs \x1d\x88\xff(${\xa0\xcc*\xa4x\x1c\xcf\xd3Q\xb0\xb8d\xcd;\x8b\xb7\x12\xbc\x94\x0b\x95\xf9C\xd8\xe4\x16Z\x8d\xe7\x1e\x05\xf8\xb9Z\x95w\xae\x11lMP\x803#\xb5&lt;\xc1\x1d\xb13gT8\x8f\x8a{\x7f\xf5\xfc\xfcd\xcf\xcb\xf0!\xc0\x9d}\xa3\xcb\x9f1%1?\xf5X&lt;q]\xb1yB\xea\xd6\x8f-^QH-\xf1]\x88\x90\xd7\xf2\xfe\x173z\xe45\xbf\xf6^X\x8b\x1e\x10\xbc\xc6\xd3yg\xc0\xaf\xe8\x87\xc0\xcd\x87\x1a\n\xddc\x9d\x03\xb0\xd4\x0fD\xbb\x87\xec\x16\xa5\xa6\xf8\x83\x8e\xb4\xf5op&lt;\xac\xa4 b\xd7\x12\xc4\x04\xc1\r@\xd5\x12\xde\x1c&lt;\x85g\x00=\x1b\xda]\xae\xf2\xf8b\xdf\xf9\x9etE0\x11\xf3_H[\x9a\xa1\xbbIE\xab\xfep\xd2\xcb3\x87\xb6j8r\xdcQ\xeb\x99\x0b\xf4_U\x13;+q\xbaj\xe3\xe9C\xc2wH\n\xb6\xc5\x89\xb4\xe9\x15\xdb~\x16\xf9\x83\xc0\xd0[\xf7\xc3\x830\x8a\xc2\x1b\xa5\nUsW\xd5\xe3\xec\x0b\r\x85\xcb\xc5\tQ\x1fF\x81?\xd0a&gt;\xcdy0\xee\xa7\xbb\x9e2W\xc0\xc7b.\xca\xbav\xca\xa0\xbf\x07*\xd8p\xc6&amp;2\xbb)Tb{\x88\\\x14\x81\xd1k\xa1\x8e\r\xe0,\xfe\x14C\xbc\xdc\x9e\xc3\x96\xcf\xf0BwJ^?\xe0\xc8\xe5}\xd4nz\x08\xa0`\xaf\x9a\x83\'V\xb5\x9a\xaa\xea\x8ao\x93\xb2u%k&amp;F\xd1\xbb\x16\xb8~\x05TzkS\xc9\x99\xa31`\xce\xba\x91\xec\xe9\xf9\r \xd6\x93d\xdb\xdf\xdc\xe2}\x08\x8e\\G-\xe7\xe8:\xcb\xd1\xdb\x99;\x94$\x14\x1eBe\xd3\xda.\x0c\xc3u\xae\xe7=\xa8f\x97\x98\x99?\xbb\x1e4\x1b\x80#&gt;l\xf9F"\xb9\x014#\xb3\xbb\'\xf6E\xb5\xfe)Zw\xa6\xd4f\x96t\xaa\x1c\x90\xdfA\xde\xd6\x0cylg\xa08\xaa\xca\xeb\xcbB=\x98\xba\x9e\xa4\xb0\x86\xc4\xf3\xf2p\xc0\x9a\x82\xbd\xba\xf9\xad\xc0\x03\x9d\xa7S\x07\xa7\\\x18\xb7\xd4H\xfe\xa8k\x99\xf2\xe1\xea\xf6\xbd\x7f\xbd\xd9^\x8f\xc9\xc1f\xa7\x98\x88\xf9\xbb\xba`w\x01\x86\xf8\x07\x04\xbb\x14\xc2J\xb0e\xc6\xfca\xf9\x05\xe1qx\xe2vx\xeb\xdd\x08g\x9etm{[\x85\x8f\x13\xac\x97\x94\xdd&gt;\x84Y\xee\xa4\xce5\x80\xc5\xc4:x\xc3v\x7f\xefa?\xb8\xb5Sv&gt;\x16\xc9\xd4\xbb-\x9d\x90}\x17u\x9e\x9e\xf8[\xea\xdb\x16\xff\x93$\xb3\xc7\xbf\xdf\xbf\xfd\x15\x9f\x17\x8f\xfb\xbe\xeb\xe3\x1ep\x08\xc3Ed\xf7\x1be~v\t\x14\xd89B\rn\xa3\xcf\x00\xf8@\xf3\x87=\xb2m7z\xc1\xdd;.g\x9b\xaf\xdd\x12\xe8\xda\xe4/:\xbbI\x13\x05\x1b-&gt;\x1a\x1e\x01\xf1Jh\xc9\xf4\x1e\rB\x95c\x020g\x95\xf7\xbf\x84mN\xa9SI\'\xa2c\x88\xd1\x13q\xb7\x92\x83\xce&lt;\xeb\xa6\x8ez\x939\xbe\xa1\xfe\xdfae?\xce\x06\xcf\xc9\xac\x07\xca\xdb\x82C\x11#\')\xebT\x87\xddj$k\xda-\x89\xb1`B\xf7\xdf\xcc\xf0\x0ch\x0e4\xd8\xdb\x81\x16$\x91\x1f\xb4\xe6\x0e\xa2\xcc\xbb\x11tZ?\x14\x03zU\xd2\x82\x04\xa2\x197\xa0\x86\xce\x1ef\xc5y\xa9d2\xf3]\xcd\xc8\x05k\xab\xf1|&amp;\xe9\x99\xe0\x15G\x13\xf9y\\\xe3\xf5!\xbd\xc1v\x949c=h\x9a\xba\x11\xb7B\x17l\x18P\x1b+\x86\xfc\xf2\xe9|\xcd\xd2\x9b\xca\xe5\xacs\x9b\xe5\xba\xd2\xf6!\xe2z\xe1|\x08\xd4\x10\xa3\x92\xf0\x14\xda\x1a\xc6#\x04s\xf6H\xd1[\xea7\xd3\x08\xedl\x7f\xdc\xf9Eq\xd2h,\xb8\x0fU\xfcD&lt;he\x7f\t\x0e\xbcv\xc8\xebYc\xfa\xf3\xf5`%u\xd9Ud[C\xaf\xc86hxRm%\xb1_\x06\xda\xde\xa5u\x889Qx\x15\x9e\xe7\xc1#\xb6\xb1\x8d\xf7\xa7\xfa\t\xa3\xf0t\xe1\xbe\xbd1\x14\xa0\x05\xbe\xcc\x17\xa1\t\xefI\x88V\xd9KV\xb2\x0b\xeb,\x8f\xdb]\xda\x9a\xfb\xed\xfe\x0e\xb8\xee\xd5#\xc0\x98\x7f\x8f\x86\x0e\x86-\xa7\xba\xfdJ\xb6\x8f\x9d\xfbe\x1eO\x13\xc6\xf7\x97\xdbz\xbcKU\x02\xc9\x07\xb8S\xeb\x7f=\xda\xfe\x08 \xf4\x950Z\xea\xbc&gt;\xc5\x96\xdbd^\xf2&lt;\x87\xa8:\x90\xa4\xb9oq\xda\xfd\xc9\x01\xcc\x17-6u\xb1\xd3\xe8\xf0\xecii8\xfe\xe7L\\\xbe\xa9\xf5\xe9\xdc\xadD\xcb\x0e\x8933?62\xddt\x9f\xef\x89\xa5\x1aF\xf7e\x106hp\x90\xec\xd1#V\x1d\xe0\xfc\xa4\x86\x1e\xb7\xff\xbeq\x0b\xc3Q\xc4\xe1\xeb#/\xe0%\x13=\x1b\xc0\xfd3\xa9\x0b-\xd6\xd6S\xeb+\xf3\xd8\xd1Fe\x11\xee\xe9#Gu!\x05\xa3\xec\xcd^\x00\xe5\xacb\xb3R~I\xec\x85\xbd\x97z\xe3/\x97(zl&lt;\x08\xd6\x10\xe9\xa0\xefnpV\xe1\xb0\xb6X\x9cC\x06\xbbDQ\xf3\xd5\xfc\xae\xad\xe7l\xcf\xa4\xa7\xd8\xc2\x83\x05cg\xed\xaa;]\x90\x8f\xa5\xe6f\xbfk6a\xfd\xed[&lt;\x9e\x15\xd8\xad&lt;8bKz`%\xe5\x18\x82\tM\xa6\xa4\xea-H\xce;\xb1\xf5\x962\xd4l\xd7\x17\\wj\x9f.\x9c\x1a\x0c&lt;\x1e\x89\xf1\xb3\x15j\x83\x06v\xec\xe4\xe0\x80\x1e\x12\xa7\x0c[\x04p\xcb\x19\xb3rjY\xa0\xad\xd34\xda\\1";\xe8\xe4h\x9b\x12E\xfcZ=\xb8\xda\x94&lt;\xef\xb3\xf9hy\x11w\x16\xcfq\x10\x05\xdd\x7fHJv\x87\x16\x83\x93\x8b\x1f,\x9c\x1b\xbf\xa7\'\x86Q\xae\x87\xcb\xb5)\xdb\xa5\xbc\xa4\xb5\xfc\x1bq~\xb2\xb8%\xfd\x020i\xd4Z)\xc7)\x9b)ok\x89\xdd\x81F\t\x9f\xc30t5~\x1d\xbd\xbf\xa6dg\xef\x8a\xddv\xed\xcf\xea./\x18t^s\xb6\xafeku(y\x04h\xac\x9cV,\xe0\x92\x90\xb7{Z\xc6\x1eb"~G*\xcb \xb9\xd03l\x99\x17\x14G\x11\x0f~^ \x98Z6f9\xd2\xac\x01y\x9d]\x1du\xc7\xdcS\t^\x7fO\xc2yC#\x15h\xe8B\xe8\xf5\r\xb6\x0b3\x9aw\xa8\x00\x00 \x00IDATa\xc7#~\xab\x1a\r\x06?*W\xd1\xb2.\xd3\x0f|R\xc1\xe2\xfaQ\xcb\x11Y\xfe\xbb!h \xde^\x8e\xccjidsf?c\xbb\x04\x8b\x81\xaaU\xd1F\xa2\xdaV\xc6\xd0\x18\xb9/C\xf6\xab\x8e\xed\xfa\x87\xa1\x94\xb8w\x1au\x983\xa1O\xb6`6\x95\xc9F\xb6k\x9b\x91\xdc\xa5V=q\xd6t\x8e\xf3u\xec\x8e\x9dm5\xae\xcb\xf5\xac:\xd0\xed&amp;{\x11*\x05qqd\xf12\x88\x19v\xd9m\xad"]p\xea\x90h\xd82\xfd\xf4(j\xaf\xde^\x85i\xbb\x9d\x8acm"\x8c\xe6\xb4~\x84~7\x18\xdeY;\xb6\xdehR\xd0J\x85\x04\xf03\x02#Z\x87\x8b0\x93\xe72\xaf\x98c\xe5\xd4\x8a\x8f\x07\xa9\x8b\xdf\x8aw\x85\xd7\xbas-T\xb5\x89\x8b"\x0b\x8eu\xdb\xde\xfe~\x97\xdf\x03\x14\xd9\xc3\x8eb\xf8\x97^\x85(\r\xad\x13\x04X\x1ee\xcblF\xec&lt;\'\xa6`|`\x0fp\r\t\xcdy\xad\xc3\xf6Y\xfc\xdb%\x021@\xcc\xd5\xc6cg[\n{\xa0\t\x9d\xdeV$W\xe3\x11\n%\xce\xeaP\x02\x1fhZz(\xe7\xb5\xb4\xb8\x87\x06\xc2k\xa3w]\xfb\xc1\x18\xa9\x98\x8f\xbd!m\xe9? amCg\x11\xb1\x1ad\xed\x0eVU\x0f\x92st|;\xd2\x7f\x86\x1d\xb1[J%\x17I6\xd5\x9b5\x94xhf"~AuK~\xf0a\xf6\xd5\x0b\r\xf0$\'\xdab\xe2\x94P\x91\xcf\xa9\x0f\xf8\x16do\xc8pC\x17\xaa\x02\x8d\xcc\xff\x91\xb5\x14\xd0\x1f\xe7}\xa0\xed\x9eb\x99\xd8\xd7Y\xd7\xde\xfe\xe3]w\xe1\x89\xebi\xe5\xe96\xbd/6Ii\xafu\xce\xa9z\x89\x84\xec\xd9\xf6\xf0\xa0\xd1\x1c\xa2\xe7D4\xdc5\x86l\xdd3o\xebXT\xb6ov)\xc7\x1b@\x8e\x8d2\x1d\xd0\xddcR\xe7\xe5\xa2&lt;\xe3\x8b\xa7dP\xf0\xb7;~&lt;\x0e4\x14\x17\xde0dC\x919\xf3J\xb9\n\x02Qp\xc6c\xc1z\xea\xb4\x1b]f\xcfO\xca\xaacB\xef^\xed\xed%R\xf3\xb6\x9c\x12\n3\x14`&gt;\x1b\xa9%J\xf5moS\x86\x83I\xbf\x06:\xefN\x06B9\xed\x03\x81\x1bP\xb4\x01\x1c\x9bc\xa5MW~\xcb`\xf3\x98h\xcfI\xe0\x14\x1f\xae\x881\x7f\xf3\xb5\x07Or\xe7YK\xd7\xb5\xcb\x9c\xc8\xe5S\xa8=D\'\xb3j\xa0;\xb55\x1eu\x8fR\xebr\xd6\xaf\x05\x86-*\xeb\xcc\xaf\xd0\x8b\xc4h\xc0\xc7\xd2$\xc3\x1ej4\xaf\xe4\xce\x947\xd7\x8f\x04\xe6\x0b\x07\xe4\x88r\x92v\xf1\xb8\xd0\xff\xffn\x15\xe5\xebi\xee\x10G/\xff\xae\x15\x91T\x95\x89\xff01\xf3\xd3\xc5\xeb\x90\xe3\xf7\xf0\x13Q\xb4\xabw:\x91:A\xa7u\x9e!\x84\xf9\x97H\xd1l\xc7Q\xf4\xe0\xe7\xa4\xa0S\xc4\xeb\xf9"t"8\xcd*\x91\x11\x92\xbd\xe0\xe0\xf5_\xeb\xb7\x00\xf4\xeb\xfe wa\xff\xc8\xef\x10\xdb\xbb\x91\xf5\x18\xc4f\xaa\xe8\xa4f\x9d\xd7\x18\xb2P\x13\x98\x83\xa7\xea\x0c\xc1\xb6\xee\x05\xb6\xc9\xe9o\x99\x0b\xe7\xd3}\x18\xc5\xc1d\x82\xceM\x12\xd0\x00\xbeS\xb8\x14/\x80\xad\xce\x00\xcf\x97\xb6\x95g\x00\xf80b\x90e*\xb3x6\xe6\xe5\xe2L%\xf2+;d/X\xbc{\xc2\x92\xdc\xadU\xf0\xadE\xf8\xc6 \xa3\x19N\xd9\\{\xcfp\x99\xc2HV\xce\xb3\n\xffc\xb5\xda\xb1\xf2\xf3\xaa=\x88\xd5V\xf3w&lt;\xd3\xdb\xcb0\x11\x9a\x13\xe4\xa5\x19|\xf1/\xd0f8\xcfC\x937\xc1\xc1\xdc\xa5i\x0e\xd74\xa5\x00.\xb1]\xb9\x999/\x089\xe7\x9dZMAHUZ\xeb\xb92\xd5\x043\x9b\x9b\xf9\xa4\xc2\xa4\x17\x01&lt;\x12Y.\xceJ\xaf3q\x86\xd1\xb8\x14\xe5\x93\xab\x05[\xd5\xceLVqW\x1d\x8e\xa0*\xe9vl\xc8\xf4m\xa3\x1es\x8dV\x88\xf4y0\x10\xe4b\x9a\x99\x95\xb9D\xe4\xab\x95\x92\xb1^\xf6\x9a=\xa9\x91\xe1\xd2\xa1[m\x1c\xa5\x9f\xaa\x05HD\xa0\xd8.@\xa7\xdeu\xbd\x8d\xb4CC\x9a\x8d\x1fmF\xfc\x1d;:\x0b\x08\x06}\x9cA\'\x02\xef\xc4\x94w\xb3\xf7\xa0\x91\xd4C\xf5\xf9k;p\t\x03\xe7y\x12\x05g"\xf9\xaf\xf3+\xdcg8\x12^\xd0\\\x92Jq13\xf3Mq\xa5\x81BB\xe3\x15\xcf\xa1\xa7Q\xb8\x1c2\x81-\x12\xf1\xb2U"yH\xfb\xd9\xba\xd6\xa4\x0cB\xf9W^\\g\xb1\x9d\x89`W\xd5\xb5\xeb0wXa\xee}T_\x057q\xa0\x13&gt;\x98\x97\xeb\xa1\xf6\xdd|6L*\xbcS\xdeb\xa3\xd6\xd3\x8az\xcc\xd9\x14\x1fb\'\xb3\xaez\r1\x13\xf3\xab&amp;Mgu\xfa\x17M+\xaa\xa1@\xbb\x9e\xff\xbc#\xa1A\x8e\xdc\x05\xb2^@m\x03\x00:\x98\xcb.b^h73\xd5\xe4\xe8Z\xd7\x8d\x1c]\xf3\x06\xe05\xa0\xc0\xa5SC\xf2\xa8\x19J;\x99\xdf\x12\xc6Z9\t\xa9x\xe1y\x7f\xd1\x17o0\x89\xe7\x98\x0c\xd4f\xeba\xfel\xf2a_U\xd5\x8a^S}\xce\xfdt \xa5\xf2=\xb6\xc6\x8a\xca\x13\x9fQx\xee\x8f\xe1\\\x15~\xa0}8cq\xb4\xeaj\x88\x10\xfc\x81\xd4\xea\x03{\xedv\xe9\x88\xc1\xecDr\x8dt\x11\xaf\xae|/m\xeeL\xee\x19A\x8fd\xf5\xf3\xfb8\x9c\xea\x95\x8bY\x90\xcc\x07&lt;r\x9d\x8d\xbc\xbc\x9fg\x03\x18\xd6\xdf\x14K\xee\xf4d2X`\xf5\xc6\xa49\xe514\x0f\xcb#S\xa1\xce=\x14g\xed\xa8\x9d#x\xf4\x89\xa4\x9e\xd4\xc5\xfebA\xf6\x15\x10,\\jEs\xf8\x90\x9e\xa4\x9dz\x1b\x8f\xcf\x9f\x88\x96k\xfe\xbc\xdfb\xd8\x0c\xad\n\xf9+\xd1#\x91~Ay\xee\xb7C\x03dC\xc4b\\t\xc6SY?\x89\xde\xc0"p\r\x1c\xf3\tUE\xbce\x05\x9b\xc7\xfc\xbb\xb3J\xfag\x91\xd1CHyw\xce\x10sMjj@[\xc6\xdc\x1e\x13WD\xdb\xb11\xe1\xb6\xbann\xcb\x99\xd75\xcd\x1d\xe2\x82\x94O\xf3\xf6\x08\xdf\xd2\xb3\rJ)u\x9c\xafe\xab= &lt;\x7fe\x96\xf4E\xeaU\xc1\x828\xed2\x1e[\xbd8\xdaN{U\x0ccF-\x00\x0b"H\xcd\xb6=x\n3km\x9d\xff\xa9\xfa\xec\xe5\xc0\xd9\x043NA\xcc\x06\xbfn&amp;\x97\xda\x03\xaaq\xc3v\x94\xadcu\x1eO"\x19\xd1\xaf\xa4g4\xd8Av\xd8l/k\x80\xd4\xa1T\xb3\x08\xf9+6\xb5n\xca\xad\x89\x803\x86\xd7\x88U\xbf\x06\xd8\xef\xbc\xbc\xe4a\xc4\xae\xd6\xc9\xfa\x973\xd7n\xe0&amp;;\x01Q\xb2\x8a_)o\x1e82\xc5\x80\x05\xf3\x9c\x89\x95\x15HA\xc1\xcc\xd6\xcek\xcfU\xd1\x1b\xc3\x93\x01\xac\xc0c6_\xeaX\xa3\xc5\xc9\xc0\xc4)\xe2@\xbb\x9d:\x98\xf8qDqJ\xb6\xb2\xf8\xfd\xb6\xb6Z\xb0\xa8\xfd\xb5\x0c\x12\x83A\xf7w\x14;\xb8WY\xb5\xaawx\x00\xb0\x86\xa2\xe7e\x1b\x98M\x85\xdd\xcf\xeao\xbfrq\xb0\xd9~Gu\x1f\x0ct*\xa8\x99\x12\xdc\xfa\x82\xcb\xd0\xd4\xe1j\xee\xe5\x87\xfd\xce\x8e7\x17\xf3\xc0\xdakJA\x86\xf8\xd1\xc1\xab\x99\x06\x12\xa0\xca=;\xc7\x9d\x14b\xc0Q\x1e"\xaf\x86%\x12\xe6\xef\xd8g$\x01\xc3_\x9b\x03\x1azyx\xfduk\xf9\xa0s@p\xcf@\x99\x85d+\xcc\x16Y\xde\x96\x17\x98\x81\x9a\xf4\x90\xd8\xf6\x97F\xb8\xaaM"(0\x9c\xf1\x1e5\xd5\x13\xbd\xf6\xcb\xb8\xd6\xd0#\x1co\x8a\xc4a\x97\xa8Rn\xd4\xb2\xd4\x99\x05[\x06l(\x10\xff\xc1\xb4!Z\xd6m\x86g\xa4\xa14\x99u\x8a\x7fa\x1b/3\xca_u\xea\xc2h[\x90z\x82\xd3\xda\x0ek\xb41\xb6\x93\x92\xd7R2l\xf38\xdfg\xbd\xe8\xb4R\xc6\xe5\xb1ux\xc9\x9c\x84\x98\x99\xf9s\xbc\xa9^U\xfb`\x0c\xf6\x11\x98\xcb\xe0\x80\xbf\x9c\xe5\xc5H\xd2\x90;\xe53\x1f\x9b\xe6=u\x837\x8fV\xff*B\xc9U4L\xfa$\xa1\r-\xffB\xff\x7f\xa0\xafy\xe5v\x9awl\xbb\xacVr\xef\x06\xa0\xba\xf9r\xf1\x13\xce{*\xd4I\xbd\x9c\x82\x151t\x8cu\x9bZ\xc7\x86\xdd\xe4*\xcc\x99\x1dw\xa4\xde\x98\x99\xf9]\x9c\xf1\xa8\xfe\xf3\xc6\xa2\xe6`\x0eg\xd7\xb5\x01\x04\xc4\xe2"@\xcb\xe6z\xc0=U\xca\xfc\xc7X\x7fS\x03\xc5P{\xb6\x19X\x1f\xce~S\xdf\xf6?(\x9c\x81Jjb\x06=\x18\x06\xcc;\xe5\r\xc3+F]6\x03\xa8+\xa7\xb1\xf2\x8a\xed\xaf\xb4k,\xbe\xd6C\x9c\x1e\xd6\x8b\xfe\xb2\xaf6\x80u\x95\x05=\x17\x89o\xa7\xcb\xed\t5|\x86\xf6\xb4y"\xe4\xd4s\x97\x86\xa3hXY_\x89\x08\xa9A{E\x83\x0ff\xa7\xe6\xc3\xe8\x10,J\x87W\x82\x94\xdeH\xa0\xb8l\xc1n\x95\x13\xdd\x9a\x88\xf9#\x12\x98\xb7\x7f3\xe4\xd9\xb5\x83q\x93\rV\xf2\x00\xb9\xfd\xa2\xa61\xe5\x9b*&lt;^\xac&lt;m\x8f\xfe\x0c\x00\x8d\xa7\xa6\xf7G\xb3\x87\xc3\xf8\xd2\xd3/\xdd\xe6\xab\x95\x8d\xb3\x8aC\x8a\x9f\xd6Tf\xc4x\xf4\x97\xecX\xfcKh}AM\xe8\x10\x994\x98\x80\xe4}j\xee\xc0GF\xf8\x00\xb1\xef\xf9\xe9\x8a\xa8\x17.n\x94;N\x8b\xfc*)&lt;\xcdr\xf5\x1eP\x98\xf9k\x0f\xca\xca\x98\x92\xb22G\x04\xc3W\x10\xd9\xe7\xa7\xfa\x84\x9b7}\xe2\x86\xe8\x1ef\xbbD\xb6\xd9\x85\x07\x0cz\xda\xa4\xc2\xa4\xbf\x7f\xee[\xff\xf4\xa60\x00\x10\xec\xc1U\xf6\xbdpy#\xe9\x0e\x98\x86k\x1f5\x86J\xfa@6OV&gt;\xb15**\xd0\x93^_\x95\xe9\xd3/\x9c#i?\xd6\xfd\x0e\x9bE\xe8s\xb6?\xa3\xe4\x9aPVzem\xd1\xf7\xba\\\x0e\x80\xc9h\xcd\x7f\xfez\x7fIe\xfaH,\x150\xc0\'\x9e~\x84\xc0n\x12*\x97\xa7=\'S\xc9\xbe\x19#\x8f\x038\x9c\x9dYnOF\xa0\xec7\xe4\xfb\xacq-\x93\xf4\x8c\xe6\x01b\xde\x9e0\xf6[\xd1~!C\xe4\x1b\xeau\x94\r\r`&gt;\x98\x92\x18vb\xc5u)\x9f\x13c\xf1\xe4S\x98a\n\x02\xdd[@\xe0I\xd6\xf6M\x08\xa9\xe78\xb3\xb5\xb6\x1c\xc2\x8dy_=I\xe1.U1cy\xe6\xeb\x85\x97l1\xbd&gt;\xdb\xb5\x17\x9d$\xf0\x06\x00`\xe0[kZ\xde\xf6\xc0\xf6\xc0(`^\xc103\xf3W\xa3W1\x91R.&lt;\xc2\xaf\x17\x9e\xbc\xbf;\x0f:\xdf\x0e8\x0f\xb6+\x8a\xea\x00m-C\xcc\xfc\xba;\xcd\x9c\x8d:\xbaX\xa8\xe4\xbe=\xfc\x92^&amp;\xdc\x84\x95B\xbb&amp;\xab~\x81\xf6!2R\xd6\xcaXY\xd8C\x84ZQ\xca\xa8\xad\xc2S\xac7\x1d\xb4\xbam\x9dhy\x8f)\xe5u\x87S\x83\x05#\xf3O \xa9(\x89\xcd\x90&amp;\xa1\x8a\x16\x99`6\\\xaa8\x03\xc1\x18@\xf36c\xc5\xb7\x0e\x96\xd8\x81T\x1f\xba+\x9c\xea\xbaO-b7\xfa\xcdl\x97\rG\xb9\xbb\xc0}$7*\xc9\x9f\xfc\xcd\xbf\xea\xb4&lt;hw&gt;;\x0fZG?\xd8\x99o\xe2}h,\xf4\xe0t\x9fi%\xb2\xe9\xd4\xb0)Ws\x07\x16\ns\x154\xd1C\xf1CL~3@\xa7\xcb\xbdhCsk\xa2\x9d\xe0\xe0\xc1\x0ew:N\x82\x99\x04\xc1\xa2;\xa4\x0bx\xe2\xb6\x1f\xe1\xae\xc4\x0c7\xcb&lt;\xc8\xd8\x03[c\x01~kII\r\x87\x8a\xeb\x9a\xc9Ju\xef:A\xa4\x11\x98\x1bz\x03(\xa1,\xef\xdce\x1f9\x13\x06\xf4n!Q\xafn\xd7\xe8N\xb9\xae`p\xb8\xb6\x16\x93-\x03\x9ahz\xd1\xc6\xec\xf5\x02\x03\xac\x0b\'\xd5\xfb\xc7I\xeb\x9b\x13\r\xdaKqSs\xb5G:l\xef\xde\xa9\xd6\xfb\x99p^\xc9@\rl\x8e\xa0tXO=U\x03\xc5&amp;4\xaf#\xe6D\x1f\x1b-l\xdb\xbfy\xf3\xb5\xb8tagY.\x98\xfd\xa9\xe5\xfa\xf4H.L\xd6\x81\xd8\x97\xeda\xd9W\x98\xb4k5\xc7\x92\xf9.\x96\xe4\xec=D\x8c%\x9b\xff:\xcd\xd9\xa5\xd7Y\xcfp\x8d\xf5\x82?[EC;%5\xcc\x0f\xc1\xb3\t_\xe2\xd5Y\x86\x0fq\xd3&gt;\x10t\x8a\xcf\xf4h0Ug\x99\xd1\x87\x88\xd8P\xcbPGz\xe1!\x97\x95\xd1\xe7n\xe3m\x85\xe3g\x1dy\xdd\xbf\x0eC\x18\x1d\x01\xb9\xff\x92\x82\x1f\x18\x8a\xe75\x92\x87\xde;\xb1\xee7\x94\xec\xbc#\rq\x14R\x1eL\x1c\xae\xcdG\xc4v\xbf\xfa4W#i&lt;x\xd9E\x0e\x1f\x9b\x90`G\xa5\xc23f\x92$\xfeT~\x11$\xebfR\x10\xb05\xacG\xa8\xbc)\xcb\x03\x1f\x16c`R\xb0q\xc6\x14\xe6\x82\xa0X`N\t\x95\xcd5\x04V\x87\x8e\xcd\xca\n`@\x98\xf8\xa0\x1dA\xe8\xa6\xb8\x1e\xec\xd4`\x89\x0b[L\xc4\xdf\xdb6}\xbd$\x8b&amp;f8\xdc\xe2\xb1\xe2\xa7N\x00\xcfy\x0e\xcd\xd9\xba\xdf\xefl\xd0\x19\xd5HCU\xe2\xa8rl\x08\xf3\x19\xf1\x8e\x02\x81p\xe9\x891\x80\x8cuO\xd6K"\xe8\xb3D\xfc\x1b\xa0?\xe6\x0c\xe1\xb0\xef\x06?,\xbd\xa0B:ELZ\xe2\x17\xe9\x86A</t>
        </is>
      </c>
      <c r="E205" t="inlineStr">
        <is>
          <t>&lt;class 'numpy.ndarray'&gt;</t>
        </is>
      </c>
    </row>
    <row r="206">
      <c r="A206" s="1" t="n">
        <v>204</v>
      </c>
      <c r="B206" t="inlineStr">
        <is>
          <t>steps_per_sec</t>
        </is>
      </c>
      <c r="C206" t="n">
        <v>3000</v>
      </c>
      <c r="D206" t="inlineStr">
        <is>
          <t>10.201057</t>
        </is>
      </c>
      <c r="E206" t="inlineStr">
        <is>
          <t>&lt;class 'numpy.ndarray'&gt;</t>
        </is>
      </c>
    </row>
    <row r="207">
      <c r="A207" s="1" t="n">
        <v>205</v>
      </c>
      <c r="B207" t="inlineStr">
        <is>
          <t>Loss/object_center</t>
        </is>
      </c>
      <c r="C207" t="n">
        <v>3000</v>
      </c>
      <c r="D207" t="inlineStr">
        <is>
          <t>0.60969</t>
        </is>
      </c>
      <c r="E207" t="inlineStr">
        <is>
          <t>&lt;class 'numpy.ndarray'&gt;</t>
        </is>
      </c>
    </row>
    <row r="208">
      <c r="A208" s="1" t="n">
        <v>206</v>
      </c>
      <c r="B208" t="inlineStr">
        <is>
          <t>Loss/box/scale</t>
        </is>
      </c>
      <c r="C208" t="n">
        <v>3000</v>
      </c>
      <c r="D208" t="inlineStr">
        <is>
          <t>0.09907941</t>
        </is>
      </c>
      <c r="E208" t="inlineStr">
        <is>
          <t>&lt;class 'numpy.ndarray'&gt;</t>
        </is>
      </c>
    </row>
    <row r="209">
      <c r="A209" s="1" t="n">
        <v>207</v>
      </c>
      <c r="B209" t="inlineStr">
        <is>
          <t>Loss/box/offset</t>
        </is>
      </c>
      <c r="C209" t="n">
        <v>3000</v>
      </c>
      <c r="D209" t="inlineStr">
        <is>
          <t>0.21034579</t>
        </is>
      </c>
      <c r="E209" t="inlineStr">
        <is>
          <t>&lt;class 'numpy.ndarray'&gt;</t>
        </is>
      </c>
    </row>
    <row r="210">
      <c r="A210" s="1" t="n">
        <v>208</v>
      </c>
      <c r="B210" t="inlineStr">
        <is>
          <t>Loss/total_loss</t>
        </is>
      </c>
      <c r="C210" t="n">
        <v>3000</v>
      </c>
      <c r="D210" t="inlineStr">
        <is>
          <t>0.91911525</t>
        </is>
      </c>
      <c r="E210" t="inlineStr">
        <is>
          <t>&lt;class 'numpy.ndarray'&gt;</t>
        </is>
      </c>
    </row>
    <row r="211">
      <c r="A211" s="1" t="n">
        <v>209</v>
      </c>
      <c r="B211" t="inlineStr">
        <is>
          <t>learning_rate</t>
        </is>
      </c>
      <c r="C211" t="n">
        <v>3000</v>
      </c>
      <c r="D211" t="inlineStr">
        <is>
          <t>0.00070000003</t>
        </is>
      </c>
      <c r="E211" t="inlineStr">
        <is>
          <t>&lt;class 'numpy.ndarray'&gt;</t>
        </is>
      </c>
    </row>
    <row r="212">
      <c r="A212" s="1" t="n">
        <v>210</v>
      </c>
      <c r="B212" t="inlineStr">
        <is>
          <t>train_input_images</t>
        </is>
      </c>
      <c r="C212" t="n">
        <v>3000</v>
      </c>
      <c r="D212" t="inlineStr">
        <is>
          <t>[b'512' b'512'
 b'\x89PNG\r\n\x1a\n\x00\x00\x00\rIHDR\x00\x00\x02\x00\x00\x00\x02\x00\x08\x02\x00\x00\x00{\x1aC\xad\x00\x00 \x00IDATx\x9c\xed\x9dy\xec~\xcfU\xd7g\xbeT\xb1$B\xa1\xae\xc8\x12q\x895%&amp;\x10Ai%T+\xa8\x10@\xa8,R\xb4\x01\x17\xa8\xca\xe2BA\xa0\xa1PT\xaclV\x16\x03\x01lLQJb\x05Q@@\xc1\r\x14(\x02\x15AY\x04D\x14mU"j\xa9\x1c\xff\xb8\xdb\xdcY\xcf\xcc\x9cY\xee}\xde\xaf\xfc\xfa\xed\xf3y\x9e;\xe7\x9c9sf\x9f{\xafR\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e0\xde\x90RT\xfa+K\xfe\x86)\xf3\xc5\xbc$f\xaaB\xedliD\x1eSe\xd9E\x17ka&amp;\\r\x9d\xbc\xc6+\xdc\xc2+\xb9\xa9\x97r\xe1\x98\xed&amp;\xe9c\x9b8DU\xf5\xd1S\x19)#\x1a\xbd\xee%\xa5\x88\xde/dm\xa9\x919\xd7\x97(\xd9\x14\x95\xa6\xcdTd|\x0e\xe8\x8d\x18SY\xe3\xd6"6\x0c(\x10\xf1\xba\x8b\xd6\x18~\xbbpt\x00\xdd\x8c+\x82i^"\xb3\xdf\xed\xa9\xf6\xe9\xd6\x9fT\xe4\xd7Q\x10\xc3r;\xc9\x08\xfb\xa7s\x9c\xc7okK\xb1t3\xbe\x000\xae\x1cb\xb1\x04\xf5\x83\xda&lt;uNd\xd2s\xc3\x97\x85%T\x18\xf0\x96~\xb19"&amp;\x8b\\6YMC\xe7\xc8\x18\x85\xe9\x0b\xb2\x7f\x8a\r7"n$\xa5\x88&gt;\xac8B\x16\xbd\xb6@\xdeP\xdd\xdb\x8a\xa5SIL\xc8\xf8\xf0\x83\xb03n\x05\xe1L\x85[\xe4\x82Y\xdc\t!\x99\x86\xada\xf6\x82\xf4\xe0\xcf\xf1\xd2\xf3\x99\x8a\x1c\xef\xc6\x8c\xf1\xf2&gt;\x1c5\xb6\xd2g\x0b\x17\xd0\\a\xcb\xc6\x1a\xb4v\xc8\x84\xa0\njP\xd3\xac5\x1c\xaf\xfc\xe0T4\xb6\x08P\xe5`\xdf(\x9e\x9b}\x91\xf2m\x17\x18\xa6\x9f\xe3&amp;2\xbb.Y\xdc\n\xc2\\\xe5\xfb\x8f\xb2f\xd4\x8d\xbd&gt;4\x7f\x16x\xa8f\xe4\xda+\xdcSq&gt;\xd9\'\xdfN\xcejK\xf9\xc1`\x8f\xe1\x18\x15\xfc\xb1\xe0\x87\x05\xdfY\x9e\x11+\xed\x1fNB\xb6\x91lv|\x17\x84r\x96\xe4\xb3\x16vZW\xd4\x97\x8a5\xc1\x96\x08fK\xd4\xceQ"\x10\xad\xb1\x91\xec\xd2Fe\xe1h,\xfa\xeb\x16\xc2\x8d\xc0\xca\x81HD\xf8\x11\x9f\xd1\x1d\xb2\x90\x90\xfdJf\x8e\x8e?\xa3\x06{:r\xe3\xcb\x88\xa2\'n\xc6\n \xfa\xbaI\xeb\x9fRZ\xeb\x06R\x9d\nc(Y4\xaeS\xda\xb5\x01\x98j\xd1\xd4v\x08\xdfC\x9e\x0b?R(c\xef\xa7\x0f\x96o\xde=O@MA\xb7k|\xb5^\xdd\xab\xf5\xd1,\x054i\xd5r.\x12bwy}=\x11Y\xc6)\xe2\xb0]kmu\x01|\x83\xbc\x1e\xd0{\x11F/[\xbe7\x83\xd0t\x85\x15\xdaiW/%rH\xd3\xa9&gt;\x8d\x0ek?sOE\xa6\xd2@:O\xdf\xc6%\xd2\xe3\xc5\xae\xcf\xd2!\x04\xc7N\xa6a|\x8fI\xf4\xad\\\xf8*\x04M\xf2\r:~\xb2^\xac\xabBV\xe6(-\x8f\x00\x1d\x83\xd6\xf4\xc2\xba\xa0RSU\xbc\xda\xc5{\xa9W\x87g\x0f\xccz\x93\xdb*V\xc2o\x8e8Rr\x92\xe4\xeb\xee\x16\x10A\xd5\x12\xfa\x8b\xba\xbd/VJ\xfd\x13\xa5\x94R\x1f\xd9lq\x9f{\xa5\\1\xd8\x8d\x7f\x91\xd4\xf4tx\xd8\xb82M\xdc\xae\xa6FO\xea\x91\x8d&gt;\xed\xa0WED\xef\xfe\xfd\x7f\x8b\xcb\x140\xac\xeb\xd8\xa5\xb5\x9fO\xca\xbc\x8a\xed\xef\x95\xfaA\xc7\x95}&lt;\x12"\xe4&amp;b\xac\x18Z\xc9\x98\xcb\xd3\x01Q\xaf"\xd1Vx V\xf9\xdf!KaF\x86\xae\xf3\xcd\x97+\xf5\xa9\xa5r\xe2\x1b\x8c\xefV*V\xb9\x1b`\xdb\xdf\xc5\x81\x91\xec\xfb\x83\x95z\t\xc8\xb3\xeb\x98m\xa5T\x18_\xbe:\xb8\xb6G:\x00\xeb\x9a\xc8O\xcd\xed\x0e\x10\x1a\x92dt\x00\xbel\x16\x1a\x13N\xdbb~\xd0\x08s\xeb\xe9\x99\xa2\x8bK\xae\xa2\xb1\xf4\x9f\x85|\xba\xa9\xfd\xac\xfa\xa3K#\x84\xb6\xcd\xde`\xec\xad\x05\x9a+\xf8\x90\xef\xad\xef\xc5\x81\x91L\xf5j\xb6+\xe8|\xbc5\x92b\xce\xda\'e\x90X\xd6\x02\x8d\xbcw]x\x16\x87\x16\x9b\xe4M\xd2\xa8\x03\xe0KN/\x9e\xb0\xe5\xd4\x14\x90\xb3\x18\xc8\xb2-O\xc54!\xb4\xd0\xda\x14_K*i\x03\x056\xd89\x83\x8fH\xfd\xb1\xe6\x16{\\\x157\x02\xa4\x14\xfd\xc0\xaa47\xed\x9d0\xfa-\x81\x15l\x19\x8c\n\xff\x96\xbe\x9f\xec+\xa5\xf4VB\x81\xfb\\(uN\x87|\xbe[\xa4\xbd\xa1\xc4\x8c\xda~\x91\xd3j\xf3u\x84\xae\xe2\x1bh9\x90\xdeT\xb8\xd2N\x14B\x15\x03pN\x91\x85\x12\xba\xd5*\xd7\x80z\xce==\xd7\x80\xdaX\x9f\xac\r\xe9\x0f\x11\xd1\x9fZ&gt;T&lt;\xfaBj&amp;\x1dZKyL\x88\xe8\xd3\xd3W\xf9\x13Vu\x00\xec[^k(\x0e8\xf15\x93\x16\xc1\xb6\x88\xcc\x95Z\x1c\xfc\xc5\x19p7\x8d8\xea[\xd4\xcd\xdc\x0e\x80V\xe3\xff\xc5~q\xbb\xbeS\nV?\xcd\xabY\xb5\xb5OtYUF\x0e\xd15Z\x7fR\x8a\xe8\xf3;\xd87\xd0\r\xaeb\xd9B1\xf7uO\xad\x0f\xc3\xb0zK,\t\xe2\xf1\xb6\x9a\xf8\xbdy\xb5\xd4^\xef\x124(\xa4\xd17ge5RD\x1f.oLF\xde\xdd\xde\xc2J:g\xf3!R\xb0\x8b\x88\xfa\xcc\xd2\x11\x00\xb5\xe3wk\x06\x10\xcb\xa3\xb7\x90\xad\xe2,\x9f\x89t)\xf6\xbe\x95t\nd\x07\xdd\xe4\xbd\xb7p\xfd)\xe1U\x91HiT|\xb4Mk\xe8\x1b\xab\xacZxQ\xe5Z\xbc\xdb\x85;_z=\xc9\xf1\x8c\xac\xe7\xb2\x8a\xe3Z\x8b\x04\x8e\xc3%\x96\xda\xd7&amp;\xfb\xc8&gt;\xd9\x17|cH\xc7\x9e*P\xff*\xac:k\t_\xe7\xd3\xeaZSfY\x9fp\x90\xf2\x9a\xec,\xecB\xf8;\x80\xdce\xdf\n\xbf\x89/"\x99b\xffP\xf1\x88\xac.\xf8}\xd2\x8aSG%K\x8dd\x8bf&lt;R\xb5\xef$PD\x10S\x97\xcc\x92K\xb9(\xd90\x0b\xa8x)E\xeeI6\xf5Y7\x13\xff\xb0R\xef\xe0X\xd3\xe6\x89\x0b\xe5\xec\xf6W\x1a\x16\xf1\x83\xf7\xca\xfd9\x10z\xfb\xf7\xd2\x18\xa3\x17R\xaa\xc4\x9b|\'\xf4q\xd72\xb2*\x8e\x8a%\xb9\xf5e\xb94"\xd9\x9a\xb3X\xa6\xe5\x84\x1b\xf1\x9f!K\xbc(\xa5\xaa3_\x97X\xbbQ*\xc8m\xf1e\xf3\x9e\xeeQ\x88\xd4wE\xd3O&gt;0\x962\x8c\x9fM:\x7f\x98\xdb=y\xb4\xce\x88\xd4\x88\x95\xa9\xc8\xfb}\xa1@9\x93\x17\xc36Wd\xa7\x15w\xe0T\xd3_\xa2\x8f\xea\xb9x\xe0\xfd\xbeN\xeco\xc8\x95\xd0r\x02\xb0\n\x9fk\x84\xba\xc5\xff\xcal\xb3\n&amp;\xeb Q\xef\xcfo\xbah&gt;d\xa8\x1fO\xb5\x98\x19T\xce\x03\xb8ZrT\xac\xc1\xaf\x97\xa7\xc6e8m\x9dnJ\x8c[]\xc9\xca\x18\xc9\xaaYg\xb4\xb9\x11\xe2\xfa\xca,\xa9\xbd\xfe\xea\xd3\xf5Z\xa9\xaa\x80\t\x15\x907H\xc8\x9c\xc6)\xe5MX\x0f\x11=\x11\x17Z\x83\xd6\xc6\xe3\x13S\xcc0*\xf1\xb3\x18\xd6\xd7&lt;k\xac0\x89kX\xd3\xa6\xf0\xf0f\xfd\x89\x88\xe8\x15i!\xf9\x96\xb5\x0e\xa1\xacJ\xbb&gt;\xffqK\xc8I{\xf8\xa7M\x03q\x928mu\xcb\xef\x96\xd6u\xda\xe7\x9f\xbe&lt;\x9aZ_\x82\xce]\xdf\xf1\x14\xd0\xf3cD\x1f\x05JU\xe9F;\x84"\x14O\xdbjfz\xe7\xd9b\xe5\\\x95\x88\x88&gt;\xb7F\xc6&amp;\x8a\xd1\xbe\x9bF\xff\x1f\xfb\x02\xd6N\xda\xa9\xe7;_l\xa5\xdc\xff\xe8\xb6\xe2TL\xdc2\xc1\xe2N\x98\xd1WKIZ\x89\xe1N\xbc=YGt\x95*\x02\x19\x9c:\n\x07\x92\xaa\xf3\xf3v\x00J)z\x89z\x8f!z%$\x88W\xf8\x90\xa0x\xe3B{\xc5{SE\xef\x11\x16\xee\xe3\xfc\xeb\xe9b+Un^r\xc9R`\x1a\x147/\x98\xe1f4U\xd17+,\x92v\xe4\x1a:U\xee\x16\xe6\xb2&amp;\x8bP\xb0|^\x7fS\x9a1$^z\xee\xfb\xd5k\x89\xb5\xfd\x81\xeb\xa5T\xb3\xcc\xcb\xdc\xce\xe5_JS6\x9a\xc58g\x8eOC\xf2\xac1&gt;\xd1g62\xd2V\x94y\xb1YR"E\xd6\xbc\xdc\xe9O\xcd\xd8k\xedx\r#"z\x86\xb4\xa2p\x7f\xd3\x8e\x9a5\x8a\xa0gx\x02\x93\x97\xcd\x13\x10\x99\xed\xff\x80Yc\xbb\xc0\x89\xe7z\x9e2b\xe2\xe9\xcb\x8d\xaa|\xb9\xec\xc4\xe1T1\xc6)\xcd\xc6mR\xcd\x8d\x0c-\xe8\xbc\xb7i\xe6|\xc0H\xbc\xee\xc1\xbc&gt;\x81\xdc\xc2\x8c_\x97\xdb3\xb5\xee&gt;\xbd\x8d`H\x9b\xf8\x91M\xa9+i\xbb\xb2~aa\x17\x95)\xa9+\xde\x88\xb0z\xf2\x9cQ\xbf\xacu^\x15\xabY\xc4x:\x16g \x92\xa8e\xbc\x98\xa9\xafVO,\x83Lq\xfdw\x9e\xfdc\x99\xdd,\xf1F1\x8a\xb9\xf5&gt;b\x0f\x9e\x94h\x11DN\x138\x85\xffg\x836Q\xc5\x13I\xce\x83\xbbB!\x0e\xee1\ts\xcb\x8e\x94"\xfaf\xe3b)\xb5\x8b\xa2\x8c^0\xceq\xf8\'\xd3\x06O\xa1\xee\xaf\xa1\xff\xa6LY\xbd0\xf79N?\x18\x19\xd19\x95\xaecKE\x8b\x7fS\x05\xfa\x97\x94\xb9\xae\xe5\xbb\xe2W\xc4\xcf\xf6\xc4\xef9}o\xa5V\xffhE\x05\xaf\xf0q%J\xd7\xcco\x11\x91\xb2\xb1\xf5\xbd\x9dZ\xff\xecQ\xd8\xa0\xf5\xfa\\\xc2\xe3\xe2\x85\x97\xc5\xd2\x9e\x07AYJmz\xed(\xb6T\x921\x14\xe9\x16\xb7\x86\xc6\xc1sw\x8a\xf6\x8e\x91\xd6\xa6G\xc9\x15\xe1\x840?US\xbb\xaa9\xe6\x9e\x9d\xea\xcc\xe4\xfe\xb0\xce\x14&amp;\xae\xece\x94\x0c\xa1\x967^.kk\xf2\xd7v\xcf|RV\xc6\xdd\xd6\xbf)\xdd6\xb1\xb34\xf4\x8c{\xfa4E\xf4#\xc3\xebZD\xb93"0k\xdc\x8cM\xc4:\xa3\x92\x0b\xac}\x1d)$/W\xc9|&gt;s8m\xf4\x8f6&amp;\x84\x15\x8fqK{\xe6\xe3O7\xa8\x1bLY\xbb\xde\x90[\x92\x86\x11\x11\xd1\x7f(74\x87~=M\x8e\x92\xcd\xa6Onj\xd2\xa1.\xd0\xd9OR\xf9\x82\x1d@\x9d}\xc5I\xf7\x906\xda\xa8\xc0\x95\xfb5\xa5F\x1ar\x8e:\xe53)k\x8cu\xac\x91\x14\x0b\xe9\x81H17e1L\xc4\xb6d\x16s\xfd\xe0\xba\xae\x8f\x17\xf7\x99Ph^O\xf4\xcf"y\x11\x19\xd6\x11=\xcb\x14\x18\xbe\xac_|e\x85\xcanS#\xc3\xbe\x87oCh\x19\x90]L\xf5\x05\xda\xa6\xfdWDO\xe3\xec\xd0\xfa\xeda/\xf2\xc8NS\xc2u*c{\xa9\xc6u\xad\x1e/\x17\xda\xdf \xa2\x07y6\x0e\xa5\x9ck\xb8\x8b\xe5\x90u\x88b\\L$\xfc,I\xbf\xde\x94\x96=#\xde\xab8Q\x910@)\xc5~\xa8N\x1f\x9f\xe4\xb2\x96]\xfb\xc7\xe9\x98\xbe\xa2\xb3\xd3\x8e\x82x\xa2\xb5\xd3V\xc4\x0b\xd1{%\xefb\xcfv\xe62\xf6=\xfe&gt;\x9e\x9a\xc5\x92\x19\xb3*\xd3\xc3\x8bV\xeb\xa9;q\x1bB\x8e\xb2\xea{\xb2\xfa\x1f\x06\xb4\x7f&amp;U\x84\xd3\xb3\x80jN\xd9X\x89BR.\xfdX\x8b,\xd7$s\xb9:bs\x08\x11\xd1oL\x08\xb4\xbc\xd7\xcd\x97)-kF\x92rJc\x8bY\x9b\x16+\x9a\xf8$\xb9!d_\xef\xd4\x07\xdf\xb7\xabdq(\xa60\xa8\xb2\xc53g\xbc\xf2\xd6G~\xed\x7f\xaeua{\x16\xdbft\xde\xc0v\xb3&gt;\xa3\xf5\xa7\xf5I#\'[\x9f\xe6q\xc2o\xda\x93l\xaa\\=:\xfa\xe7I\xef\xf9\xb2\xea\xe7N\xd7\xa4\xe6\xab\xe1\\#5\x97{l\xc6\xfa\xed\xcf\x17\xa5\x8aM\x99\xeb\x82\xa2r\xc6}(~I\xae\xc62\x85\x87^\xf3\xcf\x9fZe~\x80+\x97\xa3\xc9\\kJ^O\xdb\x00\xbb]\x1d$"\xa2\x1f\xad\x16rj\xbc\xdc \xc9\x8a\x9a\x82\xac\xf2\xdb+\xeb\xc7Q\xcd\x9bWo\';8\x05\xf1\x89\xb92\xcb\xcdi\x85\xdf\xc5}\xcb\xbb\x9b&amp;\xff\xe8\xb0p\x8c\x1e\x0c\x90\xfaQ\xc1\x9a\xf2\x95\xc2\x86\x05\x93\xb4l:\x0b(\xf3]\xbb\xfd\x06)\x02m\xfd\xfam\xfe\x94+;\xb3o\xf0\xecFDL\xcd\x15/\x8f\xd7\xc6\xae\x86\xcd\xe0\x85\xa6\x04\xda\xc49\xca_\x0e:\x9f\x13\xcf\xadl&gt;\x81\xb1:t\xdea+9\x0e\x14\xf2\x7f\xd2\xea\xf2\xd6\xb3WO\x90\xd4P\xd6}N\xde\x01\x18\xe7m\x96e\xf0S\x1eE\xecff\x9f\xd3\x03&lt;\x85!!\xdf\xc0\x98@\xbe\xa2\x88f\x8eQy\xef\x03(^\xad\xaaob\xfa\xe0\xcd\x9f\xd6Z\xa9Wq\x92_\xa5\xab\xd8\xb7\xca\x88\xe8#\xd5R6\xe5f/\xbbo\xc7\x9f\x8e\x07\xce\x0b\x9doW\xa4\xe4X 6\xe5\xc7VZ\x7f\xec\x1cr9%\xb3.\xf1\xd2k\x97\x84Y\x86\xe6\xe3\xee\xc8\x06a\xad\xc4\xfe7\xa5Rk\xd0\xc3\xa3\xd4hI\xbe\xa1\x99\nVk\xc5\xb9\xec\x8d\x0c9\xb2\x0e\r\x16\x90cm\xe9\xdd\xc4\xdb5|\x9b\n \xe3\x7f\x8b\xba\xce;\xc0\xdeC\x08\x8d5\xd6\xee\xe9g\xecx\xd6h\xf9?J\xbd\xe9\xba\xa7\xb5\xfcS\xac\xd4\x13\xacZ{\xcf6p\x9c\xb3\xc4\x8by\x15m\x07&lt;\xf4\xf69\xeb\xa4\xca\xd9\xaeSG\x95z\xc9\xf3jJ\xf3s;\xf1\xf6\xda\xa8A\xbc\xb7\xc4\xa8\xfdXA\xe40\xde\x85\x0fcd\x92l\x04N\xd1\xb2\xf9\xa5u5\xdc#\xd9U\xb4\xd9S[D{\xbe"\x82\x1a\xbe\x11\x8c\xc8\x1dZ\xf6\x1fw\x8c\xd9\xab\xa9J\xdb~tF\xb4\xb7\xfe\xeb\x1b\xd8j"\xcd==\xa2\x95R\xceQ\xc3\xed\\J*w\xeetD\xeb=\x84\xd9\'U\xe2-\xfbw,\xd7$MI\x08\x12!\xe5\x90S_\xc8J\xb1\'\x0c\xda\x9e\xf5\xa2\xcan\xd3\x05z\xaa"\xfa\xb5\xc22\x95J\xce\xfe\xb4\xc9\xfee\x8d\xd2\xaa\x13c\x95\xca\r)C\xfa\xf8=7d\xf3\xf5\x9c\xb4\xb3-\xa0\xa4\x17\x08=I\xba?\xb5\xb4xsU\xd6\x92h\xf1\x11\xcfT\xa9e4\'\xfc\x0e\xb1L\x05\xed\x16\xf4B\x8b0\x91\xc5\x193\x13q\xb3d+\x91\xcf\x7f\xad\xa0\xd4\x03\x12,\xc3X2\xbb/\xcc\xe6:\xab\x9dk\x97\x118}u\x03\xd1,\xf5\xa1\xba\x17\x0c\xf1\xaf:B\xdc\x7f\xc1\x90\xc72w\xac\x01ED,\x9b\xc1\xdc\xd7\x19\x9f\xd3{\xb6\xcb\xbfu~\xa6\xed_\xb3\xd8r\x17\xbe[\x07\x9bw\xa6G\xafI\x9e\xa7z1\'\x14\xa5B\xd5\xdc\xaaM\xf6:\x02\xea\x94\xa2\x1f\xdbU\xa7\xf3\xc8\x15\xdb\xb7\xf6R\xe0I|!\xedD\x8a~\xb8\x991\xdb\xbf\x03\x9a/\xb3\x06Z\x06\xf9\xafg4\xb5\x19\xdbeB\xd9\xa5\xb3a\x12"\x85\xa1\xf0\x9a\x80\xed\xfc\x11\xf63\xfd&amp;\xe8\xdfu\xad\xc9)\xb8,\xf1\xbfM\xc2\x92\\\xc8&amp;pY\xaa"H\x15s\xd2\x16\xa2\x0flT;\x04\x05\xf6\xac\xbf\xdeFo3\xa3\xb5\xf2\x18\xd9\xca\xe9\\\'\x0b\xdc\x97\xdb\xedx\xa3\xbf\xcci\xee4\xb9\xc6\xf9-\x02\xa8],\x9a\xb6\xf6\t\xfa\x94=\xac\xcc\xeeE\xd6\xa8\xe6g\xcf\x00D,\xc8\xc4\xa9\x02A+:\x94\xab\xd9\x96\xbd\x90u\xe5\x14\xf1\xe6\xd2\xa8\xf1\x0f\x8e\xe8sb\xb8l\xbd\xae\x89\x93-/\x91/\x1c\xb3\xd4\x8a\xb4\xb9\xafK_\xebM.\xbc\xb2&amp;\x1bC\xe2\xdd\x89_Ki\xa0\xd0\xc7\x88\xdb\xc2V-\xb8|qn\x95\xe8I\xee\x12P\xa7\x86l/\xa6\xac\xdaF\xf4\xf9\rM2\x1e\x8a\xb9\xad\x9e1\x13v\xea\x00\x86\xf74\xf1\xca\x95\xd1\x01t\xdcc\x8f\xdba\xc7\x9e\xbf\x03\x98\xc1V\x06#v~\xb6\x01l\xfaJ\xd1\xbeDp\xbe\xbf\x0b\x8cD\xf6\xfe\xa1Y&lt;\x08\xf7\xb2\xd6B\xb6\x8clIV\xc3\x9e\x1a\xd83\x1bhRQ\xc5\xef\xdc\x01\xec\rh\xbc\xca\x97\x8d\xb2\x89\x88\xe8\x97\x84\x04f\x85S\xe4\xda\x17d\x9b&amp;\xca\xb6\xc2\xe3\xeb\x03B\x8c\xb58\xccV\xe1\x07\xd8\xc8T*\xe2@K\x06\xd1s"\x17\xff{\xb6\xc0E\xea\xcb\x19u\xf8\x02\xfb"\x86m\xc3M\x8d\xa8\xa5S[\xe6\xa9d\xfc\xa0\x122\xf6$\xb3\xcco\xf4\xcfem\x89\xea:\xfbJ\xca\x11\x9c6\x8f\xaf*n\x17E\xff\xecJ\xac\xd1/\x8d\x88\x9eu\xaf\xc0\xc0\xce\xee&amp;\xfa\x8c\x1aW\xb8\xb9\xfb\xeedx\x11\x11}\xb5b,Yf\x19V\xd3@\xecz\xdbA\xaf\\,\xfc\xc3\xeb\x9f\xe3z\xa9\xac\xca_pA#\xac\x99\xd3 +\xd2\x98\xe6\xc9\x9aZ\xd1\xe6\xf9E\xb1\xae\xf4\x8d]B2\x8b\xed\x89\t2\xf3\xeb\xba\xa0\xc0\x13=c\xc8\x8cZ\xf6\xf5{N[[\'@\xc8\x95\x91\x85 j~\x9c\xb1(\x1e\xc6\x8et:2O\x03\xea]\xb5\x08=\xe5\xc6\xaa\xfe1\xb1\xe32h\x19\xc8X}\xcdh7\xff\x9e\xd5\xbb\x14[\x19H\x1e\xae\xb0b\x1d\x0f\xcb\x1eW\xc7QEs,\x08]&lt;`9&gt;\xeb\xe2y*(\x9b\xff\xca\xbe\xd2\xcd\xdd\xf0\xec~\x96\xb1$2\xdc\x98\xd60W\x8a[\x0f\x92N[z\xa6m\xe1"\xa0/gu\x00\xad-\x8fCDD/Ij\xb77\xae\xa2W\xc6\xf7\xc0r\xcd+\xfb\xd5Zbm\xeb\xdep\xab]\xd8\x01\xfc\x98\xe7\xa7\xcew\xc6F\x7fu\xfe\x9c\xb3\x05\xa2\xe4\xda\xf1\xf6!&amp;\xc4\xe8\xcb\xb7o\x14}\x97\x98\x91\x1c"!\xd4{d\xd0\xbd\xadb\xb6&amp;\x1d\xac:\xb5)/2\x8e\x1e\xd5-R\x8dl\xfe\xd9X\x03\x8e&gt;\xfdY\xa8\xe8\xf9\xcdz\xd3\xd6?\xddg\xe6\xaa\xdf\xfa\x0c\xdfO}c\xa4&amp;\xa0#\x02\xfb\xf6aA\x9de\xe3\x82\xe9+\xe9\x89\x16\xb6^bE\xbb)\xe4\xe1\xa5\x95&gt;)Nn&amp;jQ*\xae&lt;\x8a\xd6\x9d\x92J\x15\xd5n\xc9\xf2\xf8\x9e-G\xc2\xa2C W\xab\xa0C\x1a\xd5\xba\xf8TNL\x8b\xac+\xbe7C\xaf\xff\xfb\xd7\xb4\xf2\xe7\x10L\xdf.\xffW9\'\xa3se\xb6\xe6\xb2wr]\x01\x148\xde\x1dM\xe2\xbf\xe0\x0b\x8c_=\x0b\xdc)/\x93\xd1\x07\x90y\x94\x93\x9d\x978^\xbb"\x19\xce\x8d\r\xd3\xfe\x90v{\xb1!3\x08[\xc4jZ`\xa4\x9fdZ\xe3MX\x90\x13+\x1aF\xd5Z\xd9V#/\xc8\xee\xdeR\xb9-Q\xc4;\xdc\xf0\xfb\xa4\xf0\xe1\x85\xbc\n\xd8\x8a\x91\xba\r\x03\xd2M\xc1\xa9\xe34\xbe\x0f\x87\xb1\xbd\xda\xceX\xe6\xb6\x0c\xcb\xf5Ml\x14HD\x1fdk\ti\xc8\n\x8bx\xeb\xffz\x9f\xb4\xdc\xf8+X\x83\xf1\nI\xe2y^\xe8\xaa2\xf3Y\xa2\x96\xa1Vj\xca\x7f.\x7f\x99\x19\x1c\xb1Y"\xf7|u~\xb6\xeaVGG&gt;\xb6\x9d\xba&lt;\x12\xdd\xa4&gt;\xb7\xdc\n3\xce\xafD\xa4\xd4\x9bj\xfd\x86A\xfaY\xc5\x1a)\x9aP\xc5\xdc{\x95\xe5\x19\xf7*Z\x7f\x97&gt;\xc8\xfb#mBR6\xae\x17\x87\xdfy`\x1a\x9f\x96s\\Z\xfa*\x8b\xf5Ju\xf8\xc1\x16\xae\x94R:\x94qW\xc2\x91\xa6Y\xb4\xda\xef\x03\xd8\xd5\x9a\n\x93\x1dQ\xb2\xd6\x85\xecO\xee\x0f\xbf,.\xb7\x80LW.\xae\x1f\xd0\\\xac1\xd4]\xad\xa9\xbf\xf1XUk\xad\xfe\x8cp\x0eY%5\xfee(\xff\xb7,\x191VW\x92T\xe6\xdd\xfbJ\x06\xab\xcd\xda\xdf\x01\xa7\x83\xe3\xd0\xd4\x10\x98\x97\xcb\xe8;\x0f\x8e\xff\xb2dVzh{\xbf\x92_\x88\xf1n\x0b?\x9e\xd9Y\xcfh\xf5\xce;\xd2\x13\xba\xd2\xa9u$\xd5\xf3\xb2\x04\xdd\x8e\xca\xd9_\xa1\xd2\xb3^\x11\x0b\x92\x12\nC\x87o@\xe6\xec[Hcx\x17\xc70\x84o\x8cY(\x9e_\xa5W\x96r7N\x8c\xeb\xad\xef=\x89)u\xb3N\xff\xe0o\x1d\x1eL\xa9\xee\x96\x95\xb8%\xef\x97\xb0\xc0\xd1\xca\xb1&amp;\xb2,\x98P\x17\xda\xae\x99`\xa9Tm\xb6\xfd\x9d!\xaaEEq\n\x87\x9c\x9a\xd9\xae\x16~\xc2\xae\xf4\x8b\xfc\x0b\xcd\xe2|\xe2\xa2\xce\xd1\xd3Bi&lt;CG\xeb\x9f\x13\xe4\x89\xc5\xee\x06\x1e$"\xfa\xdc\x84j\xe3\xe2\xbc\xce\x8c\xd3\x01t\xae\xff"&gt;$\xa2/\x9d\xc6\x92\xfc4_\xe7\xee\x99t\xe8\x1b\xfd\x92\xc5\xd5\x95\xf4O\x1dZ\xa6\xb0^AQ\x1c\x81Do]\x99_~2\n\x1cG\xe9\xe0jK\x91|\x98\xfd\x9c\x7f,\xec\xb1!G\xfbg\x06E\x99n|F\xb6\xb9ar\xbd\x94Q\xfa)\x81\xfcH\x90-\xbe\xfaq\xa7T\x0c\x13\x11\xd1;\x14+\xa5\x0f\xceSfUE[\xb4`\xe5tE\xf4i_\xdb/hOJM\xd9\xf1Sy\xd7\xa6\x99\x83V\xfa\x00\xe3\xae\xd4\x02+3!\xa3\xfdUr-\xc8&amp;\x8d\xe5p\xb7\x03(6\xa3]\xa7\xb9\xe7"\xb9Q\'\xaf\xfa\xdb\xd8W\xf2\\-`\x13\xd3\x1e\xd1\xb9\xfbIl\xb8\x19\xae\xcacB\xb4\xdd\x07\x14j1\xa5\xb9_6B\xac\xd7\xea\xc5T\xf6fN\xea\xbf9\xcb\xf8\xb1\xb94;\x9b,K"\x19$v\xeb\xbf_\xaf\x8c\xe0O&amp;\t\x89m\xe7\xc9\xcaX\xec\xb3\x8a\x1bi\xb8\x8e\xcfO\xcb\x12Xn\xcc\xb3\xcb\x93\xbaf\x9crE\x16\xfb\xf7"\xed\')E\xf4U!A!\xdd\xa5\x8a\xfa\xf6\xc6\x0c}\xb3\xb4\xb8\xe1h\xeenF\xd6\xc5\xc6\x86\x81\x1d\xb2\xb2v\x1dZ\xf8[j\xca\x18\xc4XrL\x81B\xb6\xad\xf1V .\xd0\xb8\xd3.\xd0\x93\x85R;y\xf6\x1c&amp;q^=\xb3\xe7\xdan.\xdc\x01\x9f\xf8F\x85o\xcf\x92\x9b\xfclOe\x03%\x985\xcb{\x96G\xc7,IKt\x01Sl\xed\xee|\xaf\x995\xdf\x05\x8d&amp;t\x11r[\xb7\xe1\xd81j|V\xceg\x11u\x9c@t\x9b!\xfe\xf2T\xa9a\xefYVA(|$&amp;\x92\x87}I\xb3\xe9\x04\xda\xfa\x10\xbbX\xa9\xbf\xb0]\x1c2\x9a\xe8\xbd\x93\x92*\xb3\x93[\x04&gt;#\x8b\xd7\xe2\xf2\xbeOI\xf3\xf3Me\xc6IAd\xbf\xa4\x91\xd3Df-&amp;\xf4$\xd9\x9a\x147^\xc5\xb9-kD\x06\xb2\xdb\x1a1\xbcj\xd6\xe8\xd4\xcfT\xa1\xb9\x97\xf5\xeb,\xcb\xc6\xfe\xa1\xecDr\xb1\'h\x17+^\xc1\x1cm\xde2b\x14\x99@\xf0\xf3\x05\x9c\x82\xca#Abe\x85\x11\xa8\x9c\xb4\x07_\x93#\x81w\x99}#X\x1c\xad\xb5~\xab\xf37\x86*\x7f\x10\x1b\x17\xba?\xc5\xad\x8c\x0c\x8e\xc4q\xed+)\xb6\xb04\xcf\xc5\x0b_k~\xf3-\xb9\x1a\xa7`\xc9\xf6z\xc7\x9c\xe7\xf7\xcc[\xca=5\xc7_\x12\xb1\x9b\x80\xb4yU\xdc\x00\xef\x02K\x19\x95w\xec86\xfc\xc8!\xd9\xce\x85^\x12\xa4\x04&amp;\xa6\x17\x91\xb4\xf6\xcd\xfc\x9by\x0cG\x99\xce\xd7n\x92\xc0J\xcb\xdeTp\xef\x01\x0e\xdb\x91.\xcaS\x84d\x8a\xe0u0\xd6\x9f\x12\x8d\xd8\xfbf\\;\xe0V\xc7`\xa8\x85\xbd\xc9\x98=\xac2CK4e\xec\x07\x9c#\xb3\x93\x82v!\xcb\x1ez\x9f\xe0\nf\x9f&gt;O\x04\xd3\x81\xa4\xd4\x1f]\xbf,\xcf\x83g\xe0\xf3t\xdf\xaf\xb5\x86\x1f\xfcEvA\xd7(}E(\x86\xcf\x84.p-\xe1\xb8"r\x817\xf6\xe2Y0\x15n\x06p\xf5\x1aY|[\xfa\xb4S\xf3MEa\xef\xbd\xba&gt;48v\xc4\xaf\xd9\x9b\xbbd\xc9r\x8d!"\xfaZ\xe9\xa8/\xe2\x99E.\xe6,\x13\x05\xd3n\xaf\xeb\n\x94w\x99Ln\xb1\xb4\xf6\xf7\x14\x85Z\x01\x19\xff\xaasv\x8a3\x16\xaf6D\xfc\xe3\xd1s\x11\x1aj$2\x1b\x88\x90d\xe3\x92\xf85\xb8\xb6\x16\xcf\x02\xb71\x8bX\xa5\xf6J\x1d\xb0\x84I\xb8W\xcb\x95\x14V\x11\x1a\x1a2\xdc\xaer\xda\x99+1*CRZ\x89Qy\xba\xb1[p\xa7\x08\x89\xc3\xac\xf0\xc161|\xbd\x84u\'\xed\xb1\x0b\xca\xc4\xa6\xa6\xc2\xbbRR\x8a\xe8]B\x11\x1a\x89_\xbe\x1f\xcc\xc4\xfc\xea\xc0\xac2\xbb0ol\x9f:\x00\x89:\xd8\xa8"\x07;\x80\xd0\xb4\xac{\x9b\xd2DQr\xcf\xd6\x0c\xd3\xe5\xdf\x0fma\x87\xa3\xb4\xd2\xb7\x05\xad\xbe\xc8\xc6T\xd8\x92\xaam"\x9f\xd8\x01\xc7\x96rY2\xfb\x16\xec+\x1bZ\xf2\xf2Xw\x12\xa9\xe1*\x7f\xeaID\xcf\xcc5/j\x83\xf7\xd7\x82H\x92Z\xac\x88\x1b\xd9\xa1Il\xb1_\x18\x91\xb77\x92f\x8d\xeb\x93Se\xb6\xc0\xa4Tp2T\xd4\x14\x9c\x07\xc8\xcc\xcbb\x97\nz\xa4\xc6\xbf\xb9\xeb\x8c\xb2\x11\xec]\xbc\x12\xaf\x1ee\xa2:\xcf?*3\x9c\x956\xb6J\x9br\xbe\xf7\'+\r)\xf5\x1elcD \xfa\xa1HXR\xfe\xca[e\x9c\x87\x12\x88\xc76\xcb\x98U\xef\xa7f$\xf9w\xc1\x9f\xfe}\xaaB\xf5\xcf\xa3\xab\xb1\x89\r{\xf5\xf8_lkz\x16s1Y\x96VU\x0b\x9f\xb4\x98\n\xae1\xd6\x97u6\xd9\xf2\xc5\xa4\xb14\xaa\xec\x87s\xe4\xce\xc6"Wr\xe4P\xc0-v`\xf4u\x1c\x89\xceJ\xeb\xf3b\r~w\x11\xc3\xfc#\xaa\xd5\x94E/\x08\xeb\xea5\xea\xf7j\xdc\xe2\xa1\x83\tQ\x9bF\xe8o\xc8\xc0J\x1e7\xa6\xab\xdeFb\x19\xb9q\xb3\x9c\xeb\x81\xc8\xc5\xf1IO\\\xcb&gt;\xca\xde{\x88\x8b\x86&gt;\xd1\x9f\xb1\x82\xbc&amp;#\x96\x94Fk\xa79f\x08.d\xbd\xa8^T=\x9cik\xb5\x8e|\xd1\x934\x91-@\x07P\x00)E\xaf^?\x04\xafa\xe4%\xdc\x01\xe4X\x12\xee\x00\xe2\t\x1f\x01\xbb\xf5\x8f\xf5\x88\xac\xb9\x9a%eT\xc4\xb2\xa2+O\xd4\xe2\x81\x1fl\xd4\xd9g,i\x9eK+\xe9\xdc\xc2\xd5\xc0\x9cDGB\xcf\xf7\xb9\x82@\x80}ww~\x97JU{\xaba\xa2p\x98\x1dIx\x9b\x19\x17\xe8E{\xc1i\xfeK\x9a\'\xe3O\x01+\xfb\xeeQ\x9d\xf4\x9e\xa3\xa5E\x05\xdc\x9f \xc2\xbb\xf8T`\xde\x84D\xbf\xb4\xc4]\xe4\x94_=\xae\xb0K4a\xa0\x06\xf1q\x1f\xbf\xe7c*6\xaf\x9a\xb9/ zY\xce\x8d\x9f\x8dl \xfe\x02\x88\xd3&lt;\xb1\xb5lC\x9c\xb8d\xae8Q$#9P7J;\x80\x06\x8du\x96\xec\xefdL\xa5G\x95\xdc\xb8\x80iK\x83\x92\x17\xc0\xda\xce\x1d[]\xe3\xba\xdd\x98\x9c\xc8\x8f\x063\x14t\xaev\xd3\xe2w-H5:\xbfM\x89\xe41+\xd7\xa6\x08\xfa~\x81\xba\xf6\x94\xa82\xffc9\xac\xfa\x13z\xc7\xf1\xf6&gt;\xe8\xde\x0f\xa5 \xa5\x94\xfa\xed^\xb5\xe4\xbc\xec~\x82\xf7\x83\x17BD\xb3\xd8\xbe\xc6\xc3jL\xd2\xaaP\\\x95]\xe6MI\xdb\x1b\xc9-\xdcw\x94\xf7\xf7\xe0\x1e\x84\xcc\x12\xdc\xab[\xeb\xe2&amp;\xc7\x1by\x1a\xb7\x8b\x93iH)54z\x17\x97\xf2\r8\xc5\xb7\xa0\x19*w\x9d^)\xad\xd7$\xa4\xb4VTm\xd4\x13\n\xda\x90\xe7\x1d\xbf\x08]X\xca5\x9d\x9aVJ\xebo\x0f\xa9\xa5\xed_\xda\xcf+\\\x07\xad\xb5\xd9(\x0e\x1f.\x95,6\xaeK\xfa\xee\xf7\xebh\x86\x88\xe8C\x97\xac\xf1\xe6\xc5\xc6\xe7\xc3?\xf4^\xe1i`iP\xd6\xb1\x07\x9e2\xee\xd7\xdb-$\xfa`\xc1\xd1o\xe1h\xfa|}\xc8K!\xa9z\xfb/WQ.\xfd\'\nZ\x19\x01\xba\x9bQo\x89g\x05?!\xce\xee\xa1E\xba\xa5\xd3\x06\x00#O5\xb36\xce\xf5\xa1\xfd\rAZ\x1cS\xa3\xcf\xe8\xd4"Sq\r\x97\xd2~\xd8 \'\xb64\xa6\x82\xbb\x97&lt;1\xdd&lt;\xe8\xe6\xcdnP\x1c\x83\x99\x1e\xa1g\x18\xf1\xccNU\x93\x91z\t\x96\x13\xf8\xe6\x12\xa3\x95\x94\xb23"9\xcb\xc3\xa1\xebC!\x11+\xeb\xcc\xba\x1f\xef\xa5\x88H\xef\x9f\xd6\xef\x02sgK\xa8\xdbw1GU\xbb\xa2\xc8\xf5\x86\xfc\x86c\xb5\xd5\x12\x86\x06bN\xd5U\xbf\x89-\xb5\xf4O|\xed\xc5\x0c&amp;A\xf5f\x04z\x1e\xcd\x1dzf/E\xd6 9J\x95R\x9d\x8bL)eL\xe4\r\xeb\xc3yL,\x85\xb9%B\xfb\xff\xc6\xad\xb3X\xb5\xc6\x9d\xf9\x1d\x19\xcfY\xe3\x8aWF\xb3\x0eR\xe6:\x0f\x9f\xdc\xda\x17\xca\xa0\xd9\x90Z\xde\x08O\xbf\xc4j\xdf\xa2\xfd\x89\xad\x8f1\xfc\xd6J\xa9\x97\xbbs\x11Yt\xf1\xf2Q\x96\x82\xe2Ef\x8f\xc0\xfd\x9f\xf6\xe8\x1a\xeb\xd3\xc2\xb9\x06\x14\xab\xd8\x96\xdf\xe8\\7\xde\x18\x14\x1a\x89\xc7s\x02k\x08\x1c7C\xeb\xa1{@Z+\xad\x7fb\xff+|UZ\xce\xfa\xff\xc7*\xfc\x9a\xb5\xef+4\xad~\xf6\xe086(M\xb3\xa3\x993\xd8V\xed\x97F#\xf6R\x8ev\xedk\xc4#\xae\xb0W;\x03\x84W\xf5}&amp;\x04\xe7bmW`b\xc2[kW\x99\x13\x7fw5\xfa\x97I\xda"Ik\xbf)\x89\xd2\xd9+IR\xd0&gt;\xdf\xf7^\xb7\x87\xe9iZ\xed\x8b\xe4J\xaf\x88-\xcd\xef\xd9Q\x8a\x9e*$t\x91,]\xee\xa6\xd7\x9e\xe3\xab\x025b\x89\x88\xfes^\xc2wt\xac\x8a\xcbW[;8`\x91\xd4\xc1\x8aB+\x07\xfc\xbd\x84H@\xd3\xfa\xe0\xd5?Yb\x9c+\x9dkP\xb66\x0f\xdf\xe93i\xaa\x0e`\xb8X\xbev\xf9\x86\xc0\xfd\xa6}\xe9X\xba\xbc\xea|\xad|\x82\n3*\xf2\xe0\x15\x98\x92i\x99\x1b\xb7\xbfE\x89\xb8-\xa9\xa8\xf0\xbc@\xe5\xcf\xea\xf8\x8di7\\\xc3-\xf3\xf8\x11\x1aq\x02)E\xf4\xdc\x92\x9cS\xa0\x03\xc8\x95S\x8c??\x13\x95 \x97P\xc1\xf43\x80\xd7\x01\\\xc5\xb7\xb1p/\xe6\x8f\x0e\xc9J\x1e\xde\\GjeA\x85\xe5Ts\xfe\xa8_\xb0\xc1\xf0\x8a\xf16L\xc6&lt;RFu\x0b8\x1d\x12\xd3~\xa2/I\x96ZA1\x18\xbb4\x9b-\xc6vD\xe9A\xec\x1c\x88\x94:\xbf\xef\xd4\xdc\xc9i\xa2Q)\xa5&lt;\x1a+\xb7U&lt;\x0et\xbe\xc9\x91\xf3\xcf\xb4~67It\x07\xd5\xe2\xed\x94\xfaq\xbe5\r \xf6;\x93\xf7\xcf\x91\xdd\xb3\\r\xcb\x98\xda\xed%\xaa\xb5\x8e\xd9\x8b\xe5\xeb\xb0\xfb\xf4K\xc8\x0c~e\xf1:M$_\xb4\x95h\xa5\xacP\x89\xef\xdf\x97\xed\x1b\x0f\xa4\xc0NrJ\xd3m\xd6{\xe4\xba`X!\xab\xbd\xa1\xf0\xafXr\xf7\x97T\xb3y\x0f\x9d\xe7\xad\xc9\x8bO\x7f\xe6[#n\x7fS\x98\x86\xc6\xfd\xe0\x0e\xee\xad\xcb&gt;+|}\x9e\xa9\xa5\x8eM.@G\x84\xbb\xdf\xf3\xaf&lt;\xfd\x1a\x9d-13b\xab\xe3_Y\xe4\xed\xe4\xf7\xfc\x9a5\x03\xbb\x9dIk\x97\xeb\xdc\xcbNe\xf6\xdcVv\xfa\x941\xe7&amp;\x8dM\x12\xe7o\x9eJ\xe5\xf0\xbbxHmb\xd3\x97\x9d\xfe\xcc7E\xdcx\xfe\xf4\xbf\x1d\x91L\x955ge-_\xbb\x96&amp;\x96\xc1\xb7V_\x12M\xa5\xac\xc6=0#\xf2:\xaa8CV5\x11\xf7\t\xdf\xac\x06\x95U\x8c\x90Yqs\xf7\x86(\x94\xb6E\x96\xe3K\xabl)\xf4q\x92Fu\xc1\x9b\xbf\x161U .\xb7\x00\xfa\x0f\x88\\=\xcc\xae._\x11\xb7\xf5\xa77\xe3\n,p\xd4TM\xcdn\x8b\xd5\x16\x9b\xf9\xda\xfboN\xd3\x9f\x95\xb7\x94\xa8*G\xcd\xd9\xa8[V\xf9\xe7\xa3\xc6\x87\xe2,X\t\xe9\xfdm\x1b\x9a\xfb\xc7\xab\x86\x8c\x07\xfb\xc53?\nR\x8a\xe8%yI&amp;\x0c\xb4\x8d\xdc\x82\xee\x14\x1c\x8e:\xe3\x9bm\xfc\xd2\xde\x06o\x8b\x963U*\xda2\xcd\xb5\xb2\x17f&gt;\\_\x10y\xdak\xb1\xddZg\xc4Ju-x\xcf\x18\xce\xc2p\x9d\xcb\x17\xd9\x8bl\rT\xd7\xcb\xe6&amp;wc\xa5\xae\xbau\xe2\xb9\x15\xbd\xee\x84\xe4:\xf9\x08\xc1v6\x99\xea\x02a\x10\x9f\xc3\xca\xaa\xe6\x87bdaD\xde&gt;SES\xe9^\x8dN\xdf\xd6\xba\xce\x92s\x9a\xb3X\x97\xa0\xa95c\xf0\x84\xe4@\xecqL/\xcb\x9a\x94[(\xf2tn+O\xa62\xb7\xbe5\xaf7\xe3\xa0\xe7\x8f\xb6\xe0\xfa4\x8d\x8e\xb2`t/3\x86l\xcdl\xddT\xb7U\xe0\xd3\xe8*-mz\xf2Z\x1f\xfe:\xa4\xf7\x82\xca\xd9\x83+-;\to0\x111rk?%\xad*&amp;\xe9\xcc`+\xefJy\x84\xd6_u\\\x7f4\xd5\xdc\xda\xa3\xc2\xd4t\x00\xe6\x95\xcc\xe4\xf5%C\xcdV\x1a\x83m\x90\xef\'\xa2\x8f*R\x91\xb7\xfe@DD\xaf*\xaeD\xed\x86\xed}8/\x04\x85/\xeb\xd2\xcapJ\xed\xf4k\xb0\x03\xe8\xbe\xbe&lt;\x10\xea\xd2EG\\Y\xa6\xddSj7-)o\x07@\xbf+\x95*\xe0sF\x07 6\x1a\x8d\x0b*\x08&lt;\x0bW\xdf\x8f\x00\x00 \x00IDAT\xd7\r\xe6O\xdb\x87\xda,|\x14\xafQ\xbb:\xf59\xe3w\x965\xee\xe4\x8f\'\xbc\xed6\xfd\xda\xc0\xd5?\x1em\xe5\x83\xdf\xcb\xed&amp;\x89p\x95\x08\x15\xafMn\xfd\xbf\x8a+\xb2\xb0\xb7\xdaL~\x96\x9b\xd0\xfd\xb2\xb9\xdd\x8b:G\xcfi\xef\xb4\xd4\x12\xfau\'\x9f\x98\xe3|\xc1f{\x86\x88"N?\x1a\xb03i\xbbD\x07`#\xae\x91)\xfa\xdc\x14\x9cZ\x1b""zs7\x89\xb6df\xddR\xd8\xff\x15E\xf5W\x8eeq\x9d\xe7\xbe\xd6\xedeU\xb9\xb9\xa0sAP\x97r\xc9\x82\x94R\x12\xb7\x94G\x82?\x9e\xdf=\xe1$\xf7\x91.\x07,\xccG\x16{-\xc9*\xca\t\xcb=N\xd2`\xa7\xb8c\x99\x93r\xa3\x08$\xfd\x14\x03\xd3\x15Z\xeb\xe2\xb6\xce\x9b\xf0\x89\xf5%\xab\xb7\xef5 \xf87\xec+\xc7\x06&gt;\xdf\x1f\xfe\x07\xc0\xaa\xcd\xef\x05\x8e\xd5Z}\x95\xf1\xe4\x89\xe5\xc3\xe8!\x9b\x89\xe6=_\xba\x06N~M\xb7\x8fn(\xd7\xa2\xde\x8d\xf6?\xe0!\x87\xe6\x0fO\x1fNN\xe6\xcc\xa1r\xc83YU$k\x1a\xd4\xa4 \x8c\'P\xd7Hw\x9f\xbc\xb9\x927\x85\x99aZx/D\x9cI\xbd\x0e\xe3\xf7\xc7\x9de\x87\xe0H\xfb\xa6\xd1+\x1b\xd6\xdc\xdc\xfdU\xf5\x1be\x8d!\xe9\xff\x82Hv65S\x06dH&gt;.\xbfY\xb9&lt;\xd9\xe7N\xc9K\xd7\xf6\xe5k\xd6?o=\xde\xe8M\xbd3_\xa7\xd4\x9d\x82\xd3\xda\xbc\x95\x1dU\xa5v\x8e\xe5\xb1\x9b\x1bmO\xda\xce\xd4\x0e\xf4\xe6Gk\xad\xd4\xc7x\x7f:5\xde\xe1\x17c\xb9\xae\xb3\xae=\xdeq\x15\xb2\x81a\xe7&amp;J\x1f\xafZkV\xcd\x96\xd3\xfa\xbd\xeb\xf0\xd1m\xa6\xba\xe5\xfc\x91V\xae%\x1f\xe8\xfd\x9e\xbf\x10T\xa7}\xde\x813kYnf\xfb\x9f\x97}\x8d{\xe6\x9a3\xf8\'zK\x96=\xa9\x18\x96\xf5\xa4W\x99c{\xc3\x9a\xefz*^\x8d\xad\x01o\xd20\x99\xf9k\xe6:DLT\x836\xca{\xb4F\x16\xa6|\x19\x1f\x15 U&lt;%z;h\xe9\xa5\xa8\x00\x8e]\xfd\xe3\xa15\xd6AF\xa7\x15sZ\xb5-UB,o\xfd\xa1\xda\xfc\x93\xb4xS[_r\x89\xc3!\xdf`\xb7\x1a\xc9\x8a\xbc\xb7\xfb\x1c\xeb\x84\x160\xd3\xcd\x0b\xbd8O\x94\xfd\xbd\xf1k\x81I\xf5e\x95\xf6\xa4O\x05\xa9XE(6&amp;\x1b1/dFL\xdf\\6\xa1C\x06\xb2\n\xe5*\x1e\xb5\xcc\xfc\xfeh7\xb0%)\xa9cq\xbd\x95\x10\xbd \xae\xab&gt;\xc2)5\x87p\xc7\xd7\xcc\x8a\xdc\xad\x95\xd9\xad\xa9W\xc6\xca\x17\xdf\xa4L\x8f\xd5ci\x89\x8c\x84Z[\xe21\xabRs\x81\x04\xc1|\x8ej\xf6:\xc5\r\xf3\xb2\xfe\xa1c\x19\xf0\x91\xab\x19\xe9+\x1dSCu\x92\xd8\x1d@g8-Qe\x89\xf0\xab\x94\xe1\xad\x7f\xb4\\\xbf\'\x1b\x1c\x12\xcc\xcb\xfa\x0eq\xdc\xc6j\x92\xd8\x1aS\x81\x0b\xda\x7fr\x1eBT\xd0\x81\xbcI\xc6\xb5U\xb4k\x19e%\x87\xa41w\x90\x86w\x00\x8a\xddf\x91\xefv\xd6x\x1f\xf0v\xadLn\x08\xcf\x15\xc1\xda\xe7\xee\x97p\xe4\xd8\xdf;\x7f\xce\x10\'\x0b\xf4=J\x19\xf6p\xf6$\xa4\x8c\x1f\xe8\x80i\xdco\x90\xeb\xd6=\xd6&gt;\xfe\xf8&amp;X~"\xb3\xbfbZG\xbc\x94\xe0hC\x90\xce\x81\xb7ImJ\xc8\xa2bo\xc7;\x80P\x92\x02E\xf5H\xe9e\xad\xda\xf3\x94\xa5\x9du\xbe2\xd7\xd4\x16Xy\xef\xd9\x01ph\xa1f\xef\xd4\xff{\x03\xe1&amp;\xa7w\x02\xebM\xf7\x92\xa9\xc8\x8bX\xb3^qi&amp;!K\xeb4\xec\xb9\x9b\xfc\x86\x1a3\xac\xdfU\xeb\x7f\xe9\xfb)y\x83e\xb7&lt;\x9a\xd6z\xdftZ`I\xb4\x11\xd0\xd6\xfb\xa5\x97\xeb\xe7.\xd2\x04\x82E\xe6\xban\xf2h/\x86\xba72\xe2-\x1b\xa7:\xd7\xf3d\xff\xf4\tG\xb7\xb9-\xa7:\x16\xd9_0:\xdb\xe5\x08\xed\x1f\xdc\xf2\xa0\xe5|$\xdb\xf1\x0e\xaf\x07\xeer\x99\x1f#\x1a\xbe\xc3\x9b \x19.\xaf\xca\xbf\xf7\xbb\x98\x941\x05\xda\xe3\xcf}\xb0f\xceWo\xfdW\xc4\xf2\xb0y\xe6E\xc7\x9d\xa5\xb7d\xc4#&gt;X\xf3\x0eb\xc7\xbcN\xdc,\xd2\x80\xc8\x9c\x9a\x02/\x87!z\xe3\xa8\xa9\xa2\xacJ\xceJ\xc2$\x9c\xcb\xc2\xfc&gt;f\xfc\x16\x9f\x1eQ\xcd,=\xacj\xa1%\x10\x90\x97)\xc7\xce&lt;\x94g\x86\xe4\xd2\xadM\xf4&amp;\xce79\x96\x11}\xbcYh=r\x14\xaaE\xde\n\xf6\xd7\xf7T\xed\r\xf3\x98*\xa7\x972_\x7f1\x1c\xaf\xa9\x11\xc3\x8fEd[N\xf3\xd5\xd2\x0e^]\xa4\x9b\x8a:\x17\xe1\xb5b&amp;\xd7\xda\xfe\xfbF\xf5LR\x91\xdd\xf1&gt;\xdf0rZ]\xae\xd2\xfa\x8c{\xb5\x96Ys\x15\xae\x955R\x8aH=\x8byq\xf4\xce\xcf\x0e\x19\x1e\xe8Vza{\x15r\x99k\xed$*\xea\x8f\xcd\xeb\xafP9\x06\xf03\xdb\x07z[\xfb\xa7\xf2\x0e\xc0\x81i\x8c\xc8\xe1\xa7\xe9:\x80EaS\xad\x93t\x01\xe2\xea\xaf\xd5\xb7\t\xd2\'\xcb\xf5\nv;[\x1bl\xd5`""z.3\x15\xef&amp;\xdc\xb0\x10v`\x0b\xce\xec\xd3\xba:\x8c~l\x8d\x87\x1f\xe2\xca\x89~M}\xcd\x8d\xa7\xa5\xf7\x8a&amp;s\x13?B;26o\xdezR\xe3\xef\xf8\xf0\x1ft \xde\xbe\x9b\xa5Co\xcc+\xeb\xac\x12u\x97\x14\x98a\xb1^\xf6\xac\xaa\xaa\xd1\xb3Y\x8fk\xb4[\xe4\xee+x\xfc\xaa\xd8\xb4\x03\x88\x89\rv\x00\xd5\x83\x14\xd9\xa6\xe8UBr\xa6\xc2tN}\x04\xa8p|\xa3C\xe8\xc3\xd1\xbe\x87\x7fe\x96oq\x91\x19\xad\xbf\xa2\xed^\x1c\xae\xd2#\xe1=C\x86\x9f\xafdo\xf1\xf3\x86\xbb\x94]\x97\x0fu|?\x96\xd5\xfd=A\xb2\x03\x08&gt;mu\xff,xV\xcc2\xa5R\xf2*\x8d-\x85\xa4\xdf\xd4\xd3\x81F\x05aI6E\x13\xadg\xe8.\xe6\xa9\xb9\x89\xc4\xde^\x10\xc9\xf2]&amp;\x11\x9c++\xb54*\xfa+V@\x93\xdd\xff\xca\xff\xea1ew\xd0Z/i\xf6[\xa0\xe2\x99\xe7\x97\x91\x14d\xde\x07\xe0e\xe6\x02\xab\x7f?\xce\x9c\x98A\xa4\r\xdai&lt;\x8b&amp;\x15\x1a\x17\xdc\x14\xc99\xe9.\xf0\xfc\xa7\x94\\\t\x19D\x9f\x105\xe9\xa6\xc3\xfcz\xd6\xd7\xf9m\xef\xf2t\x86\xb3\xc14\xfb\xc7\x94\x82\xee\xd5.T\xd4\xe6\xc2Cn8p\x96\x95\x92\xf3\x9al\xa5\x99\xd7\xf7\xc1\x9ct\xe7\xa5RJ\x19\xcf\xcfhA\xe8\x00\xa8\xe8\x12\xdde\x10\xcc\xb0\xbbL\x9a\x8ev\xde\xea\n\xab\xe6$\xd3\xa6d\xd0\x9b\x0f\xa8M\x7fN\xae\xdfi\x17\xc0\xa75\x9c\x80\x1a\xa2\x9f\xe7\xb7rk\x12\xeb\xcf\xdfRd[I\xa2\xa8\xcf+\x82-!\x90#7W\xaf\xb0\xadBd\xc5\xc1)au\x93D\x15\xc7\xe1gs\xe3\x0cd\x95\xa2{m\xa2\xcde/\xaf\xeff\x14\x04;\xbf\x0f\xb84k\xde\xde)\xfck\xa1\xd8\xb7\xda\x93\x9a\x0e\xf4J{\x99\xc4v\xa9m\xc0\xa5+&amp;\xfd\xaa\xbc\xd6\xb0`\x06@#6\xf49\xd0o\xee\xaeq\x0b\xf4\t\xbdqQ\xb2*3\xf9\x1a\x9axr\x8ehZ\xbb\x8a\xf2\xc6\xe5!:\x80\xe8\xc06\xfek0\xd5\xd9]q\x07\x9a\xe7\xeeD\\,,MBH\xbe\xd6^\x91w\xcf\xa0f@\xf4\x9a\xe3\xf3\x03\xfb\xa1\x113\xb4\x98\xa6\x055\xf6&lt;@\x07\x10_\xdb\xa8\x9e^3N\xd7\x0cqp\xb2\x8dm\xdb\xf2Fr\xdc\xd3\x1f\xf7\x8c\xeb(fD\xe6\x1e\xd7\xfb\x909Z\xb7iY|3\xdcA\xb2K\n{#1:[\xc2p\x1a^\xc1Qy\\K\x99oC\x9bs|\xab\x88\xe8\x07\xc3V\xe5\xd8\x91\xaf\x98N\x13\xa5w\xfa\n\xbe&gt;9\x86\x87\xf4\x90JU6\xc5"u\xf3\xf1`=\xf38\x87\x88\x88\xfey\xb5\x04{s\xa2\xce\xa8*B\xb1\xb7\x85e\xae4\xb1\xc2\xdaGQ5\xd2\x8aS\xd6\xe7bO\xbe.\x8c\xbf\xd6cRB\xc1\xb9A\xf9\xae\x8c\x8b\r\x05\x03\x9b\xc2\xfezW\xed\x89\x99P\xab\xfd\xea\x92\xe6\xffH%m\rh\x0fwGz\xf97\x10\x1e\x03K&gt;\x12\xb1e\xd3\x1dR\x8a\xe8\xbf\x0bu\x00E\xe3)\xa7\xee\x8f\xaaZ\x9b\xe1\xffc\xb1\xde\xec\x0f,\xdb\xa2\xcfV7\xac\x8f\x9fC\xe7_\xd9\x01RJ\xd1S\xb4~\xe30\x03\xce7\xbc\xac\x8e\xde\x8e\x0f/_\xba/\xdb\xa9\xf7\xda*\\k\x95\xf3\x10|\x11\xd57@\xd0\x0ff\x89\x0b\xb2[\xb8W6\xed\xfb\xd5\xb5\xc4bl\r=r\x11n4\xd6\xa5L\xf7\x07\x8e|\x89\xdb\xcd,\xbf\xe5\xbe\xff\xeax\x94\x7f\x851\xab\t\xce\x0b\x8e\xb2,9\x19\xe3\x8b\x90\xe8\x8d`Zow?$l\xd0Z\x7f\x94s\xbf\x92\xe0\xc82\x7f8\xf0\xf3R#[\xfe&lt;\xe6\xd0\xf7o\xed\xd6_\x1dS\xdag\x06\xd5\xd4\xb3\x94\x17%\xb7\xc1\xce\x89\xaa\xd5\xdec)Y\xbcQ\x94\xf7\xc9\x16\xd3\xda\xf7b%O\xebo\xfexT\xcc_m]\xd3\xbb\xe46}\xb1\x9b\x1c\x8d\xcd\xeenv\xb9\xca\xd7[M\xb3Zp\xe3\xbd\x87\xd9i\x17\xed\xe75\x94\x91+\xda\xde\t\xe3&gt;+\xf2\xdae\xae)\'\x9b`N\xc3Q8\x11\x13ZG\xa3MZRQd1\xbd\xc0\xfe2\x88,\xe7\xf7\xd8\xba\xec\x96\xbb\x0b1\x89C\x8e@xi\xf4\x9a\x1a\x15\xf9M4{8U\xba\n\x94g\x8e\xabw\xd8\xa2\x8dr"g\x92@:\xb0\x1a\xf7\xaf\x8d_\xc0\x93\xc6\xd5X`m~\x12[u\xe4\'\xe3\xc8MV\xae9\x16~g\x96\xa1\x8ea\x15\x16\x15kl\xaa\xe4J\x88\x0c&gt;\xca\xf4\xda\xdf\x94&gt;\x08vI\xc1m\xa9\xb3%O\x1d+C\xcc\x0bU\xd8\x88\xbb\xc4\xea]\x96\x10N\xb7L\xf4&lt;\xfa\xe8j\xb3\x0ei\xe5\xb9lW\x92\xbb\xf3\xf7\xd5\x96\xdc\xc3\x97\x86\x9c\x1fw\xbe\xac;{P\xd1\xfao\x1b\x86y\x8a\xb2M\xbc#\xd6\xf6\xda\x0cn).\xa0P5\xaf\xcf\xd7$\x9e\x99\rk\xe1$+I\xb5\xee\xbee\xb2\xd9-\xb3\xb4\x151\xbc\xb2\x19e\xa8\x16\x11b\xfb^\xaa\\\x99B\xbcW1\xf5\xa3\x03X\xa0\xb7\xf0\xcf\xdc\xc7zf\xade\x9c+\xfdi\x83\x1d@\xd5\xe8$Zq\xb8Q\xe7\xbcu\xab\xdc\x1e\xe9bZ\x04\xa6_\xb2s\\\x7fj\xfd_\x9bN\xb1%,\xb1\xceoA\xd7`\xa53\xa7\x9f\xe4uIK\x94c\x1bkg{\xbeE\xbc\xda_~\xcbz\xa2.\x91\xf6\xb1\x07t{\x04\xbb~([\xbf\xae\xe4\xf9\x96y\xdb\xbf\x05fx\xebg\x87\x86\x82\xd5]\x99\x8b\xae\xbfgMUf\x14}\x84\xa7\xe7\x8e\\\xff%i\xdb\xb2\x1d\xb4\xf6\xd3\x03\xeb\x91U\xacI;\xa8(\x9f\x8e:\x8f\x04R\x8a\xe8w\x17I\xbd\x1e\xc5.\xec\x10&amp;\x94\xd3px\xca\xf1E\'Q\xb7\xc1\xce&amp;\x11\x11}\x9b\xf1\xd9\xbcrx\xd7X\xbc\x01\xa0\x94z\xffU\x82\xfc\x12\x90\x08\xa76\xe4\x95u\xab\xc4[J\xa9\xee-7\xfd\xae1\x92\x90o\x97\x13\x84\xbc4D\xcf\xa3\xf3\x96f\xec\xfa\xc0\x00\x81\t\xd1WF\x12\xe6J\r]/\x1b\xa7B\xb1\xe1\x95\xd9\xbbF\xf1\x17\xdf\xc6WtP\n\x9d\x91\x15[\x9e\\\xd4\x8c\xdd\x18\xfa\xee\xf2i1\xd1\xfb\xee\xa2B\x8fO\x08\xd9`\xdbSh\x00+\xad`#\xe1\xf6\xea/&gt;\xff)\xa6\x89\xcf&gt;\xde\xcc\x9d\xb1\xc6:\x80\xf3O\xdf\x9f\xd2\x1e)\x88F-u\xff&gt;`T\xafs\x0f.\xe4\xb4FS\x90\xb2\x05%q\xa4b8Y\xf1\x13\xa9J%\x9c\xa4\xf1\xd2\x8ewzS\x96\x99\xc7\x9f(I\x18\xf3\xdf\xd3r\xe5$\xba\x93|\xfb\xd8z\xe5E3\xd4\xdd&lt;\xaa\xa4iZN\xed\xc2`\x82\x16[\x1e\xb1\xc9DA\x12\x1f\xd6\x05\x1c\xbdk\x17r\xc5\x0e\x80,/\x08\xc9,I%\xa4\x9eR}@2\xf9%0s\xd8t\x9d:\xba\xc4\xd7BasZ\xf7\xd3\xb9\xa1\xc7\xbcTp\xcc\xbe\xc7\xce{\x8a\x88\xbb,I\x97.\xe5\x18\xf7zVS#;J$\xe39w\x85B\x13=`Gd\xf5\x96w\x00[\xaa\xfe~\xc8?r`\xf4\x01BEG\x9f\xa9\x9e\xeeh\x89h\x8f\\3-\xd3\x1a,n\xd3&gt;8\xb5\xbf\x1f\\\xd7\xef\x83\xb9\xed\x9c\xb8\xb2\x8d\xd3+\xdb\xfd\xc4$\xc8\xfc\xf3r\xd1B\xf4\x07\n\xdcM\xf4\x0bK\x1a\xc1\xd2j\xb2\xe2d\x86\xd4W\x084jY\x1d\xc9i\xf1\xf4jM\xc9\x95l\xad&amp;T6\xe8\x03\xea\xe1\x8f\x81\x06\x1f\x0f\xb5\xf06\xfa\xde\x0e*\xfcK\'#eD)\xf5\xbc|\xd5\xf3\xd7\x90#\xfe$\xa6\x96\xb9\x89\xaf\xdb\x01&lt;\x14\xb4\xfdw\xfa\xd2(\xbb1f\xdd\x022\xc6v\x11?\x9a\xa3\xa5\xa6\xe4=\xe6\xd4H\xa7\xf5\x96\x01m_\xa9\xcc\xac\xd5&lt;\x9a\xd5T\xca\x91\xb3^/\xf1\xb8\xdbM5W\xd6\xd2\xa7\xab\xac4mX-\t\x1bA\xbe\xe7\xf1*\xc6\x13\xbf\x05\xf3E\r\x9e\xbe\t\xa4XJ\xe7\xa7\x95\xfa\x95DJ)\xad\xf5^\xa9\xc7?\xec\x9d\x94R\x92</t>
        </is>
      </c>
      <c r="E212" t="inlineStr">
        <is>
          <t>&lt;class 'numpy.ndarray'&gt;</t>
        </is>
      </c>
    </row>
    <row r="213">
      <c r="A213" s="1" t="n">
        <v>211</v>
      </c>
      <c r="B213" t="inlineStr">
        <is>
          <t>steps_per_sec</t>
        </is>
      </c>
      <c r="C213" t="n">
        <v>3100</v>
      </c>
      <c r="D213" t="inlineStr">
        <is>
          <t>8.762665</t>
        </is>
      </c>
      <c r="E213" t="inlineStr">
        <is>
          <t>&lt;class 'numpy.ndarray'&gt;</t>
        </is>
      </c>
    </row>
    <row r="214">
      <c r="A214" s="1" t="n">
        <v>212</v>
      </c>
      <c r="B214" t="inlineStr">
        <is>
          <t>Loss/object_center</t>
        </is>
      </c>
      <c r="C214" t="n">
        <v>3100</v>
      </c>
      <c r="D214" t="inlineStr">
        <is>
          <t>0.27098852</t>
        </is>
      </c>
      <c r="E214" t="inlineStr">
        <is>
          <t>&lt;class 'numpy.ndarray'&gt;</t>
        </is>
      </c>
    </row>
    <row r="215">
      <c r="A215" s="1" t="n">
        <v>213</v>
      </c>
      <c r="B215" t="inlineStr">
        <is>
          <t>Loss/box/scale</t>
        </is>
      </c>
      <c r="C215" t="n">
        <v>3100</v>
      </c>
      <c r="D215" t="inlineStr">
        <is>
          <t>0.10518942</t>
        </is>
      </c>
      <c r="E215" t="inlineStr">
        <is>
          <t>&lt;class 'numpy.ndarray'&gt;</t>
        </is>
      </c>
    </row>
    <row r="216">
      <c r="A216" s="1" t="n">
        <v>214</v>
      </c>
      <c r="B216" t="inlineStr">
        <is>
          <t>Loss/box/offset</t>
        </is>
      </c>
      <c r="C216" t="n">
        <v>3100</v>
      </c>
      <c r="D216" t="inlineStr">
        <is>
          <t>0.20265247</t>
        </is>
      </c>
      <c r="E216" t="inlineStr">
        <is>
          <t>&lt;class 'numpy.ndarray'&gt;</t>
        </is>
      </c>
    </row>
    <row r="217">
      <c r="A217" s="1" t="n">
        <v>215</v>
      </c>
      <c r="B217" t="inlineStr">
        <is>
          <t>Loss/total_loss</t>
        </is>
      </c>
      <c r="C217" t="n">
        <v>3100</v>
      </c>
      <c r="D217" t="inlineStr">
        <is>
          <t>0.5788304</t>
        </is>
      </c>
      <c r="E217" t="inlineStr">
        <is>
          <t>&lt;class 'numpy.ndarray'&gt;</t>
        </is>
      </c>
    </row>
    <row r="218">
      <c r="A218" s="1" t="n">
        <v>216</v>
      </c>
      <c r="B218" t="inlineStr">
        <is>
          <t>learning_rate</t>
        </is>
      </c>
      <c r="C218" t="n">
        <v>3100</v>
      </c>
      <c r="D218" t="inlineStr">
        <is>
          <t>0.00071500003</t>
        </is>
      </c>
      <c r="E218" t="inlineStr">
        <is>
          <t>&lt;class 'numpy.ndarray'&gt;</t>
        </is>
      </c>
    </row>
    <row r="219">
      <c r="A219" s="1" t="n">
        <v>217</v>
      </c>
      <c r="B219" t="inlineStr">
        <is>
          <t>train_input_images</t>
        </is>
      </c>
      <c r="C219" t="n">
        <v>3100</v>
      </c>
      <c r="D219" t="inlineStr">
        <is>
          <t>[b'512' b'512'
 b'\x89PNG\r\n\x1a\n\x00\x00\x00\rIHDR\x00\x00\x02\x00\x00\x00\x02\x00\x08\x02\x00\x00\x00{\x1aC\xad\x00\x00 \x00IDATx\x9c\xed\xdd=\xc8&gt;Ow\xd0\xf1\xdd?"(\x82] \xe0\x0bha 1\xed\x83\xc4()|\xc0H\x1a;K\x8b\x10\x8b\x80\xa8QP\xecR\x08ZI\xa2$\nj\x9d\'`a\x13\xd0F\x04\xb11\x81H\xaa\x80\xc1J,b\x1b\xbb\xb1\xb8~\xd7\xde{\xed\xcb\xec\xbc\x9cs\xe6\xcc\xcc\xf7C\xf2\xf0\xfb\xdf\xf7\xee\xcc\x99\x97\x9d\x99\x9d\xdd\xeb\xba\x97\x05\x00\x00\x00\x00\x00\x00\x98Lh\x1d\xc0\xa8\xa8X\x00\xde\x85\xc0HU\x85\xea{q\xd5\x91&lt;\xc5\x02\x00\xc9\x94FR\xed!\xd1\xd5\x04\x80\x144\x180\x0b\xed\x01\xba\xaf\t\xe01\xda\xbe\x8aSl\x8aBBV\x08a\xbb&lt;&amp;\xb9N\x80\xb6\xb8\xce\xa0\xee0\x9a\'\xf69\xe6\x00\xcc\xa0m/\xe7*\x83\xba\xe2NF\xef\x04\x80y5\x9f\x03\x9a\x07\x00\xc0\x03\x86\x02\x8cc\x8c\xde&lt;F)\x00\xf8\xf5\xfcj\xc7\xc7\xc1\xaa\xb1\xf0\xd4\xee\x03\x13\x00&lt;X[\x07\x80\x06\xf6\xa3\xcf\xba\xd2\x07\xa6\x16B\xa0\x0fL\x8b\x86\x9f\x0e\xa3?\xd2\x05\xc6\x88\xa1}\xd7:\x00h\x99m\x93!\xfcj\xeb\x08\x9aRjnF\x7f\xa0\x03\xe1s\x08\x08\xf3M\x005^u\xd5u}\xd1\xdc\xc0\xd4N\x1f[\xf3\xf5\x1e*\xe3\xd3\xcc\x9a\xf7F`d\xfb\xaf\xa3p\xc2[&lt;\x00\xe6\xe5a\x88\xd4\x0b\xa0y\xd1\xf4\x0c\\4\x00(\xf4\xf9\x16?\xa3$\x00\xe8\xc8\x1da\xb5\xbf\x1f4+Y\xbd\x83\xe1\r_`\xe5\x165\x0cX\x9b\xed\xaa\xab,o\xab\xea\x92\xca\xd7ms;\r\x0bcH\x7f\xc2\xe1\xf6\n\x89\xf3\x10t/U\xd7K\x9c\x00\x04\x14\xbc\x00\xeaj\x8cp\x15\xcc\xe4h\x0b\xc0\x94\xf8%\xd7\xdd\xdd4\x83\x8e\x01\x0fo\xc1i\xb3,\xe0\xf0\x95\x89\xd9\xd1\xc5\xe1\xd9\xb9\x7f\xd2ca$\x84Xo\xcb\xda\x91\xa7\xd7bx\xdd\xdd\x95\x02U\x8c\x1f\xc9ra\xa0\x17\xdf\xbey\xa9\xa8\xc7\x86\x11WL\x83\x15\xa7\x1b\xa3\xf5\xa3O\xc3]&amp;\xe8X\xdb\xed\x1a.\x05\xc8H\xefH\x8c\xbf\xc3\xa3\x81=\xe3\x02\x04\\\xe3\x12\x85\rz\x1a\xb0,\xd2\x8bV\x9b\xfd\xd8\xf0\xceK;#\x00P\xf7\xf1\x97[\xe6\x1e\xd7\xba\xfb\xcc\x1a\x80\x91\x15\xbc\xbdswJ\xca\xcf\x1d\x8en\xb9\xc5\xc1lR\x9e\xe8\xd2[\xd0%\xe3?\xa6\x18\xdfEy\x8cD\xe4e\xd3\xb1\xbfD\x08)\xc4\xbfB\xceCo1\x8e\xc1C\x91!\xc0\xcf\xbe\xc4\xe3\xc0\xed\xfcfb\xe1\r\xbc)\x85\x1f\xfe\xfcO\xf3NP\xf3Q\x03 \xc9\xe3#P\xed\'\xa4\xfb\x00\xde=^\xa6\xd3s\xe5\x88\x9b\xb9F[M\x00\xc0\x07\xe3\xaf]K|I\xa68\xa6\xf3n\xd5\xb6\xf0y\n\xec)e\xae\x9f"\xd4[\x19\xea\r\x03\n\xffU\xfd\xcf3q\xe5\xa0G\xf4[@F\xa7\xd7\xd2\xed\xbbF\xc6q\xa0Z\xa7=\x108\xa2+\xeb\to\xf1c\xcc\xe2\x01\x80/\xda\x9fk\xf5\xf0\xe2P\xfc\x14\xa5\xf8\x0e\x0f\xabG\xfc&gt;G\x00CH\xff\x1c\x00\x03Y\x8a\xbb\n\xa2\xf6FBS:G\x03\xa5\xca\xaa)\xd6\xb3\xc5\xa87\'h\x05\xa0\x8a\x87K\xe8.\x84\xb6\xb1\r\xbc\xe3\xdfu\xf0\x0ey\xa8O\x0f1\xa0\xa5\xe6=\xa0y\x00\x82\x1eW\xf8\x97\x1fb\xc0\x9ch}Y\xaf\xab\xef\xf1&gt;\xfb;\xb3\x80\x90b]\xd7\xc8oO#\xe6_S\x0e\xa7\xca\x1a/\xcc\xb2,\x9f%J8\x1c\xc3\xa2\xf5E|\x0c\xfa\x9f_\x13\x80g\xf6\xdf\xa3\x10~\xaa&gt;Cy\x06/D\xf1\xf8\x04f&amp;\xe9f\xe7\x0b\x8a\x0b-O}=\xe5&amp;\xe0\xb9a\x94b\x9b\xa4S\x8e]\xba~\x85A\xbf\x97)\xd2\xdf"\x97\x1b[@\x1fRv-"\xde\x7f\xbbJ&amp;\x98z\xc7\xe5@\xe6\xe9\xf5w\xe5J\xa3|\x17\x93\x07{\x1a&gt;\xad\xcb\xd2]\xcbTv\xf8HW\xec\xad&amp;\xaa\x85\x10\xb2\xaeL\xed\xe3\x87\xf7\xedKJ\x97\xe5\xd5\x0fw\xff\xf9\xfe\x11J\xd1\xd9\xe6\xf1\x9a\x00\xca\x9a{\x9b&lt;\xce\xa7Ow\x07\x90[\x83\xb9\xa3\x7f\xd6\x9c\xfa\x8f2\x92\xcd\xf8\xb9+\xbb\xea\x08\x1d\x8d\xfe\x1d\xd4l\xf5p\x80\x8e\xackl{bk\xd3.n\x8e\x87U\\\xfb\xf1\x13\'l\xd1\xe6%\x9e\xb0\xce\x1d\xcam\x85?h\x11\x83\x87\x8e\x12\x99\x00\xe2\x8f\xdc\xa6\xbb\x03P\x15\x9f\xa5\xe3\'\x16\xffvP\x1e.\xab\x01y\x98\xd8\xd2c\xc8\xed\xf9\x7f$?\x98\xfa\x18&amp;\xbc8\xe1\x82\x83k\x19@9\xa9\xf9x\x9f\x0ew\x00\x8e\xa8.\xb8f\xbc1\x18\x97\x87\xb59\xb4\x1dFj\xc1\x9b\xfb\xc8\x93\xde\x88y\x87\x90\xcb\xa7\xea\xbcV\xb1\xb1\xaf\x8a\x9a\xf7\x1c\x00\x9c\x1dV\x15\xe7\x8b\x8b\x8b\r\x17\x98\x081\x9e\x19zu\x08\xe15\xcc\xbf^\xb9\xdb\xff\xea\xb2\xecl\x01\xe1B/\xd7\t\xdb&amp;J\x86\xac\xd8}\xaf\x8el\x9a\xbb\x95\x1a\xe7\xb7\xed\xfe\xe7\xd1\x7f"\xbd\xb41\xd0P\xf8A\xe9\x89\xbf/\x1a\x07\xae\x86\xac\xc7!l\xff\x9c7|\x12\x0fo^\x17\r\xd3\xbazk\x1a\xb8u\xec@c\xc3\\\x02\x0c\xf4\x16\xb4k9=}\xda\x1b\xce\xd1E-Q\xdb#\xc8m\xc5\xde\'\x8cxT&gt;c\xee]\xd7\xb5\xdau\xf00\xb2\xed|\xf5\xf8\xb4\xa7\t*\x07\xae\xd0\x1f\x01\\0\x9e\xab\x98\x1a\xb3h|\xba\xb5G\xf4\xd2\xb9\xd0\x00\xf5\xa8\xc3\xc1\xd0\xa0\x00\\\xd0\x18\x8c\x18\xe0\x80\xd14\xbf\xaa\xcf_\xe7\xd40\xf7\x012zgg\x99\x9bS\x96u\xde\xfc:\x121F)\x80T\xa3v\xf8!\xaf\xe4\xe7o\xaboWjo\xd5\xddu\x07\xe0\xf3\\0"\xde\xcf\xbcu\\o\xf1\xd4\xe0%Z\xc0\xbb\xac\xabp\xbcK\xd6\xcf0\xe4%\x0eg&lt;\xdfF@\x15_\x06ga\xfb\x1e\xa6\x94\x0bI\xe9K\x9bB\xcf{;R\x03\x90\xdb/\xc4\xea\xa2i\x98\x06\x0e,\xb7e\xa8\xfc\x11\xcc\xd9\x8a\xf5\xa5\x9e\xb3\xde\xea\xf1J\xbe\xaa\x82Z\xb1\xa9GZ\x0b\x0f\x9a\xbf\r\x12\xc2On?\x9f||\xf1S|/q\x00\xe2\xfc\\f8\xb8\xfc\x82\xd5\xf1\xda\xeb\xaeDJ%\xe5\xbd\x91z6\x15H395F\xc3\x98\r\xa6"\xb9\x0c&lt;lU}kw\xda\xb9\x87o\xbe\xd2\x9bZ4\x92uh\x9e\x92"\xdb\xf1\x8f\xee\xd8\x07\xf0\xf4\n\xe0%\xc9\x00~.#\x1e\xd4\xa0f\xc7\xe0\xed\x1aq\xfbZD\x07\x82\xe3?b\xfe\xfa\x1e\xd4\xbb\xdf\xfa\x8c\x198\x08\x13\xfc\x15\xdf\xb6\xa8\xdcB\x9eG\xffe\xb7\xd0\xd8"&lt;-=\xdc\xc6\x0eu\x0c\xacx\xe1s\x00*"7z\x06{\xdc\xdb\xe4\xb4\xbf\xc8\xd7\xb7\xed(\xd5\x18&amp;a\x7fG\xdf\xd1;\xb5\xde\xb6;fFS\x08+\x1e\xe2#\x1f\xc8\x8a\x9c\x98u-\xc5\x8f\r\xbb\xc7\x03\xe9i:4@\x11\x0eR\x8aSY\xe4\x1e+l\xb0V\x16D\xc5X\x13Y\x7f\x1d^\xd5\x88\xfc\xb6,\xfd\xc4\x18\xb6\xbc\x9a_`\x9e\x9f\xa5\x9b\x05\xf0\xd8\xf4\xad\xc3&lt;j^oYz\x89\xd68N\xb6\x802\x84\xf0\xbb\xf5;\xa7\xe7\x9d\x99]\xfa\xef\x0fFU\xe6\xb1%x\xf9\xc3S\x0f\xbb\x8c\xa16\xeb\x9ct&amp;\xdf\x8d\xde\xea?\xd2\xbbB\x08l\xda\xd7\xe8\xfa\x99G/\xb3\x17\xaa\x88\xec\xcc|\xcd"WI\x85\xcf\xe5\xff\xc5\x01\xee\xbb\x9ax\x84\xb1\x9d\xb7\xfc\xa4\xea\xe3\xa9\xd1&lt;\x00\xa4\xf3\xd0X#\xdf\x01x\xa8\xdfKw\x81\x9d\x9e\xd3&gt;\x9frq@|\xa5\xf34\xe2\xd7/\x944\x06\xe8\xe5=\x16\x1b\xb7hn]4_f6\x0f\xe0,\xb7?x\xbdj\xe5yh\xac\x91\'\x80\x91&lt;\xf6\x95\xafm\x84\xd2,\xa4\x06n\xf1n\xfdJ\xf0\x95\xe8\xba|\x9b\xe1d\xa7\x19\x0f\x97bG\xf2\xf6\xf7&gt;\xeb\xf6\xf1\x16\xd7\xb2)\xe6\x99l\xf0\xa5x\xecxzF\xa7\xd8\x9b\x04\xd3\x8eo\x01\x89\xa4/\x9e\xa6*\xcb\x80\xbb\xab\x9c\x83\xbe\xa3\x9fI\xef=\xad?\xc6\x8fO\x8b\xdf\xe1Q\x1d\xfd\x01qSuT\xe3a\x84;\xdf\x96\xb6F*\xdb\x82\x08\xf9\x9f\xe7\xdcw\x0b\xe7\xfb\x1e\x05\xa5\xbbMjY\x16&gt;\xfb\x8ai\x04\xdf\xdfS\xe0]/\x1b#\x05\x8f\xd7&amp;\\\xfe\xdb\x17\xf5\xf6\x9d\xa2i\xea\x1c\xbd`\x8a\xe8\xd2au|7\xe1\xc7_\xf9\x07\x00X\x90]\xfd]\xbd\xbf\x7f\x7f\xf0\x88\xdf\x9a\x00\r\x17\xfd\xea\xf7\xa2\xc7+\xc6\x82$\\\xd7U\x9aW_\xeb\xfc\x81/e\xaf\x15\x00@*\x87\xc3\xcb\xe1\x06)\xfc\xdb\x8b\xefh\xb2\x8e\t\x00^F\x1a\x80\xd2\xdfs\xd5\x8e$\x96\xfb\xe5\x0f\x07j\x85\x1a\xae\xea\xc1Q(\x18\x80H\xe7NLb\x9f\xd7\xdd\xddw\x17\xc3\xa5C\xbdWH\xef\xf1\xa7\x9b\xa5\x9cB\xe6\xe9\x18\x02\x9cW\xd5\xc7\xb6C\xde7\xfe;/\x99\x98\xfd\xb7\xd7\xa5\x9e2\xdb\x8b\xae\x00\xa4\x14\x8c\x1b6C\xcd\xb4\xe3Y\xee`\xfe\xfa\xb8\xc3\xa20\xfd\xbbj\x02&amp;8K\xd46FV\xf0}\x12J\x91h\'\x8eb\xda\xb7U\x9eo\xda\x1c\x87V\x85o\x03\x1d\xb6iU9\xff@Y\xa7mj\x1fvV\x8ew\xdfU.\xc8u\xaf\x12\xd5i\x17\x1d\x8a\xea^\xb1\xe5\x97:\xd1\x99\x0e\xa8\x10\x9c\xf1j\xef\xd4\xcec}\xca\x04@\x1f\x99\x8d\xabq\xe1\xffV\xa7\xb0\xef\xe1\x96EsU\x8d\xc0\xb2|\x8e\xe6\x91\xd1\x9f\xbe;\xb3\xc9[_\xea\x8e8\xbe\xba\x9a\xb3\x92\xe7,u\x1b\xe1\xfbB\xe9\xb4k\xb2\xc3%\xc4\x9b\x8d\xb9\xa8\xac;M\xee\t@m\xe3\xd6\xddGO\xb7\x0f\x88\xe9\xf5\x1e\x0f\xfdR\xa3\x80V\xaf\xe7N=1{+{_\xcdQ\xff\xf6]7E\x05rmo\xf4\xa3XM\x05\xf6X\xf9\xad&amp;\x80\xb2L+CM,l\x8f\xed\x08,KE\xdf\x9d\xaa\xd37|\x93m\xaazv\x88\xfa\x1fGAS\xf6\xd5\xfcY\xd1&gt;&lt;E\x14\ni\x0c\x82\xdd\xa0 )\xe7\x9d\xd0yx\x95\xc6.\x1dn\xa9\xbe\xc5$\xd2\xab\xe6\xe9\x98#\x95t\xbc\x01%\xbeO2^y\x81\xa3\x8evE{4OIqF\xebwo\xb0&amp;\x1c\xac8\x90"\xdb1\xe8f/]\xbdvt\xc4w\x01\r\xc8\xf9\x17\xf5\xb4r\xf8\x18`\xb38&gt;\x99\xc5QS\xe2\xcb\xear\xd5\xcd\xda\xbe,\xe0\xa9&amp; *\xfc\xb1\xd6\x11(\xb0\x1f\xfe\xfc\x0c\xb8\x82*\x8bd_#}\xbd#\xdf\x05\x0f\xf5\xd9&gt;\x829yh\xfb2\xfdF\xee\n\xd5xf?\xc7\x18d\xe6\xbc\xa1\x9d\x87\x07\xc0\x05\x83\xd1y\xec\x9bK\x86Z\xb8\xe6\xe7\x1e\xdfI\x18ff+o\x99\x9b\xef;\xb1\x0e\x03\xb80\xf65l}c&gt;te\xee\x95\x154}\xaan\xb1\xa6\x16\xf8\x8a\x02\xa9`*y\x89\x03\x18\x98\xd9\xd7\xae\x19\xe4\x92\xcbgT\r\x05\x89\xaf\xb8\x91\n\x06\x80\xba\x7f\xd8:\x80\xe6\x1a&lt;\xfcl:J\xc6sW\xaa\x8d1\x1e`0\xbda\x10\xb7_\xd43k\x17\xaf\xf9JHo\x95V3\x88+M\x86\xbe*\xa8T\xa4\x14\xde\xfa\x00\xbe\xec\xdb\xa6\xb8\x95\xf4\x1a\xd8\xcf\xe3_\xe4r\xdbvf\x81\xd5L\x9c6|6\x102\xa4&gt;s\xd3\x8e#\xdf!\xf2\xc8\x17\xc0\x85\xef\x19\xc5\xc3\xf5\xf0H\xbc\x8a\x1e\x13\xac\xddy\xbfJ\xd0\xa6\xad}v\xa7V\x93\x9f\xcf\xda@\x8cj\x9b}\xdc|dv\x17\x87[\xb13\xf4o\x87\xd5\xfe\x98\xf8a\xac\x0f;z\xf9nyigQ\x90ox\xba\xf4\x060\xd7w\x01\xe9\xf5f\xd5\xefEY\xd75\x12v&lt;\xeb\xd7\xb9\xb2\xa5\xae-\xacD]9\xbf\x1a\xcfUT\x1f\xae\xf1w\xefXf\xe7\xeak\x856\xfb\x98\x9c\xf7\xb7bsM\x00\xcbgW\xeb\xa5QC\x08\xfbA\xf3\xe7\xf3Spu\x81\x89\x84\xe2\xaaD)&lt;\x84\xfb\xd8\xe1+k\xb5\x97\x0bj\x93^\xdeu]\xbb\xebrpd\xbb6\n\xee\xab\x9b\xec\xb9\x8f\xb7\xd1\xdfl\x9f\xa1\xe2\xb7b1$\x94=\xfc\xe4\xc5Y\xc6\xdd`\xb0.Wl\xbc\xab\xafKY\x17\x80\xeca\xe70r\xcf\xaaqW\xf0\xdc0\xfctb\xb3\x07zm\x8b\\\xffx&amp;\xbc\xdfI\xfd\xfa\xb7Lh\xa9\x01t\x91\xa6vFY\x1d\xc9\xcfU6\x9a\xac6Hl\xb3\xb2\t \xf7\x94z\x83M\x00\x06\xf67y\xcdc8\xff&lt;\xa55\x0f\x13@$\xc1\xc4|\x81)\xe4\xde,\xfb\xbf`*\'\x80\xe6k\xe13\xc3\x9b\x80\x8c\x835c\xb1\xcb+\xfc\xb4N\xb2\x8e?\x85\x80\xeeE\x96KI\xa7W\x9c;\x83\xb4\xfb!\xadO\x8dbO{&gt;\xa6\r\xebQ\x87\xfd\xc9\xbaM\x16\xccq\x18\xb9wN&gt;u\x11\x7f\xab \xbb\xa8\x1c\x0f\xa8(T\xa1\x035\xd1\xc5\x04\x96\x1e\xa4\x9f\xb2x\x89\xa35?-\xd2+\xd9\x1a\x9c\xad=\xba~\xader\xb9u\xe7\xfc\x86L\xea\x05\nn\xd91/z\xe4&lt;xk\xab\xf9\x04`l\xe0\xa2\x950~-\xc7\xe1\xda)\xeb\x02\xb8[\xfdy^\x15\x16\xb0/K$\xc7\xac`\xb4#\x1f\xa9\x95S\xdc\xbd\xe7\xe6\xfcN(Q\xef\xf1{a9\x8b4\xdfo)x3\xeav\xce\x90+\xce!\x1d\x81z\xae&lt;\x1f=(\xee\'!|O\xfb\xa5\xa9x\xfa"#\t\x13@7\xb6\xa6j\xdbbf\x9d\xa62\x17\x87=;w!\xef\xb0\x08\xb2\xc2\xb2\xb4-\xa2\xe7\x1a6\xee\x00\x9e\xab\xa2\'\xc6\xf5xy\x7f*\x18\xc39\xa1\xcb;\xdf\xdb{\x82\xac\xbcv3\xdc\xdf\x1d\xb1Gn[\x07\xad\x03\xc17\x15\xcb\x7f\xe1\xdb\xcd\x94\\`\xe4n\xd7/\xf1\xdc\xe6\xcd\xb6\x0f@\xea\xb9E\xe4?#\xb9\x84\xdd\x1c\x10\xc2/\xd7Gb\xa6y#67X\rHm\xbd\xde,\x80*\xd3\xbe\xcd\xce\xc0`\r\xad\xa2`\x02hU\xad\x1a\xf9&gt;\xa6)\xf5\x00SCY\xf6\xda7R0#[\xf9\xbdl\x81\x9eR3\xcah\x1ce\xf5\x12B\xf81\xb1\x00\x84\x12r \x84\x7f\x95pL\x83\xa9+~nG\xd7FG\xa1\xba\x92[oF\xa3\xbfT:\xf4\n\xcc\xec\xeb\xb9\xc2\xfe\xfe\xfd\xfb\x169F~\x02)\x96s\xf4\xc0\xed8p\xd1,\xd4W\x9e^\x03\xfc\xf9e\xf9\xf7E\'\xea\x85\xf4\xf9\x88\xe2\xe3\xe7\xddu\xc4s\xbc\xad&amp;\x80\xb2\xda\xeb\xae\xc2\x0f&lt;\xbf\'\xd3K\xdd\x86\xd0M\xa8\x8aR\xb6\xb9o\x1fu\xd6\xed3\x14\x9f\xab\xcdsl64\x1e\xa1\xa3S5\xaf\x0c\xb9\xed\x03n\x033U\xd9B\xdd\xbd\x04\xe6\xaa\xd1=\xc5\x92\xadf\xd1\x9dxfJ\x16\xaa\x97\xf1{\xf7L/\x87f&lt;\xdf\x9c\xd9\xe4\xce\x040 \x9b!#\xf7\xfc\xbb\xbd\x91\xc4H\xda^B%\xbfz:E\xb0\xe06U\xd3\xe9`\xe1?\xec\xf0[j)\'\xcf=\xee+\t\xce\x18_W\x1d\\\xc6\x9f\x1f\xbf\xb8\x0c\xf8\xeb-a\xdf%\xf2\x1c[\xae\xbb\x86\xc8:\xde\t\xcf\xb1\x8d\xe0|\xddR\xe3\x83q\xd8\xa0R!\t\xa6\xe3\xb0\x966\xd9\x0fc\x8b\xb2\xd8W\x82\xe0f]\xd6\xb9aYB\xf8\xdb\x8f\'zn\xac\xce\x0cV\x9b\x1d\x95%\xfc\xc0*\xa3p\xf3w:\x8f\x87\xb5\xac:\x9b\x17N\x8ek\x9d\x82$ZHy\xf3\xea\xfe\xdc\x8cm\xb7\xdc\xcd\xba\x1a\xb2Ytt\xe1\xfb\xe2\xb0\xe2R6\x16\xb2\x12\xf1\xc9\xd5\xfb|\xb9\x9b\x06"\xcc\xb7\xd4\xa6{&lt;8\xf0\xe5\x03]\xbd\xdf\x19\xa4.|\xb4\xe3\xd82:\xed\xb3u\xfd(\xf8\xe2\xe0?\xe5kJK9e\x8c\xcd\xcf.\xc2.\x88\xb1\x87bA\x81\xc0\xeb:\xfe\xfa\xce\x8f\xb6\x0e\xa0@\xd9 \x1bv\xff\x96\x8d\xe7\x90\x91M\xb2\xeezR\xff\x1c^\x9e\xd0"\xb2R\xbb=\xf2_w\x7f\xa7\x82\xb3\x94\xe6\xacl\xf7\xbbS\xc7\xb8\'\xb8\x94[\x14\xc1\xb2\x8fT\x8d\x10\x13\xef\x16\xf1\xbd\xda\x0f\xad7\xac\xf6a\xec\x7f\xd8*\x9e}\x0c\x1e\xc28{~&amp;\x91\x90\x82\xf8+(\x91\x9f\x8b+\xee\xfcX2\x9f\x81S\x99\xcd\x14-\xff\x9fO\x8c4i\x93\xc6v\xde\xc3\x9a\x0fv)\xf6\xa1\x1c\x97\xe1\x7f\xae4\xcd\x8a\xcf\xac\xbd\xff\xb30\xebG\xf1\xd82\x068\xa1x\xf44\x1c\x82wKD\xf8S\xb8\xc5\xfc87\xe44\xf9\xcc]\xc3\xcf\x85\x11\xcc\xbf\x9c\xeb\xf8\n\xacA\x8eYO\xd4u\xeeo\x9a\xd0\x0e\xc6Ua;\x902\x86^\xff\\\'\x9etw\x83\xfby\xf8\xa8\x9f\xf6\xfd,\x1c\x0c&gt;\x92\xe3!}c\xce\x8b\xc3\x04Ps"\x92\xc8\xd6o\xea8U\x90\xf2\xfb#*\xe9WE\xd6\x91\x91\x14&lt;t\xc1\xdc\x95\xe3\xf6\x8fx\x11&lt;\x14-B0\xb8\xcb\x92\x9ekF\xb5B\x9c\xd7\xb6=\xe7\x15\xf2]\xeb\x00t\xbdj\x7f]W\xc14\x13\xd3\xaa\xcfR\xf6\xf9\xcfe%\x84\x10\xd6u]\xd7u9\xfd6%w\xc9\xc1+\xb3\x99\xd2\x0f\x96m\xfdE\xfa\x92\xce\r.\x92\xbbxI\x0bx\x88\xc1\x15\xe7\x152\xf8\x04\xd0\x97\xc7\xbe\x12\xdfA\x0e!\xfcxi\x8e\xe7\x8cS:\xaed\xd7.]\xa5~\x9b\xc0N\x01\xefo\x11\xf6?\xac\x1f\xbe\xa5.i\x9b\xb5\xe1V?\xfb\x9f\x18\xe4\xfb\xd2v\xfd\xeb|\xf5\x9d\xa2\xac\x08\x19\x97OA\xea\xd0sh\xb9\xf3\xb5\xba\xbf\xa797\xb3\xf3\xe5\xc6\xf2\xbe\xe7h\x92\xeck\x7fm\x7f\xd8V\x81M\xea\xad\xac*\xea+0\x92\x82R\xeb\xb4rnq\x1c\x0c{\x07\x10B\x08\xe17[G\xb1,\xfb\xa5\xa8Dj\xe7\x05\xdd\xe6/&amp;t\xf4\xdc\x05E\xd9S\xf4\x18\x9d\xab\xb1\xec~\xe5\xf2\xd6\xc1\xcc\xdd,\x9erV}\xbeg\x7f\xb52]\x7f\xd6\x1e\x96D)\x06\xb8\x95\xf1+i\xb3\xdb\xa4\x01\xb6\xcfy%\xeeT\x84\x93\xf8\xc1bq\x86\x9f.N\xd3gW\xae\x7f\x17\xa5\xe8\x99\x7fq\x86\xdf2\xad:_?\xc1-Y\xedFw\xb2\xd1\xf4\x7f\xd4\xd2\xf7y\xd5\x0c\xc2[\xe5&amp;\x0e\xffY\xa3\xbf\x12oUW\xa6M\xd5\xed\xe6\xfb\xc2\x14\xfa\xf9.\x07\xcf\xb1\xd5\xab/]\xc3\xfa\x19v\x0b(n_\xe3)7\x89\xa2\xcb\xe7\xb4\xa4n^\xe9\xdb\xfe-ro\xbb\x1f\x80\n\xca8\xc6\xfdu\xd9F|m\xa6i\x1b\x14\x06\xef\xfc\xdce\xf1_DR_\x96\xe53T\xff\x93\x81\xf6s\xd7\xb31\xae\xa3\x9e\xc8\xf6\xc2-1\xa9d\xef\xd29/\xfa\xda\xde\x01x\x90Xp\xe9\x16\xef\xbe\xb6\xc3\xe9\x1f\x92\x89K\xd4OY\x1aM\xae\x85~o\xc1\xc7\xbf\x03\xb8\xac#\xe1O\x06\xac\xdb?\x84\x92]\xd7\x9b\xa6\xedf\xa5`y=\xd4d\x15\x89Sd\xf5mV\x0f\xb9\x19\xad\xbb\x7f\xf8\x9c\xcfT\x97\xc5\x1e\x0b|\xc3g\xeb\xe0Y\xeds\xc5\x8b\xaf\x82\xb8\xbe\x03(\xce%\x9e\xbe\x1fwq\xb9\xba\xf7\xc9\n#\xfd\xc6E\xea!\xc1\xe5o_\x87\xe8U\xe1E\x1fV\xca\xe9&gt;\xc7\xabc\xfcv\xf5\x03\xed8\xc7\xbf\x0383h\xfbW\x06wo\xf1\xa7\xd8\xde\x11\x0c\xa7\x1f\xe6&amp;\x95\xce\xed^\xa4\xd7\xb8\xbe\x84\x10j_\xeb9$\xf8\xd7\x05\x13\xbb\xf0~\x05\xd6"\x97\x8f\x9f\xe8f\x98\xf6B\xf0\xea\xb7\xab\xef\xf52Ku&amp;\xabVmf\x8b\xcb\\\xf6\xbb\xfb\xfb\xc5~\xee\xd6\xff\xc0\xdd\xe8n)\xd7d\x178\xe5\xe7\xe9+\xfa\xca\x02x\xba5\xc2\x85\xdc\x06\xa25\x855yx\x98+\x9c\xbd~.\x9b\x8bhjf\xc4w\xc0\xc4\x9d\xc3\xf3\x19\xeb\x7fl\x1d\x80=\xf1n\xc3\xb2l(J\xcdS\x96\xeck\x9d\xeb|\xb0k\xabU\xcd&lt;\xec\xb3\x9b\xc5q\xca7\xbdB,\xfb\xd5\xc0\xdd7kA\x19\xc2\xcf(\x87\x03M\xc6\xc3\x8dMv\xcc.\x07!\xfc\x05\xe5\xf4G\xfe|\xec\x18\xb8\xf4\x90\xea\xbc\xdb\xdb*\x92t\xf51V~\x9c\xd5\xbf\xfd{2mK\x9a\x9b\xf5\xc0\x8d\xb2\xa7Z\xc8\x10\xfe\xb2f\xf2[.*/z\xc1\xc86:\x9c\x7f8\t\xd5\xc2F\x12\xb7\x7f\x02\xdc\xc5l\xc7\x86!h}16\xf3\xb3l\x835~v\xdd0\xef\x1c\xb1\xa9%\xff\x14W\xfee\xeb\x00,\xd9=\xc3x\x9aV\x99w\x1dyl\x89\xfa\x03\xc4\x85e\xf9%\xa5\x94\xb5\x1ekk\xa4\x9a\x98\xb5\xca\xc5\x16Ov\xff+.t=&gt;\x87\xd1H\xdfH\xd9$\x0c\xbf\xa8\x15\x18\x9e}\\\xba\xc9\xafj\xc5\xc7\x02?\xdb\xb2\xe7\x94\xc3\xaf*eU\xe2P\xf9\x05g\xc5\x0fP\xaaW\xcba\xa8&gt;\xaf\x8b&gt;\xd0bA\xeag\xec\xae\x89Dim!\x9e&amp;\xda\xf8\xe5\xd6\x01\xf4\xcb\xcfE\xf0\x18\xc9\xe3#\xee\xc4eD\xfa\xc1\xe2\x06\x9e\x00\xc2;\xbb\xc8\xaa\xbcj\x0e(&gt;S\x81\xab`Pb\xc8\x97G\xe3\x01\x18\xc4 \xf5\x1c\xd8`?0\xa5B\x9a\xb7\xda\x9e\xab`\x16\x07\xf1h\xdc\xa5\x01(\xdf\xc3\xe9\xe8\x8a\xca\xba]\xe8E\xce6]m\xd9\x0e\t\x18\xd7\x94\xb7\xe7\xbb&lt;\x8e\xaa\xd2\xbc1U\x03h^\xba;\xd3\xae\xa1\xce\xcb\x7f\xa9{\x97\xb6R&amp;\x80\xd6\x9b`^j\xd5E\x10\xd0\xe0\xa4\x87A\xd6\xc7\xe0\xd5"w\xf3&lt;\xb3eM\x00\x96\xf9j\x04`\xdc m\'Nt\xc0\xc9kHtP\r\xd4j\n\x9bZj\xd8\x16A\xe7\x99\xd6\xbc.\xde\x96k\x12G\x1d\'C?\xbc\x99\xa7\x99\x87\xef\xd2\xdbKhL\x00\x92\xe6\xac\x9a\xdaW\xe2f\xac3&gt;\xd89\x14\xbd\xdb_\xbdN\xa2\xdd\xfd\xe6\xfa\x8b`\xaf\xca\xbc\xfcc@\x95O\x8a\x04\xdb)+\xa9\xf4\x83\xd7u\x8d\xfc\x15\xa4\x84t\xac?s\xebG\xe1\x1a\xac4/\x93|\xd4\x89\x17\xa42\xc1^^\xc1:\xc4\xd0\xc5_.\xebF\xe4B\xae\xbf\xc6\x1d\xf6\x9e\xdc\x13\xdb\x17\xe0F\xdb\xba\xd5\x1b\xff/v#EW\x12-w\xae=M\x00\x89\xe7\xe6\xd6XH\xf8\xfa\x07x\xe1\xb3\x9dl\xa2j\xf8*K\xd74F\xb1x\x9aU\xc3\xdc\xe1\xddp7\xaf?z\x13\xaf\x94Vw\xf3\xf5y\x1d\xb2\xa3\xf5\xfb\xa0\xba\x0cTJ\x10\x89\xd2\'\xf8\xfa\xe5\xe4\xf9\xdc\xef=\x9fR\x96\xd5uv6\xd23-\x0b\xee2\xfd\x94\xc2\xaa\xce\xee\x8f\xb8\xc6%}\xae\xa4R?\xeb\xe8\xcd+\xac\xe2\x0bu\x1b\x92\xca\x03h\xfa\x02\xb8}\xb2\xe1\xed\xeb\'\xf5\x89j\xaak\xdc\xff\xee\xb6\xe7g\t\xff\xf3\xa3\xab\x17\x14\xca\xe7\xee\x022\xd8\xb7\x9fA~\xdb\x04 \x93Z\xa3\x8f\xa5\xf4ri\r&lt;\n\x0c\xf0x,bk8\xe7q&amp;\xba\xeb\x87c\x94n(ek\r\x8dHl\x14\xefQV\x96\xb9\xe7:\x1bAb\xfd\xf7\xd5Jn\xf7\xdc\x07^\x88\xa83\x9e9\x8b&amp;\x80\x8bD\xaan\xe4\xffGU&lt;5B\x08\xe1\x9f\xd5\xa6PqnU\xd66\x06\xbb\x92\x9d\x8fL\x19+\x92\xe8E\xd7\xb6\x94\xbe\xeb\x18\xd2d\xdb{\xec\x9b}U\xdd\xad\xbc\xcc\xa2\xf5P-\x1ebph\xae\x0f\x82\xbdx\xeb\n\x1en$\xef\xf6@_CZ\xfa\xd0\xb6\xae\xab\xb7\xea\xed\x9a\xee\x0b\x8bB\x1f2\xea\xa2\xc5\xf9D\x15\x8e&lt;,\xd9\xa4B\xf0\xf3\x86\x99l\xad6o\xa0G\xcd\x0b\xab\xf7\xeaa\xca\xb9m/\xa2\xf7\xc2\xa5U\xfeb\\\xdd\xc7\xcf\xa2\xfd\xf0_t\xfd\xd4?\xa8P*wP\x18\xc2\xee~e\\^\x07=EX\xda\xe0n\x10H\x15\xa5\xb7w.n\x85\x13\x86\x8b\x10~V6\x8cG"W\x07\x92\xd4\x0fm\x97\xe7\xa7O\x00\xf1\xa3h\xf2\xb6"\x93_\x08\x7f\xc28\x98\x1aJ\x0bz\xbd\xc5V\x08*7!n_\xf2y\xe4acc^\xf5\xf7\xe3\x91EMd\xc2\x7fluz\xc4\xa3\xc7\xd6\x89\xdd\xa9&lt;\'~\xbc2}n\xb0\xf48t\\\xd6\xd2\xf6\x13\xbd\n\xcc\xbew7\xb9\x0c\x99\x00\x9e9\xa9\xa0\xd4\xf7\xa3\xab[\xf4&lt;\xfa\xe0NmU\xdf\'+\xb2\xd77\x9b\xe2J\xc8=m\xbb\x87k[\xe9lWN\xc4\xe7\xa0\x9c\x1e\x92\xc3\xe0\xebi?5M?7\xec~5dU{\xf3\xaac\x875=\xf9%i*\xbd\xfe&lt;\xcf\xd5\xb9\xcfH\xbd\xf5\x1bo\xf1\x88\xcb\xdd\xe2K?x\xfbm\xf6v\xd3\xe3\x11C3+\xbe\xde\n\xc3\xe1\x85&lt;\x94\xf3C!\x9f\xd5}\xba\xf8\x7f(\xf1\x14o\xc5\x89\xed\xb9\xfb\x8b\xd6L\xfa\xcea\xe4W\x93\xd6]5\xf1\x9a\x93Jn\xe6+"C\xf49\xea?\xf8\xf6\xef\xea\xd4&gt;\x93M|\xc9\xa7\xea\xbdF\x91\xb6\xef\xab\xfbt\xdd\xdd\x1b\x06_\xfc\xb6\xee1\x1d\xaf\xf5\xef60\xb4Wy\xff%\xd8\xb3d\xbb\xa9R\xa7o{-\xf9\xb9\x90;\x1dS\xe2\xeb\x0f?\x85R\xeb\xbdIY?\xee\xab\x88\x05d\x88\x1b\x02-I\xdb\xa9\xf9[u\xa1\xd1\xdfo\xf23@\x98eW\x90QX\x96\x10~E0\xf1V\x8f\x9a\xf5\x92\x82\x81\xaca\x9d\xa6}\xe0\xad\xf7\x87\xd3?,2uV\t\x06&amp;,\xb2\xa0\x91j\xcfaY\x1c\x86\xd4\xb1\xf0\xfeP\xd5~\xe6\xec\xe5\xe6h\x0b&gt;\xfd\xe0\x94\x1fN.\xfcF\xeb\x08v\x9a7P\xf1\xb5\xd0&lt;\xf2G)\xf1i\x94\xa2\xfe\x11K\x1f\xc3Sw.\'\x83\xfd\xaf\x16\x97\xdd\xdaO@w\x95\xd6\x84\x9fji\xae\xc9\x82\xc6\xd5*J\xe9U\x8b\xb2,\xe0H/\xebb\x87\xdd\xcbW4\'\xde\xaa\xab\x95\xab\xf5\x8cQ\xbe\xd6YF\x19\xc4\xd3\xcb`\x82\xa3\xeb\x96\xb3\x8f\x03Q\x03\\Jw\xc3\xc1\xe5}\xa7F\xa6S\x8dG5E\x9d\xaa\xa2p!\xb2\x11\x94\x9b\x8ePDO\x19I\xe4u\xf5\xf6Q\x88\x8c ]\xbc\x08\x14\xc2\x0f\xc4#\x11\xe7\xf9\x1d\xa7NU\xbeI\xf58%;\xafI\xe7\xe1\xb9\xf0XC\xad\xee\xa0\xcfa\xb4\xcb\xdaQO\x92\xfa\x8c\x92\x7f\xb2\xc5\x0c\x9f\x04Svn\xaa\xc2BR\xfcJi{!\tf\x9d[\x90\xe3\x1d\xc0\xfd1\x06\x1b\x1aH\xb4\x7f\xc1!\xe5\xe0\xf4J\x1e\xb89\xa4\xf6\x00*c0\xce\x11\xcb\x92p\x03\xf8\xbe\xa2\xaa\xb2(?YH\xc14\x96x\xbc\xde}C\xe25\xe9\xa1z\x0b\xdc=H\xac\xdc\xce\xee\xb32\xca\x89\xec\x85\xcev\xb7\x84/6m\x1fY&gt;\xbb\x15\x9b\x14?\xdf\x97\xb5)\x88\xec\xcd\x90TRR\xa4B\xca\xba\x03Pb\xfa\xe9\xc5\xfa\x14\x18\xfda\xcfb\xd6QxP\\\x90l_WW\xc6\x96H\xbb\xac\xddr\xb5sR\x13L\xf7-\x01\x0c0\xa0\xf4\xae\xb2\x05\xbakA\xe3\x80\x83\xc4\x9f\xb7;\x9f\xde]\xb5C]\xf3gD\x93\xeb\xe2\x86\xe9"\xcd\x9asm\xb7&amp;:\xdd\t\xf1\xff\xb6\x98\xde\x132\xd9\x94\xbf\x13L\xcb\x1b\xe3\x0b\xc9,/\xd9L\xc3\xef\xaa$[\xc9l`Z\xd7U&gt;\xcd\x9as\x15\xe2y\xc8N4G\xb3\x0f;\x08%\xa3\x15\xaf^;\x1a\xf7\x90\xa95\x7f\x13Tu\xa5\xe3\xf3.\xd8C\x0c\xb2\x9c\x97(\xfc\xaf.\xef\x03\xba\x0b\x18\x8e\xec{O\x08\x7f\xd00\x92w\x0c*\x0f\xb5\xcaR\x88\x1c}7R\x84\xdd\x01YyM(k\xb45\xa8\xd8\xfe\xc6~e=N\x87w\x86)\x88k\x917\x8a#\x9d\xe9s\x12r\xf4\x81\x94\xc4\x0b\xe0uH\x88\x16d$\xdb\xab\x96\xad\x03\x116\xfcN\xe9\x99\x9300\x8e\xf0\'o~\xee`5\xf17r\x0e\x0e!2\x9dMm\xce:\x19\xbb\xd4c\x97\x0e\xbe\x1a\xd8~`-\xcb\xee\x10g\xfa\x94\xe0\xaa\xb6\x17\xabx\xce\x95\x93\xb1\xc3\xd3\xfa\xce\xef.S_\r\xf9\xa6\xf7\xf9s=\xe2\x01wW\x03-9\\\xca\x96]o\xe1_\x94dQ\\\xfa\x7fSv\xdaU$\xdb\xd3\xec\xb2\x13+s\xafL\xe1\x90Z\xe2\xf3\x8f\xc4\\m\xdee\x8cg!\xf2N\xbd\xa5\xb0Sp\xa2RT\x96\xc6(\x05\xf2$.\xc0s\x1f0\x9au\xa6\xf3s\x82x\xa8\x0e/\xd7\xc7\xea\xcd\x1e\x92l\x9f\xf0_\xcf^\x1d\xee\xf8\x95\x05\xec\xa4\x8cN\xc2\x002\x14\x8f\x10\x85{PEy\x19\x90\x1d+E\x12;\'\xe1\x7f\x88i\xb5\xd3\xe5\xbd^\x92\rT\x14\x97\xb4\xeb\xb7\x8b\xf6\xdb\xaf\xd3\xc5\x07&gt;\xa9\xa4\xf6\t&gt;\xedutP\xe7\x11\xaa\xf1wQ9"AvQR(\xba\xbb\x11\xb6\x8f$\x97T\x90\xd9;Ei\xaf?&amp;\xa6\x19\xee\x17\xf8\x87\x14\xfc4\xca\xd7\xe6~\xeb\x0f\x06Z\x9e\xe8-/\x8b\xe7%\xda\x19l\x19\xb9\xe9\xdb#\xebes3u\xe84\xfcHp\xf2\x89\xfb\xffMZ\x80G\xf7\xd0o\x7f\xbb\xff\xb1}\x8bj\xdc\x06\xa5g\xfd|L\xf4t\xb3\xb0O\x9f\x08Q\xce\xee\xaa\\=\xbe&amp;To\xc2"\xf7\xea\xb0\xc2\xf5\xf3\x08\xee\xbd\xcc\xff\x85\xacpR\xe2\x7f\x1c\xd3\xcb\xeeH\xd2\x7f^/\xb1\x9d\xa4\n\x92{L\xfc\xc4\xbb\x90Tw\xccZ\xf5\xea\xf3M\xa4\x87\x8b\xeb \x84\x1f\xdf\xfd\x9b}-ef\xb5S\xd0\xdbdc\x93\xeaLM\xd6\xb9\x05\x99\x1eNQ\x1d\xd1Rle\xc8\n\xac\x95\xf8\xacP\x1f\xb3\x93R;\t\x03.h\x8fn\r{\xdb{\t\xff0\x08\x86\xf3O\\\xae\x92\x12\x1d\x96{\x89GN%\xab\xe0Y\xf7sW\xdd\xe9\xd7\xf2\x82K\xcb\x08(q\xb5EX5\xd8\xb5:7=\xc1\xb2\xbb\x10\xc1\xd8\xc6\xb8nw\x0ba\xa3\x86\x139X"\xbb\x8c\xfe\x90\xb2\xe6\xc8\xc9z\x84\x9e\x93\xab\xe8\xc67vb\xd7\xeb9_\xce\xb5\x18\xaf\xdc\xbb\xd5\xb4q{\xf4\xde\x03B\x08!\xfc\xbf\xd6Q|\x13\xacf\xee\xca##)\x94-\x08\xfcw\xa1\x94\x08\xffL\xe9\x89\xe2\x04+\xd4\x7f\xd3x\xf4Xk\xf7\x0b\xea?\x9a\x9e\xc5s.\x15\xc1\xa4\xcbZ\xc1m\xff.Z\x8c\xc8\xf7E\xbd\xfe]V\xc0\xc8R\xcb,\x0c\x11\x96\x13Ow&amp;,2\xae\x15\xac\x98\x12O\xd4^X\x1d\x12\xd7\x9efn\x93\xfd{\xcb\x12}71v\xae\xbf\t \xe5W\xcd\x97\xcc\xcd\x03\xf8\nC9}\xad\x94\x95\xd2\xc5\xf0\n:}\xf3k\xb5lg \xf6[\x89tr7\x1f\x9aW\xe3&amp;v\xa3`\x18@\xc3\xea\xb0\xd98\xf2\xd2\xde9z\x8cy\x10~\x06\x08m\xe7+\xef\xb0&gt;\xbd8\xbepk\xf8\xe1\xf5A\r\x91\xb1U|\x7f\xe6\x94\xcem\xca\x87:|\x98 \xb5GF\x83\xc1\xf7\xa6\xe0\x89\xe7vw\x87\x14\xfe\xb8R,04\xcf\x1c\x10\xf1\xdb\x12\x89\x84\xf7+\x1f\x89\xbb"\xb5\xd9\xd5\xa5i?\xe2x\xebiM\xa6d\xd9S\x00\x01\xfd\xf6\xbc\xac\xc8\r\xc6\xe5\xcbw\x04\xf7\xf7\x04)\x19%\xc6\xb2eT8\x01$\xc7\xf3\x98N\xbf\xfd\'\xdd\x0ce\xc4t\xb4\x17A6\x97\x8dx\x1e\x95\x91\x17\x9cY\xbc\x8a?\xfc\xaflTYa\xa4\x1e\xac\x16\xc6G.\xfa\xdfxS\xdcI,\xe7\x92\xe7^\xc1\xc4\x86\xe6d\x1f\xb7\xc6O\xbc\xbcnC\xc21~\\F\x16v\x16\xf3\x0b\xfb\xf2!\x8ae\x00\x1aRF\xcfo7R\xa55P\xd6\xd3$7\x12]\xbeq+\x1b\xd5\x00]\xb1\xb1\xca\x1aL\\\x86\x18\xb4\x92\xff\xc1}s\x17\xe4i\x7f\xc9\xd1\xab\x96\x95\xa4v\xa5\xec\x1dj&gt;k\xc7oN\x96\x13\x00\x92\x9c\x07\xc7\xf1\x9a\xe1s\x95\xac\x9b\x91A"\xbd\x8f\xf8\x07\xaaka\xed-\xb2\xb1/\x1cqT\x91;)\xf7\xb0\x03&lt;\xf1\x13\xbc\xe9v^\x15\xe2O2\x86\x9am\x92\x85_\x1am\xa2\x05.\x9c\x970w{\xcdI\xa9\xd5\x9c\xdb\xc9\xa3\xe9xRw\xbf\x95\x1dM,\xc7&amp;\xf1\x9d\xd9^F\xd5\xb28\x9d\x14\xd0C\x0c\xf0\xee\xb8\xb3\xbc\xfb\xdf\xca\xa4\x12\x7fUp\xd8\xed\xe9\xd1\x04\xcd\xae\x86\xc7\xe9!+\xb5\xff\xf4\x94\xd7c$\x03\x0f\x04\x82\xf5\xac\xed\xf2B\x9b\x8d\xb36\xc1\x95\xfd\x80\xf1\x13\x82iJ\xbc\xf0\x93\x95H\xc1\xb6\xd5\xf1*u\xff\xb6\xdf\xa3\x1fq\x16\x0f\xf6fk\x9a\xd9\xca\xeb\x9d\xea\xf2\xf0\xb0\xb3d\xdf\xf6\xadz\x9bF\xbe\x0e\x17\xf2\xb2\xdbY\x1a\xa7h\xd7X\xd5\x83\x16g\xadif\xda\x82O\xcd\xed\xe5z\x97iM(\x85O\x9bo\x92*NP\x95\xf8\xf3\x8c\xc3?\xd2O\x11&lt;\xf2\xea\xdcX\xb2\xde\x1a\xa5\x0bT\x9a/*\xcb\xd5o)\xb7\x8f$\x9e\xbe\xd25,\x95\xec\xb6\x7f?\xcf5\xd3QIo\x97\x0e\x0e\xd6:\x80\xbc\xbc\xfdwO\xeb\xa3\x9ak\xb5\xa1\xcb:\xdc~(5\xc7\xd4\'b/|\xbfu\x04\xc9:\xada\x03\xdaC\x045\xef\x94\x87WSRbp\x12\xe4\xdd\x0f\xa5\xf6\xcd\xb9J\xca0\xbe\x148&lt;\x174\xcb\x0b\x8e8\xb9\x93xL\xd6\xc3S\xebH\x0c\xb9\xe1\xe9\x15\xa7\xf9L\xd9\xc4\x9c\xa5~\x14\xc2\x7f\xfb\xfa\xf7\xc3\x91\xea\x13\x00\rt\xcd\xac^\xce\xf9X6\x89\xcdsB?\xe2\xfd\xbd\xc9\x04\x10~G)\xcf\xf6F\xe81\xfa\x1a^Yc\\\xd4N\xd9Tn\xfa\xf3\xb4\x903\xe1\xff\xc89\x91\xd8s\x82\x94$]\xd0{\xa6\xdd$\xdf\x81MU]S\x15v\x16w\xdb\xd0\x95\xfb\xfb\x8a\xabT\xe5\xf4\xed\x9d\x9b\xa0\x8b\x81\xb8\x8b \xa5t\xfa\xf6A\xa5\xb1K\x07\x0b\x0e\xfbP\x08\xe1\x17*\xce\x95\x8d\xa4\xe0\x14\'\xcf&lt;\xda\xee\n\n\xf2S\xa5\xde\xccYjX\xab\xecg\xaa\xddTo\xc4/[?\xbb\xbd&amp;\x7fh\xf7o\xaf1^\x98\xea&gt;\x06\xf8&amp;\xa5\xcfo\x9b-~^S\x89d\xa4\x94\xe7+Y\xc1wx\xce\xe7\xe6\xbeLU\x9c\x9dl"\xc74\xc5S4\xd1i\xd8@6\x83q9\xeb\xf5G\xd9\xec\xfc\xaf\xe3\xea\x03d\xb9\xba\xf4\xd0\xd0\x93\xe8\xa8!\xbek\x1d\x80\x0b\xeb\xba\x96\x9d\x98\xde\xd2\x87,j\xd6\xb6\xaf\xb1.D\xff2xq\x89.s\xd4V\x17\xac\x00\x9fo\xee6\xb7M\xab\xc2\xdb}\x82i\xb9Ty\xf5\xa1\x03m_\xfe\xdd\xdeC:\xcd\r\x17\xb3EJ\x82R\x81)\x1d\xac\x9a\x88\xc3W9\xa8\xb5\x00\x00\x0c=IDAT\xbc\xbci\xfe\x84\xbf\x0b\x917\xadSS\x18\xb4ff\x91\xf0\xca\x84pv\xd1-x\x81\xf4\x1f\x7f"\xcb\xed3\x95S\xbeM\xb2M%\x1e\x1d\x03S"*jvR+\xee\xb4c\x92Br(2u\xed\x7f\xe5\xf6I\x86\xab`\xea\x19\x17\xc6y\xddq[\x89\xf2\x87\x8a\xf1\xcf\xc5\xe4n\x92\xb4\xddhJ:L;\x0e\xbc5\xec\x0f!\x84?\xdb$\xe3\t0\x078\xa51\x01\xe4\x9en\xf5\xc1\xa5\xd8b\xbc\xc9\x13\x82.$\xec\xf8\x954\xba\xc8\x91\xe2x\xcd\xea\xac\xbeF\nR\xa0\x19&lt;:\x0c\x94!\xfc\xd3\x9a\xd3\xf7?Ll\xed\x9an\x91\xb2\x1bS\x9f\x8b\x12\x87!\xf5B\xaf\xea\xe6i\x94\xb6%m\xbbI0\xbb\xd3\xa0\x1f\x96\xd2U\xf3\xd5P\xfb\xef\xc2\x89H\xd8\x97\xb9\x17\x1f\xe9\xb6\xff\x89\xd7\x98\xdb\x92\x16\x1b\xafD)\n6c\x81$\xfb9 ~\xcc\xf9\x87ww\x00\xb2\x11v\xedP\x17w\xf5C\xa5%\xa2\xa2\x8aQuS\xd0\x18\x82o\xf7[\x84r\x9f\xa7k\x1a\x97\xd4\xc3|\xdc&lt;\x00,W\x9f\xb6y\xff\xdc\xa8\x87\xd0\r\x9cJ\xe9\x01\xb1\x9b\x83SRz\xed,\x928\x1d\xd1\x98H\x85\xd3jz4\xea\x96\xd6\x12cP\x95\xf5=\xe054\x9f\x9f.\xc8\xbax\xeaP\x91T\xe4?\xf5TfTvv\xee\x0e2\xa3\xad[4\x0c2d\x8d\xc8R\x97\xbd\xe2\x83\xdf\xf7\xff2@e\xc9\xbd3\xf3\xb0qT\xa0\xc7\x98\x81*\xf1N\xff1\x01\x88\xa6\x9c\x9a\x88t\x820\xe0\xb3\xa5\x1e\xa7\xa5\xc7\xb0\xff\xb0\xd7\xa2\x01\x85\xdav\xe8\xf4\xbb\x8aN\x17\x95\x1ePkR\x1a\xd6$\x8d\x08\x15&gt;G\xd5\xdb\xb7\x86J_g.(\xe4~\xee\xc9?;;\x97\xca\x83\xfd\xb4\xa3\x9fH\x10\xd7QC\xc9~2\x94\xbf\x07\xf0e]\xd7\x94Z+\xbb\xaa\xc3\xb2\x84\x9f*\xf9&lt;\xfd\xddw\x8b\xbf~^\xf0\xcd\xe3e_U\xee\xed\xb6\xe3\xae\xe0\xaf\x18\xfd\x84\xea%\x8e+\xa1b\x19\xd1\x8aR\xa8"_\xe0oT\x8d9\xaf\x1az\xbbl{5@%:\xdf\xe0\xca:,~\x8a\x93.\xdf\xd1\xb5\x17\t\xb5\x97"\xecY\xd6\xbc\xf6\xdbz\x96\xb9\xe0\xd6\xf6\xee\x87i\xdfz\n\xe9\xf0\x9f\x13\xf6\x8c\xcb\x02\xbb\xad\n\xb7\x81-=\x0c+\xb9;\x846%\xd2[\xd9|\x9e\xdeA\x03\x8d\xec\x9f,\xcb\xd2\xc3ErI#l\xfb\xaa\xf8\xba\xab5\xceX\x8e\xcf\xfe\xe33\xaa\xb3\xfa7\x97dI=\xb2B7\xa4Z\xd1sO5S\x1c\x95\xb7\xe2x\x8bgT"\x8bzo\x8d\xe5-\x1e\x08\xd0\xbb\xfdt\xd5],\xcb\xe8\xaa\xe0\x1a\x86/ \xee\xd0\xf4~\x15\x0c\xe5\xd1\xd7\x13\x9f?k\xf6\x1f$2\xd2s\xb7\xe7.\x96\xbe\xd0\xdcY\xf8\xa6\x96\xd7\xac\xf5\x9a\x9a\xd1\x07\xb8\xa5\xb1\x96\x97J\xce\xf3\x13\xc5\x1a"\x93\xee\x905#+\xf4SK\xfe_`\xd3\x8e\xaf\x97\x96\xea\x98j\x15\xa7\x0fj\xe9o\xe3\xb9\x9a\x00\xce\xa3\xc9\xc7\x8bk\xce\xa2\xd56MA\x8d4\xec9N\x9e&lt;\xcfs\xed4SP\xc5m\xdb$eC\xc90\x98\xbc\xf1\xdd\xf8\x81\x9e\xf1[t\xb9y\xfd\x84R\x1cB|\x8e&gt;6K\x8a\xa9\x16.S+\xd8v\xf8z1\xd1\xcdv\xfc\xd2*\x98vo\x85\x0e\xa0\xc7\xb28\x89Y;\x0c&amp;\x80Y\x98\xac&amp;\xbe6C\xbe\xf9\xdf\x95\tv\xf9\xc2L\xfd\x86\x98\xe0\x89\x1aG\xc2\x9eF\xebxnq\xcf\xb1\r\xe8U\xd95\xe3QT\xf9\xaeq\xfaH*\xd2c^\x89\x14\xdc-i\x04#Ed6\xda~\xfb\x8f\xebr\x11\xf4\xb7\x122\xf5\xd6\x16\xde$\xd6\xcf\xfe\x18\x9b\xda\x94j5\x89\xef@\x1aN\x08\xe1\xf0]c[ug}\xf9\xdak\xb0L?\xbe\xe0\x9b\xdd\xce\xa1\xd6\x1f\x19Kd\xe2\x1e\xf3\xea\x03\xf5u\xe8\x84H\x7f\x98AJE\xe9U\xa6v3M\xd7\x03,G\xcc\x92Y\x9a\x8b\xf2I\xab\x81\xf8\xb1?\x94u\x18\x06\xe2\x08\xe3\xf5M\x99\xaeW\x06|\x1d\xb4\x8a\x10\x96\x10~\xf1\xfd%\xb3\xeb\xde\xe3\x99\xb3\xdd\x92\xa7\xdee\xbf\xff\x91T\x8d\x15\xc1\xdc\xfd\xea1\xd3\xd7\x01\xb35\x9f\x9e\xac\x9a|\x9c\x9b\xcb\x02\xb0lKz\x8e\x05\x9bZ\x0e!\xfcZ\xdaa\xd7\xcf\x04f\x92U\\\xed\xda\xb9L~\xb6\x16\xc1\xe6\xf9!\x8a\xe8\x03\xb6\t/\x7fkY\xf5[\xdc\x18\x89\xa7\x1d_\n\xeag\x0eh\x15a\x17\x95\xb3x\x8a\xd3E\x10\xdd\x12yA@6/Y\xd3m\x01\xad\xeb\x9a\xf8\xb1\xa0\xc8\xa3\xe0\xe7\\\x12\x8f\xeb\xf6\xeaL\xfc\xebi5\xee\xd2o\xb2\xff\x93Ku\x9f*\xc5\xd7J\xc2\xcdT\xd4\x8b}u\xa57be%\x1fF\x9b\xc7\xb4\xa4\xdat\xba\t`Y\x96u\x8d\xb5k\xcd.pA$\x9d\xd2~\xe6v\xb7\x15\xa3\xfbFDQ\xafH&lt;@Ux\xbf\x9e{w\x07i\xbd\x9dm\x98\x97\xb8\x92?\xb3*\xfd\xb6HJr"M\xda\xed\x08\xa4F{\x949f\xb7\xdc\xee\x82{~\xaf@\xb6\x96\x8c\xeb\\D\xfa\x1b\xb1\xda\xef\xce\n&gt;,\x8dd\xd1]\x03!\xc5\x8cw\x00\x11\xf1ki\xff\xdb\xa4M\xa4\xf7\xffEtzU\xc9\x0e\x07\xfe\x07\x97\xf3\xb2:=b\xf1\xb2\xed\xe38F\xf5\xf4\xb2\x19\xfbA\x0e5\xbc\xbf\x9ct\x02\xb8{F\x17\xbfx\xf6\xbf:\x1f\xf6\xa7\xcfc}\xf8;K\xf4c\xbe\xf1\xedY\xe7\x97j\xfad)\x95fe\xe2\xa7D2\x0en\xbe\xa7\xbf\xb7\xc5\xb1\xd5\xc3y\xdc\x8f\x05\x1cB\x08\x7f%/G7eO\xe7\xe79\xfc\xa5Cl\xad\xe6\x80\xfe\xdaU\x8a\xf8]mX\xbe\xee\xf6\xd7w\x16\xaf_]f\x94\xd2\xa2\xce/\xbc\xaew\x06\xba\x0e~\xf9\xe8?\xf7C\xfd\xd2\xe5\x06\xa3\x08\xa5\xf6\x95J6+\x9d\x10\x82R\x83Mz\x07\xb0h&lt;\xd1}\xfd\x7f\x08\xcb\xb2\xfc\xf3\xc3~\xd1\xef\x1f\x0f\x1ec\xf4o\x1d\xc2\xbc&gt;\xd7\xfe\xb7\x87\xad\xf7\xb7\x02\x034_\xbc\x08J\x97O\x93\xab\xd2\xd1\xedg/T\xfb\xf7\xfe\xee\xf2c\xa0\x7f}\x06\xf8o\x1e^\xf0\xbfL\xe1\xf6\x13\x00\xb1\xd3\xd0H\xf8\xf5\xd6\x11,\xcb\xb2\xebl\xb7o\xfb\xdc&lt;s\x9a\xa7\x83\x8dZ.\xe4\x91\xea\x07\xe1*\xa9H\xe2\xdb/\xc2\xef,\x91\xeb\xecq\xf4\xa7\x1f#\xe2\xae\x8b\\v\xd7e\xb2\t`\xd4\xa2i\x98\xe2\xc6"\\}\xa4+k\x03\xae\xf8\xe5\xb9e\xdc\x07\x00g\xaf\x1d\xe7\xee\xc2\xee\xceW\xe7\x89\xd6\xf5\xeb\xb3\x01\xcb\xbaN\xf5\x18\xa0\xf8j\x9d\xd3\x14\xcf\x00\xee&gt;\xd0\x9b2\n\xd7\xac%\x06\xde~\xbd\xb46\xfa\x92N\xe3\x1c\x1d\t_\x7f\xa9\xe2\\\x0f\xeb\xee}\x84\xeb\xb3\x8b\xbf\xe9$\xe7\x9e\xd8\xd8\xc0\xa3\xbfF%O1\x01\x1c\xe4\xbd\xd2\']\xe9n\xae\x94A\x0c|\xc1?[?\xc6\xf7\xcb\xf7\x9au\x86\xe6c\x9d7\x98\xf8\x8d\xf33w.\xa0F%O1\x01\xfc\xe7\x9b\x9f\xdfU\xe8\xfe\x9a\x91\x7f\x01\xfc\xfd\x15\xd1\x1d\x7f\x11\x04\x9c\x08\xe1c\xd3\xff\xfc%WRO\xc2\x8e\x1f7\x13I\xb5\xce\xe8{\xfd\xaa\x9f\x1fDL\xf8K\xca\xe9o\xff\x18\xee\tpw\x91w\x17\xf0r\xe86\xe7^\x149x\x94n6&lt;\xb3\x86\xf10\x95;\x12\x82\xc0\xea&amp;\x84\xe3\xbd\xf9\xe9\x80\xb0\xaek\xe4C:\xcb\x10;\x1b]&lt;\x8e\xeb"\xc8\x97}\xe7\xfc\x18\xbb\x0f\x8fyw\xe5y\x1a\xe2/\x8a\xdeQ\x85\x0c\xcc\xac\x15\xa6\xd8\x02zI\x99T\x85\xea\xfc\xf9;xC\xf4+"\xb8\x02_\x0c\x96\xa8\x1dU\xf5m\xa4\xa7m\x9f\xd4z\xbbJ\xb0\xa3\n9\x1b\xe6\x9e\xc6\xac\x15:n\xec,[\xcf\xd8j6\xf2\x8e\xa6T^\x87\x1c\xbf\x0eX\x1e6g\xeb\xa3b\x1d7\xb6s\x1f{\xfd\xf7\xfa\xfe:\x92\xf0\xed\xfd\xcf\xfbn\xd6\xa2\x7f\xd0-\xbd\x99\xe5\x0e\xe0\xfc,\xf7\xf5\x13\x83%\xc3\xc7v\xed\xb2\x84\xdfS\x1f\xfd_\x89\xfcF}*\xe8D\x08a\xdd^/\xf8v\xb3\xbb\xbb\x0f\xb8\xeaQ\x82\xc3p\xfaE\xd4j\xf4w~_\xd0\xf0y\x0c\xb3\xb1\x8a\xc75\xfe\x9dy\xd6G\xdbb0kU\x189X{u)\xf2|H\xd0a|\xbf\x0c-2\xac\xcc\xd0\xd3z\xb9\xe1h\x18\xe7,w\x00\xb2\x1e\xc7\xf6\xaf\x8fD\x1d\xef&lt;b\xcd\xdcEgMq7\xee\x84\x10B\xf8\xf5\xe5\xb5M\xb1\x15\xf6=\r\xa4\xa4\x9c\xf8e\xdd\x1a\xfc6N\x08K\xf8\xe1\xac3\x86\xe9ich\xd8\x1c\xf4\x03#\xfbG\x0e\x97\x83\xddH\xd7\xa4\xf1\x8a\xa6\x97\x85\x9e\xb8cGz\xd7B\xd8\xfd\xff\x85i*K\xef9\xdf0\x86\xad\x9a&amp;\x83Bz\xa6\xe7\x87\xd2Hw\xa8\xe70p?N\xf3\xb1\x1d\x14\xbf\x97\x1a\xab\xc3\xc5\x87x\x87\x13\x80\xb7\x90\xbc\xc41\x86i\x97\xa2J\xa8\xcfD\xe9\xcf\x9c\x06\xab\xcf\xf8B\xeaq\xb4\xa5\x83M\xfa\x0c@\xe9\xb1\xfb\xe4\x9d\t\xad|\xfe\xe1\x97\xcbN\xb8.\xcb\xcf\xc4\xfb\xe70/\xd1\xef\xf0\x97Tp\xa5\xa0\xaf\x8fxy`d!\xe7M\xb4~\xbb\xb7\x9f\xef\xb4\x10\x0fC*9\x17\xb5cL\xa4[\xec\x13ILM\xbe\x13\xf8\xe8\xdc\x18\x1b\xddL\x84l5\xd2(\xe5.\xeb.\xb7B\xfd,.\x00q\xf4mK\xd4vK\xaf\xdaW\xda\xf9\xa1e\xd1D\x08\xe1\xef\xb7\x8e\xc1@\xcd\xe5\xc5\xb0\x8bo\xc2}oP\xed%sv\xc1\x86\xa5\x9e\xaa\xc2\xa7*l\x81\xe2\x95\xdf0f.\xbb\x80s\xe5Q\xa1)\xd2\xee\x9c\xa8\xc9Z\xd4\xa1C~\x9a\x84\xee\xf1,\x9c\xff\x8e\xd2\xc7o\xc3\xe1?g\xa8\xd3\x19\xca8\x80Iz#\xca\xd07\x9e\x9d\xf7\x85\x0e\x17UM%\xda7\x00M&gt;\x1bZ|H4\xab\xba\xc8\xeai?+\xa4\xbc\x06\xcaB\xcc\x1b\x9a\x03\xb2,\xfb\x93\xe5x2\xe9\'\x81_\xee&gt;%\xf8\xed\x1b\xb5\x9c}k\x07\xd2\xd1j\x90e\xd9\x9f\xe8\xbd\xea\x1e\'\xd8\x10\xf2\xe6a\xa5\x19\x9b\x95,\x00HJ\xffL/\xe3\xef\xd8h_\x0c/\xde\xc9\xa7\xd8\x02\xda\xbf\xe7\xb3\x7f/\xf8r\x88\x0f\x9f?\xe5\xb3\xddR\x1c\x96\x9d{m\xe7\xdc\xf5\x98\x0e\xc5;\xf9\x14\x13\xc0e\r&lt;\x8cG:\x9b?\x1eF\x9c\x10\x82\xfd\xcdM\xd8}\xef\xee!g\x87\x13\x03\x9ch\x7f\xb5\x8cn\x8a\t`\x89\x8d\xbc\xb5}L\xea/\xcb\x9b\x8d\x83\xeb\x9bMv[\xa6\xbb\xffb\xc4\x07L\xdd]rSL\x00\xe1\xfb\xb1_.\xd5\x83\xaf\xc8`\xfa\x9aHD\xbe\xc3\xce9\x0f\xb7A\x98G_\x97\x8fV\xb4]U\x82\xa2\xb0\xf3\xf5\xc3\x9b\x8f\x83\xa5l\x95\x086X_=\x15\x808\xad\xf7\to~&gt;\xddZl\xff\xc7\xf3\xe2\x7f+\xee\xf0\x93\x94\xbf\xa6T\xb6\xb6\r\t\x7f\x97.\x84\x10I=%\x05\x008\xf8C\xad\x03\xb0\xb0\x1f\x9d\xd7\xcc\x1dh\x83\x815%\x8bu]C\xb8\x9d\xaf\x87\x19\xfd\xf9\xf0\x1d`i\x8ag\x00\x87\x01%a\xb9\x1d;\xf2\xf2\x0bf\x0fGj\xdc\xc7\xcd0*\xbe\xaa\xf1\xbc\x1d\xd7(\x1c\xa0K\\0I\xee&gt;\x04 \x9e,\x12E\xfef\x03f@\xeb\xa3\x81\xfd\x03\xdf&amp;\x9f\xfc\xa2\xd7\x03\xd0\xc0\x9c\x9a\x87\xda\xd2C_LA-A\x10\xdd)\x0f\xf5\x95\xab\xf9W\xe6\x8d\x87j\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t>
        </is>
      </c>
      <c r="E219" t="inlineStr">
        <is>
          <t>&lt;class 'numpy.ndarray'&gt;</t>
        </is>
      </c>
    </row>
    <row r="220">
      <c r="A220" s="1" t="n">
        <v>218</v>
      </c>
      <c r="B220" t="inlineStr">
        <is>
          <t>steps_per_sec</t>
        </is>
      </c>
      <c r="C220" t="n">
        <v>3200</v>
      </c>
      <c r="D220" t="inlineStr">
        <is>
          <t>10.258526</t>
        </is>
      </c>
      <c r="E220" t="inlineStr">
        <is>
          <t>&lt;class 'numpy.ndarray'&gt;</t>
        </is>
      </c>
    </row>
    <row r="221">
      <c r="A221" s="1" t="n">
        <v>219</v>
      </c>
      <c r="B221" t="inlineStr">
        <is>
          <t>Loss/object_center</t>
        </is>
      </c>
      <c r="C221" t="n">
        <v>3200</v>
      </c>
      <c r="D221" t="inlineStr">
        <is>
          <t>0.31925532</t>
        </is>
      </c>
      <c r="E221" t="inlineStr">
        <is>
          <t>&lt;class 'numpy.ndarray'&gt;</t>
        </is>
      </c>
    </row>
    <row r="222">
      <c r="A222" s="1" t="n">
        <v>220</v>
      </c>
      <c r="B222" t="inlineStr">
        <is>
          <t>Loss/box/scale</t>
        </is>
      </c>
      <c r="C222" t="n">
        <v>3200</v>
      </c>
      <c r="D222" t="inlineStr">
        <is>
          <t>0.0900768</t>
        </is>
      </c>
      <c r="E222" t="inlineStr">
        <is>
          <t>&lt;class 'numpy.ndarray'&gt;</t>
        </is>
      </c>
    </row>
    <row r="223">
      <c r="A223" s="1" t="n">
        <v>221</v>
      </c>
      <c r="B223" t="inlineStr">
        <is>
          <t>Loss/box/offset</t>
        </is>
      </c>
      <c r="C223" t="n">
        <v>3200</v>
      </c>
      <c r="D223" t="inlineStr">
        <is>
          <t>0.20824108</t>
        </is>
      </c>
      <c r="E223" t="inlineStr">
        <is>
          <t>&lt;class 'numpy.ndarray'&gt;</t>
        </is>
      </c>
    </row>
    <row r="224">
      <c r="A224" s="1" t="n">
        <v>222</v>
      </c>
      <c r="B224" t="inlineStr">
        <is>
          <t>Loss/total_loss</t>
        </is>
      </c>
      <c r="C224" t="n">
        <v>3200</v>
      </c>
      <c r="D224" t="inlineStr">
        <is>
          <t>0.6175732</t>
        </is>
      </c>
      <c r="E224" t="inlineStr">
        <is>
          <t>&lt;class 'numpy.ndarray'&gt;</t>
        </is>
      </c>
    </row>
    <row r="225">
      <c r="A225" s="1" t="n">
        <v>223</v>
      </c>
      <c r="B225" t="inlineStr">
        <is>
          <t>learning_rate</t>
        </is>
      </c>
      <c r="C225" t="n">
        <v>3200</v>
      </c>
      <c r="D225" t="inlineStr">
        <is>
          <t>0.00073</t>
        </is>
      </c>
      <c r="E225" t="inlineStr">
        <is>
          <t>&lt;class 'numpy.ndarray'&gt;</t>
        </is>
      </c>
    </row>
    <row r="226">
      <c r="A226" s="1" t="n">
        <v>224</v>
      </c>
      <c r="B226" t="inlineStr">
        <is>
          <t>train_input_images</t>
        </is>
      </c>
      <c r="C226" t="n">
        <v>3200</v>
      </c>
      <c r="D226" t="inlineStr">
        <is>
          <t>[b'512' b'512'
 b'\x89PNG\r\n\x1a\n\x00\x00\x00\rIHDR\x00\x00\x02\x00\x00\x00\x02\x00\x08\x02\x00\x00\x00{\x1aC\xad\x00\x00 \x00IDATx\x9c\xed\xbdy\xfc}\xdfT?\xbe&gt;\x19\x8a\x0c\x912U\xc8\x10e\xfaJ\x86\x8c_CJ\x93\x14Id\x9e\t\xa5\xafB\x992\x94\x0c\x91)R\x08\x85\x88R\xa6\xca&lt;D\xe6\xa1\xf8\xa9\xa8\xd0 \x95\x10\xe1\xf9\xfb\xe3\x9e\xb3\xcf\xda{\r{\xed}\xce\xb9\xf7\xdc\xf7\xe7\xb5\x1e\xef\xc7\xfbq\xee&gt;k\xaf\xf5\xdck\xaf\xbd\xd6\xda\xfb\x9c{_D\'tB\'tB\'tB\'tB\'tB\'tB\'tB\'tB\'t: \x10\x01\x00\\\x1eF\x15i/%\xc9\x01\\u\xa7\xa8\xd0\x9b\t\xdf!\xc9\xd9P\xdc\xc5\xc8\xb3k\xc1eU&lt;Y/\x01\x9b\x8fe\xd7\x8a\x9bPb\x00\xeb\xaeX`\x87\x81K&amp;\x02n1u\xd7\x0c\x85\xf1\x16\x93F\x99(\xd32\xf4\xfbrxL\x82\x1c\x94\x14b2\x00\x940Df\xb6\xa4kV:\xf0\xbeD5\xf1z/\x0bI\xb3\xac\xd9\xb4\x86R\xb0\xff\x97\xa2//-\xb0\x83\x0e2A\x1dt$0W&amp;\x19\x80\x14\x9eZ\x02\xe0\xb7A\xf4\x96y\xc6M\x0b#\x13\x8b2v\x83\xb2\xc0m\x01\xa3\xdc#q\xef)\xe1\xc9\xa0\t|o\x8a\xd7J\x84e]\xd8\xc5+\x86[\xb7\xc8L!\x91L\x03\xc9\xb3\x14\xd3\x9e\xc5JP\xb9\x96\xa4\x05&amp;N\x81Y\xd5\x9e\xb7d\xe3\xf2-I\x1c\x98\x18\xa0\xd7\xcb\xbeU\xa5\xfb\x879\xd7^\xcb\xab\xca\xdf[ \xbaG\x80g&gt;\x98U\x13\xc0\x82\xb2\x8f%Q\xadK\xbe\rX\xb9]\xb1V\nKF\xf8\xb3\x84\x0b],Jr\xe1I\xc5\xa7\r\xed\x16\xaa\x1c\xde\x84.\x8b\xe6\xa2\xf6/\xe4q;d\x02\x87\xccd\xaaN\x91\xbaL\x1e\x93\x90\x81\xff\x132\xdcOa:O\x8aL\xac\xb4\x8f\x82\xe4G\xc7\xf4\xf9H\x913J\xcc\xfb\x08F\xf1\xcaW\xe5\x897\x9ePA\xfb\xb1R5V\xec\x99\xac\x1aw\x11\x98\x9b\x1a\xe9\x02$\xc7\x13\\\xae\xb2\xa4\r\xa9[\xc8~\xc8\xaf\x13\x8a3M\x8a\xca\xdaY&amp;\x00.\x07 \xfc\xc1\xd42\xf0_\x92\xdde5;\xe5\xd2\xb8F*\xb4\xb0\x1c\t\x00\xf8\x10e\xf9 \x1fT\x82\x1a&lt;\x9f18y\xde\xe3\xc3\xe4\xe0\x89\x08\xb8\xcca\x17\xae\xe5{\xa7&lt;\xe1\x05\xeb\xab\xd8\xe3\xd4\xb6\x87\x81\xbc{x\xdf\x17\xaf$N(JY\x91\xac2\xe4Q2"\xed\xca\x9a\x90\xc5i\'\xf3Q\x86\n\x19\xe2\xb3[\xc5\x86C\xbb\xb6\x18\x14\x15*Q~\x8au%\xc1\xa9\xd4\xe3\xcaD0-uH\\\x94\x0e\xd8\x9d\xc2\xe2\xee\x8b]\x15+\x91\x03\xb0/a\xec?^\xf8\xe1pf\xb8\xdc&amp;\xedc\x1f93\xcd\x9cr6_\x86\xaa%\'?\x7f\x88\x18\x11\xb8\x84*dG\xff\xdc\t3\tg\x15w-F\x8f!\xf82Y\xe33\t\xf8v^\x1d\'\xb1\xa9\xc67T\x97\x8a\x92A\xb8kN\xf1\xfd\xe3,\x01\x10\xe1\xb9E\xb60c\xb4\x1c\xf2\xf8\xa8\xa0\xbe\x02\x12\xcfw\xb8lA\xb2\xb4I\x0b\x14w\xf7\xbf\xd6\xd4\xb4\xbd\xb0\x8aE\x0e\x10\xf8\xe6\xec$"\xb5\x10p\xeeCCh\xa6#\x98\xe1\x9b\xa4\xc0\xa7\xdd]\xfc\x8c\xb8CZ\xbe\x05\xf1\x12\xd5\xc4\xcf\x1e\x05\xcb!dY\xe4\x82S\xf8\xfef"\x00\x17\n\xe0\xe1\x8a\xe4&gt;C\x96\xea\x00]x\xb8u\xb5\xa1\xd7{\x8c\xe8yAMc\x9e\x80\x0b\x83T\x13\xe1\x1c\xaaJ\x0b\xa6\xb1U\xa9\xbeW\xdbR\xac\x05\xd1\x0b\x8f"4\xb8tX\xfc\xc7b\xbdM9^3\xa5\xaa\x93r\x8b\xffyb\xa8mu\xed[y\x14\xd6\xd2L\n\xacSq\x1d\x8bG\xbc\x18\xaf\x02\xe3E\xba#\xaa\xaa+\x0cob..\x9ahJ&lt;\xcc8;\n\xbd\xf8\xb1\x9c[n\xc1\xc1\xd7\xcb\x7f\'t\n\xd0qG\xe1\x03\x92uLAD :S-DZw\x8b\xd6\xf8\xf4,2\x8dj\xa0O\x17|\xc8x\xb5\xb7\x01j\x05\x03"\\V\xe9\x18&lt;XS\xa4\xb5\xf69\xa5i\xff\xd6\xc0mN\xa6`\x7f\x84\'\x1c\x1aA\x17\x1d\xb7\x878\t *a\x0c\xf7\x0f\xc8\xc4\xa2\xe4\x99\xa3\x82\x95\xc0\xb7\xad\x05\xd3\xe0p\xd2y\x0b\x80\xd7\xcc\xc0&amp;\xc5\xfa\x8d\xad\xc6\x06\xf0\xdan0a]s|`\x8d\xe2K7\xe33\x96\x94\x16\xec8\x7ft\xc7\x1d V\xa6S\xa0p?\xee\xcd\x07;Lwy\x1c\tl\x17\xc0\x8e\xad\xa7\xbe\xcd\x90\xdc\r\x87d\xf8T\xbb\n\x1aO\xed\xf7@3\x95\xac\x01R\x95in\x83j\x00\xb6\xef\xff\xf3\x8a\x8f\xc5`\x9c\x90\xa4\xe3\x8e\x9e{\x0c#=\x14\xac_\xc6\x83f\xe3\xee\xfa\xe3+\x0fL\xea/\xc2(\x12\xfaP~mD\xf8C\xbaD\xab\xa2\x96\xe8\xb2\xec\x84X\xa6\xabl\xb3\x96\x84\xb0\xba\xfc\xa3x~\xb0\xdd8rB\xc7H\xe3\x11G=\x82\x8f\t\xe0\r\xa4\x87\x9b\xb2m^=u\x06K\x08\xdb=\xd4\x1e\xcc\x12i\xaf\xa1\xaeH\xf3\xd7&amp;\xae\xb8X\xb1\xb0pp\x14\xaf\x18\xad\xa4\xa8\x89\x0e\x15\rq\xd3\xa5\x05\xaa\x9b\xad\xae\xe1\x9d$\x88\x13j \xf5\xdd\x9e\xe9\xeex\xf1Y\xf7\xae!y\x0e\xae\xfa\xbb1|\xe3\x12T\xd5zV[-\t\x01z\xb4\xdd\xa5\x83\x9a75\xaa\x90\xd9\x12\x14\x991`\xf7]A\xf5\xe9\x81\x8cW$z\xa5]=\xc6\xf6\xa6\x93lq\xba\xa7\xe9\xbdr\x9fM\xef\xab\xb0u\x9c\xcc\xa8BB\x9c{\xac\x00\x9bT9oL-B\xf1\x84\xb7 E\xe6\xe5$\xa0\xcc\xa4E\x0cx2\x0b\'\x14\xa5]\xe8\xff\x9e\xbc\xf1\x9c\x87\xc12Q\xc7;0m\xfcm\xe2\x9biN\x16\x8ctS\xe5{O\xc5\xfb\xa0\x08!U9kg\xbe&amp;\xa5\'tt\xb4\xf6L\x9e8\x8aB\xc0\'\xa3\x9cD\x0f;B#\xee\xff\x1b\xaa\x80~f"_{\xd5\xbbw*\xed|\x1e\x1bK9\xbb\x7f\x97o\x04\xd5\xa9n\xcf\xb4AHs\xe8\xbbO\xb9\x11\x9d\xd0\xfe\x08\x0f\xd6\x1aw\xff\xef\xf3\xc8%]\xcc\xfe\n\x82*&lt;.\xb1O\xf9\xfc\xa3\xb0\r\xd2)7\xa0m\xd1\x89u%\x1d\xa9M\x8e\x14\xf6D(C\xf0\xd0\x981\x04~_\xa1\x1f\xc0\x1b\x17\x16\xb8g\xea~\xe5t%z\xd4"/)\x85Elj\xecsh\xa5\'\xea\xee\xdd\x9f[A\xe7\xf1\xd1)\xe3B\xa7\x02\x81\xe82E\x02(~\xfdf\xf1"\xfd\x86\xf5\x17\x81F\xd5\xcbjf\x92O\xbc\xf0\x84\x0eA\xc7X\xf1,N\'F8&lt;Yg\xd9$\xa6\xe7\xc3\xfb\x01tB9\xeds\x89ls9\xaa\xee\xf9\xe4\xfd\xe3\xd0\xa8\xd5bl\xcf}\n\x9e\x1fV\xc9\xa9/O\xe804\xbc$\n\xbc\xa2\xca9W\xd1\xbc\xfe\'\xb4\x8fW\x9b\xb6[\x94\x15\xb06\x8b3N\xa7\xc0\x10\xe6\xd0n\xf4\x97:4\x8cV:\xd5\xe6,%\x00\xe7\xb8\xfft\xe2\xa9\xa7\xc3\xe3\xa0\xa67M\x0fH\xd7?4\x80\x05i\x9b\x16\xde?\x81\xfd\x7f\n\xd0\xb1\x0e\x04\x13\x19\x0c\x8b\x16\xef\x077\xd3\xc37\x80!B\xe6\xfb\xa3\xa80\x1c5\xe9G\x91\xb3=0\xf4\x16\xec,\rm\xd4\xff\r\x92\x15^\x96[\x90\xad"D\xfc\x1e\xc1\xa9\xe4\xc3\xd7&lt;4\x80N\xc2\x94\x03\x94[\xdb\xa1\xa5&lt;\xd5y\xb5\xe9tN\x875K\xcb;\xbbWY\x05\xc0\x1eG\xbf}\xff\x03\x1eyh\x08\'\xb4/\x02(\xfa=\xb1C\x90\xf2e\xab\x03\xa0\xe8\xa7cA\xebo\x04U\xfe\xc5T?F\x05\xf3\xabK\xc9\x0fa\xd8W\xaf\xed\xd4\x1f\x95W\xef\xf6\x84b\xd3t\xba6\xc2\xf4+r\xc2g\x9d_\x8e\xdc&gt;\x1d{F\xd9\xd1\xe2\x98\xa1M\xf4~\xe8.\xc6\xd3\x88}\xc2\xe9{3\x1f \xbc`a$\r\xdag\xdc\xdd\'9\xc7\xcb[\xa0\x8d\xc0X\x91\xec\x03eo\x91\xadtZ\xb2\xe7\x18s\xca\xcc\xee)3\x10I\xe9{\x88\xa2}\x95A\xab\xb5\xcb\xad\x97\xf0\xcc\xfa\xdf\xcc\x99\xab\xe10\xbf\x12x\n\xd3\xe9\xddPi\x8d\xf1Uq\x14F\xe1\xf9i\xce\xef\xb2\xad\xfd\x0bkK\xd1\xa9\xfa\xf4\xcc\xa7\x05"f\xf8\x99\xc1R\xd1\xd9y\xbf\xe5\xf4\xf3N\xdd\xe9\x81\x8eu&amp;\xebOJ70\xb2\x08\x86\xf9\xb1\xfbx\x0f\xb2\xba\xe9%Z\xe36\x8d\xb0\x85\'\xf6\xf1\xadI\xf9;\x80\xf6\xcf\xa6\xee\xf5\x17\xb7\x0enA\x9b\x0e\x05l%\xbd\x1b\xb6\xb4\xa0\xea\xe9!\x02\xc1\x11}\x7f\x847F\xd2q_\xbd\xa2\xb6\xd3\x11m\xdfM\xb3\x1f i\xea\xb8\x90R\xdeh\xb6k\xda\x95\'\x19a]\x96\xd8\xf9\xb4\xdf7\\\xf7\xa8\xac\x8b\xb6PU\x1c\x86:\xdfs\xb8\xce\xc20\xba\xe9t:m1\xd2\xe3Q\xba&gt;Z\xcb-\xb2E\x03Z^3\x1d/.\xd3\xeer\xc6v\xa1\x94\\U}B\'\xb4Q\x9a_\xa4\xf4\xf5\xbf+\x11.Ht\xb2H\xda\xe9\x80\xaf\xf7,B\xf3\xb1w\xbf\xe29\xbe\x05\xa7\xfd~z\x97\xa2\xed\xcc\xc3L$\xc0\xb5:;.\ncA\xda\x0c\x90E\t\xee\xc0Ry\x05\xf5\xa3\xd8\xffV\xbe4\x1c\x86\x14d\x83\xfdq\x11:%g\\\xd2\xe9a\xcf\xfb\xc7\xee]k\x07\xd0\xf4F\xcd\xdel\xb8\xaa\x9a\xea(\xd6\x1e\xe4)\xee\x88\x1b\xa4\xe4\xfd\x91\xf2$\xbd\xf8/\x85\xd0BI\xd2|\xe7\xaf\xc6\x03\x10p\xf5\xfa\x9bv\xb1\xfd\xfe\xa9\x1e\x12\x89\xd2\x83\x9c&lt;e\xef.\xff\xfd@\x90N1:\xba\xe4\xca\xdf\xfa\xeb\x94\xb0\x14\x94\x13\xda\x14\xf9\xd5\xfd\x82\xaf\xaf\xa9\xb5|!\xdb\xaa\xf7\x17\xd9\x82\xec\x93\x0e\x8b\xf4x\xdfq\xbaW\x8c\xed\xe0_\x1fS1\xcc\x10u\x8d\xa5D\xf5hg\x17G\xb4\xc4\x0eK\xa7\x88\x99\x82\xcbf\x11\xb70\x1e\x94]d\xb3&gt;\xb7QX\'\xb4\x8d\xa9\xd9\xac\xdf\xce\xa7\x9f&gt;4\x80\xad\xd1\xf1\xcd\xf4o\xb3k\xf3\x0b\xd9\xe1\xb2z\x91\xf2\xca\xd9d\xcc\x94&lt;\x89ZJ\xd0\xa22\xdf\xb9\x00\x8a\x92\xc6C\x1e\xe3.\xa6_\xec\xf8\xdb\x15\xb4\x9f\x1a\xd4\xfd\xd6\xe9\t\xcd\xa7\xb7.\xb4\xe1\xb0\xfac\xa1?qq\xdc\x8e\x91N\xf6\xb5\xb3\x17\xf0\x04\x10zN\xb0\x02\xc2L\xc5\xca\xf2-\xa5\x8e\xdem\x16y\x91\xa7\x1d\xc7{\ntB\xa7\x1fZ1\x01\xcc\x94;O\xfba\xe9\xab\x946\xd7\xd0\xa1\x0cP\x132\x9fN[UzN&lt;&gt;\xfaz7\xb8\xd3?\xed\xb4\xba\xadN\x8b\xd9\x13\xa2\x10\xde\xdepu\x82q}B\xf3i\xc1\xea\xa1|\xfb3\xffx\xdais\x17\xbd\xd9\x7f\x05\x9f\x00\x11\xf0\xf1\x90\xf6\xed\x10\x02;\x00k\x1f\x90\xa2\x03\xa8\xe1\xbch;\xb4\xd0\xa3\x8b\xa3\x193\xfe\xb1\xabW\xfe\xf1\x95K \x91t\xf5u\xc4\x9e\xde\xe8x\x9cq\x1ftb\r\x95\x86\xb4\x04\xa2\xd3\x86\xea\x1e$\x92\xad\xb4]b\xc0(b\xe49\x8dG\x89\xf9I{U\x02\xb0\x83\x98\xa0\xcf\x15\xb8\x90\x9cY\x18@{\xb3:\x1a\x07\x1b\xe4o\x15\xbb,\xad4\xa8\x13\xda\x14\x01H\xf1)\xc5\x81\xc5\x84\x1f\x8fK\x0cG@\xa7\x8d\xff\x9fv\xdai\x91\xf8a\x1f\x89l(\xcd^\xdb\xbe\x85\x8f\x11\xed\x06\xbbKx\x0bM\xd8itx\x03\x04\x1dy\x11\x98\xadF\x0b\xf2\xaf\xb4x\x82C&gt;\xad\xd58\x07--\xb7\xff\xb0m\x8e\x84\xb8i#\x0f&amp;\xf9\xc7\xd3N\x1b\xa3\xff\xee\xba\x1d[\x90\x8e\xed(D\x10?\xd2q\xcev$\x8f3\xee=\x18D9\xc8\x9a!\xed\xdd\x87\x0f\xec\r\xf4\x96u\xc4\xee\xcd\x8f\x8f|\xc5\x9c\xd0D\x95\xf7&amp;\x02\xdd\x8f\x94\xa6/L\x1c}\x06\x10\xc1\xddd\x13\xef\x0b\x1d\x90\xcaG\x143\xf0\x14\x0f?\xff\xbe[\xd0\x91\x93\x9aS;\xccz(\xcf8\xf2U\xb8\n-\xfb\x02Xp\x91\xed96\x1c6\x18-\xf2\x02\xeb\x81)\xfe\\w;\t\x80\x13\x7f\x15\xd2\xf1x\xb0\xff\x1d\x06\xbf\xc5\x97\xb05\xea\x0b\xdf\xd3OW.\xf4\x02\xb5T\xb1\x8c\x9cs\xb70\x1f\xd1\xb4\xcd&amp;\xf9ZT\xf6C \x01S\xc8y\x9f\xbf\xec\xfd\xbe\xdd\xe2\x81?o\xe2\xef\xfb\xc3\x9f.\x80\xe3\xf7\xad\xf6\x04\xb0\x1f\\\x02@\x7fP\x0b\x81\x8elZ\xb7?\xdf\xdd\xe7c\xc5\xd06\x96\xe8+tLX\xf7E\xe6qn\xb5\xa3q},\xb4gg\xd8\xac\xefi\xdf\x03\xd0\xa9\xed1\xc9\xa1^\xff\xe9{\x9c;&lt;\x03\x0f\x80\x8e\xbcS\x7f\x04\x04\xf1\xc9\x8e\xe5&lt;\xa5\x15&amp;\xda\xd4[^\xd5%\xe6\xa3\xdd\xe8\x02]\x9f\xd4yo\xf2\xf3&gt;\'\xd8\xd5j\xf8\xb3\xae\xce\xbddy\xf2\xda\xb4\xa9\x95R\'\xab\x8c\r&gt;\x04^\x1f\xe0^\xa9\xf5\x05\x83c\xb4@|\xe2\xf0\x9fkc9\x02:\xbe\tn\xd9\x1c\xefmt\xd3\x8f\x10\x1f\xe1\x92\xf1\xe9\xb8\xc7\xe3\x1c\x89\x14\x81\x9e\x7f\xc4C\xf7\x0et\x05\x02\x11^\x14~\x9c\x95.\x8ed\xc2\xf5\x87\x16_3\x9c\xe6o-@l\x96\xb8\xa9\x8e\xc8\x1a\xe6\xd3\xafcq_A[\xc6}\xbcV\x1d\x08\xe2b\xba\x15\xfbQ\xa0#%\xcc{s\xe0x\xb7A[\x06\xbd\xb3iY\x7f\xcc\x13X\xe7\x99!\x7fS\xb4\xcf\xa2\xfe\x84N5\xf2\x97\xca\xc1\xde\xea[\xd4\xd7\x9a\x9e\x8bV\x99\x17{\x8fe!9\xeb\t\xdc\x1b\xa9\x07\x8c\x1b\xcc\xb5\x9b\x03\xb4_z\xd1\xbe\x14\xc1\xadP\x0bz\r\xd1\x1f.\x1a1\xaaU\x08;\x1b8*w0~\x88\x7f\x8bcXr:\x8d\xc6\xe0b\xfe\x99\x01O\xd9w\th\x0bS\xf7\xfb?\x8bS\x93y\xaa\x8f\x97\xfa\xac\xdd\xda+\xc2\xbd\xc1\x9c\xd4D\xdd\xe0g\x8e\xf9\x88\x8c\x86\x9c\x14\x86\x8c\xf9\x98\x86F\x1f\x11-~~;\xe5\xa9\xfb\xd8t\x8dI\x07{n\xd6\xd4k\x83\x14G\x15y\xb9`Saw3@:im\xf8\xe3\xe3\xc3\x95\xd5\xd8\xaa\xe7\x0b\xf1\x13\xc0\xb1\x92\x1e\xebk)\xaeC\xe6\x06\xa9\x8a\xf3\xa6DW\xe4\xfc\xb1\x81=\xbe\x17\xcf~\xe8(\xdc\xd7Yj\xa9\xbc:\xd5\x96\xe2AI\xb5\xf3\t%j\x8a\xfe\x9f\xd9\x03\xa0U\xe9`G\x04]\xbd\xfe\xa3\xb7\xe3\x1a\xe1\xa3U\xe4\x1c\x0c\xcd\xdb\x82#Y\xd3\x10\x94\xdf\xcd\x12\x80s&amp;{BMf\xd9\xbf{\x9c\xaa\xb3v,\x0b\xadB\xd3\xb7\xff\x0f\n\xa3J\xebU\x82\x1dBg\x9f\x8a\xea\xd7\x8b(\x05^\xd8\x8a\xe7 4\xbc\x9f\xaa%\x00\x0c\x0c[\xdc\x8f\xf3_\xcb8\x16\xc2\x1eW\xf7vfj=:u\xc6\x08\x00\xdf\xa2\xb6k\x8dD\xc09\x96\xd5\xbe*\x7f\xd9}Ng\xa2\x0b\xe6\x1f??\x03F4\x94\x17\x1f\xf3\xf1\xc7\x8f\xf5\x82\xb4\xb8\xc0\x8a:{\x07\x00\xf7\xee\tu\x10\xb4\xbf\xc5sb\xd38\xf5\x15m\xc7J\xbb\x15\xa7\x9d\x18\x1ex)\xee\xf3,\xc5\x87\x11A\x02\\Q\xb4\xe8\x865%d}\tg\xa9\xf3\xef\xb3\xdc\x9bC\xd5\xf8\xbe\xfd\x04\xb0MT\xdb\xa4S\xccR\xfcm\xc0M{A\xc2v&amp;\xf6\xaa\xc9\xa6\x11\xafFk,\xd7\x8e\x03z\x07\x86\x8f0\xf3\xb9\x1a\x9b\xd8=\x14\x0cC\xcba=!\x9e\x00\xf6\x8f\xed\xd4\xa6#5\xe9R\xb0\xf3\xf0]y\t\xcdj/\xf6\xac[$^\x0c:K\xe9t\xb2\xc2\xf6w\x0c\xea\xdeZ)\xa2q\x91w\xcb5\xde\xc9=M:\xe0\xd4G*\xfc\x93\x040\x9f\xac\x13\xdd\x83\xe8\xdd\x02e\xb1[\xa0,\xc2\xa6)d\xe2Y\x12\xdb\x92\xc4\xd7\xce\x16V\xd1\x160\x1c\x96N;\xc4\x11\xcd\x16\xb6&gt;\xba\x90Z\xfc?\x89\xfe\xeb\xd1\x89iw\xe4\xdb\x00\xc3\xabh\xda#\x94\xedS\xdf\xfc\xc6\xfdByH\xd0\xa71\xccv\xe2\xb2&gt;\xed\xa3\xac[T\xaf\x93\x03\xe2\xd1\x1fDX\xfc\x8f}8\xeaV\xf6\xc29\xd2\xab}\xd3\xe9\xdf\xe9\x84\xf6Vo\x1dS:\x95X\xefC\xec\xb5&lt;"\xdcy\x86\xf0\xd5\xf8\xfb\xbe{\xddsL\xdf\xaaciZ\xe4|\xc6?T9\xf8\x189A\xa3\xb92\xcd\xf7\x9a\x16\x88\x08\x00\x80\xef\x9c-F\x88]\\bX\xe9\xa6\xfcaqJ\xa3{\xfbj\xc27\xb6\xa4\\\x92\x0b,\x7f\xf1nO_\x19O\xaa[:\xf6k\x04\x00\\\xbe\xb3\xffr\xb4\xe4\xcbH\xec\xa2i7\x06\\\x10\x17\x9b\xa5q%Z6\x01t\xdc\x9a/&lt;.\xe1\xa1\xecz%-\xbaX\xe3A`\xbd\xe3\xf2X\xd6%eQ\xf4\xfa\x15\x88\x9e?\x13\xcdF(b\x80\xc8\xbeif\xa5\xbf\xefs\xf0\xfdhY\xad\xb66\x8a\xd96]G\xb7\x80\xe7\xd0\x1a\x89v%:\xf8\xbc\x04\x01&lt;FvT\x0f\xee\xe6\x03\x92\x8aV\x90\xd9J{\xa8\x8cW\xa7\x96\xf3\x96Ou\xc8\xc1\xd9}\x99=\x06\xfc\xcb\x8e&gt;\x9a\xeaCM\x1e\x88p\x9by\x12B\xdf9\x98\xd49HN\x0f4n\xc9\x95RW\xdd\'\xed\xcd,K):\x94/\x1f\xd0\x7fn?\xaf{S\xf5\xb9\xff\xd74\xd6%\xe7\xa0`\xf1qn\xedp\xf9\xe0\xd4\xedL \xc2k\x86\xeb\xefY\x0c\xceqS\xf4e\x813N\xfc\x1f\xce\xbb_^\xe5\x1f\x9d\xf6\xc4y}:^\xfb\x14g\xce}\xc7\x1b\xc7:\xf8\x1d\x01\x84\xb7\x8a\xc6\xb92\x1b\x04\x1c\xea\x05\x95\xc5\xbb4\x08\x9f\'=xX7\x93\xf0\xe7\xf3\xba\xcf\x06\xd0\xa0\x0b \xa2_.\x1b\xfd.\r\x92\x9b\xdeG8,\x1d\xe4\x80\xebx\x13\x00\xa7\xeeeu\xdc\xc3\x7fn\xad\xfc_#zn\xf3\xa0\xdf\x7f\xed\x01x#\xee\x10\x10\xd226\xe7\t\xad\xbc\xd8\x1b\x1d\xb3;O\xe4/\xcb\xbd\xbd\xf1t\x8c\xc1\xe1\xb8#Z;\x95\x11\xcf\x1e\xbdj\x19\xe5\x81\x07\xbb8\xbd\x19\x93\x88m\xa6\x82\x87\xd4\xab\xbd\xd5\xf0\xa316\xa3}\xdb\xa7\xc0\xa7S\xdf2\xa8|{\xad\x16\xdf\xb7\xf7\xcakI\x1b\x87w(\xfa\xda\xf5U\xc87!}\xba\xebzP\xf6O\xcb:]\xe1\xc3F\xfe\x9c\xad\xa5\x919\xc8\xff\xc6\x18\xdbk5\x15qBW\n\xf4\xa3\xbf#\xed!\x89\xe7\x94\x8e/\xca\x0b\xcdv\x99\xa6v_\x01\x14\x97\xdf\xc9p*\xcfY\x8c\x96&lt;\xe32\xd6]u\xf6\x87/E\xad\x00\xe9\xc0\xb4\xff\x91&lt;c\x91\xd3\xea&amp;\xe6Se\xba\xf4l\x1a\xef\xfe\xa2m9n\xd31\xdd\t\xed\x8d\xf0\xd1\x16\xe6\xd5`\xac\xa4T=\x83\xddU\x0foZT\xec\xb1\xd2\xf0\x10\xec\x89^\xdc\xbc\x14\xe7\xbf\x18\x01\xc0\x99\x9aT\xf4\x82;\x1c-~|\x80\x9a\x1d~pQut \xb3oy\xaa[\r\xb2\xef\xe7X\xd6\x9e\xe0\x18\xd7\xcf\xfaTy\x05`9\xc9/\xa9I{\xfd\x0c]\x07\xa6\xe07/9\xc7q\xb9\xe3\xf4\xac\xe2\xc0@\x88\x88n\xe9\x1fJ\xec\x0f\x08S\xba\xb4\xd6\x05\x8e\xfb\xac\x9f\x87\x9b+x\xeb\xae+W\xa2t\xdd\x83\xbc\x02\xb4\x12-r\xc0r\xf0Q\x1c7\xa5\xddP\xdb\x9b-\xf9\x01\xd9\xe9\x8a\xd6\x1b\xf5L\xc9\x91\xf7\xb2\xac\xafG\xf5\xa9\xdeI[\xdc +Z\xb8\xf1\xd1_\xb3\xfc\x06$\xd1\xc6\x82a\xdb)L\xa7\xc7\xed]\xe35g$\xfb\xbe\x9f\x1d\xdb.\xf9CA\xecU\x13\xe5\x1c\xed\x0cu\xd5\x8f\x88a88\x9d\xf2\xc9l;\xdb\x8e\xf5L\xddr$\xb90-\xf8\x80\xea\xfe\x8b\xea\xda&amp;]\xb0\xce2\x97\xe6D\xf0\xb5\xab\x84\xfdQ\x82~\x1b\xad1}\x8c~_\xa6W;\x1d(\xc2n!\xacG\xdeK\x01\x11^\xc1&gt;\xda?\x1dq\xf0\xe1$\xaaT\x15k\x16P\x96\xe8\xa6\xf7\xac\x16A\x98y\xf8v\xe6&amp;\'\xd3\\{E\x91\xab^_\xb7\xb2\xca\xc6_\xba\\\xaa\xc0\xcfN\xc5\xaf2_\xde\n\xa4:h\xf9\xd6\xe6^\\a\xfc\xb9\xe9\xf9r\xb6\xba\xce\x0cz\xa7\xd6\xe8\x8f\xe1B\xf6\xad\x05\x87\xdfV\xb4\xb6\n?\xc4&lt;y\xaf\xcc\xaa\xe7-[J\xa8q\nb\x0e&lt;\xd53\xeb\xdc\xb5\xff\x00J\xf0\xc4\xf9@\x8f\xc4\x00 \xfd\xa0\x88\x05\xe6\x08\x02\x91Zi\xaa\xed\xbb\xc6\x9b\xcc\xd3\xb5\x05\x83l\x00B\x039\'o[\x1bH\xf3\xcb38\x8e\x1f\x86\xda\x03\xc6\xbb\xd5Y2za\x80g\xf5o0\xac*}_\xd1\xd3\nt\x91`uJ\xfc\xf6gKpi\x7f\x0c\\t\xcf$\x03\x84S\xea\x9bs\xcb\xd3\xb7\x1b\xed{s\xbb\xa6s\xbf\xe2\xe7\xb4\xe2\x1dOUj\x1a\xdd\xbd\x0e\xaa\xbdA,\x00\xe0\xd7\xf3\x96&amp;0s\x80\xad\xea0\xc0O\xccz*@\x84\xcfU\x186G\xca\xf7$\x9d\xac\xe8\xbe\tt\xa8\xd7\xc9\x1f\xb8\x82L\xda\xc0l\xed\xf9\xf0\x01\x8b\x0e|\xf3?\xaf`\xd2fq\xab\xfep\x90gfG\xa7h\xceS\x9f%al\xd0\xb5Z\x9fut\xac\xeb\xed\r\xfa8h\x8d\x04\xe0\x08\\\xfc\x80nS\xee\x1e\x073\xf3k\xd5K\xd1\xfc\xd9\xdfB\xb6\x88\xd3R\xd8\xfa\x8a\x18im\x88\x8b\xf9\xb4\xa9\x15\xb1"a\xab\xa7c\x9b\xb5\xbfU\xdc\xed\xe7\xc1;\x11\xe1i\xebk:\xa1\x15\xc8\xcb\xe8]\xf1\x06\xf8?\xfdh\x8e\x93\xfa\x0e\xb6y\x86\xd8\xc8\xd3\xcdN\x1a~\xe3!\xc8\x1c\x13\xe8\x1b\xb4aGf\xaa\x08\xf5]\xf5\xa7\x9a\x86\xd7\xc5\x96\x92F\x84\xb3\x95-\x0b\x92y\xb2w\xc4\x9e\x9b\xd1)2\x8cFrf\xaf\xcf \xdd\xeep:\xb4\xff\x10^N\x8d\x15\xa4&lt;\t0\xc6U\x1d.pM\x9fg?\x16\x1b_*\xed\xaa\x83\x96\x87\xb3o*\'\xb4\xeb\x1bP\xdb\xf7\xed\x93\xa7\xcd\xf3i\xa9\xa7&gt;K\x88\xd9+U\xc2T\xed\xae\xffL\xf4\xc8\xa88\xb4\x01\xd1-\x0e\x86e1\x8aOO\xf6\x06\xcb\xb1\xcd\xe9?k\x8di\xf7sd\x839Z\x8a\xa6\xa2=N\xc7\x01g\x7f\xd9\x03\xcc\x83\x9c*\x07\x12\xc0\x9e\x90\xec\x9b\xd6&gt;}\x9e\x7f\x04T\xe95\xceLG~\x1e\x0ev\xce\xd3\xa58\tiD&gt;\xc7\xdai\x91+O\x11D\x85\x02\xe0\x1f%\xcf\x0c\xed\x1b$g8\x7f\xbb?\x14&amp;\xad\xfez&gt;S\xa0\x96\xa8\xbb\x06\xe0\xff\x0e\x1fU!\x8b\xa3ZZ`!|\x85|s\x8a-\x8b^\x8a\x04\x88\xa0\xf5\xbfk\x018!r \x9b\x0f\x15\x1a\xdb\xab\xccM\x1ei-\xc2\xe6\x17\xb4\xbe\xeb\xf0\xbe{\x14+\xe7O\x0e\xaa}U\x13\xcd\xfa\xa6\xce\xa3\x97D\xd2M=\xef\xf0\xaci\xd3m\xbe\xd2\xb2\x16\x15\xe5\xf3\xd6\xd6sd_\xd6\xfd\xf8Ky\x0b\xb8e\xfc\xa2\xd4\x9a]\xda7\xf1\x0f\x8f\xa4\x0e\x9e\x00\x0e\xa8&lt;J\x1dS\xb3\xa0Ug.*\xe0G\x0ehc\xfeJ\x05\xb4v\x8b\x7fmz\x88\xd1\xbe\xe0k\x1a\xa7&gt;M\xbf\x05\xd4t\x80n\\\x8f2\xcbS\x88Y\x08\x03\x1a\xfb\xe8\n+\xd4\x11;q/+\x1b\x83\x8f%z\xb6_\xce\xac\xad}\xb2\xe7\xd3\x1eTW\xad\x05qq\x14\x04\xf7\xe3\xa1h\r\x18g\xab1t,\xfc\xff\xd7\x89E\xa8\xae\xe9\xdb\xc8\xbc\xb4\x91\x7fZ\x12\x0f\x88\x0e\x9b\xacI\xe7\xd7\xc5\\^\xf1\xae\xe7\xa4T\xf6\xfd\x0bY\xa4\x97\xc0\xf6?\x8bN\xe9\x14\xc9\xc1A\xccR\x90*\xb9\xf9\x91\xc9A\xfd\xfe=5\x06\x10\xfd\xc0&lt;\x15+\x1f\xd7\x849\xe32\xbb\x90\x0c}\xdd\xce\x1ds=\xdfz\x1b&lt;\x848\xa5h\x0f\xb6e\x8f\xa4\xea\xcc\x17Z\x13\x89\xa4\xc2\xb9\xf6|\xd8W\xaf)\xde\x10\xdd\x04\x04te+\tcc\xab\x9c\x0e\xd5{#i)+fU\xad\xba\xf6\xb8\x86\xc3\xba\xf7\xc58\x9b$\xfbA|\xc6\xc0\xd0u,\xd9\xaf\x8f\xe9\xf5\xe9\xc2\x8b\xce\xd7\x8a\xcf\x12V\x93\xbc?\xf2\xab\xc8\xf8b\xfb\xccB\xe6\x98\xe9`\x8b\x17\xb0\xf1\x14Rl\x8c\xf05\x1a\xcf\xc2G\xcf\x13&lt;s\xdb\xb1\xd07\xf86H\xc5A\xd9\x9c\xee\xf3)\xf2xM_M.\xbfy\xfa\x97\x1e\xec\xb5\xbf\x085+g\xbc\xd9h\xef\x17i\x08\xdc\xe36\xa1O\xd5\xc1\x1f\xce\xb5\x91Y:\xe5\xb7v?\x88=~\xe5\xca8x\x11\x85\xa7\xbc\xeeF\x18\x8e\xb6\x9f\xe9S\xd7Q#\xef\xba\x00\x0f\x85\xfb\x97\xf9\x00\x02\xee\xce%\x1b\xe93\x06t\x1e\xf9a\xc5\xebx$.\xad\x1c\x12\x1a\x1f\xf73\xa0\xf8\xf9^\x85\x01\xe9\xc2\xcb)U9\xbfUch\xa29u\x15\x88\xce-Z\x0eE\xaf\xd4\x1a\xfb\\\xe5\xc8\x8e\xb2,\x7f\xc2\xf8\xe7r\xcavO\xd49[\xf4\xeab\xbb=;u\x07\xf0{\xd6]7\xabC\xfc\x1f\xd6Xc\x08K\xb3P\xed\xe8\xf13\xe4T\xb5Tv\x0c)\xe1\xad\x86a&gt;=\xc2\x98\xdf\xcf\xf0\xd2x\xef\x03\xe0\x1e\xd2\x9d\x803iZc;\xae\x06\xba\xe7\xaa\xd2\xbb(h\xd5\x85t\xad\xac`?d\xae\xed\xc7\x97#\xbc\xd4jJ\xd7\xb0\xa48\xad"\x9c\xd6\xaf\xd1\xda\xc1\x81\xe8\x15\xb25$p\xc6\xfb\xda-\x06\x9c_fV\xba\xefk\x19D\xea\xca\x08\xcfc\xd6\x8f\x8c\x11\x02\xf0\x9dU\x9e\xba\x90\x05v\xd2\xa7\x18Y;!\xc77\xf0\x00\xde=\xac\xa8\x11\xd8F\xa9\xa9\xfap\xac\xf3\xa1%\xc0\xc4)\xb8\xa5\xe2{\x88\xf8\xb2\x97\xcc2\xe0\xde\x9dL\xcaN\xba&gt;ZS\xe4.c\xbd\xb2\xf3D\xd6\xd5\xed\x9f\x16Q\xba\x14\xf2b\x0b{\xa8\xbd\xf9xT\xe8m=E\x11c\xee\x83[\x87\xb0\x81\x0c\xb8\x0c\xed\x06\xb2\xe0\xd9\xf2\xe2\xb45&lt;u\xb2\x8eJ|\x9as\xf0\x97\t\xc9O\x9fv\xf5\xf5\x12\xef\x935\x08\t=\xa3\x13\x0c\xbe\x05\xfaF\x00\x00\xf8\xecR\x02\x9b\xb2\xa0\'\xc7h\xff\xe0|\xd1\\\xcbjK\x07\xf6_a&lt;H:Ps\xbcr\xd0\x8a\x0f\xa8}\x83_\x19\xe9\xa3\xaa\xd8\xffXGo\x13-\xe5\xd8\x8b\xd3Fa9t@S:\x0f\xb2\x90\xfe\xb9\xf0\xa63k{\x04\xd9\x9e@\xfcYg\x8e$\x8a;\xa9\xb6\xfb\xcc\xa9\xd9;;\x1a\xd2\xb6\xe0\x90A\x0ck\xa0\xad&gt;\xb4\xd8\x82}v\xb4\xc8\xce\x0f\xff\xbe\x00\x92I\xdaVl\x93Q5,\x1c\x90\xd2\xef\xdf\xe0\x12\x87\x84\xd1@\x07;%\xb0\xa3\xbf\xe4\xb1j\xedV\xf0\x18\xff\x9f?f\x88\x014\xc9\x1c\xdf\xa4\xaa\x0f@\x1d{P\xd5F\xd6I\xd0\xe0 \x02\xee4\\/\xf9:\xacW@l\x96\xe6\xec\xb0\xfd\x9c\xb76\xe9\xfb\x9b\x95U\xcc\x92&amp;7\xf7\x1bX5GL\xf2\x85H\xf9\xb6\xcf\x18\xfe\xee]\x13\xe5\xee\x12\xe4kK\x1dpg\xe7\x83\x1b\xc7\\\\8\xd9c\x9c7G\xf1\x0fS/\xe3\xc4\xa0\x8e\xba)\x01\xa82\x7f)\xd89"?\x80$\xbdu\x86\xbeG\xedmx\xb6\x92 ;h?\xa0\x9b\x9e\xba\x1d\x11\xd5\x0eo+N\xb1x&gt;\xdb\x1f\xed\xc9oj-\x91\xf2\xbf\xe0\\u\xa1\xd6O\xff\xabu:\xe3P3\xd3\x82\x94N\x81c\x9c\rH\xd4R(\xd2\x7f\xc1\xd16\xad.\x15^P\xc26\x13\xc0z\xc1\x85K^r\x83e\\\xc7\xe9\x02\xcb\x00i\xa09\x83\x87\xb8\x18&gt;n\xcc\x91\xeaTx\xff\xde\xf6h\xac\xfc\xaf\x9c\xfe\x13\x99\t`\xcf\xc6\xae\xce.\x9eN?\x9e\xf1\xaf\n\xc6\xcbIZ\xae\rq\xaeG\xdb9\x8b(\x19\xe6\x9f\x04\xce\x150\xc9\x19\xce\'\xf7b\xac\x053\xdf\xb1\x85\xbdc\xae\xdf\x97%\x10\xbd\x98\x88\x88\xfe*pJ\xdbP\x94\x05\xf8a\xc5u.AP\x18\x82\xd0\xa5\xc9\xd7\x99\xdb\xe5\x7f\x95\x14\xf2\xa5\xb2,\x9aFDt\xa3\x9a\xc0\xeah\xfd\x98^\xf8wd:\x16\xa4\x93\xd5\xb5\x05\xfa\x860\xe7\xf1\xd5\xad6\xad1\x12\xc7&gt;\xa7\x8e\xe1v\xd4yz\xdeRr2\x06/\xb2\xcb\xda\x7f^\x02\x88\x1e\x08\xe8\xed\x8d\x96I\xfb\x9b\xa9\xe5\xfa\xcd\xcb\xcc\x1f\xafT\xc1ouHk\x01Vi\xdcC&lt;9\x95b\xd6"\xa4\xb8\\\xbc/\x08g\xf0$G\xb4\xcf\xa7\xfa^\xcd\xf6\xed%\xf4\xf7\x0b,\xc2\xcb1\xb9f\x1a*&gt;\x9c\x8fa\x9eMe\xc0\x15\x0f\x84\x15R\xe1I\x1e\xe0\xae\xd1\x80\xce\xe5\xb4O\xcc\xdb\x88\x1eDDD\xcfk\xec\xd8Me\xe5nO\xc3t\x86\xc6Z&lt;\xc9+\x87L\x10\x01g]SC\xa9n\x0b\xd4\n#s\xe3\xe5\xc4\xa6^\x1d\x91\x88\x9f\xb5\x06\xc1(\xe5Z\x0ca\x9c|H\'\xb4\x189\x85ak\xc1\xddt|\xe4D\xff)\'\xc5\x92D\x90\x1e\xd4\xde\x05k~\xd7\xc6Q\x9a}\xb4\xd8h\xf8c~\xe9\xd4x\xffP#\xb4OHzy\xe8\xde\xdd\x1b\xa9\xce&lt;\xd3\xa5\xebJ\xe7\xf5Uk\xa6\x0e\x99^\xaa;\xeb\x1eO&amp;E\r\xba/\xcd\x1b&amp;\xb8\x81&gt;n\xa3&amp;GnZ\t{X-\xedu\xdc\x1a(\xda\x16[\xc2\x80\xf1\xac\xacI\xd7\xcb\xea,\x9a\xd2e\x7f@\xf2\xd0t\x0f"Zz6\xdf)Z\xce\xebF\xff9^\xed\'\xbc\x1e\x81\xf2\xd5mM&gt;n\xb0\x98\xde\xb3\x10=\xfa\xd0\xb9\xf9\x84LZ/G\xc6\x17\xc0\xda\xf1?\xc9\xbcz\xbcK\xaa\xbb\'!(\xee\xb6BUG\x88/\xb3\x17\xa2b\xf9@E\xdb\xc4\xef\x81\xcca\xac\\\xbfn\x9a\x82\x03\xaf\x86\xfe\xa0g[\xb1^&amp;\xf2\xbe)\xf9$C\xdb\xd1}%/\xf8\x91\x19\x90V\xa2\xe0\xbb\xd7\x9b\xa6\xe6\x82\xb7\x95\xffB\xc1\'\xae\x99\xf7;f\x9d\x1f\xfe\xfb\xce[C_\x81\xc9\x81\xf98w7\x8d\x88\xacw\xdc\xb5\x96Z$[\x1d\xe9\xc2$Q\xad\xa7\xe8H\t^\x02P\x18\xb2\xbe\xe9 \x94I\x0b)\xd5\xf8\x8azeqZI\xf2\xa1\x9e\x04\xe0j\xfb\xd7\xb9G\xca\x1e\x13\xedg\rc\x8a}y\xfdX\xaf\x80\xe6D\x7f\xa6\xab\xa3\xb7!\xf3\x0f\xbc\xa7\xe5f\x1c\x9f\x06\xf2\x8d\x9ep\xab\xdd\xb6\x00\x80\x1f&lt;D\x94\xbc\xc5j\x92\xb7_`\xbd1\xc0\xe3D\xff\x92\xf3md\xdc\xe9!UNU\xf0fM\x1e4\x8ab\xd5\xcd\x0e\xe9\xe0\xb4\xceA\x8a{\x8c\xe3W\xb8\xb6\xfb\xcf\x89\xfeU\x90\xe7\xe8\x13\x92\x0b\xe4\xe0\n\xb4Y\xb6\xf3Oi\xc6^\xd6qM\xab\x11v\xdc3\xad\xf6\xa5$\xcdQ\xf4M\xe6\xad\xff\xa9\x1d[)\xd2\xda\x196\xbb\xcc\xad\xd8\xafV\xb5\xdcs0\xb6\xb0[\xcdO\xf8c[\xf0\xffa\xd7-\xd2\xf7H\xe1\x040W\xc2\t\xadN\xff\x9b\x7fd.&gt;\xf7\x1d\t\xe0\xca1\xb6\x85\xe3\x85\x04\xa9\xac\xe4\xdd\xff\x0f\xae\xcb1n\xf5&lt;Q q^_e\xee\x91\xefv\x1b\x03Y\x9b"\x9f\x01D\xc0S\xe3\xd2\xd6&amp;\xf7\xfc\xb0\xee\xcc\x98\xac\xa43\xef\xb2\xc5\x15\x07\x86o\x84P\xe1\xc3\xa8\x18\x13\xd3E\xe6\xc3\x9a\nON\x95\xa3\x85Y\x8eq\xa9\x08\x0ej[\x14E/\xd9&gt;]\x1f\xdc\x11\x9bH_\x99\x98n\x95\xfc\x81\xe1\xc5gI1\xe5\xf8\x0c\xa0;\x018\xc2M\xce\xc75\t6\x84h \x01\xe0\xd6\n\x18\xfcr\xfe1\xaa"\xda\xe8\t!"\xa2\xdfh\xef\xe23\xf4\xa4\xa5\xda\x8c"\xbf.\xb4t\x87\x03\xfc[G\xa7\x12O\xd1\xeeX@\xadit!\xc0\x98\xe33\xbe\x82\xfd5sJ\x01\xbb\xb6Pyt\xa8\xdd\x96g\x17r\xf7\xd3\x97`\xde&amp;\x18\xe2\xd8\xd4a&lt;(\xda\xd7\xbe\x15T\xbf\x05\x02\x08\xef_\xfe\x1d2G]\x9dg\x05\xbd\xad\x1a\xaf\x10\xecX&amp;N\xa8\x8b\xa7\xbbt\xb2cJv\'\x85\x89\xd6\x8a&amp;H2\x10\xef\x93\n\x93.U\x036b83\xd5k|\xe7\x96\xa4+z\x9c\xf9H\xa5\xe8\x8e\x93@\x9f\xfa\x04\xfdQ\x9f.\xdbPmrL\xf9c\xe2l\x12\xe7\x8a\xf5_\xf89\xb2\xaa\xbf\xa0\xc2\x93^\xb8\xa0dE\x97w\xd7oo\xd55\x87"\xd2\xfc\xcd`\xdfAM\xf5\xee\xb093J\xc8\xa0\x16\x10\xbd\xba\t\x98\xfd\xd2\x91\xbeZb\xbf\x19\xdd\x97K"c\xff\xd1v\xb1!\xd5\xce-\xf7\x85.\x9b&gt;\xc1\x85\xa7\x95\x08\xb1*U\xc9\x9d\xc3p\xa9i\xef\xde\x07\xc1)\xd2\xb9K|\xfd\xa0\xa2k\xab1/=\xbe\xb9\xb7c\tc!9\x07\xa3\x99&gt;\xd6q:q\x98\x02OPg\x12BZ\x18\xa1q \xbf\xc0\xfdCl\xa3\xfc8\xaaY\x16\xf5\xc34\xec\xd8wX\x02\xde\xb4\xa0\xb4\x7fcv8\x8f\xaa\xceC\xe2P&amp;\xa1(\xff\xe7/\x85\x9b\xd7\xb0Y\x80\xb3\x8fF\xd6\x7f{\xd7\x02WUD`\x88\xbb\x9e|"\x02^\x1a\x07\x16Guj\xd2A\x06\x9e\n\x81\xb5\x95\xf7\x94\x99\xf3t\xc5=\xa9c\xdb\x0b\xb7\x86\x92\xa4\xffA\xe1\x85h%\xcf\xd9\x8d\xf1\xaa\xae\xfc\xc8^dqH}[\x96P\x02\x00\xd8\xe4\x8a\xe3\xc4^\xcc\x0f$\xba\x92\x8e\xaaKb.|\r\x9b\xfb{\x8bd\x949\xaaq=]\x02V\xf0\xe7#\xc8)\x9a7\xce\x96\xe9\xdeJs&lt;\xbf8\xdd\x03U+\xdc\x85O\x9fjG\x1cw\xb5a\x8c\xf5\xe3\xcf/\x06F\x03\x901\x14/\x8d\xc0\xfb\xb3\xf0\xf2\x91I?\xb0\x85\x1d6\xac7\xce\xc9^\xcb\xa9F\x7f\xceID\xf7\x10\x87\x18]\x89\xa7\xbd\xcf\xca\xf4\xe5h\xed\xef\x9d\xef/\x0bi\x8ep\x00\xf8R\x9dm\xeb4\xbd\xa5\xb0\xa6\x96\xddO\xcc\x0e\x8b\xe1\x97+\xccq\xda\x83\x93W\xedb\x15k\xb7\xf7{}.\xaa.Rj\xbd\xdc\xe8\x1b\'9\xff&lt;\xfa8\xde\xa1\xde\xf0\xf81\xf1\x80\x08\xb8U\x0b\xcci\xd7X9"h\x12:\x85\xe9:[HZ\xe1\x12\xb1\x04 \xc0\x80\x86\xe59\xb4\xbf+\xa4z\xb8\xf8\xc7\x18T\xaeQ\x88\xdaS\x92mR\xc2!\xbdv\x9e\xd2\xa5\n\xd0\xed\xa5\xda\x16\x82\xf0W\x85\x87\x15z\xc17dL]\xee\xdd\xf9\xa4\xc7\xa35k\x07\xe4?\x9b\xd5\x9dL\x87\xed\xff\x17\x16\x03\xe6(R\x1a\xbd\x90\x9d\x1fV,\x05C\x04\xb8\xecn\xac\xfb"\xa8\xd6;\xca\x18\xae\xdb\xe2\x7f\xf6\x0c\xa0\xcf\x99\xf0\x83\xc9\xbc\xa1\xde\xd6\xc2D\x98!\xa4%_&amp;\xe9\xa2\x7f\xc9\xcc8k]\xe9\x08\xeb\xc8\x08\xd1\x04\x80\xb1^[+\x90.&gt;\x1f\\\xe0.\xca\xac\x11\xc5T\xbd?\xdb\xd7\x11H\xdfb[\xcf;\xad\xf5\x16\xd1\xb8\xec\xec#\xe9]J\x89OQ\x00\x00 \x00IDATy\xf1\x1f\x90\x98\x07\x9a\x19\x80\x0f$\xb2\x18uE\r\xa10[\x0b&lt;\x10\xb7*\xa5\xbe\xb3\xa9&lt;\xab\xc9\xf1B\xe0\xc1\n\x0f\x0b\xe7\xfb\xcf\x05\x99\x0f\x1f1%\xfb\xfb\xb5\xf9O\x0c3w\xa1\xb5`\x8c\xfb\x8c\xf9\x13c\xcdJ^\x94Uz\xf5\x81\x88\xe0\xb7nc\xfc\x96?\x88p\xb3\xca\x8b%]\xe8&lt;\x0c\x00\x01\xf7\xad\xf4j\xfc\xdb;3\xc0T\x8ewV\xdd\xd2\xa9\x90\x82\xbd\xcc\xc9\xd5r\xc0Ys]\xfb\xa9\x85\x0b\x9c\x10-\xa3@\xa9\xa2\x03\x97\xa6\xdd\x1d\xa3\xbe\x1d\\a\xb2\x9d\x99\x92w\x8f\xa2\xda\xe8\xa4\xddtD\xd2@@\xd4\xac\xbe\xc5\x02\xe8\x16\x16I\xcb\xa9\xa6p}\x11\xf8L\xcbs\xbf\xaasOyN[r\xa2\x18\xf4\x80m\xe0\xe5K\xbfb\xd8\r\xe57\x89.\x13\x90\xd3\xe19\xab\xee\xe1\xfa\xea\x80b\xf2\xb5\xa8Z\xa7n\xcc\x1d\x80\x19\xa4%\x8f\xd4F\xc9\xb6F\xd1R\x13u\x89\x1e\x003\xee\n\x00\xa0\x00\xce\xa3\xa4q\xc35\xed\xbcfF\xde\xed\x93\x16y\x95\xf2\xf6{\xda\xc5V\xab\x1bh\xd7\x99\x04\xb1G^\x84\xe4\x903T\xe3\xe7\x17\xc5\xba\x07oQ \xb2\xd7,f\xde\x8e\xffA\x9a9\xbb:\xa7\xa8/9\xed\xac\x8cK\x15l\r\xa1\x7f(\xcbjOJ\xfa\xd7l\xcfq\xd3\xc2\xfc=\x18\x8c\xebV\xba\xf1\x8c\xbe\xa7\x08\x15\xc6\x9f\x0e\x07{D\x95\x9d\xfcrx\xff\x14\x0f\xacjtV\xdb[\x01DT[\x1ba\x15RHo)*\x13[\xddu\xadw\xe4\x02\x10\xeef\xdf\x1d\xa7L\xcd\xd9!\xf9\xcb\x9d]T\x14\x85k\xf8\x94\xe6\xd3G2&lt;s\xde\x96z\x9cS\xb1\xb7V\xd9\x8e\x8bV\x02\xedo\xbb\xd7\xd1yh\x9aJ\xce_\xcd\xdb\x87\x8d\xe1\\\xe1z;.\xb0qs\xee\xccb\xfd\xc2q\xdc\x1bp\xe9A\xda\x02\x90\x8aT\xddT\x9f\x96U?TT\xfe\xf6eo\xb4\xd9\xb5f\x05x\xa4\xf5\xd2 \'K\xba\xdayQ?NU\x9d\x9a\x03\xa4S\xadJ\xfa\x0eiFe\xb37b\tu\x83\xe8f\x90\xe5\x19?c\xdf\x9a\xa5\xae\xb6\xeb\x8f\xcb\xa90\xa4\xbd\xf3G\xba\xe4\xd7\x9eC6\x88Z\xc7\xa1\xe3&amp;\xfcn\xa5o\xc7\xc6_\xab\x1fU\xce\x91\xbf\xa1N/\xbfPV\x89S\x9e\xa8\x18CD\x9e5\xe4E\x02Vq\x88\xb1j\x10\xf4\x0f\x9a\xf845\x9d)U\xf7\xf7"\xa5\x85\xcb\xa6\xae\xc1[eM\x8b\x84\x18\xdb\x0c\x15\x9b#\x84\xdf\xbdQ\x03\xd9\xe8W\x97\xb6\xba(B\xd4J$\x04v\x7f\xb4\xe5&lt;\x8f\x07e!C\x1e\x8f(]\x90\xad\xed\xa5F\x87\x9fVuA&gt;T\xac\xd2\xa3[U\xb3\x8b\xd6|L\xb5\x83\x91\x81\xd3\xb87\xe6\xb6\xc0\x92\xd1\xce\xafTHZ\xce\xe3\x191\xba?\xc8z\t-\n\xff\x1f\xe4\xdb\x91D\xf6\xbb\xcc\xc0/:\x02\x13Zi\xdb9^\x87\xaf.T|\xfft\xdd-\x94\x88\x88\xaeUU-\x14l98\xf4PC\x02\xb0\x1eU]\xd8\x92\xfc\x06\xd1\xd2\x86\xed\xef\xab\xa8\xd2\xe3\xeb\x9fQ\xa7\xea\xc0\xb3\xb5T\xf9\x9ff(?\xbe/U\x98U\x9e\xf6\x87&gt;|`f\xec\x03\x81\xe8z\xacE\xd5\xd5=j\x00\xc5j_\x8f\x1c\x94\xd5\x11\xc4\x12@\xc8\x14\x9c\xc7)\xd6W\xdaG\x16{\xaf\xe4T\xd5\x8e\xd9G\x85!\x1b\x86\x1c\x95U\xc1\x94r\x8c:\xd2\xc5\x96m\x05\x8a\x0b\'G\x9eNIL\x95\xc3i\xc4\x85\xaf\xe4\x1f\x89\x88\xe8o\xd4*\xc0\x8a,DD\xf4\x82\x19S2\'\xe8H$\xa3\xcc\xb2\xa5\xe0\x89+mub\xc9\x0c\x94\xbf\xe2\\8zE\xc28\x17\xd1\xea\x95\xa9pQE\x0ba_Q\x10O\x90\x0e\x98\xf4S\x8e\xe4t\x9b\xb6\xee\xa8&gt;~\xc3\xa2;\xb9B{\xd1r\xef\x19\xa2\xbc\x04\xd0\x0f3\xb4\x01\x92\x9c\xb2\x93\xf1\x83,&amp;\xff\x1c\xda\xf4\xb6\xa1\xa8A.h\xb1\x11\xe1\x8e\x11iy\x17-\x07|\xb4\x0b\xe7\xe2\xd47)\xf2\xcct\x0f\xa4\x96\x84/&amp;\xc2s\x9b\xe5`\xfc"\x02\xd8G\x83\xd9\x1c"~\xb2Ii\xe9\x03\xea\xb5\xaf\xb1\x9b\x80\xebT\x18\x82rB\xbab\x1b\xea\xe5(/Y\xa2\x9aU\x90\xc5jU\x17\xaf\xbc\xb67\x8be.Qw\x00KQ5#FRf\xfa\x83\xad\x9b\x8e\xd7\x8b\x13\xdf\t\xe2\x03cco\xa1Q\xdf\xd3-U\xad\x87\xa5\xec\x94\xbe{\xf0\xc2\xffZB\xf9\xc1h\x11\xebM\xbb\x01\x8b\xa1}\xea\x9d\xe3\x0b.\x96HF\x99\x98\xfc8\x94\x96\x8eWq\x19vvx\xfdX\xda\xcf\xd4\xd5G\xd5\x13\x8f?f\xd7\x0e\xcc\xb2\x1e\xdf-\xfc\xe7d\x8a\xf8I\x80\xdcb\xaa{z\x07\x98\xdc\x01\xac\x1aW-\xf1`\xff\xd7\x85\x843}\x10\xd5v\x89\xef4\x81\xec;\x9b`\x7f\x1d\xacu\xa4\x95\xe5\xd4\xe5\x07N\x95\x1a\x95\xc0\x00\x14\x8dBW\xa5\x8e\x98O\xeaAA\xa5K\x8a\xdaK\xac\xa3\xa2\x94\xd3\x1e3"\x1e\x9a\x89\xcf\xac\x0bn\x14\x8b\x02\xc0z\xf4k\n\x86h\xdf)P\xc6\x16|\xc1v\x9b\xcd\x84\x894\x04\x18\xd3-\xf9\x17\xd6\xae\xf9\xc6\xf3\xecm\x84}\xc8\xb3\x95\x83\xfbd\xcc\xe3\xa6)E\xa7\x96\xdd\xbf\xdf\x8a&gt;\xa5\xd1\xc5Z\xed\x1f\xe8M\x00\xff\xbc\x98\xad\xab\xf1\xfd\xcf\xd6\x9cW\x18\xefH\x04:\xa6\xaam\xeay\x07\x97\xbfI8\xff\xf8\x04\xa3{%j\xfcd\xb4L.d\xae\x14$;6\xaf\xa5\x84\xc6\xe1LIz\x8e\xd6Q\xb5\xaf\xa8\xe9.\x8f\xbf\xa9\xec\x93\xc1w\xc1\x1a="\xeaA}b\x83\x9cVy\'_\x8b\xee%\x07\xcbv\x12\x95G\xe7\x1bm\xf4\x93\xb5\xb2=\xfb\x18\x9b\x023\x078\xe9="w\x1e\x81\x08w\xa8o\xf9\x89\x08\xc0\xe5:\x84W\x97\xae\xf6\x07\x18\xde!zA\xbc@2m\xc95\xe2\x18F\xfeR\xa0\xa4O3\xd8\x02g\xc7.\xed\x1f\xd5.\x1fn\x94\xb3A\x8a\x9b\xa2(\xa4\xb2[\xcb\xbd\x93\xa6\x876\x9b\xb9\xd8q\x16\xd8\x92\x0b\x05\xb6p6$\xd6\xa9\xda?\x1a\xc4\x05\x14\xd8\x91\x9dl\xe3\xef9\x16od\xdb\x17"|}\x80\xe7W\xf2\x8f\xb1\x92\xad\xa7\xc8\xbdp\x13{L\xa6\x80P\xba\xbe\xdd\xb1i\x00&lt;\xf4We\x02w\x9d\x98\x81\x0b\xb3\xcaq\xda\xadk\xf1B\x8d\xfb!\xd5\x0e\xf2T\x18\xe6\x8d\x82\xed\x8ej\xd4\xa8R\xd3Ny\xd5\xb5\xb3\x9f\n\xc3R\x17\xdc\x91\xf4\xc6_m\xc7\xc6\xb6\x9b\xce\xdc\xc9\xa9\x94\xcc~\xe4\xa5\xc6\x8a\xa1)\x81\xb5\xca)yF\xf0\'\x14\xa2\x90M\x1b\rj\xcd\xf7Xk\x8b[\x8b\xedD\xf5E\xb8\x7fo\x90\x859\xbf\xc0yY\x02\x00\xf01\x1d\xa4^\xf33\x15 \xc2k\x0c\x00\xee\xb0\xadlW-\xa3x\\\xb8\x98)~\x1f\x14\x8b\x05\xf9\xc7\xbf\xea\x94C\xda&lt;\xfalK\x11\x88\x80+_\xaaht#x\x821,\xb7G\x96\x87?U\x90\xd18[\x95\xe3\x16U\x15Kjk9BSEe\xa3\x8a\x13.\xdc\x98\xea.&lt;`\xd84\x81\xe8+u\xae\x06iA\xb2\xde\xce[d\xd9Tk\x96\xf9\xf2\x83\x8d\xfc\x96[\xa9\xf1\x10\xff\x18\x8dMI\x00E\x8c^\xc4\xcb%l\xeb\x96\xb5SY\x83\x9e\x98\xf4^(\xfa$II\xff\x81.\x91\x03\xdcl\xfb\xa5\xb5\xd7\xba\x9b \x03\xf0\xa6h\xce[:\xa8\x04\xef3\xbb\xb7q\x97\xfa\xa4\x14\xdb\xd6\x0c\x86\xd8\x94(&lt;"aK}N\x92\xe8K&lt;A\xdaz\x88\xf7\t3\x02\xc4f\xa9#\xfa7,{\xc3\xd5q\xe3\x82\x7fp\xeeo\xb7\x12\x06\xde%\x8a5O{N%0\xa7\xd2\tFLj\x8fG\xff\xdd[\x9aut\xa9D\xa8\x19\xeb\x10\xda[\x8f:\x9b\x1b\xf1;\xd6\xd1\xcc\xa5\x17\x9e\xd8z_\xe0\xad\x8e\x11\xaa\x99\x86[F\xddM\xfeS\x1f\xca\x01\x9b2\xcc]\x93\x8c\xf2~\n_*\xd4\x01\xef^H\xd2\x06\xa8aSC\xe4\xfdV\x88\xd5K\xcc\xde~\xca\xc6e)+\xbb\x8c[\x94\xf3\xf0\xe4Z\xd48\xf1\xa0\\t\x91\xeaXf\n\x8b;\x9e\xb2%\xbe\x98\xd7v*\xabJmZ&gt;\x9d\xaa\xbf\xc7\xf41\x9d\xff\xa1\xbd\x9a\n9\xadO\xf2\x92\xb7\x17\xedFu\xa2\x84uGx\x13\x92pv\x8cW~V\xe3\x9c\xe2cC4m0G\xcb\xa9\xd6\xe3s\xd96%\xf6|,\xb2\x0b\tV\xb8\xfb\xcc=\xd9\xb6\x97}\x8f\x1a\xe7\xed\x91\x93R@\xf7~\xb6\xf5\xf0A\r:\xeb\xd1)\xb0\x8a\x9c)\x88\x87$\xabo\x0b\x8c\x08\xcf^\xed\xad\x87Q"\xfcw\xd9\xa2w\x8f\x01\xc6\xd7\xc4\x0f\xe2f\r?[Jo&lt;f\xd7M\xa1\\zg=7\xb6\xeaj\xb7z\xdb\xee\xa4\x8bm\x91\xf4\xb3*\xa5\xd9\x99\xe8~\x1a[o\xbdvp\x8a\x9c\xc0p\xce\xed\x9025\x06D\xa7\xa8\n\xaaP\xda\xf3\x8fF\xdf\xe9!S\xb3nM`\x9d\xa7\xe1\xaf#\x88\x87\xf3\xed\x90\x84\xcc\xce\x81\x8a\re\xa8\x0bp\xebmyd\x1f\xcd)OV\xa5\xe6s\x92\x08\x8f`*\x16\x12^a\x9d\xda\x1f\xccBN\x88\x996\x19\xac\xf9\xefe\xf7,\xd9\xaf\x8bV\xa5A\xfb\x13+lGDi6\xfe\x84\xb7X\xe5\x14\x06\x86eTK\xa7\xb5\xd8\x00\xbcu\x11\x9d\xec`S\t\x97HY&lt;\x1eI\xa2y\xa2\xcbn\xfcH#\xc3i\xdbJ\x97\xa3=\xbb&gt;u\x08\xb8\x85S\xb6t\t\\H\xd0r\x94\x87K\x8d\x81\x19\xe0\xc1DxPH\x14\x85\xfdrZ\x1e\x81\x0eoR\xcf^\xb4*s,*\xbd\xac\x90u\x8f`\xe5\xbd\xd8\xff\x8bPp\x97\xb6g\xea\x86$3\xb2\x9c&amp;\x99\x9e\x7f\xb4\x0cI]O\xce\xc5t\x17N\x9e\xc2\xb1\x8a9k)\x19\xde\xafz\n\xa6\x17\xd5,\xb1\xd3\xb5\x94\xafz\xa0j(M\xb5\xc0\xdcv \x16\xf2\xfd\x0e\xe7\\0l\x1e\x86\xfep\xdc\x85\x1d\xfb@|\x8am\x0b\xbcU\xd1\xa0\xcb\\\x1e\xf5 &lt;\x86ue\xab\x01\x14\xab\x85\x8b5#QuD\x97\xb5\x908(g\xd0\xa9\xe4dE\xeaU\xb6\x95\xf6\xa4\xf3\x86\xcb\x8c\xccd\'\x03M\x82\x16ds`\x92\x81\xec[| \x96\x97&amp;OS\xbb\xab]8`y\xe0\x93$\xf8Y0\xb2\xabH\xb7/\xe9\xe3(\xc4j\xed\xd6\x9f\x83UQUy6M\xfei@$%\x82\xb9\xce9\x96\xc0\xb3\x14\xc5\xb2\xbe+\xa1\x9d\x01\xe9\xeb\x97:\x9e\xba\xbb\x18\xf9c\x14\x1e r\xf7\xb9\x12\x95?\xa2:\xe0&amp;\xfe\x8e\x8d&lt;3\xa9\xb1{k\x16\xd8\x8c\xa1\x94\xc0\xe3\xbe\x9bt\xf3\x04\x90E\xe1:\xce\xc6\xc3\xcf@\x88\xd4\x1a\x8b\xc7\x18\xa6\xa3\xa2\xafF\xe6\xf0\x88\xfeX2D\xa0\xc7j8b+(\x98\x96\\\x81\x9e"\no,\x8e\x8c\x80\x9f\x1f/\x88\xf8\xfcy]\xb2\xfb\xe9\x83\xfc\xdb\x02\x1d!\x95\xdfj2\xf7\x1e\xb65V\xa4\xce[\x9e\xb1\xacF\xe09J\xc8\'3\xf1\xe8\x7f\xb1\xf3\xa8h\x8a\xb6\xbb\x8fY{\xbd:^\x06\x80\xc4\xc3\xd3\xad\x11\xf7\xad\x04\xa0\xa8\xd0\x18\xe2\x03\xf1W\xc7`=\xe0f\xb2\x9dAd1\xb4#\x91\x18\x9b\x06"\\\xcd\xcbOMA\xb4\x9c\x08\xde.\xac\xad\xa2j\r#:\x86|\xde\xab\xa9\xeb\xc8\xb2\x04~UkL\x81&amp;\x95\x0c\x7f\x91n\xf5TU3\xe9\x16\x01\x9e\x03\xe6\xe7\xa9h%\xbaS\x9f\x84q\x16\xd41dU[\x0c\xcfp\x11\xe8q\x10\xab\xa1kq\x02\x7f\x89\xe2\xf7\xaaf\xc3\xf0\x1be\xac\x91\xb0e\x02\xc8\xa2\xd2\xc0c?u\xb4\xda\x9b\x82e\xea\x92\xf6\x8e\xda\xddt\xfd\xa8\xbcZ\x8f\x88m\x83\xf1\xbd\xe3uK\xc7R\x8e{k\x8c\xcbZ\xe3\x0c\xa5\xa5\xa2\x03\x86\x955\xa8HP\xcfd\x91\xcbuD;\xe1[\xe7\x98\xec\x7f\xd1\xa5\xd9\xa4 Z\xea\xdd\x86\x95(\x99\xb1_\xc2bX\xb2\x84\xb4e\xf7\xcdC\xedrb\x17]\xb3J\x0e\xc83\x81\x95\x00\xe2\x11\xd6\xd0\xabL\x1f\x88pN\x9b\xffl\xd9\xd1\x8d\xec[\x8aZ\xadlJ\xd1Y?\xe4\xec\x949\t\xef\x90\xb0\x9b\x07k\xeb\xec\xeb=u\xb2@Y\x9e\x9c\xabn\x0e\x87\xa1\xa9\x1aM\x1f\xdb\xac\xcf`\xb4\xaa&gt;\x08\xc5]E\x1d\xd1\x90So\xba0\xaa8\xdd\xf2@zW\x9a\xd0a\xc1\xdb?T\x8d\'Vb\xb4S\xdd[\x0c\xf1x1\x05\xeb@\x97q#\x98\xab\x16q&lt;]\xfd@\x10\xc4\x12d\x8d\xbb7\xfd\xd9\x0f\':\xb3i\xe3\xc4\xb8\xa2f\xcb\xd8\x00\xa5\xe2\xbd\x12\xfd\xd9\xffU\xb6j;\xecy\x9d)y#t\xde\x16[i\xa1d\x99qY\x16\xaeZ\xbez$\x12\x05\xd0\xbeN\x90_\xebH:C\xc9t\x0e\xd3\xd5\xbd\x96\x00\xc4V\xa0Ax\xd7\xadD/h/\xe4U|&gt;\xeeP\x9dg</t>
        </is>
      </c>
      <c r="E226" t="inlineStr">
        <is>
          <t>&lt;class 'numpy.ndarray'&gt;</t>
        </is>
      </c>
    </row>
    <row r="227">
      <c r="A227" s="1" t="n">
        <v>225</v>
      </c>
      <c r="B227" t="inlineStr">
        <is>
          <t>steps_per_sec</t>
        </is>
      </c>
      <c r="C227" t="n">
        <v>3300</v>
      </c>
      <c r="D227" t="inlineStr">
        <is>
          <t>10.210516</t>
        </is>
      </c>
      <c r="E227" t="inlineStr">
        <is>
          <t>&lt;class 'numpy.ndarray'&gt;</t>
        </is>
      </c>
    </row>
    <row r="228">
      <c r="A228" s="1" t="n">
        <v>226</v>
      </c>
      <c r="B228" t="inlineStr">
        <is>
          <t>Loss/object_center</t>
        </is>
      </c>
      <c r="C228" t="n">
        <v>3300</v>
      </c>
      <c r="D228" t="inlineStr">
        <is>
          <t>0.5058371</t>
        </is>
      </c>
      <c r="E228" t="inlineStr">
        <is>
          <t>&lt;class 'numpy.ndarray'&gt;</t>
        </is>
      </c>
    </row>
    <row r="229">
      <c r="A229" s="1" t="n">
        <v>227</v>
      </c>
      <c r="B229" t="inlineStr">
        <is>
          <t>Loss/box/scale</t>
        </is>
      </c>
      <c r="C229" t="n">
        <v>3300</v>
      </c>
      <c r="D229" t="inlineStr">
        <is>
          <t>0.08846743</t>
        </is>
      </c>
      <c r="E229" t="inlineStr">
        <is>
          <t>&lt;class 'numpy.ndarray'&gt;</t>
        </is>
      </c>
    </row>
    <row r="230">
      <c r="A230" s="1" t="n">
        <v>228</v>
      </c>
      <c r="B230" t="inlineStr">
        <is>
          <t>Loss/box/offset</t>
        </is>
      </c>
      <c r="C230" t="n">
        <v>3300</v>
      </c>
      <c r="D230" t="inlineStr">
        <is>
          <t>0.15246357</t>
        </is>
      </c>
      <c r="E230" t="inlineStr">
        <is>
          <t>&lt;class 'numpy.ndarray'&gt;</t>
        </is>
      </c>
    </row>
    <row r="231">
      <c r="A231" s="1" t="n">
        <v>229</v>
      </c>
      <c r="B231" t="inlineStr">
        <is>
          <t>Loss/total_loss</t>
        </is>
      </c>
      <c r="C231" t="n">
        <v>3300</v>
      </c>
      <c r="D231" t="inlineStr">
        <is>
          <t>0.74676806</t>
        </is>
      </c>
      <c r="E231" t="inlineStr">
        <is>
          <t>&lt;class 'numpy.ndarray'&gt;</t>
        </is>
      </c>
    </row>
    <row r="232">
      <c r="A232" s="1" t="n">
        <v>230</v>
      </c>
      <c r="B232" t="inlineStr">
        <is>
          <t>learning_rate</t>
        </is>
      </c>
      <c r="C232" t="n">
        <v>3300</v>
      </c>
      <c r="D232" t="inlineStr">
        <is>
          <t>0.0007450001</t>
        </is>
      </c>
      <c r="E232" t="inlineStr">
        <is>
          <t>&lt;class 'numpy.ndarray'&gt;</t>
        </is>
      </c>
    </row>
    <row r="233">
      <c r="A233" s="1" t="n">
        <v>231</v>
      </c>
      <c r="B233" t="inlineStr">
        <is>
          <t>train_input_images</t>
        </is>
      </c>
      <c r="C233" t="n">
        <v>3300</v>
      </c>
      <c r="D233" t="inlineStr">
        <is>
          <t>[b'512' b'512'
 b'\x89PNG\r\n\x1a\n\x00\x00\x00\rIHDR\x00\x00\x02\x00\x00\x00\x02\x00\x08\x02\x00\x00\x00{\x1aC\xad\x00\x00 \x00IDATx\x9c\xed\xbd{\xfc\xff_6\x17\xba\xdf\xe3\x12\x92\\\xa3\xd2\xcd-!!D\xa3\x88\xe4\xa4S\x12\x9d\xc8QL\x94\xeb\x90\x13\xce\xb8\xc7\xb8&lt;t\x19\x8fLMI&amp;\xc3\x91\x0eBn\x19\xeaTNH&lt;\x14G\x08Q2\x1a\x92&amp;j\x90\xac\xf3\xc7\xfb\xfd\xda\xaf\xb5\xd7m\xaf\xb5/\xaf\xcb\xfb\xfb^\x8f\x99\xef\xef\xf5\xde\xaf\xb5\x9f\xeb\xb9\xd7^k\xed\xbd_\xef\xcb\'\xa5\x87&lt;\xe4!\x0fy\xc8C\x1e\xf2\x90\x87&lt;\xe4!\x0fy\xc8C\x1e\xf2\x90\x87&lt;\xe4!\x0fy\xc8C\x1e\xf2\x90\x87&lt;\xe4!\x0fy\xc8C\x1e\xf2\x90\x87&lt;\xe4!\x0fy\xc8C\x1e\xf2\x90\x87&lt;\xe4!\x0fy\xc8C\x1e\xf2\x90\x87&lt;\xe4!\x0fy\xc8C\x1e\xf2\x90\x87&lt;\xe4!\x0fy\xc8C\x1e\xf2\x90\x87&lt;\xe4!\x0fy\xc8C\x1e\xf2\x90\x87&lt;\xe4!\x0fy\xc8C\x1e\xf2\x90\x87&lt;\xe4!\x0fy\xc8C\x1e\xf2\x90\x87&lt;\xe4!\x0fy\xc8C\x1e\xf2\x90\x87&lt;\xe4!\x0fy\xc8C\x1e\xf2\x90\x87&lt;\xe4!\x0fy\xc8C\x1e\xf2\x90\x87\xdc\x93\x00\xc0\xde\x14\xear\n\x92~\x997\x9c\xed\x1d\x05\x00\xa3\x8cBJ~ XLc\x11\xd5\xd6\xebR\r\xebs\x04\xfb.U\xd0\x8d\n\x94\x160nN4\x8a\t__\x94\x17\xa9P"\xdd%\xc2\xa2\xd3\xf0K\xcb\x9f\xa5\x0e\xbf(,\xa2\x0b|\xf3O(n\x91\x1a%U&gt;L\x99\xac@{\x17\xb9\xece\xd8#\x00p\xb9\x1c\x9aa\x1aA\x12\x1c\xd3\xa0\xe9\x00\xa4\xc3{\xe8~\xc43S7M\x80\x94\xd250&lt;\x11\x02\xd7\x89D\x85 w\xb9V0\xdc\xc2\r\x95\xfa\xb4\x9a\x90[7Vh&lt;\x197+\\\x8d^.\x17\xdcE4\n%g\x84\x00)\xa5\x9f\xbe\\^\xa9D \n+\x99t\x8b\xe6K\xc9\x938\xc7\xf0$AV\xa4\xb7\xa2\xe0\xd9\xe4\xceGj)\x0f\xcb3\xfb\xc7/t1\x19\xb2\xa2i\x13y\xa8-\xf7\x8e\xab\xf7C&amp;\t\xa0\x7f\x85\xbb\xbe\x9d\x9d\xd7\x96o#i\xdeM\x00hK\x8bw\xe2\xd2\xce\x9at_\xafS\x02\x80\x0fF\xed\xa4On4HR\xa3\x9f&amp;\xe8\xc3k\xd0.|\xa4|\x08U\xd3\xa9t&amp;\xc7\xe7\xae \xe0\x1a\xbeh\xd1\x13\x04\x1a\x87\x87l!\x1b8\x1d\xb6\x9d\xdamF\xf4\xa4I\xe0\xd9\x8e\xa3\xa4\x86\xad\xe7\x1aq{Y\xdc\xe2vy_\x0f\x07\xa3\x1a\xe2\x0b\xf8Y\xf9\xe1\x15\xbf(\x08\xa0\xb5\xe1\xfbnI\xf1\xae\x8b\x022\xa1\x8c\x85\x0f\x13\xcc\xa1aw\xdd\x94\xed\xc1\xfb$\x04\x92\x9fn\xd5\xd4\x8c\x95;b\xef\x89\x95\xe6\xec\x1a\x90\x9a.+\x93\rl.V\xc8n\xbe\x91\xb1\x8dm\xec|\xad\x18E\x03\xad\xbag\x14\x1ak\xf3R"\xd0\x0b\x03\x1f\xa4j+\xb4HrC\xf8\xf5\x15+\xcdUR\\\xb1&lt;\x803$T\xee\xabS\xbcIq\x1a-\xa7c|2\xba\xbbJ\xf1\x00a\xc4D\xef\x18-ZA\xec\xc2\x04\xa54;\x92y\xa0?=5H(\xd2\xee.\xe9V\xfdI\xfb\x8bh\xd1\xc7\x0bC\xc6Y\x01\x15CR\x89,\x16\x18y\xc8\x8c-\xd3\xe1\xd7\xc3\xc5\x03\x8e\xc7\xa2\xeb\x9c\xaf\x90\xde\xe4\xac\xbc\xefB6s\xfd\xa1f\xb9VX\x95\xf6\x99L\x8a\x8a\x83\xab\xa4\xd6q\x0e\x8d\xc4J\t*\xdf\x81\x87\xceW\xeax k\xbbn\x1a\xf5E\x0b\x80\xc3 &amp;i\x94r\xfc\x12\x94\x91j\xe0\xcd2o\xa6\xf8\xadCe\xd9\t\xe4\xe1\xaf;\x96\xd8\xb3W|\xbd\xf9\xbb/x\x9b\x9c\xdb#\xbb\xed)\xacRkM\xc1\xa3 \x17~\x02\xb5EZ\xb8/z\xcc\x81S=\xfd\xd0\x0fw\x1ahNd\xf3\xd6\xf7?\xaa\xfc)\xe5113\xe4\xbe\xbd\xaa\x9d\xee\xf7]\x000\x8d\x86.t,\xcb\xbf\xa3\x86r{\xa7\x14\x99\xcbF\xbfB\xa1\xd4i\xf1i\x01n\xf5\xe5\xa7\xba6\x80\xb9}\xb9\xb7\x8c8\xf1\xd3\xab\x94\xd2\xfd\xcd\xc7\x91\xa4\xc7\xb7\x07\x9f\x95\\\xfa\x13\xab\x08P\x8a\xd6\xb7h\xd1\xac\xf4\xd1\x0b\xe8\xb3\xeb\xa9\xfe\xe7g\xa6\xaa\xbe\r\x85\xde\xe2\xeeZt\xed\x05`yH\xd5\x0c/\xbf\xabqz\xb9\xbf\x11=d\x88\xf4\x04\xc6\x1f\x18\xc8c\x82\xac\xa5_\xb9\xabV\x7f\x1dm\xa0t\x02\xc2\xb3G\x111\xad\xb4&gt;\x9e"\xcb\xad\r\xd5\xb7\x1e\xf0\x8b\xc6GC\xc9\x8c\x8a\x87&lt;d\x8c&lt;\x82K\x94yn\x11\x1e\xfe\x94\xa9\xae\x1c\x02F\xd30Ym,\xf3\xac\xb7=\xd4\xeaD\xe8\xb4\x88\xda\xbd\xdd\x1f\x8b\xc4C\xb6\x16\xe7\xc3\x8an+/5\x16pw\xe1\xe9Z\xdd\xe8\xc1\xe8$\xe7@m\xd0CXmY\xba\xe0)\x03\xde%N\xbd\xa7\x04\xf6@\xaf\xef\xf3H\xd53\xcd\xb1\xe44D\x1fb\xca6\x8f&amp;6\x96m\xf8\x83$\x95.\x87\xf4\xed\xf0\xf7\xf3\x86oe\xa3x\x1b\xec\xa6mx\xf1\xae\x87\xd0\x01\xc3\xe3!\x0fyH]\xaa\x99;\xbc\xc8\x0eT\x9bM\xe3\xa6\xdc\x80\xff\xad\xd8\xd6`C\xfd\xebD\xe8-\x1f\'\xdac\r\xd8Y\x1e\x13pv\x99:\x83\xeaGw&lt;\xdb\xff\xe1l0\xfe{\x04\x9eKDu\xb4\x8e\x87J\x16\x00\xf8\xf9\x90\xfe,"\x8dr\xca\x8fV\x9e\x8f\xf1=\xcac\x16\x8e/\xfe\xfd\x1d\xbc\xb6\x8aP\xc3o\xa3V\x17ai\x99lQ4:\x02s8\xa4i\x0e\x8d\xc2\xf3\x9e\xcd#\x91\xb7\x96\x87\xbf\x89\x9c\xc5!\xb9\x9a\x06\x9e\xc1\xef*\xc7f\x17\x96f\x7f\xfb{\r\xf7\x18\xe6\xbc\xe5l\x18\xa5\xff\xce\xa2\xe2\x942e\xa31\x1cq\xb2\x9c(\x10\xc5b\xbf\xd7*\xb0e9;\xcd\x0c\x1dU\xf0\x14\x0c\x89\x13\rD\x8cB(\x7f\x9d\xe2\x80\xf2\x94\xbd\t\xec&amp;\xc3\x8b\xc6\xb9\xfe\xa2\xcf1\xc3Q\x94\x9cY\xe4\x8f&amp;].\x97g\xeb\x7f\x06k\x9e\xf8\xffxS\xff\x9fy:WP\x192\xf1\xfb\x19\xd3\x90E\xc1s\xca\xb7$Ly\x9d\xc1\xbb\x99\xca;\x112y\'\xda\x0e\x0f\x91\x13\x8d\x17\xca\x8fK\x93\x13=\x94\xb2\x13GU\x8e\xc7\xe8!\xb3D\xfe$\xa8\x1e\x97_5\x99\xcfvr\xba ?b\xa9\xd8PN4\xf6\x9c&gt;\x80*\xfe\xed\x16R8j\xf5\x9fN\t\xe0\x8dg\x9b\xb8c\xe9\x9c\xa0j\xf75z\x8f\x17\x9cWyr\xcf%\xb0\xdf\x9fS\x87\xfb\xfb\x1b\xd0\xa6@G\x9c\x91\xcc\xc1\x7f\x8f[\xfc\xf3\xdf\x87r,\x9f\xe8\xb1S\x7f\xf0@2\xe8\xf5\x84\xc4\xd1\xe4\x1a\x84\xf6\xdf\x85\x17\x15\x8e O\xee{\x00{N\x07)\n\x91\xe7\x18\xe2\xdd\xe6\xfd\xc56\x1b\x93K\xeb\x93\x10J\xaf\xf0\xdb\xe5\xa0{*$\xd7\x9c\xc7\xa38f\x15\x98$\xd6`\xf7\xde\x11\x8f\x8d|q\xa4\xa7\x98\xea\'w\x01\xd8@\xb4\x10\xc3\x81\x01\x00&lt;\x19\x8c\xe8TB\xad1\xd66\xacG\x13\xdes\xdf\xbb\x88\xec.\xf7\xbd\x9c\xb4~\xe4\xd4\xa56\xd0u\x1e\xa8\xc3\xce\xd4\xac\x05\xe0\xb0\xcf\xbc6\x13\x00\xeb\x90\x8b\xbcs\xd3\xba\\.\xbbDIt\xa6\xda&amp;v\xcc\xd0\xb0m\xe3\'\xd8&amp;\xbf\x1f\xe0\x87&gt;\xe6;\x13G\x90yE\xf3P\x95\xf6\xb2\xc8\xdeDT\x99\xb5\x00\x18c~BR\xc2\x9ett\x13Dm\xffo\x9b\x84X\tL\xc2\xd1\xb9\xf9\xf4]\xd65\xd2\xdd\x83?\x90\x1dF;\xe0\xaf\xcbE$\xd3#gL\x1e\xf8\x02\xd6\xb2\x07\x8dN\x11\xdf\xce\xc5\x1fN3b\xec\xb0Eo\x9f\xa5\xe9\x9e\xde\x02\xea\x97}\xdf\xc9\xac\xbe\x91\x18z\xa7QTn~\xaf2\xbf\xbd\x86\x03\x06n\x8f\x7f\xe4\x8c\xba\xbe3&lt;\x90\xc3C\xeeO\xb6\x0f\x86\xc3\x86\xdf&gt;\xef\x01\x1c\xc1\x13\xc7Y\x91Idx\x02e\xd4\xe3Q\xf5k\x8d%\x1f\xbf\xb9\xce\xb7(\xb4\xcf\xfc\\\x90\x82Q\xfd\x93\x9ei\xc7L\xbf69\xecv\xd2\x10\xff\xc305&amp;\xc7\xfdn\xda\xd4`\x10\x7f\xf2\xe1\x1e\xc2oR\xd8\x9d1\x9a\xe7\xc9\x8c\xa7\xc6F\x95\xd7\x93\xad\xfe-\xb9\xb1\x9fG\xd2\x84;\x04\xca[\xd5\x0fP\x1d6\xc0\x0eJkC\xd9,\xd47\x13#\xa7\xb2\xc2C\n\xd9{\xca\x9e\x08\xe9\xf1\xb1\xbeH\xbc\x93\xa8\xdcV\x85\xf1m^\xf13h\xbe\x86\x17\n\x0b\x80m\xe2Pr&amp;\xae\xe7\x91\xb9o\xfe\xd7&gt;\x9f\r\xcf\x9fg|\x96l\xfb \xec\x18\x0f\x7f\x88\x1c\xf6\xf1\xdc(\xd9\xd8\xed\xf9\xc1}\x8a\xf8\xd6\xd6\xf4$\xb6\xf6\xf4\xff\xf8\x02\x00\xf9\x19\xc1I\x87\xb0\x8b\x1c\xc7W\xc7a\x12\x95m\xdf\x038\xc6\x1eM{\xd0\xbc/\x8dy\xb2\xddG\xfd\x97\xd2\xbf&gt;\xbb\x8f|n\xa7\xc7!\'M\xbf\x9b\\.95\xce=\x90\x8d\xa5\xd5W\x9d\xa9\xc7\x8f\x9b\xc2\x87\x0eF\x1b}\xc8\xdd\xca\xbc\xc8\xd8,\xe6\xfc\x864\xc5j\x7fH\xe9=\xa5\xe7\xfe\x01\x96\x07\x96\xbb\x19\x88!3\xc6\xc8\xdf\xac\xf2\xd8\x18\xb2\x00\x18\xef\x9f\xc1\xaf\re\x04\xfcB\x0f\x9b\x87\xec(\xa7\xc8\xda\x81\x89\xb7q\x9d:\xd7\x9b\xba~\x11\x07P}\xff\xf0\xa6v\xf2\xd1\x0f)\xd0Z\t\xe6&gt;\x94]=\xc2\x89\xfd\xabH?\x87\x87\x1cZz\xe6x`t\x0c\x8c\xb4\xdd\x17\x00\xbbJ&gt;r\xaaG\xba&gt;)0\x8c\x85\xc3V\xe4\xf0\'\xef!FSz\xc8H\xd9km\xd4\xac\xc2\xe7nJ\xe3\xc8\xf2\xd8\xf5\xcc\x93\xea\x87L6cr7\xd2\xfc\x99\xb4\x87\xa8b\xbbn\x88_!%\x80\xf7l\xb0\xee\x02\x7f\xcc\xfd y8r\xa0\xe4Re\x9eo\x0e\xfa\x9e\xc71Y\x19r\x10\xc2\x07\xa1qDipM\xbf/g\xcf\xc6c\xb6\x9fL\xb9\xef4\xb7\xbf\xa0\xeb|cc\xacl`\xd0\xf1.E\x1d\xe1\xba\x9e?\x96\x811\x02\xdf\xdd\xd1w\x1c\x8d\x94\xd27&lt;j\xfdd9\xb8{\xf9GS\xf6b2[n\xdf\xcb\xbb\xdb\xf1\xa9".{b\x8b\xf5a\xa1\'\xd0q\x1e\xc1\x9e\xe1n:\x9d\xd7\xce\xc6\xf7!\xbd\xb2\xe9;\xa2\x1b\xda\x12\xac\x0f\xaab\xa7Nj\xa0\xb7\x00_\x1b\xefC\x9cn\xd4\x85\x14\xe3\x9c\x8c?Iv\x9c\x80s\xcf\xbd)g\x19\xdaYx\x1eY\x86{0O\xca\xfb\x8fF\xdeLHe\xaf.\x00g\x8d\xc3\xdd&gt;\xab3\xc8\xae\xe7\xe9\x1b\xc0s\x94\x8e\x9f{\xd2Y{H\x96#?~=2\xb7\x87`\xe1\xb3t\x07\x0f-\xea\xb2\xef\xf9ec\xc3\x8fO\x92\x1dAN\xed\xee\'&lt;Z\xec7\x8a\x1frJ\xd9fF\xc7&gt;&gt;\x9b\xcaY\xa1\xda\x02rg\xd9r\xde\xc1\xb4|\x1am\xf2\xa3\xd1\x13I\xd77\xcb\xc8S\x94\x97\xec\xa7\xf3\x90A"\x9ez\xb6%\xd0hn\x8f\x05\xa0\xfeED\x8f\xceC\xce"O\xc4\x13\x80\x94Rr\xfd\xf0\x8eg\xe4.\x9c\x11\xbb\xab\x19r\x00\n\x9b\xcb^~\xdf\xe2ma\xf3\xa5\x17$\xc2S&lt;\xcd\xe8o\x1c5\x11z2\xe4 u\xd6 a\xdd\x92\xd8\x1fdD\x9a\x0c\xfa\xfc\xcf=&lt; :;\xffsH\xa7\x97\x9d\xdd\xb3\xdaf\xefsp+?\xfcd\xee,\xeeB\xec\x89\xd3\xeeN\n\xb6\xa9Q\x04\xf0#3\xe1O)\x9eI\xbc\xab\xd5\xe2\xae\x06\x93R\xc2\x0b\xc0\xde\x04X\xfb\xc6D\x06\xc8\xfd\x85GT\xfc\xdb\x8eS\xfb\xea\xec\xfc7\x93\x87\xa3\x1eR\x91G|`y\x12\xbc\xb1\xf3g\xea\xe0\x93\x9az\xb5s\x86\xbd\x87\xbc\xa3\xdc\xcf\xc0\xa3OT\xc6\x18\xdd\xa4K\x83\xdc\xc9\xa4&gt;\xe4\t\x90!\x91\xda\xb9\x00\xcc\x93c~?\xe9\xde\xea\x03\x99~\x1e\x0c\xf76\xe0\xc9r^w\xcdzx}Z\x87t\x8a\xf0\x89\x80]x\x98\xd23\xe5\xdb\x7f\x94cw\xb9\x9f]\xff\xbe\xb2\xbd\x0b\xaf\x16\x1f\x93g\xc8\xa4\xd0\xde\xdd\xe7\xc7\xdcH6\x01\x8e\xc5\x130\xfd\x9cC\xd1\xf2Z\x01F\xa7\x94\xdd\x83\xbcK\xce\xcd\xfe!\x0f9\xaa\x0c\xcc\xab_\x1a\x07\xe5\x17\xfax\xe0x[\xf2\xa9\xa2~\x86{{*\x0f\x89J\xdb\xa2\xd6\xb3\x14&gt;\xd6\xd1\xe1r\x1f\x0e\xc5\x1fG\xde\xc6\xd0\x8e\xd2\xc0\x01\xfeHJ)\xc1\xfb\x0c\xe72E\xf6w\xf1p\x81{\xfc\xd1\x02.\x9b\xa5\x9f\xc7\xceA\xbc}\x10\x1a\xf7-\xfa\xa7\x81\xdfbc&amp;\x8c\xc0\xbe\xf6Wi\x8bC\x80_\x1c\xce\xe4\xc9\x95G-\xe8\x94\xcd6z3\xe4\x8c\x9c\xe7\xc9\x96\x1fx\xcb\xefNm\xf0e\xf5c\n\x84\xbfr?\x8fK\xd5\xf4\xe3M\xe0\x87\xdc\x8b&lt;BY\x93\xb1~\xf1\xd4\x0c\xa2\x12\xfad\xb6\xf0q#\xdf\xb7X\x0f\x12\x00\xbb~sB}\xca\x7f\x10\xe7l!F(8?\x12\x0b\x90\xe0\xf5\xc7\x13;\x8b&lt;A\xb1\xf2\x10$\xef\\+\xdc\xb0H\x15\xaa\xaa\xa3\xfe\xf2D&lt;\xfc\x1e\x1f\xf6\xb5\xc5\xbb\xfa\xce\xe61[\xe0\x9d\x97\x0bx\x1b\xcf\x02\xc05\xc8\x17\x08\x86\xb2;\x93&lt;\xc9c\x7f\x02\x05?\xeb\xa3\x15\x9fiN\x8d\r\xff\x023[\x00\x9e\xb57\x85\xb9\xa2\xcd5\xfd\xa0\xd4\x01\xe6b\x8cx&gt;8\x7f?\xa3\xed\x90\x87\x13\x1e\x92e\xe3\x9f\xc3\xbc~.\xf3\xe37\xb3wH\xd9\xc6\xe1\x00\xd6\xcf\xffmL\xa6W\xd6-\xcc\xbe&lt;\xce/\xd8\x93\x00\x1f\xbb/\x99f\xd9\xb8f\x1dG\x00\xfd;\x0f\x7f\xb6\x9c\xa2\xe6\x18\xe2\xe4?d\x98\x90\x12\xc0\x9by\x95\xcf\xeeYM6\x18\xd8\xdd\xfa\xee\xd8\x12~\x1c|\xfd\xdf+t\xdb\xed\x058\xa5@\x12~:\x85\xeb\x9cW\xde\x7f\xfe\x1b\x0c\x93\xceL\xcb\x03\x8c&gt;\x10X\x1e\xb2\xc9wO;\xb7\x99\xb9\xfa\xe8\xbf\x1d\xf9\xb4NI)\xf9\x06.\x7fl\xe0\xdc\xe3\xee\x12\xe3\xfd\xc9\xfb\x16\xbbxm\xb5\xfd\xdf\xdf\xcd=\xefC4\x7f\x00t\xee\x9b+\x8b\t\xed]\x96\x83\xbc\xf52E\xeeul\xbe\x0fc8\xa1z\xc9t\xcaT\xfb\xa3\xc0\xf7v\xd2\x16\xd2\xb6\xfd\xd7?s\xf1\x85\xbd\x84\x18\x81\r\xd2y\xfb\x89\xa6o\xb6\xf7u\x17\x14\x9e\x84\xd85\x04\xfe\xca\xde\x04\x9e\xb0\x198\xd4x\xeb\x1fI\xf4,\xa5\xa6\xda\xa1\xc6;[\xc4\xfd\xa3\xac\xd9i\xa8\xaf{\x97\xe9\xfdNBm\xeb[e\xe5~\x92\xe2s\x8c\xd8\x1f\x88\xbe3\xb9\xef\xd1i\x82?\xfe\x18\xeb8\x81\xcc]J\xe8\xf3$\xda\x83\xe9\'-8\x1f\x9fT\x1c,\xdb&lt;\xce;\xa6\xec2\x84}\x93\xd6o\x1a\x94\xef\x9dv\x1a=]\xd0\xf4{\xc0\xf3\xe9\xa3\x1e+w\x90\x89\xf3\xa4\xd39\xbc\xf3)\xbd\x1d=\x9e\xfb\x07\xf9\x0b\x8d\x8cN)G\x98\xfb\xe6\xb7\xd1\x1a\xcd}\xb8\xc7\xca\xba\xa4u\x86\xd3ae\xaf!\x8c\xfa\x0c\xb7\xa7\xfb{\x9fp\xa6\x80]\xcc3q{y6\x17\r\x96\'}\xfc{\x88\xfd\x84\x9dhn/\xf6\x99\x06\xa4\xe7\xb6\x8f(J\xb7\x8f\x15\xedMb\xa6|\xd5\x1cX\xcf\x81\x12\xedH\xe6\x90\xb8\x1b!\x0f"\xeb\x9ft\xde\xea[\x05Ol\x8d8\xe6&amp;:t\x88\xe4o\x11y\x17\xb0\x13\xbe\xb7\xb4~\xcc\xba\xa1o\xd3\x18a\xab\xba\xe67\xb2\xe5\xa3\x12\xed\xed\x90m\xac\x9fO\x06&gt;\x81\xbd-\x10Oa\xedo\x7f\xa6g\xbb\xc1\xa7(\'\x1a\xd9C\xb6\x96\xce7t\xda\x16\x80\x03\xcao\xdd\x9b\xc0l9\xf1$U\x03l\xb3\x10&lt;\xb1\x13\xefZ\xee\xa3\x06\xed%G~:W\x953\xae@\xa1\xaf\x13\xdb\x0f5\xb4\'\x93\xa7\xf3\xc9Qd\xaa\xdb\xe4g#3-n \xcay\xf6\xb7\xf7\x9f\xd5\xfa\x00\xf6\x01\x1f\xfe\x99\x8dNy\xd4\x01M\xceU"C\x9f\xb8M{\x7fTog\xe9\x19\xfa\x93\xeb\xb5\x88\x0c\xf9\xee\xd5\x8erpzD\xda\xb8V\xdf]\x9ca\xf4\x89\x95y\xee\xfa\xa0\xf8#_\xc7;\xa1Y\xb9\x99\xd7\xb1\xe5.?\x95|\x1cZ=\x0b\xc0a\xddK\xe4\x1c,k\xc2\x9d}\x1f\xe3:\xb5\x84\xa6 \x9a/\x9e\xea\x7f\xb2\x18\xc0t\x87T\x8f\xec\xa3\'\xfa\xa0\xb4\xc8\xdb\xefM\xc0#C\xa6)\xf0\xe05%\x80\xcf\xe9\xb7\x18\x92mBq\xb3p\xf7\xed@\xf7\xcc\xbe\xdd\xbe\x1b1\x99\xc3;\xd4`\xdfw\xb8\xc9-\xe5\x98\x8f\xc0\xbe\xc9\xad\xb9\xe3\xaa\xf3\xc4\xaev\xfa\xf3\x10\xad\xbdk\x8e\x1a\x1f\xda\xdc\xf5\xecx&gt;\xfbxp\x19\xf0\xb5\xc4\xc0\xe3\x99\xc1\xb2\xbe?\xbc\xbd\xed\x8d\xe5\xe0\x0f(`\xf6[\xcd3\xc1\xd3\xd9\x92\xf6*\xc7\xe7\xdcP\x17\x8e?\xa8t\xceO\xe9\xec+\x93\xd6\x07\x11\xf4\x1c\x13\xe3(\xe8]\xe0\xc7\x0c\xd0\xcerp\xd8q=D\x14\xe7T\x01\xbc\x08]\x1f\xee\xeb \x8f\x88k\x10\xbeF6OV\xf4\x84q\x8e\x121\x90\xa5\xf0\x9e\xd8)\\\xd0$\x00\xffdo\n)\x1d\xd5\xc3\xc7deK\xe8\xf3\xe3.\xc0\x81X\xb6\xa1?z\x92\xcd\xe6ID\x0b\x03{\x01\xe0\xed\xe7\xc8\x82\xa9\x0b@\x96/\x8e\xe1\xbc\xacz\xeb\x87#@\x87\x17\xd1\xf9\x9d\xdf\x1d=\x82\x9cq\x97t\x1c&amp;\xf7$\xf7\xe4\xd3\xe8\x03\xb7\xbb\x8a(\xbc\xf0\x01\xfc\xe7\x96\xee\xf7\xe4\x0e\x874\x8cw\xb7\xf7\xb0\x1e2G\xaes\xf9\x98\xd2\x83\xcb\x7f~\xcc\x91Gv|\x93\xfd\x8c2\xdcO\x0f\xcf\x9fT\xe4s\xde\xf6&lt;Ze\xde[\xcd\x00^p\xfd\xc1\x8b\xd5\xeb\xdb\xb1f\r\x7f\xf8\x18\xef-a\x9d\x0b\xc0\xfd\x8dz\x04H?\xc6C\x8e+m\xa7\xbdN\x84;\x90-\xf7\x94\xb6\x95\x9eE\xee\xf1\t\x91=e\xb8\xa7w\xf9h\xdd\xc6F\x9d\xb6\xf6\n\xe3\'!{\xf0\'\xc7\xaf\xd7g\x1f5.|\xce"x}\xe3}}\xb6&lt;\x8d\xdbT!\x1f=\x7fT\xff\xd1\x9f\xa6\xb8\xa6\xc74\xb7F\x91\x7fc\x9f\x15\xbe\xeb\x11[\x9a\x8c\x9c5\x85\x88\xdcS\n\xf1R(n\x18\x8dor\xf5xcK?^\x87\x11\xb5\x98G\xf7\xd3\x0b\xc2$\x99\x1aSw\x14\xb0\xad\xe2\xdeT\xb6\xbe5zB\x1f73\x9e:\xde3zrK\xd9\xd7=\rE\xffD\xb9a0=\xcf nr\xce\x9a4A\xee\xc3\r\xceA\xa0\x8fBM\xa3R\xe5\xd0g{\xe0|\xf5?\xfb&gt;\xa0\xec\xc80\xeftB\x0c\xa2\xfa\xcch\xfb\x1b\x12\xa2\xe9\x8e\x87\xe9\xb5\'\xf5G\n\x1e`{\xd3C\xd1;\x8d4\xf8L\xf8\xc6\xd9 \xe4\x87l&amp;\xf3\xde\x94;\xbe\x00|\x908\xc0\xea\xf3"\x05\xcd\xbb\x17\x15\xd5\x86?\xb0\x1d\x05\x88a\x86@\xf2\xe7\xaeTAQ\xd6\x01\xcbw&gt;\xfa)&gt;\xa4M\x86\x04]\xec\xdc\xdd\xbd\xf3\x1a"\x81\xcd\xda\xdcg\xa0}\x87\x92Q&lt;&amp;H\xc3R\xa4Tv\xde\xe2*\xeeU\x05\x03i\xfb5\x94\'\x85gI\xd3\xde\x02\xc1\x9b\xeb\t\x0b\xd5\xab\xabw\x03 \'\x7f\xa8\x05\xf0\x0fg!\x0f\x84\x82\xff\x99\xc69T\xc3\xd9x\xc2lk\xd1\xa7\xc0.\xb5\xf9c\xf4\x14\xac\xa9\x04\x8e d\x84\xef\xc0\xee:\xdf\xd6\xf2\xb8\xca\x87\xb3\x9d\xcfy\xb9?\xda\x8co\xf6\xc4\xe6X\xc3\xd6\xa4y\x866\x8d\xaa\xb1h\x13\x16\x80\xa6\x07Y\x90\xf4\xa2&lt;#s\x8e\x90\x8d\xe51|G"\x13\xa5\xfa {\xf8fVhl\xb2x\xb4\t\x19\xe2(H\t\xe0S\xa5F\xd5o\xda"\xb1{\xfa\x8c\x97h8\x1e\xd3\x05G\xe4\xd4-djz\x1c\x0f)\x01|\xf6\xf6\x0b\xc0\x90M\xee\xee\xd2\xec\xb4\x83$\x8b}\xf2\xc3\xc7\x91\x06\xc2M]\xa6\x1cpc\x1c\x8c\x8d\x97\xb1G\x14\x1b\x8f1\xcb\x1b\xc9\xa85\xb9\x8a\xffd\xb95\xa54y\xc8\xce\xc7\x0e\xf3\xack\xed\x07\x9f\xe8\xd9\xcfX\xac\xd2\xbc\x89\x95\xd4\xf1&gt;\x87\'\x91\x1b\xee:\xads\x9c\x10h\x88\x02(\xf8\xc7\x0f\xe0.\xe9\xdcu\x8a\xd7\x9aNi\xb7\xc5\xad\xf7;\x0f\tR\xfa\xe0\xaa\xceg\xd5\x14\xf6\x88\xd4\x86*\xe6a\xb9\xd9Hf\x1b\xaa\x96\xe6~&amp;3\x1e:u\xaeF\xed\x87\xaa&amp;\xb5I\x93h\x1fe\xce\xb70\x1c\x96\xf1a\x89m \xfe\xbdsu/\xb9\xdb\xf6?_\xdc\xf5n\xc9)c\xcb\xb1\x81f?\xcd\xb8\xe9(\xd7\x1c\xaa\xca\xc1?\xa8\xd8\xf3\x9fmw\xd9\xb6\x99\xb3\x04\xefS\xfc\xaa\xc7?\xc2\x1c\x9c\xdeT1\xc6~\xb9\\.\x97K\xd9\xf6\x85\xdac\xcd\xcb\xd2e(;Y\xf8\xb6h\xb5\xca)\x0f3z\x0fA\xe2\x7f\x1c\x84Du\xe8\xd5\xd9\xa2\xc7\xb3!|\xef\xb2\x18\xa2\x1b\x8b\xb7PmW9p\xbb\xf9\xcd\x06g\xe5\xb9\xc8\xa1^7\xd1&amp;\x17\xb3\xca\x13\x12\xe4\x9d\xf6f\xa3\x0fQ\x05\xd0W-\xdeto2D\x06N\xf8\xef\xbc\xaf\x00\xaal\xa3\x86\x7f\xba\xc9\x8d\xb9\xbb\x93\x97\xba\xf7\xbe\xfb\xd20\x04\xca\x1fhs\xf7\x02\xf8\x1e\xa9\xbd|^\xaf\tV\xd0\xf0\x93\xef\x89\xf4n\xc7\xdc\x92\xfc\xee\x91\xb6\xa9\xf0g\x11O\xd6\xf8\xfbd\x1b_m&lt;#M\x9b\xd9F+\x00_R\x1d\x1d4\xbd\xd5\x19\xa2\xe1\xd4\xf4g\x87\xf8\x96\xa3\x13\xbf\xf9\x99L\xb4\xaf\x07\x93\xbf\xa4\xe6^\x13\xbf\xec\xb5U\xd7\x0f[p\xd2\x98\x83\xbb\xbb\x80\xc3eV\xc2\x9fp=\xf0\x10\xde\xaap\x0b\x8d\xcf&lt;\xf0\x16#\x1f\xda\xda\xdf\xb4\x0c\xd8\xda\x7fc\x18]W&lt;\xae\xd1\xfcWVj\xb9\xa3\x9f\t\xb5\xd8\xd6sE\xb0\xc0+\xa6;\xe2\xc5\xd3\x97\xaeF\x07N\x9f\xfde\x86k\x8e\xe9\xee\x81\xac4\xa0m\x16?\xcf\n\xbd\xa5T\x13z=\xf5\x9bw]\xb6"\xc4\x86\x08\xa7\x17=\x018\xd5\xa6F\x0e\x81w\x9e-\x1am\x958\xe4V\xcf`O\xb8\xb7|R\xc5{\xec=\xc6|~\xf5 \x9c\xed\x87s\x10\x07V\xe5\xbf\xcd\x81\xb5G\xbfo\xb9\x10+]\xcf\xd1\xb9g4\xa4gt\x13\xed\x91\x0f[\x0c\x01\x12\x82ID\xe46\\&amp;\x05\x01\xec\x1d`Y\x1a?i\x01\xc1\x9e\x00\xb0\xcd\x07Kv\x94\xa8Or\xaf\xd4\xe4\x9c6s\x0f9\xaf\x88\xa1\xf2\xf3)\xbd4\xab$D\xe7ZjB1\x86\x13\xf6\xf6\xecl~\x02\x93\x92\xb8\x12\x90Je\x0f\x1d\x7f9\xbaf\x19@\x1a2x\xd8\xc4\x8d!\t|\x0c\x14\x0b\xfd\x90Sm1\x13#r\xa0\xec\xb8\x9af\xd3y\x84\xb1w\xe4\x9a\x99?\xce\xb4\xa5l\xf0\x0c\r\xe3\x8b\xb6F\x11\x10\xc7\xc2?\xa9\t\x00\xbc\xfa\'\x89g\xa8\xec\xfc_D\xff\x8a\xe0\xef\x7f}w\'\xa2\xbf\xc8\x0f\x94 \xb3f\xd3\xef\x8d\xcb\x8d\xc6\x18&amp;\xd3&gt;\xdb\xbc\xa1\xcc\xae9\xfec\xef\x10\xfc\x11\x80]&amp;\xda\x9f\x96\xb6&gt;\te-\xf9\rRX[\xda8M\x90\x1f\xdd\x9b\xc0^b\xbe/r\xfdW\xf8@\x8e\xf0\x90drB\xd9\x02\xf0\x8c\xc0\x83\xac\xf5\xbdz\xfa\x14H\x1b\x1d\xbe;\x8e\xb3\xfd0\xed7E\xd1\xc4}\xc3\x06\xfb\x95S\xca\xf6\xf1\n\x13\x0cM\xdd\x1en \x00\xe9\xef\xee\xcd\xe1!\x86T\x1f\x91\x93E\xfd\xa6\xb6)\xc7\xb5\xc6\xf9\xed\xda\x1f\x91\xd0\x16\x00?\x9f\x86^\x02\x93ne\x80\xbb^\x00\xe0T\xeb\xdb\xf0\x05\xc0\x03\xd4\xe9\x1f\xdeWC+w\x1f\x7f\xbd\xd9b\x819\x04\xe5N\xa5mf\xa3\x07\x1d\xcf\x02 \xae\x01\xcd\x0c\xa3\x94\xc6"\x0fY\x00\xd2\x08\x92!\xebFV&gt;\x92h;9\xe6\x82\x04\xe8_CA\xbe\xb5\xe1\xc3\xee\xb3\xcb\x06\xbe\xea\\\xcb\r\x04\xb1\x9d\xd7A\xff\x02\xd0S@\x87\'\x91&gt;\xea\xcfX\x87&amp;\x8en\xb4\xc5\'VN\xff\x9e\x84S \xfeV\xd8\xber\rT\x91o\xcfX\xc4\xcf\x0e\xc1\xf2\xc3&amp;\x17\xf6\x01\tX\xdf\x07\xbbY\x84\'\xe0\x03]\r\xd2\xe0\x96\xecUR\x95\xaa8\xa2\xbe\\\xda$,#~\x8e\x93&amp;v\xa5\xde\x98atr\xc3\xfa\xfb\x15\xe2s\xb0\xb4\xc5\xe9\xeecV.(?o\xe7\xe17v"r\xa6\rq\xcea\x83\xe4*\xc7\x89\x01\xce\xc4?\x11Bq\xbc\\\xc4\x8fgp\xa8\xab]\xe3s\x8d\xb0l=\xc4\xfbW\x1b\xf2\xad\xa1\xbe\xd5\x17\x80KJ\x13\'ql:\xa8VRJ8\xf1\xf7\x0b\xcb\xc0\xc7@\x0f\x917\xad"\xe4\xdb\xe6\x04&lt;J\x1e(\xe7D\xe4\'\x00\xf4\xc3\x15\x04\xedrI\xbe\xdfP\xf4\x0c\xe1\x08Ab\xf0\xbcm\x96\x07\xa19\x154*)%xvJ\xb7\xa7\x1c* \x9eA\x83\x84\xdb\xec\x05\xa1\xca\n$\x1a\xb0\xe6e\xb1\xc5\xbb\x8f*a\xeb)D\x02\xbcF\xeb\x10C\xba\xbc\x8bm\xa2\xff9\x92\xf6\xdb\xabg\x15\xdb\x1fK\xf5\tb*q&amp;j\xd6\xb2#\xfc\xd8p\xf8\xe3N\x02^\xbdnC+\xda\x97\x0f\x1b$\xf4F78\xdc\xe5\xc4\x8f\xeal&amp;\x9d3\xd7\xd0\xbb\x1a-\xc0^\x92.\xc6#n\x8e,\xeap1\x88U\x12\xd6\x0cK\xd1\xd0\x10\x91\xa9b\xf9\xa8Q\xa6*F\x1f\xb2\xa9\xf8\xe7\x80\xeb\x01\xfc=\xa3{\x00\xd9\xfd\xb9\x1a\xbf\xc0\xa0\xcd\xa6\xab\x04\xb3\x0b\x03\'Z\xd3\xab\xfav-\xb86\xb7\x15\xd6h\x17\x8e\xf0g\xc2]~\xa8\xd3\xa8\x0c[\x98X\xe5GX\x8bs\xba\xcb\t\x9aX\x97\t\xe7\x94\xd2\x97 \x0e\x13L\xed#\xceA\xa0\xc5u\x8c\x89;q_\x96\xcd\xc6\x93\xf78\xdb\x98\x0bI\x1b\xa7\x81#\xe9\xccK\xbe\xe9\x9bjn\x92\xd0*\xf9\xe9\x9b\x13\xf8\x04\xa5\x9d\x95i\x7f\xed^Wz\xa4\x0eo\xc8\x16\x00\xf7\x9e\xc6\xb5\xde\x98\xc4\xf0(\xeaPU\x8d\xf9R\x1d\x88\xa1\xd3g7@\xe6!\x15\xe9\xdf\xe98\xeb\x9awkPt\xf4\x9a8\x9d(Ed\xe7\xdf\x19\x1d\xbbv6\xaby\x8e_\xa9\x8c+\xc0-yw)\x1d\xe9\xb4\xfd\xa3(\xd9"\xc6w\x8eB3\xa1*\x04\xe3|\xe4d5w|\xbdx\x979\xb9|\x7f%\xc2+\x00?\x8b\xae\x85\x08{Z/&gt;@y\xc1\x15\xfa,\xe8\xa6\xb5\xd5&gt;\xbe\xb9\xa6\x08\xd7\xf7\r\xc7\t\xa9\x17=8\xa6\x89\x1e\xec\x91\xa2\x15n\xad\x8cF\x90\x13\xbc0@\x03\x9b\xc0\xcfp\x0c|?\xb2_\x9fv\xafQ\xd5,6xl/\xd9\x85\xecI|3N\xa2\xe3\x9dX\x8e\x15\xe0\xfcl\xda6\xad\xdd\x9d\x1dA\xce\xed\xa4\x17-\xf2.e\'Z\'x\xbf\xd8\xd5\x8a\xb7\x90\x8d\xb3\xbf\x9c5/\xe7\xe2z\x13*KU\xcd\xf0\x02\xe6\xe5\xf9\xbd|\xd46\x7fH[\x1c\x10\x01^\xba\xaf\xfbJ~\x9b\x88\xc5\xdb\x8eM\x0cn+\xf78&amp;U\x02y[.H\xfd^\n\x16\x9dX\x17\xcd\x90?j\xb7\x0f\xeeh&amp;[\x95kPE\x16\xf9d\xab\xc0\xd4\x9c\xe6\xfc\xcf^\xb8\x9a\xd6\x11\x98\x1a\x95\xcfO\x00O\xd3\x14T\xaa\xa7\xaaq\xd6T\xbe\xb9\xdc\xfe\xb2!\xfc\xc5\xca\xe9&lt;\x13\x90\xceq\xed\xe2\x97y\xf3Q\xcd\xd5\xa8iRJ\\]\xfaFW.\x00\xc3&amp;(\x17\xb2Q~\x8fVm\xbb8Vj\x9b\x81L\xac\x98\x1c\x82\xd8\x13\x85\x90\x11\x16\x00\xd19\xf7U\xcb\xf2P\xe6\r\x08R\x82g\x9coi\xf4\n\xc0\xdf\xd9w`\x9a\xed"|S\x02x#r7OI\xf3\xdct\x0e&lt;w7\xcc\x8b\xf5w\xb8\xc3\x8d5\xe6\xe01\xeb\xa4\xa7\x95-2\x05\xdb\x977\x8f\xbd!g\xc7\xea\x98\xec\xe2&gt;{\x01\xb8\xbd5\x82\xcc\r\x05\x1f\xf9P\x94 \xa3\x1a\xe2\xd2|\xc8t\xc9SBZ\xec.\xa3\xa6\x07\xe03\xab\xb6\xc4\x0b\xe7\xeex`\x1cAN\xbcs\x86\xa6\xf3t\xe2\xacY=\x05\xce\x8f_\xb4\x8c\xa8t\x1a\x02\xaaM\xb4\xbcb\x026Cr\x8b\xfbgH\xdcp\x97\x8f;#\x86\xf3\xa5m\xea\xab\x01p\xde,k\x94\x0f,_\x02\xfc\xf8\x96\xd6\xe5d\xabu\t\xb5\x87\xc8pn\x00\x00o\xd1h\x85+\xf7\x904\xfa\xf2\x02\x11\x80E\xbdv\x0c}\x92\x9f\xc6\x88x\x81\xeby\x1fe3\xf1\xd0\xb3+\xfbO\xfb\xd0\xfc\x0b\xa4x\x9f\xb8\xfa\xe769\\:\to@\xe3\xd5\xf6N\x84\xeddI\x9ea\x0f\x8e\x87\xe0p\xd8\xb1\xc8~0\xfc\xbe\xd0@\x02m\x02\xe0\xdd\x87\x86\xce\n\xf0\xcfw~v\xa4Uv\xaa\xb6\xea|\xa3\xb4\x00(Es\x06\xe38,\xc0G\x98w\xad\xc9\x02\x14\xb1\xe4 e,\x15\xfeb*\x9c6\xd0\x9a:[2C\xfcX\xaf\x1f\xad\xa1c\xdeC\x1ca\x1d:\x84\x10\x17tM\xcc\x08\x90\x1dE\xcf4\xe11Q\xa0{\xcd(\tDx\xa5\x91\x0fRR\xc7\x93\r\xcf\xa8\xb5.\x85us\x01\x10\xb1\x81I\x0f\x7f\xe1Vi%\xda=\xa4I\xce^\x9a\xae\x91&gt;4I\xbbK\x98\xd6qH\x81n\xe3\xe3\xbf\xd5L\x8d\x8f\xeb\x9c\x85\xca-\x1bW\xe4Y\x1b\xb1\xadfIL\xbc\xb1\xf9\xa0\x98\xc0\xa5\xd6\xbb\xaf\xaf2\x1b\xe85\xff\xf0\xbf\xd6\x87V\xf5\xea\xec\x05\xc0\xd3\xa5g\x01\xe8\x89\x19eEl\x7fS\x04\xa4\xa7m\x87\x12\xe3\x81\xb0\xe0\xdb(\xf8g\t+\xa8\x88|o2u\x84\xfe:\xd5o\x08]\xd7v[m\x95BG\x9b\xbd!"\xe0QK\x86\xb2X\x95&lt;|&lt;:\x1d\xd5\xcd\xe5\xd3\x93-\x00Q3q2\xfd\xfa\x9b\xf9\xb0Mf\xe4\x98\x16&lt;\xb3\x93\xfa\x10r\x7f\xc3[\x1f\x92\xd6\x9e\xb7x\xd6\t\x1c\x01Z4\x18\x81\xa2\x12\x08z\xdd\x1f\x88\xfe\xf2\xads\xab\xee\xb8=Dz\x05|\xa3\xe6\xd5\xffz\x15\x9a\x8e0\xb7\x9e\xc5\x18\x00\xdeo\x08\x0b\x99\xcfq\xa0fH\xb4(\xf7\xed\x0c\xba61O\x8a\x00\xfaW\xb8;\xe7\xb1]uc\xc8_\x86\x8f\x84K\x95$\x0b\xc0\x06\x01\xf1\xebV\xeb+\x19_e\xf7\xef\xcd\xdb\xa6l\xc3\xbd\xdeO$\x80\x0fwi\x96\xce\xd17t\xac\xa3\x82f\xdb":\x9euT c\xd8\x88\xcb\xee%j\xear\xcb1\xa5\xc9\x8d\xed\xb4\xfc\xdb\xa9\'\xb4\xfe+\xb9Q\xd7\x9f\xea0@\x17\x9d\x86\x9c\x11C\x8bK\x8fIfZ\xe50h\xb1i\xee\xde?\x873\xf6\xda\x9a\x82X\x0e\xd8&amp;@\x98\xd96\x8b\xa9\x9c\xc1\xd0n\xb4\xcd\xdc\xaa\xecW\x8dK\xcf\x94\xd9K\xe9\xd8\x9a\xc0\xb1\x8cY\x90}\xee4\xb4\xd1~\xef\xa8\x12\xda\x8fw*\x8c\x12m\x83\x10E\xd0^n,=\xeb\xdc\xd9\x83\xd7Sd\x83\xf57\x01\xbc\x1f\xfc\x8f\xbaE\x93La7T\xfd\x1b\x0e\x1c\x03\xc5\xb3\xed\xd8\x92O\x9b\x00\xbc\r\xd0\x16z\xfes\x80T\x1er\x8a\xc8\xf7&amp;\x00\xf0\xa1\x1e\xb5\x0fvAu*\xf4\x08^\xa8\xa3sV\xdd?\xf6\x94\x1ei\x1fZ\x7f\xbc0V\xe05k\n\xbeZ6i\xfe&gt;\xdb\xb0X&gt;\xfe\xca\xb2\xb6\xe8U\xf5\xe7\x17\x84h0\xa8\xb7\xaeh)\x01\xbc\xa8\xcd\x15\xd1"5\\\x9aM\n\t2b\xa7\xe5\xb6.\xd85\xf5c\x94h\x86\x96\x0f3\xee\xaa\xfc\xf3\x95s#\xbbMUO&gt;\xbb\x95O\xc6s\xe3Z\x11\xe2\xdc\xe4\x05\xa0\xc6\xd6\xb9S\xd88\x84\xf8z\xe3\xb1\x7f\xf3\xea\xa7umy\xb6\xa8\x05\xee\xba\xd3\xf6\x0cM\xec\x02\xe5\x9b%C\x86\xd9\x06\x02)\xc1\xff\xddo\xdca\xc8\xbd\xb3\x91\x93t\x9c!\xc3\xf4(\xb1V\xfd9\x8f\xb0\xb6\x13\xb5*\xa1=\xd4\xee\xd2@\x04M\x0cmi\xc6\xd4mI; \xbc\x0f\xfd\xf4\xe3&gt;+l\xab\x80m\x86\xc8\xc5Xi\xae\x14M\x1dYKG_E\r\x89\x9f\xd9\x86\x0f%\xb6\t\xe6p\xe2wL\xab\x8a\xf9y+\x19\xb6\xb3|\x9d\xb4\xa1\xcf\xa7\xc8\x06\xc4\xb5\'\x9bU\xc7\x81\xf2A\x94Q;\x08rxl\x10&lt;\n2\x1czTlY\xc6\x9a8q\x86\x7fTE&gt;q\xe0v\x0b)\xb2\xa1\xd2L\x1a\x7f\x97\xdfh\xc4\xe7&lt;l\xb8uq\xf3Q}\xb4\xd5&lt;\xef\xb7P\xc7-\x92\xceF\xcb\x83\xd8\xd8m\xfcIN\x8a\xb9\xb2\xf1R\x19\xdd:\xd9w\xabE\x9c\xe7\xaa\x80\xa0\x13k\xda\xec8\xd4N\xbd=\x19\'\xc5b_\x93\xa2#\xc11\x9f=\n\xed\xc1g\x98\xb6\xf0\xe5j\xd9|\x14\xe6\xecX\xc5\xfb\x92\xb0\xe9\x1a\xe6U\xfe1Wx\xba\xdf\x94\x97OL\xdf\xd7\x85o:}\xbd\xee+\xc5\xd8\xa6c\x0cf\xad\x84\x9a\xdd\x19T\xc8\xaeG-\xc4!\xa5\xf4S\xa6!@\x9b\x91%Kc\x9b\xb2\x191U\xe3\xe0R\xf3\x9b\x00\xdf(\xb6\\\xa3p\x18\x02\xfb]\x04Z\xfd\xd9\x9c\xca\x805s\xda\xad\x14w5\x00\xc0\xcf\x153\x85K[6\xe7\x84\x1d\xeew\x98\xfc\xdd(\xe1\xf9[\x1e\xbb\xdd\xb1\t\xfc\xc9\x12c\xfc\xa1\x82\x1b\xd5\xb1\xb3\xceiT\xc3\xac\xa2y\xd6%xf\x8cL@;\xf7\xfa&gt;\xe9\xcf\r6\x1f\xd5\x8d[\xe61El\xd7p\x84\xe3\xbfn\xcb\x86*`GT\x10\xb5X\x93\x9a.I\x8f\t\xd1\xa2v\x8b\x10p\x19eT\xc5\xbe\xf3JpU\x00\xfe_\xda\x82\xfe\xed\x06\xd7\x9c\xe9F\xe8%0\x0c\xea\x89\x10\xab\x12\x89\x8d\xd2\x9fz\xe8,\x08v\xe7\x97\xf5=\xffq\xdemf\xea&lt;\xa2\x8e\x15{%\xae\xf5\xfd\xf5W\xf5\x0fw\xe3\xdf\x1a\xab\xc8AJ\x81\x92\x8d&amp;\x0b\x9e\xban\x9f\xdb\x16\x80\xba9\x93\x1b,\xcf\xd3\x91\xe5\xef\xf1"\xe3\x81X&amp;n44\xebm\xb0Q\xb9\xd1\xb8\xbb\r\xf6\xe9Gd\xe4\xbf\x16\x1fC\x8cF\xd3\xcc\xdeC\xb5u_\x1e\xce\xf8Y\x04,6\x8b\xb4\x95k\x85j\xedR\r\x83Qr\xab\xbf\xf3\x0cpsy\xd7|m\xa1\xf5w\xf0\x02P%\xb3\xbel:\xf8"4\xf9p\x83m\x01\x00\xfc/\x01V\xa7\xabnR\xee\x84\x870\xa4.\x9dR\xe8\xa6\xbb\x13\xad\xb6\xf1\xc9\xd7\xces\xb4\xf3\x96\xb8\xe7\x1a\x12\x19~9HXlW\xccN"\xbc\xd0\x8b\xd5\xbf\xc7g\x81\x07\x11\x13&amp;\xe7]\x94\xc5{\xe3@\xd8=\xe8\xd6e~\xd0\xf6nA\x03\x00x\xf1\x01\x068K\xfc\xdb\x90Q\x8f\xf3\x86\xbb\xf2\x80E\xaf\x7fKU\xec\xcbb\xbd\xdeS4\xba\xd6\xbe\xad6\xe0-\xc7\x91\x9a\xbb\xa2\x0f\x16\xc4B?\xf0\x04p\xb4\xc0\xcb2\x8fW\x9b\xb3fG]\x88\x14\xa4\x04\xf05\xc9\x1c\x0b\xb9s\xc0"3W\xf2`\xd72\xf4\xdaDA}\x9e\xc8\xb7$\r\xbe\x0b\x82\xf1\x13\xfb\x00\x00 \x00IDATy\xdc\xa9\x89\xb6\t*\xf8\xc0I\xc6G\x13\x1bvTxi\xe5,\xb7\x02\xc0\x17\x1d\xb8l\r\x17^\xe6q\x00\xf4/\x00)%\xf8\xf8\x94\xa4\'i[J\xbf\xdd^\'\x0c\xc5?`|\xde\xf9\x02 \x94\x8cj\x17\x0bm\x85\x8d\xad\xcc\x91\xf7\'\x8djn\xd4\xc1\xe5\xe2\xb5\xc5!\xdb\x15\xa1:\x1a\xba\xf8\xbd\xa4\xfc\xf9k\\\x898\xb7f\xe1k6\x96_\x9f\xd5\x86\x1d\xe6F\xa0\x8c\x13P(\xf19\xe5\'\x00\xde\xcb\xff\xf3\ntfI\x0clU8\x00\x1dn\xfc\xfa\xe8\xe5\xc7\xc9j\xa5W5\xf0\xb1C\x1c\xeb\xaf!\xfe\x07ir\xcf$\x9eb\xda\xb5\x05\x08\xf6\xad\x1a\xab\xf21\xcbt},\xda\na\xf4\xe5K\x0e(\n)^\xdf\xbdy\x1bQ~H\xc2\xb5\xfe\xf9\xf9e}\x01\xe8\xb1e\xbc\xec\xc1\xf4\xe4K\x11\x81\xc5\xdd\x06\xcb7X\xe3\xe5\xda\xde\x08\x7f29\xf7\x1aP\x95\\\xdd\xb64\xd7\xac`LF\xf3&lt;A\xed\xb1 /\x1cQ+\ru\xc7\xa3y\x84\xa0\x1cB\xe1:\x90\xe7v\xf4\x15\xdbUI\xe9\xef\xfa\xf1}\xe6\x88]\xbf\xbej\xc8\xb7\xb5\xd7\xe2\xea\xda\xb6}\x84\x0c\xb4\xf8\xbe\x83p\x86\x94\xef#\xe4\xdaqE\x88?\xf9\x98L\x1a\x91\xfe\xb3\xbb\xcc]\xd1\xaaEVK\x15\xdbV.\xfav\x1d\xb7\xd7\x06\xff9]ce&gt;\x7f\x1bv\xe0\xed\xc7\xb9\xa1-n"\x98j\xb5\x9a\xf0\xe4D,\xfe\xfft\xb95\xd0P\x95\x83\xbf\xbd\xd3V\xb5e\xb6D\x83\xdc\xce\xd6f\xeb\xbc\xf8\xb4qxH\xa3\xd0\xb4\xafNC\xc7\x89\x92Lvs_Ma]\x00\xcc\x8e\xcdO\x0c\x1b\x02p\xf80\x17\xb5 \x8f\xb8D\xfd\xe3\x98 \xf3\xee?h9~\xb9M\x0b\x0f^l}LB=t\xfa\xd0x/1P7\x96\xaa\xf1w\xda\x86\x07\x12\xec\xf5\x1c\x08\xc0n\x15]6\xa4w&gt;\x01\xf3\xad\xa7j\xf4M\xda\xe5\rG.LTu\x16\xcd\xe4&gt;\xbcc\xfc\x06J\xc9\xd8M\xd7vU\xc5\x92\x19\xb5]cu\x1c\x9c\x05mb`\xa4q[\xc8!\x14\x0f\xbe\x9fm;e\x8ac\x02\xf4\xafd\xc5FS\x1f\x1b\x8a\n\xc7u\xa8G\xe0\x03Y\xcb\x90xm\xdaUi\xd6{\xd0x\xcf\x19\xcf\x13\xfc|\x96\x8b\x17\x8a\xcbR\x88XU\x95\x1cJ&lt;\xe0\xeb\xde\xa7j\xdaT\x02\xf0\xfeRi\x83\x1c\xb9\x8a\xcd\x10\xedd\xb0\x86S\x1da8\xa9\x01\xc2+\xe9\x1f\xbb\xb5om\xday+\xb1\x0c\x1d\xfbh\xf4d2\xb0\xc4\'%\x88\xdf\xba4\xe41\x87YU\xd7\xf36\xf9eM\xfbk\x91@g\xf4L\xdd\xbd6\xf6]\x876\xec\x9b_]|\x00\xbe\xa0\xa1W\xab\xad\x81hU\xf0{-=o\x1d;"\x0b\xfb\x95\xf6\'\xc6\xbe\xeeOJ\xdd\xb7+\x9a\xbf\x1c\xbb\xf6\x9e\xca\x8e\xd8I\x86[\xacjN\x95\xce\xfd\xef\xd4!T]\xe4\xf4\xf3\x182\xe8\xdf\xa8\x15\x18w\x00wl\xa2\x1b\xa7\xc4\x13\xf9B\t\x83\xda\x1b\x18yW4h\xcb\xbcM\xc2\x0c\x0fjm+6\xd6\x84\xb3\xf1\xde\xc4\x8ex\xa7\x0b\xf0\x1a`\xac\x9c9\x9a5\x13\xfe\x04$\x9a\xf0\xcd\t\xe0\x95\x1b\x98\x8b\x9a\xf2\x83E!\x81{+\xf8\xa4\xf8\xf2\xd02t\xc6\x86=Y\x8alo\xf3\xcd\xc1@.\x00\x00\xcf\xa9(\x8c\xb3V\x91\xaa[Za+F\x8b\x97\xfa\xad\x93\x8as\x0f\x9aR\xfa\xff\xcaF\xb5d\x05\xf1\x8f"~\x9a,\xe5\x9e%\xb6{@\xaa\xef\xb6]o\x16\x85\x1b\xbd|\xc3\xa6\x07,\xf9Z[\xc3\xed\xd5H\xbb\xb5\x8c\xa88\xb2\x88\x9b\xb8\x06\x99\x17F~\xf7E\xe7\xb7\x93q\x1b@\xef\xfaz\xd4zW\xee\x97\x86Q\xcap\xfd[\x93\xa3I\xcfh\xbeJ\xdf\xe0\x8b[R\xa2\xb3^\xef\x1d6\xed\xe2aM\x8a]U\xb9\xed\xa4\\-\xbbQ\xe0\xeb9\xda\xbf\x86\x13\x8b*\x8dj\xdf\xc5\xfa\xd2\xc5A\xb5#\x80\xf6\r\xc4\xbd\n\n\xb7;\xc4\x81c\x95\x1b\xa4%\xce\xd9K\x8e\x807.\xe7Z\x03\xaal\x1bwZ\x08\xdf\xb0\x0b\x1f%5J\x8b\xf4]\x89\xb8!\xf2\x8f\xf6{\xdb\x8c\xea\x85\xcc\xe9l^\x11&lt;\xfdf\xcc\xe5\x9f/)\xf99\xf40\x01\xfae\xba\xae:\xd2#\xfd\xfe\x04\x00\xf8\xa6\xad\x8d\xee+y\x87N\xdb\xeb\x15\xb0\xbe\x16\xf2l\xea`:E\x9c\x94\x84G\x05\xf0U\xa3\xc0I\x17\x9e\x8fw\xb5\x008\x07\xa0-\x00cG_-\x94!k\x19\x8d\xcf\x9f\xac\x1fyD\xe8\xd1i\xcb\xb7\xb6\xa8\x1a8\x0f\xc7\x89i\x1al\x9f\xb7\x17\x91\xedD\xf4\xbcgF^\\E\xe6\x98\x11b\xb9\x17\xb9\x18+\x00?0$\xfcT7\x9a]\xf0\xe8j\xcb\xed\x9e\x1f%\x1f#\xd5G\x1f\xcem\xc8\xf0\xd2\xb3N\xc3WT\xdf3p\x95c\xff"\x17]\x00\xfc%\xbey\xb3P]\x14g\xc8\x89\xc3\x9a\x89\xb0eq\x05\xc3H\xa3\r\x04\xda\xc0\xb7\x91\xa9\x85o\xcc\x02\xd0\x84\xec\xd9&amp;j\x1dw\x9f\x94\x98x|\xc1uz\x1f/\xf8\x12\x8f,\xc5\x16\xc3\x94\xe0\x8d\xebF\x9d&lt;\r\xb5wK\xeb\x82\x8f\x9d\x10\xda5\x84\xc4vu\xcbB\x12\xd4i\x1eIt\x97\x00\x00o\xe4\x83\xadB\x15\xfa\x1e\xd3\xd20\xfd\x8b\xbaf\x91\xb6\x7f\xff\xc8\x0f\xaa\x86\x82l\x88\xdd\xe1\xa5\xed\xb6\xa7\x19\x8d\xd9\x9f~\xcf\xdb\xd5\xfav\xe2$j\x0c\xaam\xb0\xeemx\xecI\x8b\x03\xb0\xbe\xaf\'u\\\xec!\xac\x88\xdd\xe9!v\x17\x0b\xd3B`\x80!\xb2\xba\xdf\xce\xb3A4\x06R\x00\xbc\xb9\xfe\x08N\x84\x8a\x0e\xc1\xa1\xfc&gt;\xb7\x0b\x1d\xc1\x98\xe8(7[?\xbahi\x08\xab\xd3?D&gt;\x1a\xae\xcc\t+\xae\xe0I1s\xbd\x01\x16TU\xc0y\x02\xdf\x92\x00\x00^\x0f\xb5\xcc\xe4#nq\xce\xb5\nt\x89\x11\xe53\xaa\xa4G\x9e\xb3\xd8J4.\x97\xb3\x82{\x13\xad\xa6\xf13\xe9\xbe\xd2\x1e\x97\xe6\x90f\x19\xe8\xc6JQ6\xa7X\x03l\xb6\xe5\x97\x06\x0fh\xb6\x9ds\x17\xea\xd89=&lt;q\xc2]\x94\xfd\x84\xad ty\x07\x8fi\x0f\x12\xe92\xfe0Aw"\xf9V\x13\x1am\xd1O\xb4\xce\xc63\x89X(]\xbd\xc8\xeeR\xd2Y\xef\xbe\x99\x85\xf6\x92!\xdb\x91i\xbe\xf2\xfc\x0e\xd4qF8\x8a/\xed\xc4\xde,h\x9cG\xab\x9br\xb7\xc2\x10q\xa6\xd4ur\xbf{\x9c\xd1\xe6\xbb\rV\x86\xe0\xc1\xdf^.\x04C\x82\xd1\xcd\xa4\xc8\xfd\xce\xe3\xf2\x08&gt;)\xe2\x84\xbc\x00\xa8\xc7 t\xf3d\x0b\x00\xa3\xee\xda\xd5\x8a8\xe5K\xd5Vv\xe5\xf5\xd7\xe7\xc4\x12\xdc\xe6P\xff\xe2\xef\xdf\xc3\xce\x9bNc\xbd\x0c\xd9\x84\xefL)\xbe\x04\xda\xe3\x02\xe9\x14\xa5A\xf1F7\x97\xc1\x92\xf94s Ur\xcbd\xde\xbdjT\tx\xf8=\xc5\x01\xde\x1c3\xf0\x94./\xd1\x8c\xfb\xfc\xe5\xba\xdaQD@9B\x02o\xf7\xa9t\xc9\xfaxt~\x81[\x1b\xf94\xd4rl\xaf\x9d2\xb7\x05\xe6\x1f\x93\x01\x00\x80\xef\xd2\xe8\x81\xf2\x87\x8b8\x9a\xed\x93\xce\xe1\x03\xc2\x17\xf2\x90]\x88\x08\xdb\x8b\xbf\x0c\x87\xdc\x03\xe8\xbc\x9b/&lt;\xbd8=\x8fZ\x056\xf2\\\xbe\x8e\xe60w\xd5\xf9\xae~c\x1d4\x02P\xd7\xf7\xa8^\xba\x1d\xe1\xad\xc7\x91Ie*\r\x05\xdeJB\x8f\x02\x0c\x10\xeb\xee\x84\x1dtuO\xca9t\xd8\x8a(\x9b\x0f\x94\xda\xf7\xa4\x83p(\xacs\xcf\xc5\xaa\xd26\xe1\xceF\xed\x9d\xf7\x8e\xbd\xff\x98\xad\xa5\x81\x06\xbeh\x14\xf7\x04\xcd\xdcl+\xd0\xf7\x89&gt;\xa7\xa1\xb6^\xc4\x0f\xa4\xa5m\xa9^p\x1a\x18)&amp;\xce\xbb\x00\\\xc5\xcf^\x0c\x14c\xfc\xceG\xb1p;4\xe5\x97\xf5\xd3b\xc8\xdf\xcd\x81\xd2 \r8\xdaa\xa2\xd3\x84\xf2`\xcdq\xccW\xcf7unUJ\xe1.\xdeU\xeam\xb1\x95\x8d\x96(i\xf7\xb7&gt;\x13p\x1f\x144\xe4\x11\x1cc\xa2\x1e\x0c\xb3\x82\xbb\xb1\xd9:k\xf9\xc3LmU\xf6\xfa\xd3N\xa8\xf8\x00\xce]\xf1CR\xdd\xcf\xb29\xfb\xa4\xdc\xee\xaa\xbc\xd2N\'\xba\xc7\'w\x8b\xf5\xa3\xe1\xc4\xa0\xecy\xbf\xc7\\{\xecG+N\xb6\xf3\xc4Q\xf7W\xcd\xa9\x94\xf6*mQ&amp;\x86\x1f\xdc\x0f\xa3\\\xc1PM1\xa7\xc03]\xdb2\xdbb0~\x87I\xd4b4\xd7\x86\x0f\xe8V\xa9F\xc3\x1eKD\xff\xda.w\x86\xa0m\xb4\xa1W\x14\xd9N\x0fB]O\x18\xd6+\x92\xed 5\xce\x90LLc\xb8*8@T\x85\x86\x9a\xa5\x18\n\x81\xb8\x0c96\x16\xb4\x0b\xabJe\xfc\xbc\x82\xdfn\xbf\x8e\xa7\x0b\x0e@c.\\\xf3\xf8\x82(\xa3\xad\x85\xa7\x9bv\xbam\xaeB\xd5\\\xd8m\xb5\xdcE\xec\n"*\x87\xc0\xaf\xb8\x8b\x95w\xc65\xab\x07Y\xeb[;\x15\xc6\x8e\xea$\x16\xc8J\xe3\\\x18\x86DR\x1b\x84\xe6m\xaa\xd3\xca*Jf\x13;)\xa5\x04\xff\xca\xbc\xbb\xc9^\xc4\xd0\x01\x00x\xae\xdc\xaea\xe6[\\g\xe2p\x9a;:\x02O\xb3\xe8\x0c\xc8\xb6\xf5\xb5Z\x1c\xee\xb9\xfa\x1b\x11\xa6E\x15\x00\x00\xfcX\xbfQ\xe3\x01\x0b6\x97j\xf3J\xee5\xc7\x99_*\xa5\xb3\xb67!\x1a\xc3yZ\xf4\x96\xad\xae\xb1\xe15`\x01\xe0+K\xb4N&gt;\x86\xce[\xa6\x04\x1f\xcd\xd5&amp;\xed\xf2zg\xa1\x12\xa2\xbeH&amp;]\x80e\x8a\xb3\xf7\x06\x85\n\x8f\x08S\xb4M7TR\xdf\x8e\xca\x8f\x17\x90"g\xb7\xdd\xac\xcc\x15|r\x14\x07\xe6\xd8!^\'F\xea{Sx?\xa7\xbf\xea\xb3\xebA)\x011\xff\xa5\xde\x1db\x01\x17\xe3\x9f\xac\r\xb4K\xc7\xc1\x16\x1b\xd5\xee\xfaq\xe6Iu\xc9\xec\xc5/\xdd8c\xc5m\x8bv\xad\x13\xdcR\xec?\x0c\xa9;Sg\x10\x8f}\x97\x0c\x9b\xba\x97\xba+\xc1;\xeb\xcez\x08H4[\x00\x00?iu\x0f\xd9j%Y_\xcc\x06Z\xac#\xcb\xcbmaZ\xe4caJ\xb7\xf9\x10\x9a\x07$.\x1eC\xfc\xe3.\x9a\xfd\xa6"\xe6Z\x9f$\x0cTkP\xa6}\x7f\xb6\xc0\tM\x98\x9a\xd4\xb5G\x05\x7fI\x0e\xbcu\x1f\x96\xa4\xf3\xbaf\xa8a\xf0\xda\xfe\xe9\xb10\x14\x12:\xb9W\xcft=&amp;\x9c\xd2\x83\xe6\x9f\xfeo\x93R\xc5\xd3\xb7\xa7\xb6\x0e\x8f\xce\xbc\xe0\xcd\x00\xcf&amp;8n[\xd1\xb4\xf6\x10\xc1\xb5\xb0\xbeL\x06k\xf4\x902\x04\x00\xf0\x16q\x0e}e\x8bt|\xdf\x94\x00\xf0\x8a\x10\xeb&gt;V2\xf8o\xba\xbed\xed\x80~\xc8+\xfahN\x0c\xfb\xfe\xe7{\x04\xea\x89XN\xb4q\xe2\xf4\x00\xa0\xd92\x8b\x8c\xb2\xcf\x1d\x82\xbc^\xf7\xe5\x1bI{QG\xec\xdb92n]\xd0\xe91\xa0XL,\x18:\xd1x\xbb\xb8\xa1K\xf1\xe1\x18+\x8dv\xcb\x9eM\xcf\xad\x0e\xcd\x04/\x18\xfc8\xc5\xbf\xf0\xb4\x9b\xe8\xe8\x9b\x06\x15\x90\xe6m\x8f\xb8r\x94\xb7\n\xb5d\x06\xd5\x13!\x9eqo\xe3\x1c\x80\xd7\xf4\xa9\xb1\xadA\xa4R{t\x1a\xa2\xa1?\x80\xec@\x1c&gt;\x05P\xca@\xd8j#\xda-\xba\x8a2/\xe2\xc63w\xc3\xb4\xc1\xcd\xef\x02P\xa0&lt;\x03\x97\x01\xe3\xcf6C\xf8\x89q\x1e^\xecp\x08y\xc2iH\xb2\x18L\x08\x03\x00\x1a\xedD\xebI\xad\xfd\xba\xd0\x8cUvp\xbb\x880\x7f,\xe6\xe0=x/\'\xb8l\xb1x\xe9e\x1a\x13a\x14\xae^\x81\n\x82=\xf6\x15\x8a\xd1N\x89\xae\xbb\xa3\x8a\xc5u\x1c\xf6\xe3,{\xb1\t\xb9\xc2\xcd\xca\x897W\xaa\xf9bwti\x16\x86&lt;\xb0\xb7\x0b\x0f8\x97_\x86\x8c2d!\x8fH\xc9\x88N\xf7\x81\xa4\x87w\xb4#&gt;.\xb5Y\xe4hC\xe4\x96\xed[\xcd\x9f\xe8\x81%\x92\x06\x99`V&lt;1\x8a\xc3z\x9e74\\\x9cK\x84U\x00|\xe8\x13\x03\x1b\x90\xdf\xc9~\xdb\xa6"T\x19n#~\xfb\xa2K\xaa\xeb\xa8\x0fv\xc4\xbcg\xb4o\x8c=\xc4;i\xf1Oi\xc8\xe9\xc9|Il\x856\x0b\xe2\xb5\xc7PR\x1e\xe3\x84\x8cz\xe4\x1b#\xc8\xf2(\x8cc\x87v,5L(/\x8b=\x8b\xb90\x88:!\xe9\x8c(wx\xc8\x8fM\xfa\xads\xd1\xe8\xe1Z?\x9c\xc9fBbF\xd6\xe9\x08\t\xbb\xdb\xa1\x1c\x85\'\x94\xe7\</t>
        </is>
      </c>
      <c r="E233" t="inlineStr">
        <is>
          <t>&lt;class 'numpy.ndarray'&gt;</t>
        </is>
      </c>
    </row>
    <row r="234">
      <c r="A234" s="1" t="n">
        <v>232</v>
      </c>
      <c r="B234" t="inlineStr">
        <is>
          <t>steps_per_sec</t>
        </is>
      </c>
      <c r="C234" t="n">
        <v>3400</v>
      </c>
      <c r="D234" t="inlineStr">
        <is>
          <t>10.186775</t>
        </is>
      </c>
      <c r="E234" t="inlineStr">
        <is>
          <t>&lt;class 'numpy.ndarray'&gt;</t>
        </is>
      </c>
    </row>
    <row r="235">
      <c r="A235" s="1" t="n">
        <v>233</v>
      </c>
      <c r="B235" t="inlineStr">
        <is>
          <t>Loss/object_center</t>
        </is>
      </c>
      <c r="C235" t="n">
        <v>3400</v>
      </c>
      <c r="D235" t="inlineStr">
        <is>
          <t>0.5800003</t>
        </is>
      </c>
      <c r="E235" t="inlineStr">
        <is>
          <t>&lt;class 'numpy.ndarray'&gt;</t>
        </is>
      </c>
    </row>
    <row r="236">
      <c r="A236" s="1" t="n">
        <v>234</v>
      </c>
      <c r="B236" t="inlineStr">
        <is>
          <t>Loss/box/scale</t>
        </is>
      </c>
      <c r="C236" t="n">
        <v>3400</v>
      </c>
      <c r="D236" t="inlineStr">
        <is>
          <t>0.39670753</t>
        </is>
      </c>
      <c r="E236" t="inlineStr">
        <is>
          <t>&lt;class 'numpy.ndarray'&gt;</t>
        </is>
      </c>
    </row>
    <row r="237">
      <c r="A237" s="1" t="n">
        <v>235</v>
      </c>
      <c r="B237" t="inlineStr">
        <is>
          <t>Loss/box/offset</t>
        </is>
      </c>
      <c r="C237" t="n">
        <v>3400</v>
      </c>
      <c r="D237" t="inlineStr">
        <is>
          <t>0.19986176</t>
        </is>
      </c>
      <c r="E237" t="inlineStr">
        <is>
          <t>&lt;class 'numpy.ndarray'&gt;</t>
        </is>
      </c>
    </row>
    <row r="238">
      <c r="A238" s="1" t="n">
        <v>236</v>
      </c>
      <c r="B238" t="inlineStr">
        <is>
          <t>Loss/total_loss</t>
        </is>
      </c>
      <c r="C238" t="n">
        <v>3400</v>
      </c>
      <c r="D238" t="inlineStr">
        <is>
          <t>1.1765696</t>
        </is>
      </c>
      <c r="E238" t="inlineStr">
        <is>
          <t>&lt;class 'numpy.ndarray'&gt;</t>
        </is>
      </c>
    </row>
    <row r="239">
      <c r="A239" s="1" t="n">
        <v>237</v>
      </c>
      <c r="B239" t="inlineStr">
        <is>
          <t>learning_rate</t>
        </is>
      </c>
      <c r="C239" t="n">
        <v>3400</v>
      </c>
      <c r="D239" t="inlineStr">
        <is>
          <t>0.0007600001</t>
        </is>
      </c>
      <c r="E239" t="inlineStr">
        <is>
          <t>&lt;class 'numpy.ndarray'&gt;</t>
        </is>
      </c>
    </row>
    <row r="240">
      <c r="A240" s="1" t="n">
        <v>238</v>
      </c>
      <c r="B240" t="inlineStr">
        <is>
          <t>train_input_images</t>
        </is>
      </c>
      <c r="C240" t="n">
        <v>3400</v>
      </c>
      <c r="D240" t="inlineStr">
        <is>
          <t>[b'512' b'512'
 b'\x89PNG\r\n\x1a\n\x00\x00\x00\rIHDR\x00\x00\x02\x00\x00\x00\x02\x00\x08\x02\x00\x00\x00{\x1aC\xad\x00\x00 \x00IDATx\x9c\xed\xbdy\xfc~\xdf5\x1f\xba\x9f\x889\x95\x9aB\xcd7T\xdd\xab\x86\x98C\xb4\x94j\x0c\x11CEC\xa9\xc6&lt;\xa4Dj\xce5^\x9a(\xbd\x11\xaa\xa2b\xa6(\xaa(%\xd4\\\x92\xd4&lt;E\x91\xd0+\xae!qc\x08\xa5\xd5u\xff8\xe7\xec\xb3\x86\xf7Z{\xed}\xce\xf3|\x9e\xef\xe7s\xd6\x8b_\xce\xb3\xcf\x1a\xde{M{\x9d\xf3|&gt;\xdfO)\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07\x1dt\xd0A\x17\xa4\xd3M\x03\xb8"\xa2K\xb9\x83J)D\xa7\xd3\r8\x9fv\xb2;\xe9!*;n"\x8fmc\xa4\x88\xa8\x94bm\x11=\xfct\xfa\xf7\xc3J ~b\xff\xcf\tY\xa7\xd3\xe94\xe5Fe*\xcc\n-\xeb\xf3\xc7\x89sQ\xa4\xee\xae+\xa7\xd3Ib\xab\xebe\xd1P\xe6\xff0\xd3\xdcP\xe5_\x94\x10c;\x9dNDzw\xde^\x95`an$c\xda\xe2)\xc6o\xc6\xf4iv\xf5\xe2:\xbd\x0b\xa3LE\xcd\xba\xb1\xf8\t\x03aL\xc8\x15k\xdd\xcb\x8dT}@\xf7\xbdi\x00g\xa4f\xd8\x14],2\'\xdb\x0fz\xa8\xd9(\xbd\xfe\xb8o\xf7/e\xcf\xee_J\xc9G@W\xd7r\x0e\xc1\x8d\xdb]\xcf\xcd\xa5\xc5\xd6\xc0\xb0\xb4\x95*\x05\xc5O\xa5\x14\xd6\x8b&amp;S\x81!\x91\x1bNc\x9d\xb6\x19\x07`mI\xac9q\xff\xac\x86\xe6\xfb\xa7S)\xc4\xfafQ}\r%-\xee\xfeR\t\x08\xcb\xd4w\xed\x99\xc4\x19$\xb3\xed\xaa\x93\xf8\x02\xa0\xa2[w-wq\xe2\xaa\nc\xb5\xb9\xc1?\x12\xf2F\x94\'\xa7\x93\x97H\x89\x93\xf2\x06\xe8&gt;7\r \xa2\x8d\xfe\x82a \xf2\xca\xeart\x8e})\x03\x05u\x8f\xbd\xa6\x0fO\xcfF\xbf\x0e\xa0\xe3\xb3lq\x0f\x10;k\x7f\xff\x80#h\xf6*\x98\x91\x9bt\x9a\xa9\x9cN|B\xd71"\xa2i\xa6\xe7j\xc1\x00kB[;\x932\xabqN\x06\xd8m\xdd\x82\xfd\xcc\xac\x82u\xae\xaa\x1dM\xf7P\xb9\xa2]\xc4\x8e\x07%.\x9e\x14\x88\xa6f\xcdO\xac\x87\xfb\x83&lt;w\xda2\x9d\x9c\xd8"\xda\x9d\xf4\x86\xda&amp;\x06\xef\x1d\xf3+r{s\x06?\xf1\xe1\xdb\x07\x9d\x8fz\xbb--\x94b\x1e\xea\xe6y\xfd[\xe8L\x06\x88"\xfc\xbd\xdb\xfa\x83-H6\xc8*q\x1b\xc7\x1b\x19\xd6\xaac\xeb\x7f\xa9\x14\xbd\xe2\xb4-{k}\x06h\xb0\x19\xa3\x9a\xe0")YZ\xfb6i\xcd,m\x96\x83f\x96z\xd5\xc5\xf9u\x80\xd7&amp;4x\r[\xf8\xa1\xd3\xdb\xc1-\xe1\xa2\xb0f\xe5\xa3\x07\xd0c\x03q\xd0\xe5h\xc0\xe9^\x99\xdd\x0e\xfa/\xa5\x94\xcd\xef\xa0\x1a\xc5\x93\xd5\xb3\x01D\xab\x80!\x83\'0\x1ck\xf8*)\xe6\xd1\xcd7P.;`Y;QS\xb0\xd4\x0c\xb6\xc1\xf2VV\xfa\x1c\xdc\xf1\x15-\x82\xc6\xfa\xb7\x99-0&gt;\xdb\xc4\x89\xe8\x03,x\xeb(\xe6\r\xa9mk\x9d\x82\x90\xb5\xd4Z\xf7\xc2L\xd8\x05\xdem#\xe8\x92\xcf\xbe\x01 \x98\x8ep\x05\xa4\xc6\xb1M\xaa\x125\xd6\x10\xff\x0cW$\x03m\x0c\x7f\xd0\xcd3j\x9f\xb7\xc7\xb3\x05\x9f\xb2\xed\xc7\x82\xa6\xf8&amp;f\xd4\xd9Y\x8f\x03M\\\xe8\xe6\x82\x08\xb0\xd2&lt;/\xbe0\xeb\xa43\xa7e.B\xbf\xdd\xc2\xb0?\xd9v\xdeL~,\xd4\xea\x03\x9eo!\xcf\x18\xbc\xdbL\xdbcv\x19\xa2O\xf7o\xed\x07\xe4\x1c\x9b\xcakLZo6\xbe\xdd\xa9\xd7\x82\xe8#\xe8$\xb8L\xf2\xc4V\xba0\xc4\xcd\xa5^\x10\xfd\xa8j\xcd\x95\x01\xf6\x1f{\x1e\xf0F5]~p\x08F\x1e\x00m\x90\xcb\xc7\xbf]P[\xb4x$~"\xfa\xbd\xe2\xbdcY9\xd7\x83p\xe3\xd3\xed\x80Hp\xecm\xc0rWiw\xa7\xd9\x11)+\xb8\xd5\xee\x11\xfe\x95\xce\xed\x0b&gt;\xb5\xdd\x94\xe7\xf7\xb2\xdb\xab\x87\xb7\xcb.)\xdd|\xeb\xbc\x9f\x10\xa1\xf0\xdb\xa0\xca\xfcW\xd8\xb5wf\xd8\x95\x0ffx\xa6\x95\xbf\x04\xfa\xb5\xf8\xfcl!x\xbe\xa4\x94B\xf4\x89\xeb\t\xf7j\x85\x88\xe8\xaf6v\x07o\xc9\xed\xafgm$\x08W\xef2\xd1y\xea\xf3z\x1c\xad+\xe4f\xd1 \x1a\x86\xb4e3\xb0\xdd\x9c\x83\xbcq,\xc3\xb6\x17\x00&lt;\xae&amp;\x1f\xb6,\xd4!\xa9\x0c\xb3\xd7\x8e\xb7\xfb\x865\xcc\x0f\\.\x1ecx\x043\xd6\x83\x1e&gt;J)V[\x1b\x8f\x81g\x01\x07\xe2\xee\xadc\xd8\xef\xa23\x1d\x00{\xd1\x96\xd2-\xf2\x9df&lt;\x1a\\\'mz|\x8e\xef\x8e=\x84]\x9f\xf7\x9a1\xf5N \xbb\xba\xe3\xee\xc6\x0e\x80R\n\xd1\xc7\xd8V\xb8\x17\xa4\xe1\x02PG\x14\x1f\xb7=\xce.\xcdb~OL\xf1\x9e\x91\xfa\xea\xe9\n\x13\xf5\xa0\xad\xb4fa\x8f\x88\xc8\xad{\'3\x14\xca\xdda\x8f\xa9#z\xbd}\xf4\x0cIe\xd4FoK\x0cg\xd0J\xbaMo\xeb\xda\xbb\xc4\xb7\xa9\xa4w:\x0e\x1a}\xcc\x9f\xc4\xe3\xeb\x89\xef\xfe\xa5\xa7\x9c\x88\xe8\xcd\x13~\xb8g\xda\xc0A\xfdd\x1f-i\xf92\xeaz\x0e\x80&amp;\x88\xcc|\xbae/\xe7&gt;`\x1a\xd6/\x1e\x05\xe8\xbd\xbd\xf2\xc1~\xad5p\x00\xb8\x03oNS\xc6"\xbdb\x17\xa8RP\x9e\x04\x86\x02\x87\xdao\x08bC\rT\xb2\xa8\x0b\xfbo\xf3+\xc6{k\x10&lt;;\xdd\x88#v\x9c\xbc\xda\xb6$]\xc0\\\x82g\x1f\xcd;n\xe7bIP\xeb\xb6\xc5\xb6\x8f\xad@\xcd\x8e\x03\xc1\x8e\xef\xe8\x87\xc5\x83\x8fv\x91\xde;\xa7\xb6c\xf6\xaf\xef^"xD\xf4])\xcb\xae\x06x\xcb+\r0E\xc9\xb7LCX\x0e\xdaFd\xe8\xa6\x11]\x9a\xb6o\xf8\xd6;\xado\x1etV\x12\x93\xe0\x85b\xd1\xcc\xf2\xe1\x91(\x9f\t\x03\x0f%\xec:\xc5\xb9\xdd\x15O\xf7\xa4\xaa\xac\xe9\x18\xf1i7\x0b&gt;\xb2\xf1\x0b\xd8\x07]\x82\xa0\xeb\x89v\x0b\xc9\xbd\x12\xd1\x01\x9cJ\xa2\xd5\xdaJ)\xe5\x03zm\\\x84\xce\x11#\x987\xeb\xcb\x81\xbf\xedK\x11\xd1\xcbn\xb2\x1bh\x8eW\x80\x88]l\x99;k\x17\xcb\xeb\xedB1\x06\xb8C?Z|\x03\x83\xe1\xe8\xff3\xf1\x83\xf1\xec\xb6B\xc7o&lt;\x03\xee\xa1h6\xf7\x98\xf9\x86\xe0\x06\xf7\xfb-{(\xb9\xf1\xc7 \x9eo\xd1\x9b"?]\xd5\xca\x9b\xee\x04\x8c\x99hX&lt;_\x1b\x83\xb6\xc6T\xbd\xe3N\x0eI\xbc6d\x01m\xe1?\xda\xff\xa5IM\xf9D?\xb9\xdeb\xdf\xdet\x05\xe6nF18)\xef\xa6C\xc6hc\xef\xbcqG\x8fu\xff\xa4\xc8\x8e\x89\xc4qn=\xb3s\xe6\x94\xa1\xbarTG\x1f\xed\xeb-2\x14\xf0t\xa9\xdd\x11\xe1^\xaar\xe6\xc6\xa4\xcch3$u#t\x01\x10=\xdf[\x8e\xc3\xb9\x86n\xd2|et%T\x1d\xf5\xf7\xf6xhc\xd7/T\x17y0\xa6\xeb\x9b\x0f\xcf\xed\xa0\xdd\x07\x81s\x1f\x00\x97\x8c\xfb\xe5Sl\xc7a\xeab\xc4QR\xeeG\x80\x0e:+\x99\xaf\x16\xf6\xf9\xabD\xdb\x95\x8cY$V\x17"\xd9\xee\x9d\x1a\xa9t]\x7f\x10\x86.\xf5\x87\x12\x07\xfa~\xa5\x1b\xfc\xcb&gt;7\xfb\xf7$\xae\xed\xaf\xd9\xb9\xf4\xe7\xebe\xfdC(7\x85\x85\xd3Y\x1b\xc45\x9f\xd3\xfa\xef\xd4\x80?\xc8\xd6\xaf\xf3&amp;\xb2\xf1Q\x93\xe9\xb2\xfe\xfd\x99\n\xe2\xbf\x969\xcd\xbc7B\x07]\x9a\xf8\xe4\xaf\xda}\xe6\xe1\xc0\xd7\xb9\xebc\xca^\x8a\xceL\xf7h\x12\xc3\xe0\xd2r\xeb\xf2`\x9a+g57Lo4d\xfd[\xf72\xbf\x1f\xed\xf2\x83\x00\xf1\xbb\x84{\xb4R.M\x17pS\xf03\xd7\xc3\x07@A\xa3\xd6\x96\xbd\\\xb8\x05\xb0/\xc27\xe9\xd9\x97\xce\xaa\x1e\x9f\x01\xd7Q\xa4\x1b\x1d[\xa5\xbd\x96\xb4E\xf9F\n\xac\xdf\xbb-\x92\xfc\xaa?\x0e\x80k$/\x18[\x0e\x80\x0e\xeb\x19\x9e\xd1o\x14.\x99e\xb8\xbf\x9c\xdf\x84d\xe8\xd2v\xa1/f/&amp;uk((\xb7\xd7)\xa5\x94\xf2\xec\x96\x8b\xe2r\xbd\x8c{\xed&amp;T\'\xb9\xc2#\xf9.\x92\xca6\x1e\x9e\xcb\x9f\xd8M3QZ\x07\xb7.\x02\xbf\xd7K\xbd\xa0.\x13\x03\x1b\xee]\xa2O\xa5&lt;1m\xfdj\xbb\xc0e\xb0\xedha-\xe7\xddTn\xa2k\x0e\xeem\xa3\xbc\x9byD\xea\x13\xdc\x96\x03@\x9c(h1\xab\x07+\x7fT\xaf\x9e&amp;\x80\xf8E\xc1\x16\x13\xf1\x1b\xb6&gt;\xe59\xcdI\xfanh\x02t\xff\x0b\xff\x10\xd7\xce\x07@\xfb\xb1i/K\x1b(\x7f\xe2^\x03\xdaJ&lt;X\xbc\x82H\xfe\x14\x10\x14\xbc\x18\xc8;M=g\x00\xd5\xef\x03\x88\xbeOu\xff\xab\n\xd7\x8d?\xdb\x06\xd6\xed\xc9G\x92!\xa5\xe7\'\xb0r`\xae\x13\xa1\xa5\x07\xb4\xac\xbc\xf0M{uG\xea\xda\xc8U\xed\xf9\x02`v?\xe9\xf1\x1b\x9e\xc6\xc1\xb0\xa3\xfd[D\x97i\xc1\xc4\x8e\xf4\x8d\xfd\xbf\x8a\xbc\xfb\xde \xcfD[\xf6\xe8\xadP)D\xff\x9e\xcfGy+\xc3\xe1\xde\x92)\xd7s\xd2\x13\x15z\x83\xbdT\xa1\xd7\x9b\xfb\xe8n\x99\x0e\xc1\xa8\xc5d\xa1y\xcf\n\x97|\xd0\xe9;G\xc5+\xe5RJ\xf9?Q\xa5\xa8\x8b\x83R\xd4\xd1Pz\xfa8\xb1\x7f\tn\x14\xda\x15\xd1e^)d\xd6-\x12B\x82\x97\x01\xac\xe8g\x12G\xda^\x94Qj-\xdf\x8el\x0c\xc86w\xfa\xb0-\xda\xa4\xaa\x1b\xf2\x1e\x11yS L\xfe\x83\xceE\xd7\xe9\xeb]@\x8d\xcc\xef\x1blAk\xf6[\x84\xcc\x00\xe8U&amp;\\\x8f\xb7\xc9E\xe4\xa9\x13\x081\xf1\x1e[\x97\'\xef\x05Er\xca\xbek\xe4\x8d\xd8g\xb5\xa2nu\x9d9G\xd0\xf6\xa1\xe5%\xfe\r\x9d\xf6\x8b\xf5-_\xfc\x8e\xd8M&lt;\x08\xef\x85\xa4\xd1\x85\xffN\xc4\x93\x7f\xc6\xf7\xbay$\x98a\n\xed\xde+\xad\x937\x17\xf8\x86\xe7\xa01W\x8cOE\xce\x00q\x04\xe4.\x92\xa8\xc91\r\xe1\xc7\x12&gt;&lt;zg\xcf\xb9\xbbC\xfb%l\xaa\xfb\xb7\xc7\xfc\xe2x\x95\xe8u\xb6\xec\xf1RG\xf5^z\xc0\x90\xb1\xf1i\xe0f\x9b\xd5\x04\xf5c\xcc\xfaK\x0e\xa82\xc79\xd1\x97g\x00\x0cG\'xcL\x18\x8fk\xec82n?\xd9ya7\xcd\x9dS\xf3\x98\xf2]T\xc1\n\xc8\x0e\xfb\xb9\x97!\xbd\x90\x06\x90\\\x8c\xd4\xd1\xe8u\x1c\x12"7\xb9\x85\x01\xdb\xc9\xd7&amp;\x89Q\x037\\\xf1\xad\x80c=\x8f\xd6\xca\xe2\xb4\x94\xe4jx\xdf\xeb\xfa\xf3\xe0WD\xbbx\xe46\xb95\xf3z\x84\xde\x18,~\xedv\xd3\xbf\x9d\x1d\x94b\x96\xa5\x1c\xdef3\xa2I[d\xc5.\xb6\xb4\xdd\x1b\xc9B\xf29\xa0.\xce\x17\xcb\x9b\xb4\xfd\xed\x9e\xd39\x19\xdd\xf1\xf3\xb1{4\x9a#\xc12dQz\xc0\xee\x89\xbc\xb9\x05tS_\x9c\xb6\x14\xe6\xd8\x9c\xeb\x1eC\xbf\xd5\xc7\xbf\n\xb6\xbfDm\xeeb/\xe7\xdfT\xb1DS\xd8%q\xb4\xa8u\x82^\x08\xc6\x8e\xb4\x17\xe4@O2\xad\x9c\x13\xe2\xe7\x8f\x0e~/\xd1\x8e_\xfa\xc5\xa3A\xafN\xe7\r\xf5U\xe7\x16\xb1\xd1)y\x12l\xb5\xd8\xa3\x7f\xaf\x00\xdd\x0e"\x12\xf1B\x0c;\x07\x90Jy\x8d-\xe2\xfb\xa1Ykv\x9b\x12t\x00\xdcdj\x1dY\r\xe8\xdcN\xf1\x8ag\\a\xe2\xbb\xd9s\xd00f\xdeD\xea\x7fWz\x853&lt;\'\xdd\xa8\xf8\xed\xa0\xb7(\xa5d\xdfe\xed\xf7\xb5\xcd\x16Y\x1f\xc9\x05f\rb\x17\xe73\xd5|\xbc\x8e\xefN^8\x8e\x81\x88v\xcf\x94^}\x8a?S\x81E4\xd6\xf7o\xf0\x87\x8bD\x9f\xbeo=7\xe6\xc7VivA\xb1\x8a.\x96\xe9|f$\xff\x87\x88\x84\xc8^\xa6{8\xd5S\xce\xb9\xfd#\xcc\x9d\xd9P#\x91\xce\xd9\xfb.\x99f\xa6?\x88\x1f\xcah&gt;\xb1\x95\xe3\x00\xb8\x18\xc5\xf5v\x81\xf2\xdbN\x9b\x9eT\xda\xed\x1d\xa7\xac\x15\xb8YG\x8d9act/P\xab\x9e\xea`\x8en\xeb\xdc\x86xXz\xfb\x8c\x7f/\x94\xa3h\xe2\x13\xde\xe5\xbfDO\x15&lt;v;\x99z\xbc\xd3\xa4\x9a\xf5\x8e:\xa7\xff\xaa\x7f\x18r\xbb\x81\x9bz\x9a\xcb6\x82\xd1\x03\xe0b\xd4\xf9x\x91\xd8\xf50\x94!s\xdd\x9c\xa3`v\xd4p&amp;\xda\x9e?\xb4\xec.\xa3\xea\xff\xddhl\x88\xd4\xf8X\xe4G\xf6\x1c\xe0\xfed\xda\xb4|\x1c\x03\x80x3\xdd\xdd9\xf1\x13\x99\x87\'\xa9\xb9\xf9\xd8\x0b\xedn\x1c\xedS\xc0\x12\xdd\xfdf\x0f\x80&lt;%\xe1\xed\xbb\x8b\xdd\x9d\xb2}F\xbe\xda0\x9d\x15\x98\xee\xb6\xe7\xb3\xe4\xd3\xaf\xca\x8f\xf0\x00 \xf3\xf1J\xa3u\x85$\x8eP\xb6xn\xa3gbV"J\xf6\x13\xcf\xb95b\xaf\xfe\xbd\xfe^G\xad\xdc1q\xcf\xd0%w0`\nN\x85=\xe2o\xd3os\x90vO\x062]r\x0b\x9e\xebL\xd5{\x02\xe4\x95\xd29\x1aP\xf0\xc8\xd6et\xed\xe3\x0f;\xd7\x14\x86\xdb4\x11}J\x1a\x1b\x89/\xd9\x82\xe6N\x1f\t\xee\xc2}\x9d#\x81\xb9\x11\xf8x\x94\xd0p\xb9\xc2\x8a\x1f\xef\xfaT\xf1\x11\xa7?\x8b\x88\xae\xb7\xa1\x10\xbd\xa3^)\x85\xe8E\x97\xbb\xfc\xd5n!\xfa\x06\xc5\xe9\xab]E\x89\xe8W\xe5\xadq\xb8{\xd0\x8d\x03\xb8U\x04\x1a\xdfy\x9a\xac]\x19*\xc5\xfc\xdb\xe1\x0e\x9d\xc9nX9u[\xaf_F\xd1}KA-\xde\xeai\x1d\x007NoaVb\x90\xbb\x87rG\x9f\xe8\x03\x80\x9f\xd6\x81\xd4^\xe6\xcfI^\xea,\x89\x1a\xb9\x91\xd6\xefTQ\xb6W%\xa8\x9an*c\xaf\xb3X\x0e\xca\xd2\x96\xe05E\xb7Ly\xfd`\xe4\x19\xc0V`[o\x9e\x01gEk\x01\xe4\xef\x8a\xe7\x86\x16\xcc\xcfs\x95\xdcd\xd1\x12\xbd\xbd\x07\x80\xa8\xd0W\xc3u\x1d\x95\x8da":\xcb?Q\xd51\x12\xf9\x1a\xee\xb9\xa6z\xef!\xbeW\xe8\x9a\x9d\x9a\ty&lt;\xd40\xb6\x96\x9e\x84!\xdd\xd3\xab\xf5\xdc\xf3\xcd5\x8f\xff\x13])\xac\xcd\x94\xf1\xf8\xee\x919S\x94\xc5\x90\x11\xda\xb8\xeaT\xeb$\xf5EZ\xc4y{6}~Jz\xeab\xee\x1c\x88\xdc\r&gt;\x99\xaa\x8fz\x05\x89\\\xf8\x00\xf0\xa7\xe0\x1bp\xda\xe5\x8d\xae]\xa3\xc5\x16\x84f\x0c\xf6\xf9\xb6j\xbfl\x0b\x10RO\xeb\x1c\x00pmt\xe5\x03\xd6=F\xbbx\x91\xcc\xc5\x8d\xd3\xf9F39\x9da\x86\xcb\x1e\x00]\xcc\xadFITJ\xe9\xfbg\xf3:)F\xd0\xeb\xb7\x8d_\x0b\xadw\xbb\xac\x86z\xbc\x97BI\x13:\xc7\xf2\xa6\xcf\x93u\x97,j\xa2\xbfG\xf4k\t\xb6\xeb\xe94WL\xd5M\xde\xc8C\xfb\xb92\x93|\xf5\xf6\xb3\xae8\x84\x99\xef$\xf8V\xf5\xd3\xfaeg\x13nn\xdf\xb3|]\xf9\x7f\xf6\xd0{A\xca\xb8\x1f|y\xb3\x9b\xf5\xa5\xb2\xc6\xc4\xc3\xf7?\xf0\x9b[n\xf7\x1ct\xc9\x8c\xf6L\xd1\xf1\xdb^\xbd\xa4\xdcu\xefz\xce\xbe\x87\x19\xd53b\xce\xe3\xe1s&gt;\x91Z\xb8\x1ce\x0cv\x01\xba&lt;\xfe\x9b\xb5{#\xd6\x032\x8f\x98\x1d\xd9\x08o\xed\x02i\xbb\x92\xed\xe4m\xf0J\xe0]#]\xf0-\xc4\xc8\x13\xebv[\x99\xf5.\xce.\x8f\xa9\xbe\x7f#i\xd8\tx\xfc\xee\x8e0\xae\x84\xbc\xf1\xa8\xf7\xbc\x1c\x9fH\x1c\x85\xb19.N\xad\xaf\x07\xeei\x12\xcf\xd9\xf3\xca\xa6,=\xe8\x9e\xa4\xdd\xf3\xdb~\xc3v&gt;[\xf7.]\xf3s\xc3\x18\x91i\xf4\xf4\xde\xfc]h[|\xd0n8pt\xbd\xc4\xeb\x1dP\xf2\xcc%q\x9c\xdcT\x94\xe1c"{\x07{q@\xf7\n\xd5\x88\xde\xac\x8b&gt;s\xdbc\x01x+\xbdA[\xa0\xe1\x17\xeb\xa0\xd13\x88]\x9e\xf2\xfd\xe2\x8c\x18n\xce\xf4\xbe\x94\x7fs\xb2T\x13[\xe9\xd1\xe9q\xda\xb7\x88I\xd9\xb2\xbc\x19\xcf\xf3g\xc0\xa48\xb9\xc8^\xe6=[?4_&lt;\'\xcc\xba\x9bnrWL\xbd\xaf\x14\xaf\x9f\xce\x94v|\xd0\xb8fGUh\xd7\x0c\xf2\xdcd\xf7&gt;6(\x00=r\xdeL\xberTU\x96\xed\xa4|\xfc\xef|\x1a\xf0x4\xb0\x0c\x0e\x03&amp;\xc3\x9cV\x1c\xeb\xc9sbx\xf3\xd0v\x9f]\xe0\xdcF\xda\xb1K(MD\xe7\x7f\xe3\x7ff\xfd\x0f\xb8\xac\xb9\xedt\x97\x9b&gt;\xa7\xfd\x1a\x10P$\xc6|\xdd\xd9\xdbx\xe0(\xdf&lt;H\xf6\x1a;\xc6\xbf\x93\xb8xj\xcd~z5\xb9\xe8\xb8\x82\xae\xe0e\xc6\xbdAD\x0fX.\xb4#\xa7\x0f\xf1k&gt;Z\xdf\x8anu\xf8V\xf1]\xd9"\r\xd7=\xf2\x07\xb4/\xea{\xd4\t\x8a\xbc\x04\xb63{0T6_\x06~&lt;\xd2\xa9\x94[\xb5\xd0\xd6\xbe\x04\xce\x9e\x8c\xd4\xde0\x86\xa9\x99\x845n\xb7"[\xcfI6\x0b\xebS\xad\x9c;V\x86\xa7\xe8Y\xe6\x97.\x014A\xb8Pw\xfa\xe9#[\xac\xf7J+$z\x87\x9b\x86pu\xdf\x97L\xd1\x84\x07\x00)6\xf4\xedbB\x7f\x02\x80\xa3\xd1;Q\x06\x9c\xd4|\xa4\xb8\x0c\x11\xfb\xef\xb9L\xa0&gt;\xa6\xce\xef{\xa5`\xcfN\xd9\xec\x0c\xbe\xe6:\x07\xac+\xa6{w\xfc\xbf)\xba\xa4\xb3\xf6|\x81I\xee\xc4\xb0c\x02\xd0\xdf\xba\xb5\x19\xf5\xf1\xce:\xd1\xe3\xcf\xba_rR\xee?\x98/l\xee:\x9d7\x0c\xb74\xad\'"\xfa\xf0\x1b\xdc\xdd\x80\xe9-h\x93\xef\x04\xae!\xe2\xf3\x80y\x06\x18\xc1\x9c\xbeI\xed\xf4\xdf\x97\xda[\xef\x99)x\xd9%\xd8\xb6%jRz 47\x9d\xa7\xd7A\xd5o{N4T/n\x8f\x8f\xf7\xf5\xd2\xf6\xd7S\x9d\xb9\xbe\xa9qA\xf1+h\xf5}\x94:\xc3\xfc\x9f\x92\x9c_\x13u\xee\xb9&gt;"\xdf\x94\xb72f\xffb\xe8\xd4\xcc\'U\x17[\xcc\xea\xdd%E\xe8n\x06\xc3A\x82\x06\xdc\xe64\x8b\xbd\x10\x9d\x8b\x9a\x1b\xbd@\x0e\xc5\xa7\xc2\xc6\xf1s#x\xfcz\xfa\xba\xe3:\x00\x8e\x9e\x15\xb4\x98\xbf\xb3\xc6B\x96\xc6\xf9\xfc\xc0_\x97\x9f\xc9J\xf0\x827\x92*\x85^\x19,z\xcc\xdcV\x1f\xbe\xcc0dHC=\x0e\x80\x01""\xa2\x0f\xb8)\xd3e\xbf\x17\xc76\xfa\xe6\xcf\xe7\r\xfe\x00\xf8\x15\x12&gt;Ev\xd2\xa3t^\x9bCvD\x13lM\xf7\x17\xa7\xb9lz\xe4B\xda\xce\xealO\xfb\x0f\xb7\x04\x1f\xdcc\xe5I\t\x8b\x90\xe2\xedg\xfa\xfb\x95\xa5\xea=K\xf3\x83\xb0\x7f7\xf8\xb8\x83\xf5]\x94\x8c\x96+\xe7\xb9\x91|\xe2F\xcfd\x9f?pX\xeb\xd2\x03s\xd5\xa1\'\xee\xf3\x80K\xd3\xb9\xed\x07\x87\x9f},\xe8\x1e\xae7&gt;\xeb\xf5\xd3\xe5\xe7\xe3`\x87\x03\x07jt+\xc7v\x10\xa6\x91\xe75&amp;\xf2\x9b\xbb\x829+\xe5\x0e\x80\xddly\xe6\xdet\x1f\x0b\xc8h\x92\xad\xf6\xf4\xf4\xb7\x14\xe8\xa8 u}\x81\xda#\xe7:%\xbb+&lt;\xf8\x02\xba\xff\x18\xb8\xa3\rk\xc7\x97\x8d\xca\xed\x17?X\xef\x11\xe2\xa3\x9c\xbd\x05\x98s:\xf7\x01w)\xba0\xdc\x07\rI],\x7f\x13\x0f\xd4+\x94d\xda\xec\x85\xed:)\x9cO\x01\xa7p\xe0r+\xfe\xb7k\xba\x8cz\xd6\x1b\xccC&amp;\x90\xd1\xd4\xf3\xb4M!o\xec\x18\x83\xf1\xc5\xb3\xf8\x0e\xaa\xee(\xc5\xceR\x8fW\xfa\xfd\xcfy ]\x03\xb5\xbf\x95\xda\xd5\xd6\x99\x9ep\x07\n\xa1\xbe\xfd\x8b\x0b\t$\xc3\xdd\xab:\xcfA_\xe0\x8b\xbc9\x93M\x9ah1\xe8\xd7\x86\xb2\x1bj=\xf4\xeb\xfa\x96e\xde\x8b\xb8\x7f\xecY\xb8\xac\x7fH\xe9L\x1e\x80|\x08\xdeA\xa5\xc8\x93\xb9\xb7\xe6\xcb\x1e\x03Em7\x03\xb2\xbb\x10\r\xfd\xe3E[\xa0\xf6\xbe\x00=\x1f\xa9\x88\xaaI\xaa!\xd8\xf9\x9dJSg^\xcf\xee\x14\xcf\xa7\xde\xfa\xc0\x0b\x87.\tPn?\x11\xf2\xe7\xe3\xf2\xfc\xec3\xdc\x16\xc7C,0%\xf4\xa9\xd0\xd4\x1c\xea&lt;H\x90~G\xd6\xe4w\x94\xe0\x03`\xe8\x81\xeb\x92\x01\xdbRog\xa2\xdet\x17\xccW\x93\xeb#\x07\xc0\xc5\xdf\x1d\xfdP\x9b\xa5#\x87wy\x7f\x12\xcfX\x1dz\xccE\x0f\x86\xf1G\x90\x8e\x82\xfa\xb8v\xaagj!\x95i\xd7T\x1a\xd7E\xde\x88\xb7\xac\xecS\x90x|Xn\x89Ch@\xfb\xde\x94x\xb2\xde\r\xe6\r\xe6\xe5\xc6y\xf3\x06\xe9\x92\xf5\x9c\xb4\x15d8\xa7G\x87\x1a\xf6\xdaTUtUQS\xa4\x1c\x1b#\r\xba\x84\x1easo\x0b\xae\xd7/WN#\x03\xc5\xd9^k\x0c\x9cO\xdb\x03\xbfK\xea\x987\xb3\xfa\xc9\xf7\xda\xde\x87p\xb5_\xe1\xf3\\\xecy\xe5\xf2g\xf0.\x99\xe3\x9d\x13DD\xf4\xc0\xcd\x16\xba\xe9\xf7\x97\xa8eR\xce\xbb\xbd\xe9EPK9\xb3B\xf0\xda*\xf4^HX\xb6,\xca\x83&amp;\x1ax\xad\xb9\n~\xe1\xfex\xb6\xd3\xc6\x1c\x08\xa4\xe1\xebKu7\x96\xb5\x8b\x19\xb4\xe7\xc8\xea-\xd52&amp;\xd7+5\xf1\xf7\x9a\x82\xd3b2\xc7{}2\x1c\x165\xed^\xf9\x0b\xee\xaeS$\xeb\xea:\xd7\xe7\x00d\x0e\x80r}\xae\xbb^\xca\x9f\xbd\x19\r\xbb\xd3\xbd\x18\xc6\x81\x03`\xbeu\x060g\xa5\xe1\xc8\x075\xec\xe9\x1c\x9eN\xe0J\xbe\xe9t[&lt;\x83\xceIm0pdZ\xf3\x05\xb2\x8b#\x81ol\xc07\x01\xe0\xbb\xa2\'4M\xf0\x7f\xa9B\xbd\xe8&gt;Z\xbf\xa0\xf5),wlF\xedi\xb9wI\x17\x9f\xcf\x16\xd4\xab\xac\xf1l&gt;\x13\x0c\x0fI\xc4\xbf\x13\xaa|K\xdd\xf2\xda\xaa\x97\xae\xb9\x80\x83\x97&lt;\x9c\'\xf8\x08W\xd2\xd6\xc3\xbb-\xf1\xe7\x9e\xff\x0c\x80\x1b\xdf\xf7Y\xca\xce\xff\xdc\xff\xf4&lt;\x80\xe4\xa0\x99\xd4\xdb@\xed\xc7\xd6\xb3\xd5\xee\x1e\xddx \xedez_\x13\xf7J\xde\xe1^\xe6N\xe5\x97\xeb\xfe}\xfd"\xc7=\xfc\x9aK\x15H\x97 \x19\r\xf7\nm{+\xd8~K\xb3upQqA\xaf\xfb\x8e\x03\xa0M\x03\x83gu\xf4\xbe\xa7z\xd5\x9f\\\x1c\xe01"\x83\x82m\xcd9\xd3\x176zOPr\x041SKV\xb9\xfc8\x00\xd0\xd3\x8c\xcd\x1d=\xa8R\xfc\x90\xd4\x90\x95\xef\x94\x9c.q\xc6\xf8\xde\xdbt\x8e\x89&gt;\x19\xbf+,\x00\x0b\xe9\x06\xdfl\\U\x8b\xb8\x1e$\x1e\xf1\x97\x99\xeb\xe2\xf0\x97\x10\xee\xc01\xa8\xd03\xb1\x8b\xbe\x01-d.\xc6\xc4\xf7"\x18&gt;\x8f\xd3\x9b\x05\xbd3\xc0.^Qi\xdd \x89\xb7c\x9d\x1e\xb1\x0fV[\\J\xcewn\x89\xb7@\xed\x95sS`\xd0\xf9"!\x05Qe\xed\xcd\xce\x8cy\xcc\xe7F\xd2\x04\xb0\x0b\x06\xd02\xd8\xad\xed\xfa\x8by\xe3zyB\x8d2-\x0b\xb4=}+ Co\xd6\xc3\x1c? \xaa\xb1\xe0\xc6\x13\xf5\xaa\xe9\xd3\xd85w\xaa\xeb\\t\xbd\x84\xe3\xf75\xb3\xf3E\xd9\xe5\x896\xdb\xed&gt;5\x83\x045\x17R\xb0\xcb\xce\xcd\xd0v\x7f\xee\x80a\xe0u_K\xdb\xbe\xcd\x82H\xd7H[dG\xf39"\xfa\x86\xe5b\xf2\xc0\x98\x92\xad\xef\x81\xf5\xdb\xbcR\xfed\x04\xc8A\x1bh:-\xf9\xe9\xea\xbd\xd3T\x177Bjd\x86\xd7\xa5\xff\xb9!\x18+\x86\xbf)Q\xd6o\xfdHr\xcd\x1b\xac\xd0t\x9e|\xa3\xfboT\xec\xb2\x1b\xf4n\xbaC5\x9e\xa5~v\xcf_t\xe2\xcf\xf7\x99,\xf5\xe0{\x8f\xf8E\xd7\xa9\xa7\xd6)\x1c_U\x800\xc9y\xd0\xfa]h\xfcxU\xc2\xc4\xbd\'&lt;=V3D\x7f\xc4\xae\xef\x89\x8d\x9e\x97\xf2\x15xU\xd4\xf5\xec\xc2;\xc8R \xaf\x18\x8b\x13\xfd\xc5\x16x\x03D\xe46\xd3\x85a\xe4\xe1u\xf8\xe0KJ\x85\x1d\xa6\x81\xd9{t\xb6Gll\xe8 \x97\x1a\x018\xc3\xf7\xc9\xd0\xca.\xc1\xdb\x92\xcd\xae\xce\xc8\xdc%r\xee\x0c{j[l\xf3\\\x00\xc7\x05I\x1e\x00\xb3\xcb\x9b\xc3\xe9\x80\x89N\x91n\x13&lt;[\x12\xa3}i\xf2\xdf\xf4\xd3\xbf\xb7.`_m\xeb\xbf\xcfM\x03h\xd3\xe9t\x8a\x19&lt;\xe76\xc4\x8c\x92 N\xa7\xd3)\x80\x91\x9fzN\xb1"\xf0\xd6(\x9172\xcf\xf8\xe3\xb3j\x08g\xca\xc2f\x80$\x06~=\x88\xa7Zt^\x95\x18KC\x9dqh\\\xed7\xe3\xaa\x02\xba\xa4\xab\x89\x7f\x9c%FA\xe0\xde\x8aV$\xb6&gt;[\xbf\xa4R\x05e\x0e9\xf7\xbd!:,\xcc\x14\xbc-aS\xc6kB\xae)Js\xd9\x0f\x9b\xb8\xa3D\xb9\xf7w\xf6cs\xddc&gt;\xc7x\xdeK\xf9\x87\xd6\xb5\x04\x1b\xc7\xcf\xcf\t\xa9\xbd\xf7\xb7E\'\x17\xf3\xbeg\xf3\x86\xbes\x87i\xf0\x9d\xc3\xc5\xd3\x87\xa8;s=\xe6\xf6&lt;^\x0f\x00_\xc4\xbe\x1f\xf7N%rR7(\xe7x\x9b\xdb}\x1f\xe31\x87\x1ffV\xf7\xaft\xf2\xbfwi{\x8d\xe1\xec\xff\xf41U\x9b\x8c*\rA]\x9d\x9b\xc6\x9b\xf8N\x87J\xb3\x95\xa8[\x19\xa3[\x80\xb5\xbbaO\xf3:\x1f\xedy\x00\x84\x1f\xa1\xe0\xf0\x88=\x966J\n\x1e6c$\xd4\x9ag\xc7\xbcZ\x15\x0e"\xa2\xdf\x1b\xc5tg\t\x0c\x0b;\xd5U\x97\x96\xfa\x08B\x9f\xbb\xae\xd8\xe4\xe8\xd2\xd6E\x17\xeb%D\xe5\xfb\xf8\xc7\x8f\xdda\x98\x1a\x07\xd3\xc5\x1c\xfe\xf5\xb4\x1b\x7f\xa0\xdb\xd7&lt;l\x9ad\x9a\xd7:\xb1:G\x14\xd6\xa3z\xab\xfd\xb8k\x19\xf6\x86\x86\xe8i\xa0/\x9b\x97\xec\xbdc\x84\x12\xaf\x1f\x9b\x86\x02\x9d\xca\xc37\x9c\x82\x07\xedH\xc3\xd3n\xe6\xe1\xd1\x1a\xda=u\xf6\xd5\xb8i\xe0\xdaj\x1a\xa8\xb2x\xf8Gj\xfd\x80\xca9(\x1fDB?q\xa8\xfaHF[|\x9b~\xbe\x04Z\xea\xc4sn\xd2\x87\x96=\xc3~\x0e\x88\x00=\xec\xa8\xdb%\xb5\xbdS$\x86a\x95x\x1a\x8e\xc3\xa0\x94\x9a\xca_\x03\xd6#\xa9X\xa7V5\x80\xaa\xdd\xd1:^\xf8`\xf1\x91\x87\x80^\xa9\x86\x1b\xf3\x87\x10\xfb\xaf\xa7j\xc7S\n\xce\xa4\x19\xe6\xb5\x0b$tn\xa7\x8d:\x83Q\x1a\xba\xb2\xfb\x00H0`\xeb-\x86\x01[\r\x18\xd2\xe2\x98\xae\xae|Nz\x0f\x1e\'$\xaf\x8fV&gt;N\xbd\xb3\xb0\xba\xb8\x11r\x1az\xfb7\t\xe1\xdd\xe8_\x16OS\xd3\x1dn\x97A\xfe\x0f6\x12\x8c3\xfb&gt;\xa6\x04\xa8\x82\xf2#"\xfa\x8e\xdd,\x96\x84c\xf3\xf4\xa1]\x1d*76\xc6\xfa\x9a\x91\xf5\x8e\x19u\xd2@\xe5Ob\xe2\xcd\xc2\xbcL\xb9n\xcc?\xb5\xf1\xe2d51\xe2R\xec#V\xbe\x01\xda\xad\xa6\xedU\xb1#\x92a0c\xd8\xe8\x9d\xc4\xc7\xef\x1f\xd5\x96\xe4&amp;\xd8\x02\xf0\xd9\xf0\n\x19\xfd\xb5\xfe\xf7\xee\xff\x11\xc5\xed\xe6\x02 z\r\xd0\x7fo\xa4\xd6t\x8f\xf7\x11v\x0b_\x0f\x83\xe9\xa2x\xbc\xcd\x87|m\x8eO\rR\x0eo&lt;\x9f[x\x9a1\xa7Tq\xe6zO\xe7\x0f\xdaE\xe4\x19\x0f\xe7\xe5\n\xe3\xd6SW\xb6\x05\xb7\xcc\xd8X\xe8\xab\xe6\xbbr\xfd\x12a\xfb\x84\xfdT\x11\xbd`\xecQ\xa0$J\xa2q\xf7\xe23\xceC\x98\xdd&amp;\xf2\x1b\xaf\xc0^\x0c\xceS&amp;\xee/M\x8b\xb5551$\xe7\x83\x86\x12\xf4\xe4\x91\x08\x93\xe6\xaf\xeb\xba0\xfb\xc0hT\n\x85x\xa0\xec\x98\xff\x9cu\xa3\xd0;\xben&lt;\'\xaf\x8e.\xe6\x11w\x9e\x95\xa7B\t!\x11=*?G\\\x98 \xaa\xef\xf4\x98K\xa1\x8f\x98\xa4\xb4\x12u\x1c\xbaI\x8fF\xd7\xb3R\xc5\x96\x1c\x0f\x9b\xe7\xd3F\xe8\x17N\x02\xbe\xe1a\xb7\xbb\x93x\xd8\xb6\xac\xd1\xe6\xbc\xe5I%O\x17p\x92\x95\xf2\\\xc8\x89^\xe3\x9c\x83\xe2-\xd3\xb7\xc8\x8f\xfdJ\xee\x16\xa9#\xfa\x1a\xfc\x92N\xcesY\x87\xeb\x7fs\xbe\xbb\xbf9&lt;Z\xe6\xe6A[o\xe7p\xdbR\xdb\xe8\xd6\x19^\x97\xed\x15{2\x17\xdb\x95\x07\xb9\xe9i\xc6\x8d&gt;\xd0\x03\x98\xb9\x94\x8bJ\xaf8\xda\x8a\x9fu\xb1f\xce\xfdr\x90\xb9\xa9Nj\xeea\xd7\x90\xe8\x1b\xfbL\xdc|_\xbbN\xba\xc0\x89\xddK\xcd\t\xc8\x154z\xf6\xc2\xb3]\'\x9c\x82\x1b\xb3\x8c~&amp;\x18\xb3\xbc\x0f\x05\xf1\xd8\xe5\xb8\xe63u\xb21\xf5\x9a\xb8\x7f\xa4\xed[\x93J\xdc\xd3z\xed\xd1Fd\xb9\xf8wFU\xd2h,\xc5\x1f\x1a\xf2J ;\xf1\x93\xc3{i\xc3(\x80\x87\xefJ%I\xb4\x90z\x0f\x1bq\x92]M\xaf\xbb\x97\xa89\xf5T\x17\x8fy\x97\x07\xe5\x11C\x1a\x90\xce\x06\x96_\x88\xc5\xf7\x18\x18K\xf8(\x1a\x08\xa6\xfa\xe09G\x1b\xf0\x08\xe2q\xeeq\x00$}56\x1edt\xa6\xf4\x18V%H\xaa\x8d\x1a\xfd\xf1H\xde\x85\xc4\xcaf\x04=m\xf3{\xd7\xf9\xe3s0\x8f\xc1\x0cQ\xf1\x131\xe6\x17\x0c\xea\xe3\x17\xee\x99\xdbG\xd3\x1f\xa1 \xc6\x01C(\xbb/\xc0RJ\xa1wM\xf0\xf8v\x83\xcc\xa0\x16C\x976\xcc\xff\xd5\x85\xfe\x14(\xb9\xf1|\x85/\xa0\xc6P\xf5\xf5\xd6\xe67\n{x\xa6\x1e6\xdctRPw|{\x00\xa0\x8d\xc4\xb6\x96LS\xb6b$\xdd-5\x86\xdd$\x93\x12O\xc9:-\x11\\u\xb7\x9e\xa3\x19\xfd\x07\xedF\xfbz|Gm\xf4\xe5\x9b5l~\x93c3\xf8c7w\xc6\xa6\\U~\xb3\xa5\x90)\xe0\xe5\xc2\xbd\xd52!8?:fnj\x8b\x0c\xc9^\x93\xf8\xc5\xc3@\xd6\xe3\xd9\x98\xfc\xc1\x83\x02\xff\x18i\xc8\xc5+\x0f\x00\x8ad\xb6\xd9&lt;\xab\xbcIk\xf7\xfe\x7f\x9c\'\xfbP\xde\x8f\x99\x81.\x97Cg\x89\xdd\xc6)C\r\x92g\xa2:\x1eno,d.\xf2"\x17\xa6\xa8_\xfc.\xfeB\xc5\x13x\xeaN\xd6\x95\xfb\x97\xc1\xd6\xb0\xbd\xa0\xdd\xef2\xfd\xb7\xaa\xe0\xbc\xf4F\r\x90\x02-X\x9c\x95C\xfe\xe0c`%\xc5\x96\x10\x1cN\xec\xe6a_\xeb\xf4x\xa4p\xc9\x9b,\xce\xed\xb1\xbdN\x88-\xfac6\xef\x0e\xf5\xfc&gt;\x0b\xbf\xbe\xcbY\xb8\xfb\xce\xeb\xe3\x91prZ\xb0k\xdd\xc6\x0eF3~\x02\xc8&lt;\x1f\xf0{\x0b\xfbk\x07\x16c\x12\xe7\xc7\xbc\x82\x7f\x05^\x9dm]Vz\xf0t&lt;\x11\n\xf0\xf4\xf9\xd1\xbb\\\xc7\x16\xd7\x91\xfd\xae\xff N\x89\xd7\x14{\x19\x1ay\x1a\x18x}\x19X\x0c\xea\x19\x16\x7f\xbe\xd7xz\x9a\xb0\xbb\xdc\x9bi.7x\x00\r\xb4\x95\xa4D\xd5\xec5\xe5^\xbbVC&amp;v\xcd(gR\x8e\xd3\xaf\x84\xe21\x9a\xda\xc7\x15\x1b}\x9b\xcb_\xf8\x16B\xe5\xca\xca\xb0\x87\xf9 %\xb6\xd6Y,\x9e\xce\xb2G\xf4o3\x9d\xc9;g\x1e"t_\xf0r\xa5Y!\x96G\x0e\x1dD\xce\x9f\xc3N\xa6\xa7*\xd7\xa1\x0e\x88\xa7N{qaR\x8e\xba&lt;\x80\x1b\xb4\xabH\xc5\x02t\xf97\\9\x85\x94Y\x14R\xfb`\xfb\x1e\x05\xa8\xeb\t)y\xec\xe5\x15\x8e\xf1t\x8cM2\x00:4I-\x07m\xa7\xae\xe6XJ!z\xffACC\xc3\x82\xd7\x8eq\xaf\x97\xb6\xba\xacDw\xfbK\xcb{\xd4\x1d\x03\x90\xa7ZE\xe7P\xee\x1a\xed\xe5\x7f\x9f\x9d\xec\xaa\xf1"f\x9eED\x12&amp;Skw\n\xb2\x17\xde:\x13\x86%[\xc0b(\xd8\xd6\x99\xb2\xee\x88\x1f\xfd\x7f\x84&lt;\xdf\xed\xd8\x07s0\x1aI0\xd6\x9bFN\x8e\x9a\xdf]b\xfe,\x1f\xb0m\xa9\x99R\xdc_\x14\xb8\x92J87\x0c\x1e\xa9\xbdF\x84@\x85;\xc8\x13\xd5\x87H\x98\x03}\xa5\xb4H\x98\'\xd7:\xe7\xe6\xf4\x84\x98\x87\xc9u\xc2\xd8\xe3\xef~\x00\x0e:\x17\x8dy|,\xb4\xfbF\xf7\x1c\xef\xa9\xec\xec\xb3\xac\xdb\xe2w\xc5\xbd\x8f\xc8\x90h+\x93\x83\xd8\xd0\xd7\x89\xfe&amp;\xe8|\x15;\x9c0\x8dc\xd5m\xf4\xa5\xb0\xc4\x16A\x99\xe9\xcf\xed\x98\x82\xa7\xab`&gt;\x18:\xcf\xbc\x93,\xe8\xd7\xbb\xd3\xc8\x01\xb0m\x8f\x07Et\x83\xfer\xdf\xaaO\x17\xae\xd4\x15=\xc4q \xbf#\xd6\xf1\xc3\xc1^\xe0Y7\x89^\xfb\xf4\xbe\x7f\xbb\x12\xbaNTI\n\xc2\x12&lt;\xed\xc5\xd9\xce\x05y\xcb\x8e\x14\xee\x94f\xcb\xc5O\x9c\xfdE\x9f$y\xeb\xb3:\xf4$\xac\xd4\xebn\x94\x07m$z\xe7R\xec\x84\xfb\x7f/\x17a1\xcc&lt;\xfet\xacn\xfd\xeb.`\xaf\x17Y\x81+%\x9dO\xc1\x9c\x85\x9e\x12\x96\xf9}Q\xeeTE\xbb\xc8\xdb\'\xc4;\xc7\n\xf6$\xfb\xb2"z\x91\xf2\x11\x85\xde2\xad9\xfca\\w\xbc\xdd\\\xfe\xcd3X0\xb7\xfau\xa0j\xcd\x049[\x042\x03\xddM\x96R\xbb\x12\xcfAM\x97\xee\x08\xea8\x00\x1a\x14\x87!\xae:\xc4\x9f\xca\xa8\x98\x07\xf7\xc1\x1e~\xc4\xa3/b`\xaa\xe9\xab\xca\xc4\xb2\xec\xbfV\'\xe8\x8c\x8b\xb7\xd4\x01\xd0r\x0e@\xdb\xdc\xcej4\x16\xd8\x83\xb8\t\xe3F}\x17^\x97R\x88\x1e\xd3\x056\x0e\x8d\xd5_P\xa4\x00\xaa\xc1&amp;\xea\xb9\xa7Y\x00\x00 \x00IDAT;\xfe\x1cPt\xbe\xed\xfcv\x8b\xd6\xbb\xb9#m4e\x88&gt;\xdcS\xf2kM\xd9\xb6\xf2\xa3\xad\xf7\x90\x9bs\x1b4$\x9bK\xe6\r\xc9\xd3J!\xa2g\xf5$\xa5\xea\x1d|a\xed8M=\x0e\x1e\xc8\xa6\x94\x97\xd6b\xa4\x105z"z\xdd\xa5K6e\x93v\x83\xf3\xbb\xf6\x9a\x0e\xd8\x8b\xce\x0e\x11s\x8e\x06M\x1f"\xec\xb2\xb5\x8b\xb6\xc4)\x9cR\x9e\x89N\x84a\n\xdfs\n=\xa5\x03\x89V\x82vr\x99\xee9\\)\xfc \xecU\xae\x04\x07O\xce\xbbI]\xee\x1e\xf3\xebH\xd3\xb1_\xa8\x86O\xd9\xc1\xc7\x98\xdfN\xe8\xf0\xe3\xc6\x8cz\xd4\xa2d`\xac#"\xfa\xf3hj\xc6"\xa1\xa1\xf8x\xd8\x91\xa8\xf3\x17v2\xf6qw\xe3\xd7\x8f\x1c\x19\x9f\x03\x89f\x82\xe1\xa3\xdd\xe1l\xc2H@M&lt;\x92\x9ey\xd2\x0f\x14\xc2\xe8\x04i\x90D\x10GG\xe9?\x8e\x00@\xc9\xd18\xa5\xaa\xc7\xc5#mO\xe6q\xfc\xf8\xdc5_\xa8\xc5\x96TS\xf1\x85\x88\xbckw&amp;r~&lt;\xb4\'\xcaM$\xe7\xa0vP\xcc\x88\x07\xc6\x05\xf6\\\xd8\x9b\xa8M0\xd6\xb7&lt;\x0f\xeb\x7f\xf191Ze\xf1\xa4\xe2\xc8\xa6-\x85z\xfaEz\xa7\xbd3\x1cB\xfbj\xbc\x1d\xb4\xc5-\xcd\x03vX9\xaf\x1ca\xa5\xde\x9dk\xfe\x8f\xf3\x08SF\xd1d\xb7\xd6\xdbCz\x9f\x8d\xa6-\xe4!`=\x85u\x93\xbd\xe2e5\x0f\xab\x8d,&amp;\xd9\xf6\xd8\x9d5}\xaeM\xa5\xe7\xe8\xbe\x93f\x15\x89y\xc6Cf\x05.\xd6\x13-\xe2\xcc\x06\x1e\x97\xd2l\x0c9\x00\x12\xca\x0e\x92\xb4\xfd\xd0\xde\xe8wO\xbcY\x03\xf6.\xec\xef\xbb\x80\x89DJ\xa1\xe61e\xac\x10\xbb\xee\xb5\xb8\x08\xf6\xf5\xa91+\xb1Z\xb5\xf2\xbc\xb08\x03\x0c\x8f\xe8y?\xa0\x86\x92\x0cT\xa3\xa1\x7fnpDj\xbey3\xbeM\xd1\x8a\xa1\t\xb2\x07\x9e\x1e\xa1\xf2\xb2M\x18\xc3\xa9S\x81\xa1R].&lt;\xd9\xbeg\xa6\xf3N9\xb7\x99\xb6x\xac\xe9q\xff\xfd\xdd\x80\xad\x01\x91\xefMs\x92\xad\xcc\x81\xa31#\xc2Kb\xf8\xbc\xa9\xaa\xf2\x16\x83\xbb\x1b\xeb\x86\x1ff\x1c[,\xf5\xd8\xf5i\x0f\x08Zq\xb8\x12L\x0f\xcb\x85{\xab\xa4[\x0c\xad\x14\xb2\xe5`{\x8b\xcb-\x84\xb3s\x12\xdaNT\xca\x1b\x19\x18\xe3\xda\x12\x91\xb2\x00\xb2\xca\xcf\xf3|yWh\xd8e\xf9t7&lt;\xed9\xc8\xcc\x0b\x9f;\x87\xf7[\xc5\xdd\xaey?\xe8 \xde^\x12\xf3\x11\xc8\xbcL\x1ar\xd3]\xa4z\xe5\xf6|\xff\x899"\xc3\xd34\x9ep13\x10\xefxn\x8b\x9a\xa0\xed\x98\t%]]\xa6\x85\xcd}\x02@\xa9U\x1e\xd3\xd0f2j\xd7\xd6F.\xb0\x8dO\xf3\xa9\x1f\xb7\x1dU\xee\x9f"{\xcc1w\x8e\x88\x88\xe8\xe7\xb7\x14\xde\x8e\x0eW\xf1\xb3\xcd\x91\xf7\xd9\x81\xd3\xde\xe3\xce\xbcj\x10\rw\x06`\x98?X\xe8\xdc\xc53\xcb\x80,\xdcbQ]\x15\xc5G;\x9c\xc7kL\xc7,\xbe\x18\xd2\xe6\xc3\x03\'\xd6B#\x7f\x9dn\xdd\xafY\x9f\xba!\xf5\xffh?\x95B\xffq\xd3\xa3y\xa0\x99\xc1\x03\xb9\xb4\xe9A0\xfc\xd3F\xc3\xf1%IM\xb61+\x07\t\x92Mg\xb98\xabET\xbd\xc1X\xea\x05\xbb\x0b\xa4\xd2\x81j\x98^R&gt;\x95\'\x13\x0c\xec\xa5\xbf\x06\xc8Ik\xab*\x03\x0cM\xdf\xfb\x87\x94\x88\x88&gt;\xde\x8d\x9aE\xde3\xfb79\x13\x07\x00`\xd8\xe2\x878?\x83\xce%\xfao\x1a\xear\xab\x01\x86\xe4\xc7\xb2T4\x19\xce\x95\xc1\xb9\xceSW\x0b\xeez\xf6\xaa\x8aCo\x9f\xe5U\xd8\x9d\xa3d\xa51\xfeHO\x97l\xe6\x84o2\xb7{D\x13\x964\xd1\x95Uk\x05\xee\x94\x88a\x17\x18yE@DD\xafe5\xecE\x9e\xce\x9ft\xc1\xb4{\xba\xc7I\x7f#\xb2xn\x8as\xa36\\\xcb\x13\x1d\x0bi\xfd\x82\xd3\x1b\x14\xe4\xe3rRU/\xf1\x9c\xdf\xd2\x82\x07\x04ih\x8f\x075(\xe9\xc21_\xb3t\xe9\xd3\x10\xb3\xf6\x0e\xfe]\x16\xb7\xe4\xb4M\xc9\xbaq\xef\x00SB^\x07\xe18\x93\xd9?P!\xbc\xbc\x13\xcc\xe0U[\xbbQ\xb6\xfa\xa0\x7f\xeb\xa7\x02\x9d\x81*\xce\x00\x9bfL\x14\xe6\xdb\xa4\x80$A$\xc4.\xbc]\xe4\xe3E\xa5\x10=\xb8)&gt;\xaf~\xa0\x1c \x926\xfa\xc9\x8d{\x9a\xb3\xa9\x9fJ!z\xe3\xe5\xe28\x006\xd3Y\x9d\xb8\xaf\xf2\x0f;\x7f\xc8aV\xd9\xda\x1eC\x11\xb4K\x92\x1f\x1bJ:\x9b\xc5 \xd4\x84z\xbf\xe9 \xe6\xe5n\xa0\xad\x03bKJ\x1e\x00\xf5Bp\xa7\x0e\x00\xe7\x8b\x84\xf9\x9a\xb15q\x0e\x87\x0c6\xd05m\x1e\xdb\xb0;ft\x80\xbc\x1d\xaa\xbd\xf7\xf6\xee*&gt;\xef\xf7\xc5\xa3\x7f2\xe0\xa0\x88h\xf9\xaf\x9aJ4\x1b^\xfc\xb6Xm\x11\xed\xa9\x81!\xb6\xe8\xa1\xe2\xca\xe3\xa7\x8a\xde\xfc\xe0\x0f\x98\x8e\xd1\x1d\xb2-n%y+~\xe7\x85\xeb?\xd7\x85j\xa2\xff\xafen\x0cdJ\xaa\x93?\xb9N\xe6\xc5\xb1\xfdh\xf5|\xa6\xf3X\xd6\x83\x11`\xcb?y;\xf52\x94\xe1N\x92+z\xed\xbcRk\x82\xa8\xf7q?R\x88\x8ao\xdf\x92\xbcsd\x9b~\xa6#g\x95S\xea\xd1lK\xe4\x96AR\xbc\x10\xf4L\xc4Y\xa2\xd2\xa8\xab\xab\x96\xa1]xO\x00\xb1H\xd3\xfa\xbaY\xc4\x16\xb4\xc8}\xab\x88\xc0\x06\xd9\xad\xfck%\x07\x18\x99?"\xdd\x8d0\xd1\xf13\x82\x1bi\x17U\x03\x90\x92\xfc]\x0fI\n\x84\x1f;w\xa4k(\xf7\xb3\xfa\n\x0f\x80\xfb\xdc4\x806\x9dJ9\x9dNj\x05\xb0I\x9eLN\x90\xd1\xbf\xd6\xbf\x8e\xd6\xa9\xd9\xf5&lt;[\xa7\x19\x1eGZ\xcd\xadV\xa6\xc5\xd3\xe9\xa46\x12\x9b\xb3\x16O\x0b1\x86\xf5V\x97\xe6\x15\xa21\x11\xaa\xc0#\x9b\x0e\x10QA\xa1l\x82\xfc\xbe\x16\x03*\xbf\xf9B\xfd\xc1\x86\x93\x040?\xa7-\xc02\xee:\x9d\\6\xa2:\xc2\xd6\x03\x1b\xb2\xb9\xca\x89H\xc61x\xca\x14&lt;\xf3\x16N\xa7zo\xf8(\xda\xb1c%s{5\r\x1fp\xd9\n\xd1\xbf\x9c5K+m\x18f\r\x986\\\xf1\\\xb2*\x0f\x10\xf4l\xff\xa06\x05\xe7\xb6\xce\x9bpj\xc6"CH\x82c\xde\xae\xab1\x93_\x7f\x17[\x84\x8f\x93\x10s/5\xddB\xa4\x0c\xb6\x15\xb2\xb3\xb0&lt;`\xec\xb1c\xa7M\xb59\xcd\xca\xd7\x8f\x1a\xb2&gt;RaB\xb9ZJ)?\xdf\xd2_\xff\x9b\t\x03l\x9ap%\xd0\x80\x9f\xb0\x87\xa4\xd6\xbbC\x19K_\xe3\xee%\xf9\xde\x86Of$W\x8a\xb95\xd1\x0b\xfcxA0\x99\xa0t\x94\xd0A\x1e\x81\x06\xea;U\x14g\x98v\xfb\xc6\xc6\xda\xa5\xe01\xd3\x1f\xeb\x14&lt;\xf8hB\x05,&amp;\xb1\t\x0cM\xc1\xc1&gt;\x9e,\x8f\xb6\xaa\xbfhh\x90\x9d\xf7\xf9m\x853gK\x9b\x07&gt;\xef\xf0\xa0\xf8\xddp\x10\xado\x96X\x02d\x02\xb0\xc8\xa6l\xedHDD\xf4q\xc5\xe4\xbf\xba\x86\x8eXn\xa5m=p\x0ca\xbd0\x15j\xcb\xad\x00fG\xad\x9b\t\xbcN\x8f\x03 K\xcaI:&lt;P\xa4\xd9C\xfd\xc9\xc8\x9a\x18#\x9b1d\xc8\x95}+\x80\xc7&gt;\xd4\xab\x0bh\xa5\xf8)\x0b\x04\x83\xed\x9c\xe7D\xf4\x18X\xcb\x1bQ2\x806)\xd2\xe5\xb1f\xa0\x01\xbfZ\x9cN\xcd~m\x10\xe4\x85\x9bN\xd2\x9a8\x15\xd03S\xaf\x1b\xbb@\x16\xfe(\x90\xa9\xcd8\xf1\xccvj\xf8\xb8\xec\x85\x03q/\x11|\x1cc\xd7\xbb\xf9n \xc6\xf4\x95Q3\xb5+d\xfb\xc5P\x11\xabY\x0fLs\xe6Z\xcc\x89\xbe\xcd\xb7\xef\x841F\xcazf\xf7M\xe4\x96_|lu\xe7aR\xcd4\x80\xc7\xf1\'\x91Xvu\nn\xdc\xd3@\x02\x0e%,P\x12\xeb_?:w\xbd\x97-\x1b\xad{x\xe2\xb0v\xa9Z\xaf\xf5\xadnlw\x85\x02\xf7\x13\x11\xfd\xd8\x0e_C\x8d=\x11\x83\xfal\x8b\xfci\xc0\xa9\xd4\x8d\xedK\xe5YUE\x86\xb4`\xa8s\xe0VS\xf9R\xccm\x153\xe7\xd0\xacDK|\xb7w.\xa4\xb9+\xfan.\xd7\x91\xd3\xea\xd7\x8b\xb9=d6\xeb\xe5C,\xd6\xec\x89\xa5&gt;\xa6$pj\xcd\xcd\xe3\xa1S\'T\xd2\x07)\x88Z\x0f\x9a\xaa\x84L&amp;\xac\x85p\x1c\x00\x1e\x9d\xcf5l\x88\xc3\x0f\xc8\x9ei""\xfaP\xa5*\xc6\xb9t\xa2\x10O\xee\xc1p\xeak\xbf\x8dQ\x81|\xaa\xd5\xa5\xf2\x0f\x9c\x04\xce\xe3\x8b\x07\xa3I\xf1\xbc\x96\x8c\xec\xee\t\xd0\x0c\x96b\x86\xd7\r)t\xca\xda\x86\x1ekP\xa6\x83\xd6\xebin\xe6\xa4jF\xdc\x84\xed\x7f\xb6\x7fim\xec\x89\xadi\xd7\x1a]\x17\xd1\x06\x9b\xde\x1b\xce\x93\xaa[) "\xa2\'c0\r\x85\xd9X7[\xcdA\x80\xf6\xef\x08~Z+\x9e&lt;\x03\x9c\x83D\xde3\xce\xbc-\xde\xe2I.Bq]\xe4?\x0e\xea&lt;\xbfG\x0fO\x92A \xd9R\xb1\tT\x19`\xc93\xac\x1aM\x02\x0eF`\xe5\r\x01\xc6o\x19\xc4\xc8S\xfb\x1d\xbe\xb9,lC|\xb1\xb0\xac\x8b\x93\xb3\xb9\x1dk4\xbe5\xfd\xaf\xae\xaf\xfd\x9a@\xbc)\xc8\x8f\xd7\xb9B\x1d\xbeA\x9dw\x91\xe6x$9\xc3\xc2\xb0\xfc`\x91Ylf\xad\x8ck\xeb\xa1U\xde\xb6\x15\x15\t\x86O\x00\x1a\x89\xbd\xf0\x95\xc4\xbe\xe22dR\xd90\x07\x9a\x12\xfam\x8fK\x9d(`T|#}\xec\xa98"\x18\x8a\'\xbd\x05\x04)+\xfd~kh\xb4Q\x9b*\xfcc\x9c\xe3\xdeM""\xfa\x8dd\x95P)\xf4\xbb\xba\xa6\xa4W5\xbc\x8b5-\x10\xaf\xcd\x1d\x13\xea\xccx\xca:\xc4chj8(E\xb6\xe5\x95p\xcer\xf5\x18\r\xdfd\x8a\xb0\xf6 \x95\x078]J\xa1\xbfV?\xea#\xc1K$\x95bB\xe4\x7f5{\xae{\xd7\x02\xf6\x94\x04\xa4\xdah|\xc8\xc5\xb2\x19~+\xdbjS\xd8\x8a\x92\xb1:\x82\x9eE\x03\xc8\xff]\x93E\xe8\xe70R\xcd\xb8G9=)\x9cl\xe4/$gz\x13\xe7\x84\x02\xbc\x1e\x03W\xc3\xc5\xdd6\x1e\xfelXV\xc9.P\xb6\x00\xd8/\x13n\'y\x1d\r\xa6]\x93\xa1ik\xa5w)\xf4\xc2\xec\xd6\xcc\x10Y\xdcB\xaf\xcdO\x9d\x04H\x8e\xb6\xae\x17\xe3\xa2@Y`\xc5\n\xd2\xa3GJ\xa5\xd79\xf3\x16\x1e?\xc3\x8b\xfbH1\x1e\xe8\xb3\xd2z\x8a\xef\xa5\xd8\x9f\xc3&amp;R\xa7\x91\xef\xaby\xb3\xdb\x0e\x1e(;}\xa0t\x14*G\x12\xc0\x8d\xb4E8\x93-+}z\xf2\x81;\x0e\x80,\x89\xfc3\xb7\xf2\x19\xe6\xddV\xfd\x94\xe8\xe5\xf2x\xa0\x12\xb8\x02\xa3~mI\xb0\x0b\x9e\xde\xe4V\x07\xdb\x8e&gt;Q\x9d\xeb\xc7\xdb\xfcAp\xf7\x025H\xf6\xd4\xcfpf\xf8\x9b\xaadu\xacG\x8b\'"?\xd6\x8b\xd7\x1f\x04\x90\xb02L\xc1\xcb\x9c\xdel\x9c\x98\x9f\x15\xa9j\xcfy\x07aJF\xa2Y\x18;YI\xe9\xbf\x86C^\xcd\x80\x16\x0f\xfd+\xc1\x0c4\xa4\xfb\x8e\x10\xf1\x9f\xd5v\xee\xf1{\xd0^\x89\xb1\rC\x93!z\xcc\xbd0%G\xdd\x8d:\xbf\xabY\xd1\xa30TJ\xd3g\xe9\xbbA\xc4\xe1\x0cZ\xc2\xb3\xaa\xaa\xe3\x9ao&lt;\x88WG\xbd\x1e\xd1Q\x941\x83\xdaTh\xed\xb1\x9cA\x90=\'~\xa7\xe3\xedSa\x0f\xd7\x92a\x9f\xee#\x0c=\x87\xad#6\xb1\x92~\xaa\x85\xb6\xec\xe2U\x1e\x01\x83t\xc9=\x10;Y\xe9\xa5SY\xb1\xa3\x93\xb7\xa8\n_UE&amp;\x88h\xfa\xa9\xeb\xe6\xb3{\x13\\W\xc2\x11\xbd\x98{k[\xd0k\xee\xdf\x86\xec\xbf0\xe1\xfc@\xf1h\x1e\xb0\xf6\xc0\x08\xe2a\xdf/\xc5\xb5\xe7\xb59\xd1\x82\r\x18\xa8\xb6\xd91\x8d\t|\x97\xd8J\xbc\x97\xae\xd6\xfc\xdf\xa3i\xe8\x8f\xf5^\xcc\x81\xbd\x85,\xca\xf3\x9d(~\xf7I\xcd\x1c)\x13\xfeKN\xbe\xce\xd3U\xe5\x84\xf7\xf2*\x0b\xa0\x8d\x10\x8fY\x01\x7f\x82\x87\xc8O\xfe\xba\x9eQ\xd8l\xa9{\xa5\xc7&gt;\xa9\xebW\xf4]\xa7\xd8)\xe9\xe4\xc3/\x1f\x1aRN\x87\xb2r\xc9\x03 X\xb7\xf7\xd9\xe3\xa1\xf3\xd3#\xbe\xa1\xca\xe0\xc1\xaa\xad\x8aVA\x0f\xbe}\x91\xe5\xfe\xbe\x82\xc5\xc5;\xd4Y\x89\xd2V\xf6B\x82\xdb\x939M\xb7[\xf1\x0c\x05\x9c\xc4&gt;N?\xd09`4\xeeJd\x82\xce\x8bel\xe3\xcaux\xe3\xfb\r\r7BN=\x86\xbe&gt;(\xa0\xb9E\xe6^\xcf\xe5u\x16S\x06,\xf3\\\x11\x1f!\x08\xae\xec\xd4\x8eZ_[\xa4\x10\x91\xd5lo5\xcb\xde\x9a[\xa</t>
        </is>
      </c>
      <c r="E240" t="inlineStr">
        <is>
          <t>&lt;class 'numpy.ndarray'&gt;</t>
        </is>
      </c>
    </row>
    <row r="241">
      <c r="A241" s="1" t="n">
        <v>239</v>
      </c>
      <c r="B241" t="inlineStr">
        <is>
          <t>steps_per_sec</t>
        </is>
      </c>
      <c r="C241" t="n">
        <v>3500</v>
      </c>
      <c r="D241" t="inlineStr">
        <is>
          <t>9.927053</t>
        </is>
      </c>
      <c r="E241" t="inlineStr">
        <is>
          <t>&lt;class 'numpy.ndarray'&gt;</t>
        </is>
      </c>
    </row>
    <row r="242">
      <c r="A242" s="1" t="n">
        <v>240</v>
      </c>
      <c r="B242" t="inlineStr">
        <is>
          <t>Loss/object_center</t>
        </is>
      </c>
      <c r="C242" t="n">
        <v>3500</v>
      </c>
      <c r="D242" t="inlineStr">
        <is>
          <t>0.36433768</t>
        </is>
      </c>
      <c r="E242" t="inlineStr">
        <is>
          <t>&lt;class 'numpy.ndarray'&gt;</t>
        </is>
      </c>
    </row>
    <row r="243">
      <c r="A243" s="1" t="n">
        <v>241</v>
      </c>
      <c r="B243" t="inlineStr">
        <is>
          <t>Loss/box/scale</t>
        </is>
      </c>
      <c r="C243" t="n">
        <v>3500</v>
      </c>
      <c r="D243" t="inlineStr">
        <is>
          <t>0.07360471</t>
        </is>
      </c>
      <c r="E243" t="inlineStr">
        <is>
          <t>&lt;class 'numpy.ndarray'&gt;</t>
        </is>
      </c>
    </row>
    <row r="244">
      <c r="A244" s="1" t="n">
        <v>242</v>
      </c>
      <c r="B244" t="inlineStr">
        <is>
          <t>Loss/box/offset</t>
        </is>
      </c>
      <c r="C244" t="n">
        <v>3500</v>
      </c>
      <c r="D244" t="inlineStr">
        <is>
          <t>0.21692125</t>
        </is>
      </c>
      <c r="E244" t="inlineStr">
        <is>
          <t>&lt;class 'numpy.ndarray'&gt;</t>
        </is>
      </c>
    </row>
    <row r="245">
      <c r="A245" s="1" t="n">
        <v>243</v>
      </c>
      <c r="B245" t="inlineStr">
        <is>
          <t>Loss/total_loss</t>
        </is>
      </c>
      <c r="C245" t="n">
        <v>3500</v>
      </c>
      <c r="D245" t="inlineStr">
        <is>
          <t>0.65486366</t>
        </is>
      </c>
      <c r="E245" t="inlineStr">
        <is>
          <t>&lt;class 'numpy.ndarray'&gt;</t>
        </is>
      </c>
    </row>
    <row r="246">
      <c r="A246" s="1" t="n">
        <v>244</v>
      </c>
      <c r="B246" t="inlineStr">
        <is>
          <t>learning_rate</t>
        </is>
      </c>
      <c r="C246" t="n">
        <v>3500</v>
      </c>
      <c r="D246" t="inlineStr">
        <is>
          <t>0.0007750001</t>
        </is>
      </c>
      <c r="E246" t="inlineStr">
        <is>
          <t>&lt;class 'numpy.ndarray'&gt;</t>
        </is>
      </c>
    </row>
    <row r="247">
      <c r="A247" s="1" t="n">
        <v>245</v>
      </c>
      <c r="B247" t="inlineStr">
        <is>
          <t>train_input_images</t>
        </is>
      </c>
      <c r="C247" t="n">
        <v>3500</v>
      </c>
      <c r="D247" t="inlineStr">
        <is>
          <t>[b'512' b'512'
 b'\x89PNG\r\n\x1a\n\x00\x00\x00\rIHDR\x00\x00\x02\x00\x00\x00\x02\x00\x08\x02\x00\x00\x00{\x1aC\xad\x00\x00 \x00IDATx\x9c\xed\x9d{\xec&gt;\xcfU\xd7g\xf5W\x93&amp;\xd0\x18\x92\xa2\x816\xb4D\xa2\x11\x04\xa9\x8d\x8a\xd1\x98xEn\xb6\x1a\x01\x8b1\x95k\x1a\x10\x95\x84\xcb\x1f\x06E@!R\xd1V\x91\x9b\x05\x01\x89\x84\x06\xa2\xa9\x97\x04\x13\x02\x81\x00\x11L\xe5b*"\x18L**\xa4\xda \xa9R=\xfe\xb1\xcf\xb3\xcf&lt;\xbb3\xb3gf\xce\x9993\xfb~\xe5\x97\xef\xef\xf9&lt;\xcf\xee\x993g\xce\x9c\xb9\xee\xacs\x00\x00\x00\x00\x00\x00\x00\x00\x00\x00\x00\x00\x00\x00\x00\x00\x00\x00\x00\x00\x00\x00\x00\x00\x00\x00\x00\x00\x00\x00\x00\x00\x00\x00\x00\x00\x00\x00\x00\x00\x00\x00\x00\x00\x00\x00\x00\x00\x00\x00\x00\x00\x00\x00\x00@\x91\xa5\xb7\x02\x00\x0c\x0c\x99\xacBD\xb4~X\x96v\xda\xd94\x05H\xf3kz+\x00\xc0\xc8\x109\xe7\x88h\x8b\xb99\xb7f\xdfb\x99\x11\xa3\xffdE\x00\x00\xe8\x00QI()k6\xec0\x9c\xeaG\x83\x8f^\x04\xf5L5\x02\x88\x95e\xa2\x8cg*\xfeyr2\x1a\xcbR2\xd9\xb2,K\xcb)\x9a\x8dts\xb5\xfe\xd2\xb1Z\xd0\x87wK\x1a\x8cM\xa2\x01\x98)\xd0\x03P\x03U\xf4{\x98\xb7\xd5\xd4\xb8\xac\x1b\xf9\t\x05\xafDP\xd0\x1d\x01\x18\t\xbb\xcb\xb28\xb7(\xe9B_\xa1"\x16\x00%\x8a\x07\x1dD\x94\x152\x9bU\xff\xe2dF\\\xb7\x007\x02\xed\xf9\x9d.\xfa\x000\ne5$\xabr\xf1;\xe6\xbb\x8bsSa^\x8f\xb00\x15\x89a,\xfdtc]\x00\x98\x906\x11s\r\xde[Z\x05}8\xa2\x7f\xa6\xa3\x1a0L\xd9\xbe\x0bP\x0c\xacm\x19\xd9\xc2iP\xd6~\x94\xa7_\xbd\x8f\x03\xee\xf5\x1a\xce\xd6\x0cC\xbb\x80\xb2\x8a}Y\x9c\xfb!\xcc\xe0\x99\x03U\xb7\x0b=6\x13\xdd\xc8^\xb3=\xdc\xb2\xbc\xe8\xb6\x87j\xa9\xc8\xc8\xa9\x16\xf0L\xeb\x1c;\xf5\x84\r&lt;\xa3\x81\xc2\xaa\xa7\xbb\r\xb3\x92\xcfm\x00N/(\xae\xf2\xdd\xed\x06\x84\xc1&lt;O\x03`_`\x87f\xfbG\xc1\xb5\xc0H\x02t\x81\xb3\xe9~\x9b\x01\xd7\xd5\xc4\xbc\xff\x93s\xf4e\xbd\x95\x00SB\x1f\x97\xb7\xc6\x00\xc0\xd5@\xed\x00\xed@4\x06\xcd\xa0\xef\xed\xad@\xe7\xf4\xcby\xda\xa39u\xb5\x9d8k\x00\\\x9a\x9a\xba}\xf1\xb0\xf0\xb4_Sn\x1e\xd5\xda\xa3[Xnl\x81}\x13[\xd7\x0f\x80~\x08\xd6\x0efKb&gt;`\x80\x11\xc0\n0h\x06\xdd\xff5\xebqf\x15\x03\x17e\x0e\x87\x1c\xba\x8d\xa1\xb7\xabI~:\xe6E+\x15=rU\xb6\xef\x06m\xa7V\xcc\x9b\x03t\x07^21\x1a3\xc8-\x19Qg;\xace\x0e\x0b\x82\x14[h\x80\xa3\x00k\xa0\x01\xd0\xe3v\xf8Oo5@\x7fP\xcd\x80\x146=\t\x1e\x9eE\xa5\xb9`m\x00.\n*\xff\xe8\x047e\xce\xfd\x14\x02x@\xff\xb4\xb7\x06\xcd\xe9\xeb\xd7\xa8W`\x85z\xbbb\x1a8\xaa88Q\x19\x00pc\x8b\xb0]\xdeV\xaf\xcd\xdc\xb9\x9b\x13\xb4\xf8\x96!\xa2\x1f\xee\xad\x03\xa8\xe4\xf6\xe0B\xf91\xcc\xc30\x7f\x0e\x01h\xc9\xcb{+\xd0\x8c\x89\x03\x87\x7f\xd4\x8fZ\x12\xcf\x7f\xaa%\x94\xd4\xe1\xbdh\x00@\x00\xb8\x048\x05\x81\x83\x83\xf1\x08kW3\x008t\xaf]\xa8B \x08y\xff\x96\xdd\x0b\xc0\x844~\xec^=\t\xed\x04\x00`\xec\xf8\xac\xf1\xc3\xee\xbd(S\x18z)\xfc\xac\xb4q\xb86N]\xb9y\xa2\xe0\\\x9d)+\xeb/\xf4V\xc0:\x9cW\xbc\x97\xbb\x06\xb6\x005\x87\xbe\xf9\xba\ro\xe9\x1b\xae\xc5\x15\x19\x0f\xc1\x9d)\x8d\x8f\x1c\xc0\t\x07\xaa0\xcd[\xf3\x8ay`\x85\xd1Kpl\xed\xbb\x12\xac\xbeC\xd8\x13q\xe7\xff\xf6V\xc0\xa1\x01\x00\x97\x02nn\x87\x8b\xc7\x9d\xfa\x9c\xb7|\xf5\x18\x00\x85\xc0\xbd\x00\xd0\xa0}\xcd\xbat\x8b=.}Km\\\x9f\x19Ws\x00\x00\x00U\\|\x8e"\x0b\x91\t\rX\x1b\x18d\x8c\x1dQ4\x8a\xa2\x00\x1c\xf0C\xbf\xd9c\xc8\x9e\xda\'\xb3Z\x020=\xe8(\xceG\xc7\xcd(\xccD7\xe5\xbah\x9a\x9b \x86S\xd7\xc2Bi\xb7\xa9\x18\xa3\xcc\x15\x0c\xa2f-R\xc5\xd1\xd1XC\x94\xd3\x10J\x82K\xd3\xccG\x7fK\x9bd\x00\x0fD\xa6\x06\xa0\x01\x00\xba\xf0\xfd+w\xc8\x0c\x98\xe0\xa1\x9c\x8dS+\x10\xbd\xb4\x8d&amp;\x00\x8c\x81\xb5\xc8aM\x1f\xe3\x90Go]\x06\xc0\xb2\x914\xca\x90lgyb\x869\x0c\xce\xda\xc6\x04k\xfaXf\x170P\xd3w|\xed\xe1\x1b\xcb\xce\xb5,\x8b|\x19\xb6&lt;4\xb7YJ\xd7a\xe8w\x9a\xcf\xd4\'m\x9f\x93\xd3~=\xbd\xe1\xa9\xfb\x8fQ\xc0\x11\x98\xc3=\xbbn\x8d\x83\xc0\xb9\xb2\x90\xe9i\x109\xe7\xa8W\xa7\x98\xa8[\xd2\x80\xb3\x7f&lt;P\'g,0\xbe\x1f\x129\xb7&lt;\xd5="\x9a\xc3&amp;\xc5\x8f\xec\x90\xbb\xc5\x91eYjj\xf44\x96l\x83\xcc\x14\x10\xd3\xdeJ3}(\xee\x8e&lt;\x19?\xd2\xfb\x9a\xbb\x80\xfc&lt;s\xbd{\xd9G\xc9\xc5\xb0\x8dN_\xcf\xe2S\x9c\x8b\xdb\x8d\xcb\xe2B\x0e\xc3\x0f\x1b\tKbhp\xa4\xa9\xd71{\x07x\xeew \x0e\xa1!\\\xff\xd61b\xfa\x1a`\x13\xa9\xf1}e\xbd&amp;2\xbd42(m\x17\x81y\xfd\x88\xfa\xd7Na\x1e\xb0\x1b\x91\xc2[\x96[\xd4_\xe2=4\xfb\xa5f]\xbfj"\x038\x19\xe1\x95b\x10\xfdA\x98c\xe0\xc8\xad\xa8\x7fZJ\x95K"\xb5\xbek&gt;\xfe\x030\x1b3\xb4\xaaX\x04\xee\xcb.\xe8\x07\xcb\xe2\xb8\xecy\x1d\xe8\xbe\xb6\xd9[\x11\x00\xf6\x0c\xf3\x1c\x00\x18\x17"r\x8e\x1c\xbd\xb6S\xd2\xfdi\x1c\xfdM\xe4\xb9-\x17\xcc2\x00\x86H\xcc\xff\xf4\x8a\xc2\xf6\x1f9\xb0\xae\xdf8\xe0\t\x93Kc\xb9\xe0-\xeb67\xf6#\x82A\xf5V\x85\x0c*\xe6\x13\xdb\xe8\xb1~i\xbf\xdc\x810\xc3\x95w\xae\x8f\x0e\xe7\xd3F\x94\x1d\xcdlV\x18\xdajD\xefZ\xd5\x1f:\x17`l\xd2\xceG\x947h\x1dn|kDY\x1bZ\x8c\x87\x88\xd9`{ \x83eO\xfa\xebM\x8e.\x19-\xfew\xc3\x9f\x1c\x98\xc0b]\xca\xfd\xb2O\xd2\\3\xd7\x9d\xb1ir\xbe+\xf4\xad-\x94\xfc\xf3\xcaL\x13\xc5\xe6\xc8EK\n,6\xc4\xca\x87\x06\xfd\xb7\x81N\xbc;\xba\x81?\xed\x8f\x94\xc9\xbc\xfdz\x0e?\x18#\x96O\xf70\x9a\xdet\x1bV\xef\xaa\xcfj\xf4o\x00Lq\xdfE\x90q\xcb\xb2\xfdS\x90\\\xd9m\x82L\xea\xf0D\xe4\x0e\x8f\x07*\xc5%\xddx\xd7;\x98\xfaprJ\xe6\x8f\xecYO\x1b\xed\xad\x050\t\xdd\xffm\xe3"\xddg\xf6\x05S\xbfl\x95\xaa\xb7a\xe2\xfe\xee\x1er\x11`d\xf0DK\x87\xe8\xe8z\xcd\xc2\xcb\xc4\xd5+7k\xbb7\x9f\x9c\xed\x163\xdd\x00\xf8\xbaE\x1f\x03l\xa5\x0c\x00\x8d\x10\x19"lu\xdb\xaf\xe2\x8d\xab\xbb\xf1\xf82\n\xfb\xa5x\xca\xe8\xd4\x9f\xda\x7f\xf4\x02\xb2\xac\xbde\xdd\xda\x805\x80\x12\x16\xb9\xf5\xa2\xb5zo\xb2\x0c\xbe\x18\x04\x8d\xc4)\x87"#\xc7\x0e\xf1\xa7\x05\xde\xcc#H\' \x8ah\xaf\xe4\x81\xd6\xea\x1ah\r\x11}A\xd7\xd4\x83\xe1\xb5\xd8\xd9\x8b\xebI\xe2&gt;D\xff\x1a\x8e\xe5+\xde\x9e\xd2Oq\xd4\x90L\xb1=\x83\xab\x0f\xac\xd2\xbdbH.\xc3RM\x03\x10\xbd\xb1\xb7\x85Fek\xdc\xb5[\xd0`\x83\xb2\xcdR\xfa\x87"\x8c\xd2\x96\x8f\xa1%\x00\xd6\x18\xa5\x867fn\xb3\x18\x99\xa3;\x0et\xa4D\x81\xe1\x99\xe6\xb1L\x00@\x90\xc7\t\x1cj\xcb\t@\x9c&gt;\x8b\xc0Wp\x0e4x\xe0\xa2\x10-X_\x05\xce\xb9w\xb7J\xc8Z\xb0\xdd\x0e\xfb\xec\xad\x88\t&amp;\x18\xffM\x90\x05=\xb6\x83tF4\xd0\x98Z\x8fC\xa3\xe7\x8c\xec\x95bl\x87\x8fx\x12z\xf2\xa5\x18B\xc9Sf\xc8\x83&amp;\x05\xde\xd8\xfd1\xf8Qj\x90\x1e\xdc)\xa0\n#\xb5\xb0\xaf\xbd\xdd\xf3\x0f\x95\xb4\xe7C\x0bj]k\x97\xb7W:\xa7&lt;\x9e\xd1\xa3\xdf\xb7}\xd5S!\xf3,K\xf6C,e\xd5\x96\x13\xb59\xd7\x18\x0c\x1a\x13b\xb6\xd24S\x8c4CGY\xb7\x0b\x1d\x1f&amp;J\xb6\x1a\xd4\xf4\xe4\xfd\xbb\xe3\xd3\x9b*\x92\x82&lt;\x8e?\x05/\xf6\xfeTW\x0f\xa8\xc3)\xc4\xf9" ?;\xbb\xea1\xa8\x19Z6b_xOQD\xda\x88\x06\xdf\x1e) \xe7~\xb4\xb72iv\r\xc0\xee\xe4\xa5\xd8\xc5\xb1\x0b\xc09\xa6l\xc6\\\xac\x9b\xb2\x01\xe0gh\x82\xec\xb7\xcf\x82\x11\x9bu\x19\xc0m\xe9\x190@\n?\xfa\xb3:\x82\xce\xd1\xcb\xad\x94\xec\xa8\xc0tF\xc8\xf2b%\x97o\xb6\x01\xbcK\x1bfa/P\xb3\xf0?b/a3Np\x04\x00\x8e\x08&lt;\x07P\xb9\x922\x9a\x8f\xb5\xa0\xac\xe2e-ji\xad\x80\x119\xa2/\xab\xabx\xa7\xd9\xdf~n\xec&lt;\xcbs\xea\x95\x14\x97r\xdf\x13\x03\x9b\xd9&lt;f\x9fT\xfa\xcb\xe2\x9e#\x12\xd6y\x8d\xf2h\xa2k6\x18\r\xd7E\x01\x12d\x0e\xf4U\x92\xde\xfet\xbd\x86#\x9d|?\x1a\x97+J$xW*\xa1\x824b\xa2\xae\x1dA\xba\x1d\x07\xbd,\xcb\xad\xb9\xe6\xb5\xd1\xe1b\xc2N\xaeK\xe2\x17{\xc7\xfa\xfbH\xba\xb7\x1b\x1a\nbe\xa6\x08\xdd\xf5\xf9\x15V=\x1a$\x1e\xe9\r\x19\x0f\x04P\xed\xee=zp\xe2\xa2\xf3\x11\xd1b\xc4\xa9\xdb2ZN\xf2\xfa&amp;}\x1a\x014I=H\xc3\xa9\x98\x97=\xff\x99J\xf8\x97zO\x91\xc5\xa5\xa9\'\x01\xc2T\xdax\xb7\xaa\xa3\x84\x05W0\x18\xbb\xad\xe9\xe3\xd3q\x0e\xa4\x97Q\xd2\x9b\x1a\x8d\xf0\xadBr\xccf\x10pi\xb6\'\x04\\\x93c\x93\xd9 j\xbcD;\x818s\xc7\xc4]\xf3V\x96W\x83\xbd\xa8\xebBD\xf4\xd1\xbd\x95\x00Sc\xb0\xb6\x9bSh\x04vK\xeb\xb2Q\xdc\xdb6\x86\xe6\xa1\x15\xcc\x071\x80Y\x88~\xb1\xb7\n\xe7\x9c\xef\x19m\xbb%\xbc\xcf\xe6$\x1ddsA\xf4]g\x17&lt;5\x00\xa2I?!(\x19\x08\x83\xe2\xb1\xc3\xed\xe1Oz\xea@\x85\xaf4Sj\xf4;\x0f\xdf\xb4\xad\xf5\xd3\x84\x98\xae\xeb\xdb\xf26\xe4\xc8\xfc\xcd\xb2I\x02P\x89\x85h\x12\x98g\xff\x8e}\xc4\xf7\xbb\xd8\xb2\xfaJe?h\xc9\xde\xa6\x05az\xb9}\xf7\xba\x06\xb8T\x96\xd4(\xe5\xdc?\xfc\x87\xb7TwP\xa3\x92\xe3)\x0e\xd3o*\xb3\x00\xc7\x0e\xc1\x99\x19\xc2+\x95\xec\xd3w\x90\xd8\xe0^x_\x03`d\xb3\xb49\xfb(65\xdf\xbe\x01@{s\t\x8a\x8b\xf9\xb1\x9cH\xf0\x15\x16\x95Vj\x19\x02\xae\\\x9ef\xb3\xdeX1T\xea\xd6\xd4&gt;#&amp;\xa3E\x86\xf0{\x03\xf0\xfe\xf0\x95\x8eh\xd8\x1e\xc59=\x98Q\x02`$\xc23\x03\xef3\xe7\xec\xb0\xdcr\xb7\x88\x98\t!\xa2\xf7C3\x00\xda\xf3\x03\xbd\x15\xb0I:\x8e\xd3\xeb"\x87D\xae7\xbeFQ\xb1J\xca"\xcc\x94\xad\x9a\x06\x1f\xd2[\x81\xab\xa3\xea\xa5e\xb2\x0b\xefB\x95\xebM\xda\xfe\x83\x96N\xf4i\x89\xb3\xbb\x827\xfe~\t\x95")\xaa\x89\xd6$\xab\xda\x0e\x9a\xc7\xeb\x92U\xe7\xeb\x03\x04\xdc\xc32(\x1dWq*\xce(\xe4fo;a\xec\x7f\xc7\x05n2\x83\x9b\x8b\xf2\xf4\x9b\x9a\x17z+\xb0\xa7\xf1k\xad\xfc\xfb\x89\x08\xef\x170\x85Ra\xf8!\xa0\xb2\xc4\x1f\xa2\xd4\\g\x15&lt;\xb7s\xc6r\xb7\x9aw\xf7\xd3\xed\xbdl\xeb\xa3\x87I\x9b \xd2\x9f\xd2\xed\x850\xa0\x8c\xc9|\xba{v\xb6-\xe8\x05\x1d\xc3\xa7[\x94;\x96\x13G\x7f\xe6;.w\x06^\x96\xa8M\x1e\x02\xd1\xd9\x0731\xdf\xe3\x91\xbd\x9e\xf8\xbfo\xe7\xbd\xf1\x8a\xea\xa7Cf*\x94\\\xdad\x9e\xbc\x7f\x01\x90\x04u\xb8\x17\xbdl.~`\x91Y\xe7\xf9P\xe7\xe8\xcb\x05\xe4\x18\xc9c\x7f\r\x80 F\xbc\xcae\xb6\x01\x9c\x8b\x8c\xe4\xeb\x88Q\xb5\xa6\xc3\x8eo\x8b0S^6n\xb3\x7f\xbd\xd5\xe8\x08\xd6\x00n,\xb77\xd4\xb3fZc\x17\x8dQ\xe3\x1b\x9f\xaf\xd22\xb1L\x86(.;Li\xacEm\xaf\x01\x98\x01N\x8c\xf0\xe6\x94\xf5\x15\xaa\x06Qo\xc5`\x0f\xbd\xcd\xe1keh\x9b\xcbl\xc6A\x8a\xe9w\xe2K\xf9\xe5p\xee=\x9a\xbe% \xe8\xd8\xa1\xa0$\x1e\x1d/\x14e/J6\xcf\xed\xfe\xfc\n)]\xec:\xc1\xae\xf7\x845\xe7\\`+\x90\x06\x1e\xd2\x07m\xbb\x93s?\xc1\xd0\xa1x+\xf7i\xea\xc7o\nbw\xb0\x01\xa8\xd6\xeeB\xc0\\\x00\\\x11N\xac&lt;\x86W]\x95\x12\x87\xbd N\x010\x08\xa8\xab\xea\\\xcd\xc4\xbb\xc6\n\xedA_b\xd67U*\t\'\x81\xff\xf8\x1c\'N\xc9\xa3D\xa0\x9cn`TT^-\xa2?\xc33Dd\xb0\xb9\xd4\xd1K%\x83\xa6\xc8E\xdf\xab\xb3v\xdc=\x11\xbe\xd89\xa2w\x08kyM\xc6\xf6\xdc;\xcd*\xe1\xc9\xc1\xbf\xa3&lt;1P\x8d\xf1\xed\x19\x82\xba\x11\xbd&gt;\xed]\xd6\x1a\x80\xcau\xac.\xec\x8eB\xb1\xa0\x12\x18\x8c\x9d\xc7\x9c\xbaO\xb0\x83!\xe2t\xf0\xdd\x8e\x88\xdb\xde\xe6pG\x90i3vm\xae\xf5$0\x11\xed\x9e\xfb+{\x08P\xe4\xd1A\xde\t\x88h\'\xe4\xb9O!\x88\n\xd59\xad\xd3N\xd9\x8f\xf8\xb8,\xea\xce)Wi\x00\xfc\x81c\xd6\x8d\xcb\xe1\xb0\xda\xb9\xbdJ/sv\xecv+N\xd1\x90\xb6\xdc\xe5\xca\x0e\x03ng\xdf\x8b\xc9\xcb\xc0\xf8\xf4\x1d\x00y\xc8\xcc\xdb4\x9fy\x9c\xa6\x12\x0e}\xea\x16\x7f}\xb2\xde=\xd2\xab\x9a\xa3s\xb2&lt;\xe6\xad\xf1V\xa5\xf2l\xc3i*\xd1\x151Ux\xd3O\xf5\n\x02\x1b\x15\x13\xf3\xaf6~\xa7\xea\xde\x9c\xa5r\xf1Z\x06W\x9c\x01\xfa\xf0\xde\x1a8\xe7\xf2G\x00\x97m-.\x9b\xf1\xd1\xa9/\xb6\xf4\xf4\x11k\x8f\x1c\x9c\x07\xec\x80G\x8c\x05\xea\xb08\xa3\x984\xdd\x81\xd7\xce\xc5\x186\x02\x1di_\x91\x8e\t\xc2M\xc1\x059\x0e\x0e\x1aTF\xd4\xb5Z&amp;\x1b\x94\xf5h\x00\x1e\xf3\x9ax:Q\x1b\xf2\xfe\xb5I\x81n\x93\xd5A0\x18p\xbd2\xeeA\xbf\xf3\xea\xf1\xe9\x9c\xec\x04\xe5;\xfd\xf4\xf1\xc4Y\x03]\xc8x\x0e`\xc4\'A\xac@\xef]\xff\xcf|\xe5\xa4|\xfa\xce%\npYg\xa8\x88\x88\xbe]Y\x07]\xe6sQ\xfb\x11\x1f\xcf*\x82=}\xdda\xed\x02\x9a\xf2I\xa2\x9f\x9d\xbacz\x0e\x9e*\x9a\x15\x94\xec\xb5\xe0\x0c\xb1e\xdd\x81\xef^\xdb#$s\xcf\x03\x0cJ\xb3"\xe1\xf7I\x0b\xfc\x84s5&lt;\xaf/\xa8\xfe\x8a\xb4o\x00\xca0\xe5\x01s\xb7I\xb2\xf9\xaa\x94\x95u\xfb\xac%\x02P\xaeZ\x14[\x96\xdb)\x13J\xd4Z\xdd\x9e7\xfeK\x9a\xfa\xdf\xa1\xeaz\x04\r{\xefK|V{}\x04\x99\xbbK43#\x96X\xaf)\xa9\x8e\x14\xebHD\xf4U\xa2\xaa\xe8S\x1fM\x06\x9a\xc8\x9e#tv\xcc\xc2\xe8\xa6\xbb\n\xc5\x1b\xa5\xe9k\xe5\x95\xf1\xe5kI\x97\xa3XO\xf1\xe0\xd2\xc0\\\xe4Q%GJ!}\x8c;\xa1\xa0\x07\x8dQ\xdf@\x16z%\x1a\x0c\x04\xe2\xc9\xcd\xed\x91\xe2\xbb\xfa\xf4\xaa\xb0\xfft\x85H\x1a\xb7\x17N\xb1S\xefELG#\x1d\x14\xa2O\xea\xad\x02\xe8J\xda\x0b\xb9\x15,\xdf\x95\x1f\xe1\xe0o\xf0\xae\xcfM\xa0\x14\xf19\xa8\xfe\xb5&lt;I\x9b@\xe4\xf7\xfd\x85\x1a\x80\x0cy\x06\x8b\xc0H\x03\x00\xae\x0b}]\xcf\xf1iV4\x18\xb7\xb6XV[:&amp;\xb3\x12\x12I\x8b\x0e\xd4\xcb\xd4\xc3\xb8z\xc3a\xbf\xc4\x87\xc1@\x03\xf0\xf2&gt;\xa9wI5\x04k\xaf\xba\xf7\xcc\x84d\xd2M*\x92x\xb0&gt;\n4\x1e\x0eXc\x14\xe3y\xb8cAI\xfb%\xae\xc4\x0b57\x13\xd1\xf1l\x83n\xa7\x1d\x84\x94\x11\x14\xee\xce\xb2\xd6,\xdb\xa79ej\xa2\xe1\xef\xbdJ\xbf\x00U\x87\xd1\x86\xa3y\xd7sGXN\xb8\xf6A\x9c\xd3z\xa3r\x06\xe3\xbaB\x1d-\xde\t\xcclY\xb7&gt;iY*3\x95`\xda\x04\xc7\x9c\x96\x18mYn\x05\xf3\xb2\xc1\xec&amp;\xd8QKw\xf6\x8b]\xf1\x9a}\xc9\x8d\x85\xdf\x19\xa2\x8f*NE\xd8\xc4W-1C\x95\x7f\xed\x91\x15\xf4\xcbH?\x1b[\x95n\xd3\xccp\x06\x1c5\xd7\x8b\xd0\xd8&amp;\xc7tw,\xf7w\xb2o\xfa\xa4\x1d\x83\x13\xa6\xe7\xe8U\xb4w\x0f"\xe2$H\xb4\xf6CRU&gt;\xf8+\xdd\xc7\r3\x14OWZ\x8c\x00\xf8\x945\xc3\xf39\xc1\xb2,\x05\xbe\xad\xd1\xef\\e\x06\x05/\xcb\xd2e\xe4\x1e\xb3\xcc1\xcc\r\xe7\x18\xe96\xa9``\xe1\x8fnZ\x8eK8\xfeKD\xbb\x12"\x8a\x1c\x04\x10\x19\xa5\rW\xbe\x06\xb1\xd5\x008\xab\xd3\xb2\x8fN\xa5\xc9\xd1\xfd\xb2,\xee\xd5\x19\x96#\xfa\xef\'\x17&lt;$;\x17\xafi\xd6\x8aJo\t\xb7e\xb9GSZ\x96\\5\xfc8\xdc~\xa0\xb6\xf2\xcb\x91\x0b6\xdd\xb6\xa1\x9bs\x81S|\x8fU\xaf\xcbxwV\x0c\x19Qv&amp;g]O`z\t3\xe9\xff\xe0\xdco\x9a\xc2\xf9r\xe7\xd9\xac\xad\x97\x8a\xcc\xded\t!\xa2\x06\xa5n\xcd\xcee\xd0\xed\r\x13%5%f\x01_\xda}\xae\xb8\xff\xca\xf1\x04\x182\xa1\xf8T&gt;\xbf\xd2f9SY-m\x13A\xae\xc0c\xebH\x12\x8e\xb1O\xdb\x00\x94X\x015\r@X\xe0\xb3(\xe6\xe2\xd3\x1c\xad\xa96\x9d\xa7\x80\xfc\xfa\'^V\xfcy\xf4,?9u\xbb\xa2\xdf:\xf0\xd3w\xfb\x1b\xd3\xeb\x0c9m\x97;R\x02\x81\xbbWd\xd9%\xa2\xa72\xe2\x89\xbd\r\x17B\xee}\xd9]\xffG\xba\xed\xd9\x7fh0`\xf5K\xcc/\x9dni8f\xd8\xff\xb2\xd7~\x9e\xac\x1dG}\x8b\x8c\xe8\xff8\xf7\xa2\xf45\x85C4\t9\x96Y7\xe7\xb8%P\xed{\xed\xe9* W\xd5\xa3\xc7&gt;\r"\x97\xc5]x6Il\x04p\xa9\xf6t\x89;\xdf\xa9S\x1e\x7f~\xea\x82n\xe3\xdcOR\xd9\xd5\x13V)\xc7\xfd\xbb\x07\x88e\xf9ug\x17\xccY\x9b\xbfQF\xcc\xc9C&amp;\xf3u\x8d\x83\xfe\xb0x\xa3\xbfI\xfd\xa5!e.s\xb5a\x18s\x83\xca\xd5\xccR\x00%\xc9\x96\x16\x91)\xaevJ\x87S\xaf\x10\x9a\xb8 \xa2\x8f\x08\xa5\xdb+\xe3elzr\x94=\xbdd\x80\x0c\xab!3\x028mAc\x1b\xc9\x1b4\xbd\x8d\xdd\x9a"N\xe9}7O\x7f\xe3\x95\xce9c-V\x81O-\xf7;w\x82D\xf4\xe1\xea\xc0\x198\n\xcd\xaa\xbf\xfd\xa9\xb8\xc6\xf6\xc6\xa3=\x8e\xae\x98\xcea\x83\xc7H-\xd3j\x11\xb8c\x8cx\xe7\xe3\xb9\xd0\x06\xc4F\x94\xdev\xec3\t=\xa60\x82ke\xa7\xfc\xdc\xfd\xc3\x0cU\xc8P+\x16f[%\x12\xacLGW\x1bb\x02-\xb1t\xcf\xd4\x9e\x88\xe8\'3\xae\x9f\x95Kd\xbf\xcb\xcaj@\rw\xdbpj\xd3\xe8\xddWw\xb3\x88\x05\xc1\xb2,\x84f\x13\x14\x8d\x91\xf5\x90\xca\xd3\x8dj\x9e|[\x1fv#\xf9\x00\xa8\xa7\xea4P\x90\x07\x91s\xee\xad\xbd\xb5\x881V\xcd_\x96\x85;\x07\xcca/\xe7\x1d\x8a\xd1\xdf\x9bv/\x99\xb0\xd2\xd1l{,WC8\xb8\x10\x7f\xb6mrJsKi\xa9T4\xa14\xca\n\x9b\x14D\x1f\xa8\x9d\xdb\xe0\x12p\xae\x91\x1b/\xff\x8e\xb5\xdc\xaa\xc7g;\xe7\x9c{\x1b\xef\xe2bs]\xdc\xc8\xb6\xd0(\x8c\xf62\x8b+\xaeH\xb5\x1f\xc8\xa1\xdb\x879\xf2\xc3\xebkx\xb7\xb4\x8d\xfe\xae\x87Y,\xc3\xb4\x02\xcc\xa5\x84\xc6dbt\x9ds\x8e\x05\xf7\xcd\x17\x0b\xce9q\xce9\xf7\xe2ey\x8f\xb4R\xb6\xa0\xfb\xc9\xde\xae\xc3)\xc4\x0f2\x9e\xd9^\x96e\x16\xff\xcc\xa5o\xae\x8d\xac\xcf]\x16a\xbb\x17\xafn\x8dBV\x88\tKx6\xfaXK\xaf\xc6\xd9\xf7\x13\xd7\xb0\xee=\xf3){FM \xf5\xd1\xca\xb2{\xfc\xbdf\xa3k\x07\xe1m\xa0\x89Gd\'\xe1)w%9\xddE\xffJu\xc0\x13\xbb\x13cv3-\r&amp;^\x86+\xd0\x8a\xda\xfa\xf5"\xe9K\x08\x01\xa0)\xc7i\xdc\x8e\xa1\xbczQ\x81\xbb\xaa1\\ps\xf7)\xe6o\xd9\x8a\xccR.\xfa6\xffeO~\x1co\xf7\xff\xe5\xdf\x0b\xe6g\xeeb\xdey|\xc7\xba\xeck\xf2\'\nn\xe7\xd5^2\xf6\xc4\xaf,\xb3\xe6+\x06y-b\xf4\x9a\xe4b\xf5\xf6\xf6\xaeS\xc7 \xfa\xe0c\xea\xe0\xba\x18)\xfei\x83\xd9U!\xa2w\x95\xf6jy\x03\xa0X(l\xdd2\xbeLB\xc8\xa9\xd2t\xda\x06x\xff\x01\x00&amp;!V\xed9\x91n\xbd\xa4\xd7PA5\x16w\xdf\xbb\xe9\xcdbE\x9b"\xc7n\x02\xe9_d\xa4\x18\xfe\xd5\x1b\x07\x98\xa2{I\x81\xd6\xdc\\\xbf\xb7\x1a\xa7\x98\xad3\x1bTW\x7f\xc8CV1\xbe\x02Z\x92\xf5\x9e:\xb4\x1a\xb3\xea\xb5j\x93\xa9\xfd|\xec\xf3\xf8\xde\xa0a\xed`\xec\xa5\xf0\xa5\xac[\x8f\xec\xef(X\x8f\x8a{\xda\x08\xd4M\x970K\xf2\xa4\xad\x1c1}\xd0\xdb\x84\xa6\x98%\xcd\x08\xf5\x81\xe7\x89Ggx\x12\xdf3\xa3\xaa`q\xa4\xd3\xfb&lt;?\xd1\x90\x0e&amp;[XPD\xd9\xecDc\x88&gt;\xc9\x9aJ\r\xd8\n\xc2^\x81dP\xecN\x15#\'\xb7\x9b\xde!\xca\xd8\xa0\x15S\xe0\xf4\xe6XN\x13\xe3\xb8.\xe5j\xb0\x82_\x91\x9b\x8f\xf6V\x03\x80\x18\x9d\xa7\xe9\x15D\xd1\xa7\xe5\xdc\xf5\xbc5\x99\xb7f\x13_\xdc\xce\xbcE\x84\xe0T\xdb.Q\xaf\x99D4\xea\x01w\xa1\xe9\x13\xb4\x15\x01\xd94\xae1-\x93\x13\x8fM#\xc6\x97\xcf\xf0fi8\xfa\xe7\xe6Q\xbb+\x1e[k\xf1\xb3\xb3}\x1a\xb1\x80\xe6\x07e\xb2\xa2d\x87\x84\xcf\x13}\x96\xb5*\xd1l\x19P\xa3gJ\xbd7\x17P\xfe\xe1\xba\xf4\'\x1d\xd1/\xf0u\xce5\x9b-\xf7\x02\x00\xf8\xccT?\xf9\x91I\xb6\x01\xd8I\xe9\xd8\xa6n\x0b*|M\x8a\xad\xd0=\x9bs\xa7xu\x9a-\xe3\x0cQ\xb0A%?\xa0\xb5\x16\x8d\xa8Y\x1am\xc3\xae\xfd\x88}\x0e\xdf\x9b\x14[\xaf\x98\xac@~Z\x00H\xa24H\x1f\x14\xba\xff+\xfbX@/\x0b\xa7\x93L-3\xc6\xb5\xb5\xe3(\xbd\xf6\xbd\xec\x92\xd6~\\\x80\xee\xff\xe5\xdd\x95\xa9\xd3\xe9\x95\x08\x11`T\xca\xa2\xb9\x94\xbf\xdfv\r\xda\xab?D\xbf\xbe\xb7\n\xd9t7\xe2Z\x92\xc7\x11@\xcb1\x01\x93O\xc91\xd7\xe9p\xaa\x81\x0f[0\x1a0J\x8dk\xd0w\x88\xa91(\xb1\x8d\x83]\xd2\x05\xda&lt;&amp;\xca\xfa\xea\x01@G\xb6\xd1zjB\xa3U\xa7\xa3\xecA\x8dO\x14\xd20\xb2\x81\xef-\x05r2W&gt;sS\xb8\x1c\xcc\xf2\xb58\x84T\x003\xd2\x92\\\xca\x8e\xc7-"\x9c\x06\xe0D\xa6\x9c\x01\xdb\xfb\xf5\xd3&lt;u\xe8\x11\x9e2\x99\xcc\x1d/\x05\xc2\x07\xe5\xb4E\x1c\xc5\x16D\x7f\xbe{\xc1!\xfaWqY\xe3\x1d\xb3\xed;Rx\x02\xe4\xf9b\r\xad\xf6)\n\xc5\\~\x9fq\xf79q\xdbw\xa7\xb7\xcd\xc4\x95\x89%M\xaf\xe4\xe8h\x88\xe2\xd0\xb3\xd96v\xb3HPk0\xff^\x90\xc4U\xe3\x8dUP\x1e\x1b\xe9]\x80Cw4\xca\x1a\x80\x93U\xbe\x88M\xda\x98\x89\x0e\x1f\x82\x7f\xea\xea\xa0\xe6\x12"rmz\xac9\x85f\xa1\xf3i\xa0\x13,\x0f\xda?\x82\xb4\x98\xd8Q\x8e~\x84\xa0\xfb7\xbb\x0b\x9e\xfe\xdc\xc9\xfc]\xc1\xd3FU\x8e\xf1\xdc\x8dH\x96\xc3\x87\xe0\x9f\xda\x14\x9c\x91\xc9q\xe3\xfaC\\79\x12bN\xce\x13\xcdb\xe2Zvi\xda\xf7\x91\x89\xe8\x0fE\x7fRI\x8e\x9a\xcd\xfc4HcM(\x1e\xdf\xad\xc1\\\x12\xf7\x9d\xb0}v\xca\xd6\xed\x95\x10\x18C\x08ha\xc8 \xc0\xb9\x8a\xf2H\xc7\xf7m\xf9\xb4T|\t\xedG\xb8\xb2)\x9eJ\x13I\xce\xe0&lt;@\r)\'\xf4\xbc\xf4\xa5\rUz(\x10\xaf#\x1d|\xb5qz\x11\xa4\xab\x8c\xa0\xb0KR\xb3r\xa5\xea\xc4]\xfakU\xb7\x07\xa7\xbfs\x8ct\xde\x00\x14\xa8\x15Je\xc4ZS0\xa6l&lt;\x0cM\xec\x14\xa8\xf7\x8dz\xc6,\xf6\x00\xe4\xb1\xfb\xbe\x97J\x06\xd1_\x03\x10x\xbdTR\xbc\x9e\xe8\xba\x14c\x15wg\r\x7f:\x9d\xe9\x9a\xa7\xf6\x94\x9a\x08\xde\xc9\x91\xaa9\xf53\x1e\x89\xa0X\xe0l\xb7[4\xbd\xf4)9\xe7\xdc\xc1\x98\xb7\xb4\xdf\x7f\xaf\xc3=;\xed\xc6\x07\xf5\xb5u-\x9c\\\xdd\xf4Z:\xd5\xf8\x03\xf6(\x95c\xb3\x99t\x11(n\x87\xc4`_,\xc2\x8a\x16\x81\xdf@\tH\x93\xe8\xd3\xb6\xee\x15K\xb0\xd3\x98\xaf\x7f\xc2b6\x8dP\\\xc4#\x16+P\xc7\xb2Gp\xb6\xb4\xef\xbf?\xcb\x8fHp\x144Z\xcd\xf2\xcf\xf1\x9b\x1a\xcdr\x9f\x120E\x8d\xce\xe1\xe8o\xb5\x018%a\x8a\xbe9\x1a\xd2\x9au\xbc\xd0[\x81s\x86\x1b\xbf=\x9c84\xf6&lt;\x1d\x8f\x8a\x8cX+E\x10\xd1cj\xa4\\\x89\xc7\xad\xebZ\xbfk7\xd1b\x8e\x9ab\r\xde\xbb\x0c\x1c\xb0R\xc6 "\xbdI\x9b\xd5\x0fc\xf2/\xe8\x9b\xf2k\x00\xa6\xf6\xb4i\xb3$\xfa,gN\xac2QV!\xf3po\xadz\xcb\xe1se\xc5~\x12\xa8\x13#\xc6\xeaS[\x98\xdd.\x9a\xd7\x8a^\xb6(/\x19b?\xd0\x0e\xf9\x06`\x99\xae!M\xfbL\xd4_\x93\xb7}h\x85&gt;)\x8a*\x0f}\xd4aM2Y\x0f\xcbf3\x04+\xb6j\xf4\xa7\xb3\xd3,j\x84\xeb]\xbf\xdd\x15+\x1c\xf2N\x0b\x17\xcc]AI\xac\xc5\xb7i\xd9\xb2\xd1\xb5\xd0d\x82\x14Y+H\x92\x0b\xa7\xbeG\x1eR\xc9\x90C\x94X\x01\xf6\xd3\xd2\xf3z\xed\x1a5V7\xf9HlA\x95\xb2\x9co\xbb\xf1\xb9\xe5\xe8Kpa\x80(/s\x162"K\xe9\xb24\xc8\x87\xbc\x7fKn\xef\xd4\x00\x14\xb3\xd3\x81\xd3\x00\xb8\xc4^\xa0\xc3O\xe2\x19L\x84?\xce\x95\xc3\xc1)\x0eW\xbd@\xcdQ\xa3;\x16\xeaK/\x1e\xa3\x9f\x0b\x1bA\x0c\xa2\xd7GC\xd8s4\xcc\x97\\[&lt;\xfa\xfd\xdf_\xdc%\x17\x0c\xd9\xd1]@\xde5\x11\xf9\xba\r\x00\x93i\xea\t\xb3\x018\x112\x85)\xae\xcc\xb8\x9b\xa6,\xa2\x14\x1d\x8a\x86\xe0a!R*UB\xafrDo}\xfa\x86d\xb2\xa9\xcdNE:\x94\xce\x9b\xf2e~\x98\x94r\x99\x08V~\xd3e\xa6L\xd6\xb8\xfc\xdb\x15$\x03+Xn\x00\xc2\x92\xfb\x89\n^o\xbf\x01\xd8A\x1e\xceo\x0f\xb2\x84\xe4$\x97\xf8S\x9b\xe0\x18\xce\xcbx\xb9\xccq\xa1\x83\x0f\x04\xaf\x01cQ\xb8\x0bHi1}\x15+"|\x9b\xef\xbbI\xae\x97x\x87/\xea\xd6\xf1\x8c\xcf\xad\xa7\'\x82\xdaT\xa7\xd30\xbe\xbb\xe0VF\x8f\x9f\x055y|\xde\xf9\x80\xa0K\x9c^\xf0\xb8\x8c\x88\x0eSv\xcf\x99\xcfT`\xe8f\x80\xa1\xf9v\xca\xc5\xb0\x99\xbc\x1c\xe5\xdb@U\xdb\x00\x9b\xd2D\xf0\xebFB\xbdeY\x12UN\xb0\x8a%v|\x92w\xa2\xcbr\xe7p#\x11\xd1\xa73\xd3\xf2$\x874a+\x9d\x83\x9f\x05\xc6\xc5O\x7fn{\x9a\x9f2^\xaa\xc9\xd2\xdc!\xf9~r\xba4\x15\xbc&gt;\x8c\xc1Z\x07@{b\xe3e\xc1\x99.\xbd\xceV\xd6$Onvl\xce\x80\xed\xa7\xb9x[\xe6\xff%\x7fr\x9c\xa9\x06\xef\xb2\xc7\xf5\xd1\xed\x18\x99\x82\xd8{\x13l\x16\x1f\xb8(]|\xb12I)\x8de\xf3\xee\xcfM\xe5\xb6R\xeb\xc5\x7fWP\x9b\nb\xedn\xe2W\xff\xa7z\xabF\x14x]P2}B\xe1\xba\xc2\x99\x0e\xdeg{\x13\xf4\x94\x7fb(\x00V\xe0\xf6\xe6\xc6y&amp;\xcb\xef\xf9\xe6G\xff\x0e[\x9b\x12)\xd6(\xd3\xb7{K\xe4\x88^\xd5+\xf5\xc6\xa0\x01\x00C\xc2\\\xcd\xd3X\xf4#\xfa\xaa\xe7?EG\x00w\x99\xcc \x18\x1c14\xab\xd5\x89\x14\xb7\xef?\xa2P\xac\x88\x82\xec\x14w\xa9K\x89\xed\xda\x92q0\xad\x1c\x001\xda\xf7v\xf58\x8e\xc4\xb3\x1a\x80\xe3\xa0\xa1\xa5Y\xbe9\x1eD\x86. \x11\xbd\xf9\x16h\x9c\x9cA\xc6\xde\xa0\xd5\x8c\xa6\x03|\xce5\xfd|\xaeW\xd2\x1a\xe9V6\x00\xfe\xfc\x8fR\x1b\x10\xe8\xe3\xff\xa0l\nVXmWo\xbe,!\xe2E\x96%\xed\x13\x05\x13\x06\xaal\xa5j\xa1\xb5\xec\xde\rO\']\xafXP\x80^\x96)\xff\t\xafc\xdc\xf7\x0bEW\xcf\xdb\xbf\x1a)\xf4\x84\x88~TN\xd4\xf6\xa1q5\xc9\x1ayX\x08&amp; \x0f\xe1\xfe\x82\x01\x1dR\t\x15\xdc"\xb4\x8d\x84\xe8\'\x82\xdfW\n\x8f\xa4\x15^\x01N\xa4H\xb16@V\xbf3\x9dA\x90\x9e}#AQ(b\xb0\xf2\xd7:\xa5\xcb\x8c3\xe2\x83\xe8X\x80\x0b&amp;\xb3\xbb\xf06-\xc3P\xef\xd8m\xdf\x85rN\x9cm\x1e\xff\x1f\xe9\x9e^P\xa3\x0fb\xcf\xd1xL\x7fx\xfaSV\'Q.\xde\xbe\x98{d\x8f"/l[]\xea\xf4\x19\xc3\xd8\xed\r\xf0\x93&amp;\xa2\xca\xe7!\xd7`\\#\x83\x88\xf5l\xed6\x93\xb2{M\xc7\x91\xb42\xfe\x8d\xe9\x97\xc9\x9c\x8a2\xc2\xda \x0e\xa1\xaa*\xc7:\xd5\xb1\x96\x893S^\n\x90\x7f#X\x0cvO\xec\xfb\xc2_3\xde\x15\xd7\xb9-\xff\x07\xa2\x87XdF\xc9c\xde\x99w/\xf7C\x1d*{\xeefK\xa7,_\xeb\xe0\xe7\xca\xa1a\xe3h\x84\x96f\xe1\x17\xdf\xb5\xbb\xf2\x97\xe4X\xe4\xbdf\x0cu\xb6\xfc\xbf_\x96\x02\xd5\xc9=\xcd\xf9\x14\xcc\xe9\xa4\xaf\xcd\xb2\x8f\x941\x8b\x1f7\xb5\xbc\xc0`A\xad6\xb6\xe1W+\xbb\xa5\x05\xa40[\xc4\x95\x93\xdfJ\xf9*\x8b}\xb1u\xddz}^Qq\xefi\xfa\xd1\xa7\x01*\xb6\x18\xd8\xf4\xb7\xc6;\xd6\x8f\xb3\xf9;\xaf\xd0SeW\x006\x8bct\xdaM\x01U\x12\xad\xe1v*\xaaw~\'_+R\xd81\xb9u\xe5s\x87\xeaR\x15:(\xe3?U\x08&lt;\xcdG\xec\xf7\xa5n\x99\x8b\x88\xe8\xc7\xcf\xaf\xa9H!\x9b.G\x8a&gt;"\xfe\xae=x\xad\xe2*\xa2?\xe7K_4\xc6\xba\xd1p\x8cdS\xb2\xaa\xee-\x04,K\xc1\xb2\xed\x16&gt;\x04\xfd{\xb7\xd0\xca\\\r\xbe]\xec\xc2\xed\xc0\xc9\n\xb0\x7f\xd4\xb3{Z\xbe6[ji\x98k\xda\xa3\xc3)\x9d`\x0b7\xb1M.\xc50#\x00\xd7;\x8e\x9cv\xf4\xdaw\xcd\xd2x\ngtQ\x17\xe7\x96%s\xfd\x99h\xb7G\xc49G\xf4\xbaM\xe0\xc8\x9co=h\x86\xc6`\xd7J\xde\xf4I\x9b\xce\xcc4Bk\xae\xe3\x00}8\xedai\x8c\x00\x8eI\xc4_\xf9\x92\x1a\xb2\x1c\xe7x\xb7\xcdB\xfe\xae\xa1\xe8\xb6];\xb13D:\xef\xce\x1b\xd8Y\xce\x856\xe1\xc0x\xb7\xc9n\xaci\x93!\x94\xec\xc5H#\x00\xcb\xc4:\x10\x0c\xa7\xfb\xcf\xdc\x0b\xd9\x89\xeeuH\xbfw,uc4\xc5\xd3v\xcbP\xcf\xf9\x99\xec\x16\xd7\xce"Ssb\xd9\xf6_\x0b\xc7\x11\xd2w\xa1.\xf1\xce;\xd0\x8e\x89\xeb\x10\xc7\xc5\x13\x17\xac?\xfd\xb9\x82t\xdb\xee\x06\xd9\xd6\xabsw\x06\x8d\x15@w;O\xc6R^\x1c\nR$DJ\x1f\xa7\xb0\x15\xea\xe2\xa5\x0cj\xa9t\xf1\xc2\x8a%\xc1\xff\xca\xbc\xbe@KzY\xee\x1d\xe5\xfc\xcd\xba\xdbKC\xdc\xb4\x84\x1b\x80L\xfb\x08\x1a\xd5\xef\x85\xb0\xaegt=Q\xe2\x19\x0cg)\xe3\xea\xf2\xedIoVU\xc49K5\xc1\x88\x1a\xf3Q\xd6y\xafl\x04\xc4\x9bUqiR\xa2\xa6e\xb3\x91\xd8P\xce|hnCF_\x86\xbe\xb3&amp;\x15\xa6&amp;-+\xc3\x96\xd4o\xf7th\x96\xfa\xac\x88\xcf\x8d\x144\x01\xbb\x9f\x8a\x87\x0e\xc0\x1c(CY\xa4*\xc6p\xc5\xe2/\x9c\xect\x7f{\x17\x85*h\xfctnT\rz\xa9l\x9cMG\xffX*\xbb_\xf9\xcd\x06h\x0f\x16\xc7;\xb3\xd5\x87w/\xcbK.S\x1e[\xae\xbbo\xcfH\xef\xd3%\xde\x93}dc\xa3\xa1\xf8\xf1\xa5\xa7\xc1:qp\xefv\xc9q\'\xb1\x80f\xa5\x0c\xfaX\xa2\x1ey\xdb@\xdb7\xe0\x7f\xb0eb=\xd8\xf6\xa8\xbd\xe4\x92=\xa3\xb4;1\x9d\xad\xca\'\xcf\xee\xe5\x08o\x16\xd4\xfcn\xb5s\xee\xb7\xee\xd5h\x19^\x99{+\xf7\xd6k\xe9\xe6\xc7x\xb5\\z[o\x80\xfcs\x0b\xba\xf7s.\xc0d\xfd\x94\xf5,\n\xda\xbd/\xc19\xc7\x0b\x9d\xe9n\xf8\xee\xe4\x89\xe9\xa1{\xa7\xba~\xe0r\x9eV&lt;R\x9e\xbe\xf2!\x81vama\n\xf1\xea\x94\xbc\x11@\xfd\x03\x15"\x8d\xef\xfc-\xf8\\\x19&lt;:\xcd\xeaG\xfc\xd9\x95T$R\x08(\xfe\x19\x1a\xd6\xa6\xad\x17\xef_m\xfeR\xba\xdd-\xa2e@\xc6\x03`\xe6hP\x93LU\xd7\x18\xe9\xf5\xb0\x06Y\xb0l\xa4]\xf6\x1b\xabj\xe7A\xb0\xe2\xb5eA\x8d\x03+\xbf\xef\xca\xbf%\xb9\x04,\xfbX\x19\xbd\xfei\xa2\x8c;\x8b\x98\xa9\xc34\x14\x1c]ykU\xb3\xce\x98l\x89\x91\x15\xb94\xbe_\x1eU\x1d"\x0bL\x98S4\xfe\xa4Pn\xf6\xd7;e\x8dE\xf7y\xab\xdc\xf7\xb2\x15\xab\x11\xcc\xb5\xd4dN\r\x81\x18\x1a\xd7)w\xfeg\xb2\xd9\xce\xe1(8\x0bhkT\x03%m\xbc!\xb5388\x99\x03\xd19\xbd\xa4\xa07\xbb\xebC)\xf6\x88w\xafS\xce\xca\xbe\x82J\xcb\xbd\x84\xf2\xee\xaaN\xf5\xa8F\xa5\xc8\\\xce\x8b\xf8\xe4\xfc\xa8\xee Q\xc1\x00\x00 \x00IDAT\x07\xc1_\xf7\xdf\xe4k\x08\xcc\xe1;\x8c\x95\x10\xeb\xe1\r\tK\xee\xbdOC\xcb*\xd5\x81\x82\xf0\xbd\x1b\xb6k4\x00\xbe\xc07d^_s\xf1\xe9\xa3\x88\xa6&amp;\xff\x89\xee\x0b\x12\xac\x8be\x9f\x05+|\x92\xebt\xf2\xe7x}\x8d\x9e\xa0)\xabG\x1e\xbe|\xee0\xca\'ZU)\xcb\xee\xa5\xed\xfc\xa9\xe2\x84mP0\xa7\\P\xeds)SII\x99G*\x11\xc5\xb4\x13N\x97Q\xaf\x10\xb9\x8b\xe4?\xc6\xbd\xeb\xd1\x81\x88\x9d\xd1d\xa4N\x19y\x94o\x06\xb4\x83E\xcd\x8c\x84\x7f=\x95\xbe.&lt;\x17;nuj\xae\xe3\xafm\xb6\xc1\x14LL\xa9\xe8q\x96\xca[.\x1c&amp;\xe8=y\xe3\x80\xe1:Lcik\x17\xbd\x1a\xf2\x1c\xbe\xcb\xc7\xa4\xfe\x9f\xc2*\xda\x86\xd3\x00\x04\xda\x806]\xeeAPo\x0b\r\x1b{7\x0eH]\x19\xfa\xf2\xdb\x9c#\xfa\xcb\x16rgA\x87I\xe8eH\x91\x06\xe0jP\xdd*\x88*\x8f\xa6];\xa5\xb6d\x0fnl\xaf6\xedV\x83V\xcf\xd8\xb9\x87e\xfd\x81$\x05S\n\xb2I_9\x9a\x9f\xb2\xcd\xc0z\xdfX4\x17y\x8fz\x89\x1fg6=}\xcd$^L(\xfa\x01x\x9a\x879\xb9\xb2\x81:\xe3\xd1\xcc*\x87\xae\x19\xcacf&amp;(_4\x00\xc3\x80\xa2\xd2\x00&amp;\x9d\x98\x06\xeb\x07\xaa\xf2\x99\xf0\x95\xd0P\xb7\xc6\x08F\x0c8\x06-7N\xa1X\xc0LL\x1cg\xa4\xfa\x85\xe8]\x02I&amp;p\xa6\xb9\xab\xc4\x9a\xb9\x9f\xc7\xc82\x82\xacE\xf4l\xdc`\t\x07\xeea\x9d.u8\x91\xe8\x1c\x1e\xb3e\xa2&amp;3\x9f+\xa1\x89\x06[\xdc\xb8N\x03p\xdfB\xd3)\xe9\xdc\xeds\xff$\xe7\xe2\xeaJ\x97\xb8\xfdT\xf2%\xbc\xc72\x92\xc3@\xb6\x9c\xed\xe2\xb1\xa2G\xcb`\x97\xee\x9bY\xd8\xd1kj\x0b\x90\xf6\xa3Lm\x1e\xb2\x13AC\xcfhw\xed\xcbS\xbf\xb2$\x17\xdf\t\xa4`\x96_\xda\xad\x88~2+E\xba\x9f\xd9`\x96\xe3\xb6\x9c\x96!`\x8d8\xbf\x1aQ\xec\xa8I\xcb\xddJ^\xfb=FL\xdc\x18Na&amp;k\x96\xf4Z\xe5\x96\x8b\x88\xc0(\x1a\x0e@\xf4\xc1\xf2Bu\xc8\xaaY\xf5\xb5e\xabr\xe7\x83\xe8\xe6\x9d\xf1\xdd\x13Fm\x12\xadg\x18E\x9f\xf9\xe2\xcc\xeb\x99\x85\xb2]c\xd0,D\x83\xcd\r\x98#\xd8b?\x8a\xbc\xa8\xf7\xcd\x1f(d\n\x96\x14\x925\r\x95+9`\xd2\xd0\xf7"a1k\x90\xd4k6f\xb0\x06 \',j\xc3\xadMz\nx\x9a\x08\xe6Z\xca\xf3\x07\xf2\xabfd\xbc\x0f \xf8\xee\xbd\xdd7\xb9\xa7{3\x8f;\x979\x15\xfd\x8d\x8f\x13\xe7\xb3\\A\xefL\xf6eY6\x9bm3\xce\xf7\xc4\xa4_s\x98\xf9PX\xf0T\xf7\xc4\xc8@\xb0zu\x7f\x05\x8a\x14\xabI\xdae\x87Y\x9b\xf4\xd2\x0f})\xe0\x17\xfcW\x03!\xc4\x83\x04\xfe\xb4\xa6\x8a|\xb6\xe4\x82\xa1R\xbd\xdaR\x12\x88\xbe\xf2\xf0}JC\xfa\xc2\xbc$R\xbf\xae:\xbc$C\xa0,G\xe5\x12s\xd9\x82NFj\x87\xd7z\x83\xf8\xc7\xbf\xf527W\xb8\r:\xe9\xbb;Fg4\x0b\xb3QS\xa2\xa7\x8eh\xad\x1bAB\r\x80*\xfe\xe0\xe0\xf7:\xe7\x9c\xfb\xf8\xe35r\tIH\nHf]\xc6\xf8&amp;K`=\x94T\xe3\xe9\x9a\x83\xf9\x1e\r\x80\xacJ+\xef\xb1\xb8\xd8kM\x1f\x90\x8d\x85^|K\xf8\xf1\x7fw]\xe3\xecX\xb4\x1d\x9b2\xdd-8\x0c\xa7OC\xf7\xe5\x9fv\xcd\x92\xf2\xb6\xaeb\xa9\xe3\xba\xe8\x84\x94\x15F\xb3Zg\xc7W\xf8\x83\x80?\xd5@\x9b\xd1Xg\xa14JS\xdc\x0f-\xb4(A^StW}\x93C\x87\x82\xa3\xd0\xeb\x08Y\xa2\xac\xda\xf6\xba|5\xfbJ\xea\xd1\xc1\x1c\xd4Y\xe0\xe5;\xd6\x8a\x9fk\x16m3\x06\xe3\x11?Ij&gt;]\xa9g\x90th\x0eX\xa9H\x11\xeb\x13\xa9 Ap\x7f$\x08\x124S\x03\xc35(\x9e\xa3\x0f\xf0\xbd\xa2\xa0\x01\xa0_\xce\xba#S\xb8yg\xde)x&gt;\xd7\x14\xea\xb0\xf3\x12JY\xe3_\xe7\x0b\x8c&amp;$\'\n\xb4 \xb8`\xe5\x0cwr\x8d(\xa6\xb4\xb8w\x9ah\x83\xec\x17\'a\xa4h\x04Q]\x0c\xd3\x10\x9bH.\x96\x97\xe9\n\xcd\x10\x19\xcf\x01\xf4\xc2\xdf\x03\xbcm\xa9.\xdbF)\xa5R/\xca2\xd0~S\xbd\xb6\xa9\x8bw\xd6O\xf3\x84\x81\xf3\x1e2X3UP#v\xff\x06\xaf\xd9*\x0e\xa7L\x89\x88\xe8u\x99\x8a&lt;\x13*\xa0\xacB\x8bU\xf4\xf1k?x&amp;+\xca\xf0WPk\x13:\x0cS\x04\xf7\x08\xe6f9W~%S4\xb2cptg\x7f\xd3=K\x82\xd7+\xa2\xd01\t\xe4\xc1\x91\xac\xb7\xbf(KhL\r8\xa7\x00\x9b\r\x87\xb3dq\x03Pp\x17\xf3\x96\x8c\xba*\xaa\xb9l=8\xc6 \x8e\x0e\x93A\xeft\xaem\x8b\xfb\x88\xcb\xdb7%B$u\xae\x99\x97k\xb4:u\x01W\xd4\x85\xe91f\xed,\xb26u\xde\x15\x12o\x00\xde6\xea\xe45\xbf\xd65X:VNA\xbe\xdcSB\xbc\xd9\x9b\xf5\xc3\xc7\xd6\x0b\xadP\xa6\xea\xf6\xa4AD\x06\x16\xd8?"\x83\xdf\x00$\x8c9\xb1\xa19\xeexqW+ie{\x8f)E\xca\xb4e\x03\x90\x9b\xa8\x1e\xf5\xc9\x9f4\x00\x12\x19\xdcMg9\xc3\x9dT\xbb\xec\x8c\xd8\xcb\x82\xc5\x939\x82\xa9\xef\xbf\x8c_\xac\xadO{8\xd5\xb5o\x19\x15\xf0\xd5\xf1\x9f~\xdc\xdd\x1e;\x1a(;54\xcef\xaea\xcb\xd4#\xfa\xd8C\x03@\xbbn\xc7%J\xb7\x86\xcd\x82_\xd0]\x93\xaeIS\xf5\xdc\xab6\xc5\xf17\xd0\xb6\x1d\x829S\xa8Rw\xd8\xaf\xc0Y7\x16\xf3\xae\x9c\x8b;6\x12\xa6\xfc\x90i\x07r\x81\xbeyBf\xe22\xafc\x1a\xbf\xc6\xf7\x9f\xa3d\x8e\xc6W\xc6\x94\x95b\x93\x06f\x14\xecFM\xef\xfbx\x1b\xf1\x04\xd6\xa4x~\x8d\xbf\xfb\xe0~\xfd\x9b\x0b\x12\xabS\x03p\xd8u\x8f8\xd7\x17xl\xac\xa7\xe2\x8c\x85)\xe0\x1cjW?D*\xc3*\xe4\x97\xd2\xd7h\xee\xe5@\x95\x1e\x88\x06Q\xb8\xb2\x8b#\xae\x0f\x00V\xd8\xd5\x8dX=\x91\xdd\xff\xf7\x94\xba\xb8P4\x00\x13\xd1\xb7\x18+\x1a\x8ei\x19\xe0I`\x0bH\xf9L\xd0\xf9r]2\xba\xe6|\xff\xb0=\xefz|\xa5\xd7=9\xadJ\xa0\xf1\xa0m0\x17\xe2\x88\xc7\x85\xeeq\xc6\xeb\x07\xfc\x8e\xfdOO\x97\xed=0\xdeo\xa8\x0f\x9f\xdd\xad\xe2l\xe8\x00\xa6 \xb7:\x04\xbb\xde\xf5\x13\xa0\x9c\x9f\x98\xd7\xa0r\xd4\xa34\xc0j\xc6Q\xf5\xa2\x89\xfa\x90\xe4\xde=\xf0\xee\n\x80(\x9f\xd7[\x01Ah{E"\xeb\xe2\x12\xa7\xa4\xd7\xe7\xab\x05\x8a\xe0\x17\xd0\xad\xd0\xdf\xa1\xadQ;\xd6\xacK\xcd\xb9\x17\xba\xbas\x1fP\x906\x18\x8b\x96\x8ds\x83\x84\xf8]\xa6?\\!\xbf\xe8\xd6K\x93\xfb\xd0\x86P\xdfwT\x8eyO\x0f@\xb7_\xff\xe8\xfd\xf9\x89\xfd5\xd2\x1a\xa6\xb9p\xd1\rE\xcbZ\xd62\xa1\xd3\x0b\xfe\xf1\xf6\xd9\xc6\xf4K\xed\x14o\xa9aEJ\xa4F\xc85\x9fl\xdf\xc8\x9aW\x144G\xba\xe2kT\xd5+\x94\xe6x\xa86\x00-\xbb!\xb9\xd3\x05j\x8a\xf4\xa1l\x80\xef\xe4v\xacVJ\xe0&amp;T\xf4\x93Y:\xba"\xf5H}\xbez7&lt;\x9b\x13\x949\x03\xd1\xa7\x88iRso\xe9\xabJ\x8b\xd2\xd2i,;\xd5\xc6\xb1\x9a\xc3\xe2v\xce,Y\x1d\x97\xac\xef{\x91\xce\x11y\xb4\xd4\n\x98C\xca\t:\x84N\r\x99=\x1b\x00\x19i6\xab\xb4M\xad|8\x1aR\xa2\x01\x90\xd6\xa7\x92SO02\xe9\n:3n\x03P\x83vM\xee6\xa50T)\x0c\x87\xa9Nsp\xbb\xaa\xbb\xf9\xf6\x00-.\xe8I"\x02\x16\n\xb4S3x\xf8\xda\xfa\xaaK5\x87\xf5B\x8a\xd2\xcd&gt;\x8e\x86+YZ\xe0u\xf8o\xc9_\x8b+\x0e\x11\xbd\xfa\xfe\xe1\xfeM\x81\x18\xc0&amp;\xf6\x1cS\xecb\x9b\xdc\xd7\x9d\x84\xab\xb4F\xdfh\xb8FecP\xb5\'\x83B\xcd|\xb0h\xc8\xfbW^\x8d:g\x88\xb5\xe8\xe3\xd6\x0e;d\x1c\x05A\xf7#\x04vF\x8f&gt;\xa6/\xfd\xf4\xbeTQ\xdf\xf5\n\xbd\x08\xb5F\xac\xda\x91\x05\xf0r\x0b\xccP\nq\xf7\\\xbc\x7f\x15\x92\xad\x12\x1c\x8f0-\xce\x08\x99\x1bn\x03\xe0{?\xd3\xe8\xf2%3A\r\xccd3\xb5\xd2\xb4\x86\x1e\x93\xd5L\x8e\xfd\r\x96\xce\xf2\\\x10\xcb\xe1\x1b\x11\xee\x1bye\xa5\xee\xe5\x1f\x95\xe6d\xe38J\xd8\xc6:\x06\xcb\x0b4\xc5f\x83\x12\x9cd\xeb\xd8\xfd\xac\xac*\x1f/\xa6H#4,=\xc4\xe8\xa1\xb8\xa0\xb5w?\xd7X\x0f\xd3D\x8a\x88[\xb6{A\xf5W \xe4\xb0\x9d\x1b\x00\x0f\xce\xc5\rT\x1a\x8e_\x99\xc82\xe2\xbb\'\xceS\xac\\B\xf0\xfeM\\\x00\xf2\x98\xb2i\xed\x9e#\x83V\xa5H\xb347\xe2;\xc4\x04\xa5\x15\x13\xdf\xaf\x11(\xde\xc0\xe4I\xb2#\xa0=\xa9r\xf3\xc3\x1f+\xbaQA\x9f9x\xa1\xec6%\x87&amp;\xb5e(&amp;Ff\xae\x89\xc8-\xcbm2\xa2\xb7N\x8bs\xe4\x16\xe7\xa8R\r"\xea\x9d\x95\x13|\xf7\x13T\xd5H\xf4w\x91L\xd1\xfd\xb7\xe0\rL!\xce\xb9\xcd]\x0b\x95;c)\x15n\xda\xe7\x06\xe5:=\xc2h\xa7\x89uoIrG\xb2\xa5d\xf2\xdeg\x05\xb4\x93\xcb\xc2\x966\xf9\xd8\xaf)\xc1\x0erb\xac\xc0\x11\xe8\xeeOc5&amp;&lt;4\xb1m\x7f`\x97\x9a\xda[\x1c\xbe\xfd\x1b\xa9a\x04\xb1\x1f\xaaF\xc4\xc2\xfa\xcd\xfd\xc3\xc7$.\xdb\x7f\x13\xf9&gt;7i\xc1\xec\x9fJ\x81\x03_\x82\xc6kP\x95\r@\xe1\xbd\x01Qe\x92\xce\x12B\x9d\xe1\xc1\xe9\xcf\x06-i\xa5\x01\xc8\xbd\xf1~{nr\xc7\xd4\xe1c\x93s\xeb\xa5\xf6V#\x81m\xed\x02\xf8\n\xab\xd6\x1f\xbf\x87x\xaaI\x03\xda\xef0\xe1\xc0\x8c\x8665\xf7\xbd\'K?)\xc7k7\x84e^&amp;\xfc\x00\xe8\xd8\x08\xbc\x14^\xf5\x19\xc2z\xd2\x01\xce w\x85\x1f\x9f\xf5X\x17\xf4\x12\x01\xae\xf5\xb2\xad\xe8B\xb1\x94\xf5n\x1en{\x05\xdb\xc7\xef&gt;\xf8\x7f/\xecp,\xe8vj\x0f\xc8\x1f\x12\xe2_\xb7\x1d\x06\xf0\xfc\xb6\xcb\x81\xa2\x84!\x88&gt;2\xb7\x91o?*\xb4\xd9\xb5\x0c\xe2\x1f\xb8\xd4\xc6P\xbdF\xe9\xa3\x94\x88\x1b\xc4\x7f\xa4\xdcF\xdb\x1fnaWK\xf8\xdd\x08\xec\x8b1IUN\xd94_\xeb\xe8O\x8f\x7f/K\xda\xe6\xba\x15&gt;\x9e\xa8\xb8\xcc\xee4PL$^\xbd\xe1$\x89\xffR\x9b\xc0\x89\xfc\x8bW\xc7Y\xa0\xa2\x16\xa0}\xe9\xff\xad\x11zp\xaa\xa8f\xbfL\xf8\xb5\x0bdx*\x07\x19\x82\x9a\x80n\x0c\xb4\xc6\xef\xcf\xad+\xc9\xb7l\x0c\xf5\xc5d%\xd1\xe9t+~\xd5\xa0E\xf7_?\t&amp;"\x038\xb3\xf5\xe5"\x08,\x02;g\xab/\x17\x0b\xc3\xebJ\x94\xf6rTb\xbd\xab\xdeH\xf5\xb5e\xb2\xfa\x96.\xcc\x0e\x8b\xb6w\xcf\xfb\x125S\'2U\x99\xe0n\t\xe1T\xff\x9a\xa5\xdd\xe0\x13\xd7e\xbb\x95\xdc\xba\xa8P\xac\n\xa8\xc1\x7fR\xc9Nl\xe9\xb2d\xc7I\xb0c\xfc%\xcd\xce#j\xe0\n=#.\\V`:\xadXr\xdb\x0fz\x1e\xb5K\xdd\xee\xb0\x1a\x90\xf7\x98\x89\x9dBj\xd9\x00dUu\xa5y\x98\xc6\xa1\xa1YZ\x13 h\xad\x96\x13\x8c\xdb\xce\xe0tK \x98V\xea\x82xBO\xa3\x16Q\xad\x00\x8b]C\xdd]\x13\xd5~n,]\xad._\xae&amp;\xcf\xf5\xa1JT\xfc~T\xaf,\xb4\x9d\x82)\x9f\xe8\xa7\xca\\\xf4x\x87\x9d8\xebg\xc8\x9b\x87\x08+\x0c\xe4yyo\x05\xec` \xfeK\x8e{\xb4\xb3\xd3\xbe\x9d\xde\xa5&gt;\r\xfc\x1e\xd8\xfa\xdb\xa7\xf2d\x8a\xac6\xf9R\xc4\xfb\x13\xb1\x87\t\x8e\xcd\xc0\xee\xa2.\xf3\xc3@\x06\xb3%\xf7\x99\xe9\x81j\x13\x1d\xc6\xf2\xecD\x97\r\xf0\xd9\xcf\x95\xef\xc2n\xbemc\x03\xda2QNy\xdf\xdd\xe1\x9b\xe0e\xcf\x7f\xc6\xf3\x02G4M\xfbH\x91\x95"g\xa6\xd28\x1d\xf6Mj&gt;\x14ZF\x812v\xf4\xaf\xef\xbc\xd3\x01)\xdd\x9eR\xf9\xfa\xcc\xebk\xd2\xfa\x9e\x8a\x9bA\x16\xc6\xear-\xc1\n0z\x1e\x9b\xae\x90\xd7-\xf1\x8dN\x97\x9cU\xa6)\x15\xf97!\xd3\x96\xee\x14\x08=\x07\xe0U\xf5\x99\xea\xf3\xb2,\xdb\x83\x03\xe4\xdc\x9b\x9c\xa3\xf8\xf6\xe7\xc4\xb8\xd2\xd6|wH\xcf\xca*\x1f\xbc\x95\x88u\xeeb\xfdIa\x05\x0b\x9bm\xbcT\xf0\xa1\x93\x84\x17\xed\xf2\xc2L\xf3V\xe2\xbfV\xe6`\x89#\xdb\x19p\x8b5\xff\x0f^\xa69\xdc\xb1L\x95\x87\x12\xd1\xcd\xc7=\xc3\rth\xa2 \x9b\xeb0\xb3O\xf1c/WA\x8d\x8d\x98\xab\</t>
        </is>
      </c>
      <c r="E247" t="inlineStr">
        <is>
          <t>&lt;class 'numpy.ndarray'&gt;</t>
        </is>
      </c>
    </row>
    <row r="248">
      <c r="A248" s="1" t="n">
        <v>246</v>
      </c>
      <c r="B248" t="inlineStr">
        <is>
          <t>steps_per_sec</t>
        </is>
      </c>
      <c r="C248" t="n">
        <v>3600</v>
      </c>
      <c r="D248" t="inlineStr">
        <is>
          <t>10.088792</t>
        </is>
      </c>
      <c r="E248" t="inlineStr">
        <is>
          <t>&lt;class 'numpy.ndarray'&gt;</t>
        </is>
      </c>
    </row>
    <row r="249">
      <c r="A249" s="1" t="n">
        <v>247</v>
      </c>
      <c r="B249" t="inlineStr">
        <is>
          <t>Loss/object_center</t>
        </is>
      </c>
      <c r="C249" t="n">
        <v>3600</v>
      </c>
      <c r="D249" t="inlineStr">
        <is>
          <t>0.22073758</t>
        </is>
      </c>
      <c r="E249" t="inlineStr">
        <is>
          <t>&lt;class 'numpy.ndarray'&gt;</t>
        </is>
      </c>
    </row>
    <row r="250">
      <c r="A250" s="1" t="n">
        <v>248</v>
      </c>
      <c r="B250" t="inlineStr">
        <is>
          <t>Loss/box/scale</t>
        </is>
      </c>
      <c r="C250" t="n">
        <v>3600</v>
      </c>
      <c r="D250" t="inlineStr">
        <is>
          <t>0.06802546</t>
        </is>
      </c>
      <c r="E250" t="inlineStr">
        <is>
          <t>&lt;class 'numpy.ndarray'&gt;</t>
        </is>
      </c>
    </row>
    <row r="251">
      <c r="A251" s="1" t="n">
        <v>249</v>
      </c>
      <c r="B251" t="inlineStr">
        <is>
          <t>Loss/box/offset</t>
        </is>
      </c>
      <c r="C251" t="n">
        <v>3600</v>
      </c>
      <c r="D251" t="inlineStr">
        <is>
          <t>0.28291032</t>
        </is>
      </c>
      <c r="E251" t="inlineStr">
        <is>
          <t>&lt;class 'numpy.ndarray'&gt;</t>
        </is>
      </c>
    </row>
    <row r="252">
      <c r="A252" s="1" t="n">
        <v>250</v>
      </c>
      <c r="B252" t="inlineStr">
        <is>
          <t>Loss/total_loss</t>
        </is>
      </c>
      <c r="C252" t="n">
        <v>3600</v>
      </c>
      <c r="D252" t="inlineStr">
        <is>
          <t>0.5716734</t>
        </is>
      </c>
      <c r="E252" t="inlineStr">
        <is>
          <t>&lt;class 'numpy.ndarray'&gt;</t>
        </is>
      </c>
    </row>
    <row r="253">
      <c r="A253" s="1" t="n">
        <v>251</v>
      </c>
      <c r="B253" t="inlineStr">
        <is>
          <t>learning_rate</t>
        </is>
      </c>
      <c r="C253" t="n">
        <v>3600</v>
      </c>
      <c r="D253" t="inlineStr">
        <is>
          <t>0.0007900001</t>
        </is>
      </c>
      <c r="E253" t="inlineStr">
        <is>
          <t>&lt;class 'numpy.ndarray'&gt;</t>
        </is>
      </c>
    </row>
    <row r="254">
      <c r="A254" s="1" t="n">
        <v>252</v>
      </c>
      <c r="B254" t="inlineStr">
        <is>
          <t>train_input_images</t>
        </is>
      </c>
      <c r="C254" t="n">
        <v>3600</v>
      </c>
      <c r="D254" t="inlineStr">
        <is>
          <t>[b'512' b'512'
 b'\x89PNG\r\n\x1a\n\x00\x00\x00\rIHDR\x00\x00\x02\x00\x00\x00\x02\x00\x08\x02\x00\x00\x00{\x1aC\xad\x00\x00 \x00IDATx\x9c\xed\x9d\x7f\xe8=\xcfW\xd7g\xed\xabD\xe1\x0f\x12\xb3\xfcGE\xcb\x1fa%e\x9a\x88V\n)R&amp;\x91J)d\x99\xe5\xaf\xca\x14Q\xe9\x0f+Q"\rC\xd4\xe8\xeb\x1f\x19X\xa6\x96"\x18"ii\x85\xa9!\x9a\x11\xf9\xa3\xa4oZ)\xfeH\xc3\x12\x7ft\xfac\xef\xdd;;?\xce\x9cs\xe6\xcc\xee\xec\xbd\xcf\x07\xdf\xef\xfbs_\xbb3\xe7\x9c\x9d\xbds\xce\xcc\x99\xd9\xbd!\x00\x00\x00\x00\x00\x00\x00\x00\x00\x00\x00\x00\x00\x00\x00\x00\x00\x00\x00\x00\x00\x00\x00\x00\x00\x00\x00\x00\x00\x00\x00\x00\x00\x00\x00\x00\x00\x00\x00\x00\x00\x00\x00\x00\x00\x00\x00\x00\x00\x00\x00\x00\x00\x00\x00\x00\x00\x00\x00\x00\x00\x00\x00\x00\x00\x00\x00\x00\x00\x00\x00\x00\x00\x00\x00\x00\x00\x00\x00\x00\x00\x00\x00\x00\x00\x000/Dt\xb6\tm6#{\xac\x1dt\xa5\x17h&gt;\x00\xce\xe6\xcd\xceU\xdf\xd9\xf9?\xea"\x8e\xd2\xc0\xb2,g\x9b\xd0\xc0\xab\xe5G]if\xde\xb3~U\x00\xb8*\xfd}\xd2&amp;\x01\xbe\xa0\x1fZ\xe9\x14b\xbe\x83\xcc)\xdc\\\x00\x00\x03&lt;\x84\x10mCi\x83\x82G\x10\x01\x00\x80\xd7\xa0\xc7Y2\xae\xb6vj\xa8w&amp;\x97I\x04\x00\xe0e\xb1\xb9\x0f\xf8\x9c\x98\xdc\x07\xd3\xfd\xf8\x01\x01`\x9c|\x00\xc0\x93\x03\xff\x114\x8d t\xb8\xf7\xb19\xfd\xa0\xd9&amp;W{\xe2\xc2_8\xcc\x18\x00\xc0\xc58`\x08\x89A\xea8\xf8\xdb\x97\x9c\x93\xa7\x8c0\xb1\x00\xe0\xa9@\x87\x06!\x84\x8f\x949\xf75N\xac%\x11\x0c\x00\xb8&lt;\xff(\xfa\xdc\x186&gt;i\x877l\xb0\x19g\xccY\xc8\xdb\x00\x0b\x0c\x00\x80\x1d\x97\xf6\x08\xe7\x9a.\x1aw\x0b\x8exX\xe2$\xc7G\x0c\x00\xe0\x10\xf2\x87\x86\x0e\xe8\xc3\xaf\xe9&amp;\nM}F\xec\x8cUJ\x97\xaf\x07\x99\x02\x00\x98\r"\xfa\xa8\xb3mxJ\xce\xda\x00\x9a\x1f\xbf\xe7\xf1\xaf={\x03\x00\xe8\x989\x87;\xada.\x90S\xe3\xf3\xcf\x9d\x15U\xd8\xf4\xfe\x15\xb5i\x00\x80\x10B\x98\xfa\x8dc\xab/h\xbe,LX\xcc\x8b\x83\xd5\x1d\xcf\xcd\x05\x8f\xbc\xc2\xc8\xcb?\xd4l\x07\x07i&amp;\n\xcf{\xd3\x00\xb0p\xf2\xdb@y\x96e\x99\xc4\xcf\xa6\xc3\xd29\xac\x1a\xcb\xf8YN|{\xd3-\xff\xae\x8a\x88\x02\x85\xb0,a\xdeI%\x00g0u\x00\x08\xb2\x9c\xc01q"6B\xael\xb5\xfdx\xb73U\x02\xad\xfa\xa2\xa1}\xa1]\xf9\xbb\xfd&gt;\x17\xb1&lt;\xccx\x81\xd0\r\xc0SP\xcb\x14\x9fb\xc9\xc1\x15\xfb\xe9Q\xadmu\xfe6\xd5r\xfd\x1f\xa1\x11\x02\x00x-\xcc\x01`\xd0\x93bs:\xa7\xea\xf8\xba\xe32\xb5u\r7\x8a\xb2\xbb\xeb\xee\xfd\x11N\x00\xb86\xf2&gt;\x8c\xde\xee\x82m\x0b\xd0=]\xa3\xad\xe56\xea\xc7\xdd\x07\x00\x1c\x8d\xf4\xe9\xa4\x8b$7Ti\x9cb\x19i\x83\x98\x7f\x08L\xf72\x0c\x83\x06\x00^\x08,\x89\x017T\xdbv%%Gh\x07\x00l\xcc\xbe\x0bh43&lt;b\x9a\xe8?\xd1\x9c\x9e\x99\x8a\xd6\xff\xf6x\xea\xd3o\x19\x00\xcf\xc1\x1b\xce6\xe0d\x96\xe5\xfcDA\xec\t\xef\xae\xedb\xc3X\xedRM\xe78\xbdX\x1dc\x7f\x00\x008\x82\xcd\xe3\xdf\x96\x7f\xf7\x07\xb9\x8a\x82#\x00\x00\x00\xe6eK\x16Q\x08\xf4&gt;\xf7\x83\xcdZc\x8d\x02\x00\x00p\x08\xc9$\xe0\xf6\xf9$c\x0c`!\x01\x000;\x94\xbf\'\x87\x88\xe8[\x1c$;\xbc\xef\xd3G\xe9\x01\xef\x1f-*\x05\xe0\xc5\xc1\xbaY\x03":quq\xd0\x8e\xc9#I.\xa1\xd6\x9e\xdb{\x7f\\\xae\xf4\x92+\xe9\x00LK&lt;@\xc3\xdc\x19\xa8\x10\x8e\xee\x9be\xe6y7\x14\x00\x00\xbc:\xef\x1eB\x10;n\x17\x8d\xf2d\x11\xa2\x04\x00\xce`\xf0\xf5\x9a\xf4&lt;.\xb7\xbd\xf0\xa7\xbdGH&lt;\xc0\xcf\xcb\x94\x97\x16\xf0m\x05\x80\xe5\xf2O\x02\xd3\x9eNQ^V9r\xbaQD\x14\x16{j^Q\xcf\xf5)b\xa2|\xf9\x1c\x00\xa0g\xda7pm^\xdf%\x06\x8c\xc8/\xbb\x08\x9c32\x19\xf0ja\xa2\xfc\xfd\x19\xd9\x9c \x04\xa2\xbf\xd1\xaf\x0b\x80W\x87\xe8\xab\x15\x85\xc7\xd9\x91(\xda\xf7y\xaf\x18\x90\x08\xb4\xdb\x97\t&lt;F\xc8\xe9\xb1\xe2i\xc2\x15\x00 \x04\xbd\x03R\xce\x18\xdc^\x0b\xec\xbbK\xe4\x12\x1bNf\xb7\x0f\xf1\x00\x80\x89\x11\xad\x01\xa8\xf2\xbf\xdaT\xb1!\xb9\xbc\xed%\x1f\xedZ\xe6\xdf}?\x89}\x92\x1b\x81H\x00\xc0l\x0cY\x04&gt;\xe2\'\xda)\xfe\xcf\x10\x1c\x9fH\xd2U\xa9\xd7\x11\xfa\xd9\xe3]\xad\xa4\xa5\x92\xf6\xe4Mt\xb9\x80K\xcc\xe1\x008\x91\xd3v\x01\xf5\xf4\xcc7.\xf3\x0f\xcdo\x18\xcc\xe4.M\xd0h\xcb2\xa4u\x1c3u+\xbc\x89\xb5\xb3:+\xae\xf2-\x01\xe0\x05\xe9\x19\x9b\x15\x1d\x81\xc7"p\xe9`\xa6\xc5,\xbf\x93\xcb\rg\xb7\xb6"\xa2\xb7u\x12u@-\x00\x80\x88\xa9:X\xa7\xfb\x17&gt;ez\xd8%\x0b\x1fw:\x11\xb9=\xbf&lt;@&amp;\x00\xe0P\xf2\x1d&gt;\x07\xa4Y%\x1ey\xb5\xc2e\xd7f&lt;h\xed\x14u\x13\x98\x9f\xb2\n\x9c\xf3\x85\xfb\xb6\xef@\xad\xca\x01\x01\x00k\x03\x00\xac\xe8\xd6\x00\x96\xf36\xc64\xfb\xeb\xd2\xf1\xb4\xeaM\xc5\xfem\x94_\xe9u\xa5\x99\xaf\xb1\xc9\x15\xa5\xf6e\xae\xcd\xdb\xfdYV\x1djU\xdc\xbf`\xb5}\xc9\x88\x00\x00\xbc.\xf49\xa5\x83\xae\xef,\x0bR\x87\xec\x86\xf6!\x8c9!\xbf\xd5\x8e\xb5\xf9\x9b\x8f\r\x03\x00\x1a\xbcB\xb7\xf1{Q\xc1\xf5\xda*^B?\xdd|\xe4h\x00\x00G\xe38\x038\x0cmF\x9b\x88\xe87TN\xf9XT\xd0\xc8\x9e\xfd\xeb\x8f\xc0\x13B\x08\xe1\xc3]gN\xc8\xf8\x03p\x10Wt\xa0f\x06\xb9\x95\xe7\xf3V\xda+\x12\xbal\xa1\xd8\xed}\xd4*\x1b\x00\x00:\x9e\xa0\x93\xf5_\xc0\xe5\x9b\xc0\x95\x9b\xf3\xfd\x8aV1\xc1\x91\xbdX\n\x9a\xb8\xf2\x04\xdfL\x00\xceg\xdc\xab\x08.\xd1?\xe3,\xb9\xa4\xe4\x01&amp;\x8d\xe6\xb0\x8b\x10\xb6\x97\xcd\x9e\'\xb9\x19\x00x\xa3\xde\x06Z\xe3\xbe\xdd\xc2\xda\xd1\\V_\xf7\xf6\x98\xac\x10lN\x17\xeeS&lt;|\xbf\xacz%@\xe6r-\x96\xe8\xab\xbc\xcd\xb2\xc8^t\x11i\x11_\xefu^\x1d\x02\xc05\xa1\xe8I\xda\x19\xc6[3\xd8p0.\xcf\xc1eG&lt;-\xf1\xfdn\xbc\xe0-\x06`v\x9a\x9d\xfc9\xf6\xaa\x87[\x82\xfbl#44\x9b=}\xeb\xd1ERs\x00\x80\x89 \xfa\xc0\xca\xf1Y^\xb3\xa3Eh\x96y|K\xf7\xea\xe1\xd4F\x98\xb6\xfd\x01\x00\x13\xa1N7\xcbjI\nD\xc8M8\x88\x1e\x8b\xa2\x87\xb0f\t\x00D\xfdW\xd4i\x91F\xddq\xaa\x00x\x12\x0e\xf9=\x80\x9f\x11\xad\xef\x85\x10\x9a\xaf\xc9Y\x96e]\x07\x1c\xf3\xd2{5\x89\x87\xeb\xb1\xe8\xf6\x1bg3\x85\xb5f\x0b\xf3\xd6\x1e|\x8f&amp;\xf8:\x00\x00\xfa\x18\xf5t\xd5\x08\xa1\x03\xac\xad\r\x9a\x8bS\x1e\xe1\xbcJ\xa5=\x16\xde^\xce\xd1\xbf\xd1s\xaa\x08\x07\x00\xe8e\xda\x84LLW*\xc3\xcd\x8a.T\x8d\xdc\xbf{\xa7\xe7\xa6\xce\xfem\x08!\\\xc4H\x00\xa6f{\xce\xfee\xbbSi\xeb\xa4\xdbk\x0c\xcau\xbd\xca\xec\xc7\xfb\xe1\x90\xe7\xd7^\xf6{\x02\xc03\xa3[\x16\x0e\x81\xe8\xdf\xdc+\x8e1h&amp;\x0c^\xefG\xc7\xabK\xc6\xfb\x1d\n\xd5\xaa\x01\x00O\x85\xa1\xe7\x8f\xf3\x15\xf3l\xa4\xb9\x1d\x94W\x8fRj=\x19\x18\xad\x84q-\xf6\xbasC\x00\xa6\xc7g\x17P\xdf\xf6w\xff$\xd2\x89;\x84r\xd5\xeb\xd6\xce k\xa5\xa5\xf0\xc9b\xc3\xb2,\x8c\x84\xc3&lt;\xf2z\xc9K\xf4\xd9.j\x82\xe7$\x00x2\x0e\xd9\x06Z\xe1\xe1+o\x1f\xbc\x7f\x0b\xf0\x0cW\x91\xeb\xdc~GS\x1a\x96\xd6bD\x9daLUY\xa8K\xdb\xa2\xdb\xde\xd6\xc7\x1a\x83\xaa~,\xcad\x00\x00\xe0\x08\xd0/}\xe9\x9f\x12\x8dX\xd1\xed\x7f\xd2\xcd\xb6f\x9e\x08\x91\xd7B\x02\n\x00\xf0$\xa8^\xa3\xc4\xaf\x01h\xb7\t\xd9\n4\x0b3A\xaaV&gt;&lt;b\x89\\9\x00\xa0\x80:\x05\x84N\x97p\xa4\x1f*\xa6ij\xbepY\n\xcf\xf2\xc6\xfb~\xda\xea\x9ay!M\x92\xaa*\xed#\xa4\x0f\x8em\x9f\xee\xa2z\xc3\x0f\x00@\x8dh\x9f\xfb\x1bw\x1e\xc6\xb7\xf3\xdd\x87\x81\xa3\xe4?1\xf2\x91\xb3\xa4\xe4c&lt;&gt;\xe0=H\xc5T\xcf\xf6\'\x1c:\x00\x13\x91wT\xaa\x9c2Hs/?Z\x8e#\x91s&lt;A\xb5\xa4\xc0-\x00l\xff\x9anw\x84(\xaeLx\xa7\x00\xb8\x1cGl\x03=bSf\xb7\x8a[z}\x867\xcce\x182\x1e\xfd\xc8=\xec\xe3\x9doV\xa7\xbc\xec\xde\x1bG\xb1\xd8\xda\xfd\x88tz.T\x00\x00|(\xf6;\xed\x08\xd1w\xb1O\xb5\x81\xe4\xc5\x918\xd6\xc2\xb4o\xc0\xfa\xacP\xe0\x08\xd5\x00\x80^\xe6\xe9\x93\xf3X\xf2\x04\xd4\xbc\xad\xbb\x13\xae\xc5\x95\xf4OO\x9d\x00\x80\x01\xc0\x05\x8f\xe6\xef\xf4UW\xbc\xb5\xe2\xf0[\xf9\x07Bx\xf7\xba\x01\xf8j\x01p\x1a/\xdb\xfd.}\xddOs\xd7z^\x9d\x04\x00P\x13\xef\xfaP=\xa0\xf4\x94\\\xf4\xe2/w\xd7\xdet\xb6\x01\x00\x80u\xc0\xb5?r\xf1\xb1\xf0P&amp;\xf7\xb3\xc5d\xfa\xe46\x03\x00&amp;\x02\xde\x82\xe1Z\xce\xb4\xb6\x9df\x92\xab\x88\x8d\xc0\xae\x1f\x00zp{\x1b\xe81\xfb\xe7\xbf\xed\x10-\xee\x14\x9f\x84\xf8\xb81\xba\xbc&lt;bbs&gt;KpQC\xf4\xd8M$\x7f\xc9\xd1&gt;&gt;!\x02\x00\x00@D\xd3)\x12}\x89BZ6\'\xf0\xdaqOQ\xf2P\xf9\xaa;n\xd7?E\xff\x02\x00\x80\x8e\xdd\xdb\x08\xbe\xc4\xc1\x95\x9c\x98\xa9(j\xb6\xb9\xefw\x8c\xaa\xbb\'_\xd4O\x08\n^\x14\x81\x0c\x11\x003rX\xbf\xac\x0e\x12\xf9!\xe4\xee\xb5\xc3p"\x05\xf8\x96\x99\xa4\xe9N7\x00\x80\xe7\xc7\xd0\xcdf\xe8\x983x\xa8y\xe8l\x8aR\x9aHP\xabG\xe5^{\xf2\x01\x00\xe0\x89\xd0]^(\xfd\xaau\x16I\xe9\'s5\xf1\xfd5EtQ\x95qm\xa6[I\x06\x00\xa8\xc0\xd8\xeaE\x98abdV\x7f\xba\xe5\x00&lt;\x1bZ\x8f\xb0{\xa5\xbb\xb8\x9eJ\x0b\x86{W\xa4y\x7f\x1fS\x90\xf1\xc6\x00\x00\x86\xf0\xd8\xa1=l\xafH\xfco\x9f4\x07\x93\x0e\xd6\xe5"\xe7D\x0f+\xd9\xbd\x03\x00\x98\x14\xb9\xf3\x9d\xbf7?\x93\xc7\xd1\xce\xb7Z\xa2t\xb31\x17\x9e\xe9v\x00\xf0\x9c(\x02\xc0L\xfd9\xde\xd9\xe9"\xed\x80\xabSe\xba\xbc\xec\xf1\xbd\xae\xa9\xbe\x03+\x13\x9a\x04\xc0\x05Po\x9b\x99\xa9\xa7\xe5qKh\xdd\xb9\xd9\x12E\xe1\x91\xadM\xf4\xa7\x95\xe5\xa9\xd4\xe0S|\x1f&amp;1\x03\x80k`~\xd9zOO\x1b\xd4K\xd1\xf9\x0f\xe0\xab\xee\xefu8lC\x11\xd1gM\x18i\x00\x00Ff\xd8\x8c\xc80n};\xffs\xdeV\xa8\xb0\xbe-\xfc\xc8\xdb\xb7\x7f\x88!\x84\x0b6\x1a\x00\xc7\xe3\xf66Pw\x96e)\xbeD3\x84@\xdf\x7f\xac)bT\xaf3\xcb\xa9]\xef1oZ\xf5\x86\xf2\xcb\xd1\xacQ\xd7\x8e\xb7e\xdc\xd4N&lt;z\x00\x00tA\x03^\xa6\xec2\xa8\xa7\x9fx\xe9\xb1\'\xb3jM\xca\x16\xd6\xde\x8c$\x054\xf3\xf4\x11\x80\xe7\xe7\x8a=\xf0\x8a6O\x05\xd3\x80G\xba\xe4\xce\xa9\x18\x00\xc0\xce\x91\xab\x7f\x97f\x86&amp;\x12\xda0\xc2\xd0\xf3/\x1e\x00\x00\x8a$\x1bF{|5\x11\x11}-\xaf\xc2 \xd3n\x90R\xce\x88`N\xe4\xf2+\x0b;\x1c\xcc\x02\x00\x98\x19\xbc\x15\xbd,\\:\x86\xedxg\xb5\xc1\xbd\xc4\xe5;\xddS\xb1\xf6\xa5\xfd\x9dG\x83\x94q4\x12\x80\xa7G\xb7\x0bh\xebf\xef\\)P\xdb\xc7"\x97L\xe9\xc1\x82\xf0h\xc3\xdf\xd8&gt;\xbf]M}GR\xbb\xeeZ\xfd\xcf\'?\xb1\xfb\xbb\xd2\xf2\xcc\xbe\xc9U\xfb.\xa2\xe8l\xc9t\xdd4\x9e\xec.%\xb7//\xc0\xd7@\x18\x00`\x14\xe3\x86Zrq\x94\x05\x80q3\x00\x95a\x9d\xa8\xcc\xebl\x7f\x81\xdb\xb5\xc8\x1c\xb2N\x90&lt;\x1bq\x1f\x16\x14\xef;f\x03\x00\x8c\xa5w\xf2\x1e\xc9\x91\xe8z\'A\x19\xb31B\x81\xfd*\x9aK\x08\x8e\xd7\xd0\xb9\\\xe1K\x8f!y]\xe1\x8c\x011\x00\x00!\xd2\xbc\x06\x99\x1eG\xb2\xd5:\x17\xad\xcd\xeb\xfbnBG\xfaK\xaa\x88(\x84%,\r\xf3V{\xc6\x19\x13\xcb\xa7\x91\x8aR\xbd\xe2F\xde\xee\xc8\xc6aF\x02p-Dk\x00\x8f)\xb76\xd9B\xf4y\xb2\xf2\xf3\x0c\xd6\xd4\xae"\xcbQ\x8c\x84\x9a\xeb\xd1\xcb`\x7f7Z~\x11\xb9\xf7\x0f\xa5;8\xcbw\x0b\x80\xc9x\x83\xbb\xc4\xe2\xb2-\xcfT\x034\xed\xa86.&lt;t\xc63U+\xe5\x1c9\x1bPs\xc5\xa9(\x00\xe3\xf1\x7f\x17\xd0\xb2\xec}\xe2= \xfc\xa7\xa8\xcc&lt;\xe3\xfd\x04\xa2\xdf\xdfS\xbd\xd3\xc9D\x13-\xb7)\x11/\xaaS\xcb)\x1e\xdf\xd0&lt;\xd3\x06&amp;\x00\x9e\n\xaa\xff\x19w\xd9I\x02@\xd1\x0c\xe3f!\xbfKrXs\x16\x08\xe4\xb5\x18l\xa8mcui\x98\xcd\xe5K\x02$e8Z\x02\xc03\xe1=\x03H\x16\xdf\xe2\xcf\xd10l\x92\\\xc1\xb6\x92\x99\x1f\xb4\x88r\xf2/\x0e\x8d\xb3w|\xa5\xb7r\x1e\xf7f\x07\x97{\xdd/\x04a\x00\x80\x1c7G\x8c,\xebP\x9a\x19v\xf36\xad\xa1[\x86\xfa\xa1\xfd\x8e\xa3f\xb4.\xfa\xf7\xa4\xe2\xcc\xd7\x0b\xc0\x91t\xcd\x00\xf6\x8f\xedn\xff8\xd09L\xa3\x99\x06zto(\x97\xc7wk\x98\x9f\xc0\x0e\xc7&gt;\x83&amp;\x91_v\xd6\xeb\x07&gt;\n\xb6l\x83\xeb\x07 \xc6\x1e\x00V\x9fF\xf7\xff\xdc\xba\'S^\xe3k:;*\xbfU\xf1\xe0\xd8\xb0l\xbe\xabGH\xe9z\xfa/d\xb9\xd3)\xa7H\xcd&lt;&amp;\x83\xcf\\\xd1\x12\xfdk`\xbbL\xc4\x00\x006z\xd7\x00\xb6\xd4w\xd3\x15\xcd\xd3\xfdf\xb0aC\xf5\x0e\x8c\x94\xef?\xe2B\xb4k$\xb7\xbdL?\\.)\x89Y\xb7\x9cO\xfd\xec&lt;\xdf%\x00^\x91\xda\xf6\x9e\xda\x11\x91\xcc\x03\xdfo\xec\xae\xd4\x8cP\xff\xa0g\xe5\x84\x12\x1d6&amp;e\xafo\x1a\xf4\xe2\xa0"\x03T\x01\x00\x9c\xf0\xed\xa2.\xb2\xdcwI2\xa2\xc6g\xd5\xabz\x85\xaa\x93W[\xf7\x1b3\xee\x92\xe1\xfd\x01\x18\x82!o\x0b$&lt;F\xc7\x87+5\xdc\xbbb\x15\x89\x14z{\xad*\x0b\xf0\xfe\x00\x8c\xc2\xb1C\x19V\x08\x87\xea\xe5\xaa\x8c\xb0#\x96\x7f^\xc6\xcc \xc2\xac\xb7\xf6\xa4\x98/\xf0\xfe\x00\xc8\xd1-\x02\x1bV\xddj\xfd\x90_\xc1{\x07\xb5\x1e\x05Z\xc70|\xa9Q\xdf\xac\xe4\xb4y?\x11\x91\xb7Lr\xf7z\xbcj\xf2\x8e\x10/(u\xfaX\x19\x06\xe0\xb2\xd4Fn\xee\x03\xba\xa6\xc0cF\x91M-\xfcx\xf6\xe0\t\x8d\xb9\xae\xf9\xc9\x8c\xb5\x0eS\x97\xb2\x1f\x87\xc1\xf0\x1f\x80\xab\xb2\xf5\xdes\x1f\xe6\xaa9\x11\xdf5L\x89\xabb\x02@\xdeD\x12\xc3\x06\xb5j5Du\x88\x9a\xe4\xb9B\x00\xc0\x11\xc4\xaf\xc3\x0c\x87\xf4[vh)q\xa6_*Q\xf1\xf0h\x95-\xb3\xb6\xeb\xcc\r\x94\x0c};[\xb5V\x9bo\xc9s=0\xdc?\x00\x03\xf1Y\x90\xa4\xc7|_84\xeeW\xaa\x95\x93\x8f\xb8\xe5\xd5\x0f\xc8b\tg\x00=I\x92v\xc4+i\xb4\xe9\x02\x00LM2T7wuC*\xc3\xa0\xc21\x93\xdeYQ(\\\xbb\x00\xd04\x87\xf6\xb8\xd8\t\x00\xb8(\x0e\xaf\x83v\xf1#\xc9\xfe\x90\x11\xdbE\xbe\xb2\xf4\xf2\xe7\xd0\xb1\xa3f\x90\xff\xac\xa7\xfb\xd3\x83\xb9\xd9\xb5\xeb\xa0w/\x1c&lt;\xf7U\n\xcd\xd5]\x00\xc0\\\xfch)\x810h,9\x8fk`\x06\xe0Cg*\xc9X\xbd\x16\x18\x8a\xa6b\x80\x0f\x00h"\xfdM\xe0\xc7Re\xf6\xcb\'\xe6\x81\xe4*e\xe6m\xdbNk\x1b\x14\xc4\xad\x14OG\xe2\xb7\xd8/!\xd0\x1f)I *\x0e\xfbU7\xc5&lt;\x07\x1aJ\xf3\xebQ\xb9\xf4\x82\x9c\xe9\xae\r\x80k\x91=n\xf3\x120i\ny;\x90lsNQlS\xcb}\xae \x93^\x96\xf0\xd7F\xafd\x98+J\xae\xbdt&lt;\xd0\x0f\xdbt\x02\x00J\x1c\xe0\xf3\xcf\xdd\xf8\xafEe\xe8\x85\xae\xcb\x05\xc9\xf6$\xa2o~|.\n)l\r\x90\x1b\xf0\x1e\xaa\xb8\x0b\x008\x1ft\xd8y\xe8y\x1e;/D\xfb\xcf\xf1\xe8~\xdc\xb4\xb22uC`\x00\xe0\x86\xf7\x8f\xc2\xdf\xb1\xf5\xb0b&amp;\xfa\x1bO\xda\xf2?9$H\x92\xf4P\xcb\x9bK\xf4\xe5u\xd7#t\x7f\x90\xfa!M\xb3@\xa2\x85\x11\x8bU\x01\x00\xfc\xd9\xbav\xb4\x8f\xe5\xc7B\x87\xe7\xa5\xe8C\xbf\xb3;}\t\xc3K}\xcfzL\x8fz\x17\xfb\xf3\xb1\xff3\x05f\x00^\x1d\xda\x05\x80\xdd\x93b]b\xbd\\g\xcb\t\xca\x17l\xef\x1f\xa4\xbe\xcc\xcb\x812\xba\xe2\xa3\x93;V\x95\xf7\x9f\xfcZ\x00x]h\xffa\xed\xd4q\xf7v\xe9\xbb\x07\x0c\x15\xe5\xf2i\x1f\xdeZ~?H\x8a\xc9\x91\xc8\xa1\xbf\xacK\xd9km\x9b\'\xa8o\xa2\x10$\x008\x9a\xdc\xc5\x0f\xea\x8a=\xe9\x82\xf2`9\x04\xfa\x89.{b\xc3\xf8\x92\xf3\xfb&amp;\xc6\xc8\xe2\xa9qW\x147\xac\xbc\xca\xfc-\x0c\xc0\xf33.\xab\xeb\xbb\xb1\xcf\xd1\xce\xa6\x10\xb7\x81\xbf\x8b\x94\x9a\xf0\xba\x91\x07{V\xc3]\x81\xf7\x07\xc0@\xef.\xa0\xc4\x8bn\x9f|\xf7ul\xa9\x96\xb0\xfd[\xb1$\x84@\xf4I:\xe1\xbd\xd6\xb5/V\xd2\x1a\xfc\xae\x9e\xdb\xb2J\xba/\xde\xd3\xeb\xc9\xf7\xcch\xd5jc\xedR2%\xa9\x9dH\xd3~\xdf\x100\x00\x08\xfd\xdb\xe1j\x1d\xc9}c_\xac\xa8&amp;\x9c\x88N~\xc3Y\x86\xf0u\x05-!\xb4\xbe\x81#\xb98rz\x85\x03)\xbf\x07\xa4\xdc\xbb9bX\xb0J\x14\x8a\xcb\xef\x82W\xd3\x01pizg\x00\xcbR\x1c\xae\xfd\n\r\xfb\x05p\xb6\xdf\xce\xd5\xa7\xb7\x15b}\xc5lx\xbb\xf7a\x8f}V2\t\xe52\xa5\x8d\xf9\x12\x96e\tY(b\xc6\xf8\xcb\x1d\x95\x96\x86\r\xba\xa0EIs\xc1\xfb\x03`\x87~\xb1r\xdcqS\xc7\xf6\xe1\x83o\x92\xcfZ\xe83?\x82\xd0\xdcoZ\xadX\x7f\xcb\x8d\x0b\xf7\\\xd9\xd8\x1d8\x92\x85\xf1f\x19_\xdb\xb0V\x0c\x80\x9dm\x18\xc5l\x17\x19\xa1.\x0c\x0b\x00/\xe5\x0ef{&gt;\x80Z\xb7u\x12;\x01\x00!\x84\xf0\xfb\xee\x1f\x1c}1\xef\xdf\xa3\xa5\xddj\xc6\xa3\xc7\x0e\xc9 }5a@\xec\xf1\x957\x9cb\x0b\x08[\x86q\xf1\x18\x95\x03p1\xfa;mR\xbf\xb8\x07\x86\xdf\x18\x13\x17\xeb2\x83\x88"/\x1f\xa7\x0b\xc2`\x0fu-\xc7W\t\x00\xa2G\x07\x98+\x85\xfb\x07\xe0,l?\x85\xa8\xdeAA\xd9\xbe\x91\xe4H^@\xa8\xabX\xb1&amp;-\xad\x1bv\xe3\xf0e\xff\x9b\x91\xf1\x9f\xa3\xd7\x0c\x13\xa5\xc0\x06\xcd\xb7\r\x0c\x80gC;b\xfb\xf0]\xdd\x9b\x04\xd5\xb8\xcf0D\x14j\x98g\xf0i\x98g\xf0\xa5\x8b\xf94N\xbbp\xefP\x96\xf3\xb9\xd7mV\xd5ah\r\xcc%\x00\x98\x9a$\xa7o\x16\x92\x0b\xb4U\x9f\n\x83a\xcc6\xd0&lt;y\xd5N\xa6\xf1{r\x1eb\xcb\xa7x\xc9Co\x93\xbc\xf0\xa4\xf7\x1e\x80\xab#\\\x0c4\x0f\xe7\xa9\xe4h\xc6%\xe8\xb5La\xc4\x9d\xda\xd2\x85\xad\xad\xe4\x8d\\+i\x89m\x14\x7f\xee\n]o\x19\x97\xd4\xda\x01\x00H0\xefp\xef\xd1\x18J~\xad\xe8\xe9\xb6I\xc6\xb3\xf6v\xa2\xdfk\xad\xc8\x9e-W\xd1f\xec\xec\x8fM\xf4\x0b\xe1\xe4?\xed\xd7\x01\x80\x91\xe4\x0e\xa0\xe6s\xbbTH\x8a\x95\x9c\x143\xda\xedO7M\x88c`\xe3#e\xb2-J%\xd6kf\xe68\xc3{\xaa/\x01\x00\x1eh^\x05\xb1\xef\x87\xc9n\x0b\xc3\xe6\x8b(M\xfd\x7f\x85/\n`^\x00\xf0\xd8P\xf4\xd6\xbb\x83Dt\xf0/\x00\x0e\x8a7\x0f\xaf*nk&gt;5O\xd1\x0e\xab\xd2\xcb\xd7\x8e\x9f\xe6\x15\xf0z\x87\x04Q\xfa*=\x00\x80\xa8kQ\xbdh\xec_\x84\x1d5\x7f\xa2\xcb\xb0\xd1S\xa6\xe8\x9c\x17~\t\x03\x0e\xd3\xaa\x85\xc2w\xbf\xefxQ\x8c(b\x83\xbdP\xb8\xaan\xf3\xba:\xc3\xb8\xf9[\x04\xc0\x13\xa3\xdd\xce_x\xabb,\xad\xd9\xbf\x8a\x03\xd2A\xddr\x1d\xfb/K\xea\\\xb6\xe3\xe7\xa2u\x91U9\xde\x13\x9c~\xef\x1f\xcb9\xbf\xa1\x01\x00\x15to\x03]\x9di\xe9\xb8t\xa6\xfex1\xe4!~aYB\xc1\xd9;\xbf\x98\xf2Ay\x03L\xa5p\xdcd\x8d\xb5Y\xf6t\xedR\xe8&gt;\xd5\xaa\xad\x8e\x08\xd3\xeb\xc9\x92{\xb3|d\xd9\xedI\xba\xed)\x81\'[\x8c\x01\xe0\xea\x0c\x9f\xda\xe7\xd5\xe3\xa7\x7f\xcfI\xd1\x0c\xd0\xeb5\x9cw\xd4\xbb\xce\x0cj\xf3\x03fx^p\xd3\xf7\xecS\xad\no[\xcdB\x891\xf7\x02!\x9f\xc9\x01\x00:\xb1\xfc\x1e@\xcf\xba\\\xf2\xee\x87\x83\xa99\x1a?c\xde\xe4$\x87\x83\xa2\x0f\xdb\xbd\xb8\x0f\xb4\xa3%\x99\xe8\xdf\x90m\xa7\xa9\xdd\xc4\xda~\xa0\xce&amp;\xe2\xbf0\xcdo\xd4z\x92)\xf3\xbe\xf7\x0f\xc9e:n"\x02\xe0E\xa1\x9a_\xe8\x91y\xb5\x9ei\xdb\r\xd9\xab4\xff@\x7ff\xcb\xed\xa8,\x9178\xb1\x08\xcd\xaeUT\xd9 )\xb9i\xcc\xe5\xabl\x06\xe0\x059mB}\xeb\x96}S\xfa#s\x02Z]\xeb\x06{\xb7-\x8c!\x84\xc7\xae\xd6\xdb\xe7v\xad}!\xe1%\xf0\x1e\xb3\xb9e+62\xaf\xa5\xb4A\xdd~\x9b\xfc|\xc3\x02\x00 \xa1\xf7\'!\xcd\xf8\xffH`\t\xc7\xd1\x9f\xc8\xe1\xc6\xe5\xfd\xd6\x03V9\xf1\xbf%\xed?T&lt;\x9a\xcb\xe1\xe9\xf4\xfe\xbc\x04\x8a\x8a\xf1\xdcw\n4\x0b\x16*\xde?T\x8d\xa4wS\x8b\x05\xe0)9\x7f\x8c\x94,\x0b\xaf\x1f\x86n\x1e\xb7\xcd\x1b\xdcG\x94\xda5\xd5\xa2\x04\xe6\x9d\xd5\xb6\xed\xa1\xab\x0bO\x0e\xcaoG\xedT\xeb\x81\x83\xe3\x16w\x8f~,\x10\x80\x89\x11\xcd\x00\\\x12\xa9\x89\x84\xba8\xc5\x0e\xd1\xa6\xdb\xe0\xb7H\xaap\xf7\xfe\xeb \xb7\xa7Y\xd7\xea\xb5@\x92$\x7fxcn\x1f\xbe\xcd\xee\x1cm\xdf\x90\xfb\xb4F\xa1\xa2\xf8m\x94h\xbf%\x1d\x95\x16\x02\xf0\xc4(Fv\xd9\xb3Tw\x11\xfa\xd1\xfa\xbe\xbb\xde\x0e\x1f\x93\xb4\xed\x1fw{\x99a\xd8OY\xdf\xb5Y8S\xf2\x89e\x9d\xf9LbWWl\xa8a\x06P\xb3\xa4&amp;&lt;\xb2mWPr[\x8f\\1\x02\xe0\x12t\xe4\x1f\xc2#W`~&amp;\xa0\xa7\xbaA\xdd\xb4\xfd\x7f\x84\xffJ\xdc\xfaJi\x0bl\xb8\x07\xe0\xdb\x93\x03\xaa\xa5\xe6\x87\x9c\xc0\xed\x15sl\xf9b;\xdc\r\xfe\x85\x10\xdej\xda\xbb\x0c\xc0l\xa8\x17\x81\x1f\x0b}\xadIw{\xf3(\xbb\xaa\xe9B\xbe\x8d\xb2W }\xd9Y\xdb\n\r3\x86-\xael\x14\x8a\xdd\x8f\x15\x17\xe5\xe5\x97\xaaH\xe5\xf4\xc1\xb4\xc3\xb2\xbc5\xbc?\x00r\xba^\xf3r\x13QY{\x8cG\x94U9G\xe5d\'\xc9\xfc\xac\x14_\xa94\xe8\xe1d\xb3X\xdb\xfc\xac\x18\x1d\x0fhv\xfeb\xa7\xba\xfb\x00\xcc\x83q\x1bhqDy;\x15\xed\xf1ozwf\x91\xd6w\xa0\x9dX{\xe2\xf3A\x95\xa5\x0e\x9do\xf2Y\x96g\xcfn-\xd6\xa9\xeb\x08\xef/\xb0BV\x0c\x80\xd7\xe2\rC\xa5\x9b\xd3\x02\x07x\r\x97M\x93&amp;\xbd\xc5\xa3\xbb\xbf\x9a\x13\x02I\xfb\x98\xb7H9\xe2?\xadY\xc5\xae\x9f\xef\xad$\xf8\x9a\xd1ZbK\x8da6\x00\xc0\xa4\xdc\x97\x19\xce\xb6\xa3\xc2:\x1e&gt;r\x06\x11o\x7f\xd4\x8e\xc7\x9b\x0fg%%{\xa0=\x9d\xd2\n\xf2?q\xb7\xbc!W\x92\x98u\xd6\xe4\x0f\x80\xe7aP/\x8a^#3*Q\xd3)\xb2\xe6\xe6\xcc~\x8f\xbe[\x94\x9d0\xfb\xd6\xe4\xf9\xdb\xc4\xe6\xe2g\xde\x80Xl\xc8\x1ad\xe532\x03\xca2\xdfSl\x7f\xbb`]\xc2\xc8\xb0\x04\xc0u\x99q"\x1c\xf7R\xdf\xa9:u\xcf\xfd\x13\x0fR~6\xc2\xc9\xe8&lt;+\xe5\xd52\xe6|\x97`jf\xb1\x8b\xbf/\x14\xbd\xd4h\x9d\xcf\x18\xb7\x1d\xaf\xf6\x19j\x02\xf0\xa4h6x\x1c\xd8yF\xe8"\xbf\xad \xab\x1f\x1c\x9dG.\x1a\xbc\xc5\x80\xa3\xb6\xd6\xdc2\xe753b\xec~Y\xbc\x87\xc7\xf1&amp;\x02\x00\x14\xbb\x80\x92W\x0b\xd4f\xd3.\xb3\xecA\xfd\xdb\xed\xedl\xe5\'\xaa\x9c\xd3\x0b\xcbr\xd0\xef\xa6\xe5D\xd7\xf2H\xf8$\xf3\x8f\xfb[\x1c6#\xbfN\xde\x02\xbb\x07\xc1\xa5\x96 w\x0f\xc0\xf4p\t_\xf1\x82\xa4Q\xf5G\xda\x85\x13\x11\xd1w\xf8\xda3\x02a.\xbb\xb3\x91\xf3\x9c~SW^\xaa:DP\x15N^!5le\x08\x00\xd0f\xda\xbeG_*\xb5\xcd\xb0\x1e\xb8\x95UU\\\x8b\xf67\xd8n\x14\xac\xachs\x96IE^\x08s\xb2\xee\xd6\x7fPeL\xb3\xc0\xb4_K\x00\x9e\ny\xe6\xe7\x93C \xfa\xce\t\xfbe\x12\x00\xd4&gt;\xdd\xa3\xb0\xbcYz\xbc[|\xa1\xf4.\xfa\x8a\xf1\x9eW\xb1\x19Zk\x9b\xa5\xa9^&amp;\x9a|L\xf8E\x03\xe0e\xa8%\x0cz\x9c\x97\x8fe\x99\xd8\x87\xd7X\x8f\xf4m1\xec4CV8M\x85K}\xf1\xbd\xbc\xda\xbe,\xf9\xde\x19\x00\xe2f/\x9e\xea\xb9\xdd\xea\x90\xd3\xad\x11\x00\x90\xe2\xd8\x9f\xbc:\xe7\xb7\xb0*x/ \xdb\x9bo0\xea\xa1\xddZ7]\x92m\xeb\xea0F8\x03\xa0\xa80\xaf\xcb`\x83\x0b\x9b|\x04\x00\x00t\xc4}\x85~\xe443\x0cT=\x0e\xeb\x08d\xde\xbf4\xe5\xc9\n4\xadZ\x0b\xa9\x92B\x8c\xae\x9eq:Sx\xbb\xcefE\x89\xe0b\x91\xd2\xe4@h\xe0M\xa6\xf8\xda\x15b\x01\x00\x81(\xfc\xd8\xe33zP\x08\x82\x00\xb0+\\\xaa\x1e\xc9\xf1\xb3*\xfb\xd3k\xb4\xab\x12\xc5G#\xd1\x94\xa2ZW]\x05\x00PD\xbd\xcd|\xed\xd6\xe1\x19\x1f\xc6\xd9\xdc\xc7\x88_/\xb9\to\x89&amp;\xef\xe7\xcb|/\x8a\xc4\xb7&gt;\xf6\xc5\xec\x13^Ua\xeeM\x01\x00H\xb0\xbf\x0e\xbaY\xc6&lt;\x18\x9bj\x14\xe7\x92/~T?p\x88\xea2\xf0O$,\xcb\xe2\xf8\x94^\xe5\x85\xe2\xb1\xae6\xfc%j\xd7K\x00\x00\x1cB\x87\xd8\xe3}\xce\xea\xad\xb5\xdc:_ 4\x17Q\xd7dH\xb7y\x91@y\xc9\xf2\xcd\xda|\xe2?m)\xea\x89!.\xb1\xb3\x1f&lt;;\x06\x80\x1bD\xf4\x1be\xc5\x86\x9b2\x1e\xc7\x04\xba\x0b\xca,|kC\x8e`\xc7NW ?c\x13pn\xf3Tw\x10\x00\xd0`hw\x15\x8an\x0c\xea\x95+\xc0^TG\xf4\xa5\xfd3\xfdi+\xe1T\xafyv\x93s@[}\xf4h\x05\x00\x80\x11\x08\xf7\x9b\xf7jq\xda%9\xc2\xce\xdc]&amp;*4\xc3\x7f\x1f\xf3\x88\xdeA\xa8\xaei\x8c\xe4\xd6\xb6g-\x95\x93\x18\xe3\x0305\xcd\xee\x7fL\x00\xe0\x0cPm\x8d\x7f\x8b!\x06\x10;^\xae5NO\x8b\x11\xbd\xad\xb9nIZ\xf1\xa0b\xb6\xc4\x17""\xfa\x9c\xb2p\xa5\xa5\x00\x80cy\x8fV\x81\xb5#\x8f\xeb\xcc\xc5\xcd\xf8\x94\xa4t\x06\xe9\xde+eNmg\xf3RE\x1b\xd7#\xeff0\xa3\xbe\xee=|\x1e\xc6n\xf3\xd7Eb\xf8\x7f\x00NG8\xb8\xe3K\x1e\xe1z:\x1eMJ\nw\xda\x10KP\xadL\x0c\x98\x04\xecd\x1es\x17\x8e\xf7\xd9\x08\x14\x00\xcc\xcb6\xf4\x1b\xdaG]v\x85\'\x02\x9a\xe2\x8a\x05\x12\x9f\xdb\x94sd\xae\xe3\xc4H,\xaakR\x87\x00\x00\x00\x08?!_\n\x1ei\x86\xc1\x1f\xf5\xcfQ\x84\x12\xf8b\x12\x11ZO[\x0c\xcc\xc9\xdf[\x01\xb8r\x00\x80\x9a-\xf7"\x1c\x0fN5\x04n\xdaL\xf1\xbf\x95\xc2\xfd\xe3\xe0~\xe7[\x0fN\xcd\x8a\x8a\xc2\x00\x80&amp;\xc6WA\xac4S\x16\x86Sc\x89\xdf. y\xd3\xc0\xc8w\xd1H_u\x90\x1fa\xf3E\x0b\xeb\x1c\x97eI^\xc0\xa0\xbd\x17i}\r\xab\xae\xe2\xfb$\xe8\xb6\x18\xcf\xab.|\xee\x9c\xeb\x00\x00\x14$\x83\xe8.QN&amp;\xd9\r8i\x06\xa0\x12[l\xe5\xf2v\xa6}\x86\xe4Z\x1e\x90&gt;\xd8\xf8}@\x00\x00\xe0\x1c:{\xd8\x16K\xe2?\xbb\xec\xe1t\xe9\xa5e\xfb\x11\xd7\xeb\xe5\xdd\xab\xef\xbcG\x9c\xb2\xdf\x15.Z\xa8\x8d:ZS\x8f$\xb9\xaez\xa6\xeb\xfe\xd5*I\x98\xfb\x12\x01\xb8\x08\xea\xf1\xacf\x19\x93\x88\xe8k\xac\x96\x95d\xaa\n3\xc3h\xc5\x85(\xcb\x9b\x89\x8d-\xcf\x1bZ\xeb\x07|\x19^\xb5\xbcd\x1e\x99\xb4J\xf7\x8b\x01\xdc\xbe\xdeb\x19L\x0e\x00\xf0\xa1\xd6\x9f\xd9\x81\xb0Rx\xa7\x89&amp;b\xef\x1f\xfd;\xb5\xe3h\xda\xc6\xde\x14\x93\xdf\xdf\xc2\xdb?\xd8\xe4\xb4\xaa\x08\x9aQ\x1bN\x84\x85w\xb5\xa6\x9f\xe5\x00pIz\x1c\xa5y\xa4f\xf4\x02\x8d@\xd5F\xab\xb4\x87~\xa5\x14\xc2\xd7\x9d\xa7].j;\xd5\xdce\x00\'\x0e\xc0i\xd4:_\xd2/\xf3d\xfa\xe9\xf4\xf8q\xd5\xe5t^xl^b\xf0\xf1M\x9a\xb7U\xcbA+D\xd5\x8a\xa9\xecQ1\xdbw\x12\x80\xe31n\x03\xbd\xf5\xbdJ\x17\x8a\xf7\t\xd2}{\x9f\xa1\xb7\x8d\x1e\xe2\xadfj75.\x8b\xa2J\xe7\x8f\x1a\xc6\xd5\xb7\xfd\x97\xf7\x83\xcb\xc1.\xacp-\xac\x01.{h\x1bA\xfa\xfdt:\xb6\xd8\t\xef\x0f@/\xcd^\xd4?F\xeb\x1f\'\xf6\x97\x17\xca&lt;\xcc\xa7P\xf6\xe1t\x0c\xb7\x80\xeeO3\xf0\xb9 \xdfl[\xcf\xcc\x0f\x80\xe7\xa3\xebA\xb0\xa1\xbf\xd9\xbdO}\xb8\xc9\x1c\xd4\xed\x97e\xa9\x8dxk\x1a\x85\x99\xeeR\xcd\x87\x08m\xd5A\xe8gQ\xf1,q\t\xd9\x9e\xe0\xacl\xadmUj\xb9\xdb\x04\x00p\x83\xee\x83\xbbx\xff\xcc\xea}U\tt\x89\xcb\xd6\n\xb4\x9d5s\xf5\x91\xe6\x88fq\x11\xa82\xec\xb7Ez1\xf8\x07\xc0B\xb1\xcb\xd5|z\xec\xbe\xe3\xdc\xeb\x08o\xd24 &gt;\x18J\x06\'\x7f\xabl\xfc\x02\x93y|\x95\xfb\x87Oo6\xdal\xde\xaci\x8d\xf9kP\xb8k\xbagJ\x90\xfd\x07`\x00\x9c{j\xe5y;52\x0e\xbd\xd8\xd7\x8b\xe5\xf3\x92\x8e\x06\xf7\x04\xbd\xc4W\x16\x85\x0c\n\xab\x15{\\\x84\x9c\xe0\x85\xe9\xd8\x86\x02\x00\xf8 \x1f\xe5\x19\x8a\xd5\xdc+/M\xe2G\x92\x02o/1\xce\x8a\xca\xaf\x99\xe3\xf1$\xae36Ce\x12\xbc?\x00\t]\x8b\xc03\x90\xa4\x98\xe4U\x8a\'\xfc\xec\naY\xe2!\xe7O\xea\x050y\xad\\W\x08\x81\xe8K\x89\x88\xe8\x1d\xb9\x92\xd9{8\'\xf4\x89\xf4E\xf5S\xf1g\xfd\x12\xb0\xcd\x1e\x00\xc0\xc94\xf3\xe0t\xdfVX&lt;\xbb\xffsWk\x0b\x1e\x8aA\xb4\xb2$o\xb9\xfc\xd4\xce\xda\xecx\x9e/\x92&lt;\xb3\xb6\x1bP\xa7\xa7\x9c\xc3\x83&lt;B\xd3\xf6\x81\xde\xd3\xd1\x00\x00\xc0(\x84\xae\x82\x88\xe8\r\xbb\xb5\x81\xd4Aw\x9a\xb1w\xe5\xcc\xd2\x9f&lt;\x00\xf8Zh\x83\xbe=\xd9\x1a\x9b\\fy\x9d\xc0\xec\xc1\xb7M\\.\x18\x04\xd1\'r7\xaev0o\x99\xbc\xd8tS\x1e\x00\x9e\x9b\xc4\xcf&amp;}\x94\xf6\xc7=\xd4q\x96\x84\xbb\x97\xdc\x8d\x97\x93\xcf\xfdFdJ\xdd\xa4\xb5\xdc\x1cYS%\xb5\x06\xa9\x15\x96\x08\x94\x88\xe2\xec)id\xfd;\x16{\x01pe\xedL\xf4\x19\xddB\xea^\xbex\xe2\xac&gt;\xccl\xb6Q\x8b\xd2,N\xc8e6Mij,J "z+\x91\x01\xedB\xb1\xcc\x8a\xbd\xb7\x13_ \x9aQ\xc9\xdb\xbf\xf8MCH\x00\xc0\xce\xd6\x7f(\x04\xfa\x95^95wP\xd4x"\x89\xfb0\x07\x00\xf9\xf1\xb8@\xa2q\xfbC&gt;\xc8\xf5j\xc0\xdb\x08@\xe3L\xb79\x16cI\xec\xa4\xa3\x92\xa5\xdfo\xf9$\xcb"\xcd\xe3Kk\xbd}\x00\x80\xdd\xc6A\xeav+\x92\x8e\xc8\x8f\x19\xd5\xea\xac\xbe{\xe7\x7f\xb5\xf5\xcd\x93\x86\xbd\x8b\xaf\xf9\xd0\x83\x9dZ\xac\'\xb5\xc4\xfa\x95`\xae.-\xd9= @\x00\x00\xc0\xc8&lt;\x9d\'\x1e\xd3\x15\xcf\x96\x0e\xeer&amp;\xb6H\xa0\xad\xb2U4\x06\x9e\x92\xd2\\\x1a\x13&amp;\xcb\x92\xb5\xa6\xb0\xd0\xfd_\xfa{\x0e\xd1\xc8\xe5;FD\xdf\xb7Y5\xc77\x16\x80\xcbsz\x00\x88\xc7\x89\xc9\xec\xbe\\\xbe$!vR\xf2\xcb\xa1=Z\xb3-\xb5\xf4*\xe2\xba\xc7N\x0c,\x10\xfb\xa7\x97\x8ab\x04\xbd}\xf8\xd4\xdd\x9f\x00\x00\x0e/\x8f\x92\xb8\xaaN!\x8c\x84\xa2\xb1\xe6\xab\xc8w\xdd0\x82*\xee\xb87i\xc6\x9c\xca\xa7\x05\x85b\x95\xcf3\xa0\r\xc9A\x90E\xacM\x8cl\x83\x00\x00^\x9d\x9d_\xdb\xe7m%\x1d)\xeb{\xdbq\xfb\xbb\x8d\x07u`I\xbaY\xe8v\x8b%\xb3\x02\\\xf5XHaH+\x0e0DD_\xb8\x97\xf6\xd9e\xdb$m\x9aN;\x04\xd9\xaa\x864a\xd1&gt;\x1e_\xbf\xfb\x9f\x87\xa8\x05\xe0\xfa\x94\x87T\xdf\xa0H\xb6\xc61\x80B\xec\xf7o}\xb2\x7f\xa4l\xa0&lt;W\xc8\xcc\xcbje\x01@\x1f\xc0b\xf9\xc6\x00P\xdf\x0e\x94\xcb\x8b\xdb9\x12k\xb4Y\x1b \x9b\x85\xf3/\xd2\xb8/\x03&lt;?\x00:\x0c\xde\xb9&gt;(\xde\xb9\xfb\xbd?\xd28\x8e\xca\xbcD`\x98p\xd6\xf2\x99\xb4\x87\xd1\xd5\xe9\xad\x18\xe1\xf10?\x9e-m\xc3\xd8\xf8L\xcd\xe0N\xb4\xae\xf9\x97v\xe0B\x00\x00 \x00IDAT\xa6\xfe\x0b\xf9R\xe1-X\x83}/\x01\x00`D\xe81\xef\x85e\x13\x82$1m\xf2Y\x89\xdf\xa4?\xbc\r\xa8\x0b%c/)\x14\xbe\x85\xa8s\x9dQ\xee"#\xdbJ\xd1\xe8Q\xc5C{)\xcc\x08m\x96\x14{\xfc\xab\x11\xa2\xfe\xaa\x98j\x01\x00\xaa\xfd\xb0\xd0c\xa3.\x9d\x0cQ\x8b\x9d&lt;\xf6\xb0F\xc3\xf6F\xee\xfcT\x94\xe50\x05\x80\x82\xa9\xf1YwoB\xf4!yS|Bti\xffy-\xd6\x8aI\x9bm\x06\x0bcGi\x16\x12\x9c\xc6\xef\x92\x00`\xbb\x9b\xf2\x8a\x00\xbc:\xd1x\xb3\x9a\n\xd8\x0fN\xbf&amp;\x19\xab\xe6\xde\xb9PK\xef5r\x1f\xfd;\x92\x02\xf5\xd1\xabz\x08\xb9\xaf`sp\xbc\xf6\x9a\xc4\xbc\xed\xf8\x00\xd0\xcf\xfdvw)r\x08\x00\x02\xe1\xf97\xaa\xa9vKBv\x9a\x07\xc0K\xb0w\xf4\xe9r"\xe3"r\xef_\xea\xae\x89\x83\xfea_\xd7\xe6(-\xb9\x02\x83Ps\xd8H*\xca\xfd\xb2\xd1w\xd7\x85h\xc5\r\x8dR\xb5oT\xbb"\x02\x00\x00B\n}\xecC\n=\x8d\xefO\xc5\x9e\xb9\xf5\xe0\xad3\xbf\x91\xc98y\xc6\x05\x11\xccx\xdc(\xf0\xa8kp\xd7\x12O&gt;\xb4U\xc6Q\x1cW\xc0\xb3\x030\x1cm7\x13\x0eW\x1b\x13\x05\x9d\x8d]\xfc96h\xd9d\xc6W\xd1y5\xbc\x19C\xc7\xdd\x03J\xda\x8d\xc9\xbf\x18\xb5\xb0m\xd4\x01\x00\xe8G\xd8\xff\xf2\x1e]\x8b\n\xe1\xc0\x01\xf5N\xe9\x87\xd8U\'\xab\x08]f\xd4\xf5k\xc3\xa5\xca\x12\xede\xf7_f\xf2/\x00\xe0\xe5\xa0R$\xe8\x1d\x89\x9b\xd6\x81\x99\x80$\x12\xd2a@\xd1\x9e\xf2\xf1\x8a\xf0\xdf\xdd1\xdcN\x84\x0b\xf3c\xf4\xb52\xb1\xac4m\x88bd\x02\x00\xe6\xa58\xcc\xdf&gt;\xdc\xdd\xc1O\x89\xa5q\x8a\x0cn\x85v\xfc\x92\xd9\xc5\xe4^\xd4\x18\x90\xea\xb5\xc6\xb9?m\x186GJ[\x00\x00\x00\xcc\x02)=\x11\xe3\x05\xfb\xbd@\xbemTS\xf7\xb6\xf7)\xc4a\xe0\xcf\x16\x8a\xadRs\xff^\x14\xb8\xafh\xdc \xd4\xac\xde=\xd9h\x04f\xae\xe2\'X\x03@\xbf\xd1-\xf9\xe3\x84\x03\x00BPv\xe3\xe6\x88\xcf\xb6\xbe7b Y\xbb\xae\xdb\xde\xf9\xa0\xdein\xd8\x98\xf8;e\x01\xc0\xe5\x9a\xb7\x8b*\x9f\xca\xb4\xb7\xa2\x915$h\xaaW\xac\xc5S\xc1\x00\x0c&amp;Y\xed\x94\xf6X\xd6\x8b\xf1\xa7\x9a\x1e\xa79\x06\x97\x9e\x12\x0c\xa8U\xbaz\xd8.\xac|\x85\xae\x8ar\xbd\xd1\x9f\x8d\xf2\xfbS}1\xa0U\x97"\xca\x05\x82\xfd\xe5}\x00&lt;\x13o\xa6*M\x1f.-\xb9\xa8-i\xea.\x0c\xe1\xd7?\x97\x10\xc2\xc2)\\\x96eY\x96P\x1a\x122S\x8a\xa2."Zn\x02\x9b\xf6\xee|P\xb3Be&gt;!\xf1R\x91\xe8C\xbc\xda\xad\xd9wW\x94\xea\xbd5x\xc9\x0b/\xcb\xe3\x8eh\xd9j1\xfe}Y\x96\xed\x0bX,\xb3\x9e6\xe9\x07\x00dT\x87Z\xad\xb1\x98V`\x0f\xc5Q9cy\xf1\x88\xf0r\xa8^\xb21z\xcd\xcc\x13\x8dv\x19u!4\xdf\xca\xa9"\xd7\xc37\xa3\xfb\xccD(\x8e\xe8\x1f\x0e\x9e\x14\x01\x00\xd8\x14sG\x00\x90\x97\xb4,\x9c\x86\x10\x88&gt;\x957-Ny\xef\xfdl[~\xec\x94\x95\xb6erZ\x01 \xb4\xdayH4\x15\xcb?\xd1\x05\x13\xd1\xb7"\xd7\x0f\xc0Y\xf0.\x8c\xe9\x99\xf4\xc6a6\xad\xf2Y\xa7\xb9\x1e\xfc\x13\xfbU\xc7\xbc$W=*\xa05\xac)\x7f;[4\xfbH\x7f7\xb9g\xc5b/\x00\xa7!\x1c\xfe\x1f\xdc?\xe9\x07\xaaf$\xa3\xe9\xfbg\xce\xb12K\x08U\x03\x94{\xa2\xd2\xa8S\x97\xe3\x1e\x00\x84\x82\x0c\x1a\x8f\xb9\xe9\x87\x06C\x00^\n\x89\x9b\x8b\xfd\xd1$\x9d\xb1a\xf6\xc3\x8d\xbeOS\x8e\xcd\xdb\xde[\xa6a\x0f?\xed\x90\x97\x8f\nh-\x95"l\x84\xb8\xd813\x95I\xber\x00\xbc\x1c\x85\xfd6l6\xe31\xd0\xde\x0b\xf1\xea\xc3\xf2\x9cL\xd3\xb3\xc7\xe7\x8a\xe5$67w\xa3\xdf\x8c\xf8F\x85{u\xf7\xaaZi\x8a\xc9\x8d\xa6\x00\xfc8\x00/A\xdb/\x14w\xb9\xc4\xf1\xe3\xf1\xb9\\\xbe&amp;Gad3&lt;\x94\x926\xb5\nMQg\xb9?\xfaEq\xc9\xbb\x95\xbc\xa9\xaa\x0bI\xa6\x0b\xa1\xd5\xeciu\xb9&amp;\x00@\x93\x9b\x17\xfb\xe2\xc2O\xb1\x17\x9d\xf2)l\xc6\xc4.c\x84\x03U\xc9\xfcU}\x95p\xc6\xc6\x1e3\x9b1\x92\x00`\xb0\xdcp\x0f\'j\x1d\x00\x9e\x00\xaa&lt;\xbd\xd9\x18\x0eW:\xbc\xd6/\xdb\xdc\xf8\xb9#\xe8\x87\x19v\xaf7\x81\xf5\x1a$\x01\xe0\x87$r\xb2\x8a.\xcdp\xa1\x96\x04\xe0\x1ah\xf3!!\x04z\xbf\xdb\xa9N-q\xe6\x81I\xf5\xc4\xe3\xd3a\x13\x02GQ;k\xdd\xe4\x8e!\xf7\xd4\xed*\xcaMP\xc1\xe3\xc6%U\xe7oX\x00\xe6\xa2\x9e\xc2ng\xb1C\xd6\xe5*\xd3\x82\xba\xf6z&amp;\xa49\xea\xdc\xbb\xd4\x86\xc16z\xe4\x19|\xa8\x8b^\x17\xcc3\x1bEy\xc1 C\xaa7\x92\t\x00\xe8B2.\x8b\xf3\x18qI/\x17\x1c\x8b-*\xb2\xc8&lt;vW{\xd2,I\x8b\x12\xc5Mx\x04\xbb&amp;\xdd\xdb\x90\x14K&gt;(Th\x97CZ{\xa5\x84J1\xf0\x07 \xa1\xeb\x85X$\xa8\xbf\xf5:\xdb\xcb\xbf6!\xba\x97\xa9\xd5K\x8bD\x85\xdb\xe8z{\xa3\x99\xc4x\x8a\xaa\xd8X\'Ka\xff\xca\xb3\xedlMr|\x17V\xcb;\x9bz\xd5\xb6\xfe\xb3\xecl\xe8\x11,U]\xbc\xf6\xa2\xee\xad\xb9\xd6\xf7\xba\xe1\xddn\x00h\xd1\xbd\r4A\xd1\xe5J\x9e\xa3\x96\xd5)\xd5^$e\xb6b\x8b~\x98\xb9\x13\x95\xe9\xe2\x85y\xa5\x95\xf2FZ"8\xf5\xf1\xe7\x82\xa34L#(\x04\n\xf4\x87\xf66\xdcN\x0ce\xb3s\x7f\xc9\xc5\xcb\xa7\xed\x1c\xbc?\x00\xc3\x11v~"\xa2/\xdf\xfd\xa9\xd3"N\xeb\x9b\x85\xc8\xcc\x90\xaa\x8bS%\x1d\xeat&gt;\xba\x16&gt;\x1ff\xef\xc5\xaaR%L\xf1\xf84E\x1ay\xc3\xaa\xea\x1e!6\xd5\xda\xb4\x19Y\x1d\x00\x8efs+\xd5\x02\xf5|\xb1\x8f\x01bG\xe6\xa5.\xbd\x1c"z\xf3}\x99J\xc9q\xf0N\x9a\xd8\xbcyM`\x08\x81\xe8\xa3\xf8\xab\xa0,\xa2\xd07\x88V\xf8%\x06\x14\xda\x99\xb8/O\\\xa5\xbeI\xa1=\x81\x03\x00\x88\x98a\xc0\xf5\xe8\xf3\xf5}A\x8ev\x16\xe3Y\xb2R*\x9f+\xe4\xc2{\xcd\xeb\xac\x9fIk\x04\x00J\x03@H\xd6\xb1\rJWG_\x89"\xcd&amp;\xa2=\xf9\xd9`\xba5\x00\xbc\x02\xba\xdci)\xc3\xac\x83\xfa\x96(y\xc9\xf9\xc1\xb1\xab\x96\x0f\xd5\xe1\x91\x8f\xbe\xaf\x1b\x87\xfdzf\xb2\xb6\xb9,K\x7fc\x8e@x\x83\x92\x0b\xecQW\x94\x13\xb5\x92|\xfd\xbfZ\xf0V\xe0\x98o\x03\x00OFs\xf8t\xfc\xc8W\xabn\xb4\xc6UA&lt;n\xdd\x8d\x8b\xe5\x99\xfd\xba\xb5\xd7\x1a\xc3\n\xad\xadf\xb1\xe81x\xf7\xd2\x05\x00\xb0@\xf1\x10w\x1ar\';\xd5L\xdffK3\t3\x88Z\x06F+\xc1\x16\xf6j\x02\x99\x96\xa0}\xc9\x1eE\x00\x00\x8emx;UO\xcb|\x96m\xbf\xa3\xbf%\xa2*l\xc4\x8af\x12\xbb\x83\xe3.+\x0f\x00\xb6Y\x9de\r@_\x85\xb1a\xae\xef(\x00s#J\x8a\x12\xd1)\tTU\x96&lt;\xef\xf8G-\x00\xd0\x9a\xaan*\xbd\x95\xdc\x1eS`\x9eV[E\xedS\xe4|\x15w\xf2u\x8b\x95\xea\xf3h\x82\x16(W\x0c\xb7@g\xa8\x98?\xb1!\xb1\xc1k\x01\x03\x80\xab#z\x10\xac\xf5\x1c\x127\xea\xea\x19\x93qJ\xdf?\xd0\xfb&amp;\x85\xa5\xfd\xd9fM|!\xf1g\xb9\xde[\xc9O\xbf}.?\xda\xb4\xfa\xa6Rd\xfe\xef\xcb\xc2\xecg\xbc\xefD\xfag\xc1iL\xad\xf5\x8f\x12\x9f[;\xa7R\xf4\xd0X\x94\xcf\x7fY\x85&amp;\x01\x00$\x1c\x9fs\xf9\x84M5c\x8c\xb79\x89\xd8D\r\x9f\xcf\xd1*z\xa8\xc8\xae\x88\x0b\xb4Qu\x95\x19\x92\xc2\xfdW\xc7\xd7\xdd.6\xec\x96\x7fEV\xdd&gt;g\xe5\x9b\x06#\x00\x00 bs+T\xe96\x93\xa4^mfP\xf6k\x94\xb9\x14\xde\x03\xd2\x0e\xad\xfeX\xce\xf7$\x92\x84\x12\x93b\xb5\xd0(6\xa3\\\xb8\xc7\x9f6\xce&amp;K8\xfb[\xc0\xb7&lt;\xa3\x91\x8f\x973|c\x018\x17\xe9d\xb9\xb8\xbd};\x9b\x1f\x1c\nU\xf6\x86\xd7\x8e\xdf\xce\xde\xb3\xeaq\x99\xc4\x0b\xc4\xd9\xfc \xbe(C\x95\x8a\x9c\x10\xc2}\xddC\xbf\x11\x9e\xcf\xce\xe7\x0f"\x14\x8b\x85e\t-\x8d\xebp`\xe8\x1d\'\xd9W\x93\xf9&amp;\x84\xfa;\xf5\xcc\xab\x0e\x00&lt;\x19\xd25\x80\xa0\xcc\x15\x14\xc7_\xe5\x832Cc!\x8c\xa1\xe5*\xd1Jc,$\xf7\xfe!r\n\xaa\xe4~\xfc\xbe\xb4M\xaav\x88\xb9,\xb7\xb5\x81%z\xb7]\xb3\xf1\x9bM\x1a\xbfKNp\x0b\x1f\xcdXUz_\xcd\x96\x08\x93@\xf4O\xbeu\x7fD\xd8\xf4\xc5W\x84\xe6J\xd3\x90\x8f\xb1?\x00!\x04\xd5\x93\xc0\xfc\xc8Q\xfe\xf8\xa8\xd0\xb5\xd6\xb6\x00\t\xc7\x86\x05\xd5\x91\xda\xf5\xcfA\xc3@\x8a\x06\xef#\xe4w\xe2b\xd5\x16\x1b\x9ak\xbf\x07_&gt;m\xc1\xe9~\x8bk\xef\x97\x0e\xf3\xdd\x1a\x00.\x89j|\x9a\x9c\xf5I\x9f\xb7\xa8\xcdH\x9c\xb5Db\x0f\xb8(\x15\x94M\x80BG\x0bl\x97&amp;\xb9\xc6\xbc\xcc\xb8F\x89\x97\xe5\x03\xbbd5\xcb\x8d\x01\xe0&lt;t\xbf\x07\xe0\xdek\xb6\x84G\xa8\x0f\xc7rO\xaa5c\x1d\x15\xe6\xf2\xd7A\xba\xe7%E\x83\xeb\xbf\xbdp\x17U4\xd2\xd1\x90\x9c\xd8\x12C\x9a+\x97\x96\xe4UT\xf1\xd5w\xe0\x1dk\xdfF\xfb\xbc\x01[\x19\x00\xc0\xc94\x07dq\x01GGY]\xab\xe8\x10\x18\xf63\x80.\xfb\xc4J\rjj\x95\x88=\xbbS\xba\xbf\xcc\xe20\x9f\xd8\xc6\xeco\x9dX!\x86\xf5\x00\x9c\x00\xd1\xe7\x9em\x82\x85q\xa9\xa7UbS4Y\x7fGl\xad\x14G\xc4\xa6\x9c\xb7\xab\xcb\xc9\x0e\x16\x0c\x97\xec+\xe5-\xb0\xb5\xb1$\x0eY\xe4\x02\x00\xfa\x19\xe4@\x87\x92\x8f\x19\xfb\xe7\x16?\x9e\xd5\x95D\x17&gt;O\x9dH\xcb\x8f\xa8\x02\x80&lt;E#\xbc\xa7\x07\xdc\xf7\xcd\x8e\xa6\xae\x9e8\n\x00P\xf3\x18\xe1\xd2\xcf\xfa\x08d\x1d\xb1\xaa\x873\xfeb\xdd#\x98\x14\xe8\xf4\x03\xc2\x9cI\xb5:\x11\x11\xf1K1\x85\xe8\xb2\xaf\xceH\x8e?\xc7\xb5x{\x9a\x17S\x98\x13\xb4\xaa4\x04\x96\x12q\xb4\xa7V\xf1ZC\x10\x00.F\xee\x9d)\x1a\xc06\xab\xec\x8e\x7fl\xd5\xc54{\xb1\xb0\x9f\xe7\xa9\x95\xf4\xcf\xc8B\x17\xdfq\x96\x07\xa2\xff\x96\x053\n\xf4_\x0b?\xdc\x18\x06\x0cx}=o\xf9\xdb\xd2\xf2\xfe\x00\x80s\x90\x04\x00\xa6W\x1b\x95:\xad\xaf\x8a\xc6\x95\xcc*\xb1\xc0+\xa9&lt;\x17\x11\xd1\xc7\tm\xdf\xd5\xaa)=\xc0o\xf6k\xd9j~\xbc@\x05\x17!4\xad\x8d\x88\x02\xc0p\xaa\x8e\xf5\xdbCO\xef\xcb\x1d\\\xde\x99\xefA\xa2:0\xa7/K\x13A\xb9\x1c\x8a"M\xf1T\xdb\xceS}\ru,2\x97\x05\x96\x83M\xf9\x94/\xb5f\xbc\x1f\xfe\x18\xa6\x0c#\r1\x00\x80QT\x03\x00}dg\xc7\xa3\x10&gt;\xf2\xae\xc2\xa5\'\x97\xa3\x08s\x8a\x9d\xf7\xbciK^\xb7\n\xdbLu\x94\xa6\xd1\xfb^\xa5\x83\x0e\xcd.-\xdc-!\xa9\x85\x00\x00\x80\x05"\xfahA\x19\xc3)\xb5%Nih\x95\x84b\xe1|\x8a\xb0\xfd\xd9\xe9k\x92\xeaC=\x96w\xacr\x14V\x92_9\xfe\xbd\xcd\x8a\x08\x00\x00\x98!\xfaQ\xf9\\[x\xf0B\x94\x12\x11\r/_;\xd5l\x8a\xadb\x1cN\x82 \x0c\x94\x8clW\xcc\xc3XK\x8f\x14~\xb9\xe8H\xb6\xfb\x84\x00\x00\x80\x91f\xff\xa9\r\xb2rG\xe0\xdb\x05\x13w9-B\x0b\x1f\xde\xaaT\x91\x89:\xb6\x16\x88\xb5\xe4\xb1\xa7\xa4E s\xd8\xbd0H\xbe\'\xe5N\xdb\xb5\x05\xc0l\xe8\xde\x05\xb4\xb2d\xaf\x82I\x0b\xd4Ne&gt;e\x91\x8d\xc5\xa4C\xc8\xe8\xbd\x8f\xfd}\xbc\x96w\xee\x14+RMD\xf4\r\x8f7\xf6\xdc</t>
        </is>
      </c>
      <c r="E254" t="inlineStr">
        <is>
          <t>&lt;class 'numpy.ndarray'&gt;</t>
        </is>
      </c>
    </row>
    <row r="255">
      <c r="A255" s="1" t="n">
        <v>253</v>
      </c>
      <c r="B255" t="inlineStr">
        <is>
          <t>steps_per_sec</t>
        </is>
      </c>
      <c r="C255" t="n">
        <v>3700</v>
      </c>
      <c r="D255" t="inlineStr">
        <is>
          <t>10.019978</t>
        </is>
      </c>
      <c r="E255" t="inlineStr">
        <is>
          <t>&lt;class 'numpy.ndarray'&gt;</t>
        </is>
      </c>
    </row>
    <row r="256">
      <c r="A256" s="1" t="n">
        <v>254</v>
      </c>
      <c r="B256" t="inlineStr">
        <is>
          <t>Loss/object_center</t>
        </is>
      </c>
      <c r="C256" t="n">
        <v>3700</v>
      </c>
      <c r="D256" t="inlineStr">
        <is>
          <t>0.25335652</t>
        </is>
      </c>
      <c r="E256" t="inlineStr">
        <is>
          <t>&lt;class 'numpy.ndarray'&gt;</t>
        </is>
      </c>
    </row>
    <row r="257">
      <c r="A257" s="1" t="n">
        <v>255</v>
      </c>
      <c r="B257" t="inlineStr">
        <is>
          <t>Loss/box/scale</t>
        </is>
      </c>
      <c r="C257" t="n">
        <v>3700</v>
      </c>
      <c r="D257" t="inlineStr">
        <is>
          <t>0.084264055</t>
        </is>
      </c>
      <c r="E257" t="inlineStr">
        <is>
          <t>&lt;class 'numpy.ndarray'&gt;</t>
        </is>
      </c>
    </row>
    <row r="258">
      <c r="A258" s="1" t="n">
        <v>256</v>
      </c>
      <c r="B258" t="inlineStr">
        <is>
          <t>Loss/box/offset</t>
        </is>
      </c>
      <c r="C258" t="n">
        <v>3700</v>
      </c>
      <c r="D258" t="inlineStr">
        <is>
          <t>0.16335626</t>
        </is>
      </c>
      <c r="E258" t="inlineStr">
        <is>
          <t>&lt;class 'numpy.ndarray'&gt;</t>
        </is>
      </c>
    </row>
    <row r="259">
      <c r="A259" s="1" t="n">
        <v>257</v>
      </c>
      <c r="B259" t="inlineStr">
        <is>
          <t>Loss/total_loss</t>
        </is>
      </c>
      <c r="C259" t="n">
        <v>3700</v>
      </c>
      <c r="D259" t="inlineStr">
        <is>
          <t>0.5009768</t>
        </is>
      </c>
      <c r="E259" t="inlineStr">
        <is>
          <t>&lt;class 'numpy.ndarray'&gt;</t>
        </is>
      </c>
    </row>
    <row r="260">
      <c r="A260" s="1" t="n">
        <v>258</v>
      </c>
      <c r="B260" t="inlineStr">
        <is>
          <t>learning_rate</t>
        </is>
      </c>
      <c r="C260" t="n">
        <v>3700</v>
      </c>
      <c r="D260" t="inlineStr">
        <is>
          <t>0.0008050001</t>
        </is>
      </c>
      <c r="E260" t="inlineStr">
        <is>
          <t>&lt;class 'numpy.ndarray'&gt;</t>
        </is>
      </c>
    </row>
    <row r="261">
      <c r="A261" s="1" t="n">
        <v>259</v>
      </c>
      <c r="B261" t="inlineStr">
        <is>
          <t>train_input_images</t>
        </is>
      </c>
      <c r="C261" t="n">
        <v>3700</v>
      </c>
      <c r="D261" t="inlineStr">
        <is>
          <t>[b'512' b'512'
 b'\x89PNG\r\n\x1a\n\x00\x00\x00\rIHDR\x00\x00\x02\x00\x00\x00\x02\x00\x08\x02\x00\x00\x00{\x1aC\xad\x00\x00 \x00IDATx\x9c\xed\xbdy\xfc}\xdfT?\xbe\xde\xa4P\xa2R\x19Rd*C\xd4WB\xf2\x8d2\x84\x92D\x919?\xa9$2e\x08\r\x08\x91L}\x85\xd2D))\x19\xa22De\xccP)\xf3\x1c\xd2,\x19\xa2\xe7\xef\x8f{\xce&gt;k\xafi\xaf\xbd\xcf\xb9\xf7\xf5\xfa\xe8\xae\xc7\xfb\xf1z\x9f\xbb\xcf\xdak=\xf7\xdak\xda\xe7\xde\xd7}\x11\x1d\xe9HG:\xd2\x91\x8et\xa4#\x1d\xe9HG:\xd2\x91\x8et\xa4#\x1d\xe9HG:\xd2\x91\x8et\xa4#\x1d\xe9HG:\xd2\x91\x8et\xa4#\x1d\xe9HG:\xd2\x91\x8et\xa4#\x1d\xe9HG:\xd2\x91\x8et\xa4#\x1d\xe9HG:\xd2\x91\x8et\xa4#\x1d\xe9HG:\xd2\x91\x8et\xa4#\x1d\xe9HG:\xd2\x91\x8et\xa4#\x1d\xe9HG:\xd2\x91\x8et\xa4#\x1d\xe9HG:\xd2\x91\x8et\xa4#\x1d\xe9HG:\xd2\x91\x8et\xa4}\x13\xc0\xaf\x97\x17 \x82\xc1\xee\xcbY\x8f\x84\x08\xef\xee\x9f\x05Ws\xd7\x12z\xd7\x1b\x8b\x9a.\xc0\xae\xd7\x8a\x9ah\x91\x0c\xf4\x8a\xf5M\xf5\x99C\xdcJb|\xba(\xc6,\xb7Z\x027\x05\xd8M8\xc5\x1bwJp\x81\x05\x88"qw\x8a\xca+\x10\x01w\xaa\xf8\xb6\x85\xd4#0P\xbfw\xf7\xabRL=\xbe\xbdQV\xcf\x12%*\x16\xbe\xdb\xec\xbc\x96\xde\xf5z\xfc\x06\x92f\x96Ik\x1cK\xfd\x9f\x91\xa4\xed_B\xbd9\xb10m\xd2\xb8\x0cN\xc4\xf23\xaf\xebT\xed;oqN\x8a\xae\x19e\x7f\xe09\x04"\xbce\xcao&lt;\xdf\xeb\xb2\xb1\t\x1eS\xcc\xb0\xf0\xfd\x9a7\x80\xb5\x8f\xaa\xd8\x8bAr6\xe4\xb8\x85t\xdf\xcbXY,\x17\x8f\xec\x97q\xda2\xc2JZe\xc6\x1f\x94\xe7\xa4@\x8b\xe0\xb1\xba\x87\xd3h\xd7\xc3\x04\xe5J\r\x076\\\x94\xfd\xe7\x9d\xbe\xcc\x8cJ\x9d\x06\xb6/\x00\x06Bk\xe3\xecL5\xa3\xe2#\xdb\x829\xe3\xdd\x00p\xe6\xcc\x19\xef\xe5\x1a\x02\x11\xf5K\xdb\xad|+\x0c\x86|\xcb\x16\x00\t\x85&amp;\x9b\x98\xb2\xe3\x1aC\xbar\x99\x1c\xde\x9e,\xd6\xb4\xc0\x86\x02\r\xfb\xe3\x0c\x9dA\x12\xc0\x14-\xb5\tv\x9e\xdc\xbb\n\x8dd\x1f\xb4C\x85\x19\\S\xe1\xb4\x16\x0b\xdb\xe6\xdbdh\xefQ1\x80gl\t\xed\x14\xc9\xfc!&gt;&lt;\xe7cGC]`XR2\xb1\t\x9a]\xe1\x0c\x0b\xea\xad\xb7\xf5l\x1c\x10\xa7\x1d8\x14\x0bm\xe7\xfeg\x06\xa5\x9dY\x9f\xcb\xca*\xb5\x93\x98\xa2\xb5\xc2&amp;\x823g\xe8\xcc\n\xa4\xc1\xccL\xed?#_m\x9f\x04\xf6\x9f\x06\x89\x88\xee\xb5\xd3\xa5\x95\xa5\xb3?\xed&lt;F\x19t7\xd0\xbb\x8a\xfc\x86\xaex\x044-\xed\xcc\x99\xec\xceMk\xb1Xe&gt;\x1aE\x15io\t\xe7\x1e\xdbQ*J\xe6\x1c\xc0\x94S\xc0z\xfcm\x0cc\xf8\xe9\xce\xf5\xcc\xec\xff\x05\x13K\x10\xd1\xbbD?\xc9\x08\x15mC^\xd9&lt;\xc0\x81h\xaf\x14\x80\x06\x80\x1f\xda\xa3\xde\x8c\xc5zm\xda\xc5\xbf\xed\x9e\xad}\xb4}\xa2\x18Ft\r=\xce\xc6\xb9N\xfe\x1d\xda\xd8\xe7\x0f\x87\xe3\x84\xa8\xfd\x08\x88\xe5\xfe&amp;\x8f)\x9fb#\xbfa\x9bU\xdc\xd3Q\xbd\x17\xd2K\xce\xd8ba\xde\x04C\x8f\x9c\x02\xe94\xbc\xef\xa4\t\xb8h\xf0&amp;\x04c\xdb\x8f\xf6^\xfe}\xdap\xdb\xb7%\x02\x8b\xde~S\x18\xc3\xc166m\xab\xd8\xf6\xbcn\xcew\xd5\xc8g\x1e\xb5s\xba\xa8\x01\xdd\xf9\x7fQ\xe4\xde\xdab+\x0f]\xa9\xc5\x9a\xb5iF\xc5\xaa\x915(\x95\xa8\x83[is\x81\xab$\x96\xa8N\x8a\xf1\xdeX\xdew{\x9e\x94\x9fak\xf2\x80\xe8&gt;9u\x82\xde,\xe4\x00/\x19\x92s\xe2\x94q\xaarB\x8dwm\xe4\x0c\xd4?e+\x02^C\xd9\x02P&gt;s\xc5\xe8Ms\xf9\\\x91\xf4\xe6\xcc\xb9n!E\xce*1]*\xad5\xaf\xaf\x00g\xd1.ce&gt;=\x18A]\x08\xba\xab\x9e\x12~(~\r}j\xc5\\\xdd\x9f\x9a&lt;\xeb\xa9\xe7\x88y\xc9\xb7\xd5\xfc\xa7\xc4\x99K\x8f\xef?y\xef(\x00\x1b\xe0\xd9D\xcav\x94H\xfe\xec#@\xe5\xc2f\xec\xd7N\x84G\xad^\x82\xca\xfe{7\xb2\xb9`i\xb5\xd3\xb1\xd5\xbdH\x9a\r\xf2V\'\x89\x8e\xe4\xb2\x85\xba.E\xcb\x85Y\x00Vki\xda\x10_\xd9\x90\xb0\x15\x9d\xc837W\xddA\xb5\xb9J\xcd\xf7\xcd\x0f\xd3_\x1e\xde\x02\xed\x02P\xd3E\x97)\x8f\xdf\xa6\x008=V\x1c\x835\xb3\xe49\x99\x020\x8fO\x08\xf6\xf0\x00\xa4{\xcaCi\x02\x93\x92\xbf)[C\x88YA\xcd\x87`\x8a1\xf6\xb5\xc3?\xe9\xea\xa5\xd4\xa3\x9bS\xd0&gt;\xcc\x07\xfc\xceY\xf3\x06\xed\xa9J\x1d\xc02\xdb*\xe0\x1d\x95\xceS\xeb\x9f\x04\xae\xa7\xbe\n\xe0\x9f\x036\xc3\xc3\x0c\x95\x91\xbb\xa5\xee$-\xb6PO\x81\xe6\x8b/\xdd\xde.\xa7 )lH\xfe\x91\xbc\xc1\xd0\x96\xbc\x1f;\r\x885g$\x0b\xc0\x9a\xb7\x9a\x1f\xde\xaf\xd1\x87\xe1\xce\x8e\x9f\xab\xe0\xabG\xb5\x9eV\xea2\xa3\xbd\xf5O\xae_\xeav\x87\x1a\x0c\xbd02t\xaa\xb2\xff\n\xf0\xd6]\xe7z\x03\xad\x95\xeeS\xf3\xc0\xc7\xa35\xe8N\xe6`\xae\x8eu\'K\x03X\xfe\xda\xaf\xd9\xa9\xa6\x06\x1b\xf7\xd1\x07\xa6\x13h\xcb\x868\xf3F\xde\xf0\x9d\x80X\xcbr\xbdZ[\xba\xdb\xe8\xa2-\xb3\xbf\xf9\xe1r,\xc0\xb26?h\x15\x12\x9bt\xaaR\xd5Y\x9d\xc0\xfe\x19w\xad\xd1;\xef\x01\x83\xd2\xdb\xb7\xc7\xc5\x83k!=\x12\xfew;\xd5!?\xaf\xfcui\xce=A\x92\x05\xc9z\xa8\x9d\xf4\x87\xcf\x1e\x9a\xe5e\xf6T5\xd8\x94\n\x86-D\xed\xd3\x83\xf6\'\xfb\xc7\xf7\xa6\xeegk\x81\xcf^\'m_\xc1\x10\xfeB\xc0VJ3\xcf^\xd7\xfb\xcf\xb7\x08\xc9\x07\xedR\x0eG\xa7dU]\'\x00\xbb\xbd\xf8\x82\xcd\xc0\x0c\x93\xf7)\x8c\x83\xd9\xb8\xa3\x0cd\x05v@?\xcc1\xebT\xd3\x86\xb9\xcf\xf6\xf2\xab\x9cj\x13\x03\xfb\xed\xfeb\xc9\x98[\xb0\xbd\xa8\xdeG\xcb\xb4\x07\xea=\xebxk:\r+5}i`\x17\xce\n\xfb\xd6Aq\x03\xb42\xfb\x03\xf93U\x07az\xf0~*\xfcj\x03\xc2U\xb6\x10b\x0e\xc2\xbdux\xba\\\x0f\xb3\xf9\xf0g\xdb\xae?\xb6\xd8\xbeMw\x96\xc8#[\xc5\xd8Y`\xa9=\xb4\xb29\xdd\xc3\x9b\xb7\xf7\xd9\xdf\xbbDk\xfa\xfe\xcc\xf1\xdaS\x97\x17\xe5\xaa8\x91g\xf2\xc1N L=\x9c-\xab\xcb\xfa\x15\x84\xf4\xecA\n\x0b\xfe\x884o\x9f\xb8%\x0f\xf3.h\tl\x0f\x8f\xb8\xd8P\xe3\x91N\x03e\xb6\x18\x00\xf0\r\xab\n\xc0\x89&gt;\x91&gt;\xcd\xdef\x86\x83i\xeaW\xd6/\xcf[\x98\xdf9\xb7n8Tpi5\x8dS\x15\x11\xf0\xa5\x91\xc0\xe4\xdb5UqNA5\xe9\x8brlh\xfd"\xe5\x1a\x02\xd1\xb7Y\x83{"\x00\xb8\xaaw\x02h\xbf\xebp\x9aC(Oy\x9f\xc90~f\xd8\xa4P\xc6\r\xc6\x85\xafNL\x87\xe9\x87\x9a\xb4f\x11\xaf\xd6\xd2\x9a\xea\x12O\xc5\xfb\xdf\x98XM\x03\xdb\xf9\x8d\xdb\xe9]\xbf\xd65\x93O\xd6\x0b\xf3o=\xc9GI\x00\x11\xfd\xce\xa8\xd2\xff==\xbb\xb9\xd2\x7f[#p\xc5\xdc\x03\xc8\xdc\xdbS\x94\x8d\x1b\xf3\xffUN\xb8#\x10\x01\xb7\xb8`\x8a\xadJ\x8agy3\xb5N\xa3\x1d\xf9_\xf8\xcd\x06\xc5c\xc5\xdc\x82a\xb5\x8c\x89&gt;b\xca\x9f\x0b\x00?\xbe\xfco\x0b\x9e\x98\xfaR\xcf\x9e-\xd7\t\xe6$72\x1f=\x87xz\xb9Q\xd7\xab\x05\x80e\xd5\xb5\xd2{\xf4\x1a&lt;\t&amp;\xdc\xff$2\xfeAO\x1b\x7f\xbf\xe4\xaf\xe0\xa3\xb2\xf6\xf3\r\xe2s\xb78=\xf0\xeb\xb1/\x82\xdf\xc2\xad\x8a\x8f\xbe6\xd0\xa2\x96k\xae\xfe\xa0\x87\xc7\xd3A\xf1zq\xe3\xbd\xd4Ky&amp;\x1b\x13r\xa2\xbfbfF\x10\xf0\x1b\xbb\xa1\xca\xd3&lt;i\xb7\xd8\x0e\x98\xf9\x19\xa7N!\x8f\x0f\xe4w\x8a\xda\x96\x80\xaf\xdbp\xaf\xf7\xe0\xcd\x7f\xbc\xb9HG\x11\xd1\xb7Y]\xbcf\xf3\xa6o\xbbx\xd4\xd7pja\xf4\xf0\xce\xdf\xd7\xb1sn\xb1\xc7\xf0Y\x07D\xbf\xd7\xab5)yuqY;=\x94y\xc8 ?|BY\xff\x10Fx\xd1\xef\xce\x1b*6E\xb0\xe9-\xebu\x02\x80\x0e\x95`\x06\xc9l\xb0$\xcfj\xf9b\xc4\xe1\\\xa1f\x80\xce\xb1\x9d\xa8\xd4!(\x97\x16\x83\xfb^\x8e\xa6\xe2\xcd=[\xa5\xfb\xb8\x1d\xb6a\t5\x9e\xe1\x020?\xf3Y\xed\x0e\xfa\xad\xe95\xb4\x89s\x9e%\x1ez\x98s\xb7\x05S\xc4n\xd9\x1b\xee\x01\xe3zx\xa7\xbc0c&gt;\x7f\xc4\xa9\x03\xea\xa2\xba\x1b*6\x0e7\x99\x0f\xa1\x1e\xc6p[i1\xcd\'3l\xe2\xafe\xb5\x15yO\x8d\xfa\x9f\xe1\xe8r\x12\x9c\x03\x06$\x8f\x14\x80\xddO\xff\xe1X\xf4\x01\xac\xffe\xd4\xebKk\\\xaf\xcc\xdd\xf8\x0c\xba\xddg\xbdO\xdb\xa3?\x1e\x8f}m\xd9\xd0J\x06\x9f\xc2%\xd9@\xc0?\xafQd\xaa&gt;\xf9-Cm\xee\xd4\xdb\x14\xde8\x8a\xc0\xa7\xb3\xc1\'\x0e\x14\xcc&amp;\x80}?\xe9\x06\xd1\x8f\x9b\xb5Ai\x05~:&lt;\x91\xb88yH\\\xc1z\xba\xe2\xd6\xb9\xc9\x1d\rx\'Bqg\xb4_\xd5\x996\xea\x84\x9e\x11mBn\xac\x9du\xd6\x12,axn\x92\x19\xf5G\xe9\xb9\xd1z\x0f\xfa\xb5\xd8\xfd\x9c\x05]u\xfb\xdf\xebm\x8e\xf6\xbb\x02\xc0\xb2V\xc9\xd4\xe6\t\xc8~\xdb\xc7j\x88\xac\xb4{\x88\xf3Q\xcaG\x83\xa7Uh\xd4\x80\x9a\xb9cA\x00p\x9b\x94\x84\xe1.\x03 \xad\xe2\x04\xc9&lt;\xa1\xdb\xeb\xfd\x92-}\xe3\xa0\x9f\x8f\xe8\xd4e&lt;\x9do\xa9\xd8\x84\x9e\x13\xde=\x9f\xca\xbc]`6} \x86\r\x0fX\xff\xab\xa9#7\xedC\xfb\x9c\xdb\xf8I\xe5d\xf75\xa9=_\x00(\x1d\xff\xbf\xb6\x88\xad\rb\xa1ZsP2\'\xdedTZS\xf2\x88\x1c\xef\x84\xe4\xe8\xc2\x9f\xe4\xce\xb8\x87\xffp\x8e\xd3\x0f\xd9\xcc;\xfe\x87\x8dhI\xf0t\x8b]\xe6\xce?\xcb\x9bX#B65&gt;\x88\xd0\xfaS\xd1"\xb7lNg\xf9\xfa3\x9eA\xb6\xd8\xcb\xf9\x89\xc7\x1e\x83\xb2K\xf6\xfc\xf8e\x99\x02\xa2\xbf\x8e\x98{\x84\xe7x\xc4\xd9\xe2\x07\xfd%\xc4q\xb8Dl\x1eb\x0e\xe1a\xa8\xf71B2\xc9\x9a&lt;\xfbs\xc0\xe5\xa0\xdc\xfcp\xc4\x1a-\xa1\x1b \xc1\xb6F\xc5&amp;B\x06\x9f\xd8\xa4\xf5\x9e`Oy\xf2\xc7\x94\xcd\x93\xec\xeb\x0f\xbe*\xf3\x81@\x92\xbf&lt;\x13\xcc\x1c]\x85\xaf\xc0\xff\xd6\xcf\xae&gt;(\xc9h,\xf3\xc9\x06\xdbr\xf7\xafRB4\x98}o\x9e\xfb\x10`;\xcf\x11\xab(\x1f\xf6\xf0`|p\x13\xad\x9d\xc4\n@\xc8\x86\xe5\xa7\'\xc7\x99\xd8\x10\x7f\x92\x99o\x07 \xe3\x90\xecg\x93\xed,G"\x9f\x9c.2\x1e\xc1\xb3\x0b\xaf]Bgk\xa9\xbd\xd4\x88\xd5\xc8\x89\x97\xf7\x1b\x967!\x18w\xb3\x18t4b\'\x1d0\x1e\x99\x0b\x9fF\x16\x1e\x10\x11p\x81\xb6AfS\x9c\xce\xc56)\xde&amp;\xe4\xd8\x0eCK\x8e\x1e\xfd\xd2\x85\xa0\xaa\x9dlo\xcb`\xfc;\xbb\xaeom\xe4cN.\xea\x97\xb37{\xa5\x0e\xa0\xa7`\xb3*\xfa&gt;""\x02\xd1\xff7\x8f\x00\xf8\xd9\xe9b\xb3\x8fX\x98\xa9\xd7(\x00\x89w\x96\xa6@\xf2\xba\xf2\\^hBM0F*\xf4\x91\xab)4\xff\x9c\x07D\xef\n\xb5g@\x9e\x92\xc4\xd1$3}x\xd0\xf9S\xaf\xd3\xb36\xaf\xf10\x0f\xb5[\xe5\xca\xcd\xcf\xa6k\xe8\x84\x8f "|\xd8v\xc4G\xc6\xfc\xd9e\x18\xcc\x98\x90n2jr\x8f\xce\x81\'\x068\x87z\xbfN\x05AR\xe6\xcd$\x98\xfd\xe6\xae\xb9\xc0L\n@\x04\xf3\x8f\x9f\xcdw\xbdqq@yWJ\xefA\x8f\x8a\'U\x00\x90\xfe\x94\x17\x88\xf0\xab\xf9\xf7N\x84\x01\x9f\xd5\xfbA\x9a=Q\xe0\xb0\xba\x07\x8a\x19\x16\x81+!\xd5\x07\xfd\xb3\x1c\x8dU\xca\xea\\8\xfan\x84\xcc\xa5\x9d[\xe1mh\x97\x90\x93\xa4\xae\xc3\xac.\x00]\x0b]N\xce\xbe\xd8i\x04\x8f\xee\xdc\xb6\x9c\xea0\xd8\x82\xbb\xeb\xf7\xf3\xf0\x1d\xfa\xca\x93S\x9e\xde\x9bV\x94\xd7\x0bu\xea:=\'\x9c\xd2O\xc4\x80^guZ\xc1*\xb0n\x8d\xa7\xc36{\'\xd3\xf2\x9f\xf1k?[\x86\xa9\xf7\x1c\xb0\xa33g\xce\xd0\x993g\xce\xd0\x99P2\x11\x9d\xa1\xcd,\xcd\xc5\x9c!\xa9\xfa\x0c\x11\xd1?\xeb\xc5\xf0\x813\xf5\x9c3g\xe4{\xc2b\xf2\x99\x1d\xed\xae\x1a\xe0\x8cE\x9e\x99\xee\xe0\x81\xc1\xbc=\x1c0WI\xf3o7,\xd0\xd4[\x9b\xe8"&gt;\xe7\xe7\x8e\xea=3s\x97)\xf3\xfe\x15\x0c\'V\x12\xce\xcc\xe0v\x80\xaac\n\xbb\xb8"@VX\x99\xfe\xc7\x8f\x97c\xedp\xd7\x9e&amp;\xe5\x9f\x96\x92\xcb\xa88\x01\xdf\xfd\x95\xfe\xfc\x19B]\x1f\r\xf2\x12e\xc53\xdf\x8d\x9fsU\xc7\xcf\xf8,\xb6\xe2qOi\xcf\xbd\xe9\xe6\x87F\xba\xb5\xb4\xc0\r\x9f\x0f\xf6\xfd\xa4\xcb\xd0\x98\xe7|_\x9f\xd8}\xaf\xa4\xec\xb2\xb7\xa1\x07\xc0`*\xcd\xf0\xa0\\\x8c&gt;\x1d\x0eN\xa8[\x91&gt;@\x9f\xbaLo\x91\xc83\xa7\xb0&gt;\x9d0\x89f$\xce\xc5z\x8a\xe6\xe1o\x1ag\x9e\xc9\xcc\x91\xf9\x8a\xfb8\xc9tx\xcf\x96GU\xfc\xb1\x80fk\xcb\xf9C\x10\x01W\xea{\x1c\xa1j!\x88\xce\xef0;z\x1b.;`\x97\xfc\xee4\xe4t\xee\x0b_\xc8&gt;\x820~Rw\xd6\xa5\xd9\x85F\xa7\xa3:\x1c\x00\xc0S\xb6\x80\xc5U\x8c\xcd\xb2\xa6\x01\x04&lt;\xda\x1a\xdf`g\xf7\x9a\xfd\x87\x9b\xbc\xc3\x11\x80\xbb\xe6\xd8\xdc~9\x9e\xe8\xcc\xdd \xd1\xac\x99\xaeN\x00\xf9\xf7\x1e+!\xec7\xb3\xfc\xf3\x04+~\x0e\xd7t\xe60o\xd9\x02\xbb\xbd\xf6`}N1K\x8eyy\x14{"\x89\xfa4t\x7f\x93\xc5z\xa6\xbci\x8b&lt;\xb2\x8fu\x83\x08\xbf\xb0\x8d\x9c\x13!\xe0\n\x9bJ\xfbk\xfd\xcep\xc6\xdf\x0e\xb7\xfc\xa4\xe7-]\xf3\x80\x8a\xa1\xfe:\xe6\xf7\xd2e\xc5\xd3\xb3\xb4$\x80\xb1\xe6\xbaQ#/\\\x1eC\xa7N\xfac9k\xda\xc0\x1bI\xb1\xf9R\xfa\xf2Nui\xceR\xffz\x8f\x0e=\x80L!\xac\x9a\xc6\xd2NW\xd7FD\x0bx\xf7\xee\xb8\xd85g\x8b&lt;\xe7\xa6\xa5\xd7\xb5\x03\xb6\xff\x1b\x19w\xf60\xb4|X/\x19x\x8d!\xe4\x90\xc7\xd6\xe0\x19\x88\xe4\xf4?b\x1fLy\xbaw\xabs\xdc\x14\xdeb\xc8\x9aQ\xed\xcaA\xdf\xb3j\x9f!\x9c)\x03\x8a\xb44\x00\xb8CnzRK\x1f\xa8i\xca@C\x10\x1c\xb9\x18OK\xce\xc1NF\xab\xa97\x00W\x9e\x92\x99\xde\xc9B\xf6\x03\x8d\x15\xd6C}]\x1f\xaf\xf7r@\xd9+m\x028\xfa\xebf{:\xb2\x89\x8b\x8d\xe5\xf7|5\xa6-a\x95\xf6\x86^\xfc\xe5\xcc&amp;\'\xdaH\xba\xce\x01\xc9\x08lZG\xdf\x9c\xa6|&lt;\x98\xf2\xb8\x14\xc4\x16\x05\x7f\x80\xdeO\x07\x07:\xe1\xb6[\x96\xa4\x9cuq\x05&lt;\xa2Wc\x87pv\x82&lt;\xa92\xc5k\xed\xbfn(\xf6\xe0o\x17\xf75\xaf\xbd\xfco\xed\x03s\xd6\xa0\xf5&gt;\xd7\x9b\xfdK\xaf\xf1_e$\xe6\xaf\xb7\xaa\x17\xaf\xd5\\\xcbz\xc0\x03`\x82g\xfe\x1dw\x86yf~~Y{\x9c\xdf\x03\x03\xed\xee\xc93\n\x11\x11\xfd\xed\xc9=\x9a\x10\x90\xcfj\xbd\xda\x91Fh\x93\xb3\xd2\xbe;\xce\xad\x08D\xf8\x92=\xcbo}\x8ec\xab3\\\x04\xa2\xc1\xb0]\x01\xc8?\x8d\xa9\x13zd\xa3\xe0\x99\xc9\xb0\xed\x04Z\xb0\x04}\x8f\xe6\\WZJ\xa3\xd3S{\x1f\x8dh\x8b\x1e\xb4@b\\\xa0:L0\x9f5\x9e\xd4\x9cV\xd2\xee2\xf2\xe4\xad\xb5\x07\xcd=b\xbdT^i\x8e-1\xb8\xf3\xdb\x17\xb4\xb0\xed\x83\xc6\x1f\x81lPv}\xd1\xecz\xb30\x9e\x9b\xd6r\xbd\xb8^\\\x0f\xa6l{\xf7\x15\xc6\xfat\x913\xfe\xccz\xfc\x99\xe6\xf4\x81\x169\xd8H\xd3\xd5\xf7\xd9\xe5\xcad\xff\xd1*O\xe1Y\xe4\xc4Rp\xde8\'B\x1d\xfe&amp;\xbe\xa9\xd4\xb9\xb6\xe7\xe6\xd8\\\xbd\xf5i\xb2\xab\x00\x80\xe8\xf3\x1c\x1f\x98C\xdb\xdd#\xd3o6oo\xab\x8e\x04t\x93\xce@&gt;Y\xf7&gt;\x19\xeaZp\xdf\x131\xe0\xab\xe7\x8b\xba\xcc\xc8\x02\x80\x9a\xa7\xefm.\x99j\xdb\xcf\xd3\xf7G\xfc\xd4\xa2k@4\x91Y\x04\xf3\xf3\xa2\xb3\x8a;\xee\xfd\x94\xba\x82d\xf7w2("\x9a7\xfe\xc1\xe5%\x1f7\xf9\xd7\xa9\x93F\xf8\xa6\xfe\xb8n6\xda^\x85\x88gEJ\xfdq\x80p-\xe7VN\xf80\x89e\x9eU\x02\xb6\xa2\x8eS\x98\x9f\x9a\xe3\x94-\x0b\xc0\xdeZ\xd7\xa5\r\x19\x12\xbd\xbffd\x1e\xf1\x9fe-\xef\xf2\x953D\xf7"\x0e\xecz\xa7?\xb7\x12/\xc9\xfe\xdd\x93\xee\x156\xf88\xdc\x89\x10T\xc7\r\x10niq\xfa\xae&lt;\xc5l\xa8\xa5\x85\x01\xb0\xc2m+\n\\H\x87\xc0Y\xaf\x00$\t\xd6.\xe6\xab\xb7\xc8f\xeb\xb3\xffX~\x8f\xb5\xf2\x98\x1c&amp;oe\xc0\r\xc9w\xa62\xa9T\xaf1\xfb\x8cM\xac\x0f.\xd9\xf9gQO\xefz\xde2 S\xdeZ\x97\xe0\x02\x99\xece\xd0X\x00o\xb1\xdf\x97\xeaWKD\xf4\x08\xe5-\xc9\x89vPl\xb1\x05\x00p\x8dv\xcc\x9e*w\xc5\x7f9\xe3;\xfa\xb0\xdbg\x9f\x18\x05\xed?\xe7i\xcbY\x9d\xf7\xf9\x83\xa3\x91\xe9\xfe\\\x9e|\xc7P\xc2\xff\xc0+\xeb\xeb_#n\x1b\xf1\xf9\x95-S{\x07j\xd0\xd3\xba\x10k\t\xba\x1e\x1c\xf0=\x86\xe9\xae\xff\r\xdb\xa7\x93VZ\x08\xeb\xbex*\xd0&gt;\xf9\xb35\xeeN\xf1\x91\\V\x0b\xdf\xfayT\x83?=XkY\xe5\xc7\x87\xcc\xba\xc5\x13N \xd5g\xecx\x18\x18k\xca\xcc\xb0\xed\x1eL\x84Ou8\x93\xab\xdd=\x01\x80\x97\x87K\xd7\xb3\xb4\x9c\x08C\x0b\xe4V\xb4\xbf\x02\xd0\xd2{`\x85\xfb%\xdev\x14{B\xdf\xbdP\xf6\x91\x94\xd1^tz\x85\xb7\xa9\xb8\xdb\x88\xb4a:\x90\x96-\x9cx\x13\xa8\xc0\xc5\xb6\x10\xb3\x11a\xe9XO\xf8\xe9\xd5\xd5\xc4\xc1|?H\x00\xe0\\\xc1]\xf6\x1c\xc6\x9c\x9bK\x88\xf3\x93\x9cOEZ\xc4{GB\xd1\t\xa4\\\x9b\x0e\x80#\x99\xf2N3\xa5\x0e\xbe\xf3\xcfvr\xdf\xfdd\x94\x84q\xc74\xaa@\xf2\x12\x02\xea&amp;\xd4\xc5Y\x85\xf8\xa7\x9e\xda\xcc\x8e\xdb\x9f\x9a\xa0\xdc\x8e\xc0Z\x92W\x9d\x020\xe2eo_\xdcV\x11n\xe1\xee\xee\x8f0E\xfc|Z\xfa\xf7\x86\xfc\xd2\xdf\xb9\x8fh\x12%\xc4:\x17\xbf\xcf?\xce\x8fQ]u\xfa\xf8\xc5x\xefA\xbe\x9a\xfe."\xa2\xf2\xf5D\xb6\xfc=8\xc3\x86\x94\xcc\x0c\xf9d\xbe\xb4\x1a\xad\x87\x1e\x00\xe1M\xe3\x8e\x91\x9f([\x96\xb3Z2\xcc\xefQ\x86yf\xfb\xb1z0\x87$\xc5u@2+^\xd0\xa2\xae\xd4\x95\x85\xa4\xf2\xf5^\r\xc7\xcf\xe6E\x17\xf0|\xcc\xfb\x9a\x0c\x928\xb9\x07\xef\x10\xa4@\xceS\x0f\xe9C\x99\xee\t\x9e\x179\x02\x83\x97\x85\xfeL\xc8\xdf\x8fCnE\x1fJ\xf0d\x0e\xd9\xf1m\xe1?\xb3\xd3V?Mi\xf3\x06\xd9b\x7f)s.a\x93[N\x9e\xee\xb5\x01r\xbe\x05\xbd\x97\xbc\x85s]]\x87\x00O\xce\xb6T\xaa\xefi\xf3g]\xf07\x12;\x82dc\x0c\xbe\xa29\xbd\xd6\xdf\xbbR\x1d\x02\x9aBZ\xf27\xc0i\x9d\x96F\xe4$\xc0\xac\xc4\x9ci0\xcd\xd6^\xcc\xda\xcat\xfb\xa0*\xc9&amp;\xdb\xcc/\x94\xf94\xa9h9\x16\x94Ne~\xd9l+\xf2\xf6\xfb\x84=\x1d\xdeJ\x03\xcd\x03g\x8b\x88\xd3:E\xc5\'$\xa1(\xe7\xf3}5l)\xc3\xc99|:3f\xbb\xf6\xf7\xcb\xef\xa3\xcb\xf9^r\x1a\xc2\xcf~g5lmL\xfe\x0c\x03\xc8HCc\x02\x9b\x9cq\xe2h\x86t\x06\xa497\x15\x9c\xfd\x92k-\xa9x\x13\x1ay\xa6+r\xba\x1c\x90\xff\x96?\xaf\xe5c\xb4\xb4\xdb\x11\xcf\x8b\xf3\x89C\'\xd3$8\x9e\xf7\xe5\xadyO\xa7\xf5~sN"\xa3\xab\xc6~8xf]\xe5B\xa8\xaf\xcdH\x19h\r\xca\x14sj\xb0#\xb1&amp;\x03\xdb\x8b&lt;\xce6\xc8CS\xe0\xdf\xf9\xd6f-\x86~%\x1d\xa9\xbf\xd3Sz\xc2\xb2C\x02\xf0\xf1\x92\xe0LQfBl\x00\xc8\xe1\xf4\xa6 \xfd{s \xba\x1b\x11\x88n\x91Vt\xe96K\x81\xc1\x9a\xcau]\xff\x86\xce\xfa\x81\x84\x8f\xa1\x13\xb0\xe0\x13\xb9;%\xc1\x13;c\xd8&lt;\\9b\xbd\xca\xe6\xc2\xbb\xf0,\x87\xfee\xe4\xda&gt;\xb3\xad|M\xed\x01\xbe\x14\xb97\x03\x86\xa9\x99T\xc7\x1a\xbbq\x8a\xb2\xff\xba\x92\x05"\xe0\x97\xc7\xe7\xc7\x92\xf3\xcc\xce\xc7r\xe6\xbb#\xe9f\xe9\xc1\xbd\x1a0\xbf\xab\xbc0\xcf\x8e\xa5\xff\xe8\xd0\x03\x9bm&amp;\xfb9\xcb&lt;\xcf\x00\xee\xcb\xe8&amp;T\xebr\x1e\xe8Og\xde\x9c"\x00\xb8}\'\xb8\x10\xc3"\xd6\xc2\xb6o\nv\xf9^\xa1\x0b\xc9\x8c\xaf\xde\xcf(\x8e\xb4\n\xdeA\x1a\xb5\xdeT\xeeu\xee}J\x9b\x0f\xb8x\xd9\xc0\r\xe6)\xab5n\xf4\xcc\xf6\xacJXm\xc7\xbd\xd2\xca"\xc9\xcfz\x1d\xed\x9bR\x1a\xfbw\xd5:\xb12\xe0eX_\xce\x7f\xf5\xc5^$\xaa\xbd\xd6\xd3\xbc\xef&amp;m\xf8\x18P\xf3#\xe1l\xb8\x05=\xa8S\xf22\xd7*\x00w^\xd7x\xa5\xf4\x0eO4\x1e\xc5\x98l\x93\x16Y\xf3:\x15\xe3A\xe9\'\xf8\xb9b\xe3\x96\xea\xd7u\x8b\xf2\xe4\x8f4\x94c\xca6\xa1\xb2Zy8\xdd\xe7aD\xb7\xb4c\x12\xbc\x97\xed\xe9\xe5\xc8\xdc\xb3[\xa5.\x0e \x9f:\xe8~\x079\xf0\x91\x10\xc0c\xf6\xaeb\xee\x10[\xd9\xc18\xa0\xfc\xd3\x1e\x81i\x9a\xa0\x1e\xa4&amp;B\x91\xcd\xb6R\x8b\x7frm&amp;\xbe\x0bu\xe2\x19\xc8\x86\xdd\x15bi\xffa\xe2\xe1\xc6\xdc\xea\xa84\xf7\x8e6\x1e}\xce;\x8d\xb4\xd8\x0b\x00p\x8f\x8d\x80\xf6=m\x0f\xfe\x00Z&lt;\x91_\xbf~\xd5Sc\xea\\\xb8\xc9\xec?\x01\xe0\xd7w\x0e0.\x15\x17\xb8F\x0f\x9e\x02i\xab:\xa1\x93r\xe6Q\xb8\x122\xa2K\xdf=\r\xa7\x91\x81N\xa8\x1c1\xb7\x02\x0f\xf6\xa5\x97\xab\\}\x0bT\xf8\xb9u\xf3\x854\xe0\xdbL\x17Jv\xf4\xac\xb5\nT\xe8Ykh7\xfd\xbc&gt;\x98\x11\x99\x87\xf4t\xd1\xd4l\xa8\x19\xce\xf5^)\x93(\xa0\xd8\x06z\ro\x06\x80/\x1fB%\xe1\x85ZRr\x9c\xc9&lt;\xec\x81\xef\x8cJQg\xef\xf9\xe4r\x82\\z1\x02\x80\x1fu\x9b\xb2\x98\xc0&gt;\x8c\x0b\x00\xef\xe8\x99\x1c\x8a\xb5\x06s\xef\x81\x83p\xb9\xb4"\xc3\xd3\xd6\x86\x02\x00\x9c\xd7\xe8.\x93s\x17`c\xda+i\xcb\xe0J&lt;\xe5\xe5\x1f\x0e\xa1\xe2\xf43M\xa5\xf5\xf5\xfa\xd44\xb5\x05\x9f\xd8\xb0\xc6\x1f\xf0\xac\x10\x1e1W\x0b\xdf\x8b\xd4\xb5d\x16\x80\xbe\x1cmq\xc2\xbfE\xbd\xe7\xa1M\x0e\xa7\xad\x15i\x06\xe0&gt;\xff,x\xcc\x89\xad\xe5\xb0\x02\x83\xd2\x94\r,\x89ws\x1cmP}\xc7T\xe4\x11v\x17\xb0Z\xecV\x8f\x1d2\xd6\x90H\xf8\xbe\xb0\xc3b\x87^?Y@lz\x8f\xd8\x86\xd2\xe0\xd6+\xdd\xb7\xa9\xf2\x00\x92X?\xcb\x9c[\xc9\xd9l\xd9\xc0\x1d\xb6\x11\x94S\x16\xde\xddz;\x85\xc6\xda\x82\xdfu\xb0c\xbe&gt;\'\xee&lt;\xfb^\x89\xb9/\xf7d\x02\x00\x01\xef\x8e\xf5\xe6)\x99\x8f\xf0\xd5\xee\x1e\xc5\x12\xcc\xc3r\xf3\xaf]vQQ\x11\x1d&amp;rF\xd1\xd3\xcdwM{\xe9\x00\x0e\'[N\xd5\xdf\x8d\x94\xc6\xce~Bj\x9c\xb7#\x8883N]f\xe7\xda@\xd2\xfbN@}-\x1a\x02\xab\x89\xe9\x12\xdf\x97\xdf\xbc\xd6\xc7\x0c\xa5a:X\x1a\xdc)k\xdc\x9d\x0e8\xbf\xb0\x85\xaeP\xbb\xb9\x9f\x87\xb1\x04\xd8Jc\xb6P\xc2\x1cT\xbb\x91v\x03\xde\x0f\xd4\x10b\x87\x01\x95\xc66%d\xb0\x7f\xe9j\x99\xdd\x02\x10\xcc}\xcb\xc2s\xd0\xa0\xd8Z\x02O\x1cb-uR[\xad\xd8B\x92\xdf[V\xad\xeb\xe7E,\xed6\xd5\x91o\xc0\xe4\xb8\xdd\xcd\xd4~\xee\x9d\xda\xa1-&lt;\xf3\xed\xcf\x81\x00\xfc\x83{k\xf9\x99\x976p&gt;\xdb\x0b\x15+or\xc0\x11}\x84\xb9%z\xf3H\xfb\x87j\xfd\xd6`\xd3\xb9\xdb\xe5\x0c\xdb\xa5\xc5\xcf\xcaO_\xdc\x86\x19\rD8\xbfg\xc9\x94\x96\xae\x1cA\xa3\xc8\x9d\'\xef\x89\xba\x0b\xc2_\x1f\xae\x00\x80\x08O\xae^\x8a\x8b\x94\x84\xec\xb1\xe6\xe6%\xdb\xae\x8c0\xcf\x8cc\x82\xab\xa4\xbfdU\xf3\x1c\x069q\x0f\xd5\xfaa\x99\x8e\x8a\x08D\x9f\xd4\xe3\xdbd\xaf\x88\xe2C\x8f\xc9\x93w\x92\x93$\xde`\xb2Vn\x9bsw\xae9\x9d[\x92\xf9\xfa.~\xd9\x18\xd8gPU\x00&lt;\x9e\x02f\nW\x13C\xddh\xc4y\xadT\x881\'\xd8\xdcs\xbeX\xab\x08\xaaW\xc9Y\xbb\x85&lt;7\xa5\x02-\x9b4\xa6\xff\xdb\xe8\xcc^E\xbc\xcd$\x12\xbf\x80\x9atZ\x99\x16C\xc7\x04\x80\'nq\xec0\x9f\xce\xff\xa5\xf1\xe8\x7f@\xb2\xd7\x06n\x98Z\x83\xca\xe1\x05\xe9\xd8v\x0c\x00k\xa9\x18\x11\x82\xcf\xde\xad\xeb\xc6C\xa0\x0eBfb=X/&amp;\x91\xdcN\x1e\x03\xab\xbb\xff2\xf8,\xb5Y\x00\x88\xd7\t\x96\xbb\x05\xfd8\x11@\xbf\xcfz\xa5\x1d\xd3y\x89.\x12\x8a\x1d \xad]\xf7\x17k\x88\x17\xfb\x98\'\xd9\r\xf0\xdai3\xec\xde\xc9\xf8F\xbf\x93Mh\xd9\x07uy\xfb\xec\x1b\xff\x9f7\xc9\xeb\x1b\xde@\x84\xf7\xf5\xa0*\xea:&amp;\x8d\xd3R\x11\xbf\xbfsbg\xbfx\xcdEc\nUfw\x9e\xee\x00\xcbS\xe3\x84:$\x93\x88\xce~\xc0\x1dL\xd1pC\x9a\x12\xde\x81aGv@\x00\xaf4:\xac\x15\x1a)l\xd0\xaa\xee\xa9\xf5\xac\x96\x9f\'\xaa.\xb2\t\x15\xc0\xdf\xa6\xe1ZY\x89\x87\x99\x04\x10\x1en\x1a\xcdi\x07\xa8\x88\xbc\xca-\x91\xec\x8a\x84Y\xe0;\xfb\x8e\xc2\xbf2\xc6\xa6\xaa\x7f\x9f$s\xd4,\xbb\xf2\xe5[\x02\xee\x03\xee\x89g\xeeu\x82G|\xe5\x88\x16\xe8\xf50HN\xee\xf9\xbe@G\xcb\x9b:gp\xa5cS\xf3\xf2\xb9\x05\xb6\x90i\xf9\xed?\x86F;M\xd9\xff\xd4\x94\xa3\xde\xbd\xf7Z\xf2m)\x1f\xd2\x03B\x86\xb3\xdb\xf4rv&gt;^\x03\xf8]9\xbd\x16\xd5\xa3\xd9\xc1\xb3^D(g\xc03\xf7\xe4\x10\xcfh)\r\xca\x98=e7\xeb\xb2\x84oaB\x1c\x97\xbe\xf9v\xeb\xd2\x05 r\xce\x93{\\}\xa8\x06e#A\xa6\xf0H\xefIg\xdc\xa5K\x9a\xb1\xf4\xfe\xf6\xe9J\xd5\x1c\xc3\xa0\x9cWL\xfd\xef+\x02\x1e\xbc\x10w\xe9\xc3V\xda\xf9Q\\&amp;\x8c\x87\xbe\xcdT\x14*\x11wK\x93X\x8fT\x05\xa0\x9e\x1ew\x82\xf4\x1b1h=\xc5\xb9\x1e \x00\xc0\x95\xd6\xc9\xe8+\xff\xf9Z\xe2\x18\x93\xdcL\xc9\x0e1]d\xce2\x05\xad\x7f\xfb-\x04`\xa3\xaf\x0e\xc1{\xd0^#\xa1\xe7VIiy\xee\xea\xf0\xdb\x15\xcb\x95\xdf\x040\x1by\xc3\xd8\x8f\xdfN+\x17\'V\x0c\xca\xc6_\xb3\xcd\x9b\x13\xd8\xc9\xb9r\xed\x19\xdb\x8d\x89\xdf|O\xa0^\x02\x84?\xee\x14r\x11\xf5Xi\x85\x05\xbd\xe8\x8a\xdb\x96\xbb\xce\xbb\xd6\x7fv!\xe0a\xfc\xa5)\x7f/in\xfe\xb9\xfb\xf7G\xad\x08\x0f\x8c\x1a4\xcb\xbe\xb4\x1e\xa8\xce\x07s\xd7\x9b%^\x91\xb9\xae\x1f^\x0e\xd9\xcb\x83 \xfe\xaf\xa5q~\x16\x17\x9a\xe0\xa2;\x9e\x8bW\x0b\x9f&amp;^\xa0\xa5Chl\r\xc6\x98\xa7^\n?\xde\x94\xd9F\xd2\xb7\xe9\'V\x00\x1ei\xee\xfc\x01\n&gt;W4~\x02\x18\xfa5\xf4\xa4\xe4\xbd\x88\x9d\x85\x8b\x04Z\xae\xbe\xb00\xb8\xc0\x96i\x17\xed)\x00O\xc9\x83\x84\x0b\xc0\xcb\x14)\xb1\xe1\xcb\x88\x13g\xe7\xb7\x06t\xef\xf0\x82\xa2dW\xf3G\x0cK\xfd\xcbA\x99:\xd9\x9e7\x06\x8cf\x1c\x84\x8fI\x0czn,\x96K\xd3\xf23xPSs!\xd3\xb5\xb8U\xff\xdc\xb0\xe3\xd6\xea\xde\xa1\x84\x03\x00&gt;\xca^6$\x0c(mp\x1a\x9b{r\'\x00\xea_m\xf6\x1c-\xde\x9ct\x00\x00xY\'\x80\xbd\xd2\xe3K\xa6p\x18\xc6\x12\xd0\xd2\xda\xd4\xcf\xe8\xa7\xdcT\xeb\x0b\xa2KE2\xb8\x9c\x00\xaa_Q^\xb3\x9c|\x0b*\xc7)\xd7\x14\x00-g\xa5\x90E\x9a\xfe\x04x\xc0\x9c\x88\xb7Fj\xeb\xccY]6\xd3\xfb\x1b\xd8|\xdfi\xe3\x96.\x9e\xe9:#D=\xe0*&gt;\xaf9\xab\xd0\xb0DU\xa5\xa8\xad\xdaw\xe3\xc6D\xc5\xb1D\xc7\x8dv\x0c5\xda\xc3\xfe\xa5\xee\xcd\x08\xb7m$\x8e5\xc5\x19xj\xd9i?\x9d\x8d\xc9\xae\xe6\xee@\xfeU\x93\x7f\x8bJ\xeb\xa5\xda\x8cj\xcf\xa7\xa9\xab}\xf8~\x19\x06\xd9z\xcc\xce\x1f&amp;\x8c\xaaZ\x80\x80\x9f\xd2\x8c:\x11e\xb4w\x19l\xd0\xbc\x8f\xee\x9e\xb5?\xdaY\xe9\xd6l\xe1\xbf\xb7\x1b\x1f\x14\xd5( \xdc\xb1\x7fi\xcf\xed\xa4\tFD\x96:\xc0\x91d\x8e\xe47\xb4\'9c2\x1c;\xe6\xe7\x11\xf7f\x87\xa1%\xea\xa4\xba\xfc\x880\x17d\xbdg\xcd\xf5\xf4)\x1a\x92\xf2cM\xb1aR\x9bU\xbf\x91\xb5\xc9}82\xdc?\xd2f\xd9\xc1pK`/\xb0\xc2_b\xb1\xb4\xf0\xd4*\t\x81\xae\xb7r\x7f\xe8\x01\xd4\xc4\xaf\xab\xa6\xc7\xff\xcdi\xa5\xa7\x996=\'\xa5\x1b\xedF\x14\x0ch\x0fP!\x1e\tDy8AT~;\xba\x17\xd2V\x94\xd95\x13\x7f\x13\x18p9\xea/&lt;{\xa7?\x9d\xdbs\xa3\x01&lt;8\x989\x15\xaa\x86bNvcb\xef\xba\x13\xb2\x93|\xd3\xf507 \xde\x04\xcd9w\xdc\xde\xe5x\xc1\xf3N\xd40N\x0c\xd1]O\x05%[~\xc8#\x99J\x19\x97mHHh\x89\xa7g,\x9a[\xcb\xb2G\xd9\\\xbc\xdb\x8e7fxG\xa8\xf9\xb8\xef\x9c\xd6&gt;6\xdd\x0c5\xa7\xd9\x05\xdeP\xb4\xc3\xc5\xdf\xa4.[\x95\xf7u\x8a\xf5\xc4\xc5\x91\x85\xcd7(\xaa\r\xed\xb9\'K\nG\xbb\x01r\xc63l{$\x965\xce=\xa6\x1b\xbf\xed\x8cwn\x15\xdeM\x00n\xba\xe01\xa0*\x15=\n\xb6\xa3\x92\x07\xc7\x00,6_\x8day\xa9\xa4Y\xf1\xcf\x02\xabW\x1d\xb2\xb3\xc1JZ\xddRl\x7f\xf6\x8a\xa6\xa7\xbb\xe6P\xc8\xf4\x8f:\xb7l\xafij\xc2\xd3d\x13}wx\xaa\x9bwm9(O\xf4+\x8d~\xbf\x98E\'Dcbsm\xf5\\\x00\xc0Wy\x86\xf7\x9a\xd4x\xa3p\xb6\x84\xf6\x04\xc2\x16K\x8a90,\x1b\xcc\xab\xea$\x80\xa6\xefa^\x91\x8e\x06f\xb6\xed\xfb\x08e\x1a5\x11\xbe\x07\xf4\xaa\xcb\xd3rZ\x1a\xc8\xa1D\xc0\xe7\x83=\xba\xd9\x0eW\xe5%\xdf\xe5z\xd2\x1c\xab#\xf2\xb3\xc5cy\x82$\x0b@\xbf\xd6!\x9a-\xacj\xe4\xdfgSg\x91\xc3-\xb62\xe6\xf7Z\x12"$I6\xf0\x13\xa4l\xff=\x81{n\xc6+\x97\xf3\x9a\x89L\xa7(e\xae\xc7\xb6\x9a\xc1\x9eU\xafy\xef\x1e\x03?\xb0\xaf;3\xb4\x85\xec\xc1\xb5\x7f\xcb\t\x18Y\x00&amp;\x00\xabt\xdd\x84\x89\xba\x94\xcfV\x9a\xc1a\x1f\xe2\x96\xee\x921\xa0P\x9fd\xef\x1bf\xb1\\;9\x1e&gt;+\x9fq\r(\xeaM\xd9\x9e(&lt;{~\xd97wn\x90\x03\x9en&lt;\x89\xce\xb4\xa5\xc2L+U\xde\x99\x9c\xfc\x9a\xaa\xd9B\t\xb7m\x92\xa8\x06\x16\xca\xdd$!\x0e\xb8\xb0\xc9\xfdFu\xc0\xda\x90b|\x9b\xb6\x8d\xf5\xd1O\xab\xc1\xa6\xebl6\x14\xcb \xaein\x13\xea\xdf\\]@*\xe6&lt;d\x10\x01\xcf\xd3]\x86\xc5f\xfb\x8f\xf1\xb8\xc3\xea5\xba\x12h\xf5\xf8\xb5\xbf\x9d4\x13n&gt;\'z9\xc2\xd3\xf5\x19O\xbdk,\x0f\x8e\x88\xect9R\xd4\x9b\x0c\x17sq\xc6s\x8b_\xb2\x84`?\xd2\xa9\xf8\xd7\xed\xfb\xc0\xfc\xae)\x9e\xb7\xcf\x0b|N0\xb1\xa8\x13v\xc0\r\x0c\xb6C\xd2a\xba\xa8Z\xe5S\xf7\xfc@S\xad\xaax\xe1\xcd\xca\x88\xf3Euu\x8c5\\\xd2N\x88|\xbf\xc38g\xfd\x91\x88\x04\xf6\xf0\x14\xf8\xd2\xc5olH\xe7\x0f \xb2E\x01o\x8d\xaaQ\xb8T\x86\xcax\xab@2k\xfb\xffv\xe7\x01e\xff\xc1\xec\xe9M\xb2\x1d&gt;V\x85R\xaf\x00d\x970g\xe7\xa6Rk\xae4\xf5=\x99X"\x02nb4+\xca\xc7*\xb7\xb74V\x1dRbq\x1e\x07\x9c\xeb=\x916\xac\xa7\x14 \xe0\xe2\xde\x93\xb1\x8c\xe4\xb3\x00U)\x95\xb5\xd8\xb4\xe9Q@)U\x05\xa0d\xdb\x19US\xf5\x80\xb9\xf1\xa1\x04\x0f\x03Y\xb2&lt;+\x00\xbb\x97?\xc1o\x81\x08x\xcf\x84\xff/z\xf0\xd4\xb5\xc4u\xc4D\x0b\x86\xc2v\xf5\x84\xd2V\xb4\xe6\x9d&gt;Ok|\xc9\xacm\xa1.\xb0}\x0c\xcb\xfc\x85{`\xb0\x84\xd8h\xb1\x87Z~&gt;}\x80m\x8e\x9dL.\xaeLjfpS\x8e\xd8\x05\xdeQ\xb5\xcbU\xce\x1e\xba\x14\x99&lt;\xf6,6/\x88\xa6$%k\xdb\xc0\x1e\xdf\xd9\xe8\x18.\xbd\xbeC\x1a!\x00x5\x01\x9f\xef\xf6,o\xd8T\xdd,Y\x8f\x8f\x87\xcb:0\xee]k\xe3\x1f\xc8\xdd\x82\x08x\x94\xf0\x92\x8e\x16\xaf\x9e\x19\xb8\xd9}ww\x9f\x99\x12\xeba\xb8rs\xeeR\x1bF\xf6\x018o\xe5\xd0\xbf: \x83#\x91-\xb0w\xec0\xdb\x14=\x04\x90\xa2\x00\x00 \x00IDAT\xbe\x08\xd3\xe5t\x99O\x01\xc3\x8b\xab\x8cYk\xac9;N&lt;N#\x9fh\xa8k\x18\x08\xad\xa4\xa6\x07\x92\tD/\x8a\xd5\xd7\x92S\x99=\x93MkNR\x1b\x04\xdcNK\xf1\x0e\x16\xc6C-\xab\x93\xd0F\xfb\xb9zn\x00\xf8\xc5\x89\x9d\x92\xc0J\xbc{\x0c]\xe2\xceZT\xf6`o\xf2\xe7\x8b\xb0g\xf4\x12\xe5y\xd8]\x93AL\x17\xd9?\x85\x90\xe5YY\x00\x82Y\xc3\x899M\xc1Z\x86\xf5vM\xe4f\x0f\x8c\xaa\x0b\x83\xa6\x17:M\x86\xbe\xce\xef\x1e\xdf#\xbd_\x00\x1e\xdf\x96Q)\xad^\xa6\xe7\n&lt;$\x1b\xc9m\x1e\xb5\xa9z\xd6\xc0\x98\xd1\xebm+\x88\x9eo\xb1\xf9\xba\xe4\xdd\xdd\xeb\xb7\xb6V\xc1\xa6\xeb\xdaP\x89\xca\xa7\xe6\x809C \xba\xb1\x92P\xc0\xdcm\x85\xe4\x9c\xfa\xc4\x89ic\x8d\xfb\x96?\xfbF\x1c\xd7\xba\xb5\xacr\xb1\xc5\x0fGf\xcfw\xd2p\x90R]\x03pg\x01\xd0=N\x86&gt;2-\xf3\x0eZ{[#\xe8b9-\x81\x84To\xd8\xdfsU\x12\x8a\x1c\xd5\xb3{\xfc\xf56M\xd3\x15\xb0&gt;\x0c\xc1\xe9\xa117\xea\xdc\xab\xd4\xe6\x95\xcf\x84\n#\xc3\xbe\xbb\xce\xf2z#\x92\xab\xa8K\xef \xc2\x94"\xa7\xb6\xcf\xc8\xe5 \xf1\xcel\x1a4\xc4\xde\xd7\xd4\xe5\xc0\xd6\xa5NO$e\xba\xf5%&lt;"\xd9/\xbc\xd5\xe5\xdc^5\xf4\x1f\xa3\r\xf9\x07TT\xea\xdc\xd2j\xce\x12\xc1S\xb6\xe1/\x96\xd0\xeaJ\xc2&gt;\xc8\x92\xfa\x99A\xc6\x84\xef\xf7PP\xb4\x9c&amp;\xe1[\xedB\x8f\xc6\xfb\xb0\xeb)SL/{E\x11\xddi-\x18\xb7E\x8d\xcd\xb2\xaaj\xe2\x0b7\x94Yf\xfd0\x11\xd4\xfbr\xfat\x15\xa8\xdb9C\xf0\xe75\xf3\x08\x97\x1aO\x04&lt;\xa1\xcb\xcd2|\xdfQ\x9c\xa7\x05r\x8f\xee\xdd&gt;^m\xad\xbe\xa3iu\x80\xddpC4=\x00\x06\xba\x9bU\xda\xf3=T\x05l\xf0\r\xc32\xfd`\xb4\x95\r\xb5\x18\xa8\x8bm\t\xaf\xdbH\xce\x8a_*\xac\x85\xd8\xb7\x1e\xd4\x98\x98Ng\xda\xc2{s\x14\xfb\x10`?\xbaq\x9eM5\xe4W\xf7\x7f&amp;D"\x85\xf7H\x1e&amp;\xeb8\xb2\xcf\x96\x0b\xad\x0f\x81\xb03Zt7R!\xd5\xa58\xc9:I\xc1\xda\x98=\x91\xde\x89\xd3I\xeaXs\xdaA\x8b\xae\xb9\xc9&lt;\xbc\xa2\x13\xb4Dy$\x12\xb8\xeb\xc2\xd3-|\xbe\x08\xed#\xc2\xc7\xd3R0\x14i+\x8f\xda\x07\xa09\x0f\x18\xb6\xbdbZB\x9bg\x0f\xa7\xcb.y\x07:\xdczG\xc8\xf6\xc4\xfe\\\xdc\xac7T\x95\x1c\x83\xd5\x8c\x99@\xde\xe6\x9b\xb8\xd7=\x01&gt;?\xcb9\x83a\x07\xd5{/\xe3{\xc0\xd6E\'\x0e\xe0\x04\t\x15\xfd\x86\xe7\x81\xacH\xac9\x01\x18\x93\xd1y\x16\x9c\x91\x0c\xa3hHv\x19\xc4\xbb\x08=\x96\xe8\xed\x8b\x07\x1ef\xa8\xceu\xd7\xb8,b\x9ag8#}9\xbf\xe0y\xfa\xfb6\x83p\xee\x8e\xfee\xd9\xe9\xb0\x19\xa9\xa7\xb8\xa2\xf0\x7f\xeb\x97\xf1!\xc6\xaa"y\xe2\xb1qR\xbb\xa4W\x88\xda\xf5x\x1fGD\xc0\xd3\x0e\x0fr\xc1v\xb0\xe6\xa5\x93\xec\x07_C\xb3b\xfe*\xb6/\xe4\xa4i\xe0\'-\x15\x03\r\x99&gt;\x05Z\xde"3\x0e\xe6g\xd0\x1e\x7fF\xaf\x9b\xfbd!4\x18\xf9hT&amp;\xfd\xb9\xf9"j\xf2\xe4\xed,\x0bU\x88Y\xcfr\xee\xf2\xb7\x1bO_\xb4\x1c\x9e\xea\x92\x1b\xd5U\x00\xaf\x15#\xa3\x8a\xbcAV\xe7Q\xe2\'\xa3\xa8\x1cNWn*O\x04:\x86\xdc\xa8j\xc9,\xd3\xc5\xc5\x1a\xe2B\xae}Z\xb3?\x11\x01\xdfY\xbd\\\xc6\x0f\x0e\xa5.\x93\xa2\x9f\xc5\xfc\x94\xac\xdc\xed\x93\x1c\xe7\x9d\x99G&amp;}\xed\xf3\xf6\xc4\xf9Sp\xad\x0c\x18$\xff\xaa&lt;\xc48\x19\xe7y\x15Z\xe0\xe1\xc9@\xd0\\^\xf5j&gt;\x9f\xd8\xb7so\x92=\x0eJ\x07F\xaa\xf7\xe0z]\xc5\xdc\x97\t\xbc-\xea5J\xb8\x06\xc2g\xae\x99\xffv\x9e\xdeD!Y\x9c \xd9\xe60f[\xd7\x9ez\x8d\x95\x1d\xebfb\xdfw\x16~\xf4d8\xdeR\t\xaa\x9b\xcd&gt;\xc9\x1bY\x9c\xd3I\xf1Z\xf5\xf2\xb2\xd6\x08\x007i\x1c\xbe\xfd\xfc\xbf\xa8\xf0\x8e;\xa2;\xde\xc90NQ\xefh\x17\x12\t\xc6\xbc+8Gs\xda\x1a\xf7\xc3\xa7\xaa\xb2z\xea\n@\x00h\x8d\xbd6\\(n\x9cUj\x0c\xee&lt;\xccs\xd6\xf4\x96\\\xcc\xef\x7f\xf1\xe5\xc6\x9brq\x04\xb2\xb8\xed02\xd4;\xed\xc3m\xcb\xd8\xcej\x00=s\x05\xb9lrD]x\xd8\xf8\x94\xae\xbea\xf3\x90\xac\xc0\xf8\xab\x05\xe9\x14\xdc\xa3\xa5\x95\x8bkHF\xf1\x00\x11\xf0\xd7jk\x1a2\xf9\x89\xc1[\x94\x0b\xe3\x922\x1b\xfaa\x8b\x12 c\xf4S\x02\xd5\xb4\xdeY\xf8\x97\x97\x85\xa4\xac\xde\xacC\xcd)\x87\xce\xfcI\xdb\xc5\xcb\xd7\xd9\xf3\x9a\x99&amp;\xb7\xdf\x9b\xd7\x93\xe7Ib\xe4)[\x14\xa7 +\t\x8b\x99\x8fh\xbd\xe6\xc8\xd3\xd2\x00\x13\xf2\xf5\x1eP\x86)y\xf4\xe1EK\xf7\xbc\xc26%YPX\x1b\xd6\x10\x00\xdc\xac\xcd\xb6J\x85\xa1\xf4\xe6e&lt;&gt;\xc6\xb5\xc2\xf3\xda\xb13\x07\xe9\\\xd4\x0f\xce\x959PzM\x1er\x7f\xa0&amp;Q\x00&amp;\xfe$\x01o\x11\xd2t\x19\xb6}\xcc\\\xc5hk\xe5\xc2\x93h7\x94\xed\xab\xcc\x15\x80&gt;9\xe9\xact\xe8\x02\xd0$\x9e\x80Vb3S\xd8rW+\xed\xd1W\xb7\x84\xed\x89\xc0\xc7&lt;\xed\x9bS\x80gJgg\x1b4/\xd2\xeb\x1d#7%\xf56\xdd\xfdJ\x01\xc2\xb3G\x0f\xd3-\x9bD\xa9\xb6Nz\xfa\xf73U\xc6\x9c\xd3n\xd6\xf1\x8c\xbd.\xaf\xee\x15M\\*\xcd\xbd\x88.\xbfEB\x04\x08\xb8{\xa2\x16\xaa\\|\xbeT\xff\xbe\x16\xde\xa6\xd2\xb2\xfaL\x7fU=\xe9\xc2\x9f\x92\x9c{\x0ep\xca\x92?Q}\xae\xdc@\x1a\x13\x9bP\x9d\x15\xfb\x12U\xa82\xe7\xadSE\x95wuvRy\xe6N\xb1iN\xa5\xc5ku%\x9b\x8a)b[9FW\x1e=LsWg\xee\xf4l\xcd\xa6F\x08x1\x80\xdf\xecP\xd4\x87\x8d)\x02\xf1B\xa5yze\xd6\x87*\xb3\xb6\x85\x90\\\x8e\x9fTg\x97Nh\x04\xdc\xb2w\xcaZ\xe2\xc7g9\x8e\xbf\x1c\x13H\x81\xcc\x11\x8c\x83\xb4^W\xf6\x1c\xf3\x1d\xf63\xfd\'\x12\x01\x17,\xa2V\x96\x94K\x0b\xa5\xabk\xd4\xe9)\t\xfb\xeb\xe8\x17\x15\xea"f\x8ek\xea\xb4\xdd\xe7d\x0f\x88sK\x98\x93\xac\x1c\xccA\xbai\x8c\xc7\xd0\xa5\x80\xe1\xd3E\xdar\x8bC\xca\xfa\xfc\xe3\xf7\xf2\x80\xa2\x94R5&gt;7:\xb8\xa3\xbc\xd5%\xdc\xdf\xa9\x95\x01UW\xd3\xcd\x1e&lt;n!\xa6\xa9Fw4\x89v\xc6\x96\xc3\xbdJ?\xa8==)\'\xdb\x92\xe7\xa2\x9ax"p\x18V\xe7\xeb\xcd\t\xf8&gt;kp]Q\xe1\x7f6)?K\x1c\x08\xfc7\xbd\xf1\xf0\xf1\xd0Z\xfat\x80\x88\x1e\x12\x81\xd9\xb1\xfdwK\xe0\xdc\x9f&gt;\xbd\xefP\x02|w\x1e6\x15\x83\x04\x0f\xd6\xcc\xa7\x13\xd6sv\xcc\xef\x94\xf4n4\x7f$\xc0?\xd1\xb0\xbe\xb3\x11\xf0\x8c\xa2U\xdfb\xa7\xea\r\x84\xb3\xbb\x0b\x9b+!\x10\xcer\xa6\xf4g&amp;?\xdd(\x10\xf0\x84\x03\xe5\x0bm\x13\xa87u\x1b\x12\xca\xc5\x95Rl\xe6\xcb\x03S\x10\x84\xd3\x86\xfdX\xdf\xfb\xab\xe5\x18n\x9cR\xe7clCN\xab\xf1\xe4\x02\x83\xcdI=|\x0b\xdf\xc1;O\x02\x83#v\x9bl\xe0\xc90\xdb\x88\xeeD0\xcd\xda\x00hS\x08\x88\x1e\xbb\xbe\xac\xa6\xd7\x98o\xdd\xc6\xda;\xfbV+Yt4\xe9\xf1\xdd9\xbeX\xbb\x9dn\xd1\xd8q\xc7\xd3\x15\xc7\xa9g\x01\xef\xf8e\xb2\xc5xq\xe5Cu\xfd\x95V\xcb\x8eq\x82\xd8J\xef\x1e\x85W\x8a\xa4^|c\xb4\x13\xbd\xb0\xee29\xc7=\x80\x87\xde\xca\xccP\xf51k\xf2\xdc\xbbi`\x1d\x87\xc75\xa9v\n\xa4\x84\x04\xd37~aP-\x17[\xfe=8f\x93\x0f\xa4K#\xdf\x9f\x05\xa4\x9c\xf0\x16\xcf\x17\xbd\x19\x81\xf4^\x03\xf8@\x1a\x98\x9bg\x7f)3w\xd8 \xb6(&gt;\xf2U\xeb\xa564\xe69{W*\x98uM\x9d\xfc*\'\x135\xb9luK\x07\xfc^,|\xab\xbd\xdb\x17m\x0bmL\xda7d$[G\xc8\xf9V\xf8\xa0\xa6\\\x0c\x81\x8b\x8b\xca\x92S\xfa\xdd\xf7\xde\x9b\xd6\xcb%\x81\x86\t\x8e\x9c\x13\xc9&amp;8\xbc6&lt;\x8eR\xaa\xcc\xb8\xb3\xe4\x8d\xf7\xdbI\x80pq\xfb\xf0\xfag\xe9M\x01\x11\xf0\xd2&lt;\xf30\xc5\xbb\xd9\'j\xa2\x0b\xf0]\x88S\xa4\x1dV"\xcf\x06\x1a\x8b^\x8dDFqw\xa6\xd43\x0c\xdfs\xc6k!W\xae\x93\xff\x1b;\xce73\x88\xfb\x9bwOU\x01H&amp;\xc1\xe0&lt;\xb59\xe5\xcf\x98c`J\x8e\xde\xb0\x8d\xda\xd1{D^\xcb\xb5\x0f\x1a\xdeV\x14\xe7}mL\x1d\x90\x03\x1a\xcd\x11\xe0o\xd6H\x00\xf0\xb9\xbdP&lt;\xf9\x00~?\xab\x9a\xcfzB\xaf\x96\x96\xf96qf\x1ambb\t\x1c}\t\x16\xca%\xaf\xa8r\xb4\xea\x8ayV\xce\x90&lt;\x8a\t&lt;\x16\xc2T\x89\x9a\xd9\x96v$\xd4.\xb5\xb0k\xc1\x7fj\n@\xf9*\x12""\xfa(-\xd7\x8c\xa7\xb5\xe5\xdbB\xda\xb4\xc1\x91\x92Y&gt;\x0eR3@x\xc9\xa0\n%j\xe32\x93E\xd2\xa3\xd1\xec\x892\x12\xcc\xf5\xd6/OQ\xbf\x032\xd2\xc1\x89\x90lu?\xe5%\x91\x0e9}\x9dr\xe9\xb8\x05\xfd\xbd\xc3\xaf\xce\xb5\x0e\x9b\xaf\xee\xd5m\x90+C\xa58\x1b\x97\xf1\xd5\n\xd8J\x9fl\x1e ,`\xe8y\xea;\x00j\x94\x8a\x1d@\x84\x1b,&gt;\x91\x9a;\xff\xb4s\xe8*T\xfb)\x00\xea\xbb\xde\xfc\x02 \xc7\x93\x1ec\xb2\x9d`\x06\xec\xea5,\xe4\x9d\xea\xdc\xe5\'\xe6n\xd7\x16E\xa5}\xbd\xf0G\xf4\x821\xf4\xae_,\xe6\xeeM$\xf0\xdfJ\xac\x11\xea-VI\xadF\xbe\x03g%\xd5g\xfb?\xd1\xfb=\xe9\xd4ygo\xba&lt;\x13\xac\xb0~f9\xee\xdcM\xd9\xfa\xd5o\x9a\x86\xf0EF-\xcdk\xe8m\xf3\x8b\x96\xf1\x9d[j\x00\x1b\xfc\xbe\x94\xc0\xae\x02\xe0F\xceF\x1bp\x1azX\x93\xd6\xac\xef\x04\xcb\xe4a\x08\x00^\xc1^\x0eH\xf0rY:%\xe1b%\xcf\x86\x05 !6\x9d\x94\xb3\xf0dM2\xcf\x97iu\xf5\xe0[\x97\xec1\xad\xdd\x7f4j~\tGK/\xe74\xa6\xcf\x90De\xe5o\xba\xec\x9d6?\xff\xe6\xdd.\x80\x94\xd6\xb5\x80/\x9e\xb1\xd5bp\x9f\x95\xe7\x15\xf5\x90\xd1\xe7l\x88":\xd7\xc2&lt;($I]\xc7,S\xe9J\x1cKH\xccxN3\x15o\x7f\xc1\xbe\x84\'\xd8\xe6\x9f\xe7\xaa\x07\x8d\x87\xf8\xa1\xa2|\xea\x0fB&lt;\x19\xfb&lt;\xf7%\x99\x97\x02\xb0U\x80\xb3r\xd2Z\xd6\x16\xba\xc2g\x00FU\xdb\x0f\x12\xa5\xa6\x0ec8\xae\xd3%\xed@\xc8\x11U\xaf\x18B/\xbe\xdbt\xf2\xd3\xea\x13\xa5\x94\x03\x00\x7fBD\x7f\xba\x1b\xb4\xd8\x96\xeb\xff7\xa2\x85f\xc9y\xd4z\x85\x10\xa2z\x00\x8ca8AB}\xfds+\xa6\xaf\xc1P2\xe9\xb0\xd12\xa9\x1e\x16s-\xa4\xc3\xe7{\x93\xed\x10\x7f\xe3\r\xfc"O\xadu{Z|\xbbz.b\xab+G\xbaCD\x81wx\xdc\xa3\xc6\xd6o6&amp;\x85\xb4\x18\xec\xd3b\xafp\xbe\x19}\x19m\xbb\x1a@\xb5\xde\x07O\xc1v~\x8fm@\xa7@\xca\x8fV\x92\xed\x07#l*\x8f;\xea\x88n\xed\x00\xd8\xd9\xed\x1b\x93\xb03\xe7\'\xc51o\xcd\xfc \xfe\x1d9e\x86\xe4\x86\xa2xne\xf0e\xef\xbe\xbf1\xd1\x87\xc1\x9b\xd94\x90e\x8aE\xed)\xf5\x08e\xe6\x16\xd8{*\x00\x1cI\xc4\xf3K\x9c\x7f\xbfIoR\xa4\x9a\x06\xad4e\xfd\xad\xe8a\xbbm\xf8!C\xfd\xe6\xba\xd6&gt;\x19xs\xfd\xb2\x05\xb2w!\x85u\xb7+\x9f\xc7\xc7\xe7\xdfp\xae\xda[\xe7\x8by\xc1\x7f2\x0c\r\xb4\xfd\xfd\xb2-dV\x9d\x96\xc4\x90\x8b`N\xb0\x91rb\xdevy\xe6\xff\xa3&amp;\x92\x1cf\x13\x8f\xc7\xc36\xae\x9a\x80Z\x08*J\xc3xj\x05\xbe6\x82\x95+;\x97YfU/\xf1*\xe0KL\xb6\xb8\xc7\xc2\xcd\xd5\x88G!\x18\x93\xab\x8c\x05\x0f\x88xP$\r\xdd\xb5%\xbdm\xd0\x0c\xb8cC\x06B,9}Z\xe7\xa7\xd7\x88\xcf\xe3 \x02\</t>
        </is>
      </c>
      <c r="E261" t="inlineStr">
        <is>
          <t>&lt;class 'numpy.ndarray'&gt;</t>
        </is>
      </c>
    </row>
    <row r="262">
      <c r="A262" s="1" t="n">
        <v>260</v>
      </c>
      <c r="B262" t="inlineStr">
        <is>
          <t>steps_per_sec</t>
        </is>
      </c>
      <c r="C262" t="n">
        <v>3800</v>
      </c>
      <c r="D262" t="inlineStr">
        <is>
          <t>10.088838</t>
        </is>
      </c>
      <c r="E262" t="inlineStr">
        <is>
          <t>&lt;class 'numpy.ndarray'&gt;</t>
        </is>
      </c>
    </row>
    <row r="263">
      <c r="A263" s="1" t="n">
        <v>261</v>
      </c>
      <c r="B263" t="inlineStr">
        <is>
          <t>Loss/object_center</t>
        </is>
      </c>
      <c r="C263" t="n">
        <v>3800</v>
      </c>
      <c r="D263" t="inlineStr">
        <is>
          <t>0.76204664</t>
        </is>
      </c>
      <c r="E263" t="inlineStr">
        <is>
          <t>&lt;class 'numpy.ndarray'&gt;</t>
        </is>
      </c>
    </row>
    <row r="264">
      <c r="A264" s="1" t="n">
        <v>262</v>
      </c>
      <c r="B264" t="inlineStr">
        <is>
          <t>Loss/box/scale</t>
        </is>
      </c>
      <c r="C264" t="n">
        <v>3800</v>
      </c>
      <c r="D264" t="inlineStr">
        <is>
          <t>0.12790917</t>
        </is>
      </c>
      <c r="E264" t="inlineStr">
        <is>
          <t>&lt;class 'numpy.ndarray'&gt;</t>
        </is>
      </c>
    </row>
    <row r="265">
      <c r="A265" s="1" t="n">
        <v>263</v>
      </c>
      <c r="B265" t="inlineStr">
        <is>
          <t>Loss/box/offset</t>
        </is>
      </c>
      <c r="C265" t="n">
        <v>3800</v>
      </c>
      <c r="D265" t="inlineStr">
        <is>
          <t>0.18296596</t>
        </is>
      </c>
      <c r="E265" t="inlineStr">
        <is>
          <t>&lt;class 'numpy.ndarray'&gt;</t>
        </is>
      </c>
    </row>
    <row r="266">
      <c r="A266" s="1" t="n">
        <v>264</v>
      </c>
      <c r="B266" t="inlineStr">
        <is>
          <t>Loss/total_loss</t>
        </is>
      </c>
      <c r="C266" t="n">
        <v>3800</v>
      </c>
      <c r="D266" t="inlineStr">
        <is>
          <t>1.0729218</t>
        </is>
      </c>
      <c r="E266" t="inlineStr">
        <is>
          <t>&lt;class 'numpy.ndarray'&gt;</t>
        </is>
      </c>
    </row>
    <row r="267">
      <c r="A267" s="1" t="n">
        <v>265</v>
      </c>
      <c r="B267" t="inlineStr">
        <is>
          <t>learning_rate</t>
        </is>
      </c>
      <c r="C267" t="n">
        <v>3800</v>
      </c>
      <c r="D267" t="inlineStr">
        <is>
          <t>0.0008200001</t>
        </is>
      </c>
      <c r="E267" t="inlineStr">
        <is>
          <t>&lt;class 'numpy.ndarray'&gt;</t>
        </is>
      </c>
    </row>
    <row r="268">
      <c r="A268" s="1" t="n">
        <v>266</v>
      </c>
      <c r="B268" t="inlineStr">
        <is>
          <t>train_input_images</t>
        </is>
      </c>
      <c r="C268" t="n">
        <v>3800</v>
      </c>
      <c r="D268" t="inlineStr">
        <is>
          <t>[b'512' b'512'
 b'\x89PNG\r\n\x1a\n\x00\x00\x00\rIHDR\x00\x00\x02\x00\x00\x00\x02\x00\x08\x02\x00\x00\x00{\x1aC\xad\x00\x00 \x00IDATx\x9c\xed\xbdw\xd8=IQ\xf7]\xb3\xc0\x8aHX`\x01\x11\t"iQ\x82"\xa2\xb8Hp\x01\xc9\x12|\xd8]V\x10\x11$# I\xe4\x05\x04$\x8a\x04\x91(\n\xb8\x02\x0f\xb2.JV\x82\x02\x8a(\x92\x16$\\\x04eQ\xe0%\x0bJ\x10\xbf\xcf\x1f3\xd3\xd3\xa1\xaa\xbb\xbag\xe6\xa4\xbb&gt;\xd7\xf2\xe3\xdc3\xddU\xd5=\xd3U\xdd\xd5s\xe6\x10\x19\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a\x18\x86Q\x0b&lt;2e\xd2\xc2l\x15\x10\x01\x84\xe1\x83\x8a\xacm\x83\xb4E\xc8\xaa\xf2\x8bM\x05!\xf7O\x7f\x00\xf8\xa9\xdeHQ\x9a\xd7{9\x8d\x9c\x96O\xc6\xa74\xc6\x97\xcb\xe4M-^\x9d\xb1\xe1\xe5v\x852\xb3\xc5\x12\xad\x811\xf7\x10\xbb(\x90pU_\xd4p\xdbh;\xce0\x8e,z\'\x93q\x10\x98\\C\x15ZuK5\xb3\xae\x8ao\x03o\xdb\x10\xed\x14r\x86\xd0\x92\x16\xcew\x89\xd7\xa5U\xb6KZr\xd6\x16,y\xaa+3\x186\x9d\x92\xe3\\\xd5U\xf6\x0b\x03\x00^\x8d\xb7\xa4e\x049\xaf\x15\xe3\x84E\x00\xc3\xc8\xa1\x18_\x85\xe9!~\x7ftpyzgqY\x85IY\x7f\xd40\xa45\x9e\x9a\xa9%w\xcb\xf9+\x84L\xde\xdf}v\xbc\xa1\xd4\xff\xc5eP)l\x8b=\xc9\xda#\xc9\x04^+M\xfc3\xb7\x0e@\'\xf7\x1f\xce\x95\xaf\x1b\xc8\xf0\xaf\xfe3\xc32_\xcc\xb4\x94\xbc\x9b0i\xa3\\\xcf0\xf6\x9c6\xef\x16\x0ba\x9d\xb5DN\xce\xf9\xfc\xe17\t\x9fcL\xa8sc\xa3yY\xf7!u\x9f\xe4\x85\xf9\xba\xc71F\xe6*\xa6\x9dy#\xae{\x8b\xc6\xfb\x01c\xe2\x87\xf3B\x00\xe0\x95\x04\xdcZ*\xc2Z\xa1\xccG\x151\xafo\xec/\xdd\xe6U\xaa\x87YG\x04\xea\xba\x8e\x08:C\x95\xc58c\xbai w\xdd\x9cN\x01\xd1\xbb\x89~\xa2\xce\x06\x1a\xb4\xcfS=H\t\xbb\xb7Jdxi\x82\xaa\xc5\xbeMUs\x042/@\xf4U\x95%\x92\x00\xb1pT\x8am\xd7\xd4\xed\x19\xd1\x86q\xd0\x1c\xb3y\x95]\xd7Q\xd7\x11}\x8c\x88\xe8\xc5\xcc\x98\xeb\xbant\xfb\xe3\xd8\xd5\x85\x8c\x86\xf1\xdbu\xdd\x95zm]7\x08\x98\x9b\x08\xa7k\x94\'\xda\x9f\t\x8bL9\xe9Y\xaa\x89\xba\xa9{\x9d\xc8V\x99\xa1\xf7\xd7\xab&gt;!4 $0G\xf2\xfe\x19%m.\xbas\x17\x97\x88:\xb7\x9d\x106\xebzM\xa2\rc\x9fYf\xce\xe3F\xd24\x91\x062\x13\xaa\xc1\xa9\xcb%\x82\xe9d\xd7\xe5\xa5-H8\x8dm\xd4\t\xe0+]w\xc1|\x99o\x13\x1d;\xa9t\xc7\x17l&amp;\xea\x1b\x02`)\x13zQR\xec\xc8\xeb\x98r4Q\xf5\xcc\r\xa3X\xf7D\xeb\x80\xe1\xde\xf7n3[\x00\x18G\x8d\xe5V\x00x\xf48[\x1f\x1eZ\xcc\xce=\xbd\xd9=\x7f\xfe\x07\x89hX\x0c,fbo\xda\xafg\n\x84\xbaZ\x92\xc2}\x85\xe3J{\xaa\xdd\xb1\xd4\xf5\x06\x85\x05\x9b\xe7\xeb\xc3s\x93\xd7%\x10\xdd\x817\xaa\xcc\x82\xdd\xdd\x8b\n\xa6\xde\x89A\x92Yn-\x16K,\xe9\x9c\xe4sW\xae\xeb:\xfa\xb9\xce\xad0\x07-\x83T\xf3\xfe\x86\xa1\x03\xdcC#\xec\xf3\'\xec\x08\xf77\xdfD\x15\xe3\x12}x\x1c\xb0\xca6\xee3y[\x8b\x05\t\xc2\xae`\xf19\x19\x8a60\xb9Sy]U\xde\x7f|R&gt;\xf3d\xd4\xab\xa7\x8f\x0f\x94\x9f\xa1\xe4\x02\xf1\x19u\xb9\xb7\xac\x9d\xd2&amp;\x7f\xa1uM\x9d\x12\xeb\x9ac\xb8a\x18!\xc0e\xa5\x91\x85s\xd3/\nn.\x11R1@\xab\xddb\xf8\xd9\xf7\xda\x92k\x0e\xd5\xf1\xe6Ag6\xeb|\xf0\\\xef,g0\xee2\xe8\xbd\xaa\xa6\x85\x93=\xd7\xe8\xd5\xf0\xeeU\xedr\xd9s\xa0 \xae\xa8\xedb\x85_\xd6\xe9\xd7\xd8Ci\xcch\xd4\xdbR\x1dD\xc0\x17\xa5\xaal\xb04\x8c\xa3\x02\x04/F\xea\xa9b8\xb6\xa3\xe3\xc2\x8a\xa1u\xccI\xfe\x0b\xf8\xff\x06\xef\x16\x1f\xa7\xc0O\xa5fd\xddJ:\xd5\xf5+6\xb5\x80\xe7\x96n\xbd\x15\x98\x9dR\x0eZ\x93\xcd\x82.\xf7|j\xe3%\x08-\xc8t!\xbc\xafd\x03\x7f\x05\x00\xf8\xa7\xbc\xf1z\xd5\xda*\xccb\xe5\xec\xb4\x8c\xac\xab\xc1L\xc38h\xfe-\xfcSr\x00\xe3\xd8c$\xb8\xd8\xd00\xc0\xd8q9\x8d\xf3o\x06\x13:7\xbf\x93\x86s\xe0 du\xc0o\xba"\xf3\'\xd1U$.\xac\xb7J\xf1\xd5\xdc\x19\x1asgCcb\xef\xca\x9b=^\xee\x19\xb1?\x96Y\xbf6\xcd^gQQ\xab\xb1\x86\xb1?Td\xe4qrn\x1e=J\xab\x1a9\xfa\x81\xc6No\xdd\xdc\x19 \xe0\xf3\xac\xac\xfch\x06\xae\x030O0\x8e2\xb9\xbd\x07N\xce\xa3WN)h6-\xc8\x9b\xe37k\xc9\x9e\r.\xb7\x0b\xf3\x91m\x9e\x0f}\xde)\xee\x88\xbas\xd2\xc5\\$V\xdd\x96\x96\x00@\xaeQJ5\x86\xb1\xa7\x9cAD^\xe6\xa1H\xce\x05\xf7y\x18ncV;\xa9T\x18\xcc\x08\x1f\x8fH\x83\xbcm\xce\x1e{:\x9d\x84*/\xb3\x1e\xcd\x196e\xb1\xbe\x8doN\xfa\xf6\xbe\xae\x8c\x17!\xbcZ\x04\xe02\x89:\\5\x10\xe2\x12w\x8cj\xa1\x7f\x91| J\xbc\xbf\xb2iS]\x0b\x00\xc6A\xd3\x8f\x8b\x9bx\x7f\xc6\x05\x88\x00\xbaxr$Y\x04\xa4S\xadD\x91&lt;\x81\x8d\xea(f\xa0\xd3\x9f\x1f\x08\x02\x00\xef\x7f\xf9\x83\x97\xccfQ\x84\xc9\xe3/e\xcb;u\xb9\x06\xec*\rq\x0bA\x9f\x8f\x1f\xae4\t\xf4\x84\xf3\x1bE\x83\x90\xdb\x04\xa9!\x08\xafJm\xc8\xcc\xd4^\tL\x8f`=\xaeV\x97a\xec\x19\xfd\xfd}\xde\xfe\xf3\xe8y\xe3\\\x87b\x04\xe4\xbd\xbf/S\xb9\xae\x07\x9e\xc4\xe61\\\xb6\'\xf8s\xac\x9c\xfak\xdf&lt;W\xe5\xa5^\xc9\xd3$c\x88.\x1f\t\xbcp.2\xcdq\x16\xf1\xa4\xb5A\xc4l\xe4KW\xaa\xf8\x7f\xc4n\x1f\nD\xd1\xb4uu\x12\x89j\x95Q\xe6Oz]\x99\xbb\xd90\x0e\x86\xd4\xfb\xf8\xb7|]\x00\x90\xfdWQF:\xd4\xa4\xe1\xe7\x02\xd5P\xe6c\xd1f#\xe3\x89\x82*In\x871\xc3;\xa1t\x01\xf9\xec\xb6o\xc0t\x84_d\xe4\x12 \xcd\x06\x94\xab\xb7:\xbb\xb4\x157K\xc5.\xe7O3B\xe6\xc4\x95\x8c\xa2\x99\x06\x1b\xc6\xde\x80\xfb\xc5\x1e_9_s\xc3\xe4\xb7\x84\x02\x9f\xf0\x04*9&gt;]\x16\xb0\xd3I&lt;\x9bs\xa3\xd3\xd0\xf5\xd3\x14\xa3\xb5BRh\x92|\x9c\xdaL-\x05#\xa5\x13\x93\xfd%\xf9D\x00\x9e&gt;\xd3\xbc\xdaZD\xc3w\x17~\x80]\xc6M-aw\x86\xda\xedd\x03@S\xca^\x9a\xe2l`\xa9a\x18\xbb\x88\x7f\xcb\xff\xb3\xb2Jv\xa8D\xb3o\xa5\x19w\xe2\xc2O\x14\x00(r\x9dq\xae\x19n6\x1d\xfb&amp;.\x14\xe1\x82-S\xef\x0c\xffM\x84\x1f\xf1\xd3\xca\xa2\x97\'qA\x90\xb4N\xd0\x95.2\xaaH\x13n~nM\xae\x15\x14\xb9\xaf\\r)2\x01\xa0A\x0ey\x19?Q\xd7LM\x86q\xf0\x84\xee8&lt;5C \xc0\x8fO\xc6\x9bG\x9et\xf4\x95\xa7\xeb\xb2\xea\x92\xa2\x99D~\x9eq\xf1\xd9*\xa5\xb2q\x13j\x0c\x9b\x12M\xde\xbfa\x00\x988Y\xd3\xba\xb1\x81\x15f4 uF\xad\xaf\xf6\xa2r&gt;\x00\xac\xde"\xc3\xd8\x1a\xfd\xb09gMa\xe1\x94\xff\xf0\\&lt;\x91\xac\xb1\'\xd0\xe5{\x98\xc5\xbds\xa0\xd7\xfbwI\xb1\x89\xb7ziif\x9dnc(=\xdb?\xf5\xd5\xb5&amp;IdJR\xe6\xect\xbcl\xe9,\xd8\xfe\xd0\xf7\xd2T\xc5]\xf4\\\nH\x9b\x025\x8c\xbd\xc4\x1f9\xe5,\xb3b\x90\xa5#\xb1j`N\xb3\xf8\xd0\xbb\xa0i\x90k\x14\xcd,\x99\x9f\xf3J.\x1cD8%#\xd0\xf3\xb9\xd5\x114W\xdc\xcfk\x0b\x994\xee\x19\xb0bx\x10\xab\x10\x11\xbd\xa6\xc6\xfe"\x93\x9dK\xdc\t8\x9eO\xfa\xfd\xb4\xdf\xc0\x05\xf4\x18\xc6N\x12\xf8\x1a\xc5\xad\xae\r\x00\xa5l{\x85m\xa7\xb9\xfc\xccb\x9br\x81\x93\xca\x9a7&lt;\xe3(\x94\xc1\xcf\x16R\xd2\xd2ns\xd6\xb6\xf3\n\xaeUW\xbd &lt;\xe8\xc3 \x1e\xc8J\x87bg\'G\xb8*Q\xcc(\x9a\xa4l\xc50[\x7f\x84\x13\xfe\xba\x99w\x82d\xbfW\x80,\xffc\x1c8\xc8\x8e|\xbfX\xf4\x81)\xa3xO\xd9,\x0b\xeb\xf3\xbc\x91\x90X\xe0(W\x12\x9a\xd1\x96&amp;j4\xaa\xb5\xa6\xeaKW\x02"\xe0\x11\xcc2+&lt;\xc2TL\x8ef\x9a\x0fNr\xa5\x91\xc9\xa6\x8ew\x03\xb8\x02\r\x92y\xfb\xd9\xc2\xcbM8\x0ccw\x01\xd1/\xcc\xf0\xad\x93\x1c\xe4\x06Uu*\xa3$PmU\x10&lt;\x8a^\xdbs\x85\'H:\xa7\xfa\x0f\x8c\'\xf8\xe0|\xe5.\x00"&lt;:9(],\xf9H\xec\x94\x85~\x9c^\xbf\xdc`*\xce=\xca}]\xda\x8a\x05\x89\xa6\x14\xf8\xbb\xc8\x8c\x99\xb7\x9ea\xec\x15\x00\xf0\xbey\xd59\xef\xda\xe0\x13Yg\xdd6\x0c\xfb\x9a\xf7\xe6&amp;\xfeb\xf9\xd1l\x85y\\\xcak\'\x1d\x06\xdbf\xb63\xae&amp;4a\xdc\x89\x89$0I\x92\xbf\x8d\x84W_}q\x93\xdc7\xa0Z\xa6\xack\x94\x1c\xe6-\x1d\x0f\xa8\xd1d\x18\xfb\x0b\xbc!\x8d\xbf\xaf\xa9\xc5y\xed\xe1\xac\xf7\x87\x98L\x8f\xe6b3\xdc?nF\x08\x9f[d3\x1e\xa2%%]\xc2bBi]\x19_X\x90\xf4h\x93\x96x\xed\xc0\x87r\xe6K\xd9\x15\xff*k\\btW\xf8\xc7\'EQ\x95\xb1\xec\xd4j\xd0-\x15\xba\xca\x96\xf87!\xd7\xec\xf4*\xb2\xc6\x1b\xc6Q\x01\x00.\xec?-W\x18\x08\xa9;\x84\xef\x05\x9e\'\xee\x88\xf2\xf3\xe8(c\xeb\x0e\x96\xf2B\xf9\xec0\x02Qw\xe2\xaa\x03x\x94\xd0@\xf7\xdf\xe4\x94k\x1d\x04\x1b{\x069\x0f\xc8\xb8\xaaFO\x14-\xbfRAL\xb7s\x93e\xcf#\xab,a#VZ]jf\xd0\xc3\x82\xfc\x8f%G\x8a\xf6\xa4\xea\xf2\xd51~;$+\xdb0\x0e\x8ex\x9e+,\xf6\xe3ZY\xef\xe0\xbb\xef\xb0\x96\xa6"@t\xf3$\x00\x88f\xf8u#Q\x85F\xf0\xb8m\xc9\x06\xa7\x1fh\xffh\xb2\xc3\xe9\xb5Ft\x85\xd9\xf6\xf2\x8a\xb8\x8a\xa9\x94\xd8\x0f\xf6\xdcUh\xfe\xc4\xab\xcb\xda\xd3\xe3R\xa4\xe7\x1a:\xf5v*\x9c\x9d\xb0\xab\xb7\x85\x9dy\xca\xdel\xbb\xd6\x86\xb1OD\x03\xca\x1b\x96\xc3)\x10]J#G\x18\xfc\x81\xcc\xf0\xf8\xc7\xb2\xab\xf2\xd0\xf5|\xd0\x9b\x83\xab\xda\x92\xdaS\x15\x03\xfc\x15\x83\xfb\x13DwSK\x88\xa5%\x8ey\xfa\x90\x99\x0bs_\x08\xa8]\x90\x89\xf6\xc4G\x08D\xd7 \xba\x8cd|\xb1\x99\xa3\xc1\xa2F$\x07\x85\xce\xa1i\xda\xeeU\xffq&gt;\x06kl\xf3KF\x91\xd80\x8e.\xe9\x88\x1aG\xe1\xeb\xfcq8K\x85\xbcD\xc0\x17):\x93\xf3\x86U\x1e\x9c}\x0b\x90"\x83q\x05\xd6?\x16}j\xc1\x18\xa6!\xee\x0f\xa9\xb19Q\xa5V\xe4\xcf\x16\x85\x00\xc7\x86\xcdW\xf5|&amp;uS\xae\xebz#\xb40\xe8\xa2L\xc6Fqe\xa4\xe5\x11S\xe6\x17\x9b\xda`\x18\xfbH\x9c-\x19\xc7\xdb\x05\xb6bL.\x1f\xc2\xecmfE\x05\xa3\x1c\xf8e_\x08[\x12\xe7\xe6\xd2\xe5\x97\xe3W*\x15\x8d\xfaH\xda\xa8:\xbf\xcf6\xaa\xcd _\xf5\xb19-\x8cWMn\x15\xcf\x98%\xe6\n\x81\xa2\x7f\r\xf3o\xf9\xc2\x8a\xbe\xd0\x04\x00Z\xb4\x15\x86\xb1\xebH+\xe2\x8d\r\x03\xff\xa1#P\x12\x00(\xfeSo\x1bB\x179y^"|\x93@\xf4i""\xfakW8\xd6\xfe\x82\xa1\xe2\xef\xcd]\x01\x10\xe7}\x00\xba\xac\x9f\x06\xf1\x02\x1b\x84*cC\xde\xdb\x7f\x1e\x0f\x7f\x96U\xe7\xf3\x90pM\xa3\xd9PI\x85\xa4K\xa8Y=Rb\xba^\xa5\t~\xc5\xd4\xbeX\xce0\x8e\x14\xc1\xc0PWY@/\x18\xbd\xe1(\xe5JV\xeavu\xa2f\xb2N@\xf2\x0f\r]T4\xa9\xe0\xad\x00i\x89@\x81g\x84\xff\xd9\xff&gt;\x13\xae\x1fz|\'\x933\x83\xa4\xd4\x8a\xa693\xee\x07n)\x16\xff\t\xbc\xa8\x1c\x00\x98\xbeR\x14k5\xdb0\x0e\n\xcd\xa0\xf0=\xc5"\xc3GR\xca\x1c\x19\xff\xd3o\xc0\xfa\xfe.\xfc\xc08\x8a\xe2\xbcx\x91\x00\xe0{\xea\xf1\x03\xb3Q\x11\x16\x16\x0cN\xf9\x93i2&gt;\xaec\x08\x00\x1e+6A\xea\x04\xc7\x8b\x92\x15\x89\xcfM}k\xf5\x9d0\xa8V\xddraW\xe4\xf2~\\7\x9dO(\xf9\x81\xf9\x97\xd20\x0e\x8a\xc07\xb1\x05\xbc\x1c\xab~\xe8\xe64\x12\xe1\xff\x06.\xe9y\xb9Yyms&lt;o(\xbc\x04Mj\x00\xc2\xea=\xef\x1f\xf3\'m\xb3\xddd~z\x8b\xa9\xb79C\xb2\xbb \xfe\n\x80?\xcf\xd6\xf1\xfe\xb8,\xd3\x0fIW8QSa\xaf\xf9\x91.\xa6\xc9I\xb2HhW\xb2.az/c&amp;_&amp;S\xd2k\xbbt&gt;\xd7\x04\xc3\xd8e\xba\xb6j \xba\x1c\xd1\xc7Kez\x05\xd3\xa8\xe8\xbaF}\xd3\xd4R\x1c`Nv\xef\x82f\xa8" \xae\xee\x9a \x89}\x15\xd1\xad\xbc&amp;\x87uIoK\xe2A\xba\xbe\x07\xe3r\xa1\x1dE\xbf\xd3u\x1dB\xc3\xb8,N\'uo\xaf\r\x14X\xe2\x9b\x10\x9d\x1aD\xf5\x05\xe0}\x08\xed\xa1\xd8$\xe6\xaa%\x92\x13\xb38\xa6\xd6\xe5\xca\xc0\x9d\xed;p\xce=\xb3\x94\x10\xc3\xd8$\xc74\xd4\xe9\xc7d\xde\xfb\x13Q\x97\xb8\xc29#\xa3K\xc5\xf5\xdc\xa1\xeb\tJR\x07\xa2\x17\xb6\xe6\x9a\xd31\xdc\x8d\xea%\x81\xb7\xea\x8b\xb16\x86\x87\xa4\xe9\xb3 X\xf7\x96\xe1\xae\x8b\x83L\x97tK \xb4\xff\xa7\x1b\xbb5we\x9c\x90\x8e;\x98\x9c\xfa\xab\xc9\x92`O\xc6\xabrR\x07\x97u\x92eR\xf1\xf2\xc9=\xd3u\x14\xb7\x9f)3\x9d\x95\xca\xda\x8c\xde0\x18\nKf\xb7\xfc\x0f\x93\t\xcbjw2\xa34\x0bpS\xa5\xbe\xad\x0c\xee|\xda\x81MM\x04\t\x90\xc4l\x97iQ$3\xbc*I\xb1D\xd7\xfdR9\x92\xec\xff\x0e\x03\x1bo\xbab\x17!2r4\x95\xfc*~W\xec\x1a\x8a\x9b\xce0\x0e\x82\xcc\x9d&gt;\rQ,\x1c\x00\x12/0\xcag\xb4\x97U\xe2\xc1\xf3-\x92\x85K\xc7\xf3\xaf\xc2\xe6\x89\x13\xdf\x92\xc6\x99\x1d\r\xe7pk\xaax\x96\x87f\x00\xc0K|{pf\xb5\x8b\x8c\x03\x80\xdf\'U\x82\xeai\xe8Os\xff\x86!==2C`:y\x0c?\xc7\x85\xeb\x1d\xd9\xb2\x00\'g\xda\xcc\xbax\xee\xd4{\xddT\xbd\xd8\x7f\x8f\xea\xaboj\x12:\x19\xe6\x8e\xb8\x00 6\xae^\xcbc\xd2\xeb\xee:\x84o\xe9\xf8t\xd3\xbc\x1b\xae\x17\xe5\xeb\x9d)\xcb0\x8e\x08\x10\x03\xc0\xac\x11\x19y\x94\xf4\xb3o@\xf4\x815R\x12^0\xa3\xc2\xe0\xf0i\xa2\xe0iN\xcf\xf8\x1b\x11\x00\xbc=P\xe1\xdb\x91$\xb8v\xc2\x1f1\x99(P\xd2\xba\xb1\x8d\x1a\x81I\xe73\xa2\xd2\xe8"\xc8Q\xden\xe9\xf219[\x97\xb6\xfa\xf5\xa2J\xc38\x18\xd8\xf1\x83d\x10\x0e\xf3\xb5\xef\x99\xa7\x0b\x7f\xc49\x17\xc4~\xb6\xde9r\xcb\x0b\x02\xd1\x8f16h\xbc\x8a_\xde\xdf\x07M\r\x9f\\\x8cd\xd8~\xe1&amp;\xe6\xc9\x05R\xd4\xe5\xda\xcb]n\xa6\x1b\x1d\xd7Y4\xdf\xc8\x99\xb1\xcde\xa5a\xec\x16\xec`\x0b\xfd\xe9o\xff\x9b\x9f\x93a\'z\xde\x7f\xa4O\x9d;\x9e\x14\xec\n\xd6\x06\x808\x9b49ev\x92{\xd1\xf6lF\xfa\xcd\xb2\xac\xb7\xca\x04\x86\x9d\xc5\x0fiK9b?\x11\x1f8b\xa7\xe8r\xed\x92)48Wx\xb2a\xeeF\x8ba\xec7\x917\xf7\xbd\xe7P \x19\xfdQ\xf9I\x14\x9f\x18\xe1\x1c\xa24\x1f\x9c\xb7\xc70U\xbf\x9eo\x927\xe0\xff\x93p\xe1\x16\xc9\xa2F\xcf\xdc\xde\xa1\xc4\x05\xce\n\xbb\xa5i)\x90On\xcc$cRr\x99\xd6\xb1\xa0\x15\xe0L\x00x9\x97\xde\xd1\x06\x807\xba\xf2\xcf\xdd\x98\xdd\x86\xb1;0\x01 -\x10\x1e\x92\x1e}\xe1}:7\x16\xd9\xfc\xef4\x89\x9b\xd9\x9c`33\x0c\x00\x95\xce\xac\xecJBu\xdc\xd9ro\x94\xcd\xb8}\xd9\x92fT\xf6\xbf\xbb=\x1d7\xd7\xbe\xac\xf0\x0c\xb9\xba\xfe#m+\xdbi\x18\xfbA\xec\xcd\xf3\x85\xbdQ\x14\x1c\x8cG&amp;\x01\x9fdE5\xcc.\x95e|ql\x1eC\xe7\xd6UE\x15\x05\xde\x94h/\xb7B2\xa6\xae\xa6\'\xa1Yl_\xec\xd3m\x8aW#\xbe\xa6\xf1)\xe0)e!\x0f\x9e7\xd50\x8c\x83"\xca\xe9?]\x15\x03\xb8\xe5\x82:\x96\xa41 \xb2!c^Q`|\xca\xa9P\xb8R\xfdZA\xe9\xd6\x81{\xb4\xfa\x7f\xc1\xcd5\x05\x03\xbf\xf9\xe7pn\xf4J\r\x92F\x81cT\xde\xe4&amp;\x07@\xc0\r\xa7Y\xbc\xb6\xd6\xd4\x85\xe2\r\xd9\x1ed\rc\x9f\x99\xbf!\x86\x14_\xb8F/\x00\xdcv\xfc\xf0\xc3\x19\xf9\xd9V\xc4\xaa\x83\xe3\xca/a\x81\t$\x9c\x17N\x02\x18\'\x17\xea8!\x183Uu\xd5\xf3y\x1bY\xd4\xe44\xa5\x9f\x82\t\nk\xccK\xbakU\x17:\xe5m\xe4\xdb\x95_\xf1\xf4_)\xcf\x0b\x07\x01t\x8de,5\x8c\xfd\xc1\x8d\xa4\xff\xd4\x94\x14%\xf0\x01 \'\x8dq\xa3\'\xb3\x95Y\xc1\xf1\xfa#)\x03\xd0?\xd4\xa4t\\\xad\xd4\xfd1\x01\xc0K1}ZX\xa0\x04z\xbf\xd3\xb4\x03\x9ct\xab\xaf\'\x88\nc\xe1\xf3\xd4k\t4z\xf1\xb2\xda\xc2l\xbc\x9fO0\xab\x88\xf4\xba\xfe\xc9\xda\xb9\x9ai\x86\xb1\xb7(\xa7{\x94\x04\x00\xf8\xc7S\x94\x02\x19\x07\x17T\xf6\xe2D~\x86\x1bk\x9e\\\x92\xff\xa5\xd3\xa2I\xe1\x07\x8c\xfd\x03\xfc\xff\xc0]r\x06$\x7f\xcew:R\xa7\x8e\xc2\xa3\x1d\xef\x1a\xcf]Pz\xbb\x8a\xf2\xe1*g\xbe\x9b\x95\xda\x10\xe5\xc1\x98\x000\x96y?#S\x14k\x18\x07\xc09g\xd4\x05\xa1\xd3\xbd\xe1\xb3\xe6\r\xb9\x88\xdf\x9e&lt;\x0c\xc0\xae#\x0coG\x1e^&amp;\xccl\x19\x0c\x95\x83\xb3\xb2\x8d\xd1\xd0F$\xa6\xcbT\xe5y\xb5{\xa52\xd0kFw\x91a~+HJ_\x98\n\xaa\xeb\xb02\x81\xb4@\xf2Ot\xf4O4\xbc\xab\x19\xa3\xf6\x8c\xee\xe4\xe2\xf8JT6{}\xde\r\xd7\xb4\xef\xa0E\x9a\xcc\xd9\'\xc9\xed\x88\xd0\xbf9v&lt;\xf2\xde\xb4Lp\xde0\x8e0l~CU\xf1"\xe3\xbc\x18\xf2t,\x99\xae\xfaz\xd9\xd3\xf1\xf1,\xa1\xb4\xd1\x98\x94\x93T\x19\x7f\xa6\x8d\xb1\xc1\xaa\x1dN)3\xe6}\xe6k\x01\xc0?\xcbb\x85\xc6\xc3\xfbw)\x06\x157(\xa7q\xae\x1e_\xb2\xe9\x97\x9d\x972\xa9\xb0\xd4\xf3\x96woQWt\x05\x86\x1b\x03\x00p\xc1\xb9\x96\x1a\xc6\xbe\xe1m\'\xfegU\xde\xd6\xb9!)E^L\xb8\x0b\xce\x9c(\x1f\x06\xae!dx\xc6\x8d\xc7I\xbbg\x0c\xf1i\x99\x1f\xd6;)\x17\x00\xde\xe3\x1d\x11z\x86\xae\xca\x1c\xbckN\xb2\x17\xbar6$1\xc0O\xfd\xe7\x8d\xaf:\x0b\x10^B8\'\x95,\xa2?\xf4\x9bP6da\xa2\xee\xf8\x92\x7fJa\xd2+\xb8l\xa1a\x1c!\x82\xa9\xb78{\x8d?\xfbI\xed\x82s\x91\xf3\xad\xbe\xd7c|\x90\x14\x03^\x10\x1f\'?\xea\x80\x89I\x9e\xb4xR_\xc5\x1a&gt;\xce\xd9LD\x8f/\x16N"\x80\xc6o5\x98\x9d\x0fHs\xfapY\x82\x9b\xc4\x1d\x1c\xff|l\x93y\x16\x07\x8c#\xc40Z\xbe*\x17\xf0&lt;T\xb4d\xd6L\x9arq%\xbb\x08\xe89\x8bb\x1f\x97\x06\x06w\xbc`\x86Wa\xedA\xde\xabxBf\x95\xe0\x15\xcbw\xa3g\xb9\x10\x14u\xc6\xa8\xaeVb\xe1\xf4\xa7\xba\xf2\x9c\xbem\xab\x9b\xe6\xfdf\x98`\x18G\x89\xe2\x98\t\x02@\xf6gO\xa2ZAu&lt;\x90\x17\x1b\x8a\xd3&amp;\xd9\xebG{\xd1m.\xee\xb62\x8a2\xb6py\xaa\xb8\x9cK\xfb\xe4\xddz\x9cU\x83WK2X\x10ED8~\xa8\xf8/r\x99*\xd8\x07\xb14y0N\x94\xb6?\r\xc3\x08\xf0\x939\xc5\x02\x83\x9b\x96\x8ay\x05\x92\x00\x90\xf5\x83D\xf8d\x10]\x946k\\El\xc9\xe7\xe9IDo\xf3\x0bxo\t\xf5&gt;&lt;=r)\xac\xc3\x1a%0v\xa8\xbc\x7f\xc9C}o6B\xe7\xfb\xe0\xfal8\xc9\xaa\xdb\x98\xbbtm\x8f:\xc1_\xeeD\x86EG\x1e\x17I\x13\x02@\xa3ys\x05\x18\xc6\xfe\x90\x9fw\x17#\x04qN-\xdc6\x88\xab\x07i\x8d\xaf\x87\x1b\xb6\x8b\x8c\xe0\xc46\xf1,\x9bT\x11\xe1;\xaa\xca\xe6\x05[8\x9a$\x9cM\x17\x01D\xf8\x8f\xed\xec\xd6\x92\x8b\xa0~grI0\xb6\x93\xf1\x00\xc6l\xbf\x1f\x99\xc8Z\xdf\xcb\xae\x86\x05\x00\xe3\xa8\xa0\xf1\xef\x05\t\x91\x8bLf\x9a\xac\x8aL\xb1\x85#\x00\x89\xe1M\xf4\xfe\x897\xf1D\xb1Y\x8b)\xa7\xff_\xf3\xad\x95\r\xf6\xb9\xcb\xe4=\x0b[,\xe9\x11\xaf\x99BH\xcb\xde\x18\xfd\xa9\xd7\xb3J\xc70\x99VczY\xd7^\xe9\x96\xc0\xc99/\xdfv+\x99\xeb7\x8e\x16\xf3]\xae0\xae\x85\xc2S\xad\xc0s!\xfc/S}\xc1\xe0\x90n\x1e\x06\x8ei\xe4D\x8a\xed\x0c\x84\x9c\x8b\xbc*\xd5{\xad\x9cUqG\xfa.\xd2\x9d\x0c{\x92]\x97\xc4\xae3\x13\xf0\x02]A1\xceB\xa2\xe7q\x07\x81\x93\x06\xdbX\xc9\x15\xb7\x89gm\xeb\x04\xa5BSZ\xf7\x95\xf5u\x0cc\x1f\xf1\x87dUr \xd9c|m&amp;K&gt;\x15\x1b\xff\x8d\xb7\n~N\xab:3\xdb\xd5\xd4\xcd;\xc4\xcf\xc5\x85\x03\x87x\xbe\xd2\x82\xa9m\x0f\x93\x95\x90\xfa\xe5\xb1@\xeel(\xea\xbe\xac\xc3\x05\x11p6\xeb\x8dq=\xdf\xe7^\xb0\xe2f\x90BK\x92\xdbI\xc3\x92(s,\xd6\xd6\xa3\xfe]\xedx\xaa\xa2\xe2]\xe55\x87a\x1c\x1a\x81\xf7\x17n|i$T\x05\x0c\x9a\xdc\x84?\xb6\x9b\x8cf\x85\xcb\xa28\xf7tM\xe68#\xf3e\xc2*\x81\xd7\x96=\x19[+\xf6\xaa\xe4=\x93\xb6\x94U\xb8\x8b\xcbnG\'\xeb0"\xc2\x87\xb4\xd14\x92\xf6%\xc5Z0\xb8\xcd\n\xc6\x8b\x1d\xae\xb7\xcd\xaf\x1a\\\xeb\xd2}\xab\xb8\xd4\x86qXL#\xe4w\x99\xe3\xf7[P\x8bSt\xbe%S\xae\xb9\xc4\x91\xfc;0\xcaa.\xbb\xa3\xd0{\x96d\x01\x9f!"\xe0\x91\xb1S\x0b\x1b\x92\x9e\xf5=\x97\xd21i\xe6\xdaQ\xce\n\xe3R\xac\xcd\xe9\xb9\xc8\x81{\xe7\r\xd3tx\x10\xc0\x98\xeaJ{b\xf3\x98\x9bA\xb4\xb0r~c\x18\xfb\r;(2\xae\xaaQ\x0b\x11p/\xa5\xe7\xcd\xf0\xaba&gt;\xa7\xa4q(\n|.\xaa\xd4\x9f\x8a=\xc5\x14\xabn\x11\x96\xcc\x06\x80\xb1\xcc\xfb$K\x80o\xf8\xa2\x842\xb1\nOm\xdesq\xad\xee\xe1#x\xdc\xf0A\x05\xd3\xb1\xdct\xbe\xf1\xd2\xcd\xbb\xec\xbd\x84\xea5\n#\x84\xbb\xf4D\x15!\xd60\x0e\x07)\x1f\x92\x0f\x00\xaf\x9e\xa5H\x9b\xb8\xf7\xff\xad\xcd\x84\x8c\x85\t\xf8U\x10=\xaaX\x98\x839+U?7\x01g\xcc\xf7nL\x0c\x16L\xd2\xb7\x85)\xc0uoz]\xd2\xfa\xae\xff+\x1b\xd7KkL\xeb\x07\xda\xc7\x0f\xf1\xa9\xef\x19&gt;\xa4o\xc4U*\xac\xedd\xc38\x04&gt;\x18\xfb\x8b\xe18\x92y\xa2\x0f\xbc\xd1\x98\'\xf4\xfb\xda$C\x9c\xba\x8dy\xa1VN\xed\xde\xa3\xe0\x06\xf4\xd5UfEu\x05-Q\xe6\xa7J\xbe\x94H\xf1%{\x85\xf9MWV\x80\x7f\xb0\xaa\xb98\x8b_a@^UD7L\xda\t\xfe\xb4`,\x0f\xbf\xae_&gt;\x97\x13K\x02[sB\xcc0\xf6\x0c\xd6\xc1\xe4\xd3\x0e\x10\xbcCA\xb8\xda\x85\x9d\x91\x0b\x005M+%v\x11\xb8?\xad\x16\xc6Wfs#yq\xbd4\x10\xe1U\xd2\xd9\x86\xa6\x8fV\xf1\x1a\x03\x93\xc6\x1eH"\x90\xa7\xf6b\xbeLg0\x00\x1c\xab4\xcd\xad\x00\xfc\x80WlZ\x92\xaa\x9a\nO\x02\xc7C\xf8\xc9\xb0\xbb\xfe!\xaa.^\x08_0&amp;\xc9\x16\x01\x8c#@\xc6\xf3\x95&amp;M\xd5\xc2\x95\x83\xea\x9dB\x02\xa4\xda\x03\x96\xea\xb1:F\x17P\x12\xab\xb5\xe1+\xf9\xc2z\x0b\xa7\x83Yw\xa6g\xf2\xa4\xc2Y\xfc"E\xfa\xf1d/\xa6\xd6\\\x994\x90\xfb\xb1$.,zj\xcf\xdd\x07\x02\xfd\xfd\x9b`\x1dP\xe4\x9d\xe1}2\xe3v3\x8c=$\xf6\x7fk\n\xaf\xf1\x9b\xa1\xb3\xe0j\x96\xd7\x1fe-\x9e\xa2\xf7N\xc7\xdf@\xf4\x14\x85m\x1a\xd5~,A\xfaC\x85%#\xc3\x1c\x9a\xf3k\x15}\x19\xcf\xd9S\xc9\xf9\xea\xa9\x93\x1d\xab\xe0\xdcu\x93\xe5\xf4V\xc8\xac\x99\xd2/\x9dQh0n\x14-\x13\x93\xc27P\xed:\xf8S~\x17\xfb\xd7\x18\x0b\x86\xb1\xbb\x80\xe8GW\x90\x99q\xff.\xed\xc0z\xb3\xa8\x92\x90\xca\x98;F\xa3YdE\xc5b\x00\xf0R\xcf\xfe\x8c\xb5\xc5\xc8\xc97\xb9\x00\xf0\x13z\x93\xd3+\xe0M\x96\xd5I&lt;\xffHC\x1bF\xde\xa4\x10\xf2W\xf3T\xf8(\xfb(\xb9K\xcd\xfd\x1bF\x98D\x96\xbcpA\xc2\xc4;\xa3q\xc5\x85\x07?1\xfd\xd2\xfcP\xc4Sg\xe5@\\s\x82\t`V\xa2?\xcdt\xa57\xe3\'\xd2\x19n\xe0\xd0\xb3\xdf\xc4v\xad\xe2\x84DY\xf2\xb7\xa4]\xe0\xf7\x8b[\x04\\dNc\x14,\xd8\xa9P\x84\x01\xf6V\xb4\x00`\x1cu\xfc\xb1\x90\xbaoJ\x06j:x\x98q\x05\\e8\xe5\xb9\xd1\xac\xf6\xe6\xa1\x98\xaf\xf8}D\xb8\xb30\xfb\xe3\x94\xfa\x87\x17\xf1\x11q\xef\xc99qMuMy\xdfl&amp;\x1e\x9c\x83K\xa4$MU-\x1a*m[\x95\xbe\x01\x8fP\x94\xc1\xd7\x07\xe3w\xad\t\x86\xb1:\xec-\xef\x06\xc3\xe4\x19O\x9f\xca\xc7\xae!q\x9f\xacg\r\xc2C\xde\xa4y-*"z\x7f\xce\xbd/\xee\x14\xa2\xbc\xca\x06\xb2\xcfq\x00XH`\xf1\xe0"\xba\x9a\x89\'\xf8r1\xf6\xb3a\x1c&amp;\x8aA1\x96\xec\xff;69\x18\xd6M\xc5\x15|jV\xe3\xe2\xf8f\xe0\x12\xee`\xdf\x90?\x00\x00\\\x945v\xcc\x98\xaf`\xd3d\xdb8\xfdW\xaf\x00\x18!r:h\n\xc9n\x9d\xb1D\xa4\x194&gt;1\x8e\x8e\x00\x01\x97\x0e\xaf\xfd#\xa8-\x8b8/\xf4\x0e\xd1\xae\xf164\x8c\xc3e\xfe\x90\xf0\x07\'\xf8\x00\xa0\x9a|\xb1\x92U\xda\'-Jks\x8e/\x9c*r\x0f\xa1+\xacj\x00\x82\xfc\xaa\x89s\x1a\x8f\xc5\x92\xe1\x05\xd1\xa8x@A`\xbc\x1f\x83\xb83\'\xc3\xd2\xfd\x03&gt;b\xb9\xa5\xe7"+\x15\xdd"\xc00\x8e\x10\xcb\x0e\t\xffY:\xe6\xec\xca\x93\xe8\xbagx\xb8\xea\x88\t\xca\xaf\xed&lt;\\\n(2\xe9\xf9\xcbj\xf1\xc3\x9b\xd4Z\xd1\xbcS\x82x\xaf[\xa9\xb8\x05G\x85\x91\xdcLb\x0e\x99h\x94\x163\x8c=\xa5\xab\xad0\x0c\x83\xae\xeb\x88\x10\xd6\x07\x8d&gt;\xf5#\x1d]\x11})p:z!]W\xd0&gt;\t,\x16\xdd,\xe8[\x95x\x04\xdfLx\xff\xdb\xb9\x06\x84\xb0\xd7h8Uv\xa7q\xd3\x9c4w\xf9\xfa\xdb\xc0u\xd7\x82}\xe1\x8b\xedeSW\x7fO\xb3\x92A\xf4\x1fD\x17\x0f\x9b\x9f\x98\x9e\xe9:\xc3\xd8}\x8e\xa9*\x1dy\x83\xe8\xd6\x9f\xfe\xbc"\xa6\xf2\xde\xeb\xe9\xc9O8D\xbe2\xccE\x0c\xf9\x81`_\xf8\xeeU\xa6\xae\x8c.\x7ft\xa5\xf1C\xc9ILI\xf6\xe4\xb8\xc2\x94:\xa2Ik\xe2C9"\xbf7\xfc9\xf8\xf9hv\x1c\x14\xbd|\xe7\x0ev#\x95\xf6\xf2\x8c7\xca\x19\xa1a\xdcl\xe3\xd7\xa4\x07\xcf8\x81&gt;\x17O\x1a\x9e\x86|\x95\xb1\x86q\x10\xb8\x81\x93&amp;p\xe3\x92\xb7\x8d\x1e\x04\xe2W\xd3\xbe\x90\xa9d\x92h\x9aN\x8d\xc9`\x04\xb5\x16~\x06\xbcX\x00\x02LIE6c\xce.\xae\xb4\x93\x91I\xeeG\xd7N*\xc6\t\xfc\xbe\xa8p\xa6\xf9J\xb1s\xc0k\xa2,\x9c\xf8d\xf0\xf4\x99\x08wkIc\xfa\x89\xac|\x19\xbd\xfd\x86\xb1g\xc4\x1eYU\xe5x\xdf\xdd\xe7\x87^\xc6\xab\x8e\xcf;ze\xfe\x84(p\xc7\xeaV\x94\xdbH\xc0w2\xc5X;S\x0b\xc2\xf8\xa75\xaf\n\xb7G\x92Lr{\xd5\x17\xe3*\x85+\xab\x89w\xa8\xd4\xc5\xa2\xf8\x0e\x00\x11\xfeQ\xdd\x8c&amp;\x00\x00\xa7\x14\x1f\x19`\xa6\x14\xf9\xcb\xa6R\xcd\xee\t\xb5\t3\x8c}\xc0\xdf\xb0m\x1b9\xd2\xb8\xcb\r\xce\xb1\x1c\xfe.)\xd6\x1fO\x97\x0b\x1aK\xe4b\xbe\xc0\\u\x9d\'\x89L]\x83i\x9d\xe1\x1d|\xban6Zl\x80\x93\x0c\xefH\xc6\x92\r\x83\x1f\x10#\x903\x89\xdb\xab/^\xe1\xb1\xba\xbb\xa9\x006\x90D\xe5\xcf\xbf\\\xd3\x0cc\xb7\xe0\xf39U\x12\x84\xc1#\x8f\xcf\xa9\xac_\r\xb2\xcc\xd4&amp;\x10}-mE6\x06\xb8\x92\x99Sw\x9d\x16%\xda\xce\xa8\xed.=\xec\n#:\xf2i\xc9\xa4\x9e\x7f\x16\xf2\'?\x17\x84\xc3b\xea/\xe2NQ\xb0\xece\x96\xfa\xd6\xef\xd5\x8c\xf0H2[\xba?\xf9\x8e\xe9\xb3\xff\xaf*\xa5S\xa6\xd8\x0b\x86q\x00\xf03)7bU\x12\xc4\x81\xd3&lt;\xca2+\x00\xd6;g$3Y\x14Y)o@\xa9\xbc\xc6\x03\xb6\xc1\xfa\xber\xad\xa2\xe5Q\xdf\xe6/Fh\xcfX\xed\xe1N\xc0\xdd\xdd)\x8d\xba\xf0j:\xb1ly\xb9\x81A\xe7\xc3\xbf\x04\xc7\xba\xec\x10\x81\x08\x7f\x99iB\x06E_\x18\xc6\x01 -\xa5k$0\x15\x95\xf3\xac\xf9\xd6\xb26\xb8s\xfe\xdc\x16\xe3O\xdd\xbaz\xf1\xaa"4\xc8I\x91\\\x9b\xaf\t &lt;\x84\x00\xbatm\x93\x8a\xedu\xde\xed\xe1\xe1)\xefC\x14\xd5\xfc&gt;xl*\xd3/\xf09\xad\xf7\x9f\xfa\xf3\x95\\X\xcaO\xff\xfd\x8e\xe2\n3\x01 \xf8s\xda\x11\xc1\x13\xfb?\xff\xf5\x06\xc1\xd9\xa1F|\xe9\x8f\xe7\x96P\xc1\r S\xea\x10\xc38\x1c\xe0\xfd\xf7\xb4\xca\x99l:j\xee;\x9d\xf2\xcf\xfeq\xd1\xa5\xd6\xaa\xc3\xe4\xdc\xcbc9M\x14\xf8\xe3\xdc\xcf\x08\x872\x93\xc7+\x05K4\t(\xbeE\x8a\xc6\xa6U\x00\x00\'J~+=\xc2\x8a\x9d\xf2]y\x0b\xc7\x12\xa9\xc8\x9f\xe4n\x00\xc1\xda\\9\x10\x01\xa7\x01\xd7\x8cJ\xc9\xb9\xfeHx\x9cb\x12\xc3\xb6w\xdd\x05\xc9\x81\x85\x16\t\x8c\xa3B\x9agW\xde\xfd\xd1\xb0I\xbcj\xd1\xc3T\x93J\xcd\xad9\x82\x02\xf7v\x07\x01\xe0\xb4P\x02\x11\xf0\xcc\xe8H\xc9\x86\\\xf3\x80\xf7\x17\x1b\x0f"\x1c\xc7\xd6-\x06\x00\xd1o\xe5\rS\x18\x1e\x17\x0e\xf5\xf2\x97\x98\x95\xf6\xfd\xda\x8e\xe2\x1b\xc3\xb54kmx\xfbI\xba\xce[\xd2k\x18G\x8e\x997&gt;;\x94\xa4!\xb5\xc8 K\xbf\rD\xd9\xf9&amp;\xf0\xd7(9\xc7\n\xed^v"[\xa6\xb0\x8b\xe0RUI\xde\xa3\xdd\xd2|E\xbd\xe4x\x9d\x84\xdf\xe5z\xb5 M\xa5(\xeb\x85\xa7\xd5[\xd1Z"\\\xa7\xe2\x991\xee\x9e5\x0c\xa3\x1e\xd6\xf3N\x99w\n60\xe7d\x81B\x8d\xc2\xa9L\xec\xd9\x81\xa1\xce\xf8\x1d\xce\xa24\xc6h\xcc\xbe\x13\xb7B\xe2\x0c\xa0o\xe5\xf3$\xa1\x94\x8c\xa1\xack\xae\xba\xc4\x93\xc6\xd6\x1b#\x08\x99\xa3\xcc\xb2:\xf3\xff\x86\x11\x119\xeb\xba\xba\xc9\xc3\x9d\xd1\x86\xdb\x82Fr\xda\xa7\\\xbcS\xc8x\xab\xd5F;;\x9d\xe7\xedl\xf2=a\xc7\n3nE\x9c\x90\xbc-\x92\xe7\xe2\xd3Z\n3=\x15\x00\xf0\te\x95\x06&lt;ko\x19uf&amp;\x96\xb0\x9do\xbe\xdf0\x06\xe6x\xc7hP}59\xb8\x80y\x82\xfb\x8bgv\x82\x17pnz\xae\x19a\x8b\xaa\xfcyj*)|PQ8\x00\xdc\xbcp\xf9\\*\x9f?\xfb\xdeY\xd9\xa7\xd4\xd4\xc5\xaez\xaa\x82\x08\xf8\x8eS1\xfe\xdb\x7f8%\xd7\x03U\x97\xca0\x8e\x1as\x86\x04\xf3\xe4F\xe8+\x01\xe0&lt;L\xc5\x9f\xabT\xc1\x1c\xaf\xf4\xc23qNg\xfc\xb3N\xef\xe4\xb9\xdc\x11U\x0c\xb8\xa4T\xe6\xf6n\r\x94\xffq`9u\xa6,P\xb0\x90\xbd\x078\x81\xb9I\xfa\xf8\xdf\x1b\x89\xae@\x04\\!\x12\x91\xa8\xf0\x93\x8d\xf9\xdd\xfbe"\x9ca\x1c&amp;\xe9\xc0\x18\xc6\xca)\xd9Z\xe3\xbf\xac\x17\x06\xee\xe2\xcb\\`\x03 |4\xc5\xff\xbc\xb9\x08\x10\xba\xb0\x8c:\xc9\x16\x9c\xb9\xb4=\x18\xadZb\x89\xd3d@\x9e\xb4$\xb7DS|=E*S\xc8}-\xbd\x185\x8c\x83\xc2\x9f@\xbd\x82\xe87\xc21S\xa8\xa8\xc8n\x8f\xbei\xb1\x94k\x10\x00^\x96\x18p\xcb\xa0\xe42\x1a\xeb}\x87&amp;/\xbf \xdb\x9a\xe4\x8a7@x7|\x8aM\xd6!x;x\xe9&gt;j\xdc\xc8\xddJ\xb7\x18\xc6\x9e!\xac\xe2\xcb\x83\x86\xad\xc5\x9d]l~\n\xfc\x8d\xd3\x11kg\x1a\xb2\x88\xcez#\xbd$\x98\xb4\x81\x11\x95_F]r)V\xed\x00U\x00 \xfa\r\xb1p(\r_\xcc\x9dn\xbaE\xb7|\x1f\x18\xc6\xbe\x90\x8e+M\x86:\x82%-C\x00\x00 \x00IDAT\xa8;\x0c\xd1_\xf6\x8e\xfb\xa7\x16\xf3G\xc1\n\xc3\xf3t\xd7\x95}\x04\xab\xb79?\xe0\x96M\x08\xdb\x1eKN\xb4\xf0\xd2\xd4\x8f\xbd\x97Lb\xf9cg*%\xeb\xb6\x8a6Kz\xf3\xf0\x16\xc6\xdb\xe9\x914E3\x15\x869\x817\xd75\xc4\xc9\xff\x13Uy\xc384|wV.\xac/\x06\x00\xaf\x05\xce5||\x9f\xea\x0b&gt;zpr\xe2Y0\x05\xb0\xd1;snZpUS\x81\xbb\xe4\x1b\x15l\xc0f:\x84\xf5\x86\xc4xm\xb9\x8d\xca\x97_&amp;\x0e8\xf8\x9c\x14\xc8\nS\x11-\xf22\xf2\xc3\xbe"\xe0fkL\xcb\xa3%`EE\xc5\xe3\xbc\x86q\x98(s\xd6\xbf\x10UQ\xd4\xe5\x1cD\xc1\x97\x85&gt;\xe4\x02~I66\xa4~\'\x15\x1d:\xc1\xa4\xe29T!\'\x08*\x89\x92\x06\x8f\x9a\xa6\xb0\x84bq\xe3\x14\xbd=\xc8\xf3\xabL\'\xde\x10\xcf\xb5\xa7\x18\xa6kB&lt;\xb5\x172&lt;\xf5]\xc2(\xca\xf6\rW\xde\x8b4U\xfcJ}\x15\xc3\xd8:s\x7f\xd3\xb4\xf7\x13Du?\xf5\r\xef\x7f\x9e-\xa2\x84\xa1\\&lt;\x92\x93\x9f#\x17\x86\xfa\xf8\xa3\xe4D\x84\xa8\x12[%\x92\xdb\x97\x18\x7f\x00\x97\x88\xe8\xcf;\xba\r\x11@]7\xf4@\xf0s\xf0\xfd\t\xef\xef\x92\x86F&amp;\xe3\x05yL\xeb\xf2\x9d\xec\x95\xef\xba\x0e\x80\xab\xe0\xce\xa6\x02\xfc\xab\xa3i\x18\xc2\xee"\xe9~(\xd8+\x08\xf7,\xc9\xd8,\xd6\xe5\x86\xc4`\xdaB?7o\x18\xbbC\xdd\x8f\xc2\xa7tD\xf4\xf6\xaem\x98\xa6\x07\xa5\x99W7\x0c\xcb\x8e\xe8\xd2\xd4u\xa3{\r\x13#\x9c\x9f%\xa2\xbe\x8d\x1dM\x95\xfcYn\xd7u\xe1\x90\xef(Y\x94\x84%@\x84[\xf7\x05\xbaQi\xf2\x03\xf7\xfdtz\xf8\x8fa\xa1l\x81\xd3;\xce\xd3\xdf\x1d\x9e\xff\xed\xe0\xd7\xdbCCSa\xfe\xc7\xae\xa3\xe1g\xdc\xa7\xb3\xd2O\xba\x0f\xfd\x13\xf7d\xc6\xea\xa4\xd8\xdf\x11\x11\xd1+:\xea\xba\xd7t\x1d\xcd\xf9\xedx\xb8+\x00\x02\xe8\xcc\nQl\x03\x9c&lt;\x1a\xd7%\x8d\x86\x19\xc6\xee\xb1\x9d9M4\xd9\x14\xc9LW\xc7Y\x99\xe7\x03)q\xac]T\x86\x928\xd1\x9fK\xa7xHf|\xe8\xc5y\x93n\xa7\xb5\x8b\x02@\xa1i\xdd\x82s\xc9\xd4\x1f\xb1}6u\xce2k\x8f\x85a\xa7\xde.\xb8f\x0c\x86Tkbn\x83\x95=l\x18\xfb\xc8\xdc\x15@\x03\xb1\xa3\x16\x87\xd38\x19\xe7\xb34\x830xG\xe2\x91\xd9\x11]-\xf6\xb5q\xf2\x01C\xc1.,\xd8\xa5&gt;z\xf4\xf5\xdd8\x13f\'\xc5\\c\x9e8\x1e\xee\xe7\xb6KF\xddP{w\xdeR\x16M\x15w\xb7Ajw\xd7/\xf5\xa6-\x01\xa2x\xf7\x88w\xcfS\xdd\x19\x916\xb3y\x801\x9c\x06\x8fH\xedj\xc7\x1a\xc6\xbaH9\x0e\xd5\xb6\xa4+\xec\xef\xfe\x11\xe1\x1f\x98=\xc9D\x8e8J3\xda\xa3\xbal\xfd\xb9{\x8f\xc9\x8b\x07\xd6&amp;\xaf)\xdab\xd5\xca\xac\xdcA]\tn\x7f\x18\x00\xf01\xe6\x06\x88l\x8e\xea\x9e\xcb\x13{\x8d\xb1\x80\xa87\x92#\x99\xb1\xd1\xebl\x18\xfb\xc04Z\xb81\xc6\x0e\x99h$\xa5\xcf\x05\xe6\xb4d\x87\x9e\x18\x87H|pe\x91\x91\\\x0cB\xca2\x9aZ\xf9~\x18:\xf3\xee\x15\x0e]\xe9\xd7\x98\'\xa6V\x98\x0b\xb3\xbe\x16Dx\x8d;\xf5u)\xc8\xa5wQ\xea\xcay\xa5\xc2b)\x1b\t^\xb1l\xc3\rc\x87\xd0\x0f\xebhF/\x9de\x8e\xbb\x95u4\xda\xe5\xc5x\xde\xdd\xac\xe1\x8fR\x03JV\x08u\xbd0\xa9-\xefj\xf1f\xb0\x16j\xbdy(*(\x7f\xdd\\\xe1\xc4\xc8\x15:&lt;v\xbb\xd1\xc1\x93"\xcbo\xc8U$"\xba\x16sw\xf1\xd6^Jh\x88\x7f7*c\x89a\x1c-\xee\xe1\xd2\xa3+\x8f\x8a\xdc\xec\x9e\xb2\x8f\xe1$\x85[\xb4\xcf\xff).\xdd\xd3\xe3cs\xfezZ\x1b\xa5\xa28#\xce\x14\x1czN\x91\xc7U4M\x08E\xae\x1aq5+\xaaB\x81\x98\x9f)f\x81\xfa\x16\xb2+\x0c\\\xc7\x02\x80\xb1\xdfT&gt;\xbd9\xde\xe2\xda\x07\xab+\xcb\xd7\x19C\xfd*\x9d\x97\xed\x9e{\xc9\xa8\x06\x11\xe1\x1cD\xdf%\xc2\xf48\x10\x11\xc9\xfdr"\xd1\xdb\x05\x1f\x17)\xfa&gt;\xa2\xaf\x13\x11\xf8M\xee\xd1\xf8\xdcC;\xce\xa4.\xd2\x18}\x95a\xac\x90\x9eK\x9e\x8c*_\x87Q\x91\xea\x8a\xa5\xcfJ\xf5\x12v\xf39\x99\xb0\xa3\x86&amp;f.D\\\xde\xa3\x0b\x1eB@|\xd40\x0e\x12\x7f\xae\x93N\xfd\xb8\xf2\xa7\xae7+*N\xbb\xa44.\x11\xfd\x19\x97\xc9\x8d*\x82\xff\x8106\x0b,\xee\x84g\x8e\x00\x00\x1e6\xaaK\xe7\xd1N\x97;\x02\xe0UA\x99i\x95\xc3\xf7\x85g\xe1\xb7\xf1\xac\xe0T&amp;]=\xeaZ\xea\xdb\n\x9b&amp;sW\xa4W;\xca\x11\t\xe5\xfbN\xbeq_\xca/\xf8\xe5\xa5\x8d7\x8c\xdde\xce*w\x91H\x10,\xc0\xbd\x87@je\'N&lt;h\x1a\x9bg\'\xc6\xefg\\\x87\xa84\x94\x96S\x97\x13\x15\xbd\xa8Gv\xd6\xb8jf\x1f\x9e\x95\\n\x17\x00&lt;\xa0\xc6\xdc\r\xe2\xf5\x0c{6n\\\xf5ULe\xb6\x9aj\x18\x07N:\xb4\xaa\x12\xee\xd3^_Nx\xe3\x00\x8c&lt;\x1d3wf\xaa\xf01\xa0\xd8\x8a)\xb4xeo\x1e\x1c\xe7\xcd\x90\xb8\x8c\x1f\xc3\x14\xe5\x11~\x1e\r\x7f\x18SRh\x1a\xf0\xcc\xcavo\x878\xb43g\t\x00&gt;\x12\x16Nn\xb3\x86\xa8l\x18F@\xc6W(\xdd\x96f\x8f.\x929\x0c\xe6[J\xf5x\xdbR+\x85\x00\x90\xc4\x80{\x8dg\xb9\x9f\xa9\x1c\xfc\xc8\x15y\x99\xbd\xa9\xff\xa3\x9bw\x8b\xc2\x1b\xf6\x9f\x89p\x7f~\xdd\xc0:\xd0\xc4\xf5\xefp\x04\x88\x9b\xa0/\x19\xdeK\xf2\xb7L\x0c\xc3\xd0\xc2:q\xf6Q\x16\xb1:\xe7\xe5\xd3S\x08}:;\xe9\xce)JF;\x9e,\xa4\xe6/\xc9\xb9\xc8\xa4Q\x99\x1d\x08O\xe9\x1fr;\n\x15Ng\x8eG\x96\x97V\xbd\xd8\xc7\x06}KS\xc0\x00\x11p\xd2\x1fT)\xdb,\xd35\xca\x17\xcbv\x9f\xf9~\xc3PQ\x9d\x82?\xd5\x8d\xbd\x93\x8b\x92\xfd\xd1\x19;}\x00\xc0\'\xe3\x92-#\x97\t\x00\\\x12\xc0E\x17\x95\x7f\xd1kou\xe5\x9a\xd01\xadZ\xd4\xf6\xec2\xf2\xaa\xe5E\xc1\x11"\xe0\x89\xc5&amp;Wux\xaf\xc8U|\x93\x05\t\xc3h\x9a\xb7^\xa1\xaf\xa1\xac\x13$g=e\xfd\x83\xd8\xae\xcc\xfc\x00\xc0\xe7\xca\xf5B\x1a\x14G\x06T\xaa\x1cW\x1e\x0f\xceTm\xce\x14U\xd8\xb0\x92h_\x8b\xcf\x13\xa5\xacT_\x92\xd9\xec]\xd2\x80I\xc5R\xb2\rc?\x89\xa6\xae\xf1\xa9b\xadE\xb4{\x7fR\x1a-\xf4r\xd8\x18p\x95\x8a\xed\n\xad:6\xf9\xee\x9c\x8bB\x82$\x93\x7f\xf4\xa5&amp;\xe7V\xadWh\xce,\x81\xec\xf1\xc0\xff\xf2\xae\x9f\x88p\xb5\xf4\xec$\xb6\xd9\xd48\xc1\xb8pp1\x8c\xbd\x85\x1b\x8d\xc8\xef\xa1\x8dC\x88\x88\x08\x97\x8aS\xedu\xda\xb3\x1eS9L\xfdg\x07\xdb\x866\xde\xc8dZ\xdeV%a\t7\n\x10\xf0\x9b\xbe\xf9\xe7\x96#\xb4\xaf7]%({a\xc1\xe9\x7f~\r\xe7\x9f\xb9\x0c\x11\xf0\x10\xa9U\xee\xee\x9a\xfc\xb5.\xc3\x860\x90sb\xdf\x1b\xa4"\xe7\xb7\xd90\xf6\x0e?\x13J\xdc\xe8\x1a\x87\xdfoH\x83$ZA/\xe9AB\x97$z\x93\xc8\x18o\xf5P\xf0\x11\xc29\x80\x80\xcf\xad\x9dl\x91L\x8a\xcd\x8b\x96b\xb2\xe3\x0b\xafWR\xd1\xfb\xb0\x81f\xf9\xfe\x9a/\xc0\x1d\xc9\xde`\x83\xd1H\x8e\xb3\xc2\xd9P\x81\xf0ld\xb0\xaee\x86q(\xb0.2\xf1\xfe\xe7\xcaH\x98\xca?bi\xdb\x98\xe7\xf4\xff\x88s\xd6\x7f\xc8\x8d\xf1\xd06npg\xfc\xe0\xe4\xbc$\x07\xb3&gt;\xd3\xcc\x97;\x95\xad\x82\xa0\xeb\xbc\x02o\x8d.\xee\x1av\x97\x8cdK\xf2\x17\xc8M;\xa4\x8bK\x84\xebP\xe4\xd3\xa3\x1e\x03\xbe\x95Vf\x05\x9a\xff7\x8e\x1c\xd1\xdcj8\xc8F\x85\xcd\xdb\xf6Q\xf5J\xbf\x1c\x00\x82\x95\xc1x\x8a\x00\\^\x96I\x9c\x17\x9e\xd3\x0fw\xd6\x15s+\xaa\xe9_eE\xef\x17\xdeA\x84\x7fd\xea\xc6a\xb5\xaa\x01\xeb \xed\xc1f\xec\xccg\x84RYSl`\xbe\xfc\xb1\xa1}o\xc3\xd89\xd2\x91\xa3\xf1\xb99\x81g-3\x96\xb8Q]\xa8\xf29n\x127\xa5\x80\x13!\xc8\xfe$,\xc2\xcfNHZ&amp;\x9du\xb2r\xd2\xeaR\xf9\xe6\x0b\x01\x00xV\xbeh&gt;^\xae\x8a\xd8E\x92\xd7\xce8t\xef\x846\x00\x08\xdd\n\x00\xcfX\xa6\x81\x86\xb1]\xaa__X\x18\xff5/D\x049\x07\xac\xad\xe6UaTb4\xb1\xc9\x1cIE(\x1f\xc3\xeb=\xf3r\xc1\xd9\x00\xfc\x1c\xd1\x9b\xba\x8e\x86\xf96\xf7{\x85\x98\xfe\xd7\xf5%\xbfHt|\xa5\xc1\xaez\x11\x08/+\x95\x85\x13m\xf0\xad\x97C7\xa6o?\xed\xcd\x90\xcaS\\\xc9\xdb\x08\xe8\xc6\xdfr\x16\xef\xa2\xa4\n\x07\xd7\x05\x10\xac2\x8c\x9de\xd9\xdf\x04\xaet\x0c\xb8\x87\xfb\xa4\x9dW\xf2\x99\xf9Q\xfd\xf8;\xbd\xf4\xae.&gt;\xc7\xfd\xc9\xd2\xff\xa4\xec4\x90\xbd&amp;}K\'E:\xdfuo\xea\xa5\xa5?A\x1ch\xef\xcb\x8e%\xf3\xde?\xd07\x98=,3T\x8d\x8dbg$\x18Ih\xb9XW{\x91g\xd1u\xceF\xe0\x03\xc3\x14|L\xcf\xd5,E\xd8\x18\xd6y\x7ff4\x7f\x89\x93\x97l-\x8c\xb7\x9fa\x1c2\xfc\xba\xd8_\\\xf7en]\xf0\x93\xc9\x12;\xaf4\\\xc2\x0b\xd5\xdc\x9f\xfey\xe0\xa4\xd1#~\xc0\xaf \xa9\xc4\xe4A\x19\xbb\x00\xc2\x03JM\x93\xb3\xf0\xf9\xdcqmf\x19\x9e\x91H\x8eT\x11\xd5\xd2$I6\x8cp\xc7M\xdcW\xb81r7\x0c\xd1]\nJ\xddN\xc0\x8eu\x87al\x8b`DE#\x93\x08\xb8\xa7\xfb+3{\x1d+\xaa&amp;\xff\xd1\xc8c\x07\xa1\x9f\xa0\x97\x06jYQ\x18\x18\x8a\x0b\x08\x10\xe1s\\\xf6?)\n"\xe0{\x80\xbbd\x9a+\xd5M\x8b\r\x1f\xe02\xda\x04\xe1\xad\x1a\xec\xa6}X\x00l\x19\xb7\xd5Ytx\x9bq\x85\x8c\x0b\x0e\x15\x87\xb7\xe2\x17\x85\xe3\xfc\xa5\xc9+\x15\xe4X\x080\x8e*\x93/.\xad\tD\t\xce\xf5\xa8\xfdr$\x19/\x8f\x1e\xd1\tT6\x8f\xd2\xac;`\x8e\xa4\x8aX\xad\xa3\x9b\x9e\xa6\xea\x9c|\x95\xcd\x8cpL\xc1@\x92\x99\x17,\x95A\xe8\x04\x95\xf6\xb4\x01\xa2Gf\xce\xe6\t\'%\x91\xd8\xccm\t"\xe0Q\x19\x93"yRoj:\xca0\x0e\x01\xfcx\xf9Y\xa08{\x9c\n!\x02\xf0O\xe1\x9fY\xe7{J\xac\xe23\xec\xd4\x9b\x91\xa1\x9cY\xf3\x15\x03\x1b\x18)\xa9;\xe0\x8b\x95\x1a\xe8\xdb\x99q%\x81=\xb7e\x9eR\x8d=\xb8\xbf`\xfa7Y\xb5\xe0\xd76\x8c\xeb\xa5`\xf1A\x84w\x17o\xb9\\\xee+\xbd9\x0bf\xe4\x1f\xf7\x02S\xc0\x02\x80qT\x08\xa7T\xe9\xc8T\xcb\xf9B\xf8g)\x1d\xc4\xaf\x034\x8a8\xd3\xf2u\xbd\xd4J"\x87\x15NDD?\x96\x95\xac\xe9\x1d\xa8K\xa6\x8a\xfcEUP\xec\xea\xcc5\xe2[\x01\x00_\xdbPJ\'5\xde}(\x12\xdb\x9c\xbb%\x98\x8a\x82\rA\xf9\xca\x95\rw\x8b\x19\xc6\x81\xe2\xcfg\xdds\x19\rB\x04\xc97\xcc\xfbP\xc1!\x14\rNDI\x85}n\x15\xe6\xdc\x13}C\x9c(Z \xe7(\x8a\x96ge^&lt;\xfcS\xd8\xa8\x98\xf8\x12\xde\x12\xdb&lt;\x86:\xc6@?\xb9\xb4\xacs\xf3\x95\x9d\x16\xfabvV!9\xe5\xa8\xd8\xaf\xc9\x05\xa6\xc6\x86\x8a\xa6\x92\xc9\x87\x86\xe6\xd4W5\x8c=\xc7\xdd\xfb\xf3\xef\xff\xa2\x97\x04\x11&gt;9+\xef\xecR%wL$\x13;\x03\xfd\xf9\xa8bc+\xa5\xed\xebr\xad\xd0\xb0&amp;\xe5\x83\x04\xff\xb3\xe7\xf7\x93\x18\xc0\x19&lt;G7\x9bL\x8b\xfc\xf2\xff\xc8\x06\xe7\xb5#\xec%I\xbb\xbbE\x03\xa7\x9f\xec\xf1V\xb4\xcaWa\x01\xc08\xb2\x00\xe7\x9f|Df\xa0*\x86H\x83\x8b\xac\xe2\xbb\xc2X\x1d\x8d\x7f\xca\xf8\xe1\x06\xa9\x93""\xfcg{\xec\xc1\x1f\x85\xa1\xe5&amp;B\xb1\xe4g\xcd\x01:\xc9;\xde\xaa\x9f\xd3%\xfa\xe5\xf1\xac\xe3\x0es\x03\xc0\xa4\xe2\xb5S\x03\xe1kQ\x0bi\xd0&gt;\x85:N\x11\xc2\x1bO2EZ\xe9\xc2\x02\x80q\x94\x19\xc6\xd5\xe7\xfa\xcfp#-.F\x04\xe0\nS-f\xb4\xb0nWo\x86\xa2\x0c/\xdf?&lt;\xce\x88\xef\xb1\xbc\xc3u&gt;Hnb\xe0\x89\x86N;\xee*\xae\xee\x82\xd6dT\x07+\x03\x17\xdagH\xee\xff\xbd?\x01\xc0\x85\x82\xa7KA\x04\xbc\xc2\x17/\xfa\xdf\xca\xb68iA\xbb\xe2b\xf1&amp;\x01\x88\xf0\xfb5\x9a\xfc\xb5c]=\xc38\x14\xf0\xe4\xf1Ci\x1a5U\x11\x0e\xb6G\x00\x85\n\x7f\xc0\xc7J\xd9\xe9\xb0Z\x91\xa6\xec\xe4\xd3_\x1f\x1c\xff\x1b/\x89\xc1\xd4\xda\x94_\x01\x83w</t>
        </is>
      </c>
      <c r="E268" t="inlineStr">
        <is>
          <t>&lt;class 'numpy.ndarray'&gt;</t>
        </is>
      </c>
    </row>
    <row r="269">
      <c r="A269" s="1" t="n">
        <v>267</v>
      </c>
      <c r="B269" t="inlineStr">
        <is>
          <t>steps_per_sec</t>
        </is>
      </c>
      <c r="C269" t="n">
        <v>3900</v>
      </c>
      <c r="D269" t="inlineStr">
        <is>
          <t>10.162546</t>
        </is>
      </c>
      <c r="E269" t="inlineStr">
        <is>
          <t>&lt;class 'numpy.ndarray'&gt;</t>
        </is>
      </c>
    </row>
    <row r="270">
      <c r="A270" s="1" t="n">
        <v>268</v>
      </c>
      <c r="B270" t="inlineStr">
        <is>
          <t>Loss/object_center</t>
        </is>
      </c>
      <c r="C270" t="n">
        <v>3900</v>
      </c>
      <c r="D270" t="inlineStr">
        <is>
          <t>0.6408304</t>
        </is>
      </c>
      <c r="E270" t="inlineStr">
        <is>
          <t>&lt;class 'numpy.ndarray'&gt;</t>
        </is>
      </c>
    </row>
    <row r="271">
      <c r="A271" s="1" t="n">
        <v>269</v>
      </c>
      <c r="B271" t="inlineStr">
        <is>
          <t>Loss/box/scale</t>
        </is>
      </c>
      <c r="C271" t="n">
        <v>3900</v>
      </c>
      <c r="D271" t="inlineStr">
        <is>
          <t>0.0765798</t>
        </is>
      </c>
      <c r="E271" t="inlineStr">
        <is>
          <t>&lt;class 'numpy.ndarray'&gt;</t>
        </is>
      </c>
    </row>
    <row r="272">
      <c r="A272" s="1" t="n">
        <v>270</v>
      </c>
      <c r="B272" t="inlineStr">
        <is>
          <t>Loss/box/offset</t>
        </is>
      </c>
      <c r="C272" t="n">
        <v>3900</v>
      </c>
      <c r="D272" t="inlineStr">
        <is>
          <t>0.26834005</t>
        </is>
      </c>
      <c r="E272" t="inlineStr">
        <is>
          <t>&lt;class 'numpy.ndarray'&gt;</t>
        </is>
      </c>
    </row>
    <row r="273">
      <c r="A273" s="1" t="n">
        <v>271</v>
      </c>
      <c r="B273" t="inlineStr">
        <is>
          <t>Loss/total_loss</t>
        </is>
      </c>
      <c r="C273" t="n">
        <v>3900</v>
      </c>
      <c r="D273" t="inlineStr">
        <is>
          <t>0.98575026</t>
        </is>
      </c>
      <c r="E273" t="inlineStr">
        <is>
          <t>&lt;class 'numpy.ndarray'&gt;</t>
        </is>
      </c>
    </row>
    <row r="274">
      <c r="A274" s="1" t="n">
        <v>272</v>
      </c>
      <c r="B274" t="inlineStr">
        <is>
          <t>learning_rate</t>
        </is>
      </c>
      <c r="C274" t="n">
        <v>3900</v>
      </c>
      <c r="D274" t="inlineStr">
        <is>
          <t>0.0008350001</t>
        </is>
      </c>
      <c r="E274" t="inlineStr">
        <is>
          <t>&lt;class 'numpy.ndarray'&gt;</t>
        </is>
      </c>
    </row>
    <row r="275">
      <c r="A275" s="1" t="n">
        <v>273</v>
      </c>
      <c r="B275" t="inlineStr">
        <is>
          <t>train_input_images</t>
        </is>
      </c>
      <c r="C275" t="n">
        <v>3900</v>
      </c>
      <c r="D275" t="inlineStr">
        <is>
          <t>[b'512' b'512'
 b'\x89PNG\r\n\x1a\n\x00\x00\x00\rIHDR\x00\x00\x02\x00\x00\x00\x02\x00\x08\x02\x00\x00\x00{\x1aC\xad\x00\x00 \x00IDATx\x9c\xed\xbdy\xdc\xbe\xdfT/\xbe\x1eR\x9d\x92\xa9\xa8(J\x99J\x86BeH\x14\x1a\xe4d.%c\xa5(\x9d\xa4h@\x88T\xa8\x84"\xd4\x89\x9cH\xf8\x89\x10\x19\x12\xd2\x91\xa1\x92\x90\xca\x90T\x92\x1cCR\xef\xdf\x1f\xf7u\xed\xbd\xe6\xbd\xf7u\xdf\xcf\xf3y\x9eo{\xbd\xbe&gt;\xee{_kx\xaf\xb5\xd7^k\xed\xfb\x99\x88&amp;M\x9a4i\xd2\xa4\x13&amp;\x80\x88\x08D\x00v\xaf\x89\xa8\xbe*lD\xa8"\xe0\xcc\xbd&amp;\x98\x0cW\xe5\x8b\xfc\x1e)\x1b\xfc\x8d\x95\xd9=\xe4\x86\nH\xad\xa7\x0b\xf0\x8e&gt;\xa4a+\xeaPU\x8cv\xb2\xf7\xeb\x14h\xa5~\xe0\xaf\xfb\x91j\xa7F}\xcb\xb1\xad\xffZ\xd5 rv\xe7\xaa\xfb\x9a\x03\xc2\xf4\xb0\x8b\x1cQ\xe4\xb4L\x00\xa1\x1c/\xd0\x9a\xc1\xf8\x95w\xdc\xdf(\xc4`h1\x92\x0c\xdc\x05\x80n)\x91\x18\x84\xa1\xb3+l\x87\x01\xab\x95\xf5\xf5_n\xc9\xd5\x12\xf6j\x0e\xfa\xd1\xde\xe98\xc4\x0e\xdc\x89\x18\xaa8,;z9\x11\x01W9\xd8\t9\x85T\x9a\x81L}\xb1g,\xcbuM\xa7$\x88\xf11\xd3\x9c\x83[\xbfh\xbe!\xdbH\xfe\xe2\xe5.\xbf\xff\xb6\xc8^\xd7`\x8e\xb2\xb2\x07\xa5R\xd2\xe5\x15\x83\xd7\xa5\x9f\x01\xab\x1b\xd4+\xf8(\xc8\x9d= \x01\xefPQ\x03\x9e\x0e"\xbcU\xe7\x832\x9d\x9c\xc6h\xddu&lt;\xf1\x88\x17e\xcb\x0c|\x9a&gt;\x05\xb0]\xcd\xc5\xe0l\xb4\xdb\x08s/\x12\x1e\xb2\t\xc9\xec&amp;J\x00\x00om\x1cRO\xb6,\x01\x04\xfc:F&amp;\x9b\xc4\xbbUOya}\xea\xd3&lt;\x9e\xc0\x90\x91\\_d\xb0!\xd3\xe0\xbcL\xd1F\x98\xb7\xcb\x7f\xa9\xaa@y\x9f\xf5^\xb4\x8fw\xecz\x83\x0c\xc0\xb2\x99d\x1e\x83\x08\xb8zT&gt;\xea|\x04&lt;\xc6@\xed\xc19D\xfdA\xd8\x06AMd\xc7\xe4\x85o\xda\xe6U|\xfc\x94`\x87\xce\xde\x06\x90&lt;u\xe7\x95\xdd\xee+\xfc\x8bE\xd9B\x00\xe0\x8dU\x8fB\x18Y\xdc\xd1\xffK;\xb7\xab\x10\xf8-\x03)o\x93?!\x15\xb2\x19hqG\x0eI\xb8{q\xd3\xda\xe8\xcf\x9cf\x99\xee\xe9a\xa9_\x03"T7\xabb\xeb0\xb1\xf6\xaa~3\xa7\x99\xea.\xaa\xb2\x18\xe4\xd3\xee\xd5\xee\xed;\xbdC\xd2\xa4\xd7\x0f\x96\xb6\xf4\xe9\x80\xaao\x0e2\x95\xd7\x8b\\\xc5\xb2\xf7\xc1`\xc5\xd9rro\xd9\x82\xa1\x15"U\xbb\x7f\xc9C\xde\x1e\xff5\xaa\x0c\x94i\x93]\xd3z\xa8\xcd\x0c\xceD\x04\xdc\xd9zlA\x1aU\xba\x1a^\x86=B\xf7M\xc8"\\Q\xc9\x03\xb2\xd0\x8b\x16\xb6\x87\xf8\x15\xcd?;\xd6\x9d\x14\x92\xfb\x94+\x81\xdc5\xef\xb4&amp;Nk\xa8!\x03\x0f\x02\x00)\xd2&lt;~\xfe\x10f\xa4\xf4\xba\xd1\n\x00x\x07\xc5\x07\xd0l\xc1\xf0\x05\xc5\xa2%"|g\xf1\xbaV\x00\x00\xc0SG\x95\x9f{\xda\x05\xe5zb\xc5\x0fx\xb4\x13&lt;\x03\xc8\xcb?\xfb\xdaGRM\xbc%\xe7\xb9\xac\x87\xc7(\xc9\xccu\xb2\xf9\xb2b\x0e\xca\x14`\xad5.\x93\x8e\xed\xa3\xb5\xa0\xc3\x9f\x82\xa1\x8e W\xce2\xe8EOS\xdf\xd6\xc3_a\xe0]]H\x9aS\x15\x87\xb7\xf2\xcb\xf5\xff\xc9\xad\xb4\x06\x02\x0e\xf2\xb7\xba\x92P\xbd\x10Oe\xce8\xf9GDD\x1f\x93R_W*\x05\x9fN\x1a\x98\xc3\x8a\xd6LlW\xdbN\x067\xef\x9a\xcf\xac\x95\x1c-\xf1\xee(\x13\xdbS\xde\x8emL\xber\xbep\xdb\x86s\x02I\xf8\x88\xbd\x00\x08\xdf\xeeyQ\xfc\xed\xe8y\xa7\x97\xa2\xac\xb2\xebj+\x1e\x100_C\x8e`\xeb\x8b\xd6\x84\xbb\xd0M\xebN[\x9e5\xb7\x0cTa\xa8\x9a\x8b\xb7\xa4Y\xe0b\x9cj\xb4\xef\xd2\x90\xb3i\x9dI\xc3HM4a\xf4\xf3\xaf\xb1\xf9\xb8\xcb\xe6a\x0b\x94\xd8\xc5\xef[\xf8\x01\x007\x11\x8f\xfa\x10\xae\x15\xe7g\x89\x08\xf8,\xe0\x7f\xfb&gt;\xa8\xf9\xa3g\x04\xe9\x0bax(&lt;\xe4x\xb6\xce\xb4\x0e\x18&gt;\x07\xe0Z#j\r4\xeb\xa9\t\xae&amp;\xb1!\xb6\x92\xe0\xed\xa2\xa2\x11\xc0\xe5\x12\x1e\xbf\x13,\x18\xd6\xaf\xc1D\xfaG\x06\xa0~\xce`Q\x97\xfeh\xdbN9\r\x81\x0f\xa3/\xab\xb3eC\x10G\x0f\x06[\x89p\xca\x06#\xa6&lt;\x8f\xd9\x02b;\xf7\xd4\xa1-s\x1b\xc0aw\xbd^*\xc9\xb1eL\xf3\xb2\xe2\x1efzT\xbfi!\x88\x8a\x84o\x8a\xe7\xf0rDe\xa5(|u\x9cWOW\x0e\xb7\x1f\x03\x9f\xd9\x05r\xc4\xa9\x8c\xad\xfb\x14d\xe2^e\xa9\x8f\xeeQ\xaf5\xbe\x06\xef\xb5\x85\xe7\x82\xac\x0c_(\xd7\xd39,\xf1z4\xce\t\x15\x1b\x87P\x12\x8c\x05H\\q\xe8\xa3\xf1\xe1uv\x90\x08\xb8&gt;\xd4\xcaG\xc3^u\x96\xe8\xb0\xd8\x81\x0f\xd4\x1e\xb0\x15I\xc2\xa0^\xb8R\xc1\x10\xe1nj]\xdf\xc1\xbe\xf6 \xe6\n\xa0\xc96\xa4\xcd\x03\x1d\xb9i\x05\x99\xb6u\xfd~UIl\xfa\x16;\xe15 \x8b2\x16\xa2\xb1T\xc9\xb9\xc0\xba)8\xd4\x96\xf2\xc2\x82\x96\x89~&lt;y\xaax\xc8?\x92hx\x8e/\x92i\xe7\xbb\xe92\xf5\x06\xddQ\xfb\xf5\x19\x037\x1a\x87(\nN\xd4\x8d|\xd9\x14@\x93\x9a[co\x00\x02\xf4#%sq\xb9\x85\xf6gS\x90ug\x89\x80_\xe6\xa3R\x8fS\xe7\x9e\xdc\xac\xf4\xb7jDgy\xfd\xbb\xdd\x9c;\x08\x0f\x1c\xb5\x15\x94`Xz\x93c\x9d\x8b\xba\t\xd1k\xbd\xe3R?\xa0\xf6\xd5\xf5:%\x0c\xad\xafI\xbe\xe0V\x84;\x9cr\x8bZ\xd69\xf3]\x8aF\x08\xeb7\x96t\xc3\xa4\xef\xdb\xdfh\xb0\x08\xd1\x8a\xf4\xfc\xcb^_*\x82\n\xfc\x99\xfb\xc8\x9dH\xe4Sq\x0c{c\x11\xd3\x9f\xaen.z^\xd8\x16\xc9m\x86\xe05l.r\xe0\xcf\xc7\x8b\x9a_\xed\xe5\xcf\xc6\xa9@\xbf\xbc\xc9)=\xaeT\x10\x9c\xbd\xdd=M\x14\xf5y\xd7I\xe0i\xfbow\x7f\xc64w\xf6\x9e\x1d\x1a\xea\xebx\xe7"\x03b\xd7[\xb6\x86\x88O\x13=\xe1\x88\x0fg[~\xc9\xf5\xeb\xd7\xb7\x00\x80k\x1f\xca\xbbd\xe6\xb5\x83\xdb\x16\xfd\xdd\x97\x92d\xc8\xe5\xaf\x13@\t`\xbbnw\xc1l\x93(\x91\xbd\x1b\xd6GC\x9a\x90~D\xd33i\x99u%\x1b\x83\x94\x86B\xb6ng\x8aE\x19\xd8&amp;\xff\r,*\x9e\xa8\x9eT\xbd&lt;\x1df\xcfN!\xe5i\xe1,\xb2H$\xcdc\xd9\xa1\x9b\x87\x1a\xf2p\xeesZ\xb8\x08O\x0e&gt;t\x17N&amp;\xe2\x7f\xc8\x8e:&lt;\xb60\x8f\xe7\x07\xf0\x1a\xae\xb4\xc7Qw\xe4\xf4\xce\xe7\xa7\xab\x87\xe7w\xac\x1f,\xa9!\xdd\xaf\t\xd0\xb2\xd1\x13\xd5N\x90.\x97\xbd\xf6-\x90\xee\xe5j\xf8\t\xd7\x9cZ\x10\x038\x0b\xb2\xf2DO\xa9\xb4}jN\x98\x0fX\x94t\xa0\x82\xa3Z\xf1\x7f#_i\xebL\x9c\x8e:\x10\x99\xe6\xbd\xbe\xd0&lt;y\x1c\x9a\x19x\xde,\xee;Jb\x9a\xcf\x05\x94\xef\x99\xf7s\x95\xf5\xf5\xba\xa9\xaf\x89\xad\xf7\xd8\x1d:,\xfaD\xba\x8f"+\x91\xce\xca\\D2\xb6N\n\x11\x9aoJ\xcb5,\xf4:\xbb\xde\x0e]\xf4l\xcf\xb3\x00\x114ad\xf7\xc6\x0f\xe0\xa6\xef\xe3n\x83\t\xe2\xdc\xcb\xec\x95E\xc5\x1f)\x04\x08O\xf4\xda\xc9\xe2\xacT\xd53\x1d\x1fs\x95\x8a\x8eL\x13R\'\xb2|\x8b]S\xeaV\x17\xd5\xabf\x1d\x0b\x8d\xae\xbe\xbc{\x93\xf8\xd9#9?&gt;\xa3\xcd\x9f\xee\xadJ\x90\xe6]l\x00\xa7\xd1\x9c1\xaf\xb9+j\xa2\x14d\x0f^\xab\xad\xfc\xd70\xb0\x01\x81\x11=\x1b\xca\xb1\xbd\x84\xe9\xc139r\x01\xaa\xfd}\xf4\xabFPas%\xa3g\xdb\xce\xfbV-_\xcc]m\x86"\x8f\xd6n/\xfe0\x05\x1ck&amp;"\xfa\xde\x93j\x00\xf8:\x16\xf0:\xeb\x84F9&amp;\xe0\xf7{\xb0\xd9K\x12\xd3\xe3\x8c\x05 \x02n|{\xb5\xa2\x19~\x1fpNA\x1bLz\xed\xb0\xb6\xce&lt;\x15\x7f\xd6\x02\xf1\xabK\xdc\x15\xcf\xb2\x19\xce\x15\xa1\x19\x8eRz\x06P\xf5]/\xb2*&amp;\xbdp\xee\x865\xc3\xcc\xc9\x1f9X\xde\x8dg{?\xe8\x14\x04\xde\xd9`\xb0\x83\xdb\xa2\xfc)\xa3\xc0\xf0C\xc5\xa3C|K_\xb0\x9e\xaf\x88\xa7j\x8f\x1c\xf1-8\x95&amp;\xaeTnnlX)\xfcr^ML\x9aq\xce\x17\xfb\xb7\x1f_\xed\xfa\xefX\x9a\x0e\xd2N+\xcb\xedFK\x13\x82\xbd\x11\x12"re\xaf\xf6\x96 \xc0\xe7\x10\xc5E\xfc\xb8\xa3zJ\xa9\xa6\xd4\xee\x85\xf7\x1d\x116*C;}\xc0`\xf6\xab\xe2\xfd?\xbc!z\xe0\x1b\x07[+1uv|\xeeP\x98+\x8c\xe0;`\xc23\x13&gt;E\x1e\x8a&amp;$I_0$\x9e=u\x1d\xc9\xc1\x04\xa8\x94N\xeeo{F\x91io\xa6\x9f\'\xd8l\xcfs\xde\xde\xb7J=\xad \x93 \xa4P\xb5\x9b\xd0\x0c\t\xbeO\xd18\x7f\xcf\xea\x8f\x9c\xcd]6\xa8\xba\xf8=\xebJ\x89{%}[K\x89c\xbf\xd9W\xa2\x82P\xd4\x9eg\t\xf8\x1c|\x02\x7f\xab&gt;=p\xa2\x06\\\xb3\xbe6\t]\x94@\x9f\xcc|l\xaf\n\x892N!e\xc4\x19\xaa\x1e\x05\x1d\x9a\xf9\xe2\xce/""\xca\xbe\xdd\xdaj\xeb\xf3\x07\xbcF\xc4\x17\xed\x1e\rbq\x8f\x0c\xde|\xaa\xedE\xc4&gt;\xdd\x80\xea\x92)$\xb5\x94\xe3\x85\x10\xc9\x8c\xda\x9a\xde\x03\x15\x9f\xbc\xe8\xa7Z\x98\xbe\x96\xec\x11SR?%\xbcp9\xcbi\xd2\xb2\x15\xaa&lt;}\xafT\x17_\xa7\xdb\x91\x0e\xec7T\xdf\xfb\xf2gS\x9a(\xd8\x9b\xe4]\x0c\x8e\t\x00\x7f\xd7\xbe\xc7\xc8\x17{#:\xf5\xa4\xae\xa8:;;\x1c\xb7\x1b\xe7ndi\xce\xa1\x92\xa0.\xa8\x05o(\xd8x\xf7Oh9\xb7\xf8\x8a\x82\x99\x1d\xbf\x87[T\n\xe1\xcfw\xf70k\x94\xd29\xce\xaeU)"\xe0\'=\xb5\xa3@\xb4\xfe\r\x87\xc0~\xf4\xa1\x15\xc6\x82\r\xcd1$\xbe\xaa\xe6\xeeNz\x9a4\x11\x19\xdd\x16\xd1\xe1\xd3\x14ut\xc0m\x00\x05\xaa]1\xe5,\xdc\x97\x16\xc0\x06\x81\x08_\x942$\xbb\xd6\n0XC\n\xdd\xc7\x1f\xee\xe9\x03\xf8\xc7_\x0c\xde~ZO+\xb9\xf7&gt;\x9f3x\xe6\xb2\xff\x05\xd1\xedm\xedf\n\x94\xa9\xf2\x06\x1e\xa7\xc6\xb0\xa3\xef\xd3\x9aG7\xa9\x7f\xae\xe1"\xb5\xc9\x05\xcc\x85\xa1\x1f\xc0"\xc2\xad\x04\xf0\x94\xddR#\x92\xfe\xda&lt;Tm\x9c#q}n5\x1au\xeb\xc3\x9c&amp;w\x80\xed\x17L\xb8\xdd`&amp;\xe7\x03\x17\xc9\x80u\x92=\x86\xbe-\xde\x004\xc2\x95A.\x16\xbe\xbc\x9c9\n7x\x11K\xd91_\x1fm\xe6\x85\x0f\x8fj\xf2,o\xfb eh%\x1a\x0b.\x9f\\\xcf\x0b\xe4\x8eT\xee\x0e)\xc1\x7f\xe2\x85{\r\xdf\xca\xfc\x1bD\xe2\x8c\r\x9d|\xa9\xca\xcc\xc5N\xea\x0f\x96\xfe@I\xae\xa7V\xdb\xc5\x97;;\x0cU\xdb_\xad/tN\xbf\x85\x08xyYW\xd7\xf6\xfb\r&amp;\x1c\xe7u\x8fD4\x08G\xc1\xdc\x93F\x87&amp;\x19\xb4\xbd\xf0\xf4v\xf4\x0e\x9e\x87\xd8^\x1b\x83\x03\xfbPe;\xf8\x80\x0263\x9a\x00\x00nF\x84\x8f\xafH$?1\x84\x8eZ;\xebl\xda\x88d\xff\xc0\xff\xeb\xdbh\x81\x1c\xf4a5\x0e\x1a\xefH\xf6\x0f5WU\x9d\x9e\x95\xdd\xba\x9d\xbd\x8e\xe3\x8c\x9c\nr\xe3\xc2]\xb5nC\xc7w .\x8e\xb6$\xbf\xe5\xca\xfa\xa2\xe3kz\x1c\xbf3\n\x11\x80\xa7\x85\r \x9c[\x056v\x96\x9atI\x1d\xd2\nC\\f%\x1am\xa8\xeb\x9c\xecYw\xb6I\x1bm\xdd}E\xcc\x83f\xd1\xf2\xdf}\xa7\xf9JY\x891&amp;\x8c\xfe=\x926w\xca\x8e\xd8CA\xd5\x82\x85\xcc\xef\x9cw\xe3V\xe1I&lt;\x95\xdf@u0\xa8\xacS\xd5\xb6\xef;\xdc\xf0o\xfd\x17\xeb\xfb\x00\xdf\x95\xf24,6#]\xafDj\x1f\xff~y\xd1\x81\xb4j\xe8d&gt;\xdb\xa4\x93\x80\xbdW\xb1\xe6a\x05\x1e&amp;\x95\xeci\x1d\x1f6\x8b\xa1\x08\xcfu\x0f\xb0\xd0\xa3\xd5\x92z*\x0f\x9f\xb4\xc2\x96\xf1#\x1b\x1dt\xddQ\x89\x9e\xe7t\xa7\xce\xa2\xd6\xc1\x7f\x9c\xa9\xfc\xeeb\x8e\xfd\x8e4\x7f\x1e\x94\x80\x12hr\x7f\x07\xe2c]\x8ef\xcfU\xb3\xb6+d\xbf\xd3\xe1\xc9\xedRZ8\xbc9\xd4#G\xbfx]x\x96H\xca\x99\xc9\xf5(\x8as\xf4l[\xf2 \xd8z\xa56~\xda\xd7r:F1\'\x86}\x03\xdc\x7fw\xaayL\xf4p\x93\xcdY\xba\xecgt\x0fi\xa2\xc1\xad\xf5\x0e\xd8\x93\xd2\x9a\xb5\xbcf\xeb/\x1a\xb3h\x024x\xb2\xac\xc2\xe7\xc5\x86\xbajJK\xff\xf0\xcf\x10h\x18\rlaY\xb7\x8b\xc0\xdf\xec\x15\xabx\x94)S|\xc8\x19G\xcf\xde\x8c]\xe6R\x9dA\x04&lt;\xcd\x19\xe1\xdf\xe0\xec\x9a\xef\xc8\x92\x87\xa2\xcd[\x00Rd8\x05T\xd3\xed\x94k\x0e\x1c\x9dH\xec\xe8\x1d\x05_\x8dhmx\xb3\x01\x1c\x84\xca\x99\x91\xa9&lt;\xa6\x01\xa2\x98\x06\x19s?\xbb\xb6\xf0\x0f\x18\x8b1H\x9d\x04\xfcT\xa7\xdeu\xf8Jy@\xf8\x0e\xfeV8\xd9\xcc\xda\xa6\x8bq\x8d\xf0\xaa@CY\xa0g\\\xca"\xa1`\xbb\xa3\x00&lt;\xa29$\xc6\xbd3\xa9Aj\x11\x00\xbe&lt;\xd0 s\xbb\xaa;\xbf\xc3\x19Y\xd7\x8b\x1e\x06\x17^\x12\x9a\xbc\xc2J+\xf2lz\x85r\xb7\xe8\x9e\xb0r\xe9a\x82\xbf\xe21\x06\xc8WK;s\xf0x"mEg\x93\xa1\xfakr\xd5\xb5\xc1\xef\x16\xe5\xfcZY*:s\x04\xb3\x97\xa8\xcdl\xeeqZ\xec:\x92B\xdb\x15GT\xbd\x88\xa0\xfaO\xc7\x8bfGu\xf6g\x93\xf2\xa6\xe9\xb1\x9b\x94\xc4\xdd_U\x1cS"\xee\xafv\t\xec[\xbb\n\xe5\xf2\xa8#\x13\x92$\xc3u\xc2\xa7|\xe4\x0fst\xe5t!9%F\xaa\xc1_\xe9\x0f[`6:r\xad\xb3J\xf2\xd9\x9c\xd6\xe2\xe5\x03vrO\xbc\xb7,\x16\xad\xf1T\xdc&lt;v\xbf}\xddm\x966t\x91k\xa0\xdd\xefJ"\xe0?\x99\xd1$JB\xb3\xc4\xf9\x01\x11IW\x9c\r\x10\xd6\xb5P\xd0\x86\xa5\xa3K\x9dF2\xb9\xf2\x91\xb2\x7f2"o\xe2"~2\x12\x01\xff\x08\x87\xc2\xfb)\x13\xb4\xaa"#\x99\x0b\xf1\x96q\x9e\xf6=\xb1G\x8f\xc2\xd0? \xe8\xd4\x01z\xb2\xa7\t\xd5=N\xa3$6(\xb5\xbbQ\xffR\xa7\x1c\xbb\xaa/\x8a\xd6\xd8\xd2i\x1d\xd7U\x86\xef\xbb\x14\xa4\xf2\x88!l\xba@D\xd8}\xab\r\x11\xad\x7f\x96\xd6\xd5/V\xber\xeb\xdd\xabc[\x93N\x96d\x87\x88\x80~\xe4\x04\x1f\x10\x91T\x01l\xedTp\tp\xd1\x96B\xe4m\xca\x17\xa4;%\xbb{6F\x00\x00\xbe\xb0\xf8\xe2Q\xa2\xfflN\xfd\x91g\xbc\xe1/\x81+\xcc\x17\xf5\x9b\xa4\xaf&lt;1\x11\xff4\xf6&gt;\xa1\\\xb3\xd0\x01\xa7=\xc2\xbb\x88\x08\xb8F\xe2C\xc3\xc3\x00\xc0\x1a.\xedK\x9eSj&lt;\xf9\xe2\xa0\xf3\x01W\xcd\xc1X\xedQvv\x8e*\xf6\xd8\x1f\x84\xf0\x07}l\x85\xae\xcb\x0b.\x80gt\x02Y\x07\xc3\x7f\xcd\xe3\xbf0\xd7\xf4ho;\xe2\xd8\xee\x9e\xde\\\xb9\xd0\x9fF\xa1/]jR\x17\xb9\x83\xa1l\xaa\x9c\xc5\xe7\xd6c\xa6\r\x9bl\x00O\xc8\xf8\x13H-\xb4\x15Mv\t`|\xe8\x88\x83\x90:\xf4xtB\x94o\x94\xdaIS\xf4\x97R\xbb\xa7i\x0b\xa0\xb305\xf4\x07If\xac+$\xf7O\x10v\xa2\x92\x9a\xe5\x00\x1b:]aK\xfcVm\xb8_\x96\xb3\x83\xad\xc7!-5\xc0&lt;\xac\x9e\xf85\x91\x02_\x9aq\x0c\xc3\xdb\xda\x03\xac\x83\x0b\xa5\x9e^S\xcc\x95YD\x10l\xdc\xba\xf0\xc4X\x94\xb1Im\x19\xbfn`c{\xdc9\xc9\x8a\x01\xb1\xb1;\x91\xa1\xfa|\x0bP\x0f\xb9Koa\xe7\xd1\xc2{\xa0rJ\x86\xb7+\x14\xdb\x02}J\x08\xa0\xddwR;\x8f.\xe7V\xc0\xae\xc9H\xab\xf2M{y\x13&lt;\x8a\xf1\xc3\xbd\x9cr\x13\xee-\xc4\xed\xf0\xea0\xdb&lt;F\xec\x8e\xa3\x87M\x1c\xfai\x97kF\xb0#\xd3 9Cx#A\xb6\xc0\x8e\x8fJ\xdb\x93\xbb\xa0\x00\xf0\x84\\\xb7\xc6\xfb&amp;W\xdf\x84\xfcQX\xc7\xfa\x00Nm\xc7\x99+#NE\r\xc1\xe1\xa0\xe7\xca3\xc1\xce\xfcd\xc7A\xd9\x8a\\\x0e\xe1\xf5\xc1\xccO_\xff\x0c\xbe$\xd8\x8e\xbe\xb8k\xc7E\x03v\xb4\xed\xb1O\xe7\x96\x90\xfej\'w\x93\xfa\x03\xcd\x95t\xb2-\xfac\x11\x08\x91,\xcf\x94\x9e\r\xfbcO \x88\x80\xe7\xe6:\x18\xe7\x81s\xc2\xed\x8e\x7f(\x19V\x9ev\x99\xde\x8c\xec\x98\x92\xbc`\xdei\xbf\xa0\xd7i\x92\xf9\xe3\x84\x0f\xa1\xfa`\x81\xaf\x07\x9cv]\xe7Ib"9\x0e\xd1S]\x97exS\xd7\x020\xf1\x9fDaV^ M\xc7"Ny\xc9Q5\xbf\xa8`\xf6"\xc8U\xf5\x91\x00\x00\xdc$U\xed"w\x17\x978\x9fH\n\x1e\x84\x12\x9c;\x1f\xde\xbb\xbe\xfd\x15\x96\xb2{jv\xd9j\x04m\xd9\xd5\xf4[+\xc2J\xdf\xa0\xc1\xeb\xd4\x1a\xed[U\x8fn$\xb7m\xf0\x9b\xa4\x16\'9p?"\xf5\xa7\xec]5\x8e\xdaC\xe7\xdf\xe6i\xb4\x9f5\xd1k\xaf5\xdb\xe6\xe5\xb1\xf6\x0f{\xaa\xc1\x9e\xba\x1b\x11_\xda\xbc\xdbF\x07\x86v\xc4\x13\x16\x9b\x8d\xf9d\x90m\x81g\x84WXW\xb0Q\xb2\xf3\xa7\x1av\x16\x87\xb0\xd6\xb75k\xb55\xd9\xfc.\x85\xf5\xf7\xb3:c\xd6\xbf\x10\x01\xdf\xd8\xda\xb1SF\xab\x9f\x87P\x95F6\xe2\xcf58\x8b\x1cyx\xd4\x07`t\xfa\xd5\xc9\xa6\xec\xda\x1c\xd2R-m\x8a\xb9\x1e\x86\xbbr\xce,\x14\xc9[k\xd1\xc2[\x1c9X8=\xd3\x8d\xad\xd4\xd7\x7f\xfc\xa3\xafa\x85z\x8f}\xc14\xcb\x84\xbb;\xeb.\xac\xdbDD\x84\xfb7\xeeL\x1c\xb9\xa2\xaf^m\x91\x8c\x8fDR\xcd\xb9\xf5\xbd\xf3(\xe4\x1cV\xc51f\x83w9\xc8\xad\xad1\xdc\xa6\xbc\xb3w.\xac\xbc\x1b\xa9\xbe\x8e 1N/qO\x1a\x9c\xfd\xdav\x1b\xd6\xee\xf0\xbd9\xc4\xb98\xaf\xaazNj\x16\xa9\xb4\xf0q\xd9\xcdT\x0f\x7fN\x9e\xa0\x8f\'\x90\xe0&gt;\xee\x0790\xea\xe5t\x0ei\x8b-kZZ\\\xb2\xc8Xu\xad\xaf\xb5oy8\x84\x90\xa5\x96\xb3\xbe\xd2K\x00&lt;\xc4{\xea\x8b\xf0^E\x04\xdc&amp;0\xed8h\xac\xaf\r\xe9\x0e\xe4\xfe\xf17u\x8e\xbc\x04\xd3\xfa\xa3M\xcc\xf7\xb7L\x8a22\xed\xb9{C\xba\xa8~\xcf\xb0\x05\xfc*\x7fR\xb5D\xbd\xc9\xfcxs\xdcp\xc7\xb0j\xd9k\xe2\x19\xa0\x8e \x10\xb5\n\xa8J\x08\xbck\xc8t\x1b\x01\x9bq\x04gy\r\x99\xd3\x8b\xc6\xcb\xf8\xed\xc1*\'\xbe\xc1\xf7r&lt;\xc5gvy\xe4\xfaU\xc6\x84\x08\xbc\xa3\xa1c\x8ep\xcfy\x03X\xda6\xec\xd8\xab4\x1f\xebt\xa3-\xded\xb78\x94$\ns\xc0\xe6\x97\x95r\xc5)\x8b\xa1\xb3\x06\x95\xa3M\xaf$\xb0\x83\x83\xd0\xed\xf70\xf5\xa4A\xbf\x92;%&lt;\xc7\xe4\x80\xa1\xcb\xb0\xedv\x0eZ\xc5SE\xa2\xdf\xff\xd8$|\x86\xdf\xb3\xd7\x02\xb5\xa5\xdb\x9dc\x1a\xdaowK\xfb\xf7\x99\x1f-\xeaK\x11eH\xa9\nLD\x8f\xd2o!\x90\xd8"\xc1\xaepy \x00\xe0-\x1d\xc2\xc5b_v\x8e\xe6\xb1\x1f\x99\xea\xfec\xc2\xd2\x10l\x16p\xeb\xfd\x93&gt;\xf1\xa2\xe76Y4\xf0\xb7\x11\x1b\xad\xd3\x00\xd8\x0b\xd2\x19\x1e\x8f\xc9\x8a\x93\xad\xfb\xcc-\xe4Lmd\xa5OE7mP\xea\x0e1m\x11\xe9@\t\xec\x18\xdc\x98\x1e\xba\x1ab\xfa\x01\xd0\xc3\x0c\xe7/\xb2$\xa7 =:\x81\x89\xad\xa9\xb2uN:{4T\xd4\xdc\xd9\xb37v\xea\x90\xad\xd6\x13\xf1\\\xf3\x86=\xcbP\xf5\xe8Z\x15\xe6\x8fr]=\x93B\'\xa2\xdc\xaf\xb6\xb8B\xd5\xbc\x8a\x1d\xcf4\xe7\x96T\x9f\xf3\xbe\x04\xe0F\tCf\xc5\xbc`R\xfd)p\x85V\xdf]\xcbe4\n\xb4o\x06\x97\xec\xc9\xd8G\x87\xe20\xdf\x1b\x8d7\xb1\xe6\x07\x00\x9f\'\xd0\x1a3\x00\xeei\x18F\x0f\x8a\x1b\xd5\x83$\x10\x88\x80\xb7\xf4c\x89\xf7\xa2\x9dz\xb6\x8b\x8f\x17\x8c\xd3J\xfe\x0e\x81\xf0\x83\xd6gg\xc8\x8abPj\xbaJ\x9apz\xda\x1a\xca\x81\\\\\xe8Uf\xdd\xcc)\x9d\x05\xfa\xd0\x08[zB\xfda\x99\xf0\x94\xfc\x9ad\xd8\x89\xd6\r\x82/xLdf\xb7\xec(\x82\xd7\xaf\x0e\x9d|\xa5\xd1TFg[\x89S\xf5E\x9d\xe4\xc6\xa3\xf2\x87E\xf9\xa1HlE\xd6\x95\x0b\xd6))E\x00\xbe\xc4\x0b`\xd0\x00\xc4\x87\';\x06\xd5W\xd4\xad\xc5\x05\x9c\xef\xd4M\xe3G\t\x95\x00,\xff\xff\\G\xdc\x01F\x04\xdc=PUc\xca\xb6\xb5nP\x80!Ey&amp;\xc8\xa4fv\x08\xd5e\xbc\xecA\xa46\x1a\x82\xecx\xc2\x1f\x15\x86\xbd\x1c\xf3\x95\x87gi\xc8\x1c:\xbe\xcb\x9e\xb8\xefe%\xe2\xec\xb7\xedZ\xb9f\x18.\xc8Lu\x8e}\xdd&amp;\xae\xb3\x1e\x86=\xa0u\x11\xaa\xc5\xc6v\x80\xc3N\x14\x9a\x02\xd4\xbe\x8d\xed\x9cmBe?\xda\xad\x0bG\x99\x1e \xa2\x97\x9d&amp;\xee\xceH\x02\xba\xd3IS\x1c\x8f\x10S\xbc\x94\xed\x05\xe0$\t\x14\xc3\xb2\xd8\xccy!\xe5\x18\x12\x95\xd7\xe4\xad\xba\xcd8\xd7\x97\x1e\x7f\xec\x06\xc9Ca\xbc\xab\xe9Jxd\x87c\xa7\x9fd\xee\xa6\tk\xe8\xef[j;\x15\x0e\xe4~\x119\xd0\x94Zv\xba\xa8\x95O\xc5tf+\x94\xe2\xbf\x97\x05\xd9\x11\xce\xcev\x92\x89\x1b\xf0\xfc\xa8\xbb\xd6\xdd\xfc\xd6\x0c\x0b\xcf\xf9\x96#\xfd\xc7\x83\xc0z\xf1/C\xb4\x00\xef\x02v\xce\xe7\xf2F\xack\xfd]\xe3d\x13\xe7\xef\xea\xacv\xc4\xd5\xf3fK\xab\xae\xed\xddh\xfb\xca\xf7\x02\xe39\xc1zC\xfci\xf2\xa2c\xfc\xba5\x8f\xc0c\xb3\xcb\xc1\xb3\xf9b\x87\xfb\xd1\x9e\xba\xb1\xed\x8c\xa7J!\xeb\x97\xd2[&amp;\x0f\xfe\xf0\xcc_\x02\xf8\xac\xad\x8e\x96\xe1dI\xcf\x98\x03\xb5Q\x18#\xe6\x87;\xeb\xdd\xa9\xd9\xd0\xdf\xc9\xb6\xd0\x9b\xb8u\xc9\x90\xf5H;\x99v\x06\xe1\xda\x1e\x0c\xf6\xba\r\xbb\xc0\xd3\x8f$\x8cH\xd0\x95"\xd6\xffv\xd25\xe9/\xa0&gt;\xe0\x16REI\x99\x95(\xddG\x00\xc0\x9f\xf4\xec2\xf0q\x19\xd1\xcf\xd4\xdba&lt;\r\x93\xb9\x9a\xee\xcd\xaed\x1fax\x12L\xcb\xdb\xcb\xe6\xb66\\\x0b\xc6\x06^\xb9\xd8\xa1\x9f\xa1\x12\x08\x1d\xcc\xcb\xfa\xf2\xef5\xb9\x86p\x9b\x9a\xb0\xdb\x10+\xffK\xf4\xc1ds\x86\x9e$\x00\xe0\x87|\x7f\xbd\x15\x85\xdeq\xe6\x8c\x92\xba\xba\xd6uv\x92\xb9\xa7\xe2\xb5]i\xc5E\rP\x8aq4\xa6v\xb7\x88\x08/Q\xbd:\xd4(\xb7\xf6U\xdc_\x03\xbbM\\-\x11\xe1\xe7\xc7\xdc\x11\x07\x89\xed\x85\xfd\xc6\x06\x8b-y\xa4\xf6+Ad\xd1\xee\xde\xaf\xc0l#\xcc\x8ac\xb5\x98 \x7fq\xd7!\xb7\x15D\xc5\xdd\x05a\x97z\x00\xe7\xf4\x95\tH\xef\xd3!9`\xb2\x9e\xea@]s\xb5\x03F\xd1\xfe\xc7BV\xf2x\xfc\\\xbf\x81\xe7\x00#\xa7\x01h\xc7\x92\xe2\xa8M\xbbq\xe9#H\x07\xcd\xcefDz\xa6\x01\x00\xfc[fKi&amp;\xb95R\x95\x169c\x04\x99\n%\xd0b\xd1\xdb3=\xda\x98\xfa\xe2K\xe1\x16\x00\xf0\x10&gt;`J0\x03\x98\xc5.Di\xe57\t[\x1c\x17%\xfe\xb8D~\x929\xd9oE\xaci\xf64\xbb=\xf4\xfa\x827z~\xeb\x8e\x92(\xe7\xf3\x91\xeb\x82\x0c\x94(\xb8\xc9\x96E;\x12Q\xe4xP[\xd5V8\xee\xff\x96\\y\xd4\xe0A\xcd\xd2&amp;q\xc1\x13|\xb4.\x8b\xff\xc1u\xa4*}\xa3L\x15\nO\xa8\xc1\x0b\x95\xdb/\xb3\xdd\x94\x9d@=j\x81\x0f/\x01\xb9\x9e\x82\xa7!\xf8\xbc\xaeNSW?\xd8\x02l \xc1\x03\xd3v\xe9\x94S\x92\xe2T|^\xfd\x0b\xe7\xe8U\x80gO)m:q\x95\xfe\xc1\xc05\x86Ao\xcb\x03%\xc4=*r\xf8w\xf2\xd40\x8f\x8c%\xf6\xfe\xd6\xd2\x84\x18\xe4y\xac\x92\x15\xdcB\x85\xb1&gt;\x1dM6\xd5\xda\x85\x06\xbb\x92\xea\xc4K\xe4I\x88\xf9\xcb/9\xceK\x12\x07\xd9\x89dh\xdf\x19\x06\x86\xb9\x89\xc6\xc3\xc6\xebo\x97\xd5D\xe1*\x01"\xe0\x1a\x9d\xb2vX!\xb3\xb3D\xe2,\xbb9\xd6\x17\xde\xb0\x87\x91\x07\xa3\x0b\x7f|w4n\x1aYeZ\xbe%R\x05\xc1\xd9 c\x02\xf8\x1d""\xfck&lt;2\xba\xb9d\x14ksCA9=\x04|b\xde\x06\xf8bC\x95\x11\x87\xf98E\xa6i\x0f&lt;\x7f\xf0\xa9\xe0\xbd=/I\xbc.\xdd\x83\x8b\'\xf9\xd1\x85G\x8a\xbb\xda\xfc\xc5\xa0\x82(\x9e\xc8V\x04;\x11t\xd9\xca:p\xc5\x84\xb3\x19\x84!\x91P\x15S\xd8\t\xa6\xb9kj\x05o\xe1\xf3\xf2 &lt;\\H\xee\x14?\xf6\x03\x05q\xcfh)Cy\x0f&amp;\xa2\xc7Y\rO\xe9B\x0b\xbc\xb5\xfa\xfb\x15\x11\x8c\xe7x\xa2\x8cM\xf0\xfb\x87ny\xf5rG*\xd2\xa9J\x87\xbd\xe0\xae\xebew\xd2\xab\xc9`\xea[\x1f\xd4q\xeeSsZi\xe7\xc3\xf7\x9a\x95\xf2\xf6\xee\xac\xa6\xbb\xf4\t,\xcb\xf5nK\xb5\xcb\x0bgN\x91\x03\xaf\x14L~\xcdD\xf3Z\xa0\x9c*\xfb\xb7\x8d\x94n\x7f\x9c\x893#\xc2f\xd8\xc6n\x9a\xc5#w`lxq\x8b\x1e\xbf\xb5`y\xeb\x83\xe9&gt;\x12j\x88\xdb\x87\x98\x9eZ\x03\xf9^\xefm\x81Y\xe9\x8c\xf3\xba\x95{\x1b\xb5wV\xe7\x8a\xd9\xd2P\xa4\xfcq;O\xb6\xc4\xdc\xef\xda\xbe\x9b\xce[\xa3\xfb\x1dq\x03x\x9eu\x90\xf5\x98\x86\xc2\x1d\xad_\x99\x17\x98\x17\x85\xf7A\xbdj\\J&gt;\x8d#u\xe6\xc8\x16D\x13\x8b\xae\\wd\x03\xa9u\xf4\xd3-!2\xd1\xccum\xd4S\xd8D\xd5C\xcd\xb0\xb8\xb3\x89\x8f!\xe8Cpi\x03\xce\xb6\x17\x83J;\xf1\xf7\x15&amp;|\xa4qY\xd9\x82-\xc8"\xb7OSu\xe7\xca\xc0\x9d\xfa\x03\x12m\xccj\xddr\x8e;\xd3\x05\xe3G\xd4\\\xdc\xe2w\xb2\xaan%\x7f\xebA\xee\xddV\xb9\x11\xae&gt;x5\xc7\xa5;\n\xe4U&lt;\xf5\x8e\xbd\x8d@\xba\xdb\x17\x90\xf5\xee\t\xadfy\xdai\xcb\xc5\xc7hH\x1c\x8f\xc4\xea\xa0*9X\xbd\xde\xbd\xb8\x0c\x17=T\x84a\xec\x1e\x9c\xb8\xf6lZ\x8f1\xe4\xf9\xd7\xb0n\x86;g\xe3\x1a\xd4j\xb4\x012\xfe.\xc1\xfd\x03q\x0e\xb8\x86\xb8k\xca\x8a\'\x12N\xdc\xae!\xe0\x8al/\xbe\xbf&lt;\x85\x17\xb7\xf3\xfb\x16m\x1c\x12\x80\xc34\x94\x00&lt;\xeb\xa2\xf2\xbd[\x7f\x85;\xa1\x13\x11\xd1#\x8d\x94\x02\xd3\x9b\x1eA\x9bd=\xa6\xcf#\xf9M\xc9\xdc\x8a\xe3\x9d\\N\x8c\xb8[\xac\x03\x12\xfc\xe4\x1d\xc0\xebUOTN\x1f\xe12\xc1\xbaq\x1bk\x81\xf68\xa1&gt;\xa9\xd8=\xbao\\\x02\x00R"P\x8bWZ8\xaf \xb7\xf9P!\x8ev\x0c\xf25\x7f\xda\xbf\xc9\xa3l\x00p\xef\xf4\xe9`r-\xf14\xda\x04\xcfg7{@\xc3\xa2=\x18|\x1f)\x8e\x83\xd5\x1fn\x07P\xea\xf8?\xb3\xb3\xda\x0c\x84\xd1c\xad;OK\x95\xa9\x8fX\xe8\x9aQ\x19\xda#\n\n\x93?\xd5\x12\x01x\xb6\xf7\xc8\xe5\xe4&amp;\xa4\xc5\xde\xe4\xd48\x9d\x00\xbe\xc8\xb5n\xd8\x1c{e[#$J\xac\xe6\x89\x0c\x9a\x930\x07\x1c\x13\x03E \xc2\xd5x\xdd\xcb\xae8\xa7\x9d\xdcM\xea\xf1\xa3\xec\x04\x0b\x84\xd6\x04\xfcE\xa2gm\x9e\x01\x12\xa7\x10\x80\xf6\xdb]\x17\xaakE\xd1\xcfy\x08\xab\x14\xfb\xcdd\xa3y`\xbd.\x82\xc9#\xa1\xc1\xd1\x19\x1a\xea\xb0\xbe\xfd\x8b"\xd6\x96\x8b\xdb\x1d\xfd\xf8\xd6(l\x95\'\x1d\xe5\xb4~\xbe\xe2U\x8dj\xa8\xa9\xd0LyU\xa7\x19\x92\xa2}\x82d\xe84M\xa4\x02\xb2ou\xcb2I\xb0\x19\xa9{\xcb/\xa2t\x83o\xe5\x80;\x1d\xea\x9cT\xd88\x0c\xc7(\xdb\x9d\x83\x90;K\xf1\x8c\xcd\xe0\x9e~R\xc0\x81[7\xdd`\xce&gt;j}\xf1d\x1b\x85\r\xa1H\x0e\xf9\xb6\xf8\x8a\x9a\x12\x1cf\x979R\xa5\x04\xed@\xea\xa2D|\xe6Y\xe4Ii.\xaa\x12\xdf;\xe3\x91\x04n\x9f\x84u\xf7\x8b\x95Z\xedTYw\xe0\x01\x9f\xa5\xd4\xae\xbes\x9e\xd0\x8bv\xd2\x12\x80\x9f\xb2U\xb8\xfda\xd7\nI\xfa\xe8\xf9U\xe8J\xba\xdeY\xd7\x14\x86\x04\xc1:*-\xb2\x1f\xb3\x08{\xf7\xb0\x93/\xc8\xb4z\xae\x93h\xf3\xbd\xfb\xfd u\x01\xe0\x9bBx\x00\x01/#\x19+&amp;\xcbv\xe4\xdbZ\x9f\xe10H}\xae\x1b_\xd8t\xa2\xbcS[\xe99z\xea\xc9\xee\xa5I\xcd\x85\xf8_\xc2\xad\xe3\xcf\xca+\xdf\xae\x892\x84$^\xaf\xa9?\x1e`W$8\xbd]\xf3;pU\x92\xf9\x14\r\x08.\x0c\x91="\x81\xea\n\xe9\xc4Z\xe0e&gt;6\xc2px\xe2.\x90w\xc0\xdcK\xa1\xd6\x80\xc2\xecg\x1d?\xde\xd1pP\xd9T\xccm\xfb\xf7\xc0\x08\xbbD\xc0#\x84\x0bL\xf0B\x9ew\x1a\t\xa7\xfb8\xae\x11\t\x9d\n\x83-U\xca\x86\x1bI\xae9\xa1f\x9a$\x9b\xc5\x9e\x8aN\xecj\x04\x80\x8b\x8aKOn\xb7\n\xf6\xe1\x01\xee`\x8a\xaf\xd6cv\xd9j\xe6\x9c\xd9\'o\x1d1\xd1&lt;g\xa6\r\x882\xb4[Q\x9ed\xdb\xe0\xef\xc0\xe5\xa4\xf2\x03\x80\x04&gt;\xc2,\x8e\xca\x82\x08\xb8Y\x7f\xf6\xd3~\xb0\x93tq\x98M\x0f \xa2?h\xa5\x9dk\xb1\x17^\xf0\xdaC\xb5\xbe\xf8\xbbP\x83\xe0w\x80\x99R\x0e\xfeT\xf8X\x9e\xdaC\xb5\x88\xaf\x15Y\x82\xd45\xb4\xd0\x9d\xd7\xf5j\xf1)\x02\x8f\xf5\xc8(\xfc\x9fQ\x15\xb3\xf0\xa2\xf5\xe6F\x8a \xb8\r\xa0?\x97&gt;\x96U\xf9\xa6\x1eSU\x15\x92;!\xf8\x91\xf5\x04\xa7\xedv\xab\xa0L\xc5O\xab\xfcJy\xa89}\xfc~3\x01\xac"\xe5\xc5oG]\xa4\xe6\x7f\x1c\r\xee\x1d\xc9M$\xa2\xabY\xd6\xd3LQ\xa5\xb6.\x07\x87?\\\xf7\xcd\xed\xd7\x1fa^d\xcc\xe0\x97\xb5L\xca\x99\x1a\xfa\xa0zI\xd6{hI\xa7\xe0\xda\x86\x1f&gt;\xd0\x03\xdc\x03\x96\x98\x0b\xbdp\xf1\xb8?\x88\x10\xc0\xb8J\xcb4\x97.o\x1f`[NFB\x9b\xc5\xcfW\xc8$aM\x06\x03\x9e\xc7Gw\x97\xc0\x118N\xf1\x1b\x89\xac\x8f\xc1/\xbf\xd7\xa5\xb0\x88\xa4\xb9\x14\x9f\xd9\xa8V\xfa\xd6}\xcd\x81a\xbb&amp;\x1c4\x8f\xd1{\xab^\x83I\x04\xfcm\x85\xc1\xfe\xf3\xa4\xca\x7f\xcen\xaa\xf8\xbb\xf8un\xbb\x8b-\xf0$"\x96p\x9db\xb2\xc0\xc1v\xc5,:\xe2Nf\xf4\x15\xe8m\xd4\xb91Z\x8ah\xf7M~\xae\xd0\xba\xf1\x8a\x1f=m\xc0\x8b\xd2\xbe\xde\x8br\xec\xa0\x15\xeb5}\x9bj\xf1\xa2\xdf\xd0+\x8d\xa4\xd7O\x8fBTm\xa7\x14l\xb5n\xec\xd7\x17\x9el\x0e\x82\xe1\x17M\x9d\xbc\x06\xa0\x18v/n\x18\xf0|Y\xe9\x13A\xc4\x94S\xc4\x1b\x03\x11-\xbf\\\x9a\x80\xb7\x87Ry\xf5\xaf\xf4\xdd\xa1\xff\x06\x9ers\xb7\xf8\xa8 \x08\xdend\x01w#\x11:\xb0\x13\xb9n\x1d\xd2\xfd8\xdc\x83\x1e\x9c\xa6t\x1c\xf9\xb0!\xc5\x80-\xfdE\x19\x19-\x86;1\x9d\x0b\xfb\x15b\xa0\xa7\x99\xa29"\xca\x1e\'\x93\xd8\xf8\xc6\xd8\xf4\\C\xe6\xadS\xd7:\x00\xdf\xae\xd8\xf5w?#\xe0z\x91\x00\xeeM\x00\xe1g\xd8\xca\xa7\xd69B\xff%!\x89\xd9\x86h\x00S\xa8\xb3\xaa\x02\xfbs\xc2vS\xa2\xfc\xb5j\xff|\xe1\xcf\xbcp\xc5\x81\x0f\xf2u\\q\xa3\x8f5U.6*\x1aw\x8bV\x87\xd6\xf3\xf5\x8f\x12\x80w(\x9e@\x85\xdb\x86k\x1c\xd2\x98\xdb\xd2\xa6\xa0\xda\xe95\x99\x1eT\xad\xcc\xe3\xbf\x86\xe5\xd216I\x8f\xf4\x8bu\x8f-\x85|\xa5\x1bt\x81L\xa2\xe7\x0e\xa6\x92-\x87\x07\xc0\xfd\xbd\xdbN{\x93\xc5$\xd3i~\x0c\xc4\x9d\x95\xcf\x0c\x85~\xd6\x88\xbc&gt;\xe1)\xf4\x8b\xe9\xd3Q\xebJ\tg\xd3\xd7j\xb6U\x9d\x1bP\x0c\xead\xf26\xb2\x95\xc3\x15\xa4\x11q\xdad\x13\x98\x9d\xfbl\x8a[\xfd\xcb\xfb\xfb-/\xde\x9dlk\xfb&amp;\x1bf\xbf;=Y\xfdNS\x8f\xbf\xc5ew\xf9x]\x82\xc9\x11Y\x0c\xf7o\xbdN\x9e\x94\xc73\xe7\xb7\xd8\xcb\xda\x8a\xacdW\x07\x19`\xad\xff\x9az!p!\xa8P\xeb\x01q\x06,\xe0\xda\x0b\xb3\xd7\xf2\x1d\x7f\xdc\xd4\x8a\xf7:\x04yg\x1d\xb4L\xa4\xef3"\t\xdb\xf9:P\xa7\xb8\xb5\xe8\x1d\xf6\x11uL\xb0\x9b\xfd4Q\x04\x1dD\xc0\xe5\x89\x08\x8f\x96\x99\xf7Z\xffn\xd56\xb4\xd8\xba\xa5\xb5\xae4\xb1M}\xf8\xba[K~?\xca`\x06\xcb~{\x0c\x12\xfa\xed\xb8\xdc{H\xcaIk\x18P"X\xcbSw~\xf74\x009E\xb2.U\xd8\x92J\xd7\x85\xa1\xd9*&lt;w\xdc3\x8f\x00\x0c\x04-\xe2}\xf0LD\x9a"\x9e\xac\x05OD\xc0\xd32s\x15*K\t;\x88\x94\t#\x08\xe3\xe8\xbe\xc0\xbe\x88\x89\x0b\xde\xc9D\xb5TO\x8eMI\x1a\x91v\xacY\xfa}\xc4jV\xe0=\xe5\x00\x80\xdbd&amp;\x14\x7f\xd1\xd9#\x0eyr\x01\'\xd96\xe4\xd5\xaa9\xfbz\xe7i\xa7~g\xf1\xfd\xe6\xea\xd4\x14\xd1\xa9\xe0&lt;\x15g\tx\xafkH\x9c\xa8l\xbc\xf5L\x04\xd8\x0c\xb7\x06\xb3&amp;\xcdPB\xd0\x9a\xe8\\h b+\xfd`]\x91\xe5\x06\xe0\xe9\xcb\x9bA\xb9\xc5\x93\x90\x1d\x81\xac\xbcg\xb3\x00\x00 \x00IDAT\xbe\x89\x8aQ\xb9e^S7\xf9\x06\x8f\xda\x16\xbb\xf3\xb0\x9cOc\xee\x13\x07\xbc\xf3\x8a\x97IK\x8d%B74\xa64\xb0\x15\xeb\xb19+b\xb6\xa0\xab\xc4+\xa3\x9c\x9e\xc2Z\x88\xd2\xb4\xac\\k\xd9\x88\xe7Y\xeb\xee/\xd6H\xacK\xacQ\x0e\xa8-\xeb\xf1\xaf\x19@lR{\x9e"\x98\xbbg\x83\x9f\xd7P\x80\x88.\xa1\x15\xba\xdb\xf9\xd5e\xd9\xd6\xdf\xf7fG\xcb\x9f\xb6\xec\x91s\x15h0\xabBp\xf2:\x872\xb7j{\x0c\xd3,\x86t\x0e\xcc\xe3\xc1S\xd5#\x8d\xf0\xc6\n\xf6W0\xc0+\xe6u\x85\x08 =\xd6\xc6\xe0\xc5^\xf4I\xb9.\xb8\xe2\x972j\xa1\x83\xf3yv&gt;\x8dp*S\xae\xc9\xaa\xdf\x91\x8a\x1d!\xc2\x97\xf9\xc7;\x02fo?\xae\x195\x80\xe3\xf7b\x00!\xbaC\x92{iK\xf9\x1dN\xa8\xad\x17\xeb\x1em\xc6)k.\x9f\x8d\xca\x16\x0b\xd3\xbfY1\xf7\xd8\xadj\xcd\xa3\x9b\x10\x81\xe86$*\x12\x00\xe0\xfe\xe3\xde\x9ceJ\x06p\x9f\x7f\x91\x8a\xf2\xc6=$Y\xae\xa8\xac\xea\xc3\xec\x99\xf0\x15:\xe0I\xe6\x90kR\xcd\x05\x1a\xb0{\x12\xa4f\xc5\x7fG\xcfD\x95\xbd\x8f\xf2\x8e1p\xb5\xcc\xd9&lt;V\xbav{\x9f\xcc6\x9b\x1fs\'\x1e\xcd\xbc\x8d\x10e\x91\xdb\x8a\x02(;\x9c4\xad\xeb/\x97\xbaQ2=\xb0@%n&amp;~\xb9\x00\\q\x07!\xfb\xfeY&lt;\xa1#\xce2\x92\x00\x80\x9f\xd4\xbet\x1c\x8e\xc8\x9d\x98\xff\x81ad\xd8\xbf+\xb3\xcd\xab1sR\x95\x96\xbeYw)X8\xcco;g\xdb\xad\x98/\xe8\x88\x8f\xb8pf\xee\x05=8\x83*lW\xfc\xa8\xb8AK\xeax\x1e\xe5d\x17\x92\xb9\t\xc1k\xa66,\x91;;\xc9\x96\xe3\xda\xf64\xfe\xb1\x98\xc1\xbd\x1cZ\x99\x7fA\xe7_G$\x15l\xf0\x9a\xf2\x80\xca\xac\xa4\xdc}\\y~\xde\xcfr&amp;\xec\xea\tc\x02\xe0\x95\xb4\xfb\x93\x87\xed\xc9\xabB]^\xdb\xed\x88\xc6I\xf3\xd4\xf0;J"\x18Q\xdb\x93~y\xe1\xb4\x98\\\xce\xf2\xd6D\xb5\x15\xa3\xd2\x9fd\x1a\x00\xf4L\xd3l\\\x84\xbe\xc2\xc0\x9f^L)=nQ%\xe7\xa7\xf8;\x02B\x90q\xb9p\xe7Q\x10u\xfee\x0b\xab\xf1\x15r\xf2\xd0l\x92\xde\xe1\xa8\xac\x18\xce\x06\xf5\xa4J\xcf\x9eE9\x97h\xe778\xfd\xc8\xed\xcc\xd2\x90\xb3\xf1=\xbe\xfc\xb4i]\xfam&lt;\xdcE:5\x8c\xff\xe7T\xab\x91C\x05\xdc\xde\xceSDt\x19\xafV:P}\x9d&gt;r\x03&gt;H\xf7\xe7\x8fM\x8b\x9c\x15\xf8\xa75\x02N.qGr\xf5\x08~L\x8cX\xc28\x18:\xd0V\r&amp;\x93\xb9\nm]x\xea\xe3\xd1\xda\xd6\x1d\\e\xb3\xc1"\x87\x17\xc9\t\x9eH\x1bB\xe4b\xfd\x1e\xbd\xf0Z\xc8\x9f\xa67\xdd95\x8e\x1d\xa8\x0fy\x8c_\xd9\xbe\xab\xbcr\xb1\x95M,\xc9)\xb51\x93\xe7\xd7Gc$\x08\xa7\x97\xec\xc6;&lt;D\xc0\x1f\x10\x0bG]\x8f\xf4\xd4uSa\x85\xda0\x9a\xd1\xd9(C\x1c\xd7, \x01\xc0\xf9\x0c\xbf\x9b^"K\\rO\x88\xc5\x9f(\xdf\x96*\xbc\xb8p\x85\xcc\xf4[\xf3F\xc5\xcd^\xcd\xe5,\xc5\xc8\xf8\'\xcf[\x16\x84\x08&lt;g\xf6\xdb!\x11\xf0\xf3\xc0\xa7T6\xb9\xe3\x9ewAs""\xa2O\xdbo\xec\n3\xd9\xce\x07\xca\x11\x1f\x8e\xdf-F!}\xb3k\xd7\x03\xb6\xa3;\x19\xd3\xbe\xe6(\x98\x819+K\xc1H\x91\x18*NU\xfd\x92\x93\x88\xf0\xa7Bm\xbb\x01x\x1e\xae\xfc\xb5\xd7\xb6\xa2\xa1B\xa1\xf0;P\xcf+\xe5_\x92\x8c\xc2\x7f\x12\xdbc;\xec\x10/\xbb\x8dT\x8b\xd2\xac\xf2(~n4D\x1b,r\x0b\x8d\x1a\xfd\xc8\xbeO\xc0*\xfdK\xb0\x1e70\x00,z\xcb\xa3\x0bt\x1d\x1e\x92\x91\x11\xeb\xdf\xa7\xbf\xea\xc0&lt;\xd5\x9f~\x88\x90Zz}X\xc2\x84\x17\xc9\x1e\x07\xc8\x8b\x84\xd5\xe0\xc0\xf0\x8aBK\xadr\xb3K\x83V\xd8g\xab0+\xd0\xae#L\x83&gt;2\xbd\xa8r\x8aG\xdaE\xfcM\xed\x92\xa7\x9d\x92\xb3Z"\xae\xf6k\x83#\xfc\x91`\x0etrs\x8a\xa1F\xf8\x89BI\x04#E\xe8\xb0\xbd\x9e\xea\xa7\xb8\x1c\xa7V\x92G\xe1L\x90\xb7S\x7f\xcbw\x8bJ,\x80\x97(\xd9&gt;\xb5m\x0c\xab\xa1\x1b\xcaEN\xd7\xe8\xf0\xc2w*\xfd=5\xc0\'G\x08#\xf8nZsG4\x98@P\x9d\xc6D\x0f\xf0\x98\xdd+\x00\xc0\x8d\xd8q\r\x06\xf6\x9e\x82\xe5-F&gt;z\xbeF\xf1\x14\xbcJ\xd2\x1d\x9c\x05\x98D3\x1b\xee\x9e%\xeaQ\xb8Sm\x90F\xcc-\x07v\x0e\x05\xa9h;;X\x0c\xf5\xc22\x00t\x88\x16\x85?\xd4\xe9\x9a\xfd\xd3\xf0m\xebq\x8fqc\xe6\xc60\x92"Jk\xfd\x1aI\x01&amp;\x98\x0f\xf8\xdcC%h\xa1\xf5{Y\xd3\xb0\xa1\x16\x82\xed1t\xc3\xe6\x9e"\x82\x9f\xdf~#-lE\xd6\x0fw\xa0\xbf\t@\xc9\x8e\xd2\x9a:\xdaf\xe7\x16F\x1b\xf9fO\xcfN\xea\xf9\xd1\xc4\x11\xe5\xb7W\xfd\xddp\x95\x89\xcc\xf0;\xb9\xfaC\xaaOt\x8c\x90\xa4\xce\x95\xab7\xd7\xd3\x08\xa9v*:\xba\xd6\xf7&amp;\x01\x00\xfe&lt;A8\xa2g\x11p\x85\xd4\xe6\xba\xa9\xa2\xdf:&gt;\xael\x9d\xb0\x84\xdap\x8f\xfe$\x17_\x8bW\x12\x11\xce3\x02\xcc\xe0\xe9h\x00$y6n\x93\x94\x02s\x81\xf8\xee&lt;\xc5\xba\xc9\xf7K\xf6\x8cu\x8f\xa2\x10\xc5\xa88\xb0o\xe3P/\xdc\xe9\xd8i \xb5\rl\x87D1\xca4\xa4:Q\x86\xa0\x0f\x8e\xa1j%\x93\x00P6C\x01{{\xa7\xb9\xf4\x9cp\xb6=)\x9c\xc1Mp4C@\xd6\x05\xed\x91\xe4\xe4\xdb\xaa\x9c\xe2\xac\x8c?!\xbaE\xd9\\\x83\xa7\x1d\x8af^\xad\xe7SK\x99/\x154[x\x86\xa1D8n\xe4OS+\x06gb\x97\x85\xb4\x1f\x97\xd0\xacTq\x9d-\xf1\xe2W\x93\xad5\xa5y\xc0d\xc2D\x13\xbd\xd6\x03o\xbd\x87\x9c\x89\xc1\xa9\x03\xbe3\x00\x80\x87\x96\xb7\x7fF\x04\\Oe\xce\x18\x18\xe5\xbeZ\x1f\xd2u\x1a\xc8\x9dX\x81/-O%\xe7\xc8\xb0\xd6\x11\x94\x92\x13\xaa\x93\xaf0\xaa\x02\x98I\xaa\xe6b\x9fS!\x86\x94sH\x15\xa7\x8bh+\xb6\xa4\xbe\xaeU\x07ak\x1c\xc7\x13\x89\xf3\xea\xc6\x17cCb\x14\x92A\xbe\xb0\x81\r\xb5YN\xfe\x10\xe1\xabR\xdfRr+\x97=\xb1\x00\x80\xfb,K\xf7\x1b\x1b\xb4m\x9bt\xfaMS\x89\x97\x81&amp;8\x9ei\xad\xe7\x8f;\xa1G\t\xcfM3`_V\x9a\xf4\x90\xb6r\xccmx\x9c\xb8\xb1\x9f\xd9\x14\xbd\xd9\xd3\xbd\xad&gt;F{\xe4\xf306\xb7\xb5S\x1d\x1d\xfeb\xc1\xcf\xc4\xf2bU]\xf6\x0c5A\x9e.R{\xdc+\xd5\xa1V$\xc7\xaa\xda\xb5\xf0\xc1U\xa7\x1b\xd9u\xf1c\xc4\xf2\xe9;\xd3!\xe2\xafY\xf9\xe8\xf1)\xf1\x1e\xe6s\x18\xf1\x94\x88\xfd\x1dC\xba\xb4X\xf7\xeaB\xf5\xeer\xae\xced\x13`\xe95\xbb\xf5O:T\xc6y\xa5\x9f\xf0A\xd1\xc5\xf9\xac\xe7\xb7\xa5z\xb4\x86q\x81\x08x\xb1\xad\xa4\x92ag\xe8I+B\x8f:\xcd)\xe4R\xf0\x0b\xfba\x1b\xb3\xf7Z\xd6\xfd\x93\xe5\x9a\xdb\x02{\x15(\x82\x0f05\x97\xbf\xcdS\xcbG\xd8\n*\xee\xc6\xaf\x1aX\xbdf-\xb0\xe9N\xdc\x9c*\xc3\xc8\x10\xe6\xf6\'\xcd\xc3\x96\x93!\xc6H\x89\xe0+\x81v\xb0N-9\xfd\x9f\x07\xfdG\xe5z\x87\x83y$\xdcU\xfc_\xbf\x7f\x8a\x01\x96g\xf6\x8fd^\xb8\xc6\xddT\xc3\xcd\x1bCP\xe4I3\xb9\x95\x9cIJGs99\xb1\xb6\xe3\xca\xb1\xe6DY`x\xa8t\xa0\xda\xa7Z9\xfe(\xed`\x03\xad\xdb\x81\x06#\xb3\x8a_\xc1\x95\x1c\xd0\xf3\xd3\xb2\x97\x10\xed~,\x97\xc3\xe3\xfc\xcf\xeb\xaee\xc2\xca*\xa1&amp;M\xae\n\xe6\xa3\x18\xceV\xbc\xf64\xdbI\xa57\xa0z,\x00`\xbe\xf9\x9b3\xf3\x7f\xa3\x101\xcd[\xf6\xd6\xd6\xf4R\xd0\xc4Sk\xe2\xb1\xd9\x87f\n\x88\x05t\xc6\xea~\'\xf1\x88t6\x80\xabt\xf7\t\xae\x96V\xa9;\x04\xccV\xa1\x1d\x82rse\xd7\xf5\xa3\x889\xc9N\xf9\xb0=\xe9\x14NvT:P\x07\x90Z\xf8\x075w\xf1\xf0\xcb\\\xb1\xbbCS`\xf5\x8e\xb1\xe24\xbe\x8f\x8b\xf7\x1c\xf5E6 \t\xdby$J\xc0\xcf\xe9\xc9CU\xa5\x97\xb6\\\xf0\x90\xa4lk0\xfb\xc9*f\xaa\xb2h\xd5\xc0\xd6A\xe4\x93\x1dG\x98\n=\xe7\xae&lt;\x19\xbc\xdd\x7foZ\xc4_\xe3\xc0 &lt;dU\xfb\x16iE\xea_\xd1B\xc2\xc8\xbd\x0c \xa9\x10\x01x7\x11\x11~uIc\xdb`\xc8\x0b5\xf3B\xb0\x8e\x01:\xd3\xa4\xb6\xaa\xfe\xa7BVxpooQ\x04\xccV\x93\xb2\x1e\x01\xe0\x82\xb4\x02x\x87T\x1e%\n\x0c\x80\x0e\x97\xc3\xf1\xc4\x9bM\xf6\xca\x07&gt;\xa3\xc5\x90\x9c\x11\xaf\xa2\xdd\xda\x06:\x91\xe7\x9e\xee\x16\x7f\xce\x95\x8a\x14\x8a\xf2\xc4\xf3\xe4Y\x00n\xde\r\xfe\xb1\xde\xc4gL\x14\xba\'y\xcc%\xa9\xacTd\xfas\xb3\x06\xe0l\x07\xd7g5\'\x1b\xe0\xd7)&gt;\xfdX\xc7\xb9k\x02\x83o\x1a\x9f\xc8\xdc_\xe9~R\xa4\xfa\x15\xc4\xa4&lt;m\x8dSY@t]\xee\xdb\x8b\x10\x8f(P\xba\xb5\x97N\xcc\x07\x17\xb7\xf1\xe8\x81\x83\xd5@\xf7\xf7\x99\x9e\xb1\xc6\xd0l\xf2&lt;\x82E\x04xf\xb27"|\xaf\xd5i\x17\x858\x82\xc7Y\\!\x80\x80/\xb7\xaa\x00\xe0\x02R\xaa\x11\x0c\xc2\xc7\xb8\xf8\xed\xa9\xc4\x07\x84\xbf\x10\xa8\xa4u_\xff\xc6\xa2L\x04\xd0\xfd&lt;q\xd7\x05^Ck\xbe6\xf6\x94\xeeV\x14v\x04\x86G\xdd\xfa\x18i(2\xf6O\x06\x91J\x03\xb5\xc8\x94\x0b~\xa3\xe1\x8eq\x8d(]_=t\xebT9\xe4\x9c\xc1\x85\xd1p\xa4\xd05,O\xe8H\x93x\xf0\xf1F\xffD(f\xad!-\xa6xgeky\x17|h\\\xe9\xe5\x99\x06\xdf;\xddW\xdc\xe6\xfa\x13\x9el\x93\x96B_\xbb\x0b;#\x06\x96t\xe4\xc3\xfc1\xe7\xd5\x111h7!=\x17\x04\xfc/\x96I:5\x13W+C\xdbD\x95\xe4\xa7\xd1f\xa4;_\xe8\x06P\xf5\x04\x83\xc3*\xf8\xb1\xe0d6\xd1\x86^\x88\xb7\x0e\xc2(D\xfd\x04\xe0\xab:\xd2(\x03ibEl\x9b\xea\x8b%\x8f\xfb\x1b\x80.\xa3\xca"\x7f\xa464R\xcf%\x1f\xcf\x811v[\x08\x02\xd3\x00\xfe\xc8\xeaw8WwRg\x17Ve\xddg\x8e\x1a\xc0A\x8b@9\x9b\xcc\xdcu\xd4\xa3\xc0\x0b/b\xef4\xdc\xa1\xd1\xb5)\xa6\xbe\xad_\r\xf6\x1f\xaf\xab?\xda\x1f\x14{\xbf\xd9\x10P\xe0\xd1\xce\xa2\xbf_\x82\xe1\xf2\x86\xd3hv\x84\x8fi\xeb\x8f\x91~\xce\x94\x12\x8b\x9e/\xec1\xcf\xf2\x96\x1b\xb0\x85\xb1\xbe\xaeZ\xbfe\xc0\xcf\xf3U[\xef\xde\x9c`B\xd1\x82n\x1aQ\xd0\xc0:I\xeb\xfc\xb0x\xca\xff\x88\xc9h\x96Ux\xeb\x16\xe0A\xc3a\xb1\xe7\xa14l\x10\xdd\x85\xe8\xe5\xca\x8b\xc54\xb93#\x11\x01\xdf\xce\xed\x97\x00\n\x13\xa6\x10(\xa7\x9a.\xe8\xa8\xaa\xbe\xd8\xd7e\x1b&amp;"\xea34D\xca\x91\xe2\xdd]b\xce1\xfdD7a\xafu\x03N{\xa7;O\x00\xf8a\xf6\xda\xb5h_\xb3\xfc\xd9\xe2\xc6\x12\x99\x9b\x87h\xbbR\x87\xea\xed\xc1[_$\x0bC\xc4|z\t \xfe{\xb2\xe1}mJ\xc5\xc9V\xd8&amp;\xdd\xa5o\xa4]\xd3K\xf0&lt;HU\x13\x8b\xc7\xf1\xc81\xb4\x9b\x0eUV\xed\xf8o\x1d#\xe7\x83\xb3Z\xaf\xb0\x19\xa4\x07[\xce\xc1\xd4]5\xdd\xda\x8d\x98{T\x98\xac\x8f\x9fg\xb9\xa9\xce\xbd\xe7\x8b\x87"\xdbG\xb9\x95\xbb#\xf1\x84\xa0j\x88ccI\xba\xa9\x1d\xf1\xd8\xab\x1e\x11\x16\xcdX|\xf9\xd6F9\xebj\x00,\xaa\xc1`\x18\x07m\xe3DU\x1ca\xa1\xf0\x81u\xec\xecaI\xf9\xcf\xcd#\xf0W\xb8\x83\xca\xc9\xd3\xa3p6\xac[\x0cL\xe2\xe9\xc2\xa83\x16X\x84W\xf6\xac\\)mKg\xaa\x01\xb0\x96\xa5\\\xd2\x9d?\xf1\x98+\x0cxJ.\xeaoA\xe0\x82&gt;&lt;\xf1\xc4\xd9`\xd7\x91\xf5E\x88s}\x9ax\x93\xbb\x0c\xaf:\xec\x7f\xd8\x9c\xb0\x0b\xa3\x99E\xfft\x99\x95\xaf(\x81}\'\xd7\xf3YZ\x10\x00\xf0f\xb9\xa2^pH\xcab\xa9\x89\t)\xd7L\xa6\x81o\x93\xf3\xd4\xc9\x01\x13\x1</t>
        </is>
      </c>
      <c r="E275" t="inlineStr">
        <is>
          <t>&lt;class 'numpy.ndarray'&gt;</t>
        </is>
      </c>
    </row>
    <row r="276">
      <c r="A276" s="1" t="n">
        <v>274</v>
      </c>
      <c r="B276" t="inlineStr">
        <is>
          <t>steps_per_sec</t>
        </is>
      </c>
      <c r="C276" t="n">
        <v>4000</v>
      </c>
      <c r="D276" t="inlineStr">
        <is>
          <t>10.270311</t>
        </is>
      </c>
      <c r="E276" t="inlineStr">
        <is>
          <t>&lt;class 'numpy.ndarray'&gt;</t>
        </is>
      </c>
    </row>
    <row r="277">
      <c r="A277" s="1" t="n">
        <v>275</v>
      </c>
      <c r="B277" t="inlineStr">
        <is>
          <t>Loss/object_center</t>
        </is>
      </c>
      <c r="C277" t="n">
        <v>4000</v>
      </c>
      <c r="D277" t="inlineStr">
        <is>
          <t>0.46042174</t>
        </is>
      </c>
      <c r="E277" t="inlineStr">
        <is>
          <t>&lt;class 'numpy.ndarray'&gt;</t>
        </is>
      </c>
    </row>
    <row r="278">
      <c r="A278" s="1" t="n">
        <v>276</v>
      </c>
      <c r="B278" t="inlineStr">
        <is>
          <t>Loss/box/scale</t>
        </is>
      </c>
      <c r="C278" t="n">
        <v>4000</v>
      </c>
      <c r="D278" t="inlineStr">
        <is>
          <t>0.065224074</t>
        </is>
      </c>
      <c r="E278" t="inlineStr">
        <is>
          <t>&lt;class 'numpy.ndarray'&gt;</t>
        </is>
      </c>
    </row>
    <row r="279">
      <c r="A279" s="1" t="n">
        <v>277</v>
      </c>
      <c r="B279" t="inlineStr">
        <is>
          <t>Loss/box/offset</t>
        </is>
      </c>
      <c r="C279" t="n">
        <v>4000</v>
      </c>
      <c r="D279" t="inlineStr">
        <is>
          <t>0.18109171</t>
        </is>
      </c>
      <c r="E279" t="inlineStr">
        <is>
          <t>&lt;class 'numpy.ndarray'&gt;</t>
        </is>
      </c>
    </row>
    <row r="280">
      <c r="A280" s="1" t="n">
        <v>278</v>
      </c>
      <c r="B280" t="inlineStr">
        <is>
          <t>Loss/total_loss</t>
        </is>
      </c>
      <c r="C280" t="n">
        <v>4000</v>
      </c>
      <c r="D280" t="inlineStr">
        <is>
          <t>0.7067375</t>
        </is>
      </c>
      <c r="E280" t="inlineStr">
        <is>
          <t>&lt;class 'numpy.ndarray'&gt;</t>
        </is>
      </c>
    </row>
    <row r="281">
      <c r="A281" s="1" t="n">
        <v>279</v>
      </c>
      <c r="B281" t="inlineStr">
        <is>
          <t>learning_rate</t>
        </is>
      </c>
      <c r="C281" t="n">
        <v>4000</v>
      </c>
      <c r="D281" t="inlineStr">
        <is>
          <t>0.00085000007</t>
        </is>
      </c>
      <c r="E281" t="inlineStr">
        <is>
          <t>&lt;class 'numpy.ndarray'&gt;</t>
        </is>
      </c>
    </row>
    <row r="282">
      <c r="A282" s="1" t="n">
        <v>280</v>
      </c>
      <c r="B282" t="inlineStr">
        <is>
          <t>train_input_images</t>
        </is>
      </c>
      <c r="C282" t="n">
        <v>4000</v>
      </c>
      <c r="D282" t="inlineStr">
        <is>
          <t>[b'512' b'512'
 b'\x89PNG\r\n\x1a\n\x00\x00\x00\rIHDR\x00\x00\x02\x00\x00\x00\x02\x00\x08\x02\x00\x00\x00{\x1aC\xad\x00\x00 \x00IDATx\x9c\xed\xbd{\xd4&gt;OQ\x1f\xd8\xf3\xf3n\xd6\x0b\x82\x1aE\x11\x05\x14\xa3\xaef\x11\xb3\n\x1a\x12a\x8dF&lt;\x84\x8dx"\xbb(\x91l\xc0\x905\x01\x84x!jN\xa2\xe2\x85\xb8!\x18\xc2\xba"qe\x97U\xa3n\x02\xde\x0e\xe2\n\x8aA\x8c\x8aG\xc5\x18#\xb2jPtc\xbcE=j\xed\x1f3\xd3\xd3\xd3\xd7\xaa\xea\xea\xcb&lt;o}\x0e|\x7f\xcf;\xd3]\xf5\xe9\xea\xea\xaa\xea\x9ey\xde\xd7\x18\x85B\xa1P(\x14\n\x85B\xa1P(\x14\n\x85B\xa1P(\x14\n\x85B\xa1P(\x14\n\x85B\xa1P(\x14\n\x85B\xa1P(\x14\n\x85B\xa1P(\x14\n\x85B\xa1P(\x14\n\x85B\xa1P(\x14\n\x85B\xa1P(\x14\n\x85B\xa1P(\x14\n\x85B\xa1P(\x14\x9d\x01\xeb\xbf0\x8e\x80\xa8\xea\xbc4\x88\xdd\x060 A\x03\x00\xa2\xf2\'\xc1:Lf_I"\x8a\xf1\xa0:*\xde\xb3mCA\x9fI)_\xafC\xa0\xcbm?\xf3\x92D\xa2r\x00\xf7\xe4o/\xeb\xbfKBw:\xa8\xb9\x97a\x07\x95\x1c@8}UH\rd\xbf\x1b\xb9\xbd,f\x89u$\xd3\xca\xeaf\x1aH\x0e\xeb0\x91\x98;\x97\xdd\x15\xb4\x9c\x81\x7fLl\xbfPK\xa4\xd5\xd9\xa4\xea\xcb\xd5!\xa3k(\xf4jo\x99_\xda\x91!6\xc0f\xca\x02\xe3\xe2\xc3\x16#\xbeq\xb3\xc6%1\xedP\xe3\xbb"\xbf\rW8\xb3\x9f\xfc\xa2\x15.4\xda\xc3u\x989=\'\x8aS\xf5m\x0c\x00\xfcO\x12\xce\x0f\x01\xf6\xeb\xa5\x8e\xaf\xaeQ{\r\x88yG\x8d\x1c\xe0\xed+\xe9]\xee_-\xbf\xddr\xba\xce:=\x90J\x00\x17\x1c\xca\xcd\xe2\xd9\xa3\t0\x8e\x80\xdc\x8ev%V:Ue\xc5\x08P6$\xfc+T|\xf0+$.%\x11\x10Lrc\xab\xfa\xeb\xf6\x0f\xae\t\x1e\xe14\x88\x8e\xb7u1~\xa1z\x8d\x07\xde\x00\xd7-\xbc8\x19\xe3\xcc\xf2\x15-\x7f\t\xc6\xf8\xe8\x9f*\xb9\x9a.\xb9\x8f .\xeaz2a\x9e\xab\x93w\x13P+\xdc$"\x07\x83Cx\xa41\xed\xf1\xda]Cf"ZO\x91\xcd1\xd1g\xc2\xea\x1c\x04d\x0e\x85\xf3v\xcc\xd8Y\'\xa05\xbaY\x18\xde\xb5\x97&amp;\xc5P0\xa2\xe6$\x91\xb6X\x9eO\xc2sRd\x8cs9\xb3\xcd9\xd3-J\x92;\xf5D]\x91\x82\xe4\xcb\x97\x7f,\'k2\xe8:\xe1\xe0.&lt;\x18\xf4\x82h#?\x81\xa1\xd1\xda\xaa\xdd\x9e\xcb\xdd\xb1\xbcQ\xfd:\xca;J1\x99\x07wi\xfe\xe7\xc2\xdd2&lt;\xfb\xc9\xc9(3](2"\xe3\xb8m\x05w/\xf4+\x14S\xa1\xd1\xdaK.j\xcek\x97H\xd1\x18Q\x81\xfa"\x9f\xe1\xe1\xa9H \xf7\xd8\x03\x0c\x18\xf3%\xd2\x94\xc4\xa1\x19@\x16\xc3\x9d\x96\x8d\xec\xf3\xdb\xf2\x97E\xee \xb0/G5\x96\xef\xf7\x92J\x00\xeeI\xc5\x13\xb3\xa2\xc1\xa0\x8e5\xc2\x1d@\xbe\x8b{F\x81!\xcf\xf8.\x82A\x9b%\xd3\x8cz]\x16\x9e\x96{wP\xa9H\xe3\xbaa1\xf2\xb0t\xbf\x1e\xdez\xd4\xf4\xa9\x8eTk\x16D5\x18)/X\xd5\xa9d\xed\x00\x8ag\xe2\xdbW\xb4\x1b\x04_\x80]8\xe5\r_\x06\x81\xca\x04 E&amp;)GD\x8ab(\xfaL\xa2lLI\xad\x0e\xea\xaa\xac"PQ\x08[\x92}\xd8f\x98D/\x0e\xa0\xc4\x89\x8fm\x1ao]\x8a\xaf\x96R,\xe5\xb6$\xec\x1b\xe8\xc2-7\xb6d\x92\xa5&amp;/\xb5\x14w\r\xd1\x85\xd5\xa4L\xf6U\xfc\x12\xad\xbbM!C\x13@\x14\x83\xdf\x00A\xb7G\x85\xd1\xa6i\x96\xf0=g\x87\xab-RH\xf9\x83H\x0c\xfe\xb9\xdcV\x8e\'d.\xa7V\\\r\x82\x0b\xb6u\x90\xe5\xef\x03J\xc3&lt;\xde\x8bc\xa9\xb8q`\xebh\xcaq\x8a#\xbc47\xdf\x83\x17v*L\x0e&gt;&lt;b\xe8fRN/"f\xb62g\x08\x00aL\xf7t{\xba\xe2\xf0\x9a\x98\xd3\x90\xc4p4\x1d\xff&lt;\xfa=H@\x1c\xa4l\xcd\xa8q6\xf7\xbd3\xe2o\x8f\xf1\xb4\xc3o8\xd7\x89\x8f\xa9\xb1\x9b\x86\xa1\xe5\xffp\x0cd\x9dW\r\xa5\xa9y\x11Z\x94\x82\x84_?\xff\x18\x9d\x85\xb1\x89\xe2\xa5\xe3T\x8bc\xba\x9c+X\x05P\xa3\xbf\t\x1e\x180\xf7\x8c\xbb\xf6\x9917\xbb\xf1`?9T`\xf6O\x04i\x13o\xb1f\xe4D\xc4`\xc36\xcd\xed&lt;Q ]_\x08\x0e\xc74\x98\xb0\xa2XF\x1e5\xd7_\x1b\x13:\xc0\x85\xe0\xae \x9e\xff\xd8\xbesbV^\xd7\xc4\xf1\x08e\x8e\toAc\x8a\x81%\x90?\xeb\x98dR\x14W\xc4\xb4\xc5\xbb\x08t\x9b\xd8\x1c\x7f\xb6\xe7c\x8a\x96\x00\xbf,\x8a\x8cH|\xf3Q\x03{\x90\xd5\x99\x11\xe8\xbaR\xd01\xcd\xbaQ\xe0\x00\xf0P\x83\x08\xee\xf0n\xfd\xbe0R\xd9\x00\xa3\xa2\xf8\x88\xb8R\t\xc0\x97W\xf5?\xe3}y\x1c\xdc\xcf\xf4\xb9\x03\xe0d\xc1F\xe7c\x8a\xab\x00\xe0\x1bp\xcd\x1a\xf3\xb8y\xf0\xd6\x18\x00\xc0\x0bb\x7fi\x01\xd9\x9d\xa1\x92\x02L\x9c\x12H\x00\xbd"\xd4m\xef\xbb=\xdc\xf08/1\x87\x18O\xeb9\x0e\xe4Kz\n\x0e\xd8\x91e\xed7\xf3\x03\xfd\t\x01o\xe1&gt;\x80u \xc9\xe7!w\xab\xd0\xbe\x13\x83t\xd0hm\xf2\xc462\xfe\xdd\xf0\xdcf\x00\x00x\x19\xb7\xa3\xf3\xaf4\xaf1\xe8\x90\xcc\xf8\x197\xdd\xb7\x9e2\x9e\xd2%\xe6\xda\x9a\xc9c+`\xa8\x98\xd8iq\x15\x9e\x16\xd7"|%\xae\x8dp\xb9\x1d@\x86+\x8cx@\x1ag\x92\xa60\xdc\xd6\xa3\xf5\xa3P|0sG\xd0\xf5\xa0\xa6\xa6/\xc43\xeb\xcc\x93wK\x85o\x15jB\x92\x9d\xf8\xa2\n\xae\x86\x98\xb4\xb9g\xaex\xe2Y\xc3\xbd~\xecR\xa6\xeb\xf4\xec\xa4\x83\x0eE5l\xed5\xcf\xc2\x9c\x85Gk\x0c\x8f\x86\xa8\'N\xc8\xdf\xc10\xd9\xf7\xcb\xa9\x80\xfd\xdf\xe4\x1eEb\xc35\x89E.53]q\xa7\xec\x92\x7f\x8b\xba\x1f\x8d\xf3\xaa\xbay\xe7\xbc\xc7~Z\x1aH\'E\xa9e)S\xc0\xb4Iud\x0f\xb0\xbf\x0b,\xfb\xbfQ\xce\'\x83V8(\xdf"\ncLz\x13\x06\xc6&lt;_B~\xa3\xf9\x996\xa6\xad\xd6\xacX\xa98-\x94\x15\xbd\x92\x01\xf8G\xe6\x8e\xe5\xe3Z\x00|\x92\xb1\t\x80\xd3}\xa2\'\nU\'-;\xbeM\x8a\xcc\xf9E\xa0\xe0\xd9\xe6\x14\x16\x13\x04\x10WlOdXM8\x11\xf0\x94\xd1\x0cJ\xc8\x18\x8d\x13Cx\x8a\x82\x87\x7f\xf3\x04\xa2+\x01*\x82\xf8\x0c/\x95\xa6*;\x9e(\'\\\xffj\xed\xd7\xc1\xb2\t A@\xdd\xb7\x00\xfb\x1a\x9b\xacLE\x11\x0fG\xf8\'\xaf\x02\x90\x8a\x1f\x9a\x008 E\xa8\x8c\x04r\xafG\xf2\xb4\x9d\xbc0\xaa\xba\xf2\x19\xc9*\x11\xe0\xab\xe1\'\xd82\x0e\x1a\xf5\xe6\xad!`n1\xa9\xdc\xde\x88\xae\x82\xbc\xe1\x87\xef\xff\x90\xef\xa7\xd0df\x7f\xbc&lt;@*\x010\xf4\xa2\x1b\xff\x94\x1f\xf4M\xf4\xf3\x89O\x83 A\x1e\xa3\x0fiBy\xed\x0e\x87\xae\x8ao\x08\x9f\x91\xbe5\xb3Qg\x9b\xf1\xc9\xe8\xf0\x01\xf0~\x00\xf7\x19\xcd"\x06\xf6\xbb\xf0[\xa9[\x17\xfd\rw\x8e\xa3\x9d"\x15=\xbc\x8c\x19|9\xa4r2\xb7\x0f$\x0e\xe3v\x00w\x04\xed\x0c\x0b\x0fNj\x9cy6\xb1\xfe\xf9\xc4\x1e\xa1y^3\xd11\xe9\xb4\xc3\xf9\xef"Q\xfbV\x06\'\xce\xe1\x0f\x9c\x82\xa9\xbf\xc9\n\xe8L\xbe\xdeR(\x1eU]\x1d\xc5#\xa6&gt;C\x0e\xfdGL\xf2\xac\xdf0\xbfS\xe8i\xa0KN\xc7c\xea\x8f\xbc+\xfc\x10\xdc\x7fq\x1b\x91|E\x1c\xbdu\xc5ya\xe3f\xce\xeeIC\x98!\x16z\x0cBO\x94\xcdv \xf7\xca\xd9l\x10\xd9\xf6\x02&lt;@\x8c\x10J\x1d\xcd]\xdb1\xe9\n\xf6L\xa5\x8a\xf7K\x98\xe6\x12$C\xf4\xb1p.=g{y\x12\xee\xce\x8a\xe2\xbdw 5`\x8c\x9cJ]\xdc\xd7\xea\x08n@J\xb7\x95\xc4\xa2r\xf03\x08/\xbf\xb6\xbb6\x04;&lt;\xd5\x1b\xf4*\xb9\xa7\x12csl.\x01\xb8\x9f\xe9\xbf$\xa0~D\xa3\x8c\xc2|\x00v)_\x95e\x1b\x95\xc6\xd3\xf0\xaaZ.\xe3!fZx\xbd\x90\xa0PrG\x7fe\x97\x8dw&amp;\x01\xfc\x8c\xbcL\x82vq\xe5b\x10\x7f\rq\xf4K\x8d\x13\xdbz\x1a\xdc\x80\x8d&amp;\r\\\x91\x83\xf8!&lt;(\xaa\xf3\xcd&amp;4\xb2\x82\x87\xba\x93\xe5kD\x8d\xfeAa\xc60T\xc2\xe5\x18{F\xc6G\xff{\xcaM\xe4\x10\xe54\xf0\x17\xd2\x88\xa8\xee\xf9\x1bu\xac\xfdj\xd6\x94\xfbh\xbdfq\x92:\x7f\xd8\x15\x16\x15\xff\xb7E\x01\x18\x03fD\x0e\x00\xb3\xff\x06Ml\x8f\xfe\x0b\xee\xd0x\x95dp\xad\xdf\x92\x15\xda\xb4\xf5\xefS\x1a\x8c\xd9\x9c\xc8}g)\xbc\x85yfE\x1dQ\xed\xc3\xb73H\x1d\x99\x1a\xa7Y\xfcS\x90\xb8\xab\x98\xc4\x07*\x01\x8f\x1d\xcd@\x11\x82\x14\xcb\xba\xf9!)\xce\x8a\x1f7\xe7\x14\xed\x9c\xea7\x13\xd4[3c\x9e\x08\xb5\xf2xl\xfb\xc3\xdc\t\x9f\xfcO\x82y\x9ca.\xccf\x17\x08&gt;\x94\xbbP^#cP\xe2\x01\xe0\xb5}\xd5\xd5F\x96L\xf7\xd9\x9c\x04\x83\x07\xcdG\xdb\xa6\xea/h\xa7Bz{J\xd1\xdbF\xb4\x1cV\x86\xf4\xadr\'\xcc\xc8\xe9\x12 \xa4\x8a\x86,n\n\x17r\xc5vy\xeb\x8a\x0b\x12\xf9%\x8c\x9a6\x19\xd5\xa9\xee\xb3\x192x\xcaz\xc9\xb9n\x0e5\xcaX\x14\x8f\xda\xfbL\xd0U\xdc\xa0\x05\xcb\xf9\xc7\xbe?\xff/6C\x8d\xa4\xea\xb1\xd0\x15\xcc\x15\xc2\xa5}=\xf6;\x98\x9b\x1a\xc8\xf6\x94\x9aN\x92\x14\x92\xceW\xe1\x9e\xcaR\xb4O\xb99t07\xbb\xab\xe2\xd2F\xa5\xbaD\xdd\x0b\xb2\x89XQ!s8\xec\xaa\x9f|\xed\xa7\xc0\x7f\xdc\x98\x8f\x9e\x82Q\xf5\xfc\xa3\x80\x167i\xcf\x1e\xb3\xe5\x00\xf0\x80\xeac\x8d\xf5\xdf\xd9\r6;?c\x8c1o\x10\x95\xd6mRj*\xa6\xce\xf3\x12\x7f\x19\x8fB\x1e\x9e\x89h\xe3$\x80K8\xde\xed\x80\xed\x8a\xc7\x84\xb1$\\q\x9a\xbd\x91"\xd3\xfeE\xcf7/\xc1\xf8\x82v5\xa6\xc2\xb6\x9d\xb7\xc7\xa9\xd5\x8dg\xf1\xff\x88sR0\xb0\xbdY_\xb1\xcf\xf0\xa2\x18\x9c\x13\x00\x87\xd2|o\r\x15\x11l\xa4Pc\xe7U7\x13\r;\x81\xfeS3\xd0&amp;\x93\xf8!\xed,\xb7\x94 \x8b\x0e\xec\x86\x7f8_\xa7\x10Q\\\x1f\xa1\xaf`\xbe-i\x1d\x08\x00&gt;^B\xe9\xa5qKcQ\xf4A\x8b\xa7\x05n\x83B\x02\x10br\xdbH\x9e\x04\xb4X\xf0\xaf\x11\x97\xc8\x05~p\xfcc\xa2\xdbJ\x00Q\xd4\x0c\xb0\x91m\x98[:q\x1e\x12\xa0\xb2\x02xP\x13\x1e\xae\nR\xe3\xc6\x0b\xe0\xe6\xd7W\nR\xb1E\xf2\xcd\xab\xa8\xa0\xfckB\xb6\xcdM\xe2\xae:\xe7\xada`\x94\xe1\xbf\x9e\xd1\x00\xfbI\xecS\t\'\x81\xc1\xfb\x1a\xb2\xc3\xd1\x04\xe0]\xe4\x88\x92\xe0\x93\x96\x8e\xf8-c76\x8b\x8c\xdc&lt;\x83\x01.\xfa\xb0\xb7\x1e\x93\x8f\xd9\xf5\xa6\xb1T\xb7\x17\xc0\xaa$\xdcI\x0fk\x80\xab\xda1\xfeD\xbe\xcd\xdb\xa2\x17\x02\xe6i\x84\xa0\xb4L\xc7!\x16\xec\x7fVv!O\xa9\xb4\x8c\xb8a\x9b\x1e\xeb\xb7&amp;\xc0\xd48\x99\xb7&lt;\x94nIx1]M\xd35)\xb8\xe2\xe1\xf1\xc2_\xe6\x9a\x10\xe2\x1b\xe7\x16\x96\xaax;\xb0k\x0e\x90&lt;\xf7\x9c\x1b\xb3-\t\x99\x040hH\xf5\xe4\xef\xd3:\xa8\x12k\xb8\xc1\xce\x01\xf0\xd5\xd5\x12\x92q\x7f*\xbf_1[\x96z\x961f\x8eP8p\x07 \xa2\xb5\x1dy\xcc\xbbj\xd9\xee=\xac\x8a\xd41\x95\xf3G\x91\xa1\'B~\xb6S\xd6\xa9\xc8\x90\xd1\xc8\x9f2\x12g\xdb\x8c\xdf\x06\xc6\xd6\xe3x\xd5\xfdI\xe2+\x86b\xcb\xd9C/\x05\xa3\x06rC&amp;\x9c\x15\x13\x1aX\x90R\xb7\x1d\xc0\xfc\xa5\x96\x07\x97\xf0\x84\xd4\x8b\x8c\x1a\x11\xa6F\x7f\xf8\xbe\\\x1b\xff\xca|\x11\xad\xd5k\xc1M\xa4*D\xb1\xbfa\x96&lt;\xcfyn\xaac\xc5\xf4\xa2V\x17_\xfc0\xd8&lt;s\x15\xf2nj\x9c\x93s\xa3G&amp;\xae\x07F\x9dQ*F\x87R\xf0UB\xb7r"\xaff\xb6\xf3\x13\x85$\xb6\x80\x05\xf1\x020\xbf\xb7mJl\x1e\xa5x4\xdaj\xfc\x86\xac8c\x8c1\xf0\xc9\xfb\x87\x9d\xf0\xa31\xbd\x1a0\x11\xc4l\xee\x11/\xaa\xe8\t`\xec\xb8.T\xd0P\x01\xc1\x8f\xb3\xb9Psl\xcf\xafco\x83Lh\x0b\xcc\xe2\x19{\xae\xdd\xe4\xe9\x88{P##0)\xff\xba\x00\xd6\xae\xb4\xe2\x05*\x80\x0f0\x00\xf0e\xd96\xf1\x8ex\x15\x00\x00\x7f\xf1&amp;\xe6g:\xd4l\xceR\x02/\xb9\x94\xe0H\x03\x17\xa0&gt;\xb9\x89S\xdcxo\x95\xd8\x02\x10\xceW.\x07\xc8\x06&gt;\xcc\x94\x16\xc7\xdd\xd9+\xc0\x81\xb0\xe4\xf6*\x14Q\xd4[9?U\xff\xa1Z~\x0fL\xe5k\xa9\x1a\xca\xfd\x0c\xe7[s\xbe\xdc\xe2U\x07\xc4s\x80\xc2\x81\xf5%\xd0tR\xfaDI\x00\x80wu5\x1ee\xd3\x0f\xe3\x85$&gt;G\xd5\x99mwN$\xaa\x18\x84\xbc\x136)\x16\xc4e\xfe\x89\xac\xb8:\x08\x0e\xaeC\x8cH\x9dB\xc0\xb3}\x02\x91\x03\xb7CBp\xabCh\x9b,\xf1\x87(/\xad\xbeoy\xb1\xcbs\xaf|\x91\xe4w\x97\x80\xb1\x1c8\xd3\xd4\x9eQ\x19L\x1a\xdf\x9b\x91\xc8\xa5r\xd7\x80?\xe3*\x1f5\x88\xf0\xf1\xebz\xce\xe6\x80\xa0NV\\_\x1c\xcb8\xdf\x8cb\xb4z\x0b\xe3\x13@\x90\xce+\xf5Vu\xbfS\x980\x01\x90\x89LB\x9d\x04)\xce=\xcbR\x80?\xdc?\xc0~\xf2\x1e\x990AWr\x05\xd9\x87\xf0W\x9c\xee\xd6\xd8\xf6F\xc9\x87+\x1c\xb3\xf1Vb\xb83C\x95\x14\x8f%j*\xd1\x90\x14WVW-\x01Yxe^8d\xab\x06\x02\x01\x11\x8c|ev\x86\xd8Q\xa8\xd1\xc8g\xdf\xff\x8d\xfb@\xec|\xb767\xa4\x1fH\xfe\xa6I\x1e\xc5\xc8\x1b\xd9\xcaK\xbd\x89\xdb\x087\x93lx\xa3\xb8\x8d\xb1wC\x8d\xb1R\xe7\xa2d96\x9a\xff\xb8\x80\xb4F\x18\xb6\xac.T?\xc27\xe3\x9a\x9dC\xbc;\xbe\x81\x83\xbd\x84\x85\x91\xb8\xa1\xa1\x90q\x87\x87^@\xd4\xc31\x17\xfb\xec\xd7\'_\x80\x8c\xb8$0 \xeca\xe4\xd5\x90\xdaq\xdb=\xdd\x8d\x8d\xb7\'\x00\xde-w\xb7\x85\xc6\x062\xe7\xc7\x0c\xa3\x06\xf8+r\xa2\x8eug\x97\'8\xff\x1b\x08\x10=\xa1\xcd+\x1a\xd8\xfd$h\x9b\x0fb\xfc\x8f\xb6\xb3\x93:\x7f\x1a\x01\xb8\xd5\x94G\xc3\xb5\x86\x7f\x07\xe7k\x12/\x15\xe4\x00\xce\xbf\xf6\xca\xf0\x01^\x0b\xd1\xc9\xb8\x87(\xc2\xc0\xfaz\xf0\xb2\xd8\x8b\x8b\xf39\xd9em\x19%q\\(\xb8K\x93\xf2\x10\x9f\xbd\xec(\x96\xc5\x98\xdc\x90\xef\x08\xa4\xceX#\x92E\xe5\xae\xfe9a\xb0h\x11\xa3\xc1w\xd4Ziu\x10[&amp;\x9b \xef\x05\x06\xa3_V `\x899\x04-\x01\x1c.A\xf0\xddm\xaf\x10%\xf1\xd0\xb3\x9b\xa6\\v\xd3VR\xcaXQ\xf8E\xb2\xec8\xa7\xbf\x8bA:\xe2\x9c&amp;W\n\xf5\x91+"\xb0\xcd\x9c\xb9c\xb7\xee\xf7\xa9\x88\xd0\xd9\xaa\x9a\xb1|\xd2K\t\xcf\xa1\xd2d\xcb"&lt;\x95V\xda\xa3\x8eK\x84\x89\x9d\xb0\x08\xb8\x18\xbc\xad%&amp;\xe0\xe6_4\\/~C\xe9\xd5\x17\'\xfe\x8f\xdf\xdb\x86\xcag`\x95A4HU\t$\xbeXE\x96_\xfd\xaa\x15W/\xf11\x9a\xfb|\x88\xe8\x03\xad\xcb\x7f\xd9\xc6\x95\xbdZ\xa0\xdd\x8b\x8f#_\xa9l\x8f\xea\xc5/g\x9a\xfc\xb3\x84S\xa69G\x7f\x18\xfa$\x16&gt;#\xb8\x12pk\xce\x01\x00\xe0\xcd\x9c\x8eu3\x08\r\x96G(\xabiv\x11\xc4n\rc\xac\x0f`z]ah)`\xfc\'5\xbenc&gt;U&lt;\xc4\xbe\xaf\xbf\xf8\x04\x15\xc1\x1f];\xb3\x149\xb9\xdb\x88\xbe\x91\x16\x0b\x00\x80\xa7\x9f=\xefkZ\xea"\x16\x9b\xc6\x98\xfb\x89\xa8^\xb53\xfe\xde4U\x91\xc4\x04\xa7$\xb4p\x1f\xa4\xc8\xe9\x1c\x97\x8e\xe2\x00\x86\x0f\xd0eH\xe52\x9c\xbc \xc2\x99\xaa*\xad\x06\x9a\x06\xe0G\xdc\xb0\xbf\xfd\xfbS\xd1\x96cx\xfa\x86n\xbc\xceI\x0f`a\xdff\xd5*\xed\x18\xbd\xda\xe9jTA\xb43K\xb96j\xa6\xfa\xa2\xc0L\xec-\x05\xfa\x10\x19\xff\xa6\xf9\xbd\x95\xd3\xe1\xec\xaf(\x1f\xce\xb1,\xda~\xe5\x1b\x86\xe3\xa0\x19\x91[6\xa6G\xe4s#B\xf9\xe1!\xbc;K0\r/4\x06\x00&gt;\xd01T\xcfm\x172F\xdb\xdb$N\xdfc\x0c\xfc\xad\xcbT\xe2E\x9a\x8d\x16\xa6\xacH\x1e\xc3F\xa9\xdaS!#G\xdab\x95\xb8^Y\x10\x9d\xe6\x8cM\x93\xc9-.\'\xb8\xf2\xf5\xf4\'~\x94\x04 \x0bW~"\xed\xc9k\xb4Y\x16\x00\xe0\xab\xfb%\x00\xa0$\x9bK\x04\xf1\xa6\x88\x96\x1a\xb3\x99\x85\xcd\xa7_\xd1Q\x87+p\x9c\x1e\x98\xc0\xbd]\xcf\n\x89\x1e{\xd5Q+\x14b\xf6^\x07w\xed\xecj6\x14\xbbCk\xca\xe1P\xd7N\xc7\x08\xb4\xf0\x8d\xd4\xb3VYE\xb6\x14\xe0K\x88\xc9\xbcHl\xf7qU\xde\x0cx\xa3\xc4;\x16\xf7\x19Cp%\xd5\xf2[\xd3B\xe2\x92[=N\xec\x8f\xf3n\xa0\xd4Xp\x93\xdb\xd1\xed\xab\x1eU5@\xfd\x06\xbf\xfe\xd1\x94pL/\xab;\xf4\xb6\x98\x88\xca\x04\xb0u~\xba,)\xbc\xea\xfd\xf3L\x91A\x0c\xc9\xb0\x9bpb\xef\xa2`\x86\x0c\x8e\xf2\x0f\xf9\xb9^\xb1\x9d\x042n2\xf6\x1c\xfdaw\xfd"f&gt;\xea\xfaR\xb3v\xbe~\x9e\x9d\xcb\x16\x87\x15\x98v\xb4\xd3\xce\x83u\x92\x0c\xc3&amp;\xa9\xab\xbd\x8az\xe4\xceH2\x9cyK\xcf;\x00\x91\t\xfd\x0e\x04\xa4\x9d\xe3WF\xec\x9c\xd3\xd9\x14-\xa6\xaf\x06\x96D\x94L\xc6+\xb6Y~`s\x86\x8an\x88&gt;\xe18\xee\x8e\xf7\xd6\xe9\x00\xce\xbf\xa9\x06L\xb3a\xca\x7f)\xc8&amp;\x00\xe3\'\x80\xb7\xcd5\xfb\xdf\xf6\xcf\xdc\xc2\x9frV6\x91\x07w\xa8\xbcS*\xdc\r\ru{\x97R\x81\x1f\x08V\xe6\x07 \xe511\x91+T\xe3\xbe\x99\xcd4\xe5\x05\x95\xfc4B\xa2JPd\x90]]\xb9i\x13\xb64f\x95\x02\xc0\xf3\x1a\xe8\x12\x0c\r\xc9\x8e\x93\x05w$d\x13@(+\x99\x00\xd0\xf9\x92\xd42\xd3\x18\xf6R\x08\x8e\xc4\x13y\xd0-]\x87(\n\xb8S\x86\x9en\xa8\xa1\xa7?\'}\xabJQ\xdf\x03\x07om\x9bf\x15\xfa\xa5\xbd\xb7f6\xa2}\xc3\x87F\x95sN\xca\xdc\xf9\xc8\xed6xsp\xddo\xc6f\xccE\x91\xbf\xa2)\xfa\x14p\x17\x98\xddv\x0c\xbbyw\xb8\x90\x90K\x8b\xc7.L6\xdbu\x86\xac\xbe\x90\x9d\x8d\xad\x82\xa6\xf6\xca\n\xc4\x13\x84\x13\xc8\xbaf\xc0\xbe;\xe1\xf4}\x97\n\xa5\xe56\xfc\xa51\xb9\xc9\x0f\xb0\x8f\x7f\x15Xt+pB\x1d{\x8cn\xa6\xb1\xc4d\xaco\xb5\xd6\xfe\xdb\xa2\xd2\xec\xe3\x01\xbc\xb7\x80\x9f\x00\xc8G\x7f\xf3\xa0\x11ek\x16\xcf&amp;X\x0b\xf3\x12\x00\xa3O\x05.A\xf2\x8e\x02\xb3\x9e\xa3&gt;z\xc55\xec\xa1\xdb\x00^\xb2\x7f\xf8\x85^\x1aM\xec\xd8\xa7N\xda\x11\xbb\xddp\x8e\xf1\x9c\xdbH\x00l\xe4\x87j\r\x13\xd9\xaa\xb6J9\xbc^b\x95\x1aR\xca]\xf2\x91YQ\xde\xbd\xdf(\xbc\xe1V\x0e\xff\xc8\xa05RVQ\x04\xa5\xd5\xba\xd6\x10\xef\x1c\x12\x86\x01=\xe5\x1b\xf8\x96w\x1c\x99&lt;z3\xe6\x82\xa7\xb1z5h93&amp;\xfd\xd3V\x00fY\x0c\x00\xa4\xffF\x981K\x84\xfd:+\x8b#\xe4\x86\x91\xb1\x8f\xd9W2\xe9O2\x01@\xd8\x01\x06y\x89\xe5\x9f\tI\x1e\xd9TK\xf1?1V\x89\xfc\xc4\xcd)\x99\x81\xb1d\xac\xf6F\x0e&lt;j]\xc8"\xf9\'!\xc7\x16N\xab\xdb\xd8\xf9\x03xu\xd8 \x8cS\xeb\x9e\xd6\x132!\xc4\x0c\xbb\x8f\x90\xfa\xccj\x7f\n\xf2a\x11\x91\xe1\xa5\xcf\xe3P\x8b\xeb\xa54^\xff\x00g\xbd\xd2\x17\xcc\xe7\x07\xcd\xa2\x7f\xc3T\xc7\xdbKQ\x8f\x04\x05\xa3\xcea\x8a6\x91l\x1e\xaf\xc2\x9en\x15n\xb7\xd9-\xf3\x9e\xa7\xdbs\x80\xe3G\xe7\xbd\xecx{\xe2~_\xf6\xb4z,x\x03\t\xa7F\xdc\x1e\xa9w\xa2\xe8rN\xf3\x1b\x959\xdb\xf9O\xa7W\t\xed\xff\x1a\xbf\x99\xc3\x10o\x85#\xe9\xc1\xc7]fI\xea\xc9"\n\xf6\x15\x0ed\xcb\xe3G\xa7\x0f\xa0\x13@Tl\xfc\xfa\x93\xb7.?z\xf1\xb3&lt;\x00\x00\xf8Yr/\x94\xd8\xaa\x18\xca\x90\x00\xe9(\x83\x114Y\xfc_)5\x96\xff\x99\xa7"\xa9\x89\x8a\x9a\xefm\xb8\x9f\x7f\x01\xb5\xd0\xd8\xcf\x8a9\xdd*0pg3\x1dD\x9e1\x86\t\xc0\x18\x03\xb0\xbd\xc0\x02?C.$\x8f\xea#\xf5U \n\xc3\x87\x1f\x94F\x07\x95.`\x07\xd1\xd43[)&gt;\xa4\xc6k\x87K\xcc\x17\xdc\x19\xd7j\x81\xf9\xad\x06\x00_1\x9aC\x14\xc7A\x16T?\xb1\x81\xc4S\xc7\xe2\xc3X\xc1\xa7\xb5\x96\x83+\xb3\xf2q\x8dg\x99zC\xcd\x0f\x1b\x89\x18#=G\xb1e]\x9e\xf5\x16KyW\x81\x80\xd3a\xe6\x97\x02\x1c\xce\xb38\x17\x1c/S\x0cv\xf8\x1bx\xdc\x8a\xf7\xde\xbb\x88\x16\xbbuAq\x18Q"\x15\xdc\xa8\x02\xd02w\xb7MRT\x9eSnB@\x91\xd7\xd8\x03 \xfc\x99gA\x0eB@^\x0b\xc6P\xf9\x96\xf6\xf9M;3B\xf0\xc1\xbb+\xb9\x8a\xa5\x04\xf1\xb4\x0f\xf1\xc6\x0bm(G\xadXAD\xf9\xf3\x9e\x81\x0b\x90!5&gt;\x12@\xb5\xde\xb3\x08\xf8\xb1Z\x81Q\x15\xe5G\x05A\xa3&gt;\xcf\xfc\xe79t\xda\'\xf4\xcbk\xc8\xf4_\x92\xa7\xc7\x068\xf5=\r\xceV\xd3\xd3\x92Gj\xef\xa3/\xc9\x03=\x85\xfd\xd1\x82Tf\xa4\xfd-@\x1d`+\x83\xb4\x10\xebl\x19a\xbfb\xce\x15+^\xaf,\xc3\xb1\xde\x0e\xb1\xcfp$\x83\x02\xbb\x81\xef\xc5E\xf5\x0eO\xa5\x9e\xc5j\xfcyH\x02\x98\x05\xed\x06\x8f\xf4\xecTGa2\xe2\x12\xe9\x00x-\xb2\xe5?l\xca\xc3\x18\xd3\xde\xe9!\x8dF\xeaZ\x88\x95B1\\\xe6\xd9\xefiU\x86\x89\x08*w\xcf\x95\x83\xf1\xd2\xe1Vp\xcc\xed\x03\xb5\x00\xf0\xb7`\xa7\xbbU\x92\xd9\x99\xd3\xfd\xfc\xde\x95b\xad\x87\x8f~;\xf0\xb6\xfdh\x03H\xdb9\x14f\xcf\xdc;\x18\x94\xad\xa2Q%\xebe;\x91\xdc\x07/\x13 f\x8c\x01x)\x00\xc0GV\n\x81L8*\xf7\xad3Ft;\xd5\x19]\xc3\x04\x04.\xe5\xdd=\xfdH\x8d\xbc\xc8fw"0N\xb1Wh\x8d\x1639\xbf{\xc0\x97\xf7U\xe7&amp;\x00b"\x8c.u|\xffLK\x00\xc2\x03d&lt;e\xd2\xec\xbfn\xdc\xe37A \x87,\xb6.R\x15\x16_`\x8cZ\xa6 r\xca\x19\x8a\x96\xb3@0\xe6k\xd2-[\xe0\xea~v\x15`\xd7Ck\x1em \x9b\xde\xce[\xe7XI\xd7f\xdb\x14\xe6\xa4tK\x02\x8doM?\'\x18\x8b\x16f\xc4f\xc4\x83\x00\x87\x01\xaaW\xfd\xe0h\x1b7z/\xef\xe4\x17Sw\x0cw\x1a)\x84\xe5\x1b\xbc&lt;\xd6\xecl\x90\xed4\xb3-5\x9f\xc0\xf3\xb3\x94\xba\xd1\xe8\xac\x11\t\xeb\xba\x82\x02\x01\xe0\xcd{\x08~_)\xb9\x93\x81\xe1E\x93z@\x05\xf8\t\xa0\xdc\xe2\x8f\x8d1\x06\x1e\xc1\x10.\x0f\x00\x80\x1f\x8a]ws\x00\xee\xeco+=\x82+\xb5\xf4\x88\x1b\xf0Z\x95\x15\x151r{^\x030\x06\x1eyR\x97\xe1\xd3\x07C\xb2\x0e\x06\xad6\xa6\x94\xf1b\xcejH\xed\xfb\xe0_\x13\xdb\x17\xcbD\x8a\xc5\x88\xba\xfb\xa2\xc3\x1a\xc7\xf2\x90\x13\x95T\xb1\xcf\xeb\xc7n\x83\xfe\xf8\xac\x1c\xe3?\xee\x16\xe0&amp;\xbd\xde\x9a"\xca\xf6\x8b\xce\xdb\xa9J\x86\x87\x94\xb7\xab\xe3z\x07\xf0\x04V/\xcc4e\xee\xb9\xf3\x8c\x99rx\xe1Il;\x07\x06\x00\x80\xa7\xb5K\x8a\xa6\x94\x00F\x87L\x99Je\x1f\xe2\x93jD\xfc\xedJ\x12Rh\x91\xcd\xc4\xa7y\xac\xdf\x88&amp;Z1k\x0f/C\x86/f\x1e\xf0Fc\xdb\xd6{HP\x9c)\xf8\x9b\xfb\x87:\xbd$b\xcdT$\x95\xc0\xfe\x1b\xe5G:\xad\x84n\x01\x19\xd1&lt;/b\x15*\xb9\xa6\x15\x87\x14\\\x86\x9d\xa3^m\xb5~\xc8)\xbc\x0c\xc6 \xd6y\xe2\xc2\xe7"\xf2*\xda\x8f\xa8\xa9\xdd\x9c\xe9~\x88\xbdBU6&lt;\xb57\xc2$\xa3\xdaV\xe2h\x1aL\x08\xf2\xb6sA=c\t)A&gt;\xf3#$\xe0\x1b\x0c.\x1f\xf8U\xe1\t\x85\x96\xb8bml\xf9\xdf$\x01\x88K\x0cU\xb4\x8fB\xf5\x91\x0e\xe0\xef\xd6\xac\xc7\t\x01B\x7f\xbeB\x80I\xff\x85\x83\xd1\x16\x9e\x9ewpS\xe73\xc7o\xbc\xa0\x16y"\x9a\xcd.\x95\xe3kj\x1fx\x8f\xb8\xc6\xda\rA\xdaP\xde\xe7\tV\n\r3\xacm\x0fC\x189\xfb\xbc\x11\xda\xe1\xa1\xf0\xa7\xd7\x0fsM\x07r[3I\x92\x18\x80\x8b\x0e\xbbx\xac\x01p\xff\xf4\xad\xaa\xc9nj\xb1oj\':\x01\xd9\xe1\x00\xbc\xba\xf7\x01\xd15\x1d\x18\x0f\xbc\xb3\x0e\x8cb\xd3\x06Pt\x02hH\xa0\x95\xe8\xebb5\x8a{N-\xaf\xe2\x95q\xd3#\x1d"\'\xb9\x82UAr\xcbUt\xabn\x18\x9f\xe5\xfe&lt;\x10\xf8\x82\xf3\x8f!\xf1g\xf4b"\x8e\xe1\t\xe0t\xaeP\xd1]\xf6y\xf8`\xb34\x8d\xb05\xe8\xc3\xe7\x8a\xb9\x97\xc4\x19yd\xdf\r\xc3\xdf\xb5`c\x92\xe3\xaf\xf3\xe9h\xbfJEd\xca\xc6\xce\xbeU\x0b\xac\xdf\xef\xb6\x1a\xda\x1a\\6\x01t6\xc9=\'\xfd\xc6\x18\xe3\xfc!\xad\xe1&gt;n\x8c1\x9d\xfe\x8a\xd3\xd5\xffX\x0fn\xaa\xca\xad\xba\xbe\xbbt|\x9a\xc4\xd7PXN\xd5\x92\xcf\xdc\xbeG\xd8\x9c\xc6\xb2\x18#V6\xba\xde\xef\r\xa1\xc5\xdc\xac\xab\xad\xe7\xa2ss\xa4U\xbb,\\\x0e\x8eM\x84G\xd1\xcb$\x98X\x10o\xf3\xa1\xd2T\x14&lt;\x9ck\xc0\x81D8p\xcb\xa8\x0b\x85\x7fp\xde\x15\x89\xf2\x86/\x91x\x0eOm\x0f\x19F\na\xec\x85\xff/IIk4}\xb5\xb2\xe0q\x85\xe4\x1f\xbdy\xab\x1ex.\xfa\xa6\x18eP{\x02|\xe3 *\xe3p\xbfR\x03\xf1\xb9r\xf3VJt\xab7P\xd3\xdb\x8b\xb1\t\xc0\x9e\x86C\xf7g*\xc5Q\x0f_\xaay~+\xfdy\xa2\xca\tEB!\xe7\xe20j\xd6\xc6\x0c\x06\xda\xa6\xea\xedG\xf3h\x80\xfc\xb4\xcc`|*\xe6\\V-\x00\xcd\xb2\x0e\x06\xf7^9\x10\x93\x10\xef\xc5n\xef\xafL\xc3\x7f*\xd6\xa9\x83}\xa0\x1d\x81\x9fl!\x94\x04\xa9\x81\x01\xbc%s\xec\x98\xdf%\xcd\xb6\xbe;?O\xeb\t\x0c\xdd\x9e\x83\xba\x9c\x01\xdba\xe0\x0e\x00\xcee\xac)\xd6\xbc\xbf\xb3\x7f\x10"\\\xdc\x8a5\xd9\x8d1\xba\x8cNE\x04\xb0i^f\x84\xc6\x98\xec\xb2\xe9&lt;[xU)\xc6\x93X\xbes\x02\xa8Ww\xa5e\x99\x06)\xfc\x0b\x8e\xf7%\xee\xf9\x0fN.\xec/vG\xcf\x0f\x8a}\xa9\xe4\xe3U\xe3\xb8L)/\xf6\xfc\xa2\xbc\x84\xc4\x8a\x8e\xf1`J\xd4\xd5mz\xf2\x05BO\'!\'\x80\x88OO\xb7\x19j\nz \xb8\x7f\xbd}x\xd9\xa2C\x05\xca,H\xab\x03\x87g\x10\x8c\xc0\x8c5Z\x18\xea/\xe3\xc4\x02\xe2\xf8\xba\'\xe0_\xa2[:\xff\n\xe9\xeeU\x13\xd9\xcd\xa3\x98@xf\xfe%6\xf2\xfb\x158k\xb40V\xea\x89\x9fx\x1d1\x91\xd7\xb7\xc4:\x8b_R/\x84[\x84\xca\x9aYj\xebS)\xc7JX\xdd\xf5\xf7Yb[; n_2Y\x02\x18\xa9{";\\\x03\x00\x7f\xa6\x8d\xd8\xd4\xd6d\xd81\x8b[\xe2\x89\x90\xe8Tj\xc0w\xecqjS\x07\xb8r\xd5\x97#M\xccp3z\xbd\xd9\xa4\x8e\x0eN\xeeq\x1fV\x02H\xb4\x85S\x9b\xc49\xad\xdc\xa4\xd4\xc8\xc1\xd3 i\xe1Q\xba\x9d\xf0};#a\x81z\x9e\xd6\x93\xc6\xe4\x923\x1a{\xedo\xb1`\x13\xf2O\x81\xb8\xc3BvCm\x85\x1dP\x08 \x8ehR\xc5\xd0\xe8\xa78pF\xb2Y\x8b\xb3\x9a\x12\xb1b\x9b{\x8a-Z#\xcf\xf2\xda_\xcf\xadF\xfcK\x86\xdd}\xbd\xdd76\xc7}\x01[,d`\x04\x95\xce\x97?\x87\xa7\xda\xb3\xdd\xb2,\x0b\xcb;R\x93\xc0\xb1\xd0Y\x96\xa0\xa7&gt;;\xc1r1\xe6\xd5\xdd\xbd\x08^\xef\x0fm\xd9\x91\xeec\xf7\\M\xd6o\x98~\xa2d\xc8n\xbf\x8a\x853m8\x0f\xa7fD\xa3R7\xbeN\xe9\xcc/OI\xfc\x01\xc0\x1d\x04\xc8\xfd\xdaw|\xc1\x9b\xbf}:Ei0\xbd%\xed_%\xa9\xcb\xb1H\xa3\x13\xb3\xa8RY\x15\xe2\xab\x8c\xb55\xa2\xc8\xffR&lt;\x07\x86\xf4\xbd\x9f\r\xfdVLfk\x86\x17Ng\x14QG;\\\xc3\'\x80\x11\x11\xb7\x83F\xff\x00\xa1\xbd\xc6\xdb\x03\xf3\xc4#&amp;\'\xdf\xa0\x1d\x1a\x85\xa5/\xde\x17\xceO\x13\xc9\x98l\n\x04t\x14\xab\x1c\x92\xac9v\xda\xbd\xab7x\x85\xffF\x0cS\xbd\x1b\xee\xd1q\x93\xa7\x8a\x83\x14\xa7\x0c\x05\xde\xd2m\x84}\x8f\xf5\xc1\xf964\x99\xc4\xc6\x93\x98b\x08\xb6r\xd5y&gt;\xdcBE\xf43\xa9c\x0b\xec\x8b\xe0\xdf4\x90\xfc\xfdT\x97B\xaeIL\x85&gt;\xd6\x99C\x86c\xea\xc8\xfeZ\x81\x92$\xe4\x95&gt;\xc2\xbf\xe8\xb7t_\x02A\xf0\xec0\x0c\x97\tI]\xbe\xa0hJ\xfc\xc6\x12E\xc6\xf6\xe2\xael\x05"e\xb6\x9bFw7\xdfH\tI\xee\x90\xd0A\x05\xba\xfc=5\x03\xf8\xe7\x8d\x0e\xc4\x8a4\x8c1_\x17\\le\xe1\xfdt5\xdb\xa6\x89\xe6\xc8\xc1TH$\xea^\xff"%\xb0\x81/\xa6da\xec\x16\xeb\x95\x0eXDqk\xfb\x07\xd3\xf4\xdf\x0e\x8a\xb6\x02c\xe0\x95\xe6\x87Kmp\xba\x9e?I\x80\xcb\xbb\n\xc0\xe3\xa9\xd2\x04(\xd5\x9cSw\x016\x01\xf8\xe1h\xa2\x1d\xf6&lt;L$\x11M\x00\x91f\xd9\xf7\xb4\xce-\x9d\'\x1f\xd5\xf6\xfa\xeb\x95\xfd\x89\xa0\'\x00t\xcbA\x9b\xd9!\x08\xea\xb8R\xe3\x8fiN)G\x80\xda\xbe\x14kao\x86\x97F\xa4\xd0PN=\xa2k\x1fO/R\x8fN2.\xfb\x81A\x87\xb1\x91\xd9\x0f\xb8\x0f[p\x94\x96\x9e\x9f\x84&amp;\xae7\xb7`\x02\xb8%\xdc\x05[\x14\xc78\x95K\xf0\nL| +4\x10\rp\x98\xf3\xfd\xb2\x10\xa1T\x14^\xc1K\xb6&amp;\x99\xaa\xfcw\xd1\x89P\x90Bs-CK!}\xabE\x028\t\xaf\xea\xbe\xbf\x03 E(\x8b\xdf\xbfB\x91\xde\x99 e\xdd\xa2\xac\x07\xce\xefp\xef9\x16\x80\xd7\xc5.&amp;\x97H\xf4*\x00\xc0\xf7\nR\xfa\x80?\x91]n\x9b\xd8)\xa3\xe6\r\x01k]\xd9t\n\x0e\xc2+\x91\x04P"\x10\xf4\xfe\x8b\xf5lc*\x18\xbd\xce\xf4"2\x9bx8\xa4w-\xc3\x17\x14\xec\xffN\x9b\x00\x0c\xe14\x9f\xc7\x85L\xc3[,\x01\r\xb2\x1b\x01\x00\xfcT5\xbf\xc6\x00\x88\xc4\x8aR\x97\xda\x055d\x81\xc0y\xcd\xf6I|9-\xf9\x88\x8c\x12Mk\x7f\xb2;]\x1d\xf3\xc9g\x07\xe4\x89U\x12\xc6t\xeff\x90\xe2\x19\xdd\xd6l\xb2\xf3\xd0\x15\x13Qq\x00\xb8\x88P\xb8\xdb\x84Z\x0f0B\x10|6\xee\xc0*\xaen\xc0AM&amp;,\xb4f\x82J\x00,\xb9\xff\x92\xda\xb7\xd2\x83a\xd0\xe4a\x00A\x0eX\xff\x8bY\xd8H\xc9\x85f=O\'(\xcd\x86O\x95\xb5\xccjDx\xf0\x18J\x98\x87\r\xf9I\xccV\x18m\x07\xd5#N!\xae\x9c\xee\xb2\x089E$\xbd\xf35\x11\xd9\x85\xdb\xe1WD\x7fr\xd2\x0e$|w\xb9M\xbc\xe3\xf8\x98\x12"\xbf;\t/\xe2\x0f\xe5\xae\xeb\xab}\n\x1cOc\xf2Vi\x97\xc6\x90I\x82D\x02H\x06\xaf\xbd\xda\xa8bxH\x0b\xfcs\xc4T\xb6z\xbe\xc5J\x1b\x17]\x82\x1b\x82x$"\xd4A9\x96\xc7\xbaK\xb0\xe0\xa0Q\n\xc9\x94\xea\x00\x00\xf0\x7fpdN\\\xae\xe4Iy\xc7\x9d}\xd0dZ\xa5\xf9\xbb\xf2H\xb2\xeb*\xae*\x0cQ&lt;\x89\xdbO\xbb\x00\x99\xe0=\x97\xb3\x8b\x19S\xde\xdeY\xa4\x8e\x1d\xabd\xd2\xcd;C\xdaP\x87H\x81=/\x03\xa7\x15^\xbfi\x7f\xb7\x9eJ\xa5\xe4T\x14|\xd0fQ7E\x13\x17\x813\xc2\xbbRZx\xc4\xcam\xa6)(\x18 1\xcfL\xd3\x1d\xc1\xe4s\r\xcf\xe5v\xa4Ok\xbe9U\x14BWs\xb37\n\x117\x03\x99\xc1\xa6\x9e\x10\xb4\xb6\xe3\xa3\xe8]0\xab}\x1d\xc7\x9d\xf1\x81)v\x00\xa3\x00\xf4\xd7\xf6/q\xb2\x01\xc4i\xdd\x97p." _\xe8B\xa9\x13};c\xf2\x14\xde\x0e#G\x1d5z\r\x9dI\xa6pT0\x9cd\xf8\x95\xc8\x8fb\xce1\xba\t`F~\\0vv\xd4\x1e\xc3\rf\tD\x99\x88$\x86\xcc\x89\xd0\xf0\xaa\xc9U.\x1b\xb6\xca\x7f\x11lq\xfe\xb2\xccQ@U0\x18\xf7G\xa0\xceX\x16\x93\xfe[H\x18\xf0v\x9d|}\xbd\x80\xf1\xb0\xc2$N2\xc5g\x94\xfeb\x93\x8f&gt;\x93%rv\x91\x1f\x1a\xa4\xbfg\x83\xd6&gt;xB\xed\xe0\x1a\xfd\x8d\xbc5\xb0E\xe5\xc0s\xb6\xffV\xaa\xa8\xc1\x92\xf9\xc9\x01\xfc\x9f\rt\xb3\x13\xce\x05B\x1d\x0bk\xfa\xe3&gt;3\x9fz\xe7a\xc7%\xf7\x9c\xed\xc2^\xe0\xbf\xf2h\x0c|\xedqk\xe0\xc0\x18\x0e\xe4vp_M\x16\xe7v\x8a\xfe\xd8\xfc\x00\x00 \x00IDATQ\xe4^\xd5{\x08\xee\x81b\x1bbS\x80\xf1\xea\xde\xb5N\xeb\xa2\x13\x1ce\xef\x1e\xb9\xe6\xd7Pz;)z*z\x05\x1b\x831\x00?\x9ak\x00\xe6)\xed\xb4\xf3\xca\x97\xf4$\x01\xe2\x9b\xe7E\x95l\x07\xe0\xe5\x1e\x8fj\xdc\xe1\x99\x86bt\xe2C\xac4\xf1~LO&amp;\xc0=\xee\xbd\xe4\x8c;\r\xae\x9d\\\xa3\xa6!\x0b\xa9X\x1b&lt;T\x8a\r\xc9ff\xda\xcb\x00Gmun\x90\xd6u\x01\x17a3\xa4\xf6*\xa6\xd2JT%\x80\xecV\x8f\xbd4\x18|*\xe1m\xec\xd2#*}\xcf\xf6h\xf9&lt;6\x13\xef\x03\xb6\xe3:\x1d\xfe\xeb\'\xb1\x95\xcb`U\x9a\xca&lt;m\xdb\xbdX\x19tC\x91\x00\xf3\xf9\x0f\xb2[#\x13\xc8\x8a\xcd\xc5h\x04\r\x00\xf8SAcw\x8bP\x90\x80\xa3\x17m\xd8\xc1\xcfR\xc2[\xe8\x9ca\xc1\xb88&amp;\xd1\x1c_\x7f\x9dda\xf3\x00\xc6|\x0e\xaeY\xfe\xee\xc0\xe1\xe3\xad\xcf\xcb\xca5\x03\xdb=\xc4\x00\xbc\x95\xa0\x9f\x00!\xde\xda\x0f\xe5\xc8Ph\xf08c\xfe\x88H\xf4\x90\xdb\xa0\xc0\xb7D=\xdep\xbeK\x17\x9b\xbeu\x84\x80\x1c\xab\xd4\xed\x0e5\x00f\xec\x1f-\xbd\\mB\xaa\x14\x1b\xddl\x91d\xd6\xe8\'dh\'\x01\x84\xc7&gt;\x93d\x02\x90\x98\x11q@\x9b_\xd8\x00\xb8\x130\xce\xde\x82\xc9(I@&amp;\x01\xd0\xa5 c\x0f\x93ag?\xf3\xd4y^\x95\x19j7\x96{,x\x7f\xefb\x8aZicQea\xf7\x1d\x007Z\t;7\xeea\tMf\xb5\x04\x82\xaej\xc3\xf0\x16\x8f\xe0&lt;\x801\xf6\xab\xb7[\x96\x02\xb0\xce3I*h\x94\x96HRq\xdb\x85\xdf\x97"z\x14\x07\xe7\xb2UB\xb6\xaf"\xdf\xa0I\x9cn\'\x99\x01[\x94}a\xfc.\xa2\xc4\x93\xa0\xf1}\xc6\xbc{*Q\xc5\x08\xa0\xe6\xcfi\x89\xb4w\x18\xeeyAn\xfd\x8b\x86\xd4I\x9e\xc9/\n8\x96\xe8u8\x87\x88\x1f|\x7f\xad\xdb`\x8a\xd1E\xfd\xbf+\x01L\x1b\t[e\xaa\x8a\x96\x890y8\x8c\x97Cx\xbd\xd7\xca\x9d\xe1E~\x00X\x96\x05\x8cY6b\xcb\xfai\xe5\xb6Ruy\xae\x8b\xde4 \xbf\x99\xe5,7$pjl\xc2\x1e^\x83e\xfbg\x1f\x11\x8aCZ,\x12\xd6\x9eH![\xfb\xea\xb7\xc4=s\xd5\x0b\xcc(j\xea\xbd\x00\xc3\xbe\x02\xe1\x0em\xf5\xf6\xe1\xeb4\x9cGK\xb2f\x8aI\xfei\x84\x96F\x8a\x89Y\x96\xbc\x8aT(h\x01\x1b=\xf0\xda\xca_\x04Kibg5L\xc7\xa2\xf4u\x88\xce0\x0b\xdfMkm~+\x1f\x10S\x8e\xf8B\x12\x18\x03\x0bn&amp;W/\\\x96\xc5,\xcbJ\x84=5\xcbN\x0f\xd3x=z0B\xd1?\xa4!\x0e\x80\xd7\xb5_\x87\xc3\xea\xeeeY\xac!\x91\x9e\xd3\x1a!\x03\x19V\xcb\x82\xdc\xc6\xb9\xcaZ\x19\x04\x11\xa9:\xcf\x85\xd5&amp;\xbc\xf5p795\xc7p\x8d\x96\x08^\xac\xf8\x96\x0c)\r\xb9;C&gt;\xa5\x8c\x08\xc7\xb7\x96\x80\xd4\xde6|\xbeZlO\x94?\xcb3[\x00\x80\'%o\t+\x9a`\xbc\xdd`\x07\xcb\x8b6\x95\xa6\x829\x0c\xce\x08\x1a\xe7\xfeh\x1dX\x81\x9f\xc7\xa2\xd1\xd2\x8e\xd6D\x9d\'\x8c\xa1\x0e3\x99N\x1d\xd4\xea\xa5\x8b\x14~\xf9\xfc\x98kg\xf2\x8b\xf6\t\x04U\x11\xdeDtK\xa2\x84wp\x87\xe11\xa2\x03\xc0\x98\xefl*_\xda\x84\x8c\xf0\xfd\xa2\x83\x0c&lt;6\xcb\n\xe8\xf5ni\xc9\x7f]\xfaV]\x0c(v}6i\x95&amp;\xdc\xbd\xd8\xd9\xcdc\xe2a\x9a*/RP\xf0js\xee02\xbd\x0e+\xed?\xe6\xdb\xe7\xb4$\xd8eX\xbb\x83\xf2\xe6\xabuj\xcdK_\xb5{\x14f(\xd0\xcc\x9e\x8a\xb8}\xfd\x9e\x18i\xe3\xc7\x8c\x03v\x0f]=\x95\xf1\xa0\xc4(\xce\xec\x87\xcc\x1a1\x06&gt;\x11\xf1\xd5\x8a\xba\x03\x15\x97\x15VJYM\xac\xa8\xac\xf1\xddCl:\nC\t&lt;\xed\x81\xfc\xe8-\xec\xbb}\xee\xf9\x0c~\xcf\xc4 \xff\x1aG\xe3\xa17\x90|4h\x10{\xbf&lt;}\xcb\xd5\xd3!\xba\xba.d\xd2\x0b/s\xdd\xfb\xe0\xdc\x8a\xa7y2CL\x1b\x899\x82o"\xc8i\xe0\x14\xc3 \x18\n\x04\xc8 f\xb3\xc8s\x86\xb1\xa4\x7f\xb1\xdc\xceL\xf0\t\x06\xa4\x1f\xdf\xc3\xfe&lt;}}\x96\xb5\xb6Z\xd7\xba\xd7\x92\xcd\xc7\xb5u\xfc\r\x1c\xc4\xe3\xc7S\x9d\xdd\xf7\xe1\x0ed\xdf0q\r\xd8\x91\xd45\xb0\x1a\x87\xf4{@[\x98\x11\x00\xd6\xd7\xd5\xc4E\xa7\\\xf7XA\xdd\xdd\xa2\x91\r\xe7A&amp;Bb"I\xd8\x0cJ/\x8f\xf4\x03&amp;\xbf\x89\xe9*\xfcm\x8a\x08\xf8\xba\x84\xce\x10\xf1\x1c\xf0\x95\x1aO/\xbc;\x92\xc8\x05\x80\xb1\xd4i\xbbC\x92|^V\xdeN\xd4\x13\x86&lt;\xa8\xc4kG\xb6\xacAF\tc\xcd\xd4\x9cVm\x12j:7\x86k\x10\xbc/\xf9N"\xf7gs\x0c=\xde\x02&lt;\x1e/9\xf9\xdc\xa0\xc8\xa6K\x02(?\xea$%\x00\x06cW\xac\xf8\x90\xd9\xe2 \xdd\x97\xcdv\xe6ei\x91\x1e\xf5\x16\xe6\x18\xce\x19]\xbd\x90\xb8\xcb\x10Xl,\xb2\x9cR2\x10%\x94\x81_;qn\xbd\xbaG\x9dm\xa0B\xc4\xc9\x0e\x8d\t\xe1\x80\rn`\xe0E\xd7X\xc5bX\xadB\xcdIx\xef\xb6\x0f\x00Z\x98\x15\n\xdfO\xc8\xf6E,xr\x02\xe8\x92\xd4+\x81Y\xc0\xc5\x14\x98\x19\xa7\xe7I\xd4\x90\x81\xec\x12\x95\x80\xd9[d\xef&amp;\x7f\x1b\xa5C\xcc\xbf\xb5%\x80\x18m\x9e3D\x9e\x9aLY[@v\x80S\x11\xc6\x875\x13\x9b\xe5;\x01z\x0e\xa0\t\x8f\\$\x08H\x8ae\xcfU&amp;\x01\x18.\xb7\x0e\t\xc0\x93\xbe\xbbl\xb3\xef\x7f\xc4\x8e\x10\xf3~R\x9f\x00\xfa\x80\xbd\x97\r\xac\xb1\x7fxH\xa4=\x8bZD\xce\xa3E\x04\x89"\x7fJS\\Y(\xc7@OSg\x0f\x8a$i\xcc\xd2\x1f\x98Y\x90\xeb\x90\x94\x03\xb6^8\xed\xb1\x8bx%I\xd5\xb3%\xeb\x16|\xdc\xf8\xbe\xceM$\x0c\xd9\xbb\r\x92P(\xcf\xbd\xf0\x1a\x7f\xd7\x7f\xe2\x90\xfa\xdc\x02\xad]\x81j^\xfe\xf9\xa4oO\xae\xa0\x92\x96\x1a\xc9\xbc\x04p\xd6.\xe3\x11\xb2~\x95\x11\xb6\xde\x82\xd2\x8a\xc8\x89\xae\xe3\xc6G\xd3\x04PY\xe2\xc1\xdbc\x15Q%\x8b \xef\xe5\x00o\xd7\x9c\x80\xf5\xbc}n\xe2\xa6\x08\x83okf\x08D\xb7,!\xde\xd2@\x97,Z$\xd7\x94K\xe3\xb5|\x08\xab\x90\x82\xf4oT\xb4\x1cPr\xfc^\x0f#eG8\x83\xaa=\x94Sd\x88\x12\x98\xb5?~vfX}\x07\x8a\xbcS\x93\x81\x14^\xc7\x8e\xa4\xab\xb7\xea\xa8A\xc0\xae\xa2\xa0\xb19\x16\xd8\xd1X\x80Cp\xba\x82\xe2\xd9sn*P\x19[\x8b\xbe\x8d\xe5\x10|;\xe3\xc8\xa6\xc4\x95_S\xfe\xa3v\xd5N{\xb2\x8a|\xd0\xdc\xef\xe0O`LV`\xa1Wl\x9b\x88\x17\x03\x00\xef%\xba\t\x90\x12\xd5j\xe5})\xab\x17&amp;\xad\xb1\x13\xc0!\xa7\xfb.GP\xdd\xe6\x8b\xd1\xeb\xb1\xc0\x8a\xe7#L\x12_d\t.\x0bi\xb8\xbc\xeai\xe6{c\x84{\xce\x9f\n\xaf?\x87f\xdb\xc8\xf0\x10\x1e\t\xca\x9f\xf8\xe5rC\xb4\xcb\xcfV\xef\x90\x82\x04@pr3"\xf2\x0cC~\x9cG\xd5\x19&lt;\xb8\xcb\x08\x14K\x00\xc4\xbe5\xea\x9c5\xc0\xe8\x9d$\x13\xbd\x18\xde\x8a\x1c\x02n\xb5?\x84\xa2\x04\x1ds\x95\xfa^\xd8\xc6I\xdb\xd4\xcfr\xcdz\xb3\xddE\x9em\n\xe4\x8f\xc4DG\xe6\xbd\xcdY\x90 \xc4C!R\x9a\xa0MH\xd1\x9f\xef\xc6\xce\xbf\x81X\x9eH9\xc0s\xd3\xb7Jc\xa6ZD8\x01$\xe4\'\xdaO`\xeb\x1d\x19\xf2\x91\xc4\xf0\xac\x92\xa8y\x06\x16\x83e\x98\x9c\x9a7\x96\xbb\xdb\xbe5\x0e\xc3\xeb\x18#\xc3\xef\x9ea\x12\x99\xfa\xac\xb6\x0c\x8bn\x0e!\x9b\xa5\xc4\x9d\xd9MQ\x00o\xaa\x11]\xd57f"\xd2\xa9\x97\x114\x0e\xf5\xac\xcd\xbbR\xa3W2\xfa\xe7\x8e\x14\xfb\x1e\r1\xba\x08\x1e\xd4D\x03\x87\x94t.\\J\xf5\xe1;t\x18\x86\x9c\xb53\xd4\xd5\xad\xfd\x1d,^\x13t\xff=\xb87\x80\xcc\x0e\x15\xd9\x92\xaf:\x98+\xea\xe4\x15\xa7\x9b\xf0\x07aN\xbf\xb6\x82B\xc2x\x7f\x9c\x8br\x18\n\xfew\xf8QHiH\xfeq\x86\xf5\xcf\xcb\x9coA\xf09u\xea\xca\x04x\xff\xcd\xb6\x05c\xa4\x7fOH(MP:\xcfB\'J\xa9\xcf\x14i\xcbyfY\x06\\\xb6#\xed\xa0\x10\xcb\xc0\xcbd\x96\xbfd\nGH\xf2\xd4\xad,\xa8\x7fcnf\xac4yY\r\xdb%\xd6\xecCv\t\xfdO\xf6I\x1e\xdc\xff\xcf\xd1\xa0&amp;\x83:a\xd4\x1d\x00R4\x00|\x1cn\xfeZ\x14p\xe0\x9c\xc5\x7flB#C&amp;\xb2\x17\x00\xc0\x7f\xa1\x8aO\x8a\xb2\xaa\x8f\x1c)#\xbb\x89\xb4\x9c"\x9c\x01!\xd62\xbf7\x97\xf5\xa0\x1f\x88\x95\x87\x11u\xa5\xc7Bn\xfb\xe8\x8f\xf0?b\xbb\x0cA\r\x85J\xfe\xd6\xbc\xb0\xff\xf8\xbd\xeb\x87\x1a\xa1gb\xe1\x0c\x03\xfd\x17\x10\xc1\x7fWM\x88\xa6\xaf\xf4,w\xfbL\x94\x89\x8f\xfeT\xb4\xf3\xe3|u\x00\xc6=\xdd2\x00\x00\x9fR\xee[\xe4\x9a1\x10&gt;/\x92J\x1b\xef\x8c\xce\xa4\xa3\xc9\xfcX\x87\xf0\x83\xe8\xc6$\xc9\xf8f\xb8Man9P\xd7Kt\xca\xa2y\x8e\x8ah\xa6L5#G\xb7\nb\xf5\xf8\xb8\x96\xc2S\xb1~\xf0j*\xec|\x91;\x00\x92\xc6\x10\x94\xee\xf5\xb0\x19\xbeR\x82\xb8X\x92\xbaH\xb3\x16\xaa\xf7df\x9c\xea\xcc\xcd\xfa#&amp;\x90\t0\x06\xe0\x87\xed4\xb9\xb4S~(5\xb8P]\xaaMJat\xb9\xd8\xd9\xe99\x03\xc8\x19\xa7.\xee\xf5X\xee\xbd\xcf.\xe77\xb8\x88\xa7y\x80\x925\x00~\xbd\xa1\xeeZ\t\x00\xc5\xc4\x98\x9fiw\xf0\xa3\x83\xff:\x19\xaf\xc1h\xbe\x9c\xb7\x811\xf0\xc1\xac\x8e\x08s\xec\x81\xe6\xd5\xc6q\xaa\xa2g\x17e\x9e~L|Fv/4v\xf7\xf8\xdd}\xcf\xd3E\x0c\xf1I\xce\xfb\xad\xb6i\x98-\x99\x96\x00N\xdb\x94d\x02\xb8\xd0\xaa&lt;\xf9s\xd52q\xfc\x81\xdaS\xca^\x85\x10\x8f&lt;\xcah\x16\xfa\t~\x86c0\xca\xd5\xf8\x8b\x8d\x9e\xec\xeb\x07X3\x91\xff\xe1\xfc\xe3\x8b\x10\x01\x1d*\x16\x83K\xb4\x7f\x02\xc0 \x9f\x00\xb6\x1fS}\x8d\x81\x97\xb7\xdb\x02\x02\xb8_\x04\xfb5b_i2\xb9\x06\x95\xf2\xeb\xba\xa7\xf0\x91r\xf1\x84\xe6\xba\xc5v\xb6\x81W\x1f\xf1\xa4\x89P\xea\x000\x06&gt;6\xf76\xd8\x9c\x01"\x83H\xe0\xc0\xf5\n?X\x1fH\xba\xc1\xb9\x0b\x1b\xd1H\x07\x81\xe4s\x19\x15\xe1\\A v\xb1RhY)DS5$~U\x0e\xc6\x11a\x1f\x8b\xc8\xa4X\x99\x96m\x8d4\xd9ETN\x00\xf0\xb6\xc7gA\xc5u\x90\x8d&amp;\xe1\x1a\xa9\x90\xe5l!\x89\x1d\xe5Cy\xae\x1e\xffDQE\xd9\xe9\x803rr\xf2Zvi,\x8e4\xe4\xd9B\xec\xc7w&gt;f\xff\xe8h\xc5`,pd\x0b\x89!\x98t\x14s\x1fB45g\xe5\xd2:j\xe4\xf4D \x1d/\xbc\xc8fE\xc2\xb1I\xb2\xda\x85\x04\x8a\xa0H\xc7\x99\x82\x0f\xaf\xd6\xf5\xd6\xa7\x89\xc8\xb2*\x06\n\xcc\xbcc\x89I&amp;\x00\x1912\x10!s\xaf:9GP\xcb\x87T\xf4\x8c\xe5\x85\xa4.\xfa\x87\xe3YM`\x0c\xfc\xbc\xc9\x10\xb2a:\x15\xaf\xb7\xc8\xfb,\xecw\xf4\xfc\x8c\xf2Qm\xf3\\\xf4\xf0\xb7^\xa3ll=\xe7\xd1*&gt;nw*\xc9\xa7r4\x9f\xd4\x05\x94~\xa2Ndo\xa4\n/j\xcd\x1af\xe2*V\xb9\x04\x90\xdb\xf5F\xda?\xb9\x86\xc8\xad\xa3s\xc5T\xe4\xb0\x86\xd4O\xad\x15x\x12\x9e\xd2\x18\xbd\x02\xe96\xa1\x10\xaf{F\x17\x04\x95H;\xcb\xb7\x9eP)\xf9\x95RR\x06\xec\xe9\xca\xc5\x11\x0c_\\E\x801\x00\xaf\x85\xeci6^\x94\xf7\xa1\x03\xf2\x16\x96,\xffg\x80\xf8P&amp;tP*\x1b\'do?b*\x11\xf8\xfc\x88\x1c\xfb?*%\x8c\x19\xbd4P\xcc\x19%\x9d\xcd\x91b0I\x02\xa8T\xddPx\x85\xa2!\x06\x01\x07#\xf4G\x80\x0f\xdc\x13\x91F\xa2\x91\x9d\xe1a\xac^s\xd8\x0f\xe0\xad\xf6\xad\xa8\xc0\x9aq]\xb9\xcf\xf0\x00\x9eJR\x94~\x869\xc5\x9e\xcc"JB0\x01d~\xac\x11\x8bL\xc6\x1d0\xc9&lt;\xe6\x01\xd9r$\xde\xbe5%&lt;\x99\xd6\x16\x06\x80/\xf6\xae\xb0\x84D\xcf\x16B\xbb\xcf\xb2\xf4\x03@\xdd\xcaGF\xf6\xca\xe0\x07\xb6\xd0\x9e\xd4\x8a\x1b 6R(\x19y\xb6A\t&amp;*F\xe2\xcfK\xcb\xde\xed\x97b\xa1\xd9\xdf\x82F\x13\xf0+\xa1\xc9\x9c(\x89Y\xbc\x1d\xe3.\xf0\xd9e!\x92\x9c\x84\xf0\xf38b\x00\xf0\x84\xea\x9c_4\xe2\xf1B\x05\xc0\xaa\xb1J\xd1\xaemF\xbb\x97\x00\xce\x19\x91wQFru\xf7}\xbbV\x15F\xc1\x98\x178\x92e\xd7HFXqAK3)\xe8\xfb\x</t>
        </is>
      </c>
      <c r="E282" t="inlineStr">
        <is>
          <t>&lt;class 'numpy.ndarray'&gt;</t>
        </is>
      </c>
    </row>
    <row r="283">
      <c r="A283" s="1" t="n">
        <v>281</v>
      </c>
      <c r="B283" t="inlineStr">
        <is>
          <t>steps_per_sec</t>
        </is>
      </c>
      <c r="C283" t="n">
        <v>4100</v>
      </c>
      <c r="D283" t="inlineStr">
        <is>
          <t>9.1715765</t>
        </is>
      </c>
      <c r="E283" t="inlineStr">
        <is>
          <t>&lt;class 'numpy.ndarray'&gt;</t>
        </is>
      </c>
    </row>
    <row r="284">
      <c r="A284" s="1" t="n">
        <v>282</v>
      </c>
      <c r="B284" t="inlineStr">
        <is>
          <t>Loss/object_center</t>
        </is>
      </c>
      <c r="C284" t="n">
        <v>4100</v>
      </c>
      <c r="D284" t="inlineStr">
        <is>
          <t>0.37637964</t>
        </is>
      </c>
      <c r="E284" t="inlineStr">
        <is>
          <t>&lt;class 'numpy.ndarray'&gt;</t>
        </is>
      </c>
    </row>
    <row r="285">
      <c r="A285" s="1" t="n">
        <v>283</v>
      </c>
      <c r="B285" t="inlineStr">
        <is>
          <t>Loss/box/scale</t>
        </is>
      </c>
      <c r="C285" t="n">
        <v>4100</v>
      </c>
      <c r="D285" t="inlineStr">
        <is>
          <t>0.12843178</t>
        </is>
      </c>
      <c r="E285" t="inlineStr">
        <is>
          <t>&lt;class 'numpy.ndarray'&gt;</t>
        </is>
      </c>
    </row>
    <row r="286">
      <c r="A286" s="1" t="n">
        <v>284</v>
      </c>
      <c r="B286" t="inlineStr">
        <is>
          <t>Loss/box/offset</t>
        </is>
      </c>
      <c r="C286" t="n">
        <v>4100</v>
      </c>
      <c r="D286" t="inlineStr">
        <is>
          <t>0.21325335</t>
        </is>
      </c>
      <c r="E286" t="inlineStr">
        <is>
          <t>&lt;class 'numpy.ndarray'&gt;</t>
        </is>
      </c>
    </row>
    <row r="287">
      <c r="A287" s="1" t="n">
        <v>285</v>
      </c>
      <c r="B287" t="inlineStr">
        <is>
          <t>Loss/total_loss</t>
        </is>
      </c>
      <c r="C287" t="n">
        <v>4100</v>
      </c>
      <c r="D287" t="inlineStr">
        <is>
          <t>0.7180648</t>
        </is>
      </c>
      <c r="E287" t="inlineStr">
        <is>
          <t>&lt;class 'numpy.ndarray'&gt;</t>
        </is>
      </c>
    </row>
    <row r="288">
      <c r="A288" s="1" t="n">
        <v>286</v>
      </c>
      <c r="B288" t="inlineStr">
        <is>
          <t>learning_rate</t>
        </is>
      </c>
      <c r="C288" t="n">
        <v>4100</v>
      </c>
      <c r="D288" t="inlineStr">
        <is>
          <t>0.00086500007</t>
        </is>
      </c>
      <c r="E288" t="inlineStr">
        <is>
          <t>&lt;class 'numpy.ndarray'&gt;</t>
        </is>
      </c>
    </row>
    <row r="289">
      <c r="A289" s="1" t="n">
        <v>287</v>
      </c>
      <c r="B289" t="inlineStr">
        <is>
          <t>train_input_images</t>
        </is>
      </c>
      <c r="C289" t="n">
        <v>4100</v>
      </c>
      <c r="D289" t="inlineStr">
        <is>
          <t>[b'512' b'512'
 b'\x89PNG\r\n\x1a\n\x00\x00\x00\rIHDR\x00\x00\x02\x00\x00\x00\x02\x00\x08\x02\x00\x00\x00{\x1aC\xad\x00\x00 \x00IDATx\x9c\xed\xddO\xc8}O]\xc0\xf1sD"+h!!T\xb4\x08Z\xfctQ\xe1\xa2\x10Q#\xc9\x10]\xb40\n\x8a\xda\x14-\xc2\x82\xfeHRR\x14I\x05B\x05\x81`HH!\x81E\xb5h\x13\x11X\x18\x11\x11\x11\x08\xfd\xa3MAX!$\x15\x12|Z\xdc\xe7\x9e{\xee9g\xe6\xcc\x9f\xcf\xcc|f\xce\xfbE\xd8\xf3{\x9e{g&gt;\xf3\x7f\xce\x9cs\xefw\x9a\x00\x00\x00\x00\x00\x00\x00\x00\x00\x00\x008!\xe2\xf9\x93\xfbo@at?\xf4\x88~{-_\xd7:\x00\x00\xc0uY\xdbtX\x8b\x07\x00\xf41\xd3E\xa1\xb2\xd0\x04\xe3\xd4\x16\xa1Az\xf6\xba\xc8\xd7\xd3\xd6\x00\x00\x00\x00`\x03\x17\xe3\x000\x02\xceVG\xf5\xaa\xd6\x01\x00(\xce5\x833\xb3\x030\x81\xa9\xa82a\x01\xb8&lt;\xae\x00`\xc5\xac\x9a\x1aS\xdb9j\x08\x00\x00`(l\xef\x00\xd8\xc2\x8590\x8c\xc1\x86\xf3P\x85\tS\xf5\x1e\xc0`\xdd\x05\x00\xba\xa6{\xe3\xed\xdc\xb2\x06\xccs\xed\xac\x01\x00\x8dq\x1d\x00\x00\x00\x00\x00\xfd\x10\xb9\xe2\xed2\x00\x00\x14\x98=\x085\x1b\x18\x00\x00\xe8\x1c\xbb\x0c\x00h\xae\xd9w\x01\xb1\x06\x00@,\xddy\x93/\x83\x03\x14\\mC#\xc2?\xc0\xda\x06\x9f\x9f\x02\xd0\x98\\\xf2\x8b\x13\x00\x00x\xd1\xfbe\xd0\xab\x8b\xa6~\\;I\xdf\x02!"|{\x04\x00(*5\xa5\x9e-\x8c\xd1\x93yw\x0b\x80pZ\x07\xc0\xb6"7\x81\x0f\xe6\xfe\xf9\xc9\xfd\x1eR\xc4\xd5S_\xb3\xff4M\xd3\x97L\xdc&amp;\x03p9\xf2\xec\xf85\xfd\x1f\x9f\x9d\x1a\xbe\x80u\x1c\xd6"U\x0b;Dz\x1d\xec\xfaW\x00\xdb\x8ap\xec\xdc\xe7i\x9a&gt;9\x7f\xb7z\xf6M\xad\xcb\x9e\xdc\x1d:\xedI\xe5\x1c\xf6\xa0\xee.\x08\xa1\xc8\xde\x18\xb1\x16\xcfC\xd5\xaa\x92\x90\xcd\xff\xf2\xe2\xd1\xf7q\xf6\xbai\xc7nU\x19X\xa5\x03\xd7\xfc\xb0\x05\xeb\xc7~\xbf\xef\x9a\xed\xec\x7fZ\xa2\xc1\x07\xc1\xe4\xa5^\xa6I&gt;3\r}N\xde\xdf}\x0b%\x1f.\x90\xe6\xad*\x03\xabt\xd4\x9a\x97\xdb\xdcc~Z\x19\xdd\xb6\xf2\xef\xb76\xb7\\\xbf\x1f\xd6\xf6\n\xe0\xa8\xab\x9e\xfd\x1d\x98&amp;\xb6\xba;/\xa3\xe5\x13\xcf\'\x8dVGP\x85\x98l\x16\xbc/e?\x07\x8042MSo\x8f\xbd\xea\xba\xd5\x00\'\xfd\x8b\xdbdw\xef\x12\x8fj\xb9r\'Q/{w\xcf\x9a\xe7\xabr\x04Tf\x9d\x1ex\xfd\xef\xbd\x0f\xe67\xcd|\xed\xa9m\xc3\xf7(\xdd\xfd\x05\xd6\x86C\x8f\x8dw\xc1.W\xe7\x1e\xc0S\xd7\\j9\xb3\xba\x1b\xb6V\x85\xf1\xd6y_\x9c\xaf\xf0\x98o}\x9b\xdb\x8f\xf3\xb4\xdcO\x03R(/\x00\xaeik\xf7|\xe4|\xbf\xba\xef\xf2&amp;\xc9\xe5\xee\xedD\x93Id\xfa\xbb\x82U\xf4fO\xde#O\x88\xb7\xb31\xc7\x05\xc1\xc8\x05G\x11\xfaC\xd4\xd5\x0b\x97\x19\x93\xefH\xb8\x82\xd2\xad\x1c{\x9b\xa4\xeb\x1b\n\xcfc\xea\xa9\xd0O\x7fbWbI\x17\x13]\xb5\xc7@\xe7\x83\x9f\x9e-]\x99m\x8cA\xb1\x9b\xcb\xd2]?\xf6&amp;\xc1G\xec\x8f\xc50\x9eB\x8fR\xc485\xaf{\xa2\xce~\xaf\xd9\x1c\xd3\xf4x\xd2\xff\xe0IO\xf9\xb5\xb0\x14\x86\xbb\x985["\xa3a\xe1\x99\xe7\x99in\xb7T\xc3\xfd\x96\x08\xc7\x9f\t\xb8j\x05\x06\x16\xbc\xf2v\xa6Z^\x06\xf5U\xfc\xf5\xf0\x917\x1f\xff&gt;9\xe5\xfc\xf0\x1a\xaa\x13\x7f\xe7\x95\xd4\x88\xf4\xfc5I\xb0\xe6\xe2\xfdh\xbf\x93z\xc5\xe4\x03\xa0\x95Q\x03\xe8\x03\xdd4\xdf\xc5\xeb\xf0\xe8\x8a\xfa\x87\x8adT"Q\xa0k\x99\xa3"y\xa7r{c_s\xdf\xefT\xc9\xa5\xa7\x1aA\xcf\xe8i\xc8\x956\x83\xdfn\xf1}F=\x1a\x001\xba\xda\x80\xc1\xa1\xaf}\xf4M\x8f\xa7\x9c\xd5\x02\xee\xaefbU.``f\xc3W;\xc6\xd4i\xc7\xed4\xec\nz\\\x1d-\xa3&gt;\x81\x01\xe9\x8e\xe9\xcdw\x90\xb5\x9a0r\x1e\x82l5\xcb\xc9\x07\xdb\xe4\x0b\x00\xa6\xc5~\xa6\x89\xedj\x13T\xfb0\x1a\xfc\x8b`\x80S\xe4\xb4\x92\xf9\xad|\xccb9\xa8=\xc0\x96\x01\x86dB\x11\x98\x89\xb4\x84\xd7$u\x9e\x8f\x0b)(+\xd7\x9f\xe8\xa7\x80:\x86\xd5E]d\xe5\xbfH1\x81L\x8c\x94h\xd4\x98:\xf9h\x814\xc3_\x99qEL_Xc6\xe9\x0e-\x16\x8d^&gt;\x98\xac\x05\xa0ig\xa0+"S\xf7]\xa8\xfb\x02\xc0\x00Y\xfd/p\x1d\xddO\x9f!\xdb\xb7\xee\x0b\t\x008\xc4E\x00T\xd0\x8f\x00\xa03\xec\x00\x80|\x8c#\xf4\'\xfc\x16n\xef\xdd\x9b\xcf\xef`\xad\xeb\xae\xf0\xea\xd6\x01\xe0Bn\xf3f\xce\x977X\xd0{\xfc\xd0Eo\xc0\xe0j\x7f%=\xfbkd\xabv\x99Fw\xb5\x85\xf6\xa8/\xf0T\xe4\xf6\xa2\x9c\x06\xa2q\x11(\xa1\xab\xd0\xbb\x90(\xad\xe3\xb4\xedo\x8a\xdd=b\x01\xc8\xcb\x94\x01\n\x15\xeb\xae\xb8t*\xcb\xbd\x8b\xc5\xc94\xd9i\x1d\x91\x8eA\x8a\xa1\xcal\xdb\x0e\xd3\xeb\xfc2\x0b\xf9\x98\xee\x8dU\xd7&amp;\x9e:\xe1q\x03#\xddA\x0b\xcd\xf3&lt;M2M\xf3\xf3_\xb9m8\x12\xb11l\x8c\x84\xd1\xaf\xd2\x15\xd8E\x03\xf1\x14P\xa2\xd5\xdc\xbf\x9d\xde\xb7\xad\xce\xec?\x16+\xcd)"\xec-2\x94\xae\xb8.\x1a\x86\x7f\x11,\x85L\x8f\x83\x00\xd7\x00\x9c\xe7\xf9\xe5o\x03\x9d\x08\xc1\x10\xa6\xfe2\x84\x93O\xf8\xc5\x1e\xf4\x1b\xbc1`*\x98\xe6\xa8\r\\\xd3\x157\x119gs\xcf{\xff\xd0d\x1e\xf3\x0bW\xec\x00\xcc\x18\xf9\x08\xc8\xb5\xa9\xcb\x9a\x82W[\xc5\xf5\xb61\xfcZ \'s\x00\xa7\xc41H\xb17\xf2\x020\xc9\xa7\x95\xd3;\xeaL/_op\xf0\xfb\xfb\x0f\xbaA\xa0\x11\xcbS\x89\xb5\x03\xc6\xb6\xd6\x97\xd9\x9bKnjic\xe4\x05`\x9e_)\x9d\xc5\xedA\x8c\xe9\xf8F\xefo\x88&lt;\x1d\x195A\x87GwX\xcf\xaa\xe1D:\x82\xa7S\xee\xcf\xf6]/\xaey\x17\xa0\x8b\'\x91K\x13\x91\xd3:\x0fy\x8d"\xf5\xec*\x7f\xcb^\xe9\xea\xaa\xdc\x1cW6\xf2\x15@+\xfe\xcdK\xcd\x8d\rch\xba\xc6}\xf7\xcae,\x9d]GMf\xf6s\xc5\x81\xba\xa9h\x0b\x027\xf5\xa7]\xa1\xa3\xfe\xed\'"v\n\xc3\xb6qx"|\xf8A\x19\xd5\x19a?\xb3{f\x1c\x0bG@6q0\xa5n\x8c\x7fh\x01\xf5]\xee\x08\xe86T\x12\xaf\xd6b\x06\xd8\xe3\x93\xc0\x96X\xb8N5W)\xfd\x9b\xe7\x99\xd9\x1f\t.\xb7\x00L\xd3$\xf2=io\x8c\xfd\x92\x1f\x83#\xd2\xc2,\xd1\xe9i)\x8a\x92\xcb|-\xd9\xf2\x8c\xd3\x98\xc3`\xec\xe1\x1d\xfe\x9d\xcf\xf2\xb6\xe9Oc^\xbf\xf8\x07\xa5P\x8f\xa3*\xd9\xed\xfe\xb3X\xca\x18X\xf2\x8c1\xf6T\xd3\xab\xe1[%jN\x1f\xf2\x1f\t\xe8\x85\xfd\n\x0f_\x8f\xed\x97\xc5\x8e\x9au%?\x1a\x9d\xb5\xa9\xa64p"\xd0\x9bM\xfb\xf9\xcf^\xf9W\x01:\xc2sD\xc8\x142\xdeMu\xb3\xb2\xf7\x00L\xaduZ\xf6\x0f}\xba\xbe"\x82\xd9\xdf\x94\xeb&lt;\x9e\xdb\x97\x9c9\xc2\xf2\x0c\xd3\xc5s\x80e\x17\x80y\x9e\xed\xb6O\x86\xfd\x13&gt;\xcf\'=\xdf\x10u\x95\x80:h\x05\x9brZ\xc5Z\x9b\xd6\x8fg\xb4\t6\x7fI\xafy\xda\xee:\xe2\x97\xcf\xf2}&amp;\x973ds\xbf&lt;\xaf\xa2q\xb4-\xf2\xeb:1\x19p\xf2\x00\xc8\xd9,\xb4\xf9S\xc2CA}w\xb6\xbe\xa3?2^\x89\x9a\xeb\xaeB\x87\xec\x03\xea\x85\xaaPK\xf6\xf7^""\xef{\xfe\xcf{\xcc\xa6\xe3v1^\xdd\xe8\xd1i\x972\xd5\xe7\x18\x02f-s\xeb\xdf\xb6\x8ed\xb1\xbf\x02\xe8\xbb\xff\xd4\x8f\xbe\xef\xfa\x82\x06\xd1\xf8`3\xfd\xc8\x94\x12\xada\x7fz\x95\xbf\x1c\xeb\x1f\x0e\x97OT\xc9e\xa8:C\x16z\xc2\x18n\xadx\xcd\xd6\xec\xb8\xd4\xcc\xc4\x00\xe0\x11p\x93\xfc\xf9\\\xa8d0\rT\xfdx\x9e\xed\xf5\x88\xf5R\xe4\x17[\x87\xa0C\xc4zgC\t\xb1\x8d\x1e\xf4\x18U^\x16x\xc1\xd1\x90}\x16\x1aH\xe3\x81\xe3\xf3\x07\xfe.e\xfb0t|\xb5P\x93Ci\xd2\x9c\x0cHu\xf7\x87\xc1\xd5\xd2\x19\xa6\x81\xfa-H\xa1\xc83\x93\xed\xb7&gt;\xf7\xa2\x1e\xeb\x1c\xa9\xe0\x8d\x8d4\xbf\xa0\x1c\x85+\x00\xc6m#\x96\xab]\x1e\x1b\x9d\x88C\xff\xdb\xae\xd5p\xb1`\x80\xe5~\xdf\x9d\xa8\xca\xa4\xe6M\xb1\xdc\x1c\xe1\xdb\x82rg\x15\x96\xebG\xc1\xe0\xc53c]\xcb\xbe\xcf\xb5W\x08\xa5)\xfa\x9b5\xb1\xed!\xf2z\x85L3O\xb7\xb4\x13\xf4\xe5E\x8f\x85\xae\xc3.\xe5\xf8e\xf9h"1\x1e\x90O\xff[1t\x93\xab\x98\xf88\xa8&amp;\x8f\xf0\xfbW\xb2\xfa\xdf\x94\x8c\x82W\x17\x0b\xac\xc6\x05\x05f{]\x14\x1eN3\xe1"\r\xb0\xfe*\xab\xf4\x14.S]\xc6\xb5m\x84\xcb\xf6\x01\xf5\xf9\x9a\x01u-*M\xdd\xaa\xc7\xf4u\x05\x80\xabQ\x9e\x9a\xd9\x9b\xafu=s\r\xec\xb0Bo\x1f}\xd2\xcf\x8b\x05\xa0&lt;\xea\x13\x80\x8f\xe7\xdbH\xe4\x07+\xc7\x02\x9c\xfb\x9b\xd6\x01`K\xf16 \x00xh\x9d\x1f\\v\xf6Q\xfe7\x81\x93\xeb\xd1\xda\xbf\xed\t\xa0\xbe\xc0\xcf\xd0&gt;^|\xd9\x99\xdb\xac\x01V\xd3\xcc\x07Z\x14#\x81\x1f7\x0f`\x8d\x91\xeeW\xfbV\xb3\x91bC\x85\xcd\xe7\x14\xf61\xb1\x00\xa0\x1c\xc5\xde\x155\x1d\x87&lt;\xc1y\x9a\\`\x86:G@\xb7\x9c\x18x\x8a\x0c&lt;+&amp;\xf7H\xe2\xdfY\xee3\xee\xcf\xffy;9&lt;\xfceN\xb2\x80\xcba\xef\xd2~\x86_\x82\xfa\xf0Y\x9e\xb5\x8f\xd5\x99\xff\x87q\xfbF\xd5\xb8mK\x81\xd6\xdf&gt;\x95\xd4~Q\xc4\x982{U\xf6\x07!\x9fR\x08L\xed\x12c\xe1\x02E\x84\xd3%\xbax\x12*\xa6\xa1\xa8n\x19r\x983\xad&amp;\xfd\xca\xdf\xe2\xa0\xfc\x14P\xa0\xbe\x06vW\xc1v\xa3\xaf&gt;`\x8aL\xd3\xe4\xbd\xba\xa7j\xdb\x92i\x92\xaf~\xf9\xd9u\x98#""\xaf_F\xc1\xf2\xb2\xa8c\x1b\xcf 2=\xbeL\x07\xa7\xea:%\xcd\xc4\xf1\xce\x06\xb5\x91\xc6H\xbd\xe5\x04\x11y\xf4j\xa2\xbc\xc7,\xc7\x861\x8c\xda\xc5L\x0f\xec\x16|\xbb\xdd\xb7(}"\xec,\xa3\nb7B&amp;\xfa\x89+\x06\x03\xa1ap\\:\\\xc7\x15\x9a\xb9\xcb\xce\xcc \xc4)z\xc8\xd8.\xd8\xbe\x8f\xe7v.Y\xfc\xfe\xd0D\xf5100*\x11y\xd3\xfd\x87\xe4\x14z\xbd\x91\xdb#*t04(\x00@\xc1\xa8\xcb\xc9\xfa\x13Fm#Y\x04\xc6\xd10`\xf9\x0b\xfd\x03\x83\x7f\xe7\x10\x02\x95\xd9\xecpvf\xa2+0\xb8\x00\\\x13wJa\xda\xef\xd7\xca\x88\x81\x804C\xf6\x1c\x952\x19\xaa\x99\xcdW[$&amp;\xa2\x15\r\x82\x19\xeaC0\x8f\xdeR\xd4\xfe\x8b\xb0J\xe4\xa2\xf9U\x10\xab\xaf\x0f\xf3}\x91d\xe0w\x8c\xf1\x0f\xc4T\xd0|\x0c7\x0f\xc0\x88\xc3Z0^9\xd7\xfcG\x9c\xaa5\xca\xb6z\xcb\xd4\xf6\xabK$\xba"\x9b\x99|\xa9\xbc+\xf6\x1d\xf3\xea\x0f\xe9kN"{\x87\xb5\x10U9"\xd5\xbf\xfe\xf7b^\xa6\xfeF\xb5\x1c\x9b\xeb\xfe[\x86*IX\x1fK,\xa9E\x17j\xe3[\xb3pv\nb%\x8en\xd9i\xca\xf1\xf4X\xb7|8\xb7\x88\xd51W\x8b\xdc\x9b\xe4\n\x941\xfc\x0cu\x95Y\xf8\x1a\xa5\x9c&amp;&gt;\xf3\x8d`\x15\xfa\t]q`*\x8dK\xffxq\x9d%\nZn\x0f\xb3i\xa7\xd9\xf4\x9b&amp;\x03_\xc6X\xa9nS\xe3\x9eK\x87\xa8\xd6\xa1)_H\xcf\x8baH+\x96\xbe\xd8\xdc&gt;\x94\x96\xf4\xae\xee\xf4\x1e\x7f\x9a\xe4\xbeT\xa8\x0f\x8a\x98\x1e\xbc\x95;\x89?\xbb&gt;\x0e\x9d\xecGh\xcak[\x07\xb0\xd7\xdd}{\x84\xdbL!\x06\xbe\x1f\xbf\xfb\x8e!\xb5&amp;\xbd&gt;\xaa\xab\x83\x10\xf5\\\xaa\xb0=\xa2\x81P\xda\xba\x8f\x05v\xb7\xfe\xbae\x1f\x8bOu\xfb\xfb\xc6\xd4R\x94\xd2\xd5e\xad9\xac\xc5\x03\x04\tyB\x92\xce=\xf5|7\xa2\xa6\xcb\xd6\xd2E\xc6HB1\x9bo1?\xda0\xef2\xf4?$&amp;\xd34\x89\xf0\tO$\xe0\xe3\xacp\xb9M,\xb7\x9fc\xa7\x97\xed\x17\x12\xa4\x05\xb0Z{\x98\xdf|.\xb2\x85\xc9D\x1d\xed\xd5\xa9\x13\xdd\xfey\xdb\x96~\\1\xc5\xf8\x00\xdae\x9e(\xf9)#\xf5Hb\xd3/\x17A\x8f\xedx\xac\xc7r\x04\xd6~\xd7\x8d\xd4u\xf0\x8a\xa8\x87\xe6h\x82=j\xa4\xa5\x9c\xe3\xc5\xe6G\x93\x81\xae\xf91fO\x91/X\x1bW@\xb3"Z/\x93x\x9a[\xc9\x06. \xd0\\\xe6\xf8\x1as\n\xea\xa5T%&gt;\xf7oM\xa1o\x17)]k\xb1\xe9\x17\xedr\x83u\x911\x8a3\xcc\xc8]\x8a\x11["\xbb5\xd0\xcb\x02\x80@\x87\x0b\xc0xM&lt;\\\x81:s\xda\xa3z\xf9lMT\\\xcbP\x8a-\x8d\xc5\xe2\xab\xfc\xc3\x90\xe8\x82\xa7\x8d\xfd\xed\xff\xaf\xda\x91\xa0w}M\x18\x15\xe6\xb7!7X\x165\xff\xce\x93\x86\xb9\x97\xa3^\xaeQ+\xaa!\xaa4\x19;\\\xe8\xb8\xc2M\x884\x9bJ\xf9\x836QD\xe8\xae\x15\xe9w\x00\xa0\x80\xc9\xb4\x90&amp;\'!\xe1\xf9\xd1\xecUQ\xdd@\xb8\x82\x8fE\xfd\xa1\xdd+W\xa3a\xe9\xb9\xdf1\xb6T\xd0:\xd1\xb8r\xb1\xf0a\xf1Vr&gt;\xc8\xa6\x1b\x89\xba\x86\x11\x9a\xaf\x9b\xc6\xda\xde\xa2lpM\xf0G\x8d\xd7\x95}\x91m-\x03ig\xd9Z\xd1WX\x00\xacT\xb4\x9e\xf1J\x94\xcf\xb3\xc3\x08yB\xd1H\x95\xd6\xda\x8d\xd1\x85\xda\xb3\xd2\x00\x87\x0b\x94\x88\xc8\xff\xfa\xdeB\x07BC\x07\x9d\xd6\xf3\xe2\xb3\x89\xf5"\xfd\xd9x\x19\x0bE7\xd8j\xa7\xfc\xa5\xa6/U3\xcf\xcb7B?}\xaa\xc1\xf1%\xaa\xb7w\xd9\xff\x86\xd5[1\xacGi[\x93/|\x96\xb3\xef\'\xdf\xf4@y\xfc?\x99\xe7y\xf3\xc9\x9c\xcc\x8e*cu!\xb3\x83\xd7l`%$w\xaaW\xe9\xc6\xf1R\xdd\xeb\xd1\xb2\xfe\xab\xff]\xe6\xcd\xd34\xb7\xdb\xf8\x8c\xb1\xef\xb0\xdc\xd4\xb2l\xdeo\xff7\xdd\x8fV7\x1f:\xcd\xcb%\xa4\x02\xfajk\xdd\xf1\xdbW\xd9C\xd4(Q\xea=Q\xe5\x05`:\xea\r\xf3]\xd4\xbb\xeahp\x13i\xb4\xeem\x97L\x93\xc8\xf4\xa1\x80W\xee7.\xdet\xa5\xf8!\x8f\xe5urEl\xff\x0b&gt;\xd5f\x15\xff\x81a\x850\\Y4\xdb[_\xe2\x10\xd4\xebWZ\x07\x80EHg\x94#\xfe\x97\x15\x88\xf4)#\xe5\x04u\x93+&amp;\xaa\xe0\x9e\x86\xb0\xf0l\xd2\xa5g\xc1\xf0Qw\xf0\xfb\x02\xf1T\xd6\xa4\xed/\xdd\xe1\xe2\xad\x07j\xd8\xfc?M\xeb\x93\xa2\xe7D\n\xc5v5\x9b\x9d\xd3\xe9\xfc\xdeWE\xf5\x14k\xb8\xe4\r\xd1\xc0\xcfK\xb0\x00\xb4\x92P\t1\xf3\xff\xd3[\x92\xc2\x0b\r)\xe1O\xe39\x9c\xe8[}\xf8\xa0U\xcd\x97\xcbW\xe7\x1e\xc0&lt;\xcf\xb1G\x81\x03O\xfd7\xae\xd37\xce\x8e\xbbq\xd2R\xdf\xb6zaT\x9b\x06\xbd\xf8\xe5!\xba\xa1\xc7H\x88y\x9e\xf7s\xc5\x9cw\xba\xbd\xaf\xd5\xdbo\x96u\xc5U\xed\xad\x8e\xd4{yL&amp;B\xb5\xb3Tk.Xd\xe3D\x1cW\x00G\xad\xf4\xd8\x90N\x93\x88|4%\xbb1[\xbf\xa3rU\x1b\x83\xc9\xb9T\xab\xcc\xf6\x0b\x8b\x9c=\xa3\x8d~u\xd1\xb8\x9e\xc1\xb6\t~\xf9@\xc0&lt;\xcf\xf7-\xe3\x88\xbb3(\xb9\xf5\x7f\xcb\x8fJ\xe9?\x06\xba\xe7Y\xcc\xba\x98 bu\xb3\x11B\xac~6\xb9hk\xddQ,\xcfpj\x0b\xc0\xba\xc0\xbbg$BwXE]\xe8\xaa\xca\x00Q\xfd\x1cf\xbb\x9bo\x9b_\xdc?*\x1c\x19O\xf3\xe3\x11\x95\x00\xd4\x0b\xe1\x9b\x1a:\xf7\xa9\xfb\x0f!5\xdf\xbc{h\x92\x8aGlE\rP\x84\x86:\xaa=\xc7\r\x80\xe3[\x01"\x93\xc8k\xa7\xc8~\x1e\xf8\xca1\x06\x8e\xdf\xfa.\xeb`\xdf\xab\xb3Q\xa2`\x9e\xfe\x91vC\xb5\xc0\'\x81\xef?t\xbd\xf4\x19\r\xab$\xdd\xb6hr\xb2\x97V\x84\xb8\xcf\xa8\xff\xd34\xcf\xffq?\xff\xd7\xc9b\xf32\xff\x83(\x87*tW\xad\xde\xf1\xf8\xc2%\x91yN\xec\'\xd6\xe6\x8d\xc3\x99\xb7\xc4\x00p}\xa1\xc2a\x85\xb4\xac\xa5\xd3\x9cm5`$\xe7G\x84z\xde\xc1u\x11\xb7\xa7zs\xb6\x93!{\xff\xc3\xec\xd4\xcf\x82\xccv\xa1BQ\xa5%\x9bP\xed\xe5jU$v?\xa0\x1f@\xda\xf6\x7f*w\x13\xf8t\xf5\xeb\xfc\xa0&lt;\xe2\xae\x86\xc5\xd1|$\xadE*\x97\xee\xfb\xdd\x1b\xc6\xe4\xed\xa4\x87\xfbr\xdb\xf3G\x9f\xd3\x08\xf5\xee\x9a\xa8$S\xdc\xed1\xff\x84w\xdd~xM\xe4\xeb\xb5\xac\xe7\xdb[\xe2\x15&amp;\xb4\xb03\xc4\xf2q\xa4\xf9\x17{\x17n\xd5\\\xb6\xe0{f\xab"\xf0\x1a@\x9e_\xb9~{\xd5p\xbd\x96\xd8\xe2&gt;\x9f\xe6\xfd\xecq\xb9M\xf4&gt;eS\x95\xe9\xb2\x0fr\x1ftf\x95\x1dd\xe1\xfab\x8cw\xf4Piq\xc7\x9a\xf2\x81r\x91\\\x87\xa9n\x91\x10L\xb5\xf8\xc5\xb9\x06\xfc\xf0\xed\x05?\x7f\x7fj\xa5\xe8lhS\x85\x05@\x9en\x0e\x17\xcck\xf3\x83f\xe2G\xd9\x85g\x142\xdd_\xaa\xd7\xb54p5\x9b\xedCZ\xb3\xccz*\x89{c\xc0\x13Ak\x99\x11\xf6\xa5\xc8\x8c\xb9\x9a\x8e\xef\xad\xa6\x9e\xc9q\x8e%\x12\xfc\xa4\xf35\xbf\x9d\x9f\xb8\xefe\x19\xef\xed\xfc(&gt;\x8f\xa8&gt;\xabn\x99\xac&gt;p\'U&gt;|w\xeb}Q\xd9\xe8~`R\x92:w\xf8\x04\xd1\xf0_\xb0h\xf6\x84\xd5&lt;\xcf\xda\xcd\xf4\x92x\xad\x99\xa8U\xed%8\x1cA\x87\xf1W\xab\xbd\xa1\x94\xb8\xaa\xedqgWB\xef\'$\xae\x1d\x7f\xdf\xa5\xca\xb6n\xd6j5\xf1\xc8\xb1N~M-5\xfc\xfe\xe8\x03\xf3\x81\xaa\xa7f\xdf\x1a\xaa\xe20:\xf9\xa2\xd6\x01\x9c\xdd(V\xcf\xeeR#T\xee\xeb\x9c\xbc\x925\r\xaa\x1cTFxS\xf0+\xad5\xe6\xc5:\x98-T}\x9a}\xbd\x89\xfbO\xf5b(\xb3\x00\xe8&amp;\xd8\x8b\xfc\xca\xb4Xub3,\xd8[\x98{T\xad{\xafs\x11\xd9~\r\xd7\x12L}Eo\x14\x9b\x15\x1e_\xc4+\x87\xdf\x99\x8a|A\xeb\x10`Z\xec\x008}\xfd\xe0#*^\x85\n\x19\xb8\xce\xd5\xd7\xfb\xcd\xa4/\x83-\x03}\x95c\x9cz\xbf\x8c\x84\x9bf\xb4\xf2!\xfd\x93\x1c\xdd\xe4Z\x18\xa0\x08\x8d\x85?\xd3jvX\x9a\r\x0c\xa7\xea\x9cY\x0f\x89\x8a\xea\xd1\xf2\xdcZ\xeb@\x82\xd9\x8f\x95q\xb0Am\x8cg?\xdd7\\\x00"\x0f\xcd\x0bF\xd2\x9d\xcb]\xe3^\xa6\xa0\xediu*\x91\xcf\xe8$\xf4\x94&amp;3A\x10q\x0c\x19S\x95w\x18\x8c\xeb\x83\xafWh\xf7\x91\xcbX\xff3&amp;QlF\xd5\xb5\x86Uj\xa75\xedD\xa2\xc8\xc8tl!\x86@\xe1\'\xe4\xae\x17\x1fn\xf9O\x93\xad\xf1o\x02\xc7\xb3\xf8\xc1\xe6^&gt;A\xdeV\xd4\x80+]\xa5\x9e\xdeo\xa75\xedD\xa2.a\x19\xd0\xfd\x04\xd3\xed\x1fd\xef\xc3\xd1\xd7b\xef\xeb!\xa4\xaf\xb4_\xf6\x8c\xac\xff\xd7\xf1\xde\xd6\x01`\xc3\xfe3|E#\xbb\x95&lt;a6\xd7]\x00\xda\x1a\xa0\x08\x89\xd2Jn\xbc\xd5\xcd\xc6&amp;b\xeb\xdc\xd6\xafZ\xa4\x9eY\xa4\xfe\xe7f\xaf&amp;\xb3Z[M\x05f\'\xae\xf1\xfb\xe90\xcb\xbe\x8b|G\xb1\x94\xbb\xaa\xb7j\xa1\x86T\x8b\xe7\x1ecG\x13\xd0y\xb2%\x12\xad\xc8x\x0f\xb7\x1c[\x1b9g\x7f\x85Bj\xae\\\xd1$~\x83\xd0\xb0\xaam\xde\xf8]&gt;}\xd2\xb6\x07\x0e\xd6\xff\xb5\x8a\x13\xf50\xa8J\x8e\xb1\xd4J:V\x07\x883\xf6\x020\xa4\x84\xf6\xea\xb1\x89{\x8c\xd9\x02\xea-V`}-Se\x075\x1c{\xffg\xf5\x9f\xcf\x7fU\x8c\tJj\xf6?\xf9pnvi\xef^wK\xdd=\xca\xd8]z\xec\xd2\xd9\xd4w\x9do\x86\xd6z\xa8\xa9_\x1c\xb4\xad\xa9\x0b^\xeb\x9c\x96\xd6_\'%\xf6;\x879\x86\xfc\xe6\n\xaeYjT\xe5\xefdcw\xc0\xb1\x07X\xbfe{\xbe\x06\xcd\xbc\xe0\xf8Tv88w\xd8L\xe3\x8d\xaf\xfd\x95\xa8\xa12\x96zz\xc1N\t\xa7iJ;\xf2\xb6W\x8a(\xd2I\x11\x14\'n\x95\x14L\xa9\\\x9c\xa2\xd9\xd9\x9a\xf8\xee\xea\x1c\x0c\xae\x8f\xfe]9\xc6Fb\xf3\x93\xc0\x0f\xea\x8390\xc1\xc3*N\xf8\xd0f\xe6\xa7&lt;\xeb\x0f\xddm\x8e\xabO\x19\xe8\x86R\xaeh\x9ef\x12\x11\xf9\x89i:+\x8b+\x05\x9b\xb3\xcf\xa9\xca\x1f6\xce\xcfN\xfe\xc7W\xd55\x8b\x13\xd2\xdcZ]\xe2\x1d\xd34\x85\xcd\x18\x9e\x1a\xe8\xfb\x83\xe5\x9b\x8a\x94v_g\xda\xe5@\xcf\xf0N\xef_\xedWFH\x80\x15.\x9b\xedWT\x1d\xf95\xad\x92B\xce\xdb{\xd4\xc7\xac\x15\x15bB?P\xa9\x84\xe65\xd9\xe4\xf3\xbd=\xeep\x93\x8fCK\x94\xb4P\x05j\xa5\xd9K\xd3\xde*\xf1\xe5\xb8\xa3u0.6G\x8a\xc5\x986\no\xc1\xb4\x16\x00\xa3\r\x9c\xe9\xe4\xc6{\x87\x0b@\xb2\x12e\xbdN\xed\xa9\x089\xef\x8eN\xb3\x9f{\xc2\xfes\xfc\x84\x8d\xef\xfa.qfl\xbdR\x9c\xc2\x86\xacB\x7f\xddXX\x00\xaa\xe5\x1fR\xd4\xe6\xb51\xb0~\xebV\xf3\x96\xafc\xb9\xb20\x12S4\x0fz\xc8\x9d\xfb\xa5\x0eC\xfb\x8a\x16]h\xde\xa9\xee\x9b\xfa\xed/\xd5\x03k^\xd2\xf6\x1b\xe7\xf6U\xa0*\x7f7p{\xaf\xf1\x13\xd5|""\xf2\xc6B)\xbfn\xfd\x9f%\xf2p\xf8\xfa\x8ay\x8d\xca\xec\x84`5\xae&lt;\x81\xcfcL\xcaWR\x8f\x94{\xbdzr[J\x94S*\xb9\'\x95\x1fF\x17\xd6\xa1\xaa&lt;\x91R\xb9\xec\xc6\xafe\x15\xab\xb7\x90\xf5\x9c\xd04\x10\x1c\xb1\xfc\xf1"kaI\x81%\x13!\xa4\xca\xb2\xe7\x1a\x0b\x1fU]\x06J\x94\x81\xfe\xe8\xc2P=ay;i60\x97\xca\x95\xe9\xc9\xabB\x18\xf5\x0b\xdb]\x7f84F)z\xd1Km[\xff$\xf0Z\xb5:=\xfc4\x9d\xc8\x97\xd7\xc9=\xdcR\x1f\xf3&lt;\x9b\xf9\x04`z\x18\xa7\xed\xbby\xc1\x9b\x93s\x8aa\xa6bs\rS\x90.\xd4\xaf\xed\xf6\x87\x04\xbf\x15\xf3\xe2\x84\x8dU/\x8b\xea\xa9\xbe\n\xb2\x8f6&lt;\xfcB\x05\xad~\x1c\xdfG{e\xde\xe0Q\x8c\xa4f\xe2\x819Z\xb8\x8e\xf3&lt;\xf4Y?\x18[ng\x9d\x9e\x9a\xb0|\xcf`$\xc6\xeb\xf9\x83\xcf\xff\x99\x16h\xfe\xfd\xf0|"\xdf\x12\xf3b\xe6\x88\\f\xebp\xb0\xa5\xd7\xc7\xdf\x06g\x7f}\xbd\xad\xc2\x8c\xcbl-k\x8d\xe1\xfbn\xe3\xff\x92\xc3\xd0\x88!"\x91\x9c\x82\x9bm\xcd\xca\\\xbbo\xb5\xf4#\xb3\xceO\x16\x1d\xf8X\xbb\xac\xa5E\xefq\xf5u\xadI\xb3\xc5\xe3\x98F\xcfU\xc2\x19\t\xe3\x94\x85\x93"\xa0\xa0&amp;]\xbcZ\xa6\xc5\x1f\x97\x0c(\x8b\xa9!\xdd*\x18i\xb4X\x1awpc\xa0I\x1c\x03\x0b\xe9pcw\xcd\xbaO(\xaa\xe5\xa8\x12t\xe9\xd3L\xe3\xf7\'\xb4\xe4?\xce1\xf0\xf8\xcaqv\xfe\\3\x96\xa3\x18\x1a\xe7\xaf!|\x01\xa8\x10\xccE4\xacL\x7f\xd6\'\x7fU\xcd+*\x1d\xe3\x97Dc\xef\x90\xb0G\x8b\x8f@\xe4\x17\x8e~Y\xfb\xc0\xbaf~y\xdfP\xd4\xa6\xc7\x17\xca7p\xeb\xa3\x9eo\xe9\x94/\xa5\\\x8f&lt;\xdd\x0c\x85\xdf&lt;\xb3\xb8Tx\xaf\xad\xf4\xf32W\xfei\x9a\x1a\rB\x91o\xdd\xc4\xd0\xcb)y\xabVl\xd8\x7fT\xb2\xf6\x9fcd&amp;\xde\xb5\xf09\xd4\xf5\xb2&amp;;\xf1Mv\xfe\x19\xdf\xec\xecwl\x13z\xdb`*\xa8_\xc6M\x87\x08\x99\xfd\x8d4D\xdb\x93+;\xf5\xb0\xe1\x9b\xdf\xc3^\xd6\x11\xdd\xcb&amp;\xb3u\x12\xfe\xb9\x93\xc3K\x81nf\xd1\xa3\xd0mG&lt;\x84\xf5L\x960\xa2\x9a&lt;-\x9a)\xe4n\xb0\xe2\x95\x10}\x18\xf9\x92\xf7\x1c\xdd\\\x01X\x0e\xae\\X2M\xf2W\xc5R\x1f\x91\xce\x13G\x1a\x89\x1c\xa7|\xb8\x05{\xa5X~\xee\x18\xcc\x8e\xa6kJn\x8c\xccV\xdc\\\xe2\x9f\xdcN\xd8\xbd\xa0^/R_\x00\x1a\x9e\xd5\xc6\xbc\xf8\xc7\xca\xad|\xf5\xaf\xfa\xd329}\x97|\xf6~\xf0\x92\x92|)\xe1\xc1x\xc6\x95\xb1250^\r\x1cvU\x0b\'\x87!\x01l\xfe^u\x01(\x94`\xa1Y\xe94\xdf\xc0\x17\x17\xea\x162M?\xa0\x9e\xe8i\xa6\x85\x9f\xe5/\x97\xb8\x96\xc3\x10\xfdM\xdcE\xb9\x8aj&gt;-&amp;\xff\xd5\xf5\x16\xe3\x0b\x80\xfcH\xc3(j\xe9e\\\xf5\x12g\xa0\x8eJSb@\xbaneY^\x00\x96\xdb\x8c\xfd4]=)\x0b\x80\xfbfl\xf3:n\x1e@=\xd7)i\x05M\xfaM\xe9L\xab\rH\xfb\xa7\x91_S4\x0e\xaf\xf3C\x89:qx\x02\x88\xef\'\xae\x05@/\xa8qiUSl*\xc9-4\xc6\xad\x8b\x0b\xaa6"\x19\xfc\xa7*\xd7Ox\x8bh\xb5\x1d\x1d\xa0\x94\xc1F\xd7H\x85\x89*\xc9\xf7\x95\t\xc0w\xf6\x12\x9a\xc8\xf1\x0b\xc3\xfb]\xbf=\xb4\xd7\xb8\xcf\x0c6i\xf8]\xa7\xa4\xdd(\xd4$\xe3\xb5t~\x892S\xf0\xce\xfe\x11\x1f\x05\xe8\xaei~yz|-h\xebX\xf4\rV\xaa\xb1Js\x01\x8a\xcde\xed|9\xe7\xe9\xa9\x8e\xbaq\xec\x1d\xbd\x9e\xca\xb6\xd2&lt;\xec\xd6\xf9+\xa8P\x87\xcd\x9b)WT\x01\xac\x95\xb6\xf1\xa3]\xad\xf2=\x9a\x00\x8d&lt;\xeaP\xc1\xbe\xa4\xe1\x07JW\xa8\x9f\xb6LUrT,v\xc2\x06\x0e,\xdd\xd3\xd5\xabM\x8d\xbd\xa2\xd6%-]\xe0\x84*\xf57\xc4E\xda\xa8-\xff-\xa8\xa3\xd7?v\x15!o\xbc\\\x13\xdej\xe7\xf3\xad\xc3\x98\xc6\x9d\xe66\x1b\xdb\xc3=~H"\x19\x01$\xbf\xb5\x81j}\xe0\xb5\xb7\xecb\xder\x18\x9b\xa7e\xab\xb9u\xaf\xa8;(q\xe9\xc7\x87T\x88g\x96p_@\xbf\xfc\xe0x\x97j|\x06\x85\xf4\x0c\x0b3\xaf\xee\x02p\xbaY\xab\xb6\xde\xbc\xe4\xf4\xe3\xb9\x89(\x853Mu\xc7\xb3\x81\x9eU\x84L\x93\xbc\xe6\xf97\xd2\xec\x8b\xfc\xa2f\xff\x93\xa4\x926(\x11\xe9\xbbG_\xc8&gt;\xfd|P;~\x9f\x10g\x8e\xd8+\x95R\xeco\xab[\x85w\xb2Bhf\xa4\x93\xa6\xa9vl\x1e\x8b\xc8\xcb\x84[;\xdfG\x00q#\xab\xf4H,\xb7\x00\xb4M\'*\xc7\xe8+\x9b\x92\x9f7\x12\x91/.\x90K\x11\xefj\x1d\xc0Fr\x95E\xdd\x1a*\xda,\x8e\xab\xd1\x9c\x93\x1c\xf3\xdd\xa80O\xf9E&gt;V/\x8ex\xb2\xd2:\x96-\xf1\xfegb\x9a\xf7\xb2\xe6\x14\xd7\xbf\xd9w\xe4X\xa9z\x0f\xb3\xda\\\x87m^`\xb0\xe9\x9f\xb4\n\xcf\x7fB\x17\xeb\xbf#\xf2\xad\xbd#\xdb\xf4Q\xad\xfb.q\xfbP\xa5L\xa7i\x92\x8f\xe8\xa5\x15\x92\x9d\xf1\xf1s\xe6\xa5\x9f[:O\xbf)\xf48\x8d|\xe0)q\x89?\x8bv\xbd\xd85r\x8b\x1e^m\x97\xc9\xc1\x9e\x05h\xbb79]\xbd\x0b\xc5\xd6\xea*\xf5\xe5\xb0X\xedZ{\x9a\xce\xa6\x95.;\xa5\x01\x1d\xd5\x9b\x95C\xe73\xa7!\xca\xfdN@\xfe\x84\xa0\xb9\x00\xec\x8ew\x96\xdf,\x01k\xe5\xd5@\xdb\x8dIx\xd6\xa7\xebT\xe4C\x1d\xb5\x9b\xad\xfeB\xdbs\xaf\xd4w\xbcs\xac&gt;z_\xa6\x0c\xbd\xd4\xf2\xfbU\x85\xb1\x10&gt;k\x87\\(\xf4=\xe1\x1a\xd4K}\xea\x86\xe9*u\x85\xee\x15{tC\x8f\xef\x8b\xe25\xd9iRQ\x13\xa2&lt;\xa7\xb9\xd9\xc9\x06\xe6\x9e\xd0\x17\xd7!\xaa\\\xee\x97\x1e\x14\x8c\xb8J\xba^\xcd\xd3bW\xd9\xc2$\xa4\xa0\xb2[4\xe5\xe5H\xad\xcc\xcd\xc6|\xae\x1b%\xe1\x07\xd6oU\x8dg\xc9\xeb1\xef\x9f\x05\xa0x\xa5\xb2\xca]-\xcd\xc0\x94r2\x1di\xbcX4\xd8\x94\x14\xe2\x82EN\x133\xc23\xb2\xa8\xde\x14vZ\xbf\xce\xc5\xee\xa6\xc3\xcb\xf3_K\x07\xb0\xcf\xf4\xf8\x05\xbf\xeb\xbc\xdc)w;\xa1\xb1B\xd1\x88\xc8\x1b\xa2^\xdf\xd5u\x80\xc2\x91k|\xcd?\x8d\x9fn\xaa\xea@\xec}\x9a\xbd\xcf)E\x92 \xad\xde\xc3\xf7\xfb\x17\x94Y\x11!o\xa7\xb6;\xe0o$S[\xe6&amp;\x078\xe1\x0b\x80\x9d\x8a\x8a\xb2\x8e\xfaV\xbf\xaee\xd2yX\x91u\x11\x10v\x8b22\xd9\xcd\x0f\x87\xff\x19\x12X\xa7mzhS"\xf9\xc4\xd9\xebK\x07\x14p\x0e\xd67\xcbe\x8a\x1d\x0c\xa5\xcbbj\xa5\t\xd7c\xcck\xae)\xd2U*\xf5\xf2\x06\xa6\xb7=\xca\x08[\x89\xc5\xfd\xd8\x8f\xfc\xd2Iv\xc9\x7f\xad)j\xd4\xb8\x96\xb4\xb4\xa1\xa7X\x07Qw\x14\xd4rE\x94\xa4.\xd2Yk]\xa1\x8c\x1b!\xf1\xdf&amp;\x88\x8fW\x88F\xc92\xa1x\xa6\xb6\xfd\x9fzlJ\xadmS\xe6\xc3E\xb8\x90\xe3\x1dD\xd8\x8e@\xdc]\xb6\xfe\xd9\xce\xe6\xbd\x81\x1dZ\xbc\xff\x19\x95\xe3\xdbS\xdf\xebO\xb6D\x9a%\xae\xcfr\xbf\xa8o\x9b\xda#\xc2\xa7\x9f\xeb\xde\xed\xf4W\xd4Hsf\x17e\xf9`\xeb\x00rY\xab\xe3\x93-Uf\xca\x19o\x9fb\xaeI7\x93\xc5\x14\xb9\x93J;\x8f\xf6\xc4\xa0k\xf8d\xedO=\xae-\x8e\xeb\x10\xa6x\xbeE\xf2\xda\xfd\xa6@.S\xf6\xc6N1\x92n\x84\x9f\xab&amp;%^f"\xa8\xf8\xf6\xfd\x02\x10\xfb\xde\xe3\x91v\x96W\x8er\x1d96\xba\xcd\xebC\n\xa8\xbb).\xb7v\xa6\t\x8c\xa7\xc8U\x94#\xa3\xd2\xf9\xees1e?H\xdbG\xdb:\xff\xab\x08\x1d\x8ayYT\xe8O"o,\x9dE\x88\xc3\xc2\xca\xf3_s*$\xbf&amp;\x93\xf71\x8a\x17\x1f\xf5\xe7\x97\xf5\xc5\xc4~\xc6\x7f\xfaO37&lt;\xc2\xbbJ\xe6\x10;\xe8\xb1\xcd\x17\x80\xf1\x04\x9e\xae&amp;\x1f\xc2\xd6l3\xdd\x9c\xf2\x17\x18\xb5P\xb2\x89\xc8\x9f\xed~s\xf8\xb2\xb4\xc4\xf3\xc6y\xe4\xeb\xb3\xf3\xb5\xd34Q\x91\xd8\x9f\x10\xedG\x98\xcb\xb3\x8d\xb2\xa0hu\x87\'^\xe1|I:\xf9\xfa\xc6\xfa\x0e\x07a\xe9\x8e\xa1\xb8\r\x0fyW\xda\xf5\xca\xf2zzN\t\xae=\xa2bm\xb7o\xb8:\x07sS\xfc\xb6\xc8\x94\xed36\xaa\xb5\xb4\x9e\x02\xd2\xde;\xbc\x83^\x1a\xfc\xe2\x84\xbc\xc2\xdbb\xfd\xba\x86-\xa1\x92\xb5J_\x12\xf9\xe7\xf3\xd7\xe4g\xa3\xe7\xb4\xd4%\xefr\x95\xdd\xc7$\x06\xd1&gt;&amp;\x87e\\\x86\xc7\xa7U\x16\xb3uR\xda\xf9\xf0\xc8&gt;\x12\x95\xddoN\xdf\xe5\x199*\x83*0\x91?\x0e\xab\x9f.:O\xf8\xe0\xda\xbf \xa1\x05\xa3\xa2Zg$+\x81\x89d*\x91M\xcbK\xb7\xedt\xdfhAN\xc8\xb4r\xc3\xfb\xd9\x89$\xdc\x9f\xc4\xbf\xe5\xb4\x98u\xea\xe1i\x16pw\x83\xc3k\xf6\xed9[\xb1\xc0&amp;\xc3\x97\xb9\xfe;^\xf2\xee\xce\xb68=\x8e\xbe\r\x11\x11\xf9\xc7\xaa\x05\xe9\xbb\xc2\x1cZ]\xbe\xd8\xef\x82\x07S\xe1c\xdf\x11\x9aBl\x19\x15\xebd\x9d\xd2v\x1b\xf8\x15\x07W\x0fS\xd8\x8d\xfd\xa2\xad\xf6t"d\xa9{\xa4\xdda2U\x84rz\xd9\x01\xe7\xe6\x97\x9fe\x17\xdd!\xb0\xafgv\xee\x90\xb9\xa6!\xf9/\x9d\x07\x19\xa3\x12y9CP;v\xfb\xda\x90\x97}\xe9&amp;\x80\xa6\x8d\xb2Y\xa8\xa2\xdf\xae\x18\xcaa\xfa\xc9\x0f\xc5\xea\xc6Q\xdd\xe9\x99\xa1\xe1\xa1l\x89bUU\xa8\xf5\xd3\xb3\x8b\xd0t\xdc)\x98\xed7*\x13q\xfa|\xb1Z\x83K\xdfC{&gt;\x1dr\xf6\xab\x12M\xa57\x16\x96\x1f\xdeW4#\x8f\xb7\xaf2Z\xeap\xf5\xc3{\x03\xd3\xb19\x9bz\x8e\r\xd1f\'\xdbK{\x14\xdd\xe9\x07\xa6,\xf2\xfe\xedo\n\x04\xa3(s#\x1c\x9e\xcb\xfe\x00\xd0\xbf\xd7\x0b\xfcer&lt;\x1a\x89\xe4\xa7q\x98l\xd0\xcd\xeae\xde/\x97Q\xb9\x94]\x97\xfe\xf2l\xff\x82/\xd4\t\x10\x05\xb4Z$\xea\xe4{\xd9Kr\x15\xfb\xd1\x9c\xbc\xabP\xb8Z\xca|\xff:)\xbdO\x84x\xae\x87&lt;k\xe7\xcf\xde\x7f\xe3\x0co\xf9\xf9\xe8\x95E/\xb62\x93N\x88\xad\x8b}\xea\xb02k\x7f\xbc\xc6\x93\x8b]\xcf\x1a_\x893\xdf\xab\xc8\xb7\xf9]\xff\xc6\x9bB\xa1\xb2\xfc\xdc\xfd\x87\xaf*\x91za\x8a\xeb1|\xa8\xe3@\xd7\xe9\x8e\xfe\tIq\xc2\xcaI\xc8\xc8R,g\xfb\xfa\xf3\x14\x8a-\x00\xf9OF\xb5}\xe6\xc2F\x0bwH\xe1\xcaz\xb9?\x16\xfe\x96~n0\x94p+\xf7\x18\x85/\xdd\x8e]__\xee3w^\x04\xd4\x08\'\x88\x1c=\xbc\x1b\xf8F\x7f9\xd2\xba\x8a\xfdy\xe2Uu\xb2In\x98\xd2\xe6\xf9\xfeSpC\xcd\xe7/\xd1\xf18\x97\xb4\xd5\x89d\xd2\xae\x04W\xf9J\x1fF\xcd\xb3\xb3\x1c\xf9Y*^=\xbc\xfc\x10\xff\xc6\xbc\x18\x1e\xdd\xef\x96\xceau\xcd\x9eJ\xack)jZ&lt;\xb7r\xb8j,\xad\x94\xf3\xbdvNW\x97\x84\xc4;\xd0\xf6\xc2j\x18\x06\xeb0\xebP;\xf8\x05\xad\n\x9e6qn\x8fG4\xae\x00r\x96@\xdd\xca\x1b\xfb\xaa\xb7t\xd1\x92\x93\xef\xbe\xce\x1b\x86\xdf\xfc\nz\xb5\x85ON$\xfd\xb1\xb9NGl\xd1\x88O\x0f\xfds\x13\xdf\x1e\x91\xef_s\x9c\xdd&gt;\xeb\xd5\xdd\xf8\x9c\xa04yB\x89\x8a\xd2P\x91\xf2\x1c\xde\x119}\xe5 \x85O#""\xbf\xd9:\x8ac\x07\x83\xb0u[\x95&gt;\x03\t\x8f!\xf9\xbd\'/\x88yK\xf9#\xfb9\x88\x01\xf1\x00\x00\t\x8bIDATJ\x19\x05\xd2\x8day\xa4\xb2D\xd1\xae\xb9\x00L\x15.\x1d\x8a\xa6\x8e\xb3\x87@\xbc\xef-\xdc8F\xee6g-\x00\xf9\xb9+E\x12\x94W\xde6-\xe4-\t\xe1k\x1d\x1f\xdf\xaf&amp;\xd3\xf3\xd2\n\xa3y\x97\xae&amp;\xbf\xa4\'\xad?\xd6jZ\x96z=\x89\xc8[\xb5\xd3\xdcgQ\xa8\x81\xc3S\xae&lt;b\x1b\x9e\xfb/?\xbf7\xe4F\x85\xc6\x13h\x995[m9&lt;\xfd}x \xad\x16\x80&amp;\xd7=\x99\x85\xf5\x1f\x12\xda%N1\x89T)sf\xf3\xf4\xbb\x9di\x1by\xd4A\xbcz\x9c\x87\xc9\xdd7\xc82\x05\xf4\xbd\xfc\xda\x8b[\x80\xe3+\xc1l\xcf&lt;\x1d56\xc3n\xab\\\x9dh&gt;\x06*\xe7#\'b\xc6\x9cS\x1f\xbd\x8a\x92\x93\xc5&lt;\xcfS\xf0\xdb\xadu\xeayn\xf9\xfc\x9e\'\xe3}T\xfaq\xba\xf6\xb6\xbf\xfa\x92W\x9d\xbe\xf7\x92\xe94\xf9\xbf\tm\xddN""o)\x1fSS\xea5?\xc0\x8ab\xe6Q[/\xd7\x8e\xff\xf7\x9e\x1ei(\xbb1\xa9\xd0\xd6\t\xf1\x9b\xdd\x8ea\x11wy\xaaq\x05\xf0\xf8y\xf7\xd7\x0f9\xe2\xd9\xe7ky7\xed\xca}\x98\xe1\x10[\x86j\x85nP\xbd\x81\x07&gt;]\x1f\x9b$\xdb\x94\xda_\xf8\xf3JT\n\xa9P\xca\x9dJ8c)\x97\xb8?\xa9\xbf~\xfe\xcf\xa5\x97\x18i\xd3\xd30\x86\x99\x04\x06(\x82\x9a\xc3\x05\xe0\xf0!\xbf\xee\x9a_\xebQ\x96\xc7\x02pvg\x7fyYG\xb5\xd4;Om\x1f\xfe&gt;\xaauR\x1e\xfe\t\x7fe@$\x16:\xd2\xd3\x1e(\xf8\xfeG\xc9\x88\x14\xd4\x8cOV\xb7\xa9l\x119X\x00\x1e\x7f\xdd\xbe\xb8\xb3\x05 \x8ds6)\xd6\x84W\xa8\xd5\xb5\x86\x85\x95\xfb\xbdb\x9d\xd4\xce\xf2\xca/i\xe0\xfbE\xbe93#o\xe2\x03\xf6\xce\xfae\xb2X\x8bG\xdb\xff\xdd\xb3\x1c\x8f\x15\xac\x8f=\xcb\x12dZ$M\xa6\xe3\xa29\xc6n\xdf\x06\xa6\xdb\xb8\'W\x84e:\xd2&amp;\xc9\xcb\xb6\xe9e\x0b~S\xf0\xcb\xe0\xb6\x15{\x9bL?=\x05nG\x92o|\x8b\x88|.\xf4\x95!\x01\x18\xb9\x05\xff\x86\x80\xd7\x14\r\xd5H=\xf4K\x1c\xdf\xfc\xee\xaf\xd8\x12\xcfk\x89\xc8f\x18\x9aj\xdcRk\xdeQF\x81\xf1\x04\xbe\xac\xf9r\xd2&amp;\xff\xc3+\x80Me\x9c^"&lt;^\x99W\x8c\xa8\xcf\xa4\xa4g\xd3Z\xab\xde\xd6u\xa5):\xed\xc6f\x05\x0cA\xdf{\xf3_\x7f\x9a\xb7z\xc5\xe6\\\xca\x87\xfb\xf3\xe0W\x96\xeb9\x9bd+u\xcf\xd3\xf9\x7f\xf9\x88@\xd0\n0\xba\xc0\xa7\x80N\x12\xe9g\x01\xf8\xe9\x02aX ?\xd5:\x82`\xf2\xfc\xa9cO\xe7\xb9?\xb0\xe0JG\xa7\xcb\xc9{\xbc\x7fU\xc9#8\xd9\x16\xcfL*\xafFK\x83\xb6\x99V\x0f&amp;w\x119\xf8\xb7=_3=\xdf1n\x10k\x15\xfe;\xbd!\xdb\x9f\xd3\x07\xfb\\\x15\xa8r\x93Y\xb7a\x06n\xe8\x8e\xac\x1b\xe1\xac\x07:o\xd8\xaa\xdd\xf7\xf6\x0e\x7f\xba\x8b\x8bs\xd9n&gt;\xa1\xfa/\x02\xdeu{\xcd\xf3R\xa1\x1fC\'sMx\xe1\xb7\'\xb5\x01\x89\xa8\xd4\xad\xd9j&lt;,]\xcd`\x0f{\xef7\xaa\xd6\x98\xfc\x9bVJa\xd9\xdd+\xb0t\xa3/[\xd4\xc0\xfdol&lt;f;\xed\xde\xf1\xd6-#\xfe\xf6e?x\x12\xf4\x9d\x8f\xc8^\xf6\xb3\xcf\xebD|\x16\x11\xefZ^\xa8^1K\x0c\x9e\xd990\x85\x12nu\x94\x93\x81\xbf\x81\x96?\xb5\xeasG\x0b@\xd5H\xf6\xfb\x8c\xcc\xbbV/\x89\xc4\xdfiLx\x8b\xeb\xaf\xe1\x83K\xa5\xb6U\x1al\xdb\nU\xbaA\xfe\x06\xab\xf9\\]\xcav\x01\xb8\xcdD\xb7\x05?{\xf6\x9f"\xab\xbe\xfd\x92\xe8\xa63\x84\xf2{\xa2?\xfd\x98H6?T\x13\xb5\x14\xad\xfa\xa4v\x18*\x89\x14[\x00|I\x85\xbd\xec\xe4\x05\x91ol\xd5O\xd2\xfe\xaa\xae\xf0\xc0\x8d\xa3\xf9\x18\xe8\xc1\x93d\xf7\xa3\xec\xdb\x05B~\xfa!\x0f\xab\xdd*7\xed\xb1\xb6\xb4\x9b3\xb1oPy\xe4n\xf9\xc7F\xf3\x93:\x16p\x17z\x1d\x89b\x9f\xde\xcfq\xae\xb4\x97\x9a\x0c\xc9}\xbew\xa0\xa3~\x9a5Ui=AY\xb9#i=^\xeaJ$0\xf9\xd8\x9e\xe3\xbd\x9aI\x89\xa4\xf2\xd7\xcf\xb5\xfd\x1e\xc6\r\xfd8\xce\x9a\xd3N\xd9\x9b\x11\x91\x02}.\xfc\x9bIKQ)\xd7z\xfd~\xf4%o\xba\x9b\xb7(\xd6\xad\x94\x18!\xae\xbc\x1c\x91\xef749[\x1c\x83\xfcM\x16\xd5\x04%FV!\xcb\xd1x\xdb\x80\x95?\x08\xf62b\xe7\xd9\xddjV\xae}D\xfe^)\x9d\xe8\x12\xa94\xf9\xe6220IO\xb0\x12\xf6\t\xed\xed\xbb\x9eb\xd0\xb9\xb2\xd9_R\x84\xa7\xab;\x9cJ\x0f\xcd\x90\xba.\xbda\x8c:F+\xe1d{^-\x0emg\xd7\x01\xb6.\x05t\x9c\x1e\xf1\xdb9\xfc\x9a2\x821r\x8aW"\x82\x90r\xad\xcfg\\O"U\x0b\xa6&amp;\xf5x\xd6\t\xb6*\xec\xb2\x00\x18\xe9\xd5#I\xbe\xd9\xa9\x1eI=\x9e\xe3Tk\x05\xcb\xbc\x1dm\xa4D"?\xd3(_\x0b\xa5o/\xa7\x16\xa8\xc0\x04\x89c6\xe07\xea\xd2\x1ex\x1ds\\\x85O\x97\xd5\xca\x9f\xbe\x00T\xdc1\x99\xed\r%\x023Z\xd4\x0b\xe8\xae\xe6\xcd\x8e\x8b\x8d\xfdC\xc3\xa1o\xec\xa4\x80\x0f\xfe\xe90s\xba\xac\xb6\xdd\x0e\xcf\xe5`O\xa1\x17\xe1w\xae\xd2,]p\xc5\xa5\xacr\xa75;H\x9a\x1f\xac\x873u9\x1b\xa5t\xbc*u\xa2X\xb7\x9e\xb5\xc4D\xdb\x9d\x96S7\xca\x0f\x05\xc4s\xf2\x02\xadPV9\x16Isyb \xe9\xed\x81Y\xe8\xf4\xd1\x8c\xdb*\xa7/\xb03I\x15\xb9\xfaiQ:yV+S\xadt\xca\x86\x1d\x98\xb8z\x00\x9e\xdd\x83\xe9\x05\xe0T\xb9\xd6z\xdb\xd1/\xbf\xd2\x1fL\'\x97\xbd\x8f\x05 \xbe\xeeb+\xbcB7J\xee\xc1m\x17\x00y\xfeb\xab\xa2+\xfd\xe9/\xd53u\xd5\xedw\x15\xca\xf4,\xa42\xd9*\x93\xd5L\x9d\x13\xb1\x9dmMq\xa1+j\x85P\x8e\x82YFA\x93\x8d\x98\xfbO\xdf\xe4\x8f\'gJM\xfe\xeb\xcbkN_\xa1\xad\xf9P9|XVe3q\xba\xc2\x15]\x02\x8dLC\xed#\x88w6\x8e\xce_\x93\x98\xaf7S\x0b\xad\xf9D*v\xb2\xb4\\\xea^\x05\x1f\xac=\xab\xff\x8c\xb8\xfc\xf4,\x009\xc5q\xbd\xf39NY\xff\xa02\t\xa6\xbf\xf7\'\x15\xd2\x0f\x0c\xe0Q\xf0\xfb\x7ff\xf6\x9c\xf7\xac\xee\xc4\xb8\x92\xfa\xb2\x83~\xe2{}\x14#\xd3E\xf2nF1\xaf\x12DD\xde\x9d\xfe\xde\x94\xec\x8c\xb4\xe8\xdaf\x8e+\x99xb\xea\x9fQ\n&amp;\x9f\xe7\xc2|\xf7Jg\n\xd3n\x8e&gt;|M\xef\x96\x92\xe6\x17\xa7\xe1\xc0Y\xb2\x0e\x8f`\xdfC6[\x87\xf0\xa28g\xde\xea\x9d\xe40\xb7\xb6\x1d5?\xf3\xedV\xa9\xc2c\x1dE3\x08\r\xc2\x1d\xc8\xf2\xb7\xed\x8eF#\xf0\xa84Z\xad\x96\x81Yf\xc6v+\x9ck\x18\xab\x17\\1\xb9\x84\x1b\x1e\x8e\xdf\x17\xcf\xda\x94\xf5\xaa\xb0\xa9\x93\xb4\xd6V\xba\xc2\xf0\x9e\x93|\xbeF\x0cO\tz\xafq7+\xabJ\xdeK\x92\xd5\x17\xd4\x16\xddy]\x87i\x11\xa4E\xedjW\xd7$\x1f\xb6\xc9\xee\xd5z?x\xbc\x00T\x0f)\x9cV\xc3\x18l\xddu@\x06\xc3k+\xb3\xdd\xb5v\xeb%ZEe\xb6\t\xbf&amp;k\xd9\xb5\xd6EM\x9c\xcak\xdd-\xb09\x02\xf7\x81\x89\xbb\xfbx\x8a\xe0_\x80\xeb\x17=\xa4\xfb\xea\xee\xbcl\xf2\xec@\xfb\x1587)\x8e\xb8\xc3aR-\xf7@\x1f\x0f~\xa5k\xb4&gt;\x1f\x93|\xaf|{x\x82&amp;g\xb7\xbd}\x9c\xd5B7UE\xa7\xa5\x8e]\xb0N.\xbd#R\xaa\xc7T\x8b\x94S\xae\x98\xba\xbb\x9a\xe7\xd9\xe7$\xe9\xca\x9b\xd3\x84t4O)\xc3\xee;\x86\xef2\x9d;\xbc\x84\xe0\xce\xa2\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3\xfe\x1fL\x83\xaa\x01\x95\x83\xe6\x10\x00\x00\x00\x00IEND\xaeB`\x82']</t>
        </is>
      </c>
      <c r="E289" t="inlineStr">
        <is>
          <t>&lt;class 'numpy.ndarray'&gt;</t>
        </is>
      </c>
    </row>
    <row r="290">
      <c r="A290" s="1" t="n">
        <v>288</v>
      </c>
      <c r="B290" t="inlineStr">
        <is>
          <t>steps_per_sec</t>
        </is>
      </c>
      <c r="C290" t="n">
        <v>4200</v>
      </c>
      <c r="D290" t="inlineStr">
        <is>
          <t>10.289285</t>
        </is>
      </c>
      <c r="E290" t="inlineStr">
        <is>
          <t>&lt;class 'numpy.ndarray'&gt;</t>
        </is>
      </c>
    </row>
    <row r="291">
      <c r="A291" s="1" t="n">
        <v>289</v>
      </c>
      <c r="B291" t="inlineStr">
        <is>
          <t>Loss/object_center</t>
        </is>
      </c>
      <c r="C291" t="n">
        <v>4200</v>
      </c>
      <c r="D291" t="inlineStr">
        <is>
          <t>0.22691782</t>
        </is>
      </c>
      <c r="E291" t="inlineStr">
        <is>
          <t>&lt;class 'numpy.ndarray'&gt;</t>
        </is>
      </c>
    </row>
    <row r="292">
      <c r="A292" s="1" t="n">
        <v>290</v>
      </c>
      <c r="B292" t="inlineStr">
        <is>
          <t>Loss/box/scale</t>
        </is>
      </c>
      <c r="C292" t="n">
        <v>4200</v>
      </c>
      <c r="D292" t="inlineStr">
        <is>
          <t>0.057516206</t>
        </is>
      </c>
      <c r="E292" t="inlineStr">
        <is>
          <t>&lt;class 'numpy.ndarray'&gt;</t>
        </is>
      </c>
    </row>
    <row r="293">
      <c r="A293" s="1" t="n">
        <v>291</v>
      </c>
      <c r="B293" t="inlineStr">
        <is>
          <t>Loss/box/offset</t>
        </is>
      </c>
      <c r="C293" t="n">
        <v>4200</v>
      </c>
      <c r="D293" t="inlineStr">
        <is>
          <t>0.10322471</t>
        </is>
      </c>
      <c r="E293" t="inlineStr">
        <is>
          <t>&lt;class 'numpy.ndarray'&gt;</t>
        </is>
      </c>
    </row>
    <row r="294">
      <c r="A294" s="1" t="n">
        <v>292</v>
      </c>
      <c r="B294" t="inlineStr">
        <is>
          <t>Loss/total_loss</t>
        </is>
      </c>
      <c r="C294" t="n">
        <v>4200</v>
      </c>
      <c r="D294" t="inlineStr">
        <is>
          <t>0.38765872</t>
        </is>
      </c>
      <c r="E294" t="inlineStr">
        <is>
          <t>&lt;class 'numpy.ndarray'&gt;</t>
        </is>
      </c>
    </row>
    <row r="295">
      <c r="A295" s="1" t="n">
        <v>293</v>
      </c>
      <c r="B295" t="inlineStr">
        <is>
          <t>learning_rate</t>
        </is>
      </c>
      <c r="C295" t="n">
        <v>4200</v>
      </c>
      <c r="D295" t="inlineStr">
        <is>
          <t>0.00088000007</t>
        </is>
      </c>
      <c r="E295" t="inlineStr">
        <is>
          <t>&lt;class 'numpy.ndarray'&gt;</t>
        </is>
      </c>
    </row>
    <row r="296">
      <c r="A296" s="1" t="n">
        <v>294</v>
      </c>
      <c r="B296" t="inlineStr">
        <is>
          <t>train_input_images</t>
        </is>
      </c>
      <c r="C296" t="n">
        <v>4200</v>
      </c>
      <c r="D296" t="inlineStr">
        <is>
          <t>[b'512' b'512'
 b'\x89PNG\r\n\x1a\n\x00\x00\x00\rIHDR\x00\x00\x02\x00\x00\x00\x02\x00\x08\x02\x00\x00\x00{\x1aC\xad\x00\x00 \x00IDATx\x9c\xed\xbd{\xfc\x7f_5\'\xbe6\xd1\xc5%$\xb9&amp;\xe5\xda\xd4\x14"\xa6$DS\xc8\x98\x8a\xa4I\xcc\xa84\xc2\xa0!\x1e$\x93KL\x0cBa\xaa\x99\x1a\x83P?\x11e\\\x06%\x12%\x85\xdc\x12QC\xe4~+\xeb\xf7\xc79g\x9f\xb5\xf7^k\xed\xb5\xf6\xde\xe7\xbc\xce\xfb\xf3=\xeb\xf1\xfd\xbe?\xaf\xd79k\xaf\xf5\\k\xaf\xbd\xf6\xde\xeb\\^\x00\'\x9dt\xd2I\'\x9dt\xd2I\'\x9dt\xd2I\'\x9dt\xd2I\'\x9dt\xd2I\'\x9dt\xd2I\'\x9dt\xd2I\'\x9dt\xd2I\'\x9dt\xd2I\'\x9dt\xd2I\'\x9dt\xd2I\'\x9dt\xd2I\'\x9dt\xd2I\'\x9dt\xd2I\'\x9dt\xd2I\'\x9dt\xd2I\'\x9dt\xd2I\'\x9dt\xd2\xb5E\x08\x80\x97\xc6\x90\x11.ti uz\xc6\x84\xd6\xcc\x8f\x846\x84u!2\x9ae\xf4\x80\xcbE\x88\xd4\xb7\x87\x08i\x1dC\x0f\xc2k2x,\x84\x1fs\x8d\x8f\xa0+L\x03\xbb\xe3\xf8=L\xe1\xa1g@\xce\r\xef\xb7\x1d\xb4\xe3R\xf4\x11\xe2\x93\xaa\xdd\x8bSNoUt\x84\xc8Q0(\xe6\x1f9\xec/E\xd1#X\xd0Eq\x9dDh`\x7f\xac\xdd\xfb\xd1\xe4\xe0\x10\xd1\x83\xe8\x8c\xbf\xad\t\xc9\xdf\xadT\xa8]x\xa9\xae=THU\x03\x1cw\x99n\xd7\t\xe0Z\xdfC_m\x1a\xd5+\xc8e\xd8Cu\xf9\x19\x82[\x13:\xb7V\x8dZ\xe26\xee\x90\x91\xb6\x1d\x08\xc4\x07\xd6\x18\xa6\xbf#\xcbt\xa3\xe88\x1d\x14\xa9\n\xe8\x80\x98\xc7\xd3\xc0\xdd\x19\x15rm\xcc\xf9\xd7\x80\t,-\xb3\xf5p\x99\xfb\xad\x85w\x98i\\4jM}(\xa3v\xa0\x0b\xda\xbbf\xa8wg\xcf\x0e\x9b\x00\xae\xd7/bC\n\x01\x10\xe7\xbf\xbd\x92\xc2\xb5\x14\xbe\xd4\x94\xc9\xae\x10\xc2\xc5\xd0\x0c\xa50e\xab\xa1\xd6\x84&amp;\x81\xd3j\xa1\xc1\xb1\x01\x00\x0e\xd3\x1d\x88-&amp;\xe4B\x00\xc25\x14cG \xbd_j\xae\xc6\x89\xa9\x1f\xc6\x9b\xf4\x8b\xd8\x8e\xa6\x98\x1b\x15t\x93$\x9cf\x94\x10`\\@_b1\x9e\xeb\xf2j?\xf2t8\xb0\xd3)yw~!\xec\x94\xf2\x8e\xdc\x170\xc1\xbb\xe8^\xd3\xa2z\x8b\x01\xd8\xd6\xfb.\x10\r\x1b\xd3\xc5\xcc+2\x1b\x1f*\xb8\xb7(\xfd\xb0\x17\x18\xaa\x00z\x952\xa40wj\xbbb4\r*\xd6\xe8/\xd9\x1bK\x85\xa4\xbd&lt;"\xe2\r.\x82\x88!\x94\xd3\xeb&gt;\xd3\xc2\xb5\x1a\xbfm\xce\xc3\x97\x0f\x072\x9a~c\x84\x90\x8dn\x06\xd8(\x98\xac\x13@kCI\xe35y\x19\xa0\x87p\xb3i~O\xa2&amp;\xa0\xe5\xe6\x99\x0bE\x02\xabO\x990v\xa6#`\x90\xc8\xd2\xad\xd7]r-\xab%\t\xc7\xa7\xce\x8b9\x97\x1di\xefr\x11\xad\x05\xfd\xd0\xd2\xd7/\\\x8e \xe2].\x06g\x0c]\x03s\xfb\x11\x90\x1f\xe4\t\xbe\x92\x8ev\x9b\xc0\xaed\x89l\xfa\x1cf\x8b\x8a\x7f\xbe\x1a\xcf\xbf\x1c\x1f\xe1a\t\x01\xf0\x1e|,]{^\xbd\xf8\\\x80?pU\xbd\x8a_0H\xce\xb8\x19y\xa3\xae\xc4{n!u4\xfdrt\xe5\xdd\x93\xe3W!]\x9ft\x92\x83\xbeu\x9c\xa8\xab\xbf\x1f\x80\x17_\x1a@?\x1dv?\x01k\x84\\\x1a\x87\x85\xd8Gr\xae\n\xf8\x93N\x9ah.\xd0\x0bq;|8\xb6\r\xf06\x04[\xe4\x92\x0b\xef`6x\xb8d\x7f\xda\xa2p\xb4\xe1m\xa0l\x18M\x0fbAq\x0f\xecFw\xfe\x8d\xa5k`!v\x04\xba\x06\xdc\x87\xcb\x83\xad\xf1o\x1e\x15\xcb\xad\xc6\xc3\x15{\xf9\x1b\xbc]\x8e\xc5\xfe\x98\xef\x1c\xdf\xbd\xa3nz\xb4\xc4\x00\xe1\xd0c|\x03T\x9b&gt;\x070\xdfwO\xbd9u\xc1U\xc8\xf6\'1\x84\x00\xffs\x80\x14\x84M\x82\x99hX&gt;|\xc4\x86J\x88\xba\xc9\xa2\xec\xe8\xc3v\xd1\xcd\xc1Hn\x845\xbc}\xa1\xccw[\xcc\x01=\xc4f\x0c\xfaJ\x9fZs\x08\xa6\xfc\x7fl\xdahU\xb1\x1d\xd9oS9\xe8\x94\x9b\xd2\xe7o#\x96\xb5\xfc\xc7\xb7\xd1\xd5O\xdbu\x14{\xeb\x17\xfb\xb5\na\x9fE\\u\xb58\x04\x01\xa6\xef/\xd18\x85\xe6\xf8\xfc\x8a\xfc\xaa\xaf\xda\x9c\xb9u\x07\xf4\xdf+\xb85\xa9O\xe7\x1c\x15\xf4E\xe8\x1a\xf3\x86\xdd\x98k\xcc\xf0fBJ\xf1\xa04\x014\xadj\xb7 \xfd\xc2\xe0X\x0cF\x9b\xf2{\xa2\xaa\xd3\xc6\xc1\x02\x10\x11\x11\x7f\xd9\xca\xbc)\x94n\x92&lt;O\xc3\xf8\xe0&amp;\x0c&amp;)\xda\xae\xb3\xf3af\xb7\xdd\rW\xda]\x08\xa4F1\x1d\x91S\xfbu54Z\x88.\x8a\xf1\xf65\xe6\x8d\xa7\xc96\xf1\x14\xd5\xf1;\xfe\xdf\xc9\xa7\x94k\xb6\xc9\x04p\x1d\t\xefCY\x19\xb3Ov{\xc0\xa1@\xb2\x94,\x90\x8f\x0f\xd7L\xb8\x81\xf3\xaf!\xf7\xe4T}P\xc6\x92{]\xe5\x93\xc8\xf7\xdf\xed(\x9b\x88.\x8d\x0f\x98\x1c)\xaa-\x82\xf6\xda\xa7\x83\xb8\x0c!\xaf!\x96\xa3\x01\x8f\x97d\x8f\x86\xa7\xa4\xb6A\xbb\x85YJr\xb4K\x98bBo\xb1[\xc5)\xd3\xa8(\xb5\xa6u\x837\xd0#\xb0\x9ff\xc3^\xd6x\xe7+\x1c&amp;\xc3lMG1\xb3\xf3}\x06\xfb\x13\x16\xc4\xf1\x90\xe9a\x7f\x88\x07\xa3\xc6\x9c\xde\xe7\xb8~\xb7\xf3=\xdb8\x01\xe8e\xf4=\xc2\x84\xaa\xd0bw\xa0\xc6B\xef@\xb1\x1aCc\xbcU\x06\xf55F\x88_w\x08#\xaf\x96\xd3-\xd9\x9f\xe5\xdf\x07\xde1i\x1f\xe3\x8f\xecj\x1d\x93\x176\x02 \xde\xc7\x8d\x01\xe9\xe7\xfd|u\xcc\x1e)\xc97\xb0\xbb\x14m&amp;\xfa*\xd2ud\x02\xb8\x12\xd6\x1d\x9c\xf4\x1bf2\x0fc\xf1a\x94\xae\x1e\xb1\xbc(sxD\xae\x8f=\xf3\xc8h\xba\xe6\x87\xeaTk\xb94\x8a\x82\x10\x11\x9fwi\x10f*\'\x00\xf3\xb5\xb2\xe3\xb9\xfe\xc0\x94y,\xf3w\xd5\x9f\x94a\xbdD\x8f\x88h\xaen\x973J\xdaP\xbbI\xc3\xa4!\xd7e\x89\x10D\xbc\x13\xd1~\x06\xd5@\xda\x7f\x028{\x0f\xe0\xaay\xa1H\xffO\xb07\xd9\x01\xde\xd1\xe8\x95\x00\xcd?L\x92O\x00\xce\xc4J\xf3&gt;\xf8\xb7n\xbb\x91\x0bR\xe9\x13\x0b\xe7|\xa4\x11\xe0u\x85\x06\x06\x86E\xceA\xd7\xe3\'eD\xbb\xa8L"\x08p\x0f\x8b\x90Zl]\xab\x91\xd09\xa2\x86\x97Y\x86L\x00\xc3\x87.\x92;\x02\xe7{"\xa6#\x1f\xda*\x903\xf0\x98\xb7E\x1e\x8a\xda\x02#\x9b\x95\xcb\x83\xad\xa2\x1a\x04\xd4\xe4\x17\xc0\x8e\x12\x11\x0f\x8c+5\x00|\x83\xb5\x15n?\x91\xb2\x97\xce\x8c\xa9d\x1e\xd2\xff\xf7:\xbd\t\xe8K\xb5\x03\xf25\x90\x82I\xb5\xbf0\xe5\x97$\xc4X\xb5\x02p\xde8d\x16\xec\x10rN\x00U\x1a\xb18X\'\x80\xceJ\xe0u\xa8\xb3z\n\x9a\xf7X\x97N\x9bx\x0c\xb3N5\xcf\x01\x88&lt;\xffx\x88W\x81\x9a\xcd\x1e\xe8\xb7\xaa\x90\xa8*\xeb\xad\xb7\xe7N\x81?h\xbdF4^\xbeF&amp;\xfb4\xb8\xb1\xdf\xed\xde\xaa]\x03\xfd\xa8\xa2]\xbaB\xa3\xaf\x00F\x04\xdb\xc0\xebC\xd7&gt;\xf5\x8c\xf0\xbc&gt;\xa3k\xa9\xc0\xa8G\x8c2\x01\x94-\xab\x8c\xd7X(X\xcci\xcb\x08\x98~\xden\x12\x95\xba+\xcb\x0b\xd5\xae\xa7l\xf9\x11\xdfn\xa0\xc9]\x1c*\x05\xaf\xa4\x05\x11\x11\x1b_`\xb8\xfa\xaa82\x84\x8c\xc1\xc6\x1f7\xdc&gt;\xd0\x9a\x90*\xaa\xdb\xe4\xd0\x19}\xa3\xe0o\xb6\xf7z\xa3\x10\xb4\xbd\xe1\x99\xb6Q$,\xe3\xf8f\x18^+1\x85\x90\xc9[\xda\x02\xfcU\x08\xa0\xba\xbe\xed\xe5\xb7W\xea\xc5\xacu\xfaL\xf5,.o\xf7\x06\x00\xef;i\x13nv\xb3\xb5\x1c\xefyO8\x91\x1bB\x98{p\x92\x17\x00 \x84y\x8c\x14\x00\xe4\x88*\xcfLQf\x059\xf0\xdd\xbd!\x04\x14\x9d\x8f\x80\x80\x05`\xe9\x15\xca\x16T\xb1\xed\xd8 O\no\x02\x0e\\~,DT\xad\x1a\xb0:j\x89Y?\xc8\x19\xe5\x80\xb7\xd6\xcf\xeeF\x80\xcf\xdc\xb4$4Am0x@\xffb\xf7\xd05\xaah\xd3\x11\xe1\x8d\x9a\x006\xb2\x14\x8b\x1f\xc9\xd9\x8e\xbc\xba\x96\x011\x7f2\xb6e\xc3\x11\x91\x19Y\xd1\xdb]\x13@*\x04kP\xd7\xc9 \x84\xfe\xe9\xc7\x82\xcd\xea7\x81Y&lt;\x0e\x00\x86\x0e\xa5\x93\xdf\xd6\x91\xc6\x06X\xdc\x7f)\x18\x96N\xec\x05\x88\xef\x08\xe15\x89\xcc(qV\xa0\xb4\xad\x81\xcc\x98\x8dHq\x9a\x0cj\x91\xd08k\xb5\xd2\x88\x1f\x84\t\x9b\xff\x9cW\x08\x01\xee\xdf\xa8#\xac\xf08\x01\xb5\xcd\x01\x83\xa4\x95J%{^PHv\xc5\xeat\xc86\x06@@t\xc5\xa6\xcc\xbb\xa1\xd9\xa4\x83*Z\xe6\xbdAX\x16\xf51Al\x80n\xcc\x00\x11\x06Z\xb0\xc9_\xf6.\x89\x90!\xb62B$\x9c\xeby}\x15\xdf\x0b)f\xffHk\xb7\xd6\xa2\xd8\xa5\xdc\xce\xbc\xf8=\xdc\xda\xb2(Q\t\x17\xae+S\x85&gt;\x0eP\xb6\xfc\xabdCC\xad\xd8\xac\xba\xb3}\xa7\xf6\xd4\x04/\x98!~@\xf5\xb5Q\xfd\xe5\xe6\xb2nn\x01c\x0f\x86}\xa8\xe1\xbe\xb8\xcbbf.K\xd4\x18\x14Q\x96\x10k\xb8\x16\x85\x00\xf8\x02\x0f\x7f\x11\x15\xc7Ib\x90F\xef\xa5\xb1\x08\x14\xafM5\xf4\x16\'m\x98\xa5.\xc7I\xcc\x87u\xbb\x91\x1ccr\xe1\x9f\xdc`l\xc7\xcaGY\xef\xc7\x92)j\xb7\xa8\x1e6\xb7\x8f&amp;|\\qD\x85\xd8f\x01\xfe\xee\x98\x99\xa3\xea\xc0\xb6\xd5\x86.\x10\x11\x11o\xb5i\xd7\xc5\xd8\xd8?J\x94\x91r\x05h\xcd\xfb\x8b\x11\x9d\xa6\xe0\xe8\xa4`\x1f\xf8,g\xc3\x1a\xedh\xe4Y\x94\xcd\xfc\r\x13\xa7K\xef\x90\x85\x82\x97\x8e\x98\xfe\x0b\x1a\x050\x8b[\xad/6\x18k\r\x9e\xce\x1a$\xeb\xf1]\xfa\x8db\xff\xb1\xadTl#\xf7\xe246K\x8eu\xd3\xb7\x192Z{\xd8\x1e\x9b\xbc\xf6\x90\xda\xe9\xb6\xc1zm\xb9y0Y\x9cS\xe5)\xd61Z\xe4\xdbp\xd5!aJ\xed\xa2\x86\x0eE\x97\xb4M\xb3\xc0\x10\xe7\x9c\xa4\x91\xb4\x9f\xd2]\xdf\xd3+\xf8\xba\x86F\x9b\x13f\x03\xd2\xd5v\xfb\x00\x954d\x8b\xd6#\x0f\x15\xba\xeb\x1d/\\5\xdc\xe2\x19D\xb8\xc9\xf4\xa1\xb6&gt;\xeb\xdd\xb2\x17\xed\x9b\xbdB\xaf\x0c\xb5\x0b17fyv\x89|e%\xba\xa9\xf2k\x94\x10\xbf)\xa9Ai\xfe\x9d\xcf!G\x9a\x8a\r`oM\xb9\x99\x97\xc6S\xa5\x0cl\x03\xf6=\xadD\x04\xc4\xf7\xb0q\xbaQ!\x96\x97\x06\x92\xb3v\x89[\xf4\xffp/S\x81o4{\x8c\x8d\x90\xfd\x83=\xdd7\x7fM\x95\xf9\xda\x99\x00\x10\x11\xdf\x12~x\xac\xcc~\t\x86\x08\xc8f\x0b\xef\x02\xb9\x19\xdb\xceDG\x076=\xaa*J\x1e\'*\x11\x9b\x8eg}\xb4\x14m\xf7\xe8\x9a\x15\x9bYU\x0f*\xc4\x0fkn\xdbO\xfb\x04:;\xf1{\xdbn\tP\x07\xe0\x98\x8f\xff\xf3%.2oH\xcd\x86(\xadHj\xb66a$\xf8o\xad\xf3$\x9a+\xd6{\xc3\xaf\xb8Fo]\xca\x11eg\xb9\xa6\x8aF\xa5w\xbe\xc4\xea\xf2\xa2\xb1f\xb4\xf6\xff\xe3f\xee\x16]\xf3\x04\xe0\xbam\xe1\x10\xd9\xd4\x88\xe0\xe2\xd3\xd5`\xca\xec0\x16\xc33\x17\xa0pvSG\xe5\xe9\xe3r\x1dc\xd1:fW\xd4-d\x11\xa5\xdd\xf6\xb3\x8f\x0f\x93\x05\xe3f\xdd\x97\x07\xc9MvM\xc7|\x85z\x9bq!It\xb9\x15?\xbe\x0fCS\x94*\xad\x10\xe1\xfe\xc7[\xae\x1d\r\xcfH2FK\x92\xfd\xb3\xc9\x80\x0e\xec-\xb3\x89\xa2W\x82\xaaI\xebARe\xb8\xfe\x80\x9b\x94\x10\x7fy\x883Q\x86\xb2\xc3\x1a&lt;G\xa2T\x81{$/\x7f\xf3\t\xa0CfE\xa3\xc1o\xc8\x9a:\n\xc0\x8eW\xb9\xb6\xd88\xe2\xf5\xf9\xb9\xb9\xec\xc4\xed\x08\xb7\\\x8b\\\rB\xf3\xa3Ck\x93\\B&gt;\x01 &gt;l\x8b"\xa8u\x020\xfc\xca\xc7FA\x16\x11\xadQ5\\\x87\x9f\xf4\x10\xdf\x1f\xa64\x01\xf4\xca\x9c&gt;d\xc7\xb7\xc9\x92\xf6\xc4\x8e\x08\xf8)|\xf3\rpY\xc9\xa5\xdd&gt;\x87\r\xb1\t?\xb8\xef\x02L[\xab\xeb\xe6\x1c0\xc4`n\x02\xd8\xc3\x95UE;wf\x86g\xcf\x05\x9a\x91\xf8\x05\xd71&amp;\x80^\x99\x06E\x03\x95:&amp;\x00\x00D\xfc\x11\xbe\xf9\x9f\x18\xe6\x0f\xc4\xbb\xf7a\x95\xc4\xf2\xab\x01\x86\xcde\xecv\xd8\x1a\xa5\x19\xb2\x9cR =\xc9DI\xe2\xf3\x0c\xb3\x1e\xa7W\xeb\x8f\xf1\xd43v\xc9\xc5\xc7\x0f\x1f\xc5YJ\x97\x1dy`\xe8\xa1\x96O\x006[P\xe0\xbc\x88\x1f\xc6O\x95\x06]\x8cv\x15\x05\x92E\x8f$\xd6\x07\xc3\xce]\x11\xb5\xfe\xadh&lt;p\x90\xefG\xa3\xca\xe2\xfb8\xf4\xec\xb6fb\xb3\x1b\xbf$\x04\xe6\x02\xe6A\xdc^\xbd\x80\xa1\xfc\x9aU.\xaa\xb84]\xca\xcd\x0e5\x87\x9f\xbb\xe2jS\xd45x\x05\xa3\xab\xa9\x7fa\xbb\x9b\x82\x93\x1e?H\xe4dd\xef\xca,\xcbm\x84\xe724\xd0\x1a\xd7\xd80\xf2aZT\xb9\xae_\xba\xa9\x91\xbe\xdaE|\xf3\xf2\x1c\xe2cY!\xd1\xcd4K\x0e\x86\xdbJC\x02 \xcbP\xd2\xbc\x82\x88\x88O\xedW\x9d\xe8:\x80\'1\xa5n9\xfcqX*-&gt;\x99\xcdh\\Z\xec\x13\xc01\xbal\x18\xa5\xa1?Tl\x9d\xa71\x8f\xccCt\xf4\x04\xb0O\x8d\xc8\xf5\xc2\xdb.]\x06\xc7\xdc\xb7"\x81\xa9\x00\xec4 \x8dl\xdb\x80\xba\xa94\x01P\xbd\xaf\x06D\xc4\xdb\xaa\xd8\xe4Sp\xa4T\xd2\xdc\xbd\xc6&amp;\xfb\xc6N\x0b\xd9\x91e\x86(F\x1d\xdc\xe4\x99b\xcf\x94\xcb\xba\x1e\xf0\xf6\x01\xdc\xae\xe3\xaa\x914\x0c\xa4@\x19\xb2\xa3\x17\xce\xa6;\xd9_\xaeI\x9b\x05&gt;c\x9f\xee\xa2\xb3{\x85SH\xd3\x9d8\'\xa9\xdc\x0e\xc91!\xaa\xfe\xdf\xdc\x91\xae\xec\xd3\x9a\xff\x01?u\xdd0Y\xe4\xfb\xa4\x1f\x92\x10\xacU \xec\x1b\xc2;Q\xbe\xca\x8b\xc7\xbb\xd1#"\xe2\xfbo\xdd\xebW(\xaa\x90\xcbM\x08\x80\xf8\x1f\xc7ZQ\xdd\x1byG#]%\x1c\x8d\x84\t`\x13\xa4\xae\t\x00.\xea\xae\xa6\t\xe0\xfdk\x0cM\xfb\xf5\xb7\xad\\\xa8\x9f\xd9\x1aD\x97B\x9aA\x8e\xd0\x9e\xcb\\\xc0\\\x8d\xd9\x8f\x0e\x1b\xbc}\xd7\x04`\x1f!%\x00D|\x87\xf8\xb5\x15\xc0\xd5\xa2\x81\xe1\xb1\xa6\xfe;\xfb\xc2\xaezwP\x0c\xe5!8\x07\xd2\x9e\x88\xb2\x98\x1e&gt;\xaaiQ\xb4_r6\x11\xde\xafGT\xc7\x04`W1J\x8esq3D\xad\x84dVq\xc0\x81\xa3QOW\xb7e\xff\xb2\xa1q\x02@\xffSl\x9a4\xa6\x0ev\xac\xdd\xbaE\x94\xb1\x070\xbd\x9aR\x95Y\xd1\x0b\x00\x00\x1f\xed\xc1Y\xca\xafz\xa1\x04\xb3\xe7\xc0\xda!\tn$\xbfsW\xb4\xdd\xa6\x8a\xc8\xdfu3\'"\xb9Z\x99\xfa\x80\x84\x0f\xe9\xbd\xa6dL`\xebj\xb7\x1bs\xaa\xfd\xa5\xd9\xc1A\xe2e\xbd\xe3\xa6\x19\xd6\x81\x9d\xb2\xa5\x04\x8d\xeb\xd3\xce\xee\x1e/\xf9\xec \xbd\xf6 \xf7\x8cO\x83s\x8c\x97%\x9ai\x87-/\xe2C6\xd6\xd0Nl\xae\xef\xbf\x9c\xe3\x86\xa1vpSN\xeb\xedV\xfb\x8f\xda\x1f\x85\xde\x03\xe0w\x11!\x04/\xf4\xa9\xca\x00\x00\x96\xb6\xb1\'\xfczT\x81\xa3\xc4]\x82\xa4\xe8\xec\xb1\x89\xfa\x19\x11\xa9(n\xd5^Q5I\xdb\xd3\xc7\x13\xc8L#\xeb(\x1d\xd5\xf0x\xbb \xc5~\xbb\xfa\xa6\\\x860@\xb0\xe5\xf5\xfe\x80\xbfd\x17\xe1U\x9c\x7fZ\x89\xcd\x14\x97%\xef\x9c\xd4\x90\xd7\xbcb\x93\t\x00\x00\x10!\x04 3\x81\xa4.\xce\xeeG\xf0p\xc3L\xb94\xe1Y\xae\xd6H\x89Y\xc9\x08{\xea\xbb\xca\x04\xb9\x81\x07\xae\x96WY\xd2\xc3\xc6Bo2\x0e\x8c\x9b6\xf5\xfe\x88\xfaD\x83F\xe5\xfc;\xdb{\xe9P\xb8\x05\xfa\xe2\x10\xc2\xf0l\x8b\xf8\xd5\xf1s\x00X\x14 9&amp;\xb6\x04\xb8\xc2k\xce\xc9\xd0\x08?\xab\xd8\xec2R\x9c\xc5\x07\xee\x08-\xaa\x98\xae\xba,\x08\xea\xbcf|vS\x14\xafN2\x06\xd6\x88\\\xeeu\x8f\xc7W\xf8\xd8\xf7\xa3hI\x0c\xb1\xb1Yy\xbaH\xcb\n\xac*\x1a~\th\xd4\x8c\x83O\x1aP\xb5\xb7`Y\xaf\xd3\xda~\xc0h\xdb"\xb5,\xdc\x92\xa1\xfa\x8b\xa1c\t9\xf25\xdf\x0e\x1c\xd5\xd2\x04\x8f\xb4\xcdSd\xa38\x83:\x01\xc0&lt;y\xe0|\xb0+JW\x81\xadn9i\xa55\xbf\xac\x0e}\xc6X\xa7*\x9dt\xd9t\xd6I?\x05\x80\xff\x04\xf7X\x13t\xe3\xf8t1W\xf9\xed2\x87^yn\\\xa2nD\xf6uC\xc3\x04 1\x93\xc4\xd4\xb5\xb5\x8dM\x1b\xbc\x1a\rG\xf2\xf5\xed\xd2\x81F\xc5m\xd7[\xc8&gt;C\x1eM\xa3\xebN\xaf\xe4|\xcd:\x14wU\xfb%B|\xc3\xcde\xb9\xb1\xdb\xa2&gt;\x8b[V~\xf7\xac\x12R]B$8\xac\\%\xd8\x1aa,\xa1\x8c\xb8\x1aI\xa4\x01\x84.\x1fRWT\xaf\xa3\x96\x0cs\x89\xb4\xae\xe2y!\xdc\xd9\x8e\xc7\xe8\x9cxebBQm$\x19\xcb\xc6\x83\xab\x83R\t\xff\x00p\xfd(\x06\x02\x00\xe6\xc5\xb3\xd2o\xd1\xf0\xe8g\xd6\xe1;\xd0\x92XB\x08k\x11|M5\x1c\xa6\xb6\x81|\xd8\x8b\x04\xd8t\x17\x0cK[^\x03\xd8\xc5yl%\xda\xbbHz\x82t\xa2\x90\xf12\x074\x1f%6L\x16\x05\xe6\x98W\xaa\xaf\xd1\xf8%\x88\xfbI\n\x177]\x8dJ\x1c\xc1\xb2f\xb7e\x7f/\x85%&gt;-\x97K\xbc\xeb?\x17\x7f\x08a\x82\x03!\x90\xec\x0fs\x07\x15\xd8\xa6\x04\x0fd\xf31\xd9\xd0\x1f o\x05\x80\xf8\x1b~c\xd7U\x7f\x08\x10\xfdI|\x1b\xaf\x9f\xe4\xa2Q(\x0cU\x93\x84)r\xa8@;k7\x1dsfJ\xa8\xdc\xa9\xed\xa57\xd2G\xee\xa3\xb1\x000PT\x8b\xdfZ[\xadm\x87\\\x81\x18r\xc9g\xed\xcc?\x14\x8e;JX=@6\'i\x9c`\x12\xd2\xa4@\xd1\xaf\xa8rY\xa5\xc2\xc3\x9e2\x96^\xb3\xb6\xf4\xfb\xc3j\x98%\x15i\xb59\x93\xdfTGU\xfd\\\x1eOz\x87\xb9hq\x99"\xcf\xc5h\xd3\xea\xad.q#\xa5F\xba\xac\xf6\x9d\x01PE\xf9\xf5\xc0AeMV\x02rd\x15(\xa4\x83cv\\\x9b\x8dU-\xd5\xe4n\xe2\xe9\xd0^\x1e\xb4\x80\xb1#\xcf\x8f\xab\x90\x8c\xe0KE\x92\x1cV&amp;"\xe2\xdb%G~\xb1U\xfb\xd5 =D\xf0\xcb\xda\x13\xc4(\xafm\xe4\xfd\xcbv\xea\x13\xf7R\x94\rH\xfc\x97\x02\xdb\x06\xbbcWR\xa8\x8b"2\x07\x82\x1cE\x8e\xc4\xe7\x11%&amp;)\xb3W\x1b&lt;\xd6\xdc\xc4\n\t\x98\xeb\xb7z#%\x8f\xeb\x90\x8a\x83j\x13\x00D\xbc]U\xb4Y\xdd\x10\xbap)\x89X\xe5\xbb\xa8\x81\xf2\xb584_!\x99.&amp;mq\x1d\x0b\xb7\x11{4*\x83r\x9f\xab\x82\x89\xden\x95\x88\x18\xa5T\xaf\xfb\r\xefY\xe3\x95\xc6h\xb2\x18\xf3\xf2Y\x96\xb3\xe4\x96R\x0c\x7fi\x1dq\xba \x0c\xcb\x95a\xc7\xa0s\xe6\x9d\x0c\x98EO\xa6\xc5~9\xd7\xeeII)\xc8\xd7\xc6\xb1\xe9\xb2\xb9\x92\xeb\xfa\xe9\x92\x0f\x82\x01\xb9\x84+Y\'\xcfz\x95w\x02\x98\xb4o\xf6\xe4\x90"V\xbbb\xb9#\xad\xd5\xd2q2\x7fm\xc7I\xcf|mU\xa3u\xac/R\xa6\x7fU\xc7\xe0[uhL\x04MZ\x10\xf1\x8e\x9eV\xb9\x10\xeb\x8au\xfa@\x1d\x96\xb9\x8e\xf7%w0\xb07)M\xbb\xc0\xff\xb7\xbe|\r\xb9\x873\xe6\xfb\x87:\xaf\x0c)5\x96\xc5\xabT\xcb&gt;q\x19\xaf\x9c\xb3\xf4\xe8&amp;\x99FG5{s\xab\xfb2\x87LX\xd3BC\x12\xa6,:\xdaf\xda}(\xae\x9evn\x1e\xdd5\x8d\xd3\xf5D\x87\xa7\xd6\x05\xe0$\xa9UNEK\xabd\xba\xb4\x97\x18\xa4\xe5-HQG\xfe\x1f\xf2\x12$\x00\x98\xee\xc54\xdc\xab\nT)\x95`|\xd1\x10\xc4\xd5\xba\xdc*\x9a\xef\x95,\x11{\x93\x9e\xcbw\xec\x0e\x80]\x173x\x9c\x9d\xd4\xb3\x03\x90P\xcd\xa7\xc01rc\xcc[7\x88\xadcd\xf0\x0e`\xf5\xbf\xb9f\xc7\xcbI\x7f&gt;\xf6I%C\xae/\xa1\xb6\xfc\xb8\xc3\xb2\xbc7\xfb7\xcd\xad\x98\xfbid\xfdd\n\xbc\xb0\xe5"\xabC\xf2?\xe9\x8dY\xeb\xc3\xf2\x87\x0f]l\xbc\xa2A\xa5\xb1b\xbd\x83%]\x83\xcf\x7f[\xc6Z\xaa\xd7\xe5m9|\x02p\x13U\xb5\x19\x03OS^\xde\xbeZ\x1c\xf1:\xa4{@H\xc6i\x85\x8e\x92\x96\xfb\x14\x8c\r\x9aA\x0f\x1e\xb6l\xfcy\x93\xcck\x00n6U\x18\x81\xf4_!e\xd3\xd2\xd8F\xb43\xe6\xbc;\x8a\x1d@\'\x12\xc9\x9c\xb7\x04\xf8\xeb\x85a\xff\x0e\xda\xd4\xc9\xde\x15b\xdc\x10\xd3]\x85\xb0\xa4\x05ec\xc1n\xac\x8b\xa5=\x9fa\xca\xbd\x02\x02\xc0_@\xb8q\xc2P\xee-\xec&gt;\xd4\'\x1e\xb9&amp;\x0e\xeb\xcb\x9e\x96!_\x0cs\xa0\xb3@\xb9\xe4g\x8aQ6\xed\x12\xe9[\xc0J\xdbq\x01\xef\xbanq\x884\xb8\x96\x95;\x97\xff\xd3\xec\xf7\x81\x95\x9b\x1f\x8a\x85\xedq\x89\xe2\xd7\x1d\xd2\xe61^T\xd1\x1d\x00\xf0u\xa4&gt;;@\x85,\x08\x87\xdar)\xeaD\xbf8\xfe\xbd\xe6\x1b\xde\x96~ \x9f?\xbdYr\x1f\xb4\xad\xe4\xbb2\x00{\x96=bL&amp;\x8c\xeeOj\xe9\xc4\xe6\xc0\xbd\xda\xe1\xdeO\x9e\xde\xaf\xca\xa9=\x88q\x80\x04c\xd1\x9e\xa5\xc2\xe9\x9f\x1d\x80c\xfe \x1e=5@\xfb\xd1R\xfc\x168\x06M\x00\x1a\xdd\xd5\xd0\x1d]c\xc9\x0f\xd8\xc8V\x1f\x9bY\xe5\xb1\xf8\xcaJ`\xa5\xda\xed\xcfb\xbe\xb1`\'\t\x1f\'*\xd2\xeb7\x90yI\xca\x03|\x13\x15\xfb\r\x89NB\x04\xc4gW\x07\xc3\x96\xda\x197\x8d\xd2\x9d\xc9\xc6t\x92\xab\xb6\x1d\x84\x82A\xe2k\xf8\x9e\xc2)C[\xed,;\x01\x18\xd6\xb3\xe5\xd9\x8d\xc7\x93H\xac2l\x9d\x90z\xd0\xdb\xd5\x95\x9e\x1a\xe53\xbb\xd5W"5mB\xaeH\xbdNz\xe8\xc246,\xf9\xd9\xc5\xd0\xf9\xc3\xb3Y\xdbB\x8fnb\x86G#\x9b\xfd\x01\x00o\x01OQ=P\x0e"N\x8c\xaaz\x0c~\xb6\x1a\xf3\xc7;$qQ\x82ME2w\xc6\xff\xda\x8bZ\x80\x0f\xf2-:\xaf\xbb\x13\x00\x00\xe0g\x9b9\xaf\t\'!~^C\xab[\x92\xcf?1\x08\xc9E\xa8L\x13X{5\xbf+\x97Y\xe8\x1b\x01\xf0\xbe\x8dm\x11\xf1\xc7\x0c&lt;\x96\x0bNy\xde\xe1\xcc\xc4\xfbA\x9co$\x0f\xb0\xc9~\xc1`u\xda\'\x12$\r\x84M/\xcf\xa9\xc8L\xc1tL$\xda)\x16\xb4\xd7\x8e\xac^\x8a\xc2+\r_\x17\xfb\xc5\'\xfe$\x00\xe8\x9e\x99E\xb1;\xce+C\xfa\xfeJ\x07\x90\xe4k\xc5\xa2Q\x13\x00\xfe\x08 \xe2\x93\x01\x10\xbf\xa3=\x9bT\x19\x10\x11\xf1i\x86\xe6\xf2\x9a]\x93\xcc\xad\xb2\xb9\x99\x83k\xae\xc8\x8c\xcd\xdb\xfcl\xef \xbeL\xa4]\xf8\xf5b\xc9%W\xbcj\x95\xf3\xdc\xfe4\x11\x81(\x93\xc4u\x85\xf00+\xfa\xe1+\x17Q\x11\xc0\xfb\x8c\x102 \x17^\x8e\x84\xf1\xbf\xacs\x05\xcb\x86X\xbc\xa9\xdf\x92\xa5\xb7\xac\xe4A%\xa4\xb2\xf8Sx)\xe3\xf9\xb3R\xbb!\xff\n\x8e}i\xd9\xb2\xa58f\x9e\x004!\xe6\x83%\x8f\xb6\x80\xa0\x85\xbb\xe9\xef\xad\xfc\xd8\xfa\xad#\x1d&lt;\xfd}z\x8f\xb8\xabK\xf4b\x0b&gt;\xf2\xba2\r"\x02\xe2C\x87\xe4\x1fv\xa8\xad\t\xd4#\xa7\x1f\xcc\x82\xa7\x02\xaf.dP\x12\xd9\x94\xaa\xe8:M\x88\r3!\xe9\xec\xb0\x1cT\xcfJ\xd8\x84S\xbd\xdbJe]\xe2\n\xc86\x07\xea\r\x10\xdfZ\x11\xbb[\xc013\xbd\xdf\xcc\x8d\xb0\xedJ\x9b\x8erV\xf2wl\xa3\xcbK\xa3\x16\xef\x95\t\xc0z\xf3\xc3{\x8f\xea\x07)[\xf1\x9c\xac\x04\xb2\t8&amp;\x19\x87\xad)\x11\xd7\xb48 \xaduQc#QTW\xfb\x88\xa7)\xaf\xb1\x12\xca\x88\xe2\x9b\x0c\x98t\xb5\xd8\xf3\x0c(\x91\xed\xbb\x05\xb1.\xcc\xc3\xb3\xe6\x96i\xd8\xa0x\x0b\xdd{\x9aT\xe6\xdf\x9c\xd8V\x9e\xe1\xad\xa8\xae\x0e\t\x83\xfca\x1d\xc1\x0eWV\xac~\xdc\x7f\xe5\x8d\x17\xe5\x93b\xd6\xa5\xf7\xef@\x7f\xda!)g\xbf\xa4Mf\x87\x03m#\xc0!!;n\xe7\xa7\x0c\xeb\xe7\x9aj\xe6\xe02\xb3V\x8d\xd2\xedED\xfc\x02\xe9\x94\n+\x13b\xe5u\xc8\x1c-\xd2\xa6u\xcfq\xb2\x11\x95\xcb.\xc4z\xa0\xd4\xc5\x9a\x97\x1b^\x15\x05\xdan\xac\xe9\xf0(%s\xfc\x88\x88\x0fhUW\x8a\xcat|\xcd\x96;z\xaaQ\x9a\xddw\x0e\xeb\xea\xd2\xb5\'\x0b7\xe11\x85U\x15\xb3]\xbb\xde\x84\x1e\x17\xba\xecF\x00\x80\xf8\x97\xba\xc6\xaaY\xcb\xa9\xcf\xca\xf8\x8dVXH\x9cC\xae\x1cU=\xb3\xf50\x1a"]\x1b{6\x00\xd2j\xcb\x02\xae!\xbc\xf84\xed\x1217\x9c\x90?\x06\xf4&lt;(\x8f\x13\xbfN\x17\xbc\xcb\xac,\xd8\x0c\xb1)\x12-\xf1\x15g\x1b\n\xf1=\xa8\xca\x83\xa6\x86\xbf78B\x0c#\xd14\xeb\xa0\xd0\xbf9\xcf*\x16\xbd\x97U\x86\x94\xf2\xa84M\xd1\xc5\x17\xdf\x86\t\xa0i\x01\xb2\xf1\x90+\xe9G\x9bZ!\xa9\xd7o\x9e\x10\x89R-|\xfdk\xae\xe2\xa0[T3)n\x1b\x99&gt;\xfa|\xb25U;t\xcd\xfe|\x7f\xf1\x19\r7\x98D-\xbe\x19_\xdf0\xb2\x19&amp;\x00 &gt;\x94\x98h{,\x08:\xd2Z\xa2\xe5\xae66A\xd5E\x02\xd5M\xfb\xe7q#5\xf8\x8d\xef\x86\xf9\xd4\xae\x9d\xf1\xf2ArX\xcci\xbaIn\xf4\x1aK\x03\x86\x90\xb3\xeaj\xe9\xa3\x86~\xdc\xba\xdf\xb3\t\xc0\xc26\x1f\xd9\x00\x00\x18\x065\x1d\x14\x16\xe1\x15\x06\xa7\x87\xd99\xd2\xde\\\x16\xfb+\xca\\\xdb$\xd0\xc6&amp;6\xbf\n\x13\xc0\xce\xe4\xda\x1d\x8f\xd4{5{\x82FP\xb6\xe4\x99?\xff\xe4f\xaaI\x9a\xd8JG\r\x80\xeb\xf8I\x94\x8c\xabl\xe3t\x8b\x1f&gt;\xf2Z\xc2\x0b\x87e\xfco\x94\x96G\x17\x19\xefYY\x89\xc28\x83v\xa6\xab\x98\x85/K\x03\x1d\xf6\x97\x1e\xa5c\x17S\x15ud\x07\xb0\x91\xf0^!\xf5D\xf9\xfcN\x15\xc3iH\xed7\xf6\x8b&gt;\x018\x81\x8dZ\xa1\x8br\x9a\xea\x07\x9b\xc4\xf9\x99\xef\x00H\xcd\xae\xdf\xcbx\x1d\x7f\xaa\xdbLt\xf5\x11\xf7\x10/v\xb4M\xa6\x81\xb1\xc0\x92\xaf\x97X\xb5!"\xe2O\x93\xaf$D[\x05\x8e\xc0u,J\xbbFf\xf3N\x00\xff\x08\x88\xdf?p\x02\x188\x9d\xb47\xefT\x7fm\x13un\xf7\x04\xb0\xfd\x82\xf476\x15\xbf\x07\xadC\x97\xb9Jf~q\xe3^\xa53\xd70\xc6\xe5*\x1fw\xca\xa0\x8b\xecob\x13\xaa}\xb7\x91\\*\x1a\x90\xc5\xa2\x7f\xba\xf7\x8e\xd9\xc53\x05\xdb\x10\xd8\x8d\rm\x913\xecZ\x8bt\xa1\x91\xc3pN\t\']\x8c\x8a\xa4_L\x02\xa6\xe6\x8f\xb5\xe7\xe5!h5\x9e\xe5\xef\xa8,\x19\'\x92#\xac\xdd_C\xea`v\xc2\xe2\xb5\xa0\x9eN6\xaa\xc0\xea%e\x87\xb4\xd1K\n6\x1e\xd2\t\x9e\xf7\x85s@\xd0V\xd2\xf1b\x028Hl\r\xa7dipa,\xd7\x0e\x8d\xf5$\x8d\xc8\xe9\x1dd\x90V\xf6-\xcd\x89\x1c\x1e\xf0n\xfd_\x1d\xa9\x14\xad\xd4|\xfe\xbcW\xd1\xc9.\x19\xf3\xfe\xa2;\xb0\x8a\x8a\xcc\x84\xe1v\xb1\x92\xda\x84\xa3\x9c\x8e\xc7R\xd2\xdd\x82?\xd6\xc3\xbf`5\xa7\x94\xa27\xeb\xb7\xf4Mz\x1a\xefD\xd7\xb1I\xe0_\x19x\xda&lt;2\xf6w\xa3\xe9\xefP\x87p\xdb\xe9k\x080\xff\xce\xb7\xf9W\xaa\xc3L\x00E\xb8/\x12\xe1\xd1\x03\xf0\xce\xd4\xb6\xd8\x8c\xd9?\n\xa96 _\xf8\x1fyGD\xc4/\xf7c\xe1!\xd9\xf1`\xbe\xe0n-\xbc\xa8]\x8c\xbe\x07\xe9W.2K\xf9;\xaa\xbe\xec\xd8\xa2l\x12\xfd\x90\xcc\n\xf3\xb9\x10\xc2\x1d\xed\xbf/_\xb0\xa9\x16\x85\x10 \x04\\y\xaf`\xa2\x94@\xef3\x93\x1f\x90$\xab\xe9\xb1\xfe\xf2\xebvd\xc45\xf7\xeem\x92\x86\xb2\xedq\\\xdd\xbcA\x97\x03\x8fZ\x86\xd6\xafR\x92\xcc\xe5P\xa7i4\xb4\xf5y\xbb\xa06\x84\xaa\x97\xd6\x0fFe\x12\xb6\x86\xc1\x9fl\xbcd]N\xa9\x06\xbd\x8dx\x05i\x89\x1b\xb7\x1d\xe7\x07\xdf\x01\x8c]\xb3^\r\x92\x17\x0bk(p\xcb\xe5\x0bSDc]\xea\x84\x00\x10\xe0\xa5d\xad\x04\xda\xa2razU2\xd2p\\\xf9\xb8\xb6F\x8b\xdb\x94\x06IYv\xa8\x02\xfe\xa0\xa5\x19\x14\xd5$\xbc\x03$&gt;\xde"\x9d\xb1Uo\xf2Ys\xc4\'G\x9eR\xae\x005\xac\x9463\xef"c\x83\xaa\xba)\xeaT*/{\x80m3d\x8c\x8f\xeaD\x11\x1a,\xbf\xba4p\x8a\x1b"\n\xf1)\xfdBVi;\xb6\xba6\xa8\xb2,\xe5\xca\xafv\xc9\xd55\xaf\xa5\xed\x92\x89\x9f\xbaB\xf2\xaf\x01\x15\xfe\xf2\x90\xb6F\xb6i|kN\x88\x0b\xa4\xa9\x88\x93\x95\x96\x9c\x1a[\x8d\xd3\x84\xd4\x98\x1f,x\xdb\xad\xd7E\xf6U\xcb\xe6P\x0eK\r\xfd\xef\xe2\xa7\xd2q\x1d\xdb7\xdd\xc2\xe3^\x91\n\x86\x03\x86\x03\xe2\xcdG\xf9L\xa9\x02Q\x9eH\xb7a\x19\xe4\xb1\xdf\x8c\xb3\x9ay\xe7\xf4g\xbe\xf4-\x9d},?\xd9hT\x07\xbf\x8a\xda\xf0\xd2t&amp;\xb3\x01i\x93q5\x18*\xf3oI\x12\x96\xb6z\xf3\xa3\r\xc6\x8b\xdd[\xbe\x85#\xb6\x88\xd1D~Sa\xd4\x02o\xbe\x96\x05\xe4\xaf{&amp;{[\xe6\xbe\x88\x8f\\\x85w\xd2F)\xa0\x19Iy\xc4\xda\x0b\xd3\xdf\x07\xe7\xd74\x17\x19\xdf?\x16gCn\xca\xb8\xf4\x96\xd39%2\x9b\xc35\x83\x84\x86\x9f\xebAr\xa7P\x93\n\x1f\xce\x92\xfb"\x01\x9a\x02\xe0P\x15\x9c=\xba|\xfc_\xdf\xac\xea\n\x12\x0eJvT`~$\xa5\xbf\xb6-?\xab1\x1d\xcfD\x1e]\xa8\xc5J\xfc\xd7\xbb^\xf0\xdc\x8dX\x18\x08\x80x/\xb1\xc9W\xd5_N\xb7\x85\x81\xf6\\\xc6\xb4\xb2\xa1Z\xa3E\xa3&lt;1md\xc8\x10\xf9v\x98%\xeb\x90\xceS\xa6:!\xf0\xac\xf0\x8d\x86\xb5\xf9\xf0$\x00g\x04\x14K-[\xab,\xe6\xf0}\x8d\xa3b\xbb\xf1\xb35\x91(\xbf4\x94\x1a!"\xe2\x1f\x988\xf9\xb6\xf5\x0er\x80\xf1\xeeN\x10\xa9\xab\x8d\x99\x90Yu\xa6\xb3\x02\x05\xdf\xdc\x8b\xb4\xb1\xd4\x1e\xc9\xbb+\xecb3l\xa5\xd3v\x9b\xb3Y7\x96\x0c\xf4\xc8\xad&lt;U\x81\xe8\x1f\x05\xf3p\xa3\xae[\xe4\x8e\xbf\xe5\xc3\x93\xb7\x9cx;\xc7\xde\x11h \xf8-\xdc\x80\xf1\xbf=:\xf1\x07\x1a\xb0y\xe4\xd7S\t\xd3P\x16\x08\x00\xf7\xa4\xf2\xef\xe1\x82\xcf#\xe4\x19\x1a\x05\'\xc2KQ\xbb\x8d\x9ad9\xefjXt\x98\xe8"\x83\xf8\xab\x9b%\xae\x1eQ_\xcb\x03\t\xf0]\x06(\x1a2\x03\x0c\xfcU\xb8\xed\xd3\xe5;\x027%\xe3\x8d\x8c\xcd\xcd\xb9/\xd2\xe3\xbc \x1d\x9c\xf6\x8c\xec%LV\xc1\xebA\x9a\r\x15\xa5^GuB-\x85\x0c,\xbc0\xd1\xb2\xcd\x8a\xc1\x08\xc9\xc3l\x8cX&amp;\xe7\xb4a\xdb$\x16\xaf\xcb\xc4\xd6\xfe6\xcd\x92\rt\x1c$\x13U\xb6\xe7\xddK\xaa\xfc8;g\xd3\\\xa9\xaa\xe9\xf1\x1eM\xd3uf\xbb\xd8l\x02x8 \x16\xb7\xae\xea\x13\xc0\x9f\xe9\xb0\x7fh\xbb\xa9k8e 1%\xb5\xe1`\x18\x92\xcc|\xf2#q\xee\xd6bn\xb5j\xf9\x0b\xe6uxG\xef\xd4+M\xd7)\xf76\x84r\x96\xa7\xd6\xe3\xdd\xd5L\xbc?\x93m\xd9\xe1\x97\x1c\xf1j\xb1sZ\xf2\xbe9a\x01\xc0[(\xf3\\\xb7]U\x81G \xe4\xde\xb2\x80\xf8\xd2\xf5,\xf1\xa56\x05\x0e\xb2\r\x91\xcc\xbe&amp;\xfe=20\x96d\xe8\xd0\xc3u\xf6\x15\xa5\x03\x0e\x9b\x92\xf2Ud\xc3b\x04\x11\x9f\xd6\x15\xd0\x98\xbe\xd3\xad\x7f\x02\x00C&gt;E\x00\xbc\xbeG`\xfc\xf0q)\xda\x91\x9774\xbb\xe9\t\x89\x91m\xdc;\x01\x14\xeb\xd9\x0b\xc6u\xb5[a\x01l\xe1\x84q\xc9\xce\xa6\x8d"\xec\n\xef&amp;T+\xba\x1dT_\x19\xda\xae#\xf8\xd1\x88\xf4\xaa\xa3M\xc8&amp;\xe8\x88|DLce&gt;e\x97\xd0\x97\xb2\xcb\xe6=\xd2rl\xa3\x1d8\xdbK&amp;Nc\x93\nO\r\xed\x16\xfe\x91\xe4GHO.\xc2`\x0b\xd5v*RY;\xf3X\x1bXE\x8a|L\x7f\x06\xca\xe5\xd26\xe6\xb5\xfeS\xb3=\x0b3\xa3\xa2+I\x9b^\x0fQf\xda%T\xfe\xe3\x13\xabBj\xe8\xf0\xf3\x1a\xe1\x95\x8a\xa0\xc82\x8e\xe6#\x00\\\x89hk\xc09\xc4,f\x02\x18 \x95\x97_ek\x98\x05\x86\xe0u\xa9e\'\x00,\xa8\x0f\x0fI\x97\x85\x0f+W\x95\n\xa86\x8dc:_\x91\xb0\xce\x19\xa3\xa3\xec\xb8\xef\x1cB\x04\x08G\xc47u\x80\xf4\xe2\'\xdc\xcc\xa7\xba\xde\xe3h\xcc\x02t\x07\xc0\xd3\xc8\xe8TDa\xef\xe9d\x85\xa6!o\x01\xb3.(\x0f\x02]%:\xb4\xd9t\xd6cD\x14\xc8\n\xd1\xb3JO\xc0\x97\xadhX\xa2!&gt;-&lt;\xc3i\xc0\xdb@\xe3\xfee\xf0\xd4\xd4\x91\xfd\xa7i\xb2\rUu;V\xbe\xa9o\x9d\x9f\xa3\xee\r(\xd8_G\x19QeG&lt;\xea\x86\x95b\xb7\x17\x12\x96\xe1\xd7\xec\xf9\xcbns\xa4%d\x08\x10B\xb0\xd84q\xfa\xe2\xa3\x9b\x10\x11o\xdf\xd2\xb0gh\xdbI\x08\x06\xf1\xf7\xbeg\xfe\x10\\\xd7\x03~\x92\x1b\x98\xb8$ \xa0\xc9\xa1&amp;0\x17\xc2\x85\xe5\x11w\x00q\x02D\xc4\x83,@&amp;\x7f\xc7\xaf\xd7\x0f\xe1\x1f\xbd\x12P{#\xad\x02V\xbb\x00\x00 \x00IDATk6W\xaf]\x12\x02\xec\xbeNg\x89]M\xb8\x168\xfaJ\xaa\xdap\x8e\x87\x85\xfa\xd7t[\xbb\xb4\xd9\xdeQza_\xf5\xfd\xebMc\xbfDE\xec\xe6\x98\x9b\xf6z\x1d\xa0t\xa5\x829\x16\xa4\x00\xc2\xf4\xcd\x85$@\xbc\x88(&amp;\xe8Q\x9b\xd4\x8112\xe4\xf7\x00\x02\xf3)\xa5\x9dWX\x81\xbcc\x1c\x00\xa4\xec/\xed\x0f\xf4^\\x\x08\xc3\xe5\xd3\xfdk\xb3#|\x88\xdc8\x00\x04e\x05A\xeb\xa7\xcdFE\xb7\x17\xafwo\xa4\x9d\x96\xb6\xf4\x97\xc9.E\xcb&gt;&amp;\xeb#o}\xdc\xca\xc6\xb7\xb54\x05 \xfd\xa2/\x99\xa7\xa5@\xb6&amp;\xd3\x05^\x84\xc2\x8a\xc1\x17\xfc\x93\xf9\xff&lt;{\xa0\xb4\xf1\xe7\xa2\xe0!8g\xa5\x83v\x02\x831Is\xd3F\x95\xf1\xfe\xcaZ\xf3J9\xb3\x88\xe6\xcd\x9dC8\x0e-S\xb1\x18\x00\xb8\xcdM\xdc\xf1P\x87\x8c]z\x93\x80\xbd\xf8\x06\xe9X\x84Ke\x9a\x1f;\xc9@\xcf]7\x9d\x0b\x1c\xb3\xb7`85\xb1\x0cU\xefR\xb4\xba$wI\xe3U\xd8\x9c\xb0\x9c\xe2Ua\x14\xe4)fP\xd71\x93\\\x08\xae\x0bT\xfa\xa0\x9br,8\xfd\xaf\xd0\x88k\x00\x0b\x9a?\rA\\{lS\x19\xd73;\x8a\xe5\xbe\x8a\x04\xcbJ\x84=}\x99\x05\x8c\xc7\xb1\xd2\xe2&amp;\x1e\xdce\xad\xedc\x177j\xa3/;\xe5\xf2\x87\x06-[\xcfM\xceK\xaaB\xb6\xa1\x9d\xa5\xcd\xcdI\x94\xe7\x97|\xcc\xd8\x93\x8cim\xc4hl\xa0@\xa8K\x10~\xe7\xfco\xe5\xfa\xdd|\xedY\x10\x82\x00\x18\xd6\xcf&amp;Z\xb7\xbcd\xf8\xa4VE\x91\xaf\xb6K\x13\xcf.Z\xb2*\xf4\xf0\xcb\x03V\xa2j%\x10\x9d\xd8\xa4\xa6\xd2\x05\xdbG\xf8w\xcdW\x94\xf0\xb2}\xbf1a\xfa_~\xd6`t\x8fS\xb6\xf3(\x92\x1f\x1d|J\xec\xc1FQk\xd3\xc7\xaf\xeb\x1eO\xbd\xc8\xa9\x0e\xfc\xc3\xd9\x0b\xc9%\xb98\x92S\xd9\xea\xb6\x84\x99i;z\xeeWh\x94\xa2\xa3$\x01\x1dD\x03&gt;i\xf0Su\x95\xb3}N\xb9\x94K\x11\x11?\xa3\x1e\x1fG\xe9\xf8V\xaaX\xa7\xf2X\x8c\xf6:\x06\xf1\xd5Q]t+\xa6i\xe5K}"K\x15ynZ\xf2c\xcb\x9e\xa6\xec{=\xf7\xb1\x12\x1a0\xbbAr\xd4 \xaa\xa2\xc86\x01\x18\xa1\x0e\x87\xc7j\x19\xa8\xea\xf2y\x00\xe5\x8d\xec\x06\xba\xea\xce\x9b9\xee\xd4\xa7\xa2\xb1u\x17\xed\x13\x88^\x1a\x8egM\x82Z\xa2\xdf\xd5\x0bR\xb6\xca\xba\xa3\x01\xcf*\xe2\xfdrON_\x0e\xd4\xd3\x0b\xf5\xe6\xd3;$o\xf6\xae\x8a\xea,\xeb\x19\'\x00$s&lt;=~\x9f\xbd\x82\r\xb7y\x1f\xed\xa1r\xc5\xe6\xb4uWm\xd0A~\x00\xdf2H\x14Y\x0bw\r\xb0\xcd\x97E\xf0\xf3\xc5\xb2}\xd3N@\xfc{\x01\tO\xed\x8a\x8a%\xcbr\x84_\xca\x1cd0\x8f\xf2\x80\xdd\x99\xfd\xdd]UD\xdd\xbe\x1eL\x87|Ce\x8c?\xe5\xc3\xdeN\xf8\x98\xa3\xc4\xccN4\xd0V|\x14s\xf0^;\x96\x02\x8fLq\x0c\xf5;\xe2E\x99d\xf5+\xa5\x8f\xe0P\xf5 \xa1Y\x98=;0\xf7\xc7\xd97\x9f\x00\x96\xcf\xcc\xdc\xd0\xab\x93h\x1f\x99\xb5\xdb\xcbn\x88\x7f\xc5\xbat\xa3\x11Vu`\xb6\xd5\xc0\xf4\r4\x08\x80\xb70*\x9a\xf9\xb7&amp;\xac\xfd@\xdb\x15KV72\x8c\xe1}\xac)w\x9d\xe5\x10\xbd.\xd3\x98,8\x9a\x96|\xd4\x9e\xda\xd6\xcfB(\xce\x19\xaa"\xc7\xa4\x0bk?\xe4[\x9d\x00\xda\xbc\xdf\xd9m\xf7.\xd6\xe3\xed\xb3\xe0\r\xf9\x85\xb9qR\x19K\xb1\xc7\xe9J\x9f\x9d\x9f\xe00u\xb9jG\x1ek|ZHG\x8c\x1e\x93:\xed\xa6\x0b\xb4&gt;I\xd7 \t\xe3\xe2\x10\xd4&gt;\x01$\xd3\xfc\xc6\xa5-ka\xfa\x95\xe9W2\x1f\xac\x12d\xf9\xac\xea\xee.\x1b\xd8\xef\xcd\x81$\xf15\xa3Z\xf4\x7f5m\x7f\xf08O\xa0\xca&lt;\xfba\xea\'\x1d1&gt;\x91-\xd2\x8dY/\xb0}|A\x0fZ\xb4\xae\x9b\xd3m\xb1\xe4\x1a\xcb\x83\x88\x9f\xb2\x83\xa2M)\x0f\xad\x1d\'\x80F!is\xfa!\x9e\x11sY\x0f\xf8q\x19qx\x86m\x13U\xb6*\x81\x8d\xc17\x8e\xcaL\xc5\xf2\\\x06rUk[\x99\x8c\xed\x85QF\x96\xc2\x87\x05eS6\xa9nw\xf2Ud\x1fH+*\xfe7\x9e\x86\xa5K\xfb\xc6\xabM\xa3"\xb8\xe8\xfd\xe5\xc3QWR\xb1\xe7\x1f]\x1c\x89\x80\xb9\t \x0f\x9b\x0eO\x8e\x19\x1aC\xa2\xb8G\x94&lt;\xf6\xebe\x16\x0f\xbcn)\xac\xe4w\x038\xe0\x04\xa0+\xd6;I\xda\xc0\xca\xfdd\xb5Sa\xe3%[\x84\xc6&amp;\x9f)\x8am\xeb\x89\xa9\xd53\x85S d\xde\x9ac\xbbv\x0cY\xdb4\xbf\x00\xe2\xfbV\x9bg\x1fr\x06\xd9]\xf1\xd0\xfe1M!\x1dg\x1e`\x86\x83\xec@\x14x\x8c\x93\xf7j~\xfa\xa1%\xac\x05+:\x85\xcd\xed\x7f\x9d\xcd\x12\xad\xd2\x86\xe6\xd0\x8d\xe2V\x97\xba\xff`1\x91\xde\xdf\xd29&amp;\xac\x87\xc4 \xa3h\xfc\xc6\xc2\xbd\xdd\x11\x06\xb3\x82\ri+\t\xc6\x88\xc1\x96\x82I\xb5\xac\x18J\xe6\xba\xfaM\xbaS \xfc&lt;\xab:\x8c\x17l\xcd\x08w\xb0B\x19#\xf90\x11x\xe2\x82\xa0\xae\x88\xeb\xba\xfeX\xdab\x17\xdb\xbc\xa7I\x84l2X\xf6\x08\xec\x81\xdb\xf1mih\xa7\xf7\xd2\xa6Xf\xd97s\xb6J\xa3\xf0\xc6\x99\xb4\xd6\x1c\x8a\xf8\xfa\x1d\xdc^\x02\xdcbDu\x92\x1d\t\x9dt\x8d\xc8\xbd\x06*\x8b\xf7\x1eZ\xa7.\x9c\xb5\xe4\xea\xea\x12\xc4^C\xf2_\x07B\x93\xd5\xdb\x95P\xaa\x84\xff\x03\x10\xff\xba\xa5a\xad\xde@\xcb\x8c^\t\x15\xc9\xdef\x17!{\xbc\xc7\xa2\xd0p\xeb\xec9\xc9\xb2V\xd2T\xf4a+\x8f\x8fU\x87\xe9=\xc55\xf9\x80\xef\xe3\x95\xafy\xfaR\xf1z\xa8\xc1R\xfa\xa7\r\x1e\xad\xa0\xe6\x02\xe7\x83\xf1\x94Y\x9a\x1f\t\x02\xfc\'\xe5,G\x02\xdb\xc3\xa1X\xd8\x0e\xec\xb3\x8b\x04\x001\xfas\xf9\x11Q\xf8$\xeb\xc4\xaa\xe4\xc1\x887"k\x14\xd6\x02\x85\x15k\xf4\x94Q\xec\xa5\xdc\xea\xd2\x1amy?\x95Gn\xa8\xf1\xcc\xa7\xcc`\x14x\x1d2F\xd2n`p\xb9~\x80\xcb\xc5\x1b\x16I9\xe6\xb5\x8e\xd0\x92f*\xa7\x0f\xfc"V?\xbbjT\xc6\x94w%\xc7Z\xb1\xc8\xbe\x19\xa6\x9c\xc7\x89+J%0\xcb\x9c\xaad%\xdd\xce\x83\x8d\xb0\x0b\xd12\xcc\xe4@\xcc(?\xf2\xf9\x84\xf3\xb5\x89\xb4=\xcd\xf0\x93\x05\xde:P\x9b\xe4\x8f\xf5\x01\xf1\xfcM\xc7\x8a\x9d?\xec\xdecR\xd6\xa3g\xc5\xcch\xd8\xea\xcd\xe1\xaa\xa6\xbc\x8b\xc4\xe97\x11\xedt\xb00\x03\xcd\xb9\xac\xc9HH\x8b\x1bZ\xdd,\x18\x91\xc9\xf5\x96\xf9O\x9f$\xc4\xbcv\xb9BYB\x19\x86K]\x97\xa0\x81\xf7h\xf9T\xf4\xe4\x87d+\x0e21\xec\x0b|[\xca\xcd\xf6\xb7\xdd\x04\xc98\xc9\xb4\xd76\xea&gt;\xa5h\xcb\xda\x12\xbfJ`\xda&lt;`g\x1f\xeb\x02/T\xd6-\xc6\xad\x7f\x03\xbc6\x92:\xae\'81\xb9\xe96\xfdZm\xab\xf6\xda\xd8!\xb3!\xfd\x11\xadH\xcalC,\xc9\xf2\xb5\x94\\\xca\xbc\xc3\xba\xb2\xba\xce\xe2\xacxx\xbf\x15=d\x81\xda\x16\xd3\xa4p\x9c\\*h\x1d\x18\xa6.h\xa32\x06\x1cm\xcd\xf2Y\xcc\x0f+\xdc\x8b\xc2L\xa0`\x1e\x085\xd2\xa7\xb9$\x1b\xfa\xc3\x8d\xb6\xa9\x8bu~t.x\x15\xfdR\x87\x1a\x83\xb3\xe4\x89\x07\x9aC\x1dM\x80\xefR\x95\xe3\xa5\xc1?\xff4\r\x02\x00`\x7f\xb7\x0cq\xfe\xa15\xec\xfeA\xeaI\xcf]\x03\xfc4\xe2\xa4!\n/\xd8\x04\xa7\xb2\xcc@\xa2,\xfez\x10\xae\xbf\x97\x98\x99s\xd9\xdf6\xac\x02Hl\xf7`\x9d$ca\xaf_R\x01\xa3\t\x8f&amp;\xd9\xf9\x93{\x00\x80K\xdc[z\xb0\x04_\xfc\xca d\xf9\xb9\xcd2\x14Fc\xd1\x0b\x0b\xbb:\x94\x90\xfc\xf0\'1!\xc4\x86Q)\rx\xe0~.\xf48\x84\x1ex\x99\xdf\xcaS\x91\x8a\x08\x0f\x00\x95\xdf\x91e\x8f\xc7_H\x06A~\rm\xfb\x90P\x8c\xd5i\xc8\x8f\xc2\xafD~\xa3l=H\xa7\xc1\x81\xd1\x15\x02\xfc_H~\xe1\xb0A8\xad\xbe!\xa6\x97\x92\x17\xd0\xf3\xcf\xb0-\xba\xd6\xc1t\xe9\xb1R\xff\xddJ\xf9\x07\xf7\xd8J\x1d\xdd\xba\xe1\x8bf\x11\xbaR*\xe7v\x1c\x06q\xf1\x83\x88\xf8g*|\x13\x05gG\xc4R\x11\x0c\xea\xc1\x10\xe2\xcf\xf8\xb9\xa5\xd1.\x90\x1a\xd3\xde\xc3\xe9\x8a\xc0\x83V~\xe7\x046\xef\xec\xe2\x97\xe4\xf7\x05k\xe5z\xdc\xacJc\xa9\x90\xfc\xbc\xef\xa7\xda\x97\x86\x1cb:&amp;\xa8\x03\xe3ao`\xd0&gt;*\x7f\x18Ri\xf8y)X\x97R\t\xc0\x85I\xda\x045\x1bg\xddCI\xdbm\x01R\x05m/\xea\xa3\x13\xe2\xfbd\xf6\tn\x19\xa2\xeb\x02\xee\x15\xe3\x01_\xd6\xa0z\x0b\xc0^\x891\x92_F\xac\xab\nP\xbc\x8e\xcb\xe6e\x9e\xf2\xc7=\x11\xe9"]g\xb3\xe7\xb7\x0b2*\xd8\x1fH\xd25\x92k.\xd7 V\xba\xb6Kx\xae+WE\x0f\xe8\x89\x87\x1b!\x95\xc8\xb9\xc88\x19NE\x08\xd2\xb4\xa2]\x11i\xb3=\xe9\x91e\xd8owmPjt\xaf\xc3\x0c\xb6\x86("y\xc7\xd3\xca\xce\xf9\x12\x17\x9c\x01T\xf5A\xf3X\x1b\x9e\xff\xd1\xe3IM\x08\x97d\xdc\x91P49FP\xefH1aUW.\x99\xbf\x8b\xc4g\xcd\xfed\xf8m\x92Cv\xee\xc0\x18C\x18W\x82\x8e\xabU\x08\x00\xcf\xec\xd1\xae\xba\xda\xc2\xa0\xb4\xd2\x18&amp;\x9e7\xba\xa1:\x1a\\\x07hH6\x84-\'c\x14\xea\x9c%\x00\xda$\x01Vd\xd8\x91\xd3\t\x11\xf7Y}\xcd\xc9\x911\xd8\xae\x12!w\xef-\xc7\xb6\xf2H]k\x9f\x006\xa2\xfd;0\xa6\xfe\xf9\xab\xb9\xd5\x90r\xc1\xd4\x1e\x91\xc8\xbc\x17\xab+\xdfk\xf7h\xbdcSs\xbb\xa5\x9b\x86H\xd3\x9c\x08\xb0\xcd\xda\x02\x11o\xd0-\xc1bM\x9bG\xab\xb2\x11\xef\xa3\x8f\xf4x\xaa\xfc\xd0\x8cJ\xd2\x05\\\x1f\xd1\xd1\xa1\xc0\xcb\xe4\xecM\rZ\x8d\x8bM\x98\xf3\xbb\x1f\x13#\'\xef\xd1\xcc_\xff\x9e[r^\x17gT\x03!"\xe2S\xc6\x06\x9c\x92\xda\xd8\x811H\xdd&amp;\xb7\xcc\x0f\x1f\x87\x88\x0f@\xe6\x16\xc3\x1b\xb6\xc1S\xce\xfe\xe8\xf2Aj8\xd00\xe4F\x1c\xab\xb7\xd9\xa5\x9d\r\xd1\xb0\xdd\xef\xefj\xaa\xa8&lt;U\x85W\xca\xd9\x9b\x1a\xb4V\'\x80\xc9\x14\xbc+\xb3\xd3\xe9\xa1b\x08\xe5\xf3A\xe6\xd8\xb1\xfe\x94l\x19e\xdfn\xdd/\r\xcb\xce\x9e2\x0e\xf5\x83O\xca\x16+\x1a\x82\xba\x0c]\xa3\xbb\xaa\xaa\xa3\x94x"\xe3)\xab\xa6\x9c\xd8\xc6\xd5\xb1nE\xb3\x99\x11U3\xe1\x1d\xc8g\xae\xc0\xd2\x03,\xd7%\x98y#\xb5I~\xe4\x12%\x04\x1eJ\xa74\xea\x8cQ.\x9e\x85\x17\xf2\x17\xa5]\x8a\x1e`\xd4\xbe\xd0\x8f\xb6\xa9\x91\xe9o\xe5\xd9\xc5Hq\xe4\xbb\x9a`VArb\xc8\x13M\xdfh?\x14)\x06\x90\xb5\xbc_,G\x0cO\xab\xc0\xe4`\x01\xb8"\xaa\x10\xcb\xf2\xf8b\xec\xa2!\x81\xb7]&gt;\xb4&amp;"\xa3\xbd\x92\x99^\x8d\r&gt;\xba\xc0\xad\xa3\xe8\xd1:e\x98\xfc\xdes\x00h}\x08K\xf2i\xf3]\xb4Q\xe0\xc1\x1f\n\xd3\xdb\xc6\xcf\r\xf7\xd4\xc7V^9\xa5\xebV\t6\x1cH\xb4_\x8a\xa6x.\x91\xe0r\x8e\x82[\x0c\xec}\xe4\'!\xee\xc1.\xa3\x02=z3]\x95\xa7\x0e\xc9\xb8f\xfb\xc5\x8bm\x14\xb9\x12N\xd2p\x19S\xeb\x87\xe5\xff\x01\xcf\xb1\x16\xee\x8a\x94&lt;P\xb6\xb1\xb3\x06?\x08f$\xfbd\xca?\x94\xd1\xb1\x1cX\x9f\xf4X&gt;\xc0\x88\x88\xbc\xf8S\x18=\x00z\xb2\xd1\xf2oW\x8f\xe4\x9f\xcd\x806}\xfe\xc5\xb4\xec\xc5\xf5f\xe7\x0cI\x98\xa2\x97k\xc5E4"\x88\xb7\xd6Tf\xd6l\xb9^4Q\xc8\xea=\x03\x9b\xce\xd10U\x8f\xba\xf8\xa7\xf8\xe2s\n-H~\x0b(\x99\xce1\xfe3f/B\x1d\x91=\xac9\xfbjy\x04\xf5\x1a$D\xc4?\xbd4\x08\x03\xbd\xc3\xa0(\xbc\x12\x84\x88\xbf\xe7o\x12\xe9\x1d\xd6\xaf\x00\xdbW\xea\xf7,\n\xa8\xf5\x9cJ\x81\xe2\xb7\xab\xc29\xaa\x</t>
        </is>
      </c>
      <c r="E296" t="inlineStr">
        <is>
          <t>&lt;class 'numpy.ndarray'&gt;</t>
        </is>
      </c>
    </row>
    <row r="297">
      <c r="A297" s="1" t="n">
        <v>295</v>
      </c>
      <c r="B297" t="inlineStr">
        <is>
          <t>steps_per_sec</t>
        </is>
      </c>
      <c r="C297" t="n">
        <v>4300</v>
      </c>
      <c r="D297" t="inlineStr">
        <is>
          <t>10.132577</t>
        </is>
      </c>
      <c r="E297" t="inlineStr">
        <is>
          <t>&lt;class 'numpy.ndarray'&gt;</t>
        </is>
      </c>
    </row>
    <row r="298">
      <c r="A298" s="1" t="n">
        <v>296</v>
      </c>
      <c r="B298" t="inlineStr">
        <is>
          <t>Loss/object_center</t>
        </is>
      </c>
      <c r="C298" t="n">
        <v>4300</v>
      </c>
      <c r="D298" t="inlineStr">
        <is>
          <t>0.66858345</t>
        </is>
      </c>
      <c r="E298" t="inlineStr">
        <is>
          <t>&lt;class 'numpy.ndarray'&gt;</t>
        </is>
      </c>
    </row>
    <row r="299">
      <c r="A299" s="1" t="n">
        <v>297</v>
      </c>
      <c r="B299" t="inlineStr">
        <is>
          <t>Loss/box/scale</t>
        </is>
      </c>
      <c r="C299" t="n">
        <v>4300</v>
      </c>
      <c r="D299" t="inlineStr">
        <is>
          <t>0.109354876</t>
        </is>
      </c>
      <c r="E299" t="inlineStr">
        <is>
          <t>&lt;class 'numpy.ndarray'&gt;</t>
        </is>
      </c>
    </row>
    <row r="300">
      <c r="A300" s="1" t="n">
        <v>298</v>
      </c>
      <c r="B300" t="inlineStr">
        <is>
          <t>Loss/box/offset</t>
        </is>
      </c>
      <c r="C300" t="n">
        <v>4300</v>
      </c>
      <c r="D300" t="inlineStr">
        <is>
          <t>0.24782184</t>
        </is>
      </c>
      <c r="E300" t="inlineStr">
        <is>
          <t>&lt;class 'numpy.ndarray'&gt;</t>
        </is>
      </c>
    </row>
    <row r="301">
      <c r="A301" s="1" t="n">
        <v>299</v>
      </c>
      <c r="B301" t="inlineStr">
        <is>
          <t>Loss/total_loss</t>
        </is>
      </c>
      <c r="C301" t="n">
        <v>4300</v>
      </c>
      <c r="D301" t="inlineStr">
        <is>
          <t>1.0257602</t>
        </is>
      </c>
      <c r="E301" t="inlineStr">
        <is>
          <t>&lt;class 'numpy.ndarray'&gt;</t>
        </is>
      </c>
    </row>
    <row r="302">
      <c r="A302" s="1" t="n">
        <v>300</v>
      </c>
      <c r="B302" t="inlineStr">
        <is>
          <t>learning_rate</t>
        </is>
      </c>
      <c r="C302" t="n">
        <v>4300</v>
      </c>
      <c r="D302" t="inlineStr">
        <is>
          <t>0.00089500006</t>
        </is>
      </c>
      <c r="E302" t="inlineStr">
        <is>
          <t>&lt;class 'numpy.ndarray'&gt;</t>
        </is>
      </c>
    </row>
    <row r="303">
      <c r="A303" s="1" t="n">
        <v>301</v>
      </c>
      <c r="B303" t="inlineStr">
        <is>
          <t>train_input_images</t>
        </is>
      </c>
      <c r="C303" t="n">
        <v>4300</v>
      </c>
      <c r="D303" t="inlineStr">
        <is>
          <t>[b'512' b'512'
 b'\x89PNG\r\n\x1a\n\x00\x00\x00\rIHDR\x00\x00\x02\x00\x00\x00\x02\x00\x08\x02\x00\x00\x00{\x1aC\xad\x00\x00 \x00IDATx\x9c\xec}u\xdc-Iq\xf6\xd3\x97e\x81E\x96\xe0\x16\xdc\x9d\x10\xdc\x9d\x04w\x08n\xc1\tA\x13t!H @\x08\xee\xae\xc15\xb8\xed\xe2|h\x80\xe0\x0e\x01\x82\xebb\xf5\xfd1\xd3=\xd5\xddU\xd5\xd53s\xee\xbd\xef\xfb\x9e\xfa]9g\xa6\xba\xac\xab\xab\xab\xab{\xe6\x00[\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la\x0b[\xd8\xc2\x16\xb6\xb0\x85-\xecd\xa0N\xe4.|\'A\xea\x97d?\x00\x01\xf4\xfe\x03-\xc4\xde\x80\xc1\xd4\xe3\x9fM3\x02\xeeq@\x9d\x8d\x00\xba\xd3\x81c\x7f\xd0\xc3_\xc3\xeb\x06\x07[\xc48\xe8\x80\x00\xa2K\xd7\x17\xc7\x0f\x15\xa8t\xe8\xd6c\xa4nav\xca\xa6\x83\x9f\x0e\xa1hQR\xde\x80x\xb3H\xae\x0fIwQ [\xfaZ\x97\x89Z\xbf~\xf3\x8c\xc38\x9a\xd0-\x8e \x95M\xb9f!\xcb\xf6\xf8\xb9\xa2\xe8"\xb5\x9b\x00~\x1b\x88D\xa33\x8f\x9f7\x04\x9c\x8b\x8cp\x12h\x06\xef\xed|\x03\xb9\xcb\\;\x1b\\\x93\xa4nE-P\x12e\x94\xe3H\x18\x9b\xfc\x8fL\xa7[\xc8[g\xdc\x85\x80\x0b\xdf\x82\xa3\xf6\x93\xde\x01\xa6S\x96\xfd\xec\x8a9\xceuf3\x90\xe0\x8c&gt;\xb4/V\xddW\xe3h\x83$N\x00\xe5\xc4\xb9\x04\x96\x18\\\x95S\x95}E\xcaR\xab\xa1\xe1\xd1s\x82\xf5\x1c\xa9|\xf8\x1d\xc4\x8b+\x8c\xc2&amp;\x82\xa3\x91*YB\xca\x99\x87\xbb\x8fr\x84Mt\xd3\x0e\x80"L\x1bhEL\x87\x19\x1d\x88\x1eH2fF\xc7\xd3\xdb\x93s\x88w#\xdc\xa6\xc6\x1f$Q\x94\xe5Z\x17\xf4%g:\x97j\x9a\\\x12K~%\xd7&amp;:rC\xeeF\xc7\xb3&amp;?\xb1\xe3\xda89\xae=s\xf7I+\xcd\xc4\xde\xb6=\xb0:e_\xab\xb5+\x9f=*9\x15\xd70\xf8\x04p\xaa\x19\x8b\t\x02\x80\x1b\xeb\x05\x80\x19\xfd%\x10\x89\xf2{\x88\x08\xbd\xe3\xe3\xbb\xdb\x80\xe9\xcf&amp;y\xa7\xbb\x18p\xf5\xd6l!\xc4Y\x85\x8b\x9e\x1b\x9e-\'\xa2\xf1\x12i&gt;D\x93\xcd\xe7@\xaa\x90\x06\xce\'\xdaIn}\xf5\x08\xb1\xb6\x00\x10=\xc1\x16\x89\x13T\x07\xde=\xc5~\x99\xb0\xac\xc4*\x11iZg\xf3@\xf4vU\xce\xde\xbe\x14\x88\xb7\xe9\xa9iMg\xf6\xcd\xe1\x05\x1e\xd9\x0euM\xc0\x9a\x0co\xae\x12\x94n)5\x8eM\xbbU\xe2M\xc6\xcc\xaf\\T\xa4\xff\x03\xef\x84j\'\x8eN\tw+\x84Z\xcd\x10\xc6\x8b!\x04\xbb\xb1e"\xa9\xb1mR\x91\xdd8\xb6\x14\xbc\x82`\xbaS2\xaaH\x0f^\x96\xae\n\\&lt;\xc2q\x82\xa3\xdfZ\xa8\x9a\xb4\t\xce\x0c|\x19(E\x8d\xad\n|\xaa0M\xf1&amp;\xd65\x1d\xa6{\x08!"G&lt;\xa3\xd7\x9a\x1e\xb2?\xa1c\xc0v\xca\xcdL\x14\xa4x\x12\x12\x96\xc8\xa7\xab\xa76\r\\\x97\xa9\xaf#,\xe9\xd0B\xcd\xf6\x98J\xf6\x99\xc6\x8e:\x84k\xc1\x86Vj\xd0h\xd9\x9c3E\x08\xb2\xa8\x07\x95\x7fo\x06\xf6UW\x02\x80\x10\x82Ow\x19\xe7Q+\x19n\xc8I\xea\xab\xe3\xff\xa5,A\xfe\x8c\xa2\xb79\xf9\xe8v2\xff0AS\xd6\x88QrVRoH\xa3\xe3+\xb2$_\xaf/\x11\xf0\xa6\xfab\\\xc6\xb9\x04\x95\xe5\x90\xf2\x1eM\xfb\x83mt\x08\xf2\x84U\x84\x0cc(\x08!\x8c\x1f\xf2\xfb$F\x7f\xde\xbc\x0b\xb2\xfc\xf7\xf3\xbd\xc2\xead\x85\xc2&gt;\x10\x98\x89f\xd9jr\xef\xdcw\x9c\xb4(\xfdS4*\xd2\x94\xaadT\xdb|X\x84\xc5\xe5X#\x83\xcf\xc8W\xf9\xe2p\xfb \xf3\xef\x8d@&gt;\x01\xc4P\xe7L\xa6d\x87\t\xe1\xfe\x00\x80\xeb\xe4\x15@\x00\xf8y(0\'\xb6\xd3\xcc\x1f;\xd2\xd8\xffy\xe5\xf0\x9f*KH\xff\xa4&amp;yh\xfc\x04G\x8c2\x14\xfa\xf4g\x89\xbd W0\x0b\x08\xe1\x8c\x83\x9c\x85A\xae.\xa0\xe2\x9d\xa1)\xb77O\x0e\xecC`=5\x8e\x8d\x83/9\x92\x9d\x11\xabMT&lt;N\x86\x1cV\x8e\x15\xbc\x8b\xce\xb1r5b\xe8\xcd\x93\xc4\x11\x17\xe2\x95y\x1dZ-\xb5=\xfc\x87\xff\x05\x86Y\n\x07\xe0\r\xfdSg\x9e2\xda\xb5\x1cY\xe3\xd8\x9d\x07\x9f\x83\xefG\xe8r7\xadp\x96\x17\xf2\xca+.R\x19\xdc\xd3\xbc\x9b\x11&lt;&lt;\xc6\xd3L\x06\x87\x16hI\xa86\x7f\xfa\x98sL\x1c\x1dzM\x08h\xa4,\xb6H\x86\xac\xd42\xbb\xc7\x9e\x9b\x8625\x95Wl&gt;R\x92\x16u=z\xbe\xa8z\xf3\xd2\xdfLk\xfbU0\xe8y\xd4\x98\x8c\xb0v\x9f6=FW$\x1f\x1d-\xd9\xa8Z\x99\x92r\x9e"\xe7\xeb\x1a\xfbt\xeb\xf9\x9b4{\x0e\xe4\xed\x18\xde\x1fBP\xf3\xf9\xf2H\xc7B\xb66$\xb3i?s\x0e\x8f\x13\xc0\x1c\xd8\x1e\x10\xe6\x1b\xc2\xaf[\xa6\xf0s\x8f-n\xe5\x17^\xe3\x98\x84yi\xc4\xbc\xa5\xd0\xaaCw\x0f\x88\xc5\xbcR\xce&lt;\xa2\xc5\xab?\xe8\x12G\xb30\x13cYG{{\xaa1\x10,\n\xfd\x03\xc7#\x8f\xd8\xdaIN,-:E*\x04\x98\xa7\x06\x11\x11\xbd~\xfa*\xa5Y6\xebN\x86[\x90\xa0a\xee\xe2\xab\x05*\x85&amp;\xa2M\xb1\x9fg\xc6\xd7\xd4\xcf\x82\xa1q)\xbf\xad\x1a\xe5\xcd;\xc3J}\xb7\xba\xf8*\xdbDW\x9d\xa3\xe8\x1ch\xe4k\x8a\xd1\x8a\x8b\xa7\x00\x9e\xe8\xe2\xe5\xecsE\xce\xae\x06\xba\x0c\x9a&lt;N\x998\xf6\x12\x8dj\x19\xb4\xeb\x1a\xe1\x13\xb6\x9a\xb7\xb9;\x06\xf5&lt;h\x12\x12\x8c\xbf&amp;\xff=\x00\xcd\xa2\x8d\xd5\xd6\x07:\xdf\xde\xf3[v\xea\xe4\x92\xb6\x90\xa1G\xd9\xd1\x1d\x0b\xae\xe7\xce4R\x85\xe9p\xe5J\xb6G\xe9C\x911\xad\xae\xf4h7\xc0_I\xf24[\xe5\xf6\xf8P\x03\xa7\xbex\xe38\x7f\xb8+\x1eu\xcf\xbb\x1a\xd6a\xd7\xd1\xaaW\x1e\x03\xc1E\xa4\xc1K\xed\\\x91@C2I\xfebz6\xc5\xd1\x89\x88\x8b\t\'\xad\x1e\x10\x9c\xa1K\xee-,1[i\xf4\xfb\x0bER\x83\xb0\xb2\xeaT;\xf5[\x8eJK\x87\xf0#\xa9\x8e&amp;gT%&lt;t*\x10\xcd\xadB\x14\xca\x08\x9fM3\xa6\x9b\x04\xc1\xaa.\x01\xf2 RO-m\xc9uT\xfbvaR?\xbb^\'\xf8\xfb\xa9\x8f.=\xdbs\xa0\x1d\xd0\x1a&gt;T~\xe5Y}&amp;\x9cw\x98|mu\xeb[3&amp;\xd4\xe2\xba\x83@&amp;\xbf&amp;\x9e\xbf\x8f\xba\xc0\xc8\x08\xd7f\xb5c\x81\xe8m\xea-_\x8e\xa0S\x96\xdb:;D\xf2\xb9\x1bk\xdd\x99\xd0V\xec\xe7\xd9\xc9\xb2&amp;\x03\x8f\xfe\xbdT\xe5\xf8\xfbW\x03\xbbF\x02\xc5S`\x8du\x14\xcc\xa7\x94$\x92Gl\x13\rDD\x9fl\x0b\xd0\xa2c\xb9G\x81l\x91Z\xea&gt;\x16\xd9\x82r[/\x8f\xee\x95\xc6"\x97^\xbdhnC[&lt;\x8d\xc5l\xfa*_\xd9%\x04\xf1\xca+7]]\x96\x83\x12\x0c\xa3\x1bU\x8b\xce\xf5\xb8AV\xedvv\xfb\x03\xd5\x15U\xb6%%\x0e]\x80\x15(6\x93 \xbf&lt;\xe5\xf5O\xf9\xb7\xf2T\xd6\xcd!R\xdf"\x80\x8e%X;\x9bo\x0c\xb1\xb5\xdedw;%\xd4\xa2\xff\xdd}\xe6\xc9\xa9\xcd]*5\xc8J\xeb\xbf^\xcb\x17B\xaa\x0bk\r\xbfS1\xe7`o\x10\xd1\x05\x9b7\x01x\xb0\xc9\xf2\x8a\x12\xb3\x96\xd3/\xcc\xce\x85}0zW\xb9AT\x9e\xb7\xd5a82\x9dg\xbeE\xc3\x0f6\x0f\xdc^\xbc\xea\x0f\x9a\x0e/\xe7\xe7\x89\x97\x1cj\x1eI\xab\x19\xd9L\x87\xf8F\x14\x0c\xe8{\xb6\xcc\x03\x04\xe0|\xce\xbeP\x9f\xb56|\xdd\x18\n\x01\x08GG\x9aC\x18\xaa\xb6m,%\x930O\x11\x8e]\xd7\x8fe\x88\xb2\xe5\x9f\x15-B\xb6y\xec)\xb9\xc0}\x12\xdc\xbd\x0cJL\x85\xf8^\xe3\x1b\xa4\x8a\xc6\xe3\xbf"\xf7\x9bU\x07\xedg\x8d\x8e\xe5\x8f9\xd8\xd6\x9eG\\\xd3\xe2l\xc5\xf7\xd7*&lt;\x8bG\x92\x00Tr\xee\x899\xc0p]q\xf5g%\x18-\n\xc5\x0cLWu-\xc3\xdb\xd3w\xcd\x14xKK\xb6.vN}EI\xbc\xe9y\xbb(!\xac\xa8\xe6\x8a\xc6\x98\x9a\xba\xa6/\xd3\x8d\xabu\xb2\xd0\xe5\xeb\xcbC=r\xf6!tq?\xaanSf\x97\xfdb\xcb\x08\x16\x05\x9d\xbb\x04\x7f\xdb\xa1\xe2\xa6`\x91\xdd\xe72\x82{Ud\xc8\xb99Q\x0f\x1eH\xef\x02zI\x087\xe37\x08(\xd2\x8a\x10B}1\xcd\xa5\xe2l,\xe1\x17$K\xfc\xfc\tm-\xa7\x93\'\xff\n?T3\xbd\x05\xed\xfe\xeeI\x9dFj]M\x06&amp;\x16\xcd\xe1m4\x84,\xf3\xee\x96-\xe3\xa8h\x1d\xdf\xd32j1\xf2\xd6\xfb\xdad\xb1\xc2\xd3\xb8Z\xefdr\xea\x18vs?\xf7\xe9\x91uh\xa6\xcbH\xca|\xb3\xf7Ya\x9a\nC\x88\x1fIy\xe7\xd5x\xf56\xc0s&lt;\xe1i\xf1J\x93\xab9\x83\x98`\xa5\r&lt;bK\xeco\xe2b;\xb6@D\xc2\xdf\xf5\xcf\x03\xef\x1b\x9e|&gt;I+\xfa\x8f\x17\xc4\xc2H\xbd\xdf\x94\xb51\xa0\x9cc\x8d\xf7sL8\x1d}",\x8d\xb5\x99\x9dJ\xfe#/\x1e\xba\xfa|\xe1\x06\xdd\xaf\x13i\xae\xb5CH\xef6`!c\x80\xbf\xeb\x12n\xe2\xa8A\x1a\xf5\xfc\xda\x8cj@\xfb\xe5\x14N:\xea\xb8m\xb5\x1c\xba;\xbe\xc0\x018Q}\xd3\xc5\x9d\xbf\xb0\xc4b\\\xc6;\x89\x96x\x7f\x9c\xd3G\n\x19\xfd0\xfe\x1b\x91/"R\x06\x80\xe3E\x8c\x8eR\x8f\xb9\xa0^\x96\x05\xd7\xcd\xd7N\xabc_d\xd1\x7f\x97\x87\xed\xf5\xe0\x10\x88.*\xfb\x84\xd9sT\xa6y\xfe\xd2G\xdd[\xf4.\x99\x80\xd1\xb3Nv!\x04"*\xa8dY\x18\xc0\x97\x0e\x8a)T\x88\xd1&amp;\x84W\xad\xf6\x16\x9a\x02\x02@!P\x9a0\x96q\xd13\xe8\xc1N,\x18\xdd\xed\x00\x0f\xab\x10_\xae)\x05\x11\xb3\xa3\xde\x8ep\xe5x\xfbq?\xc5\xbd\xb2\x9b\x95\xe7*\xdc\x8b6:p\x97\xae\xc5\xaaY\x85\x10\x92\x0c\xb1;\x90\xb7\xa3\xf1_\x9a2\x95\xe1\xf5te\n\x15~=g\xb9\xe54\xc1\x1a\xb0~pv\xaf0l\xd6\xa12\xe6^\x00=\x9e\x96.\x98\xe0\xff\x80\x93\xc8m\x1e\x1d\xc2?1\nh\x8c\x93B\x92\xba\x1cT\xd7\xa0\x8c\xf6"\xbb\xde\x05\xbe\xd8\xaa^\xfe{H-w\xf4Q\xa3\xfd\x98\xce,,\x82i\x02\x8bs\xfcB\x10j2\xad*P\xd1\xf6t!|\xb3\xbfL\xd7\xe6U1\xb4\xbd\xcb\xe2\xc2\xecVs\x14\xa6\xc3\xb9\xaeB-7[\xd2\x83\xa5\xe4-!\x07\x8d\xbc#\x17\x99\xfa\x90-\xf6\x96\x10:v\xae\x12\xcd\xbd\xbb\x90P\xb6\x94\xc6\xe2\x89\xb5\xfb\xe4\xa7c\xb6\xbe\xf9D\x01DD\xc7\xcf\t:\xc5v*[5\x94)\xf7R\xf3\xe1[\xa4\xbaU)\x9a\xcf9\xb7\xd4\xd3K\xb1\tS\x99\xe8L\xfb\'\x8b\x12\x17,\xb5\xa4M#\x10@o\xaa\xda~\xabq\x14\xc7a\xa5\xccP\xe2\x06\xbeG\xc7l\x15\xd0\xec\x89\xb9P\xd3\x9aM\xbc\x16\xafW`\rYl^\x13\xff.\xf0\xaa\xbc\x8f\xe6)\xb2G@\x98\xe2\x14\x93\x85|5\xab\x9a\xb5J\x9f-d\xb1\xf1\xd0\xa2\x9e}\x7f\x0c\x9c\xc8\xcc\xaf\xe7-\x02j\tm\xe2m\x82n\xcc\x96`\x93Ts\xf6\xdf\xe66o\x8e\x99%+\xa4\xb5\xa0\xceI\x8b\xde\xb7\xab\x85\xef\x05.\x0b\xc1[\n\xe8\xda0lR8\'\xd0\xf5z\xff\xda\xb0\xa5\xafn\xc6\xe2\xb3\x97\x9eb\x178\xfd\x90\xb2\xe3\x06%r\xba[\x15oKk\xd0)\x81\xef\xc9&amp;\xaa\x91\xb7P\x1aA\xad\xdbL\xa1y\x0cmZdW\xc7\x0c\xe2\xa8\xd5\x07\x0f\xdfd\x13\xa9$"Z\xe7\x11\xfb\xdb\x14\x895qL\x00\xd5I\x0c\x8b\xa6)\xa4\x13&amp;\x8e\xda\xa9\xa7h\xa5I\x05\xc5\xdd\xcb\x90=\\\xac&gt;\xd7\r\x05\xa8v\xc5\xe9@\xac\x97E\x0f\xf1\xc4\x1a\xd5\xc35\x90\x08y\'\x80\x05F)\xc6\x97\xbc\xff\x1c\xc3\xe5\xea\xc6\xa7\xce\t yQ\xdd\x05\x9e\x81\xc3\x1d\xb8\x98\x00\xec\xa8\xedOV\x0c\xcc\xbd&lt;\x17\x94\xbf\x08&amp;["Z(\x0c\xdb\x9ba\xdc\x83\xea2\\@&lt;\xc4\xa2bd\x91E]\xbc\x07\x00 :\xdb\xb0\xbc\xa3\xea\xe6\xac\xdet$\xf5\x13\xfc*\xbb%yVCS\xa7L\t\xa2\x0c\xb5\xb2%P6k\xfcCF C\x9bJ\x12T\x1e\xe2*\xf1\x87\xa3P!\x00\x7fL\xd6\x07\xdbH\x0f!\xe0\x17\x1b\x1cB4\xc9\xdbB\xbdw\x14Cw\x82\xc3\xc1-\xeb\x10\xbb\xbb\x86\xd0E\xddb,S\xaf\x1c\x03\x0b*6\x1a\x84\x98\xf0y\xac\x9eyQ\xa5t\x08\x01O\tx\xb2e\x8eI)v\xf1]\x95\xed\x9d\xf6\x1c)\xed\xe1\xb0\xee\x87\xc5\x1b\x95\x9d;&lt;\xd0R0an\x1f.\xe7\r\xf9=\x9d\xe7\x7f\x03\xe7\xea\xda\xb9\xcdi6\xebK\xf5\xe2t\xa3ID*\xa6\x02\xc0\x07C\xb8\x84\x843%\x8c\x8e\x05\n\xea.([I\xf5\x07y\x19\xbeQ\x10\x16\x9a\xf9^_\x85\xdfW\x8fr-\x08*\x8ejas\xb1q.\x00|R\x10L\xa6\xbb\xb0H\xe8\x81\xe6R\xc0_y\xeb`\x8a\xb1\x06\x95uM\x1d" \xf7]\xe6\xb1)\x7fj\xad\x00\x0e\x88{\x1fp\xa8\x7f\x13x\t\xb8lW\xe3\x88\xb9\x92&lt;\x85\x9f\\\xc0\xab;\xf6\xdcC?VI\x18\xd1\xa3\xc7\xbc\xf7\x7f\xf2\x06\x19\x89\x07:\xc5\x8e\xfc\xc3 \x83\xe1aT}\xf5$lc\xfeE\xf1G2\x07].\xae$\x86\xd3\xef\x14\xe6D\xa4\xccY\x0c&amp;\x15\xc1\x8c\x1c\x9b}\xbf4o{y.\x14\xac\x8e\xb67v\xc5~7\xc0\xe9\xb1\x8d\x95k\x7f\xca\xafy\xcb\'k\xc1\x16/%\x96@Z\n$(\xe5\xde\xc0.kX-\x0e\x87#\xd3\'\'\xc1\xed\xaeq\x17L\xb5\x84\xcfe\xd7\x9f\x11CO*\xd4\x90\xd8\xcam\xed[\x00D\xa7#\x13&amp;\xfa\x89{)\xad\x89\xec\x10\xc8@\x10\xe3\xd2T\xbe\xc8d\xd0\x89{\xc07\x7f@\xd1\x97\t\xe6\xd7\xbb\x1b\x7f\x1e\x08\x06\xd4\x8e\x9c\xad\xce\xfa\n\xaa\xfde\xfc\xc5\x824\xfbq\xb8\xfbQ\xa3\xf9\xa6\xfb#\xf1\xd2\xadR;\xc6*\xb2\xd0#\xe4\xeeh\x0b\x16\xed&amp;\xb6\x10\xa4\x9dH\xa1\xbe\xb8\xeb\xa1H\x90\xc7k\xf6R++\x80\xc4\xbf\xd5\xc5\xa6\r\x87\xc4\xa2\xe3m\rN\xb2!\xa8K\xe3\x8c\x02\xab\xad\xdb+\xcd.\x88\xd4\xa6\xb7&amp;\xdc\x05xr\xab\xde"\x88!\xc3h4O\x91\'\xd4\x95\n\xa9\x1dU\x06\x91\t\xe6\xdb\x04\xcf\x0c\xb8CK\xd6\xe5\xa0VZ\x06!6\xb1\xf3\xe9\xe6U\x18\xa4W\x16\xcdEU\xfc\x84\xac\xc9\xb0\xc9u\x82d\x99\x89\x9fh\xb7\x85\xe2h}\xd1\xea\x08\xaf TG\xadVayWBQ\x02"\xa0|J\x16P\x03S\x8cY\x94\xe3:_N9\xce\xd3\x1c\xd9n\xe6{\xbf[9\x7f\xf3\xe2L\xc8\xddvB\xca;\xfb*.F\x1a\xff\xe9\xbf!Z?Y\xd0J\xc8\xc7\x1bF\x1bwbG\xf4v\xe6\x187\xe42?&amp;zB\x8d}s6\x8e\x9b\x110V:\x8a\xe8\xbfn\xc6\x94\x96M\xbd\x84y\xfe\xf6K\x1f\xa3\x0c\xd2Y\x87\xb1\xfe8U!k\xcb\xe4\x01"\xbb\x1f\xd3Lu\xbd8\xc3\\C\x95\xda\xe8\xa3\x19\xe1\xca/\x86\x14\r\xcf\x90\xdd\x9dj`\x96 \x04\x9c\xa2G\xc2\xf9\x1b\xb9\xb1\xa1F \x04\xe0U\xe1\xfa\x00\x80KUS\xe9\x1e\xda@fk"\xdd_\x95U\x18\xd1\x13\x8a\xab5\x9e\xb0F\xab\xa0GTw\x9d\x84\x11\x16+3\x8a\x11j\xf9\x9d\xd2%\x9bLew\x99\xac\xa4\xb2G\x95\xba\x9a\xd4\'\x98&gt;\xe03F\xfd\xef\x14\x92UZ\x00\xae\xbe]\xcc/\xd1!:\xd5t\x91}\xf0p+\xea\x06U\x8f\x1f_igU\xe7Dx\x83TtZh\x8bL\xda&amp;2CM\x9aftrL\xde\xf6\x12\xe3uyG\xaa-\xa7\xdeP\x1bbM\x9a\x0f\x93d^\xc7\xb1v\x14\x14\xaf\xbfP\x96K\x98\x02\xa1]Q\xc9\xa8\x15W\xa6=\xfd/\x00\xe7\x18\xaf\x0cw|\xb2\x0e1\xf5&amp;\x01/\xe3|U\xe8[\xc3\xd59x:\x1b\xd0E\x88\x0c\x83\xe8\xd2\xb9\xdcn\xff\xac\xf1\xcd36f\xdb\xd5\xe4\xf3Xc9\xb3\xa1\xc7C\x08\x17\x04\xfe\x9f,C\x18\xebh\xce\xe2\x18?\x979\\\xb0Z%,_\tH\xc2\x17YwA\xe1\xf6\x06\x19\xb6\xac\xac\x8a0\x00\xcc\x97\t\x11\rGz\xa0\xa9L\xadw\x11\xd9\x08$\x8d\\\x0f\x10p"\xe0\xa79\x91=R\xfc\x19\xa1w\xe6,\x9b?{\x9aH\x8b\xf4|@8\x813\xba\xf99\x9a\x99\xb5\xa8\xc3$\x98MY\xa2A=\'^j1TQ\x0f\x9f\xd4\x11\xda\xba\xd4r\xc8\xd3\x839\x83\xddr\t\x9d\xc2\xac`\x8b\x16\xc7\x02\xbe\x92$\x99\\\x0e\x00\xbei\t,]7\x98\xfa\xb41\xb4_\xcb \xc9\xe0K(\x94W"\xc1\xdb\xc4\x08@\x92\xca\xd5\x9a~jK\xd7\xcf%\x9c+\x89\x1fy#\xbeu\x90\xc3Z\x83\x8b\xfa\x0f\xf6,`\xe4-\xad@\tRt\xda\x16\x97\x99\xb2\x95\xdc\xd4X\xd6n\xbbJ\xa7\xb8\xdaNf\xe9d*\xdbv\x9e\xac%\xe5\x8e.^\x1d\x84B\x10@\xc0\x8d4\xfcw\n\x19FS`\x8f:\x82\x1d\xa4\xbb\x0e\x9d\xe6\x00g\xd9\xc5\x87\x0b\xcb\x8bE\xe3\xdd8\x9bj\x9d[\xebZ\x13\xd9\xc2* &lt;\x070w\xa0\xf55X\xe0\xb6j6\xd0\xb1v\xfb\xa6\xc0?\xfb\xfeiyt\xb52\x11&amp;\xc0\xdb\xe3\x01\xa7I\xaal?\xb6h\xf9kE\xf8\x9f\xf5\x9d//\xc4il\xcaE,I\xc2YC\x8e\xad\xf2\xa5\xbb\xfa/GT"i\xd77\xbe&lt;\xbf\x01\xd8\x18H\xd5- \x00\xaf\x90\xf0?\x06\xe0\nQ\xa9\xcdOQ\\\x7f\xd7\x13\x7fs\x81\x15\x86\x90\xa9\xd7R\xb1\xb8\x19\xa4\x8b6\xd4\x0fs4\x9f\x0c\x98\xa1\xa9\x7fU\xb1\x9b\xa1\x9e\x84]\x9d,\x93\x02\xfd\xfb\xb4dn#\x9b"Ym\x9f-\x8amQ\xf3hU\xdc+\x1a\xa5\xbd/\x0fhGP\xc4U\xb0\xc8T\x8c5\xfb\x01\xca%K\'2\xb5\xa6\xf6EK\xabYm\x91V\x8d&gt;\xee\xe2\xa2MC~\x90#\x8d\x15\x1b;\xab.Ma\x88\xc6s55\xc1\xa6\xbe\x05\x82T\x0f\xc9\xbb\xd5\xe7\x18\xb5\x93\xa7o\xc5\xa8/\xd67\xef\xeb\x91\xb6\xbc\xdb\xffp\xe26\xfa\x03v\xe5a6M!\xc1\xd5\xb8\x97\xf1\xa2\x19"\r\xb1g\xa35\xb8\xe4_\xfd\xcd%\x82\xfb\xa9P\x868`fp\xcbF\xfbc[AdM\xc7\xd9\x08\xcc\x90\xb0\x88w]\xf4O\\Q\xb0\x1bz\xb5\xc8\x18\xe5\xd7s1\xcaV\xecOI\xf3\xd3e\xb1K\xd6kB\xf0\xee:pQ\xcb*\x96\x82\xf9&amp;\x1fA\xe1V\xc9\xb1\xc3\xaa[\xd8H\xe9Y\xe5\xf5#\xd0+\xa6\\L\x1c$\xfd\x1e\xa6\xb68]\x9d\x9f.Pj\x92v^\xfb\x82\xce2"m.U\xed8\x17\xc0\xabK;\x8b\xdc\x0f~\xb3\x00\xc4\x0c\xda\xa5\xb8{\xaa\xae\x8d\xb9p\x9a\x17"\xb5\xd2\x9b\x9av\xb1U\x87\xd25\xd2\xc0\xf4\x19\x0c\xe7w\xccyl\xf9k\xbeL\x05\xb7!j\xd9\xf4\xf6\xfd=\xdc\x91\xa7\xeef\x10\x1d\xc8o\xc4\x1eF\xaer\x93\x93\xb1\xbd4.\xd2\xa5U\xd4\xb0\xcd\xd2U7\xf0r\x04\x88n\xc6\xb5\xa0\x0by\'\x8f\x86q\xe4~\x9f%d\xb3G\x0f\x1cTj~h\xfc\xff\x9c\xbe\xe6nE\xe8\x96S\xbf,4\xc3\xd8\xec\xfb\xd2\xc5\x8a\xa8:\xbd\x9dW\xb9\x05\x00\xf8\xad\x14\xc45\xfa\xb2\x90\xb6\n\xe7\x1b\xa9\x1dk"\xde\xb1\xa2\x12\x08:L*Y\x01t\x9eX\xfd\xa3{\x88\r\xb5\xfc\x86\xfe\xa31\xc9\xed\x1e\x90\x1dhv_\xc9,\xdag7\x19\xf2}\xdc\xe5#\x83\x08\x83\xe7\x98D\xfc*\xe8\x86\xa1C\xd6\xaf\x84,\xec\x16\xbb\x89\xb3/\x16\x8bz\x80\xcb\xac3\xf4z\xd2\xaaL\xe77\xd7i\x96])\xe7U\x8d|\xab\xa0\xa2\xd5\x97T!\xe7)\xe5\xe3\x90\xdc\xc6!\xb8\xceBT\xdflh\\\xd9\xcd`;\x89\xef\xed\x0b&gt;\xfa\xebe\x9d\xb2\xe4\xfa-\'\x11\x1d\xe7\xc2\xb6\xdc\x9a\xf5\xe6\xeb\xd6\xe8\x17w\xf3\x94\xef+\xd5\xb0U\xc46\xa9\xcd\xd1}E\xf0\x88@t\x99J\xec\x0f\x16\xb9\xe1\x8b\'\x1d\xaf\xd4\xe6\xb8\xb6\xf2\xb6Ym\x9b\x13}\xc4\xd3-\x1b\xea\xad\xe8\x1b\xdep,\xa9\x935\x19\x08\xb6Z\xdd4^|X\xe1\xfcV+\xc1\x93\xd74\xc5A\n\x96\xb9\xe9\x92\x02~\xben"z\x98m\xa9\xcc\xber\x9fr\xe4\x9b\xb8\xd3\xff\xb2\xab\xacu\xb1S\xfd&amp;\xc2\x04G9p\x16\xf9\x8f\x87"=8\xa1\x9dA!\xa3\x90Z0\x01\x888\x13\xd9Y\xca\xaa\xbcz\xea0KYX\xd0\x11\xd6\xfd\x98~xnc\xbd\xdbfJ\x9b\x11\xcc\x00\x8fa\xe5\x86vG\x00Dt\x98\xd0\xea\x83\x1aQ\xd7\x04 \xb1^l\x83\x9d\x00]\x1dD\xcc\xdb\xceU4\x7f\x9dB\xbf\xa7\x9aA\x7f\xeb-\xbd\x19r\xda&lt;\x88e\x85\x92lov\x08\x8f\xf6\x84\xe7\xd1\xc1V\xd01\x8d\xd1\xe59\xce\x99\x1b"\xb9\xc1#\x95xkupJ5\x9f~\xbfq\x9a\x92\x18\xe1f=\x81\xab\xeb-\xf16aI[S~K\xb4 \x9d]\xa7\\5X\x98[hB\xbe\x0c\xe5X\xdeP\xc7\x1d\xbc\x90Y\xd9L%\xea\xa4\x1b\x1e\xcf\xebL6=\x1d@t\xa8A\xa7\xc9(9\x93([\x93TS\xbcuAcv\xf2\x9e\xb4\xae\x15\xe9\xfe\xb2\xa0C\x04\xa2\xcbd\x14\x96\xed\xe3\xcd\x83M/\xc9\xe7L\x00\x0e\xb2W\x00\x88~8[\xd8\x19\xca\xda\x026\xfdD\xa9\x08}\xbc\xc14\x8f\x1e\xe2\xddJ&lt;[\x8bT\xfd\x7f{\x1a\xa1\xfc\xee\x12\xf0\xb7\xdeK\xe1\xbf^\x04\xe9\x86\xd6\xc6\x82=&lt;\xe8\x87\x1da\xd4\xb3\xe4o\xd2\xaa\xef\x19\xf4\xce\x11\xe7\x03\x1e\xe0,^\xe2h\xf9\xa6\xb2P0\x9di\xb8\xb5\xafe@\xa3y\x19\xbf&lt;Mt\xf3%i\x1fUev\xba\xb17\x0ett\xe9\xa2+\xd3Wr\x0e\xcdV.\x82\xb1\xed\x1d\x17\xc8\xd3\xa5\xac!$\xdd\xbf\xd1}D\xaf\x9dm\xddDq\x18&gt;?\x9dAB\xa3Y\xc9T\xa5\xea\x0eRk\xc8\xb3\xbb\x81\xbd\r\xd4\xf1\x94=\xef\x11\xf5\xb7\x14\x8a\xf7\\B\xe9+\x17\xda-Cx\xa1!\x83F/\xc5\xad\xe1\x06\xc8z\xa1\xe3\xff\x02\'\xafi\xca\xef\xf2l\xff4kC2.\xa1\xd6\xaa\xeb\x97\x05+:\xd6\x0b\x1d\t\xf2\xa0\xa8\x7fmu\xa2\x19\xd2/\xcb\xcc\x12p\x05H\xc2\x94\xaf\x90\x9c\xf5\x12\xfc&gt;\xd6Q\x02\x81\xbd\x86\xef\xf0O\x8b\xc2\xd0G\x9d&amp;&gt;\x13\xf0\x15\xcf\xd84o\xf5\x8a\x8ah\x9f\xf1e\x0f$\xfc\x96\x94\xb3mv]\x96\xaa\xf8a\x0b2\xe4\xa4\xcf\x00\xe7\x91\xada\xc9cF\x89\xdd\nA\x1b]\x1aD\xff\xcc/\x16}\x96\xbfRX\xeeQ\xfe\xee\\=\x80\xba\x7f\x00H\xfa\x8d\xad\x18\xff\r\xc8FxE\xb2\x19\xf8\x88hz\xbb\xb5\x02\xe3k\xa5\x8b\xdfr\xd2\x98\xca|\x1a`\x0c\xf2\x1c\r\xe2\x04 \xe2k\x12:\x7f\xbej\xdd\x814H~\xd0\x0e\xcf\xe7\x03\xb7\xa4\xeaG\xccK\x18\xc5\xb7\xdd\x92\xd8\xed\xce\x97rc\xea\\\xfeC\xbe\xd2\xece\xba\xdf\x9c08\x12t\xb7\x1c\xf0uG\x9d\xe9xr[_\xcbbR\xd9#\xf3\xc1&gt;T\xef]\xb2!H\xbe[6\'\xc2\xc5\x8aF3\xa1\xe8\xcc\xd8\xbb\xcf+^s&amp;\x8ao\xff\xb0\x0f53\xf7\xa6lc\xf3\x14\xfdEf\x01\xc0\xadQ%\xd1&amp;\xe1%R\x19\x84\x14+\xc9\xb2\xc8\xca8\xfdd\xedzM\xf9\xd3f\x05\xb7\x8aa*\xe8\xad)\x84\x0e\xb7\x8c\x1bb&amp;V\x8a\xceV\xf7\x87\x10\xf0\xc20\xc3\x05\xca\xdf\x97\x88u\x19\xbc\xbb\xb4\x1d\x91x\x8c!$\xe8\xe2;\x96X\t@\xc09\xbc\x82\xb7^\xee63b\xac\xdc\xdf{\xa1\x84d\xd7\xa9\xbbI\x89UH\xe5Y\x15\xb1!\xc5\x07\x08E\xc1"f\xfc\xfc\xb9\xf9\xe3|\xe2\xf7YA\x06\xaa$okt\x94Va\xbf\x9c\xb8\x0f\xa1\x98e\x8e2\xa5\xd8\xb9.%r\xb4!\x11\x1eh\xd1\xe4\x15\xde\x01\xbe\xe6\x95\xa7_\x85^\x18U(\x95\xe5w7\x18\xfe\x0b\xe7T\xfa}f\xc7\xcev\x84\xdc\x14O\x1f\xff?\xcfxK\x90v\xe8ef\xae\xdeh\xc08N\x03s\x15(Lw\xa2Y\xad\x9c\xd6\x17om\xd2}v/\xfcI\x8c\xdatO\xbbK(\x0f7\x1e\xb0c\x9c\x8bB%\rI\x81\xe3\xe1UbWN\x15~h\x080W\x93&lt;d\xd4\xf3\xca,\x92"}\x13g9\x1b[\x86\xe2k.\xcere\xbb\x9as\xe3\x92d\xf3\xd9\x1d\xebo2\xb2~Q\x1e\xdce\xbf*\xc3YS\xda\xa6\x00\x1a\xa3U\xe0\x86\x12qOCM\x8fD\xa2\x9e\xe1D\xfak*s\xf0\x03\xad\xa7\xb0\x99\xb6\xabN\x96\x96\xf0\x1e\t\x88\xc67ud\x1d\xdc\\\x7f\xbbD\xba-\xd1\xfb\x9b\x0eg\xe8R\xc3\xa3\xc7&amp;\xf7\xae\tvY\\\x0b4\xb9TJ$\xea0\x8c\xa6r\x9fy7\x01MU\x16J\xd8e/\x9e\xf9V\xcd\':\xe3\xbf\xca\xa0h\x89\xd1\x90&amp;C\xfaD\xba(d6\x1e.\x1a\x88\r\x15F\x96\xb4M\xe0V\x92\x87g\x93\x82\xa2\x01\xd1\x0b\xcbkO\x91\x19U\x17gk\xb3s`y*\r\xe0)\x95C\x94\\tx`\x14c\x86\xb4\x95\xa3x\x05\x96&lt;\xac\xbc\xf2\x8fZ[\x07\xb8\x05p\x8a\xea\xad\x17ism\x89s\xea\xcdV\xc9i\x03+\xe8\xce\x1e\x9eK\xdfdb\xb0\x17\x8d\xce\x7fn\xbe\xa0\xa3q\xf1\xfb\x93\x86\xe2tD\x99\x91\xceX\xca?\x8a\xaf\xdf3\x196\x803\xb4WTU\xc3\xee\x15\xb9e\x84\x9c\xe0luv\n\x84Z\xc9\xbeC`\xf1\xafMd\xcc\x19D\t|\xa7J\x10\xcf\x0c\xe4\xa4B\xce\xbd\xf3\x87\xe0#\x9d\xf4\xfb\xef\xd3\xbd\x97\x86pS\x86\xc6Nex\xdc\xa2\xf1\xebE\xb9\xd1\xd4\x93N\xf6\xcf\xca+\xcdES\xe7\x87\xffJ\xee\xb4\x81\xf3\x94\x83\xd1V$\x1b\xed\xb0\xa9\x93\x19\x99\xdd\xfa\x99,\x19G6\x1d\x8dZ1\x10\xbaO\x8eE~:\xcaD\xd3\xe1\xf3K\xfb\xc5\x1a\x8c:\xaby1\x9a\x1d\xf5\x81\x10\xbe\xd8i\xae]\x7f\x0eH\xf9IHG\xcbq\xae\xf4\xe5\xee\xb3\xadH\xd9\x7f\x91\xd4\xc5Bq\x7f\x1e\x0c\xbf&lt;\x97\xceO\\\x86\x9f,\xfa\xbb\x98\x8cD&gt;\x81\xb7\x1a\x04\x91\x9d\xc3s\x8e\xa2L\xc9\xb3\xafSY\xe1\xb8\x03\xbd\x06-\xfa\xaf\x8c\xfd(\xa1\xd1\xaa(wn\xe64\xfdN\x1b9\xf9,:\xe6\x7f\x1d\xf1\xa5\xd2\xf7_\x12\xb1\x85n\xaa1\xcc\xbe}B\xc1j4\x0f\xf5Q\xb9t\x16\xc8&gt;\xaaT\xb6\xea\xe5?\x02\xe5\x01\xe7{K\xdc&amp;\r\xe7\x10\x92\x1a"\x1eo\xb1\xd7\xc1\xbf\xd4r\xb6\xd2\x1a\xcfa\xa3/\xfc\xe7Qk\xc2\xf7Y\xf9\xcfO\xea\xf6C+\xe7I\x05\xb3\\F\x9fB}#\x15vbs\x9f\xc1GF\x1f\x9a&amp;\x94\xb1\xedO5\x01\x0e\xe6\x15\xaf\xbfh\xd6Kv\xfa\\Y\xb4\x8b[Y\x8b\xc8/\xba\x89\xf49\xf6J\x8e\x0f\x98\xca\x12=\xa3\x10&amp;\xbd\xf4\x9f\x88\xbe\xb9\x8c\xe9H\xb0\xe4\xe8\xb2\x84\xc3By]TPM\xa0_\x8c\xb8\xdd\x0cNCgM\xd4V\xeaI\xd0\x04\xf7\x10+\x89\x96x \x12^K\xda-\xf4\xc1\x07\xc9\xe9\xfb{@\xb5\x7f\x83#\x11\x11]\x19\xc0p^\x8b^24j\xf6\xda\xc1\x00\x1b\x92\xd0\x88;s\xa8\xd1\xe7\x8a\xe6\x93m\x1d\xdcQ\x0e\xaeL\xaa\x19\xf2\xac\x05\xfa\x90\xcf\x93\x92\x85\x94\xd3E\x1dd"sm#\xe8\x95_\x9fIw\x07A\x9f\xa5S\xab\xb2!\'xe\xab\xabTgjpqK\xae\x13\x99\xb8\x1fD\xbdk\x0c-\x8f\x84\xf2\x0e\x18#~x\x81\\q\xafeXE\xaf\xd5\x81\x0bHQ\x97MTW\x96\xd8!z\xd7\x8f8\x055\xca+\xc2\x17\x9dy:\xe0\xc53DY\x00\xb2Oz\xd6\xfd\xfdF\x13}O#~\x83\xb55\xady\x15Rm\x80\xe1\xc1\x05\x81 N\xa0\xeeG&gt;\x07\xec\xe2\x8a\xbe\x01h,\xac\xedm.\xf9u\x05R\x0f\x95\x9b\xa2\x8d^\x8c\xdb\xc8\x1b\xd8\xb1\xf4\xefo+\xa2\xa9\xed\x073\xc6\xed\xb2+\x00\xef,Z~3\xe0t/\x05nBN\xc5\xb8\x95V\xb1\xc4\xd0\xcf+\xda\xd4\xea\xc7\xfe\x17\'l\x14\xa6&gt;m\xbd\x06\xaa\xb5\xb5\xab \r\x98\x0b\xccK\xbf\xc5Y\x8e\x83\xafhwu\x87D-\x9e\x80\xd5\xfb,q$\x18[j\x02lhK\x96\xf7Wq\xaae\xf7o\x02W[9\xe7\xb4\x9f\x06\xe7\x194I\x8f\xb5\x07XfS\x9f\xe9\x7f\xa3p\xb1i\xfb5\xba\'_f\xaf5\xe5\xaf\xe17\xce\xd7E\x84\xf0\xae\xfa\xee\xe9\x00\xdc\x04p\xbf\x9dkuG\xdf\xaf!9&amp;l?\xb1\xb1\xf8j\xe9\xbd\x8by\xeai\xef0\x04\x00\xe0q\xb5\x8c\xea#\x15\xf6]\t.\x9c\xd5L\xfc\xa2\x03\x88\xd1\xff\xc6\xb5\x18F+\xa2I5\x0b\xabO\x98\xc6;(B\xe3\xfer\xc8\xb7\x8cw\x7f\xd6\xcf!?X9L\x80!\xde\x90@[1 \xe0C\xc0\xc5}\\K"\xd5\xc4+\xe4\x02j\x1eT\r?\xf7\tT\x194F\x91\xce\xba\x8e\xd8\xb5$b\xadJI&amp;\x12G\x01\x97 \xe0\xfd\xc0\xa5]\xb4r\x9aN\xe4\xfd\x0f\x8d\x15\x80\xb9R\x14)t\x1cwV\xfa\xdd\xce\xf4UdE\x82\xde\xb4\xb7\xe9\xf9"\x1c\x0f\xf8\xa5\xe9\xc6\xcd\xf1\x12\x82pv\\\xc3\xf4\xa0\t2\xb0A\xb1\x9f\x9d\x91N\x03|{/\xad\x00\xb2\xae\xa4\x7f\x04\xf2\x87\x8e\xaa\x06\x01\xc0\xb7\xa4u-\xd1\xc5\xdc)4o?N\xbc\x05I_IQ.\xa1z$\x10d\x1a\x8e\xbe\xe5c\x128\x84\x89\xb4\x88\xbe\n\xb1\x8a&amp;&lt;\r\xa0\x8fDv\x0eoH-CZ\x8d]b\xb8|\xe9\x0c\xbf\xaatZU\xbf\x9dV\xfal\x9ex\xedK\xac\xdd\x1cB&lt;\x10\xe9\t\x12\x01\x00\xee;|\xac\x13Z.\xdd\x13Y\xe7Za\xba\xbe\xd8\xfaI{\x8a\xd1\xbf%\xa7I\xc4&amp;pv\x96\x94\xcc5\xfah\xd4\xb9\x0fR\xcc\xe3KDtc\xe0;8\x98\xaa\x89\x9b\x871\x1c\x98\xc0\x90=\x1bA\x93w\x92\xee.\x0c\xff\xef\xb2\xebq\xb8\x1abHDd\x01L4\x8bzQ\xe9\xbaXA\xa4\xd3\xc8\x06\x10\x9d\x97\xd8\xd4\xd2\x14L\xa0\xc0\x16\xdd.Mu\xdaM\x9e\xeb\xea\xde\x05\xb6\n\xaaF\x99U\xe7\xefu\x8bS\xe6\x1c-\x8c[\xa2F\x0e|\xbbO9\xdcE2\x14\xd1-\x9c\x94= \xea\xb2\t i\x82\x99\xd9\xbb\xd2\xe8\xde\xa8\xf0\x07\x11\xd0\xf9\x1a\x07Q\x92\x1d&lt;\xbd\xff\x96\x9c\xf8\x93\xc7V\x12\xdf\x92\xa0qK\xedS\x8f\xd8\x11s\x1aQ\xba\xbeS\xaf\x978B\x0e\xbd\x02\xd4a\xa5\xad\xb3H\xa7\xa3\x8fT\xf2\xe4\x18\xb7+\xea\xde\x0b\xb6\x02\xa2\xdc\xb6\xea~5\xf2\xde_\xac\x82\xefnd\xf7\xa76A\xbdO\xbd"\x15\x9e\xb0\x00\xba\xb8/\x01\xaa\xbc\xb1\x18\xa4\xff&gt;\x8cz\'\xb5\x03\xa0\xc1A\x01\xb1\x8c`\x16X\xed\xad\xf9\x84\xf6\x02\xe0V\xd5e"\xd2\x16\xb2\x05\xc1\xb2\xa2]\xb3\xabW\xcd\xadb\xa5v\xab\xd16T\xbf\xec!^\xb9/\xc2c\x12)\xfe\xcbY\xbe\x837Q\x06C\xf1\xfe\x03\x15\xb0\xb2\xcc\xa9+\x85\xe55\xf9\xf8\x12\xfd&gt;\x84C\xbb\xa4\xea\x02RV\xe0\xba\xfbM\x96w\x1f\x00\x0b\xc9J\xae\x93Zs7\x0fx\xf3\xact\x1e\x8f\xd3d]\xdf\xbf\xc3Dg\x03\xfe\xa7\xd4\xb1\x8f\x02$\'\xac]\x9d\x9b\xcc\x1atk\xd6\xcc\xc9\xdc_)\x87p1B\xa7m\xc5\xb6HN\xcf\xdf\x95 \xbc\n"\x07f\x8f\xda4\xc3+\x07bA\xf3\x96r{\xe3 \n\xbf\xf1\x98\xe2F\xea\x89\xa9\x1a\xb8\xde\xec\x1c\xec\x9e\x96\x19\xbd\xb6\xbc\xf0hb^\xc8\x9b\xf8\xe4\x94\xb8,\xf4\xbe\x10\xf0kQ\xaf\xbc\xe8\\\xa0\x88\xabi\x9d\xc5\xa6\xa2\xff\x98~u\xa7at\x1f\xc4-\x9c\x1cB\xdc\xd7\xb1\x1aw0\n\xe2V\x8d\x13\xb2P\x147%\x8a\xd0\xd3\x1d}\xaa\xe8\xdf\xebAA\xe2[~\x8dD\x03\xdb\xf6\x10\x89-\t\x9e\xd9\xf8\xa1\x0b\xf2\xa5\x90\x88/\xec\x98\x95\xd2\xa4\rF\x93o\x9af6y\xd0\xe8`\x07\xff\x82\x8eX\xe1\xe2\x13\xac\xdb\x1e\xc7q|\xab)\xce\xa6\xb9X\x13\x11\x8c=\t\x9b\xb5(\xaaF\x8ab^MD\xefV\x97\xeat\xce\x1e\xdd\r\xcczm\xdb\xa0\xe3\xc4k\x89\xc9\xc9X\xf6\x00\x00 \x00IDAT\xd1k\xbd\xba~\xb5\x10\x88\x1a\xba/\xe9iN|V\xf3\x06\xa6\xd3\x1a\xb3\x05pQ\x9bM\xc7$\xbei\xd6\x05\x91qP;\x9b\x1b\xe0j\x1e)\xdcn\xae\x02\xbb\x03\xe4\xb1\xd1\xdf\xadBD\xeea79\xc1"\xb1\xfbd\xbe\x84C\xb0\x9aiv%\xc7!\xfa\xe1\xf0\xdd\x0e\n\x9c\xce\x97g\x05\xd3%=\x15\x05X\xa7\xdfW\x04{9\xb2D\xce\xb2s\xa3\xcd\xdf9\xdd\xcd\x90\xeb\xe6\x16q:\xa3G\xa4u\xad\xbd\n\x95\xe4\x03"}\x17wF\xa7\x97\xf5B\xb0"\x89+\t{\xeb\xc1\xe4\xfb\x07\x14$\x03\xbe\xa5\xd1$\x8e\x8a\xe1\xdfG\xb9\xfd\xdb\xe83\x06g\x9f+\xf6\n}X\x07\x8b\xbe\xe6\xc4w\x9b7\xf2l\x89\xe0\xfa\xee\xa5\x83=l\n\x12\x1b\x92\x7f6\xcc\xee\xe4I\xeb\xdb\x83\xbe6|~rZ}\xc68\xc8\x0e\x0e\tL\xd9JQ\x14\xec\xfcN\xe1Ws\xd7\xe5$\x8c\t\xa0\xd1\xb0\xac\xdb\x10\x11]~\x81$K\x80\xbe#\xda\xf6\xc72r\xfa\xe0;m\xb8\'\x80\x1b\x80\x80\xf7\xb5\xf1\'\xe7K\xadD\xff.,\xda\x8e&gt;zW\xf0\x9b\x0f\xd8p\x02+$\x8c\x843\xcd&amp;b\xa3\xf5\x1fT\xaft\xef\x18\xc9]\xb6_\xd1\xa4\xab\x00\x01\xf4\xfd\x1ed\x9e\xd7G]jm3K*\xd1ml\xfb6$\x9c\x92WS\x9e\xb9\x11\xc7X\x18\xdd\xc6\xd3~\rHV\xfaQ\xbcr\x02v\xf7\xd6\xad\x15\xc3Dg\x99?\x89\xd6s\x06\x9f\x8a\xd4j\xb5\xac\x1d\x0fu\xd6\xd3F\xae,W\\\xb1k\x8b.P\xc6a\xb3U\x92s\xa9AT\xdan:\xf7a3\xa5\xc9\xe8\x8d]ds\xdf\xfd\xd3t\xe5Q\x8d\x86\x9d\x13\xc0\xa1\xee\x81}0@2\xcbi\xcc\x12\x994}Z\x9d,\xae\xae\x12\xf6%Jtu4\xd5\xc6\xefP\xcd\x8f\xba\x06\x14\xa2\xddL\xca\x87\xe6\x90]\xac\x08\xeb\xb2\xfa\x14u\xdf4\xb0p\xa1\xbfw\xc1Hd\xe8!\x8d\x89D\xee\xa1\x16\x8cm\xffuV\xf3^\xed\xec5\xcd\x1csY\x8d\xfd\xa5\x1b\xb1Uj\xea\x9c\xc2\xd5AR\xa99O\xd9\x03\x05c5\xd2\xbd(\x14\x945[\x0c\x94_dP\xa8\xe8KL\xe7O\x00\xcb\xc1\xcf\xce(\x82\xad%&gt;\xb7\xf9|*5\xd9NA\x0fD?\xec|\x10#\xa3\xb7\xad\x01\x8e\x01,\xb0&gt;u;\xab\x9d\xa1\xa0!v\x8d\xffB\x07Ac\x97,\x915\xf2\xa3LG\xb1B\xc5\xe6-C\x9d\xda6\x9a\xc9\x86\xff\x1f\xd8R\xed`\x80(\xf4\rz&amp;\x80v\x8c\x13[\x19\xf8\x94\xaek\x12\xb2\xbb\x1a\x8b\xcd\x01\xd1\xb9\xfd\xfc\x92h\xca\xe0\x9a\x93\x1f\xf0BV\xdb\xd69Zl\xaeR\xd6E\xdd\xff\x96\xde1 \x9c{\x1dM\xd5:\x13KH\xbda\xbd"p\xc2(\xe8\xcb\xe2T\xcf[\xa5V!\xa4g\x168\x85\xf3\x86\xf0Y\x0fe,}\xc6\x83\x11\xef&amp;\xc4l%\xb7\xce\x10\x96\x82\xd5\x1d5/\xf914\xfez&gt;\x9f\xbac\xdb\n\x99z\xe8\x10\x00\xbar\x08oo\xb3k\x9b+\x8c\x0f/y\xdf\x88Zv\x13\xcc\xf7-\xab\x02D\x1f\x16\x9fJ\x1b.\x9e\x18\xf8?\xa5\x0b6\nd:\xa1\xdc\x04\xbagJ/\xf1\xc2\xe8\x05\x86\x0c\xb1\x8d\xd5\x83\xec\xcd\x9cY\x8f\xd0\xf4\x81\xa9\x10\xd1^\x19\xc2\r)=\xb3\xc6\x91\xf7\xde\x13^N(\x1f\x04{M\xfa\xd4\x9a9\xc70\xa3?j3\xce\xf61%c-{\x9f\xc0\x8a\xecj8\xfb\x14\xfd1=\xcc\xa1\xcdE\xf3#,\x01\xb7KdC\xa3\xa4\xd3`\xbd\xf1T\x84lW\x1f:\xee9\x92\xad\x02\x00\x9c\x01\x18\x84\xec\x943\xee\x02\x8d\xdfR\xfb\x90#\x88M3"o\xa3\x8f\xb1\x85 \xbbC5\xbe)P\x18&lt;\xd4\'&gt;\xaa\xa7\x9c\xe6D\x7f\xd8\xef\xd2\x1d\xe1\xc7\xc0\xc9\x16\xc7\xa3\x94\xed^\xbd\xbc(,nF\xd9f&lt;Si`\x0eo\x87\xae\xa4\x82\xddA!\x8ah\xe3\xc4\xff\xa3\xccUjH\xf7\xac\x84\xbc\x01E\x91\xd2\x03n\xe2\x93n[P\xe1&gt;\xca\x1a*!4\x1d\xc7\xb3\x0f\xa3/\xd3t(\xb88ti\x12\x99\x07\xd22\xb3\xb1\x9c/m\xe2\xa29\x1f\xe6\xab6\x97\x1a\x97\xbfT\'\xc6\xee\xe6\x1a\x9f\x8et\xd8\xe1\xca-\x84\x89{\xa2\xdfWkn"\x17\xfc\x88\xf0m\xdd,\xac\x15\x88\xb2\x17\xaf%e\x1d"\x95I\x14\n\x0b\x03tDi\x99&amp;Y\x0f\xb4\x8c\x9d#\xcb\xf8\xb7N\x08\'\xf6\xf8\xb9(F\xd6\x10\xcf\xd0%\\C\xe5\x03P\x9d;P O\x8c\x04\xe05\xc0u\xb2U*_\x8e\xcdx\x99\xb8\xfb=-\x8a\xa0\xbe9\x9c\x88\xbe\x19\xc2\xe9e\x91V\xcb\x034\xe1U\xb3\xa42\x08\xc65i\x8d\xb9\x9a\xc3\xcd\xd5\xb2\x12`\xcce\xbd\xb5\x02\xe6\x1bW\x01\xde\xfa}\xe0\x14\xed\xa5\xf7\xea\xc3\xac\xe5f}o\x86)\xf0\xb3~\xf4S\x1c\xda\xc6\xf63\xfa\'\xb6e\xef\x92\x80:\xd0:\xe5\xf2\xf0\xf5\xb2X\xa37\x8d\x05&lt;\xd5X\xd7\x00\xdeP3\xedT\xfdr\xc0\xbb%\xc9\xf7\xc2\xba\xa1\xa1\xe1d\xf4\xea]KU\xa9\x97a\xa2\xf6\x1b\xc1\x98.wQ\xc2\xa5.pG\xccZ\x02\x04\x80\x8e\t\xfc&gt;\xbb\xeaxq\x95&gt;I\xac\x15\nO\x8b\xf0m\xdb\x02\xbf\x05\x9e\n\xdc\xcb\x14`n\x9cJ\xcd}M\n\xad\x0f\x0b\xf8\x8dUq\xb6\xa3^{Z5\xb5\xd2\xe2]j$\xf7\x91\xbf\x9e\xbe^1\xba\xe9-\xd2D\x18\xf0\x13\xe0D$\xdc\xd6\xb8\xa02H\x08\x9f\x06\xce\x1f\xfbY\r\x02s\xa1\x14;\n\x10\xca_\xa1\t\xca\x92\xb2\xba\xee\xd9yb\x8e\xcb3\xdd\xbd0\x014^\x06\x17\xe2\xeb\xde\xca\x1byO\xf3\xbe\t\xf2\xac"\x0f\x9d\x81\x87:\x0f\r=\xd0\xea\x86|\x01\xd8.4\xaf\x12h\x03\x10\xc2\x1f\xa6\x02%&gt;d\xc8\x19\x00\xe0\r\x80\xa9\xcbH\xe7_\x17\x8bv\x15C\xc3ay{l\xa2{V+\xe6Q\x97\xf4\xa7\x1f\xe2\xbe\x9d\xd5\x0bU\x9bT\xee\r!\x04\xfcV\xc3\x8a^\xf2\\M0Y\xe6l\x87*\x84\x90\xaa\xe4^\xf9&amp;\xb0\n|\xeb\xc1Z\xcb\xc0D\x8d\xa6\xe1Ic\xf4G&amp;3\xe9\x81\xbb4h\x08\x018\xbfxk\r3\x88Ib\xfc\xbf\xa0^E\xf9X\xf2\x17W%-\xd1\xe2\xfd\x87\x8d\xdb\xda{g\xdb\xa0CI-\x8d\x153Gg\xaeD\xaa\'\x91\xe8\x0f\xb90\xd0zV8\xd9\xc2\xcf\x0c\x90\xfa\x9b\xf5\xb3!\x93GR\x13$\xdf\x9apV\x8c#\x9d\\V4F\x96\nx\xabvOE\xb8\xf3\x80*\xe6\xe0Yo~\x10\xb8X\xadB\xcbU"\xa7\xfa\xae\xab2\x19g\x0egy\xd3\x00RN\xc8\xc8\xfel\x8e\x17\xc5a\x8a\x9aU\x8e\xf3\x98\x80\xfb\x96~H\xd2\xa0\x96(\x84bm]\x0c^\xd5\x81C}\xb4O\xca\xdf\xbbO\xc7}7\x84\xd3\xc4\xfb\x99R3*\xb4\xc7\x0b\xf8\xb5\xc2fwC\xf3u\xd0\x13\xa4\x1dy\xd3\xddo\xa6\xb7\x16b\xbdH\xc8f2\xe4\xb0\xb0\x93}"\xba~\xdc\xc9\x19\xbc\xa1Hv\xb5\x96s!S\x8f\xa5\xd6LZl8\xa9\xd0R\xa0\t4{q\xdb\x90\xf4\x80e\x97\x14\x1a;}X\xde9\xb5\t\xe9\x1f\x8d|\xf1\xab\xd3\xc2Q\xa6\xaa\t\xf0h\xfd\xaek\xde\x1d\xbao V/\x8f.\xdd\xb1\xc9\xa1G\x7f\xc9\x9f\xb3~\x19\x9d9\xf9\x96\xac\xb6m\x8a\xfb!\x84\xf0\xfe,\xfa\xe7b\xd8\x90\xef\xb4\xfa\x9c\xf9^\xd2Ei&amp;\x96\xf0R\xcc\x91n\x9e&amp;\x12*\x975Z\x13M\xc1\x10\xf0\xeb\xb44\xdc3\xdb\xbf+C\xb1\x0b\xbf\xea\xb6\xbc\xc0e6\xac)\x8d\x14\xe3j\x86~\xb6\xa9z\xb2!]H;\xa0\x15\xa9Q\xd5\x8f+\x82\x9f\xe2\x86\xba,j\'\x18\xc1\xe0\xaeM\x87b7\xc98\x9a&lt;/\x8e\xc9\x89\xd5\xe3\xda-\x81`\x9d\xc3\xead\xbdD\x17c:\xfdY\xb1Qa\xcc\x91\x11^Yr\x04\xdd\xad\x1a\x8c\x1a_\xe0\xa9&gt;\xe1\xdb2m\xc1\x06b\x1f\x96[\xd4\xe1F\x1c\x1e&gt;\xdb\xd5:Db~&amp;K\xa8\xb5""\xba\xfe\xff0\xb7\x96\x95\x8d_\xcf\x03\x008.g1OZ\x1dF\x9c#AD\xd4\xb12Ty\xcdF\xde`\x87\xe9F\x90\x11lRrt\xaey9\xa4\xea\x87J)\x81\x97?\x99\xd04^\x88\xf94\x9f\xd7\xcd\x03\xab\x08\xe0P\x9ca6\xfaq\x0bK\xa1X[\xcd\xb3\xad\xd8GF\xa7\x15#\xd9v\x97\xd9@_F\xc6\x82\xcef;\x91\'s\xb4\xd8\r\xcdo8WZ\x0b\xba^Fgs\xe9XI\xd4\x98\xb5yV\xec8\xa2\xafk\xfaw\x93j\xce%]\xeb?\xe7;\x9a$qS\xdb\xda/\xc8\x14\xb5\xa9\xbf!U\x85)\xa0l.\xfa\xdb\xe0\xd1\xd7\x94|\xb3\xe2\x1d&lt;\xa0\xec\x8at\xed\x0e;`\xda\xa8\x89|g\x94\xc3\xdb]"Q}\x1bp\x95nV r\x1d\'\x8d\xd5\xdb\x92}\xda\xc7\xae\x89\xc8Z\xec\xc73\x07Qf\xf1 \x9d \xf0\x1c\x16=[\xc1\x13rn\xbeL\xacU\xcdc8R[Z\xbe\xd7\x03ATNdd\xd4#}w\xdc\xe1\x05}}\xd8V\x03\xd0 \x937\x84\xac\xa3\xd8\xa4W\xf8M{\xfd\xb4Y!\t\xf6\xf9\x10\xce5azu\xdce\xb0\x9f\xd4\xab\xddH\xf2\x9e\xb3\x02_To\xdb\xee\xc5_\x154\x17\x0c\xfa\x7f\x13\xc2[\x9d\xadf\x9d4?\x80\x9e\xd6\x8cb\x0biz\xe84\x03\xc7\xba\xd696\xf0;\x85o\xdf\x04@\'\x03~\x90\x9a\x8as\'\x99/\xc6\xb1\x18\xb9\x83\xa9Gf-\x88{\x88t\x05\xc7\x8e9\xa05RVHD`)\xde&lt;\x00\xb6\xeb\xa3?\x80}\xfba\xa1\xf3\x0c\xb4\xfd\x0f\xc0\x14\xfd\x81b\xc7\x80d\xc7\x9a\xbag\x85\xe8o\xde\xfd/C~\xe9\xdcq\x01\xff\xc0\xee\xe6wn\xe0\xe3?\x07\x9c+Y\xed\xe0\r]i51\x9a8\xed\x10v\xbd~\xbe\x92$\x03\xfc\x96\xd2\x99\x9b*\x0bi\x91\xcd\xd7M1\xfa\x0f\xc7\xaf$\n\xf3c\x08{|\xc1F\x1cw\x92u;\xdfz$b\xd0\xb1\x0f\x0fi\xa7\'\xe5\xb5\xac@\\:\x96ck\xb5N\xe8\xd5m\xf2\x85ZN~e\xcf&lt;\x07\x00O\x8cX\x8bK\x93M\xaa\x99\x16\x11_(D\xb2[s\xe4\x99\xc2\x01\xdb\xa9v\x17\r\x15R\x16"\x1d_\xc2db\xcc\x93\x9fK\x9e!p\x8b\xb9\xa9\x89jP9\x1d\xcf\xa0&amp; \x08\r\xfb\x8d\xaf\xca\xc0\xda\xc5\x7f\xbfb\xd3\xcf\xe1\xf0\x96v\xe3\x96\xd2\x9dD\xbe]\xb2z\xd4\xf9\x99o{@\xa7\xf0z\xa3\x9a\xef\x98\xf6rc\xb6\x99\x0eV\xba\x8c@\xa7\xf4\xd5\xcd\x85\x9e\x03\xb5\xfd\xb0\xb3\xe0\x10?\xaa\xbd(K\xab-q\xe6\xf4N\xa71\xbf\n\x98&amp;d\xa1\xaf\xae9\x91\x93\x0fV\xe7e\xe5\xfc\xd4sQ\xb1\x91\xd8\x17\x18\xe9\xf1\x12q9/\xac\x1c\x05\x91\xf0K\xe9\xe2X\x8b\xef\xcf\x13\xc5\x00\xfa\x14\x84\xbbL\xdf\xc0?\xda\xf4\xc5\xe1\xf0\x84\xbc"\xcf\x06\x8dU.\x90e\x1b%\x88\xff\rX\xd5\x1b&gt;\x84\'\x86\xc6\x1b]\ta\xfe\x0b\x06\xc4\xfe\xf5\xc3\xcf\xd4\xf7\x8fP"X=\xa5\x95\x84\x8f\x9f\xd6y\xeb\x03\x80\xc3\x97\xae\xa2\xae\xb9l\xe7i\xda\xd5\x10\xde\xca)\x0c{\xcd\xa7\xf3\xe1\x18\x1f}\x0b\xf1\xb3\xe2\xa7\x83\xbb\xdc"\x84\x17IwU\xb0\xa2\xfc\xde\xc8\xee\x1d\x10\x86\xa8\xe6\xdb\xed\xb4\xe2\xd4\x14[\x97y}\xe1\x07D\xdf\x1e\x9e\xf8\xf0S\x96\xa7\xf7\xc0^p\xcf.r\x82B\xf0\xca\x1e\x999/\xf0i\xcf\xc6W\xe0S\x97R\n7ny\x80\xf2\xddE.\x83\xfa$\xb6\x1a\xd0\x1a\x15^\x11\xc1x\xa8R\x9cDCHt\x9e\x82pW\x8fY\x9a\xbcz\x04\xe8\x07\xc7.T\xfb)\xe25f\x00o\xbaj\x97\xd45"\xb3$\x94\xa7\xf9~RZg\xa9\x86\xbdt\x08G\xca\xf2\x08\x9d%\n)2\xd8\xc3\xb0\xaf\xa3\xd6\xe5+\xda\x15!\x95\x08t\xc9\x8e\x11\x99J\x954\xfe~\xd6i\xf8\xad\x02(\xffcA\xb5\xd2\xad\x15\x0f\xd9\xbd\xaa\n\x18&gt;#Pm0\xbd\x86v\'[\xe2\xcc\x88W\xfa\x03\xb0U\xee9%\xf2\xf5\xf2W\xe5\xec8\xba\xa3\xb4\xd5J\x02\t\xee2\x8a\xa7\xd4\x85\x03\x83\xf3\xcd)\xc5\x16\x02\x1c\xd5\xd9|\x90Cy-A\xb3Q\xa1T\xeb8,\xcd\xeb}\x99\x16\xf1\x8f\xbc\xda\xb1z\xc5CN\xf0\xc7\x85]\xf5T\x872\xfd\\\x7f\xbc\xe9\xe1\x17y\xbd_\xe0\xc9+Sm!\x99\xa8\x93x.!v\'\xecK\x0bZ\xbb6fo!\r\x08W\x0c\x01\x08\x89\xc2\xd01\x00\xe1\xc8\xb2\xf2\xe7\xa99z\xfb\x85(\xfdIy\xb1)h\x90\x82\x7f\xba\xd9\x089\xa5\x81\x04\x83\xbdr\xbc\x03\x8c/\x80\x9b\xbe\xe6\xbc8\x95\xce\xd2\xa4\'(\xc67C\xd4w\x1c\\\x98$\x87\xa8\xa3\xc8!\x84\x8e[x\xd4\xc7\xa5V\xc2\x94\xdb\x82i\xee\x0e\xc3\x1bE.\xa5\xbfK@\'\xe2\xbeX\xe3\x84lv&amp;m\xaa\x1b\xc1\xef\xe7}@\xca\xe7\x0c\x96lt\xea\xab\xc9\xea\xc7^~(\x0b\xf1J\xdd\xdbY-\r\x04|\x1f\xd8\x17\x02BxN\xcb\x99\x0b\x8a\xf6\x92(M\x8f}{\\\xbb\x0b\xf6U\x15\xbd\xf9\xb4\xde\x19\xbb\xdf\x8eec\x01x\xb1\xc5\xb5%\x9e5\xf3\x8f\x1e\xdf\xcd\x9c\xf1jMc\xb7\xbc!\xa6\xc9/\x97J\x13\x873\xa</t>
        </is>
      </c>
      <c r="E303" t="inlineStr">
        <is>
          <t>&lt;class 'numpy.ndarray'&gt;</t>
        </is>
      </c>
    </row>
    <row r="304">
      <c r="A304" s="1" t="n">
        <v>302</v>
      </c>
      <c r="B304" t="inlineStr">
        <is>
          <t>steps_per_sec</t>
        </is>
      </c>
      <c r="C304" t="n">
        <v>4400</v>
      </c>
      <c r="D304" t="inlineStr">
        <is>
          <t>10.158479</t>
        </is>
      </c>
      <c r="E304" t="inlineStr">
        <is>
          <t>&lt;class 'numpy.ndarray'&gt;</t>
        </is>
      </c>
    </row>
    <row r="305">
      <c r="A305" s="1" t="n">
        <v>303</v>
      </c>
      <c r="B305" t="inlineStr">
        <is>
          <t>Loss/object_center</t>
        </is>
      </c>
      <c r="C305" t="n">
        <v>4400</v>
      </c>
      <c r="D305" t="inlineStr">
        <is>
          <t>0.5165025</t>
        </is>
      </c>
      <c r="E305" t="inlineStr">
        <is>
          <t>&lt;class 'numpy.ndarray'&gt;</t>
        </is>
      </c>
    </row>
    <row r="306">
      <c r="A306" s="1" t="n">
        <v>304</v>
      </c>
      <c r="B306" t="inlineStr">
        <is>
          <t>Loss/box/scale</t>
        </is>
      </c>
      <c r="C306" t="n">
        <v>4400</v>
      </c>
      <c r="D306" t="inlineStr">
        <is>
          <t>0.07067815</t>
        </is>
      </c>
      <c r="E306" t="inlineStr">
        <is>
          <t>&lt;class 'numpy.ndarray'&gt;</t>
        </is>
      </c>
    </row>
    <row r="307">
      <c r="A307" s="1" t="n">
        <v>305</v>
      </c>
      <c r="B307" t="inlineStr">
        <is>
          <t>Loss/box/offset</t>
        </is>
      </c>
      <c r="C307" t="n">
        <v>4400</v>
      </c>
      <c r="D307" t="inlineStr">
        <is>
          <t>0.20032771</t>
        </is>
      </c>
      <c r="E307" t="inlineStr">
        <is>
          <t>&lt;class 'numpy.ndarray'&gt;</t>
        </is>
      </c>
    </row>
    <row r="308">
      <c r="A308" s="1" t="n">
        <v>306</v>
      </c>
      <c r="B308" t="inlineStr">
        <is>
          <t>Loss/total_loss</t>
        </is>
      </c>
      <c r="C308" t="n">
        <v>4400</v>
      </c>
      <c r="D308" t="inlineStr">
        <is>
          <t>0.78750837</t>
        </is>
      </c>
      <c r="E308" t="inlineStr">
        <is>
          <t>&lt;class 'numpy.ndarray'&gt;</t>
        </is>
      </c>
    </row>
    <row r="309">
      <c r="A309" s="1" t="n">
        <v>307</v>
      </c>
      <c r="B309" t="inlineStr">
        <is>
          <t>learning_rate</t>
        </is>
      </c>
      <c r="C309" t="n">
        <v>4400</v>
      </c>
      <c r="D309" t="inlineStr">
        <is>
          <t>0.00091000006</t>
        </is>
      </c>
      <c r="E309" t="inlineStr">
        <is>
          <t>&lt;class 'numpy.ndarray'&gt;</t>
        </is>
      </c>
    </row>
    <row r="310">
      <c r="A310" s="1" t="n">
        <v>308</v>
      </c>
      <c r="B310" t="inlineStr">
        <is>
          <t>train_input_images</t>
        </is>
      </c>
      <c r="C310" t="n">
        <v>4400</v>
      </c>
      <c r="D310" t="inlineStr">
        <is>
          <t>[b'512' b'512'
 b'\x89PNG\r\n\x1a\n\x00\x00\x00\rIHDR\x00\x00\x02\x00\x00\x00\x02\x00\x08\x02\x00\x00\x00{\x1aC\xad\x00\x00 \x00IDATx\x9c\xed\xbd{\xf4&gt;OR\x16\xd6\xef\x82\x08\x81\x88\xc1\x05\x04\x0fb H\x04\xb9,`\x0e\xf7;\x81ML\x00\t\xd9\x04\xc2\x81\x15X\x12n\xbb\x84\x8br\xf1\x10\xc2r\xe4*D\t\x82\x1cDa\r\x07\xb2G\xc2\x02Q\x88\xdcC@\xb9- \x82\x89\x10E"G\x96\x95\x88\t\xb8@\xa8\xfc1\xef\xcc\xf4tWWWUW\xf7\xf4\xbc\x9fz\x0e\xfc\xf6\xfd\xcctW=]]]U\xdd3\xef\xfb\r\xc1\xe1p8\x1c\x0e\x87\xc3\xe1p8\xcc\x00\x10\x00\xde\xe5l\x166\x80\x10\x00\xce&amp;\xe1p8\x1c\x97\xc0\x83E\xcbO=\x9b\xc0Y\x80\'\x93\xf7\x1er\xa4\x00\x0f9,\x03\xb8]&amp;\x05\xb8\xcf\x16\xe0VqH\xd1\xee2-^\xe7\x0b\xd9!\x86\'\x00\x02n\x19GW\xf8\xe2s\x0c\x82;\x9a\xe3\x12xR\x8e\xfa\xa4\x06\xfb\xc4\xf1\x8c\x93\xf5\xdfn\'\x13p8\xba\xc1#\xa9\xe3i\xa1\x87\xbf\xfbqP\x0b\xda-\x07\xe0\x81\xcc\xe1p\xc8\xa1\x08\x1c\x1ej&amp;\x84\'\x00GW\xc0\xac&gt;6\'\xab\xd9\x01k\xd9\xee\xe6{:\xf0\xa9vt\xc2\xc3\x87\x11x\xd6\xd9\x0c\xcc\xe1\xd1\xbf\x05n8\x87cC\xbe\x1c\xc0\xd7\x88\xc3\xd1\x1b\xb3e\xf1\xa9\xc88\x86a\x9b\xf5x\xfe\x9f\xb2+ \x19Q\xbb4\xce~\x0b(\xc2SX\xde\xb3\x8dq\xa13\xed\t\xac\xe3\x89\x00u\xbf\xed\xd2\xedxmiL\xbc&gt;\xf8\x04\x9d\xf9v\xc5\xd7)\x93Y2\x99\xb6\xaa\x90\xad\xaa\xbd\xa2\x97\xc0/\xf6\x11[\xa8\xf4\xf3\xab\xb3\xed\t\x1c]1geP\xa2\xd4\x8f\xea\x84Fx\x04\x9ceV\x9fN5\xce2\x9cO\x99\xa3\x84\xcd7\xd4N\x02\xe0\xaf08\x1cv0\x8f\xd7\x03\x12@\xbb\n\xcfR\xe3q\xad-\xa9&gt;Eu\x90y&amp;.I\xda\xe1 \xa1\xf0\xe9k\xc5\xaf\x13Q2\x92\x89\x01\xaf;\x07\xee?\xdd\xb1&gt;08\x9b\x87\xc3\xf1T!]|\x00\x82.p\xe5\x04\xe0\x18\x84\x1e\x1e\xd2"\xf3D\x7f\x1d\xa9\xda\x17\xe6\x84\xf8;\xcd&gt; \x0f\xe8\xfd\x9e\xee&gt;`\x11\xfd`\xc3\xe9\x82\x19,4\xdb&lt;\xcd\xc5f\xc5\x9c\xac\x1c\xe6\xd8\x9f\xe5f\xd7\xbb\xae\x94K\'\x80\x9c9\x84\xf0\xfcS\xa8T1\x8f\x95\'!\x02ou6\x83#\x04\xbb\xe6\x81\x16\xbc\xf4\xfat\xa0`N\xe8\xfa\x8b2\xbd\xe9\xc8\x8a\x0c\xf7E\xc7S\xc7\xb0\x9fy\xf2\xf3Y\xc7l\xe0f\xaf\x8b\xb8\xedD\xdf\x04\xee\x8a\xab\xcc\xc7%p\xff\xda\xe10\x93N6u|_zH\xaf\x93\x0e\xea\xc1\x8cp\xbb\xddD;\x18\x13\xa5\x0ff\xc3\x11\xe8\xf15\xe3\xa7\x89s\rw\xe9\x89\x83\xe8\xbf\x0f\x83\xcb\r\xc7\x960\xbc\xf3\x8c&gt;9!\xa5Y\xe0\x87\xc8\xd7\xc5\x9c?E\x80\x02\xe0\r\xce\xa6\xf0\xf8\x98\xc4\x19\xc6\x90\x98b\xa8\x0eG\x0b\x1e\xf8\xeb\xb5\xd3\x12{\x18\x8cI\xffU\x051\x07\x0e\x9d\xae\x8c\xcd\x1f\xbf=\x95g\x001|G`\x821[\xab\xd7\x9e\xf5g\x0e\x93\xdf_t\x9f\xb2\xc7\x10\x93\xdejs\x17O4\xc7\x19\x15\xfe\xca\x7f\xa8\xb0u\x90+q\x84\x10\xb6\x14\xea\x16&lt;\x15\x97\x9b\x80\t\xf9^\xe8|L\x81\xfb\x0b`\x9f\xd2,\xa7f\xa1k\xd9\xd0\xc3W+\xdc\x82|\xb8\x91\xa4\x18\xe9Y:7\xbe\xca\x94\xfa"E\xc11\xcb5\xecv\r\x96O\x15&gt;;:\xf4\xb6\x1b\x14&gt;s\xbb_gZO/\xd46\xf5\x00\xafi&amp;\xb0\xdb\xde\xf7:\x13\xbb\xc23\xbc\x83\xc6l\xee1\x89\xc7n\x1cDd\xe0\xa4\xdf4T\x1b\xcd&lt;\x01$\xa2\x08\xb9\xab\xad\xa6\x98\xeeG\xc6\xe4\xf6\x1dLnrk(\xf00\x87\xd4\x00\xef\xd2\xa3 }\x04\xd3\xd4\xd0b1i\xdf9C\xf6t\x84\x1cO\x13\x13\xae\x8dk\x81\x1f]\x1a\x0fj\xae\x08s\xefRD\xf3\xadr\xb7e" \xd0\xd8\xddW\xa8\xa3\x13\xe6,\x8e\x1c\x83\xf1\xb6g\x13\xe0\x03\x00\xe0\xf7(;Zs\x19\x81G^\xa1\x00\xafXF\xf7\xc8\x83\x9c\x12np\xc7\xc3\x80\xbb\xfdb\xfb\xbc\xfa\xe1\x84\xa2\xd7\xb4\xe8\xfeE0\x00\x08\xe1U\x96\x8f\xdb\x95\'\x12\x98f\x18\xe2\xcd\xe2\x8bT\x13\x8c\xe3d&lt;\x05w\x9d\x1c\x1c?^\xa6\xa9\xea\xf3-O\xa76\xe1\xf0}\xe8?]\xd0\xf9\x9b\xc0\xd6\x02{}\xcdR\xf2\xce\x81I\x8c\xaa\x80\xe9\x19\'\x02\x00D\xf4\x00\xea\xdfK\x94\xca$\xe4,\x1ff6\xa09\xf6\x18q\xbb\x85\xd5\x92\xfd\x1c\t\x00\xce\xb5/D\xe1`Y\xbf%:\xd0/p4X\x98\xef\xa5\x1d\'\xb1\xa7e\xae\x01\xa2\xc0\x87\x02\xc6\x93\x9c\x10%+\xa8\xadch\xdb\xb3f\xe8,\xbd\xef\xc3p\xe3\xf1\xac\x9e\x0e\xb8g8\xc7\xf6\xfch\x92\xb7z\xb2\xd3i\x9c\xae\xf8[\xb0d\x7f@t\xb1*c\x1d\x0e&amp;\xe2\x00Q\xac\x82\xdd-\xcf\xc66\x05\x87\xbd\xcbC\xcc\xcb\xb0\x13\x8b\x0e\xcf\x00\x18\xa4E\xc3z\x80\xe9l\x04\xbf&lt;\x81\'\\\xcb\x8c\x87\xef\x03\xce\xc5\xf6o\xb3\xdc$\xe7?\x97\xc0\xedv\x1b3\x10\xcb\x04\xb0M\x06\x07\x8f\xf1c\x8a\xb6\xa4K\xd2\xf8\x8ep?\xa5\x1ebLZ\x0b|\xe1\x00\n]\x90\x8c\xeb\xa2\x9e9\x00\x00\xff\xbb\x85\x90&amp;\xf3naD\xf6\xfc\xacLf\xe4l\xcf\xe0X\x96IF\xfc\x183\x08\x0e\x82Fb\xfe\'\xc6#\xf1\xd4\x9ek\xe51\xc0O\x81\xae^_\xc3\xbaK\xd8\x9e\xe4\xa3\x031\\\xf8WY5f;\x00\xe4\xb9\xca\x85K\xa7K\xcc\xdd X\xd9\xc2\xca\x1f\xbe\xc0D\n\x17\xb7\xdb\xed\x96\xbe\xed\xf7@\xbfr\xc1\xc5g\xdeB\xe0\xfd\x1c\xfe\x9c\x88j\xfb\x96\xb4}\x7f\xda\xcchy\x15K\x99\xf1L\x92\xe7b(\xda\xd0\xfcR\xab\x95\x9b|\x9cO\xa7\xb8\xa3A\xbf\x0eh\xa3b\xb2\xea\x92\xe63\xcci\x1d"T\x17\xacUu\x7fw\x80G\x99\xf5~_\x04\x1bT\x1fq\n1\xc5T=\xca\xfc\xee\x90V\xacw?\xd7\x9a\x82\xaf.*\x1a\xa6\xa8\xa9\xef|\xa6w\x80)\x8c5\r\xa4\xb5&amp;\xd1\x92n{\x7f&lt;k\xf4\xbbC\x00\x7f\xa0QB#\xce\xf9\'!\rw\xd0\x9d\xbe\x92s\x89\xd5Uy\x0c{\xbc)5\x94\x89]c\x86\xc4[\xda\xb7\x15"\xc9\xa7\xccRB\xf2\xc4Ba\xa4\xe2\xb7\x1e\xa8\xab\x84\xb6\xa0\xf1\x93"UUE\xcb\xbc\xc7\xb3\x8fv`\xc8y\xb9\x84\xd8\xc4H\x16$\xfa5\x9am\n\xa1\xf0\xa50\x96"S\xda\x88\xfc\xeb|\xcd\x87~_\xa5\xd30\xa0\xf0\x19m\x96\xb8\xc4?nf5\xec\x05\'B\x91\xd4cm\xb5+e\x9a\x08\xb9\xc8\xba\xa0A\x8f\x81\x9ff8\xcd\x1e\xc3b,\xe0\t\x80l\xacH\x00:\x83v\x9d\x86\\8\x00\xc0\xaf\xf4\xd1E\xc7\xdc$\x01\xbc\x86P\xf8(g\x95\xea9e\r\x15\n\xba\xee\xd1?tJ\x00\x16\x02\x9fP8{2\xe8\xf6\x10\x98\x14]\xf2\xa4\xfc{}V\xdc8?\x0f\xa2&gt;\xec~\xbc\x07\x06=\x00\xd8\xf76[\xe4p\xdb\xd7\xd4m\r\xd0\x9fW\x82\xf5\xa1\xdfY\xaf,\'+\xeb\x12\x98\xed%\xc8\xdf\t\xe1\x95\x87(\x9am\xe0U\xf4z\x06P\xb1\x02\xe9\xcd\xb6\xef\x1d2\x7fbK\xbd\xc04\xbfZ\xa5\xd3t\x05\x10\xc5\xeb\xfe\x9d\x9dqtX\xea\xb6\x06\xf8L.W\xa7\xfc\xc2\xca\xb48\xc5:\xc4\xb2z\xa5\xca\xd32\xb3\x15\xa9\x18\xf8\xb9\xfb*\xe3\x1d\x00\x7fe\xe4\xc36_TK\xa9xVN\xde\xbe\xe6\xe6\xc1\xa2+8\xbf\x8azi\x988\xf0\xe0U0\xdb\xae\xa5q\x9b\xae\xb6\xdelv\xc8a\xb6\x03\xb8a\x85R\x8c\xb84\xc4\x92\x9e\xbd\x8d\xeeO\xea\x19-\xf9I\x98\xdf\xf2\x16q\xe8\x8d\xf7\xc4.&gt;\xc6\x89mu\x0c\x13/.\x1b\x98\x8c\xcf\xd0H\x1c\xb7\xea\xf4S6:\x8fn_\x06\xfa\x91$?x\xd3\xccdj\x88\x1e\x8dU\x1f\xff\x9e\xf5\xa3\x1c\xf4\x08\xce\x8a\xaa\x9d\xb4\xce\x90#6\x07\x80\xe7\x9ec\xde\tl\xa0\xc1Ei\x8f\xc7\xe6T\x8d\xde\xa5\xeb\xfc\xb4\xa6\x89\xf9\x82\x04\xf3\xfd\x9fs\xc2\x81\xddK`\x9c\x96O\xcb?z\xe2r;\x1e\xfa\x85.\xc6"\xb2\xa5\xc3E\xc7\xf7\x9fT\xe0\x93\x99\x8a\xf6$\xe8\xf5\x108\xf7\xe0\xf8\x15\xba\xa4qi\xb7x\xca\xd9\x19S)\x9f[\xa5\xe5\\\xabi\x04\xac\x02\x08\xfa\x02\xae\x89d9\x13M\xafF\xe7f:`\xfe\x85\x8cvT\xde\xaa\x1a;\x0b\xeb\x1b\\u\xb5\tm\xe2\xa5\xea\xee_6\x12\xe5\xad\x9e\xff\xcc\xa4q\x02\xd8\xbeF\xbf\xfd\xea^\x14\xf4\xa9W?\x99\x98\xac\xf80\x80m\x92\xa3\xbfxa\xa8\xa8\x05VCN\xe5\xdc]\xceD6\x8e\xf2\xeb\xcb\'(\xe5\xf7\xb7\x91\xb3\xa2&gt;}\x9fs\xe3\xe82\xceI\xaa\x87\x0e\xa5\x1e\xe6\xf3\x99\x95*\x82\xf1\xdfn\x17{\xb54\x84\xed\x15\xcc\xb7\xd3\x7f\xe3\xb7(\x99\xd4(\x96f\xf4\x05\x19\xa8\x05\xd9^\x87\xf8}\xc4\xde\x85G_\xdb6\x14\xe8\xa8\xc2\xd0P\xb0\xfej\xcdH\xd3\x8fO\x00\xb6\x80\xe8\xbf6\xa2\xb2o\xe9\xbf\x81\x85\xf0y\xb1\x05D\xdb\xe8\x1f\xc6\xfaM\x1e\xfb\x8a\x8f+\xb2\x040m\xd0\x8c\xc5\xbd\x9b\x9d\xa8\xc1\x989|\xcc\x83\xcbY)^G\xe7R7\xac{\x1c\x96\x183)[\tp\x88\xe9\xaf+\xf3\x891\x07/V;\xaai\x7f\xa1\x01\x9e7J\xd34\x98\xea\xc8\x8e\t\x11\xe7\xd9\xf6\xca9\xf5\xe5\x99\xa5\x95\xea\xabM\xa6#\x84@\xfa4gB\xcfZ\xc6\xc3\x94\x16\x8d3\x81\xbb\xcf\xc0a\x0c\x9e\xcc@\x87\x82w\x8a%\x90\xd6oU&amp;\x82\xaf\xe1\xf9W)p\xe0\xd5x\xcd\nO\xea\xe7\x19\xa6\xe1)\xdc%\xf0D\x86Y\xc2\x93\x1e|\x06\x853T;Hw&lt;\xf0\x0bR\n\x07&amp;\x1ceO\xdc\xe7\xcf\xc4\xb0\xc0\xda\xae\xe3\x8a&gt;\xa2^\xc0=V\xfe\xe9\xf8(\xb6\xbf=\x9d|\xdf\x8e\xae\x87\xfe]\xe7a\x86G&amp;\xd7\xc6\x93Z#UO\xcc\x9ef\x8f\xb3O\xcb\x81[\xdcx\x19\x81nI\xdb?u\xd7\xbd\x9fV\x93\xc9M\x00\n\xdd\r\x10\x9dw\xaf\xdf\r\xaa6\x1bw\xa4y\xb9Hp\xbd\x14?\xe1\xe3\xf5\xfc\xf9\xcf\x03\x83z\xfe6\xe4\x98\x88\x10]R\xab+\xe4\'\xa9\x7fg\xe00\x0c\xd2\xc1\xe6\xads\t:\xfb\x95:\x19N\xc7\x03\xcc\xeb\xa0\x7f\x122))\xa7\xfby\xbc\xf4\xf5MM\xd9X+\xd9\x02\xc0\xeb\xcb\x99\xd9\xa3d\xfcaq\xaa4\xf7\x80\xddS\x07\xf1\x1b\xa5\xea _!\\\xc6\xa4\xbf\xb7\xc3\xa7\xf6\xd6\xc0\x05\xe7\x1f\xde8\xb4\xcf[|ovMe\xbf\xe2\x97\xbc\xec\xa6\xc3\xf2\'\xf6\xecD9p\xd0\x95o\xfcy\xb6\x92m\x0c\xa3\xd3\x9f\x12\x03\x00\xc0_0\x96)\xbc\x1e\x93\xb1eb\x02\xe6pZ\xc87\x0e\xbb\xddnsZ~\x12\xb8q\xba 6\xea)\x11\x90\xaf\x8fIn;g;\xe46\xd6\xf9OE;\x9b\xa9\x18j\xd1\xb2\'\x04\x1f\x17\x02\xefAH\xb5\xc1f\xafGZ\x94\xfb\xa0N\xab\x03\xb2+M\xd2\x1eir\x1em8# \x8b\x0e\x16\xd1\x9f)\x80s\xfa\xa9%p_\xc0\xd9\xe3\xdc\xf9v7\x11@\xfb\x14N\xd4iQak\xea\x07\xc3\xe4~\x92\xe0:L\x1dO\x06\x1c\xa7\x1c\xe0\xb8\xf9B\x9ed\xb5\x00\x96\x9ftr\xfaa\x12[\x9d\x82\xd2\xd8\xd1\xeb\xb6;\x86\xeckM\xb5]\xe9\x9b\x97\xe4\x10\x9b]\x05/\x87\xc3\x0e\xe6\x1e\x88l\x9c\xc1fC\xc3\xd3\xfe\x91\xaa^\xf6\xf4.U\xbc^\x12|\xf3\xea&amp;\xc2\xea\x81\xdc\xfcn0?\xc3\xc7\xc1lq\xa1G\xe0\xcb\xaf\xd0Z&amp;2\x87\x11\x96\x11O5\xd1\xc3\x809\xc0;*z\x19\x82\xf5\xb0\xea\xf8\x8c*\xd4\x9eT9\x1c\x1a\x9c\x98\x006\xc5\xb03\xd1\xbb8\xfd\xb5\xacx\x90\xf5\x04 $Al\xff/\r\x80\xf0\x9dgs\x18\x03\xc5\\\xb5=\x80\x1d\xa7\xab\x87\x1cG+F\x1cs\xf7V\x10\xebR\x7f\x1d)\xea\xdez\xea}\xcf\x1f\xc5[\xc9\x15\xa4\xcd\xa1=\xec&lt;y\xdaet\xcf\x00\xc0\x0b\xe4]:\xf0X$\x7fH/\xc9]\xb1?\xa4iy;+\x02\xb3\xbdVU\x9dF\x0f\xc9\x8e\n.g\xf7N\xcf$M\x1ex\xf6\x86\xed\xa3\xbc\x13\xa1\xc9\xd3["\xec3S\x93\xd8\x94?\xc5\x87\x04\xd0\xc6\x9e\xb0\xe6\x18\xb3\x1c\n\x9d\xe6\xf2\xab]\x88\xc3\x06=&amp;a\xe4\xd4\x0e8\xeb\x8cC\xd9{P4~&gt;\x8cu\xee\xbeG\xcf\x16\x8b\xdc\x16\x17\r\x19&amp;\xb9\xb0$A-X\x9d\xe0\xdb\xb3\xfb%*9\xc7\x0e\xe6D]=\x97\x94\x08$\x07&gt;\xd5\xf6\xc1h\xcdw\x02\x93\xd8\xb3z\xf3xJ\x00\x00\xf8s\xad\x12\x8c\xb8\x18\x00\x00\xe0\x95\xb3\x8b\xbf\\\xf8-\xf7\xb2\x10\x89F\xbbg\x1b3Y\xd2\xd1\x05\xd2\xf8\x0b\x10\x00\xfeo\xa6X\xe6)\x7f\xfc``*\xcc\x9c\x9c\x9e\x14D\x13\xd1\xe9X\x95\xdf\xe0\xd0\xb8\xf0\xf0\x8c/\xf9^\'\xdd\x97\xde o\x84k9\xffx\xa2\x8bBY\xe8\xec\xc5\xa5\t\x8aif\xb6\xcf\x9b\x95t\xfd\x0cO\xdae\xdc\xd1\xd1\x01\xb8;\xf1\xbb[2\xb1\x10\x92\xca\x84\xedb\x12\xe8K\x9f{\x83W\xbdu\xa7\xa1A#\xabz\tp^0\xa2\xd5*\xf2\xf6\xe9a\x95\xaf\xbeX7\xbd\xdft\x8e\xd8t\xec\xdbM\xf2\xd3D\xfcF\\\xbd1c\xf9\xc4\xcf\xae\xf4\xcf\x15\xa2\xa5\x07\x87\x8b\x01&gt;\xe3 6\xde\x1f\xfb\xec_\x18&amp;;\xb8\xaa\x83\xf2\x13\x00\xc0\xbb_\xbd\xac~\x95\x10\xc2\x04\x9b\x83\xca\x8c\x1c\xdeoi"\xdau\x90\xf0\xf5=\xa5\xcb\xb1M\xeb\xe0\xc9\xe5\xd4\x7f\xe1\x98Wt\x1e\x08G\xc4\xc2K\xc4.\xbdZ\x1d8\xcc\'\xb5\xc7i)\xa7%\x9a\xe1\x9e\x82\xcb"\xa3\xce\x967\xba\xda\x0b\xd2\x0er\x06`\xf2)\x1az\xee\xc1\xde\x01D\xed\x9bJ\x10\x8eK \xbdj2\xe9\xbep\xfc\xf3A\xf07O\xd5\xae\xce\xcf\x97\x0b\x91\xf9\xe67z\xf3\'k\x1c\x02\xc0;\x98k\x9f\x19\xc7P\xff\x0cE\x0e\xb8\xcb1\x1d\xec\xccV\x9b\x99[\x02t\xee4!\x9c\xa1\xa5*S\xad7\xc9ar\x01z\x9c\xf3/sA\x9f\x7f\x14l\xb3]\xbf\x7f\x83iQ!\x92_\x1a,\x9ce\xfd\xa7\x04\xd4%\xa23\x83\x03F\xfeCu\xba%\xe0&gt;\x93\x00\x00\xd0i3\x8f0\xdb\xc2\x8f%+\xa2\xc1\x13\x82y*S\x08\x84W\x12\xabx\x89\x96\xc6U\xea\xa6\xf9k\xf6\x04\xed;\xfa\xd2u\xe9&amp;\xc0\xc1D\xa3-g\x9e\x0bx\xdf\xe8\xf3\x91\xe6\xcc\xb4\x07\x01\xe4q\xb0\x9f\xcdF\xaej\xf8\xf2\xcb$\x00\x14=6\xa1\xe3\x03\xebz\x1a\xb6?\xc1+fk\xedA\xd0Hh*\x9e\xb9F\xc0\xc2\x159\xcf\x83KZ\xef\x10n\xc8\xbb\xa5\xbe\xe5\x85\xddHM\x0f\xdd\xd9\x9f(\xf2\x8ez\x089\xd7I\xf7f%\xf8\xd7\x94\x96\xd7\xdb\x9f\x01\xa6\x1d\t\xb1)\xde\xc7\x82\xb1C\x8e+\xc6\xb1\xd3\x01?{6\x03&amp;\x92u\xf8bS\x81\xf1*o\x0f^\xfcJ0i\xa6\xaa\xd7v]\xf4k\xa9{3!+\x05\x8e\xb6En\x95\x0eU\x1a\xf5\xaa\xf1\x9c\xe3\x9f\xdbS\xeej%1\xff&amp;\xc0\x163\x8f\x8e\xe9T3\x0f\xa1+\xc0\xee\'%\xfab&lt;\xcb\x16\x9f(\xbc\'\xc3M\x00\xc7\x08N\xbd}\xc8\x17\x88\xdf:\x06,Z\x08G\x17\xad\x8en\x80\xf6\xe9\xb12\xdbf\xf605i\xb6~\xa2\t\xe0_\x9eM\x81\x8b\xd2tL2A\x84k\x8d\xe4\xd0\xae\xfa\x19&amp;T\x12\xc0\xdf\x18:O\x9c\xa7\xf0%6I\xd7\xf4\x85\xca\x9a\xde\xaf\xbc\xdd6\xed\x08\r\x08\xc5[Z\xdc"\x8d9b\xea\x8b{\xf4\x98\x08\xf3\x97\x1eJ$\xdb\xed\x16?\x94\x8au&lt;\xcd\xf76n\xb7\xd7&lt;\x9b\x02\x1b\xb7[\xee\xeai\x167\x8a\xbd\x8b\x18\xf1\xc3\xcb\xb1\xa1\x7f\x8e\xc4\xc7\xc6f\x9dI2\xb6\x08\xd2"ZWG+XU\xe5\xc4|\xf8%-\xd1&amp;\xcb(Ms:v\xc1\xec\x06\xc8M\x01\xf0\xe7/\xb1\x03\x98\x8b\x8d5D\xd6\xc6&amp;\xd1~\xbe\x14k\x1f\xed\xf0\x8e\xeb\xdc=\xf6\x0c\xce\x85\xb4@\x18\xb2S\xa3%+N\x81\xda\xc9\xc4\t \xba\xd8"x\x95\xdf|,3\xacc\x1c\xf7\x93)\xf8\xde\xfdn\xb1\x8d-h\xa1U\xa5\x93f\xa7\xb3\xa1\xf3F+\x1b\xd2\xaa\r\x9fJ^\x06\xc3\x86ZR\x04_\x99]\xe1\x1f\x9d7\xec(\xa9\x04\xf0^\xf7\x06\x8d\t@T\x98\xac\x1f\xf6+@r\xf8\xc1\xe8\xe9n\xbf\x87\xcc\xe3W\x02\x11\xdc!\x1er\xff\x04\xb0\xf1\xc1\xaf\xf3b\xd9\xd3\x89$"$V\xc9g\xd9\xed\xf6$@L\xf4x\x0fH\xb84F\x16Qw\xbaq\xa5\x14\xbdK`3\x93\xab\x18\x0c:\xa8\xe7\xd1\xff\x94`\xd1\xfe\x82\xc7\xc3\x04\xb9\xc6\x81\xcc\xb0Sz\x94\xa98\x1b\x976c\xe2\x82\xafs\xaavi\xaf\x16\xcb+\x1e\xa6\x15E\xad\x1b\x97\xd2]\xae\x90rP89\xf0k\x91\xb3\xbd\x12{\x12\xb0W!\x17\x9b\x94\xb0\x86\xfe\xeb\xf1\xb6B\xa7qo[\xf5.\xd2cEFZN\x7f\xf8c\xa2\x9a~\x83\xe8\x1e\x9d-\x14) \xd8\x0f\x15\xa2\xfc\xe1:\xd6\xf19\xd8E\xc70&lt;\xd9(\xfa\xb4\xc0\xae\xe3\xba\xc7\x1ah\xfb\x15\xd9\x83\xa8\x10\xe0\x1fP\xa5k\x8f\xea\xe6#\xc9p\xac\xde\x13l\xd9\x17\xa9:\xcfx\x18\x00!\x00\xfc%Y{\xfc\xa8\x87b!\x9a\xa0\xbb\x89\xf8\x9c\x1c\xe7\xa1:\xad\x9ex\x86\xc2\xaa\xba\xb7\t\xdc\xd1+C\xa2^y\xb8\x18\xefg\xd5\x88\xa6\x16\xab$4\x13\xf8\xef\x02H\xc5^\x11\xf0\xec\xb3\x19\xac\xe8\xf7\xc6A]u\xf3\xdb\x16\x8e\n8\xa6l\tL\x00\x1f*\xef\xc5\x94\xacH\x00O\xf7\xe8/\x9cwb{i\xcb\xc7\xa4\xaf9\x02\x04\x96\xdbh\xd12lW\xb9\xc8ymKiO\x1a\xf0\xad\x8c6*w\x01\xe1\xca\x17)PR\xbaN\x18\xea\x144m\xbeg\xa0Z\xf3\xcc&gt;\x93L\xd0f\xfc\x98\xcf\xc3l\xd1f\xe3\xb3\xe0`\xea\x13y\xac\xc8\xad4\x03+KTCL\xe3\xe1ORw\xab\xbd.!\xd0\xc8\xa7*\x7f0\x88Yx4\x87c`\xb6!W]c6\xc2L\xccC[Z)\x0e\xc3l|\xec\x81\xda\xfd\xf4as\xce\x1c\xe9\xb7_lA\xeb\xe1\xf8mr\x7f\xb0\x85\x1b\x95\xe9\xba\x8f_\xcf\x9d\xf4=z\x0c\x98\x02\xe8\xdcu\x9aM\x93-\xdd\xe5\xb1o\xcc\xb3\x1c\xa00\xc9\tK\xdd\xea\x10\xd3\xee0\x94\xafBz&amp;\x06_\xa8\xa5\xf5\x94p\xe2\x0b\xafU\xa0nfKX\xed\xc6\xe7\xbeJ+}\x8a\xc0\x15\xcb~\xd5\x02\x9e\xe0\xeba\x88/6\xc7A\xb3\xc7;\xf57s^d\x12\xb5\xe3W\x0f\xf9\xdcN\xd9\xa8*4\xc6\x87o?\xda\x9f\xcf\xe4\xeb\x07\xe0\x1f\xf6\x892S\xbc\x17w9\xd5\x1cHW%r\x9d\'yr;\xd8\xa3t\xec\xb3]\x11YS\xaaZ\xdc\xa5 \xc7d\xedI\xe5,\xad\xbb\xe6\x80|\x7f\xba\xcf\x8b\xf49y\xf6\x0c\xc6a\x0b7k\x0b\x08\xe3\x89\x0c\xdbZ\xb9\x9a\xbfga+\xce\x1cIP\xc8\x9f\xc0\xe0\t`\x88\xabo\x11v\x90.Ud\x94\xd5&amp;Z\xe19\xb5\xc7\x0e7W\xccR\x17\xa3\xeb\x18\x82\x1en\xdc\xe5\x1f\x84Y\xfe\x99\x95[8\xfc{+%\xf6\xb7\xdb\r\xfe\xbf.,RJ\xd8\xf1\x14\xa7\xeb\xb0\xb4\xc1\xffwJ\xa8\x7f\x14&amp;\x95\xb9w\xd9\xfb\xe6\x9d\x8d\xb6&gt;\xb9\xde\xd3A\xff\x13:s"\xa6khL\xe6\xd9\xc5\x9c\xe8\x94\xc6\xaf0\xf4\x10.Q\x13\xa0\xa5\xd6\xbe!\xc8O\x87\xc6Q;0\x11t\xd1&gt;\xb8\x1eV\xfe\'\x07;\xc4\x9f#q\x89\x80\xa2\x06\x94\xa3F\x8f\x81\xa7\xab\xa6AE\xa3K \xaf\xd3\\pw\x15cB\xea\x97\xb6\'\xfe^J\xa7!i\x82\xac|\xcau\xa1\\4\xe8\x98\x15\xe7\xf8\xa8\xd4"?\xe3\xba\xb2+\xa5\x18\xb60\xa0`\xc9\xaaz\xe6\x0b\xc4\x00\x1f2r\x91\'\xcc9\x1eR\xa2\xd7#\x01\x9c\x15\xee\x06\x9c\xd3*0\xd5\x99\x84\x12\xf5\xf8\xd56\xeb\xf0\xb5\xfa\xbec\x00\x10\x00\x02|\xb4\xb6\xfb\xa8\xc2\x8a\xa9cZoS\xaf\xe1\xbaXf\xcb\xf4\xc9\n\xab\xeb\xb0gQ:\x80\xe4\x87\x17m\xf7\x13\xd2\x06H\x17\xd1\x9b\x17\xe8\xf30L&amp;\x91A\xb3\xc6|\xfdhwN\x01q\xed]\x17w\x00\xa5Re\xc2\xc1\xf7\x88A\x82\xc6\xc2\x8eI\xcc\x921\x13\xa2\xf7T\xf1\x87\x90\xb7\xda\xed\xc0S\xc4h\xf3\x8a\xae\xe3m\x9f\xac\xaa\x04C\x7f\x98p\x9dr\xd0\x1a\xc1\xff\xae\xbcK\x93\xc29`\xe0\x9a\xe4\x9f%]\xd7J\x86\xc99\xcf\x08\x8d\xb5\xd7\xae.d\xbd\xa7\x06\xdd\xd4\xcc3\x9dW\xaf-tx\xa2\x0b\xaaq\'(+x\xd7wL\x83\xac\x00&lt;4Ew\x7f\xfd0m\xa2b\x1dm[\x1f\xd4ns\xa7\xee\xa8;\xba}\x80\xf3\x19\x02\x9d\x0e\xc4\xd4\x8a\x86\x99\xf1\xa2\xf3U\x02\xbc\xe0l\x06\x97@\xec\x82\xd9g\xa4\xfdOc\xdd\xf3\xa6\x13:\xd3\xdf\x974\xb6e\x8f&gt;\xd5\x84\x08\x85^\xbc\x94\x1c\xc2\xefj(U\xb4\x97\xc8pR]\xd2\xc5q\t\xf8\x8e\xf61!\x9dK(\xbcl*\x920\x8f\xfb\xe0\xa77\xeb-\xde\x91t\xadF\xd3\xf02\xd3\xae\xc6\x16\xfe\xa5\nf\x9a\xde\n\x96\'\xb1\x04\xe1\xbe\x0f\x1b\xa2Y\xb6\xb2\x195\x96\xc7z\xf0pHH\'\xf2x\x18\x0c\xdb\xdb\xf21\x11\x952:%\x00\xb6\xf6\xae\xc2U\xe7\xe3\xe5\x9c:\'\xd4\xa7dgi\x1f&amp;\xad\xac\xa5p}\x80\xeeD\xe3V\x8ff\x17\x9f.Fn\xd6|c\xd8\x15\xfd\x0cZ*\xed}\x12\x99\x00\xf8\xb6\xb3)\x84\xc0\xa8\xdbz&lt;E\x98\xf9\x11\xcelU\xec\tH\x82\xf2\xb0\xe7H\xe6vG\xb9\x0f\x98\xe0\xcf\xe65\x03\x0b2\x938+\xa8~\xc4a\n\xea\x0e\xfe\x03!\x8b\t\x83g\x19\x08A\xc4Z\xc9\xd9O\xd5\x1e\xd4=\xe1\xf3-C\xf6\xb4\t\xb3\xc4\x8d\xfb\x8c\xb1,6\xf9\xacp\x97\xfd\x99\xe7\xac\xd6\x13A4\x8a\xb8\xe1&lt;\x95\xe0\x14$\x8c\x00\x00\x9f\xdfM\xb2\xc8_{[\x15Y\xdd\xcd\xcf\xbd\x1e&lt;\x01\x00\xfc\x89\xc6gV\xd2\xfd\xc1\xcc8\xeb(\xf6\xfetTh\xbd9M\x9d\x8c\x82\xb9\xba\x04\xf2;\xb4\x94bJ\xc3\x8b1\xde\x7f\xda5\x12\xfd\xd1\x02\x8f\x95\x00\x1a9=\x12Z\x8e\xe0\xdb\xcf.P\t\x00\xef\xb4\x7fnQ0\x13\xe2\xc1B\x9c\x00~hk\x80\xf5\xd2\xaa8\x11\xfc\xf2\xea|\xael\\\x8al\x11\x03F\xa1P\xa0\xae\x18\xe2\x05\x15]\x943p\x9c\x12;\x0eq\xb0\x90\x87\x12V\xc9\x89\xc1\xb9s-*\xe1\xa5\'Q\xcb\xab\xfd\xc2\xa3\x95+\x05\xd5\x0bQ\x9d\n\xdc\x03\xcc\xf3\xcc\xdb^G&amp;/\xe4&lt;\x98\xab\x94\xde\x9e8\x13T\x9a\xdd\xdbp~g\xb1\xcb\x8e\xcf@l\xfe(\xf8\xd9&amp;b\xa5\x87\xa2B\xf9B2\x9dh\xd4U\x8f\xd78\xdd\x1a\xa2p\xd6I\xa3\xad|\xa6\xa3\xb7\x1c*\xc4x\xfb\xbb\x84\xf9\xc2e\x1b\xe6Ji\xf0\xfe\xc2\xf6\x12\xe6\xd3\x8c\x12\x01\xbd\xb5\xe4\xd7\xf5w\xbc\xb9)9!$\xbb\x84\xf2-\x0b&amp;\xcfK\xd5\xcd\xe4\xeb\xcd\x98d(\xfb\xd1\xc7@&gt;\xba\x89T\xcf\xfe\x1c\x96\xee\x82\xcb\xaf\x08\xc3U\r\xbc_f\xef\x8d\xf5$\n\xff\x89\xf9J\xc7h\x13p\xe9x\xc7a\xae\x18\xde\x88s\xe7\xcef\x9fmN\x15|L\xde\xb6\x1a\x9a\x00\xce\xdb\xe8\xf4\xc6l\xeeta\x9cnJ:\x01\x9c\xebd\xe3\xb3\xd1\xa6\xafQ\xaf"\xc7\x00t\xfc\xe7\'Nw\xb3F\x0c\xf3\x04\xc8\xfe\x9c\xd9t-f\x99y\\J&lt;\xe0\x90\xfa\x03\xe0\x0fo\x81\xb6\xdd|%\t\xba\xcak\xc6gM}\x00\x00\xff\n\xbfn\xac\xa5\xf6\xdc~\xc4\x1a\xaa\xea \xc2\xee`\x7fh\xb1\x86\xce\x94\xb2\x03\xea\xa6\x04\xa0\xeb7+\x00\xbe@t\x8e&lt;\xff\xab\x08\x8f\x04\xcd\x96\x1fl\xea&gt;\xe4\xe1\xf9|s\x1a\x0f\xf4\xb1\xb7\xf6\xd59=lH\xb1\xbb\xd5+i\x03\x19A.\xa6\xf3!\xc7H\xc0\xb7\x9c\xcd\xa0\x86\x01g\xfa\x95\x95\xfc\xf5\x9d\xd4\xb6b}^2\xd1\x12&gt;\x9c\xc2\x9dH\xc3J\x0e\x00\xc0\xf7l\x9f\xf3\xbb\r\x92sE\xb5\x04\xd0g\xa2\t\xb1\xe7\xba\x96Zw\xdc\x11^d\xc0\xe4AP\xdc\x8d~\xe0`"2\x00\xc0\x17\x0b\x13@o\xb7\x9d!\xe6\x82]R\xb4\x11\xb2\x065\xe6\x13\x8f)lx\x12\x87\xfcH\x90\x99\x00\xe0\xcf\x0e\xe5&lt;\xc3\x1c\x89\xb0\xbd?\xb2_\x81\x1f\xb8\xdc(v\xe8\xcf\xc5ly\x9c\n\x88NQ\xe6\x99\xca\x19\xea\xa6v{l!\xfb\xfeg\x03\x13\xe2\xcf\xaexm\xf2.\xfd\xaem?\x96\xf4\xf9\xcfWfW\xbeO$s\x9ee0=.o.\xab\x12\xafQ\xce\x0c\xf1\xeeD\xa0\'-{\xdc\xc4,\xf0\'\xba\x93\xc2\xf5Jw\x06`\x91\x00\x06\xa04(z\xa0\xc4\xcd\x1e~\xbbI\x94\x1e\x85q\xbe\x142\xe1\x89\x9fc\x1ct\xd3\xae.sz|-\xc0*\x19\x03\xfc\x96\x81\x14\xb1\xd2^\x194\xe8\xe7\x08\xcfI{\xe8\xc9,\xfe\x97\xb3\x8bq\x9c2\x9c\xefI\xe2T\x89D\xa7\xc2p\x93*\xad\xd6\x93\x19\xa1Z\xb61\xbc\x10\xe0\x9b\xcb\xb7L\x8f@\xaf\x81\xc1C\xad\x1a\x97\xaa\xad\xca2[(\x19b0\x0f\xa2v\x83\xd7[?\x10\xdd[\xf4F\xdb\x94\xe3\xe7\x8f\xd6J\x8d\xe5?\xb3x\xab]z3\x08\x1ff\x96\xd2\xa2\xa4x&lt;z\xae\xc7\x7f~\xd0\xe7HxRX\x0c\xeb\t\xa0\xdcx\x94\xa2N\x12l\x01\xdf\x14B\xdb\x03\x95~\x8e\x96T\xebI\xd8\xb8{y\x8b\xfcL\x17\xbb&amp;m\xd0:\r\xf0\xa4+\t\x1c\xa2\x96\xe8\xd6\xaa\xd6\x8b)\x1e\xd7\xa8\xef\\\x17\xae\xeeH\x16\x8e\x00\xbf\x81^Wi\x99-\xd4t\x84h\xa4U\xd7#\xee\xf7\xb6\xe9T{7N%\x18\xbfWp81\xd7\x8e\xe1\xb3(]I\x101{\x08\xd4.d\x12-\xed\x90\xd5R\x17\x19\x94\t\xaaCe&gt;\xcfh,@\xe1\xa7\x1a\xfa;88\xf1i\x92\xa8\x0e\x9d\x01\x89\xad6\xf6\xd7\x1a\xc5\x00\xb85\xa6\x85M\x19q|\x8c\x07}\xb6\x89\xc4\xa9\xdd\x83\xe3\x94\xe5C\xd4\x98\xe6\xeb\x19~\xe9.\xb6E\xf2\x0cQfa\xb0\x1dD\x9e\xcc\xa6\x0fL\x1f\x08\xdb\x08y$S\x0f\xae\x1d\x1a\xb5\xad\xe7-\x957\xdf\xae\x88\x89\xc6q\xe2\xb1Lo\xe4\'\xddTK\xecs\x88N\xfd\xa8\xeee\x0e\xbf(a[i \x7f\xcd\xe3Z\x88\xe7+X\xb8\x9f\xe8ij\x95\xd5)\xb0\xd2~\x8a\xdb\x98h&lt;\x1c~&gt;\x84\xe7\xcf5\x80\xb3l\xda[e\x14.C\xd5qJ\xf7\xf7\x8dg\xa1{,\xbf(YJ\xbd\x86\xc9\x97\x81z\x93\x1e\xcfW\x98\xa9\xfe\xb0"\x92\xd6\x19\x8caZ\xc5Pb\t\xec\x11\xb6QMg\xf0M\xf1`\xfb\xb6\x05\xcf\xe8%\xf8vC/\xf7\xb0\xdfaV:\xcf\xd06\xaa\xdb-\xdcn\xb7\xf8J\t\x18!|\x89\xa2\x9e\x88\xfa\xdc\xedV\xb0o#"\xa9\x93l\n6\xfd\xb7\x10\x14\xee\x03!\x84\x17.\xd6Z\xe5XX\xce\xc404\x11\x99\xfc(\xe8\xdf\xdd\x12\x93\x0e\xdb\xf6\xe5f\xe3A\xb7[Q\xd0r\xf9\x15A\xb6$\xa5Vm\xf7\xce\xf2\x08\xf2\x96\x15\xe7\x99`\xb9\xcc\x04\x80\x0f~&lt;s\x98&lt;p\xdej\xb4\xc4a\xe2\xa2\t\xa2\x7f\xbc\xb7\xb6\xcfh\xa4S\x10\xdbyw\xac\x90\\m\x8f\xa6\xcf\x1e\xfc[\xec\x82\xd7\xcbMt\xe2\x079\xdd\x0b\xff\xae w\xbdX\xcd\xd4\x93I\xf2\xa1\xd2~\xf8\xb3\x90\xd9Q\xd8\x18\xca\xe5l\xe1\xb2\x95\x91\x01\x12\x16\xeaC\x89j\x83\x1cR!\xed\xc8\x06k9\tLi-I\x88&gt;Fk\x81I\x1d\xb0K3J\xb4\x1c\xbfjT\xf1tPM\xa5\xa2\xf6ML:\xc9\x1d\x8f\x97\xa9\xcc\xd4\xa3\x0e\xfd59\x810|\xfd\xc4J!\xbb\x15\xdbd\xdb1\x1c\xdap\xb5\xe0Q\x12\x00\x00~3\xe7\xc3%O\xde\xfdt\xbe \tV\x8b\xdd?w\x8d\xfed\xad\n[I^\x97V\xce\xf1g\x81\x1a\xda4YD\xcab\x19\x93e\xdan\x0b\xcd\x93\x98\xf12\x10\xad\x90j\xe3Il\x0f\x00\xf0g\xd2+\xc7?C\xe0\x9dl\xe4\x03\xe6\xdbk\xcc\x0ecOW\x9d\xe2\xf2*\x17\x8e\xe8\xa5\xa8R!~\x94\xb9\xde\x16\x98X\x01\x00I\x00\xbfj!9\x84\x00\xf0\xdd\xc2\xf6\x99\xc3W\xdb\x9f\x97e\xe1\x8b\xb2+O3\x01\x8c\x195a\xdcF\x02\xb6\xd3\x96x\xe4\x1ba\xf4J\xfa\x92\x96jb\xa55\xb1Q3_6\xbd\xab\xc8\xad\xd6\x8bS\x8e\x99\xf0\x9e\'K\xfd\xa0\xe3\x8b\x95\x05\xe9\x9f\xd4Z\x0b\xe1\xad\xd9Z\xda\xed9\xd76\xea\x88y\x99uE\x9euO7\x03\xdfIP\xbfD\x96\x84V&gt;\x8bC\xc1b\xa8\x0e\x9d\xde\xf13\x02\xc7\xecB\xb5d\x1d\xa14u\xe7`\x93\xb2\xb9\xc4Y\xa1f\xb0\xd2b\xf1a\xa8\xc2\xd4\x90RY\xd5\xa9\xe4\xfc\xdb\x06LE\xeb\x87\xf3c\xe08@z\xc2\xb1_o\xb4\xc2v\xc6\xdag\x8f_\x94\x8c\xd5D\x87\x93\x8d\xa6J&lt;I\x96\xc2b\xb9Z\xf36\x9eZ\xf6@\x8b\xb9\xb6\x0f\x03VT\xaca\xdba\xf4S\xe1\xe8\x81\xc2NWpX\xea\x90\xe1X\xfb\xbfo\\I\x95l\xce.\xcf\xb3+\xa6\xf5\xd1?\xb5\x12\xc4F{]YM\x00\xe1\x187\xd5\xc2\x91\xbb!\xc0W\x9f\x93]\xac\xaa\xf1X\x02*\x12~\xa4~X\xd14}!\x84\x10~\x80n\xd3!\xdb\xd1[\xa8\xb3\xf6:%\xf07\xc4\xcc\xbeaT\r\xf1\xe4\x90\x9d\x8d$\x7f\x16&amp;\xe3\xad\xb5\xea\xecf\x11nE?k\x95L\xae(\x80\x0f\xea\x9d\x00\x8e\x8d%\xc2\'8\xbe+\xc1 q\xc6\x7f\x96\x12@\xcf\xd1\x03\x04\x80\x00\xbf\xb6\xe5\x98\x97n\x1c\xb6\xff\x8e\x8cS\x90a\x8c^[$\xb4/9\x86\x89\xd7\x1d\x85\xea\x1e\xd9\xdc\xa7\xda\xdd4\x8a\x9e\xc9\xde\xc5\xecYb\xbf\xb5\x94,\xd4\xaa"&gt;\x8f\xc9\xfdOJ\x0f\xe0g\xd2\xd2\xe4h\r\xf5\x1c\xa19\x12\xe0K8\xc2\xd0P{\x9c\xd0\xf7\x1b0\x11y\xdc\x1f\x99\x00\xee\xa9N\xd4\xa5\x13\x15-:\xd9j\xf25\x88`0c\x93\x1ap\x00\xe3N\xcb\xa9\x14;\x0c\x15a\xa1m\x8dMV:T\x80\xfc_%\'\x1a\xa3\x17;\xfb\xea\xe5V\xaf(\x01\xd0c\xcbcz\xd5\x1a"s\xf9\xdcM\x07b\x8d\xf5\xb3\xa5Z2\xd4NumQ\r\xcbq\x15\t\xf0\xb9|Z\xa7x*\x84\x8e\x0f\x96s\xb1\xb6C\x84}\xf6\x1b$\xc4\x7f\x16\xa6\x96\x10?g|\x91\xee\x00\xe8\x01J\x0f\x0f\xf9\x8d\xa5\xd6\x9b\xc4\xdaS\x90\xe8\x07\xaaXh+\xd2\xd5}i\x99\xe6r\x15LGn\xb4\x07 ?c\xd1\x08\x01\x08!\xfcUe_F\x9bw\xd6\x10\xbb\xcf\xd3\xf7!\x87\x9c\xe8\x0c^qF\xa5\t\xa0**\xbf\xd8\xccq\x91c"f\x1c\xae\xc6\xb7\x0f\xf2e\x83^\xcf{u\x8a\x8f3\xcc\xca\xe1\x00:\xbf[z\xf3\x01\x8aw\xcfE\xfb\xc6\xa5\xfa\x0c\x89\x162\xc0$X\x02@\xa6o\xdbbN2I\xfc\x07?\xd5\x04`&gt;\xa6\xd9\x1eJ\xc1{\xad\x1f\xac\x04\xce\xe2\x05\xa3\xc0\x89\xda\x1c\x93l\xab\xc8\x82\x14\x17\xb0-\x83\x91Z\xd3S\xa0R\xe8\x9fh\xbf\xd0\xb6\xb1\xc3\x85\x10A\x07-\xbd\xd5\x04lQ\x9a\x94hBG\xd2\xd1\x83\x11\xfd\x8d+\'\xbe?\xf3K\x1f\xab52\xff\x96e^\xb7\xaa\xd5\xf5\xac\xf6#W\xb8ah\x15\x9d~\xc6j\t\x17G\xd7$\xca\xf8\xfd\xce(&lt;5\x87*F\x87\xb9 \xdc7$\x02\xad\x8a\x95y\xd0\xa3H\x00\xb6\xad\x12&amp;\x8a[\xd5.U\x12\xf3T\x06\xa1\xc19\xaf\r\xa8\xe5=\xe6\xc2\xe3x\\\xdc\xe4\\[\xf3\xb75\xf1\x9f\xcb\x95w&amp;w\x1e\xc9\xd5uoTH\x15L\xb6\xc0\xe5\xdc\x03\x86\xfbk\xbah\xadva\xf9\xa1\x92[Q\xe0\xe9\xd0\xe5\t\xf8$3\xed6\x82\x9a1\x80\xc9lg\\}\x11;Ve\x1fP\x93\xd3LC\xd6^\xadH\xd8^(?S\xd7^S\xc4\x9d\xc7o\x17l\x11\x87qV\x02\x96\'\x80\x16n\x01\xf3\xf3\x19L\xdew\xe4\x1c\x02\xe7\xa9\x9e\x133x\x85=\xe2A\x9d&gt;B\xdb=\xa9\x9a\x83z\xe1m\xbd\xf6\x14\xab\xe5Pmp\xfad\x95\x90pS\x1c%\r\x03\xc0\x07\x8dU\xa7-bTb\tm[\xe6C\xfb\x9a\xe7\xdd7\xd8$\x17t\xa1\xb7f\xc3\xb4nLAD\xfa\xf4\xb0\x02\xd1S\xe5\x13\x99\xcc\x1c\xb3\x16\xe43\x05!\x00|\xc0\x00\xbd\x9c6-\xd6;$\x8f3f\xa1\xd3*\x18\xbf\xb8\xb6u$\xdf\x04\xdbSM\xe4\xbd\n[\x97!\x93O$)Uqzx\x14C\x1a\xc8\xcc_!`*\xdd?k\x1fg\xb1umK\xc2\\\xb2\x8cC\xb3\xbaR\xd1\xd7e\x02\xe1.|\xecc\xff\x99\xd2p#\x8f\x91c\xc9\x15\x01\xec\xcb\n\xed\xf2\x86\xa3\xe8a\xdc\xe4\xcf9\x1a^((\xfd\xd9O\xef\x8c\xe8\x9d\xc8\xaa)}?!\xc9+\xd9\x08y\xdf\xf7\xdb\x9a5341\xc1\xbe\x81\xe5\x1c\xda\x18(\xbc\xe3m\x19m\xd4\x8fFQQ\xf56\xe69\xf5\x91\x96\x1c\x06\xab\xd1\xe5\x0b\xeac\x14B\x9a9hz\xa96|\xea\x04\xd0(\xe1\xda\xa0\xc3\xae\xa8{\xa5e|\x02N\xf6\xca\x03=\x1cQm\xbf]G?\xd3$+\r\xae\xef"\xbd\xd3|o\xac\xdb\x8e\xa6ATj\x91\x16\xd1B\xf4{\xd4\x9c/m\x8e{\'\xcd8dDky\xbf%\x90_m\xb2\xeab5&lt;\r\xb3\xd4.\x00\xc93\xde\xed\xc3\xfd"\x85\xc9\xc2\x00\x00 \x00IDAT#\x93#\xbcE\xfd\x8d\xcfb\xc8\x8ev\xa0&lt;\xce\xc5v\xc9\x1du!\x90\x9ct\xe1^\xab\xdd\x1e~L\xc1\xaa-\xee\x80Nb\'\xbc]_\xf1\xbdP2\x0bggf\xcf\xc6\x02\xed\xb4\xe2\xac\x90\xdfR\x0c\x1cw\xece\x8d\x97O\x08\xe1\xddY\x1a\xe1\x85\x18O)\xc5\x06L\xeb\t\xc6P\x8f\x92\x9eA\xf4.]\xd17B-P\xd4\x91[L\xad\x03$\xc6j8\xfe\xde\xae\x9a&gt;\x98\xa9\xec\xba\xfa&gt;\x1f\xcb\x13\x7f\xd7\xb5:C\xf9v\xaf\x99Z\x85\xdcM\xd52\x9c\x13M\xc1\x9f\xe8\xd3\xe7\xcbQD\xdf\xd00\xb0\xd7\xbdoi\xa3\xc3Nu\xed\xd6\xe0\'\xd419\xb2D\t\x84\xb3\x9f4\xdc$\x1e\x93M\xf7\xa5\xde;\xc1\x98\xe3\xdf,\x9b\x85\x1e\xcbv\x0c@\xb5\xb9\xc2\xd1\xf9\xb1\xf6\x12\x97\x0b\xb6\xe3\x9a\xd6J\x8e;\x1aOc\xe0\x99\x94\xe41O\x17&amp;\x0cR\xc5\xf3\x01~\x1d\x87}\x9ep\xa4\x03\x90\xe6\xc2Jc\xcaF\xc4\x81\xea\xb6? \x04tJ\x00\x8aiU&lt;\xd8\x08g\xec\xe7\x9e\xa0\xbb\x9e\x03+CKJT\xfb`\xa4\x93\xb7\xd1\xe8\xea\xdf\xed\xe3\x15%\x80\xa2\x84\x16\x06B]\x93\x08\xc9e\xda;\xde\xc7\x8b\x85_1\x19\xc3\xfa[\xb0\x83y_\xccL=0\x89\xbbp\x18Tin\x0e\xa4\x1b\x14\x11\xa6\xab;t\xba\xd7\xb0\x02G\x90&amp;\xd7\xf61J2\xa1\xf6\xd5\x93a.d\xe5\xae\x00\x9f\xd0.$\x93io\x05\x85L\xf8aU\xe5~j\x10\xa0\t\x7fq7\xa5}\x04\x9f\x8a\xb7&gt;\xfeY\x0f\x9a5_\x11\x19\xa9"\n\xd2\x9f\xb7\xabF\x16\x11\xe2\'i\xa2\xc9%\x82 \xc0{\xe2\xd7\x95\x0cM\xcf11\xf9\n\rP\xfe-\xfe\xfd\xee\x94\x8b\xc5\xd0u\xdb\xd1%\xfa\x0f1\xfd\xa6\x07\xfe\xdf\xde\xaa(\x02\xc5\xbb\x8f\x1a\xacK\x98g\xb4\xb3.\xfc"\x94g5_E\x1d\xd1\xa2\xd7\x95\x9b\x0c\xc3\xf3\xd9!\xe9d\xfd`\xa8\xc7\x12\x83\xdd\xb3\xe4\x1e\xe8\xdd*7\x0e\xf9a\x1b\xc7\x99w\x00\xa65\xe2\x15"\x1a\x7f&gt;85\xc2rSWK\xc4O\xf9\x08\x0eB\xa9\x1d\x11\x93i\xa4\x15\x85\xbf\xd4r\xcb\xdf\xb2MF\x1b\x19D\xe0\xf4\xbe\xdc\x9b\x1c\x92\xb1\xa4\x12\xe0\xcb$\x8dq\x83o\xd7\x89\xd9\x00\xd2\x9d\xac\xa0\x16:h\xa3\xb1\xea\xda\x95\xb2\xbb\xdc7(\xeb{D-\xda\'_5w\xf0Yr\x8dh=\xf8\xc8\xef!\xb9\xb8\xe9\xb9\x86\xad\xcf\x83U\x8ajl\xd6+\x1e-\xee\x11=\x9b\x99\n\x10\xb9\xeb\xe1:|\x11\xde\x1eo\x0c\xe8\xf5\xa2Ra\xfb\x12\xf3X`"\xbcQ`\',\xdc&gt;\xed\xf0\xa7\xb8{\xbb\xa3^&amp;\x01\xcc\x8f\xed)"\xdd&amp;\xbf\xfd%\x9d\x08\xc9quGH\x16\xff\x89LP\xc0\x01g\xb3\x89\x00P\x0c\xc4\x7f\xad\x10#\x00\x1b\x0c\xa4`jo5\x8az\x1fo+V\x84\x9fm\xe8\xbb\xa7\xeav\t\xb3\xf9"\x8d\x85-\x14\x8a\x8e\xb3X\x89\x00k\x19\xb8_9\xdez\x18\x00\x00\xc0\x9f\x19\xac\xf1\xa8}\xa4r\x16 \x84\xff@\xdb\xb1x\xcb\xe4- r\x1d\xe5\x85K)\xd2W\xc3\n.\x7f\xe0\x12\xe6l\xfd[w\xa2\xd3\x1c\x11#\x99{\xbd~\x99\xb0I&lt;\x8bc^\xaf\n\x94\xf1a\xfe\x13Q\x8a\'\xa22\x1a\xdc\xc9\xa3\xd7v?\\\xc1\xb9\xee(\x9d!\x84\xe3\xf5\t\x07\x94\xd7C\xe6\xf2\xcb\xb7\x10\x83\xe8\x9c\xad\xf7(\x0e\x8a^\x19?\xad=6\x03)+\xb4*-\xb5\x1c\xe6H\x8b&amp;\xf8\xba1\xda\xfa\x00\xa2\xff\xce\x00\xdc\xef\xfb\xf0{\r\x0b!\x86\xd4\xd6\xf2!\xbb&gt;Yd\x84n3\x82\xabk~\x16W\x95\xaf\x16\xde\x9bU^\xed*\xd8\x0e\x88\x89\x87W?Ve%\x95Q\x02\xe0\t\xff\xa2|\x87T\xda\xeb`U\xb9\xeeA\x05\x9f\xdeE\xff\x05\xf9\x8d4\x00\xfce\x1b\x81\x16Rvi\xb2\xc7M\x13\xae\x8a\xbb"~\xcbrq\xd75\xd0p\xda\xb4\x87\xa1FtR\xf7\xc7C\x00\x80_\xd4\xd20gU\x15\xa7\xd9\xfbZ\xbf\xe2\x81\xaa\xd8\xc3zM#\x9a\xd1\xd1\x07xI\x17\x11\x93R\xdf*\xbdN\x98(I,&amp;\xda\x13\xb5\xd1\xc3=\xdb\x90\x00\x00\x00_\xb3\xff\x89\xdc\xed\xbb\x14K\x8a\xa4\xba\xd6m{$\xb0,\xaa$\xb8z\xb4j5zTN{\xb8\x9f\xc7\xf9\xd5@\xebqnGv7\xa2\x08\x90)\xd5\xf5\xfa\xcf\x94s\x1d\'\x80 \x1c\x85}\x12%\xe5\x8d\xaf]V\xbd\xe3ubx\xd5\xb2+\xa3\x93&amp;\xb5W\xb7@L\x1e\x98N\x95`\xbb\x81.\x91\xe0\x7f6\xd2b\xb4\x89V\xa8\x83\x10\xe0\xdb\x97\x8b\x06\xd2\x0c\x01\x00\x00_\xb1\xc9\x17-\t\xbb\xdc\xcc\xcf"\x01^\x94\xf6e\xaa\x08$af\x91\xde\x9e\x00\xb6\r\x01z"\xdabRigf\xe2oy\xefh4J\x83\xc9\xa7\r\xde\xf4\xb4\x849\x0f\x8aG\x99CY\x8c\xc3\xe8\x04`gI\x80\x1f4\x92T\x92oU\xa0\xeb\xb5\xab\xfb\x1a\xb6\xaf21\xdc\x01\xe0\xe9a\xe0\x1c,\xaa\x08\x8d[M0\x86O/l\x83\xccw\x00\xe7\x10\x9a\x03c\xf6\x16\x1f\xcf\x0e\x82\x9d\xb8\x10c|\x9a\x0eP\xcc\xfam\x19\x00j\x12\xaa\x81\xc6\x10\xa2\xd4\x0b\x92\xdf\xd1\x8aO,\xab\xac\x01^\x8d-8\xee\x85\x08\xee\xe1\xa9\xccTw\xe1er\xdc\xbb)%L5\xfax&gt;\xe08I\n\xa6\x8d\xa3\xe3\xf4\xe6p;\xcb\xc9\x1auN\xe6\x1a\'\xa3\xcd\x0fwcv\xb5\xaa\x95\xa7\x81\xe4w\xfd\xe8VU9 \x7f\x15\xe7S,\xccHO\xe8\x8c\xae\x9f\x10\x95R\xcc\x1f`&amp;\x83G\x05\x8a\x0c\x9d7FK\x15z\xca\xef\xdc8\xdbU&gt;3!DNyJ\x1d\xf1\xea\xe4]\x93\xa5\x1bI\xfb\x1f\xaf](\x15\x10\xef\x11\x99\xa3\xa3\x0f\x15ci\xcc\xea\x81\xa3\x94\x0f\xc3i\xe2\x8b\xaafFZ\xd4H\xbf\x8ay\xac\x9c\xbfe\x98\xf6V4Z\n\xbe\t\x11\x88\xbal1+6\x14A\x01\xcb@j\xf4\x8e\xb9y\xfa\xc9SBb\xae\x12\x19\xc0~B\xb9\x95^\xf9\'\n\n\xed\xf1F\x8f\x17\xd3\xf9\xf8;\x05?W\x14\xa4{\xdf\xf5\xbf\xcc\x991\xb4\xff\xa2\xcevQ\x88\x13\x80\x95bT\x0b\x8fI\xb5A\xbcl\x9bI\x8d\x85\xde/\xe9G\xc7\xcb\xe7r\xfd\x02\xd1\x07 \x1f\x9b\x10\xc7\xee\x86\x1eB\xcb1\xd3r8\x0cM\xc9\x13&gt;\x0f\x7f(m\x16\x9aOcJ\xf4\xb8\x8d\xb1\x87\xc3\xfc\x19\xe1\xa7\x19&amp;\x9f\x19\x80\x9e\x8c\xc7#P8y\xb5o?\xc45A~\x8b\'A\xcfyH\n\xe0\xd2`6\x98\x82q?\x10E\x1f\x1a\xdcC\xe4(\xc5\xd0\xc6K\xb0\xbb\x89%}\x15\xea\xf6\x96\xd1\x07\xa9\x1eN\xc6R\xbbJ5e\x9e\x0bv\x02`\x89\x9as\x8c"\xb0S\xdd\x00.\xb2\x08\xc5\x89}\xd4\xdd\xb6\x19l\t\xa6j[\xa6\xa1\x8cAak\xf3j\x8f\xe2\xb1E$\x83\x8bJ\xd1\xcad\x11\xd1\x9fY\x06Jg\xa5\x11\xfc\xea#\'\xc6\xdf\xb2\xe8s@[\x02\xe8j\xc0I\x16\x00\xc0\x1b\x9fM\xa1\xbe\xad\xbc\xcf\xe3\xfb\x8c"\xc4&gt;Gj\xc7\x9b\xf0"8};\xae\x96\xcc\x98u\xc0c\x87\xfd\x1d\xc5\xb8&amp;\xaf\x05\x96\xbf\xc68cC9p\xef\x9e\x04\\8"nO\x87\xfe\x08\xbf\xab%u\x94\xc9o|\xa4\x81pk\'TH-\xa7,\x8e\xaeJ\xd9UK\xb5A\x97\x9d\xdc\xa6\x19\x9fh\xf6\x19\x9d-+J\x17}\xb7|\x12\x95\xb74\xd7\xde\x8e|.\x00\xc2\xef\xed\xac\xd4\x12h\xb0\xb3\x12k(0\x17.\xe2-Z\x1b\xf0\x1f\xed\x9f\xe5\x94\x98=\x8cQ\xb2\x07H\xde\xcfK\xa4\x11wu$kJ\xc5g\x86#!R\xd9\xe3M\x91e\xd8{\x02H\xef\xe2\xd6\x9b\xbcz\xe5\xaf\xe3\x8aO\xfe[\xc8H\x07\xf8J&gt;\x17gF\x01\x1a\x00\xdf\x8azOW\xbe\x9cU-\x97)\xa3,-\x8e8-\xb38\x9b\xaa\xa8\x14&gt;\x1c*\x12\xc0\x87\x1d8\xc4l\x14\xf6?%\x01pp\x1f\xd1o\xf7\x95\x7f\xb8r&lt;\x08\x1d0vB\x01A\xa0D\xef\xf4\xd5W\x17\x98\xfdI\x8c\xf17\xf9b\xcf\xab\x15f\xc1\x00o\xd0\xd1P\xcb\xb9\x9f\xdb\x08\x05\xeaV\xef\xb5\\\xa74\xc6\xcf\x15\x0e\x04:\xbc\x84z\x97\xccnC\xe7\x9e\xae\xab\xba\x18z$\xaa\x1b\x19\xa2\x05~(_\xa4\xf5\xe6\x17\x15\xdb\xc1\xfd\xf3\xb3\xbbW\xb8\xe3\xa3\xf6\x83\xe7\x89xx\x93\x0f\x15\xf6\x95\x86\x97\xd8Ri\x07\xc9SV\x04\x86|\xac\x9e\xbb\xf0\x85\x8c\xb7(\xdc\xeb\xf1\x9f\xe9%\xbf\x93\\9\x0ea7\x84\x10\xc2\xcf\xd7\xda\x8f\x99\x8c\t\x17Q\x0c)3\x98~DM\xd0\x94\xbe\xa7\x82 \xcb\x1f\x04\x1c\x11]o\n\xb8B\x02f\xd2\xc6C\x98\x00\xe6\x1d\x88\x0e3\x8cHjV~\xfao\\b\xb4\x96\x1e\xa6\x13\xc9\x9ca\xee\xe6\x82\xb9E\xa65q\x16\xeeO\x1b8q\x8e\x19\x1e(n\x1a\x0ed\x12[\xc0\xa1z\xa85\xee9\x85R\xd9L\xd2\x107.\x08\x11\xe95\xec\x1e,\xd6\xecT\xcbj*2\x07\xe452\x15\xb0\xf8b%\x04\xd8m+\'\xb3j\xb1\xea.-\x18\xb3\xe5\x9c\xd7\xf3x8\x97\xff2=\xd7\xca\xd1I\xda\xca\x9f\xac\xe6-92\r\x19rt\xa1\x1a\xd54\n\xd2\xae\xfd(\xd4\x18\ns07\x80\xa5*\xb8\x9ao\xa4\xd8D]\xa5\xacVP\x04\xf8-\xc1\xfec\x0e;\\\xfdt\x15\x18\x0f]\xbb\xe8\xfdC\xf56\x1b\x01&amp;\x87\xc3\xc2d\xefq&amp;\x999\x9d\x9dKc&lt;\xcb\'\xcfY\x08VZ\xa3 \xfb9L\x89\xd5c\x10\x8eR\xc66|;\xfddP"\x1b\x8d\x9f\x1f\xae\x11\xe4^\xfb\x9f\xce\x11|\xb7\x03\x07e\xf7{\xadp\x906\x0f\xb2\xdd\xe7\xfd"\x11^\x1bWD\xde\xa5\x1e\xc4W\x1b&amp;uRJ^\xa4W\xc4r \xb0&lt;\x87\xb4\xd9M\x81IP\x8fnZ\xb3\xdc!\xe5\x17[\xc2$\x92\xd0)!\x14\xe6\x83\xb8"\x9a\xac1\x01Q\xf8\xe0\x0e\xaa\xc3\x81\x0c\x9b"\xfa\xb9\xdf\x0c\t`\x81\x94\x05\xbb\xaa5\x1e\xa3HR&lt;\x1f\xed\x87\xe9\x00\x1f\xd0u\xb2 \nm(7\x08\x01\x9e_\x13\xa2\xac\xc4\xf9-\xb3\xb4\xa4H\x8a/\x88\xa4\xa1\r\x8eg\x06\xe8-:\x8b?\x14`\xfb\xbf$\xbe\x14l\x84^\xe1\xea*M\t\xd4\xdb\x94\x04\xee\x9f9\xdaM\x1eW\xbeA\xeb\xbe\xaaT|\xd1\xa1\xfc\xee\x9a\xc7\xf6T\x02P\xedxz\xb8&gt;\xb2\xb0+\xb5\xb0^\xf2\x18\xc4F\x82\xf5\x9b\x13\x93\xc7\x8b\x96ek\xcb\x84PT\xd5\xa5\x0b\x0e\xa2.`\xb1\nf\xf6\x84\x03"?&gt;\x0czO\x00\x9dU\xe7\x17\xab\xbd\xda\xb5(\x00\xc7\xd2@\xcd\'\x94"\xefk\x87o\xaa\xe5\x80\xd2u&gt;\x07f;B^\xbb1\x13\x07\x93\xf5\xcdE\xc9\x0f\xc1\xb9\xbaj\xb6\x05\x00\xf8\xc4\xb4~\xda\x93\x81T_\x1b\x1a\xfd\xbc\x85\xadI\xf2#v\'\x1aig\x93\x99\xba\x16\x88\x11\x0fr/-Ge0\x8071\x92\xd3\xd1\xe0y\xc4O*\x05\xb4K\x17&amp;!\x00\x84_\xca\xb8%\xea\x08k\xc8\xd3\'z\xaej\xbfDg[/\xc7x.\xeek\xde\xb2\xd4}s\xc5\xb0s\xfew\x00\xbet\xb0=s;\xfdm\xa5\x9c\x10\x9a\x8b\xceea~\xa7\xba\xfbf\xd5\xf2)\x88Bf\xa3\x04{\x80\xca\xd0\xf7\x02\x87!\\$\xb3]\xc2x\x13\xc7\xa6\xa0+SCzk\x81y\x90\x8c&amp;\x00xa\x00\xf81\xa4;\x00\x08~\x82qo\'-\xf4D\xe1Sg\xa0N\xb3\xbe\x8e\xf4:u\\\x08\xe1X\xb7\x8d_\x11V\x19\x9d\xe5\x96kiRj)\xd5\xbeF\xfcO&amp;\x16\x94H\xe0\xa3!\xb5\x88\xb0}\xb5q\xa3\xc5\xf3\xa4=\x12\x00/\x8f\xfd\xa6\xab\x03%\x82P\xa9tp\xdfc:\xc9\x08\xf6U\xb1\x8d\xeb\xeb\xd4\xb4)E\xd5\x87\x8fT_\x96a\xe5\xe1@K\xa8L\xe0\xa9G\x106\x00\x00\xe0\xc5\xa16k\xcc\nF\xa2\x94\xb70.\x8aS\x06\xc6\xd7x\x0c\xa0!\xa8v\x00\xdcp\xf0\x01\x12\xd1L\x02\xb5\xc1\xfe\xd4\xd2\xacy\x16\xaa\xdd\xb7C\x9b\x97\x96\x1aHj\xf3\xde\x87\x81-\x06\x01x6s\xd2\x99*\x16A\x83\x97\t\x91\xa7\x97\x0f\xba\x1f\x97\x1f?\x10\x0ed\x8bz\xf9\xef:\x8c|\x93m\xa5(\x96\xf9P\t\x80\xf3(\xaf\xea(mKT\\\xc5\x97:\xd0,8$\xbfR\xce\x87\xdf\x98#m\x80{\xf1\xe5\xd3-\xb7P\xa8 \xfc\x0e\x8b\x84L \xa1(\x1c\xed\xc3?\x9cd\x9eJ\xb1mR7\x0b\x8f\x97\x00W\x0f7=vK&amp;B\x</t>
        </is>
      </c>
      <c r="E310" t="inlineStr">
        <is>
          <t>&lt;class 'numpy.ndarray'&gt;</t>
        </is>
      </c>
    </row>
    <row r="311">
      <c r="A311" s="1" t="n">
        <v>309</v>
      </c>
      <c r="B311" t="inlineStr">
        <is>
          <t>steps_per_sec</t>
        </is>
      </c>
      <c r="C311" t="n">
        <v>4500</v>
      </c>
      <c r="D311" t="inlineStr">
        <is>
          <t>9.810866</t>
        </is>
      </c>
      <c r="E311" t="inlineStr">
        <is>
          <t>&lt;class 'numpy.ndarray'&gt;</t>
        </is>
      </c>
    </row>
    <row r="312">
      <c r="A312" s="1" t="n">
        <v>310</v>
      </c>
      <c r="B312" t="inlineStr">
        <is>
          <t>Loss/object_center</t>
        </is>
      </c>
      <c r="C312" t="n">
        <v>4500</v>
      </c>
      <c r="D312" t="inlineStr">
        <is>
          <t>0.557889</t>
        </is>
      </c>
      <c r="E312" t="inlineStr">
        <is>
          <t>&lt;class 'numpy.ndarray'&gt;</t>
        </is>
      </c>
    </row>
    <row r="313">
      <c r="A313" s="1" t="n">
        <v>311</v>
      </c>
      <c r="B313" t="inlineStr">
        <is>
          <t>Loss/box/scale</t>
        </is>
      </c>
      <c r="C313" t="n">
        <v>4500</v>
      </c>
      <c r="D313" t="inlineStr">
        <is>
          <t>0.07741718</t>
        </is>
      </c>
      <c r="E313" t="inlineStr">
        <is>
          <t>&lt;class 'numpy.ndarray'&gt;</t>
        </is>
      </c>
    </row>
    <row r="314">
      <c r="A314" s="1" t="n">
        <v>312</v>
      </c>
      <c r="B314" t="inlineStr">
        <is>
          <t>Loss/box/offset</t>
        </is>
      </c>
      <c r="C314" t="n">
        <v>4500</v>
      </c>
      <c r="D314" t="inlineStr">
        <is>
          <t>0.21733561</t>
        </is>
      </c>
      <c r="E314" t="inlineStr">
        <is>
          <t>&lt;class 'numpy.ndarray'&gt;</t>
        </is>
      </c>
    </row>
    <row r="315">
      <c r="A315" s="1" t="n">
        <v>313</v>
      </c>
      <c r="B315" t="inlineStr">
        <is>
          <t>Loss/total_loss</t>
        </is>
      </c>
      <c r="C315" t="n">
        <v>4500</v>
      </c>
      <c r="D315" t="inlineStr">
        <is>
          <t>0.8526418</t>
        </is>
      </c>
      <c r="E315" t="inlineStr">
        <is>
          <t>&lt;class 'numpy.ndarray'&gt;</t>
        </is>
      </c>
    </row>
    <row r="316">
      <c r="A316" s="1" t="n">
        <v>314</v>
      </c>
      <c r="B316" t="inlineStr">
        <is>
          <t>learning_rate</t>
        </is>
      </c>
      <c r="C316" t="n">
        <v>4500</v>
      </c>
      <c r="D316" t="inlineStr">
        <is>
          <t>0.00092500006</t>
        </is>
      </c>
      <c r="E316" t="inlineStr">
        <is>
          <t>&lt;class 'numpy.ndarray'&gt;</t>
        </is>
      </c>
    </row>
    <row r="317">
      <c r="A317" s="1" t="n">
        <v>315</v>
      </c>
      <c r="B317" t="inlineStr">
        <is>
          <t>train_input_images</t>
        </is>
      </c>
      <c r="C317" t="n">
        <v>4500</v>
      </c>
      <c r="D317" t="inlineStr">
        <is>
          <t>[b'512' b'512'
 b'\x89PNG\r\n\x1a\n\x00\x00\x00\rIHDR\x00\x00\x02\x00\x00\x00\x02\x00\x08\x02\x00\x00\x00{\x1aC\xad\x00\x00 \x00IDATx\x9c\xed\xbd{\xf4~\xdfQ\xd7\xb7\x8f$\xa8\x80rId\xb9\x1a.6r\x8bHR+J\xd4\xc4" E\x9b(w\x81 i\xb9I/\n\x04\n\x89\x02\xb1\x14\x81\x08"MA .\xa0\xd0\xda\xe5\xd2\xd8U\t\xc1\x14Lj\n%B(FC\x81\x02\x06\x81\x00\xa5T\x83\xcdE\x13YN\xff8\xb7}\x99\x99=\xb3\xf7&gt;\xe79\xcf\xe7\xfb~\xad\xe4\xfb{\x9es\xf6\x9e\x99={\xf6\xec\xcb\xf3|\xce\x13\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lt;h\x88({\xbbq+\x93n\xc5e\x1bN\x94\xf4\x8bda\xb3\xe1\xd4Q\xb7\x99X\xe3\x11n\xbf`?\xde\x04\xd6\xb7Y\x8f\x9f\xec)\xa5\xbb\xbf\xc3f\x0c:w\x18\xa5#g\xe7\x9e\x9c\n\xed\x9a\xe2$h\xacei\x07\xed\x92\x17-\xa5\xba\xaaa6sZ\xa0u\xd0\xaa\x13@\xcb\x046j\xda\xeb\xa9?&lt;\xd8\xae9\x91\x0fG\x8c\x84\xda\xdb\xad\xcb\xb3h?\x87\xe6\xde\xd9\x07\xfe\xa7\x8c\xb6\t\x94\xe4qC\xfb\xdc\x90\x97&lt;+\x82\xfe\xcf4M\x1bYb]/\x93M-\xeb\x04c\xd7t\x8e\x13\x14\x15\xdb$\xe1\x96\xd9a\xf8&gt;S6\x8b\xa8\x19\xe0r\xec\x92\xd1\xae\xb4H&lt;\xc8\x98\xe6x\x8b\xb2\xff!1K\xa4\x05\xe1qz\x81\x95\x9e\xb8\t\x81\x99\x06\x1e\xab\xea\xca*\xf6\xd0\x16=[f\xafV\xeb\t\xcdE\xc5\x07\x0f\xdbP\xdf|\x8c\x187\xe3\x14\x02\xfd\xe3\x01\xd6\xde\xba\xb9GQ\x06Uu9\xd2&amp;v\xbbn\xad\xdem\x83"\xdc~w\x887\xc0\x19P\xf4b=\x91\x08A\xedo\x1a\x17jD\xcf\xfaRg\x8e\xde&amp;\x9em\x15\xa6G[&amp;\xda&gt;s,\xe5\x97*F\xeb\xea\xd2.B}\xe2\x1cp\x04d\xca\\\xf6\xd5\xf4u\xbcWbl\xac\\\xbdw\xfd\xbe\xaf\xc9\x9a\x8d\x00\x0f\x18\xc7\x8e;\x04\xfa\xe65Q~\xda\x81&amp;\x85\xd5\xaa\xa6\t \xb9\xa2\xedO))\xe6\xca\xfe\xc3q,\xe5R3\xcd\x1f\x8d\x1c\xb0\xfdo\xa8\xb2\xf24O\xe1\xaa\xf1\x03\x96\xd8\xa9\xdeny\xa9\xf0\xce\t\x80*\x07\x9b\xdbQ\x98,\xa1\xabED\xd1r\xd0\xd2\x1d\xb7\x1cI\xe3\x99nm\xc0\x19\xec\x1d6Mz\x83\x89(\x84)\x04\xaa\x15\xbc\x01\xf3\x14\xe05l\x9b7\xf4\x8aD\xa2\xe4YB\x8fCX\xe1T\x04\xdf\xd6M\xee6\x1a\x1ax\x02\xab\xfd&amp;C\x88~=\x84\xb7\x9b\x8b\xcf\xef\xd9jm\x9d&gt;\xaa\xbaME\x8fyi&amp;u\n2\xc6vU\xc8\x11\xde)GM\xd4\xd8\x9b\x87\xea\xa3G\xe7\xacM\xf4\x1f\x87[\x9fe\x1f\xb7\xf4\xd0%\xf7\x7f\xf4\xc7V\x97.6/\xbd\xfd\xf5\xc6\xe35\xa2j\xf5\xefh4d\x97\x7f\x11\xcf\x94P\xf2\x9d\xe01vn\x07J\xd9\x19&amp;\xbb\xc38:l2\xe1Tp\x9cj;\x98\x89Ll\xcb\x04\xcbzg\xc0\x92yW\x17NX,TW\xd0\x9df\x10Q)}\xac\'{\xd6\xa1\xa7\xc1\xfa\xe1\xe1\xb1\x1fV\xaa\x8d\x1d\xb8"\xce\x8fGC\x08\xd3\x14\xd6\xdd|zyZ\xb5/\xa5N\xa3\xcc\xf8W\x88\x85\xdfpk\x03\xc6\xb09\xf7\xa8%\xcf:c\x9f\xd3g[\xf6?\xe7\xc3\xadi\x9a\xb4\xf3\x9f\x8eqB\x7fmU\x91]\xb75k:}\x90\xd0\xf6\xbf\x9e\xa3\xed\xf9\xdf|\x01\x18\x82\xbc\xe0\xea\xec\xe6\x9e\xb0o\xab\xa8\xd4\x9a\xdb8\x87\x94&amp;|\x9a\x96b}k\x0b\xda\xbe\xc21\xedl\x923\xe9\xfb\xca{:5\xfb\x87k\xa4\xfbG\x82\xe1\xbb\xab\xce/*\xb4\xeb\xbd\xdd&amp;q\xdfJ\x7f\xd1 Q\xd9\xc5\x8b\x1dMl\xfd\xbb\xbf\xe8\x14\xe8\xe9\xbe\xce\xaf\x1e\xf5\xb3w\xb79\xce-%c\'\xb4\x9d\xc0\x10\xd1\x1f\x13n}\x97\xd3\xe6\x13\xce^\xaaQ}\xc1# `\xe2&amp;\xddu\xc3\x00\x99\xdbk\x89R\xeb\xd8+\xaf\xb4-&lt;\x1b\xea\x84\xfa\x9f\x95\x9d02\x9b\x85f\xe6&lt;\xa7\xdb\x92B&gt;5O\x00\xd5\xa2=n%\xfa\xc4m2fk\xbb\x84\x97=\x9cUZv~?!V7\x18\x8c\xb4~\x00\xae\xdc\xb1\xad7\x1f@?\x9c\xd3\x04"zL\xaa\x94\x84\xb7\xe584\x8e\xbe\xb2\xcc\xf6\xbe\x9a\x9aKQ\xae\x02\xbf\x14\xdf\x92u%\x1fH:\xcc\xb1r\xfd5\x1f\xbbQ\xd3\x0b\x9bJ\xd2\'\xd3\xb3\x1b3#\xd1\xdf_&amp;\x80\xa2j6c\xbd\xa7(a\xe3\xf1\xe5$w\xe1\xde\x00\x11q\xf0T\x07\xd2\xf5G\x9a\x85?k+6\xa4\x95\xa4&gt;\x96\'\xd4\xf6\x01Uo\x137O\x10\xbdt{\xebj\x85m\xa1\xc7/\x02\x94\x1d\xfa\x91\xc9\x7fW1J\xd4g\x9d\xa2E\xe1 -\xff\xd9&amp;_V\xb7\xf4l\x96\xcb\x05#\xb3"\x86J\xa9\x04\xae\xa5w\x9f\\\xee\x9a\xb5\xef\xff\xf9\xcd\x0c\xb0\xa5\xadl\xd5|\xe5\xa0\xa1\xda\x82n3\xbf\xfd\x10\xa3\xc8\xb0\xcd&gt;\x89%\xa8\xc5\x98\x8aDD\x9f\xdb\xa2\x91\xc8\xd1\xf6\xe6\xbe\x1e\x12$W\x8e4\x9d-B\xde\xa2F\xda\xfc\x89/\x95\x08\x02Y\x15\r^\xda\xea\xdd\xaf\x87A;\xc6\xbc\xbf\x16\xce\xd7,\xc7\x185\x0c\xcb\x90\xa0\x10\xe8S{\xb5\xc4\xea\x88\xdb\xdd;Vg\xf6\x8fXi\xc04\xecQ\'\x9cV7\xeb~4\xd0\xb3\xb9XR\xa8D\\\xbc\xd5\xa6\x0cY\xa3u\xe0\xa3\x93/\x0f\xbb6\x0c\x87u\x1e\x85@\xf4\x8f\x8f\x90|2\xc3\xd7&gt;\xcbg\x00\xd1i\xackXne\xeb\x87B\x159O2j\x14l\xf8\x9b\xa5:\xe1\xcc\xbaY\xcf\x00\x1a\xb4{Sd\\\xb1a\xc2\x9b\xabX&gt;]\x90\x12\xbaT\xd1X\xde\xd7^\xaet\x1c\xd2\xf7\xc2\xa5\xbf\x9a:\'\xe6\xce\x87\x10\x84\x10\xa6i\x8aW\x9b\xc2\xdf\xdc\xdf\xc1_\x12\x9d\x03\xa9\x8ej\x17[\xfe5@H\xfa7. uG\xb4\x11\xa3~\x0b\xd3\xb1\xea~\x04\xc8\x16]\xd5\x8b&gt;\xabF\x0f\xcb\x86\xd8v\xd9\xb0\xf5\xe3\xeeO\x7f\xfb\xedF*\x19\x96}\xe2\x882\xfb%\x8fjp5y\x91\x99(t\r\x9c\xfe8\x19\xc2\xa5\xff\x10\xcc\xf2w@\xc6\xd9\xb6\xeaf\xf1/\xa1\x9c\xf3\xf99\xb3\xff\xfe\x19\x03\xbd\x86B \xfa\x85S\xd4vQ\xfaw\xbe\xf2\xd1\xe9\xdb\xcav{&gt;\x03\x1e\xe1\xe6r\x99n\x1f\x8dqTdr\xfa\x87\xf4Q\x8f\xa69\xc0\x86e\x1dM\xeb_\x8a\xaf\xff\xb65AY\xc27\xc9\x0b\x8bmz\x99\xf5\x85\xcb\xe6\xe8\x0f\xce\x92\x8b\xc1\x92\xb2\xeej\x8bpu\\\xbe\xb4l0\x99*\xae\n\xa7\xd0|\x9aY\x15\x98\xbd&gt;\x1a\xee\xb3;\xed\xc4|\xaca\xcdn\x8c\x1d%\xdd\xbd9\x96&amp;\xf5\x98\xca\xba\xae\'Y\x1b\xebV\x8ft\x9eW+\xb6\xf0\xdc6K\xbb\xd8\x0c=s\x94)&lt;r\x87\x1eDd_\xa2$\x87\x12\xd7p\x16\xcd\xab\xad\xfd\xe4|\xc0\x923\x8d\xc2\xed\xf1)-\x82i\xc4\xc6\x96\x88Bx\x87i\xfaW\x07\xc9\xdf\xa5\x85\xe4|`\x98\xd8\x0b\x1c\'n\x9f\xadDO\xbf\x19l\xd5\xee\xbd\x11r\xed=+&amp;\xcd\xa8\xf2\xf6\xf9\xaf.\xcaz\xe8\xe4\x1c\xfb$?;\xab4\xfe\xb6\xa1r\xe9#\xa0\xe1P\xf6_\xb1\xc0\x82\xf0\x18\x91\x91\xc6l\xab\x00\xd7\xfaS\xcf\xfe\x92\x99\xeb\xf7\xe74\xd9\xf3\xe3S:\x9f\xd0\xd2\xc3j\xdf[\xceQ6\xffWi\xf0\xeb\xfdRo\x9e\xfdC\x98\x9fu\x934j\xb8U\xd3v\x12\x12B8`\xa3,n\xbe\xe5\xe4Z\xbc\xdd\x0e\xa6\xc6.\x92*\x88\x06f%n8\xccV\x1e\xe0\x04\xa0\xf5\x14\x85\x10\xfea\xf8\x9d\xa2\xd3\xd9\x1b\xe57\x1c\xa4\xbb-\xf8&gt;u4\x94\t!\x04\xfa\xaa\xa2|\xfcu\x9b\xc2\x84\xed\xc9X\xeep\xb4\xach\xf4S\x9d\x99\xc7\'\x02\x06\x0f\x0ci\xda\x9b\x0cs\xdd\x13.q\x9c#\xf2b\xe1\xfa\xf9y\xa5Sc\xd9\x11b\xda\x16\xba2\x14\xd1\xb8\xacf\xd6\x17l\x15\x13\xea\xe6I\x0f\x904Y$\xdb\xcd)\x84g[-\x00f\xbc\x07\xfd\xf6\x95=s\xe4Y\xb3D\xb9\x95O$\x06\xa9\xb1\xfe\xd2\x92\xed\xfd\xb6\xa5XK\xfebv\xec\xd8\xbf\x95\x89&gt;\x856\x98m\x9b\xba\xc2j\xe1\xc7\xcb\x92\x95\xce]\x1a\xf8\xf8\xe2z_\x93\r\x9f#Z\x84\\h\x1a\xa1\x10\xfe\xd4\xadm`a?\x10b\x8a1\xe4\x81Q\x0c\xae\xa2\xe2(\x9b\x05a\xd9\xc0\x0c\xfb\xfe{\xf0A\x02`\xe0\xbb\x84~&lt;\x0e\x17\xbd\xb0(\xb9\xdb6\xaf\xc6\xb4\xe2^W\x98\x00(\x1e\tKc\x97\xf8\xfb}{\x81\x1e\xebW\xc9\xbb\nC\xe1}\xde\xaa\x16^s\xae\xd7K\xde\xd1u\xe60&lt;\xe4x\xe4s\xc2O7\xd7m\xda\xc5\xf6\xb4"\xc9\xce\xce\x8aY\xafr\x13\x00\xdf\xf1\xf1\xe5\xb8\x8cw\x8dX5\xcfU&gt;\xac6\x80\xa3\x90\xba\xe4\xdeg\xe0\xccx\xe2\xeef\xa9\xb6:H\xac\xaagQ\xffM\xa1\xc59\x01\xb8\xd4\x05u\xbd\xef%^\x06\xfak\xf36\xdc0\x92\x9e\x10Z\xa6\xc9\x19v\x02\xa8\x8a\xeaq]\x12\xb7\x9c\x1cI.\xabq\xaeO\xec3!T\xaa\xea\x18Er\xb3\x1b\xc6\xd4\xa8\xd8\x03\x0cD\xf4\xb5\xeb\x0b\xad\xd89\xd6\x1c\xa3\xa8\xda4"\xa2\x97-%\xe5\xf8o\xd1[\n[\xd4\xbd\xc1V\xbd]\xb9,\xd6^r{B\\\xbf/\xfc\xda\xdbU\xf4u\x9f\xfcu\x00^\\%\xba\x96\x84+=|S\xb7d\x97\xcd.\xc0K\x93,\xcdUR\xfd\x90\xe0\xdf*\xbf\x99;V\x1a\x14G`\x10[?\xdfdi\x96E\x99%\xe8\xf42d+V\xca\\_$c\xe0\x07\x8c\xf5Y#\xb9\x91\xb6\x19f\x1f\xa8\xe1\xa6K\xe6\xdd\xf47\x9e\xb1\x10\xeb\xd9leo\xabnfO?\xb4\xf2\xe6\x88\xf2\x86\xb4d[y\x86\xd3lR&amp;\xbc\x8cL\x16\xaf\xe4\xcc~Qu\xb3\\\xf0\xc0\x88\xe3\xec5\xe6\x80\xe6FBy\xcc\xa2*=\xf8hK\x19Kv\xd5\x9d\xf6\x8dm\x98r\xda\xe02\xf1\xa0\xc1\xef\xb3a[\xf1\x1c\xd9\xfb\xcc\xf5\xd6\x8aA:\xd5q\x9b\xe68\x02\xf2\xcb\xae\xaa^\xc7ft\xf1\xe3\x86\xab\x01\xf7K[\xdcQ\x08\xf4\x01\x81\x02\xb3\xee+C\xf9\x84@\xcf\x15I\xb7\x0eR\x0c\n\x94\xc3\xe8\xd3\xd4\x99*rk\xfcLf\xa7\xc5J\xbe/WQ\x0e\xb1\x86]\x97Q*\x06\xc6y\x18}M\x17\xe8\x15\xcf\x07PI-~\x02\x98\xc3}\xa4\x81\x85%\xf2\x02\xb3-\xf5\x14\r\t\x14\xc2\xc7\xf8\r\xfb\xad\xfe*\xd7\xa43&amp;/8\x0b\x13\xfdL\x19\xae\x87(\xfa\x9a\xe2\xca:v\x0e_\x19\x81\x1b\xd2\xd6\xa9T\x9b\xbd/\x12+\xec\x1a\xe4\xc1D\xf2\xa8\x86\x1c=\xf3\x8d\xe2\xc1t\xdcu\xa0\x10\xe8\x8b\x0e9\xfc\x1c(\x13\xdd~ t\xc0\x87\xbd\x96\x0f\xdcN\xe3&amp;\x1fe\xdf\x90\x8b\xb8},\xe5\xb9GC\xddA\x96\x0c\x146\x9eh;KD\x7f\xa4:\x0c\xe3\xa3\x9e^\xd5\xac%\xf5\xaf\xdb\xe5[\x0f\xfb\xe7"\x14\xc2\x9f\xb8F\xaa\xb9\xc0CKZ\xd9&gt;\x83ix\xd6\xf9\\_|\xe2&lt;\xb5\x88]\xa5\xb6\xd7u*\n\xc1\xf9\xfc\xfa\x81\xaa\x87\xa8\xa5\xe8\x11\xd0w\x1c\x88\xa0\x1b%\x0fj\xcfi\x9f\xa6mZ\x1b8\x10\x16cT\x89\xf4o\xc2\xf4\xd8F\xc9\xf3\x0f\'\xdc\xfc)@3\xf7\xf7, \xda\xbb\xbc]\x84rsy\xa47\xf3@\x9bk\x1d\'\xb2\x8f79\x8b\xfaw~\xd8\x8b\xdb\x12o\xbe2\x85\xf0\xa7\xe7\xb7\x97\xf1\xaa\x8b\x0bE\xc3\x05\x18\xe2\x8a\xc9\xf90\xc2)\xfe\x1d\x82\xd8\x98\x0ek\x14\xf5DD\x8f\tD\x94e\x7f\xa2\xaf\x0b\xc2v\x84\xbdr\x91\xec\x7f\xaf\xbc\xd0S\x98\xfd\xe2J\xa5\n\x97\xe8\xc9\xf0D3]~O\xba\xc8L\xbar\xe6\x91\xe6I\x8a(o\xed\xaf\x0f6o\x14\xf4\x08L\x00g6\xcf\xeb\xcc|D\xf0\xa96\x84\x10&gt;\xb1\xdf\xb8Tii\xa8\x14\xdb\xf1\xc5\xed\xeb\'\x0f;f\xae\x8e\xf2\x85\x96\xbd\x8c\x9c\xa7n\xd5y\x8bA\xbf\xb1q#Bj\xfe\x1da^\xf6\x96\x1d\x0ccvQ\x8f\xcb\x15\xf16\x0cD\xd9\xd0\x1c\xa5\xf2D\xb2V&lt;-\xcdPWna\xd6\x01\xca\xc2b\xd4w\xff\xbc\x9d\xae\x04\xfc\xc3\x08\x9e\x87\x89\xb4\xb8\xfb\xe2\xc3\xb2\xcc\xac.O\xa3Y\x81\x94`\x1b\x9c\xf1\x84w\xd0\x0cP\xca\xec\xd1c\xf8$\xed\xec\xc1\xd3\xa3\r\xa3\xfc4\x14W\xc7\xd1hX\xff\xe9_z\xfej\xf6zT \xd7\x8b\\\x7f\x1e\x96\x05\xfe\xd5\xd8bD\t\x952\xfb\xb7\xc9\x17\np\x17\x9d\xf2\xe3Z\xcdq/.\x97\xbe{\x7f-=\x01\xffd\xc6\x86\x19\xbdj\x13\xbb\xfc\xdb/\xdfX\xff\xee\xc6\x8bDc\xc8\x8d\xf0\x804&lt;-\xdf\x0b\xeaT\xfdp\xa0\x10\xbe\xb0_\xc8\x1dN\xb8\x9b\xc5U\xcb\x8f;w.\xa5\x1a\xd5dAO\x14\xe8\xdb\xea\xc25\x81\xa2"\xbb\x0c\xb1\xf0@\xd7u\xf6CV\x998t\xed\xfcL\x19m\r\xdb\xec\xebt\xd1\xc9\xe3\x8f\x8b\xdb\xa6e\xc7\x17\xf7\x9aa_\x9d\xdd[~:\x85\xe65c.G]G_\x13\xc9\xda\xbfu\xd3Xa\x963\\\x1f\xad\xd7\xfeD\x93\x8a\x16\xab\x1a\x14\xdd\x05\xb1{\x95\x10\xae\xa6\x9a\xdb~:}\xb2f\xc5K\xd9\x95\xdf\xa4\xcb\x917\xc7\xf6\x8d\x94\xb1\xed[\xe7\x9d&lt;Y\xde\x01\xa53\x9e\xdd \xe4\xce\xdd\xbag\x81u2\x1b\xde\x98$\xad\xdb\x8a\x858\xf54\xebM_7\x08cV|\xad\xc6\xf4\xe32\xfe\xa7\xc7%\xc7A\x8b\xa5C\xe81k`\x93\xdcq%\xca\xf9x\xfbq\x9ce\xedO\xc5\x03\xec\\v&gt;r48\xe8\xde=\xba\x06\xc6\xbf{Zt\x98W.\xbd\x1b\xb5\xb8\xee&amp;\xc9%\xed\xee\x06L\xf6\xd9x~\xb7\xb55\xcd\xbd\xd0\xe3\xbe\x81\xf9j\xdb\xe8X\xcb\xd7\x9a|DJ\xdd\xf6R\xfd2\xf7\xd4\xbf_\xe9\x14\xf9hpG\x93\xe4(+\xdb2c!\xa4\xae\xa5Y8\xab\xc8"0\x1b\xa2\xf7\xd2\xb3\x071$\xb3\xb8\x95\x9e\xafQ0\x83\xf6i\xc0&amp;\xa7H\x05T\xdc\x1d\x1eZ\xd5\x89\xea\x0f\x1atQ!\x87\xee\xf5o\x1fo\x81\xe4\xdf\xaby\xf0 s\x1a?\xcaK\xcf\xee\xb9\x02\x89\x8a\xd3&amp;\xdaG&lt;\xe9\xc7\\\xca\x15\xde\xeew-\xb7\xb7\x0f\xa5\xd3\xfd\x9f;\xb6\x95e~\xfe\xa1\xba\xd9\xaaftc\x8a\x9d\xee7%w\xfbT?d\xb6d\x14\xed\x95\xeec\x020\xd2\x10\xf4-Z\xf6\x85\xb9&amp;\x81V\x15\x9d\x1b\x8e\x9b#\x99\xfe\xbe\x07\xe4\xd9a[\xbd\xf2S\x16[\xc5g\x0c2`Q\x1a}\xeclM\xe8M\xe7-\xf1:c^\x027t\r\x8d\xf8!\xc6\xb9\xfa\xf2o\xa5\xa4v_\xf2@\xd4L\xb7\x97\xc0}g\xa2\xe1\xb4|U&amp;\xa9\xae\xc5\xdf\x99\xd1iT\xd5\x94\x14N\r\x98\x81NS\x8eGt\x03\x86h\x97$\x1f\xe7\xcd\x8bd\xc3\x13\xd6\xe0\xf1\x0e\xe0`U \xe2\xfa\xee&gt;#\xf8B\x08!|M\x08DO\xa8\x9e\xb4J\xc6(F\xb6\xadk\x8c\xb5\xfc;\xa4\xab\xa4\x95\xb1|\x9a\xd25M\xfb\x06;\xc7N\x00\xae\xc2W\xea\xdc\xb6}\x0f8\x95[uM~\x04\xc9|\xdf\xe3\xb1\xeb.\xdb&amp;\x90^\xdbo\xd2|\xcc\xfa\x0b&amp;u\xf1g\x06\xfb)\x1c\xd1\x8b\xc7zt\xec\xe0\x89\x8e\xb0\xe8/9m8{\xdf\xe0?jS&amp;\x80|\x93W\x1c\x9c\x1e\xcd\xfbe\x1bM\x9b?]6&amp;\xedj&lt;\x08\x1d\x1al\xf4\nL\x00W\xe7\xfc\x9ea\x83\x81\x9b\x00|\xa1s\xe8!\x03\xab.\xfe\xd0%\xa1M/=\xe7\xb4q\xe25\xf3&amp;\x13@\xa6\xddr]\xb10\x9d\xb0\xb7\xd9\xfaf\x89\x89\xd4\xadm\xfcU\xb1\x06#\xdff&gt;?\x04\xe0\xa2X\xa27\x1e\x1e\xd4:Z\x1aP\xa6\xab\x9e\xccr\x82\xed\xdb\x0e\xa0\xa5\xee\x81\'\xe9-w\xcb\xcb\x8e\xc9\xfb\xf8@\x19\xa2\x81\xdd\x00}\xa6\xb3:\xa6\x02p\x08\xb7\r,\x8a\xf6\xd1t\xf3\t \x04\xa2?OD\xf4\xfc;\x18r\xfe\x8f\r\xc4\x0f\xe8\x8ek\xea\xda\xa1o\x1a\xae\xe1\x84\xbe\x19\xb8\xbd\xe8\x94\xe2\n\xc6\xb2\xe4\xc0`\xee\xf4\xc9\xa5G\xd4\xd583\xff\xdc\xe2\x10\x899q\xa9\x1e\xc0\x9c\x90\x97i\xd0\x13\xfc\x8f \xfe4\xa5\xd98v\xe6\xebG:\xe8\xbf\xac3\xab\x10}\xf9}\x99M\xc2ghG\xcd\xee\xf7\xd9\xadw\x03\x11}\xcci\xba\xceR\xb4k,\xb2\x7f|]\xaf\xa5Hk0\x80\xb9u\x0f\xc1\xddx\x04$W|f\xb7=\x92\xe4\x06_\x9ep\xb8\x7f\xc3\x99\xa9S\'\x15/"\xc9G\xb5\x88\xd2\xb5\x914~M\xa2\xe8{\x8f\xb0\xd0\xceu\x7f\x9a\x92B\x98\xe6~%\n\xa7\xfc\xccz\x15:\xc6_\xdb\x9a?\xa4\xcd\x9c\xdb\xee\xfe\xc9\xfb9\n=\xd5\xf6\xc0\x95\x7f\nu\xfe%k\xa7\xe0G\x91\xb6^\xd3\x04\x9e\xe2\xf6!\xb1\xed\x152p@-!\x9a\n$\xea\xf8\xe5\xf0XNa\'\x9b\xeb\xdb\x86\xeam\x07\xd4\xa5\x7f\x14\x9e\x88\x86g\x7f\xfa\xfd\xad\x15C\xb2\\!\xa2\x1f\x1eb\x90&lt;\x06\xa6\xb5\xe1\xaeu\xc5\xe4\xff\xb5\xf8\xb9J\x08\xe2z,\x92\x87\xec_a\xea\x08\xd7\x9f\x1dk\x8a\x87!\xfdj\x14\xb2\xad\x97;\x95~Y\xacz\x9aJ\x03\xb2~hZ\xa1S)\xb6\x14m\xff\x15\xfbfK\x1e9z6VGp\xcbm\xf2p\x81\xc77#\xf3\x95\xae.?\xfb:\xc0\x98\xc6\x8ar\xdd#\x82A9\xd0xHt\x1d\x9a\x8c\xd0\xdeRkh\xd6\xa6\x9b\xe6\x93\x98K\xef\x00fn~\xe6\x10w\x91b\xccq}yH\xfb\x8f\xfb\x12\xe4\x17%\xdf\xfb\x9e_lM\xb0h\x1d\xd2\xde\xb8;\xb6\xf3+/\xb3%\xe6\xafc6h\xd8\x0e\x94#u\xf4\xc0\x9f\x159E\xdcD\xbb\xbd\xf0\x96\xa3\x07\x1b\xfa\xa0\xfb\xf7\x96\xdc\xd0\xaf\xc3\xe7sE\x16Qv"\xe5\x17ND\x07\xfc\xd4L\xa2\xa2\xb0p~k1\xbb\xdf\x93lw\xe8\xeb\xb8\xdf\xdb!\xbfl\xacS\xd4\x1fX_\xb7\xef\xcf\\\x1d\xaa(Yb\xe3\xac\xaf \xb7\x7f\x89k\x95\xa0\x08wY\xa2_\xa4\xe8"\x12\xf8\xb58.\x97\xb9\xd2z\xe7\xc8\xc9\xaa\x15\xf9%\xb7\xa4x\xfb.\xc6\x93\x16Ji\xb3\xb6\r]\x1d\xad\x7f\x061DQ\xe9.\xbd\xc1\xca\xfd\xf2\x90*.\xb9\xef\xe8\x1bM\x15\x15y\x84\xf8L`\xcbKm\x17\x9a\xdf\xb5\xe8y\x8f]\xfe\xdb\xaaI\x9c\x1d\xe0|\x13^\xe13\xa3\xc1\xfaM)f\x81\xeb\xd2:\x14\x8b5\xa3\'\xc6;\xf3i\xb4\xc4\x90\xf2W\xae\x8e\xd5.\x8dj\x8a\x8a\x95\x83\xc7b\xf9\xb6\x82nv\xafi\x02\x184)5\x88\x11\'\x80\x11\xf6\x98\xb4\xb7\xd7}\x96=\xfa\xd83h\xa5\xed\xec\xf5\xef:b\xd7\xcb\x99\xe4\x9d\xdb\xc6\xdaP\xf2\xfdkOUM:\xcdf\x9006\\|\x13@\xfc\xb6Y\xa3\xb4\x16\xabj\x9f\xe3\xf2\x17\xf3\xeb\x9f\xe9\xb7Gjt\xb3g\xf5\x01\x93\xf8\xcd\xa6\xa1Z(\x9a\x11-\xf2\x92Z\x15W\xaf%\x1drmz\xbb%\xf8\xd4Y&amp;\x80\xd0\xdaR&gt;\x86\xed{\x14\xff\xb6f\x14H\xdcw\x00\xbd\xb7p\xbdo?&gt;\x90\x1e\x13\xca&amp;\x909\x83\x0fi\xfai\xde\xebX\xf3\x9a:\xb9m\x8f\xaf\x0bdO\xe4\\B\x18\x99\xcc\xee\xf3-\x87F\xf1\xb3lS\xa32s\x13}Vqe/:&amp;\x0e\x1f\xd6\x04@8;r\xf1\xb1M\xb5\\\xab\x9b!\xc4\x83$&gt;\xaf\xec\xcbn\x8c\x16\xb9\xfc\xb7\xb5\xaa\xeab\xf8\x80\xf7\xa96\x1f[\xad&lt;\xa6\x10r\x8cq\xbb\xfc\xae\xd5\xc8\x05\x961\x1a\x9bu\xe7\x9c\x91\x86n\x7f\xeeB\xd6\x17=rt\x15\xc9\xdb\xfdx\xf3 \x85\x0f\x97\xa6\x15\xdc\xeb\x88(\xfe8\xe8\xb8\xd5b,\xdfw\xd4\xf0\xff\xb6*\xbb\x12q\xb3\xcf\x9e\x00\x8c\xc5b\x98\xbb\xbd\xf2\x8d\xdaG\x08\xbb\x1c\x8ac\x95\xf2\xcbk\xef\x99\xe4\xb8\x8f\x04\xc6F,k\x8fd\xe3C\x8d\x84\xdb\xd0\x1c\x05W\xe8\x06"z%{\xfd\xda;\xc4,\xae\xef(\xb7\x95\x8e%\xfa\x86\xd9\xfa\xac\x15\xfd\xcb\xc3\xe1\x93bi\xd29\x8e\xd7\xa3\xd1\x9b\x8b\xb3\xe5\x82\xbd\xe23\x8b\xec\xdf\xf3A\x94\xb7\xb6\xc5\x03\xdc\x1c\x10\xca;w3Z\xc0\x99\xc4;\xc4\xb6\xf0&gt;\xef\xc8&gt;\x9b\x00\x86J\xb6\xeb\xcd\xef6j\xdc\xbf\xceQ\x0e\xe4\xfe\xa6U%X\x9a\x9c\xa7\x95n\xab\x8e\x86m\x14\x85\xf0\x7f\x97\x07#iA\x92\xbf\xcc]t\x10)\x85Ga\x19\x89\x96Y\xa9y\xbaztI&amp;\xcf\xc1\x92o\xdf\x17\xc50("\xfb\xd6FJ\x9fa\xb4-\xa0\x96\xba\xb5j\x95\x14?&gt;\x16v\xab\x8e\n6\xce\x81\x99\xf6\x8am\xb7\x8e\x84\x06\xf2%\xc2\xfa\xfa\xcf\xf4\xa5\xc2,\xcf\x8e\xf5\x0c?i\x99uP\x08\xcf\x1fh\rPf\xd5;\x1d\x151e\xbb\xb6\xb7\x17i\x988\x1e:\xf2\xa4ebS\xe4\xe7\xb3\xe6U#aK\xfa\xa5\x85^[\x95\xf6]\xb0\xe11\x14}\xd7%\x9d\x0c\x98\x92mMY\x02\xe5;+6\xd4\xe54\xdd\xca\x8a]\xba3\xee\x11%Y\x1c\xb4X\xab\xda\xa3\xdd5\nq\x9e\xf34\xb4\xf0\x9cMq\xb3\xef-\x19-\x96_=\x10h3\xe3\x04\x94\xf9\xa9\xc7\xea\xb1m&gt;\xce\x81[\x9c\x07\xdb9\x18\xf9\x8dY&lt;\xfcLQ\xc5"\xd6%\xb4Pa*f(w\xd9X\xbd\xd7\xa7\xfbn\x0e\xbd\xf9\xa3\xe2\xec\xeccbE7\x9e&lt;\xdd\xb3-\xb9\x0er\x08\xad?\xcf0\x85@\xc2\xf3\xee\xa5\xeb\xac\xa8\xb8\xd6\xfc\xc2n\xf9\\!\x13bRM&gt;\x17Q\xed\x81\xf2\xae&gt;j\xab\xd2\xa0\xe2\xbe Z\xc2\xaa9t\xb7\x915&lt;\xf8W\xdb\xba~W`\x19\x9b\x97LUw\xf04P\x96\xe5Q\x82C]z\xf8$\xedU`^\xe4\xaek\x9d\xe4\xf1\x8ac\x97\xc9S\xfc\xaf\xf2HT\xb3\xa8Nc\x92\xeco\xab\xd5\xe0\t\xa9\xa1D\xef\x14f\xb7\xfb\x85z\x9b\xdf\xe9\xae\x811\xf0\xfc\xe3\xb6\x98\xc5\x83\xfb]\x8a\x8eK\xacC\xd2\x8c\xff\x17:\xc0C\xc4\x9b.\xec\x19&lt;+G!\x10\xfd\x84\xe5\xac\xcc&gt;\xd2,\xbbiV\x9b\xb5\xa2\xcd\x0c\xae./\x90\xb9\x18\x02\x85`\xfc\t&gt;\xfdhx;\xe3\xbe\xf9\xd6\xbe\xea:z\xbf\xa1\xba&lt;\xed\xf5\x9e\xed\xec\x01\xbc\xf0\xc5.{nx,\xf8\x14\xf9Vf\x11\xa5\x11{\xf3\xf8\xb9c\xe8S\xf7\xd7O~\x04&gt;\x87Q\xf3x\xf6Q\xdb\xbc\'\xb6M\x00r\x99\xf8\xaeel\x95\xa3\xfdV\x03R\x99\x00\x1cB\x9a\xf4\x9e\xd9b\xba\x9d\x87-(\x1f\x840\x85\xa3H4.}\xca2\xa6\xd5\x92\xc5\x1a\x1b\x8a\xba\xad\x05\xbaI\x17\xee\xbd\xcb\xe3\r\x17\x9f\xf0\x81\xb2Ngs\x85\xbe\xfe\xa2\x94 \xaf\xa6\xe7e\x8b\xd7\'7LO\xfc|\xe6\xb4\x07\x83\xb3\x1f{\xd8\x14\x13\xc0!\xc6\x9c\xc6\r\xb7#.\xee\xf53\x80\r\xda?\xa51\x9d\xb2\t_D+\xfa\xeb\xaa}g:d_]\x91\xfd&gt;me&gt;\x08\x81\xbd?\x7f\xb00M\xf5\x93\xd6&lt;\xe4\xe7\xcf\xe5\x0c\x06\x87\xc0\xac\xe6\xca\x026IATJ\x14B\xf8\xb7v)\xc7L`\xb3\xc4_Q\nT\xaa\xb7\x18\xd5\x99\x8e\xd4\rb \xfaV\xa9\xa2\x126\x99=\xf1\x0f\x84\xcd/\xc93\n-\r&lt;\xe8\x1c\x9e\x1fV\xc2\x8fl\xdf\xc5\xacp!\x0c\xc7\x17-\x81\x12w\x03\x97\xfeoO\xcb\xf9CC\x15"z\xcb\xe6\x81\x97Rq\x9a\xe4\x96\x96o\xc9}uK\t\xffIT\xa0\xcd*;\xe9\xe4uTHX6"=\xba\xc5/\xda6\xca\xab\xd4\xf5\x1e\xac\x19\xd5\xbd\'{\x9dz\xbf\xd9\xd9\xcf\x92pL%\x89\x88\xe8G\xb1\x95&lt;\x1d\xaf\xc7\xaf8\x01\x9cb\x0eE/6\x0f\xfc\xbc\xb9V~\xbd\xc3\x8b\xd2\x04\xd0L\xcb29&gt;=[M\xb9UX\x1c\xb1\x0f8\x81N\xab\x94\xf5\x07\x1b\x1e\xc3\x9dP\x8d\xc1\xec\xf6o\xaeE\xc8e{\xeaZ\xd4?`\x94\xc2\x82+\xc6\x16&amp;9\xcbX:\xc9\xb84\xee\xef\xea5\xef\x94\x9b\xc7n\xd1\x8aR\xcfX\x12\'\x80\x8e\x01I{\xdf\xb5\t(\x04\xf6\r\xbc\xf3\xc7m\xc7\x92\xff&lt;S\xab\x93t\xbf%\xca\xf2\xe2\xe9\\\xe1\xda\x07]&gt;\xff\xd8R\x81\xa3\x8d\x98\x00LT\x93\xb2\xbe.P\n\xec%\xd5\xe9}H\x1f\r\xe9l}\x8c\x1d\x14K=\xb9;\x91\xc3Yn\x9c\xbc\x87\xd3\xd3\x1d\xa3\x1c\xe2\xd0\x18G\xbb\xb3\xe2XS%a_b\x98\x00B\x08\x7fH\x93&lt;\xcc\xcem\xd4\x8fm\xbeE\x18-%\xe3Z\x8b%\x1f W\xc1&lt;\xa0\x91u#\xc9a]\xcc\x13\xce\t\xb9\xddF\x83p[,Zv\xf7\xca:\x88\xaf2`\xf7=`,1\x13\xb9ls\x8f\xa2D\xd4G\xed\xe369\xc6)\xa3e\xb6\xf0\x83lb\xcd\xde\xd8\xe3\xd6\xd6&amp;E\xb0\x12\xf9\x8c\x90c&amp;*"\xa2_\x93n5\x9e\x97.\xf9\xba\xd3\xb2H\x1a\x1b\xf3\xc9$zp\xbe\x8d\xa5S\xc4\xa1J\x1f,\xa5\xdb\x06O\xec\xe6\x8b\'0\xfcx\x97\xfe\xca"\xb6\xc7c\xb3\xdaY\xc2\xe77K\t\xab%\xc5\x95\x06cL\x8a\x8a\xcc\xa28\x90\xc81\xcf\xc5\xa3zx\xa8\x88\x13\x80\xd3\xbc\xc1f\xcd\x92\xcb\xfdw\xa1\xf7\xfa\x99n_\x13\x08\x07\xc2\xa3u\xdd\x81O\xee\x06"\xa2\xb7f\xf3\xb9{\xb1\x9f\x08\x1cd\x98I\x17\xb76\xe1\x8a=\xe3\x88\x88\xd9\xf6\xa7m\x11Y\re""\xfa&lt;Eu\xe0&amp;\x8063\xea\xc5\x0c\x87\x87\xe5-\xe3`\xb5\x14\xa4O\xa8\xda\x98\xf0w7\xc9\x86SM\xc50\x8b\xae\xe6.`\xe6o""z\xfa\xad3]\xc3\xc9\x982\x10\x06\xb6\xe1~\'\x80\x8b&gt;\xa1bs\xe5\xfc\xd5\xe0\xf9\xb4/\xber\xb6=\x8b\x01\xbbrZ\xdfR\xedya\x9aX\xdb#\xcc\xdadRS\xef\xce\x9e\xd7\x9e\xf6C\xe2c\xad\xe2[\xcdnY\x8fo\x163\xf4V\x90\x10\x15\x92c\x8d&gt;\xa1\xf5\x99w\xac\xe4\xed\xda\xaa\xdd\xd4\x87\xb3sB\xe4\x16\xc9\x18=*\xe6P\x1c\x1b6K3\x94\x02|j\xbb\xd9\x13n,\xfd\x98\xd9|\xb4\xadU\x1f^\x93\xab\xff!\xd82\x08CX\xffR\xa4\xc5\xc3\xd1\xc6\xbf\xdd\x8e\x10\xca\xee]Vr\xadB\x0f\t\xca\xf8\xaf\xc0\x8e@\xef\x83i/\xd6"\x9c\xd6\x8d^)\xb0\xa6\x90\x13\xc5\x95\xb6\xf4\xd6\xf6\xcc\xbb\xb2\xad\xd34\x85i;^\xb0&gt;\'r+\x9d\x14\x16\xc2\xb1\x12\x15\xd46\xb3\xcb\xf2B\xc8|^5i\x9f\xe5[?\xb8\x8ekmB\xecCt2h&lt;yv\x9a\xee0\xfb\x87\xcbN\x00\xc5\xdf\xaf\x8e\x12\xdc\'(NL\xbb\x85\xf7\xd8\xef"\xcd\xb3l\xe8\x1er\xca\xe7\xa2\xb2\xc6\xf9\xbf\xbf\xe4R\xe39\x07\xe2%\x84\xe5\x11\x8f\xe6&amp;\xb3\xc5\x8a\xbd\x85\xe1T*Hnn\xfe\x04h\xb2uz\xfcg\xba!\xaa\xb2\x99\xdd\xf1(g\xebG8\xb9IY\xad6\x03\x8eDoK\xe7\x87vC\xb8\xe8\x04\x10B\x08\xe1\xeb\x96\xff\x12U\x9f\xc8\xfa\x97U_G\xb9\xba=\xb5\x95\x83\x84\xbbv\x07\xc4\x0b\xae\xdbZ\x92\xc1\xe7\xb5\xb7j\x86.\x998\xfc;\x85(\xa6c\x96\xcf\x90\xba;\xac\xa1\xd7\xb7\x05sy\xd1\xce\xb2\xddd\xbd\x14-\xe1\xab\xbd\xfa\x7f9\xf5nb\xc5!\xd0$p\x13\x1c\xfa\xd6P\xfb\xc0/2\xc0n\xda4\xd1\xdbu\xe8\xb0\x98QX\xb5\x18\x90M\xf3i\xa1cmz\xa4\xa8L\xb6\xdc\xcd#\xfc\x1f\xaf--\x1f3\x8e\xb7\xe0\xce\xb1\xac\xcf\xe3\x9b\xf6\x05#q\xc4\xd7\xc74\xa0\xa6]/\xd0(\xbc\xaf\xbaI\xc5a?U\x9due\xac%\xee\xa8L;\xdb\x9b\xa5\x0fr\x81!\xfc\xc5\xf4z}\x90\xda\x9a\x90O\x00E$GW\xf2\x86\x037eW\xbb\x06\x00\xd1Q\xfb/-\x18\xb9\xc2\xf9\x95\x10\xe8\xf7\x85/\x1cn\x96\x1f\xafk\xce\x8c\xe52GdwY\xd7+\xd9\xa29{zBN\x0c\tz\\\\\xc0-\xf9\x1cL\xf1\xec\t\x83\xa2\xd7\x8adM\\\x97\xa5\xf6\xecK\x7f\xc1\xc85\xed\x86W\x08\x06\xe8\x8d\x8a\x95J%\x8d\x83\x1d8`#\x89\xd6G\xcb\xce\xce.\xb3\x80\xd8C\xff\xa8\x88\xb6\xc1\x1f-\xc4F\xb2\xe1\xaa\x96\x7fjd\x95\xd2\n\xcb\x08\x1c\x14\x8b\r\x12\x9a\x95v\x1a\xcc\xae\r\xf5\xc2l\xf74\x98\xe1\xaa\xa2G\xc5\x8b\x8a\xbe\xa3\xe8\xdf\xbap\xa3\x11\x1d\x94C2_k\x8f\x9e\xb4\xde,-\xf3\xe58g\xf5\x13\xbdV\xd1\xc2\x8a\xda{!\xee\x11\xe1\x13\xefQ\x83\x0e\xec\xb8\xb2s5\xf2\xce\xec\xa1M\x95/5$u+\x13\xc0\xbeHd\xca\xa8S\x88\xc5\x98\x03FrE\xe3\xa0\xae\x89\xfc\xe3\x9e&amp;\xf7^s\xaasY.M\xf0\xc9\xb2\xc6.\xee\xa6|i\x08\xf4\x83\xed\xdf\xfcq\x14\x96\'\x80&amp;\xe5\xa2|Q]tN\x18\xd7\xea\xd5\xdbY\x1flT\x87M\xd2\x91\xe7\x1ac\x89\xd32\xda\xaab\xd7\x8a\xfc\x1f\xec(S\x88\xf2\xd6{\xd1\xcb\xe6\xff\x83\xba\xa0G\xec\xa75\xa9kKCgN\xae\xc7\x91\'\xc4Cu\xad\xc78\xfa\xfa\xa6Q\xb8\xb8\x1a\xa0\xed|)pc\xa7\xc7\x8c\xcah\x07U\xbc\xc1\x17\xcf\xe4\x95\x92\xd1\x8a\xccm\x15\xb3M\xdeV\x16\xd5\xe3\x1d\xaf6\xc1\x86\xdaI\xe5v\xb6\xc0\x86\xe0n\xb0A&amp;\xa3E5\xc0(d\x08\xdf\x7f\x8a\x96\xeb\x0c\xe0\x93-)\x92\xe6\xb9\xea\xc7q\xf2~wQZ[\xf0\x81\nQb\xedu$\x15iz\x97\xdc$-{\x11\xe2l\xdbq8\xa3h\xf4n2\xb2\xa3\xf0P\x9bP\x1d\x13\x00\xd7F:e\xef\x95\xd9p\x93\x81\xcd\x19s\x9a\xa2\xc1\x9a\xd6\xa0}GI\xee\x15\xdc{\x8f\xe4C\xf1\xa6\\\xf9\xef\x004\xa4?\xf4o\x11\xb5\xd6\xa5\x97\'\x7f\xda\xd3\xf6\x05\xe7)\x84\xcf\x8b\xc4n\x17\xd9\xbf$\xc8l\xd0\x91B\xc5\xf2\'\x88\xc5\xf7\x91\xe7g\t&lt;k\xae\xfa\x99\xa9\t\x8c4\xeb\xcfmj=\xe0r\xa6\x98t\xec\x15\x0f\x18Z\xaeIe.w\xc2\x9f\x89\x1c\x91G\x88(\xfcws\xd8\xbc\xf9\xb3\x842\xf6\xf1A\xf4a_5\xbfX|\xc8\xef&gt;\x1f\x19\xee\xedO\x87N\x86\xded\x8d\xe9\x81\x07\xca\xd7\xff\xfc\xad\x7f!V.=\xb4\x13\x9b\x06\x0b\xe9%\xca\x0e\xc0&amp;\xc1\xf0qN\x08!\x84_\xd4\xcb\x1c\xb3\xc2\xb2\xcb\xa4\xe8\x7f\xc9E\xb39\xc6\xc9\xe6\xb8f&amp;o\x07\t\xcc^t\x9e\xe9\x9f3\x83\x1c\xa1\xe3:;\x80+\xa2\xb8&amp;\x1b\x15\xba\xfb\x98Lt?\x87\x95\x1f\x12\x02\xd1\xc7U\x8b\x91s|\xda#\xef\x04?5\xf4E2{\xa9Ar\xe8\x1c\xf0\x81\x16#sk\xdd\xc9.+[V\x8e\x8f\xf2\xecbu\xfebv(:B&amp;\x890\xd3\xa4K\xe0\x08\xeb\x8e\x855\xf4^\x8c\xbf\r$8(\xbb.\x15\xab\n\xbf\x0b\x92\xdcQ/\xccKP$3\xd7[\x9d\xa3da\xbd\xd6\x96%]\xba\xec\x9d&gt;\x97|\xa6]\xba\xd3\x86\xaa\x19q\xb9\xb6\x9cU\xadB\xf4+\xbf\'z\xfb\x14\x97\xf4R\x9alg\xff\x16\xb9\x9c\x9875\xde\xd9\xb14\xf2\x82\xf9\x94khr\xebV\x86\xdd\x13\xab\xf7\xbe=\x14}\xac8\xf7H{\x8e\x93\x9d)\x8ar\x87y\xecE#\xea\xbc\x08c\x15\x192\xd7\xde\xba{\xc4\xe8\xe1\xb8\xd8\x90N\xd1\xd7=\x9d\xf2\xa51\x15\xd6\xd0\x1a\xb3!\x102\xb8\xa4\x9a\xb33:M\xf2\xec\xec\x1d:VE\xcd(\x13@\xb8\xe4\x8cu9\xf4\x98P&amp;\x00c/7\xf7\xc1i\xd9Ui;s1\xde\xb9\x9f9\x03p\x18w\x00\xa7\xd93\x1c\xa3\x87\x87wDuP\xb4K.\xf22\xd1we\x05\x86\xa0&amp;\xc6vQ\xc3\xcb7\x98\x96zo\xdf\xf9\rT\xf1h\xa1wTen8\xd0*\xf7cO\xf6\xb0\xe8\xf8\x82\xfa\xb6\x1b\x88\x1b\'\x19\xd3\xe0\x80\xb6S\xb5\xb8\xfa(\x1al\xf8\xf2ua\x18\xb8\x85[u\xd8\xa7Y\xe9\xba\x03\xb3\xcd\xce$+\xc9\x95\xa8\xa0\xdf`\x8b\xae\xe5\xca\x0f\xbb?\xa5k8[s\r[\x87)k\x95\xac\xd6\xb2Y\xe1${\xcf?\x1f-z\\s5\xcfJ\x11\xca\xe6\xa9\xba\x9c,\xfb\x0fji\xe7\xb0\x1f\x9b/:Eq\xe3\xb0n`\xdb\x11\xc7\xc9\xa7X\xe4?\x8d\xd9Z^\xf5\xc1\x99\xb3`9\xd9\xf4\xa8\xae\xf6,\xab}\xbb\xcbjl\x1f\x08\xdf\x97\xe8\xe5\xa3\xf1\xfe7\xc17``\xbe;\x0e\xfd#\xd9m\t\xcfv?\xbd\xe4h\xeb4,\x83\x8f\r\xdc\x9e\x19\x97\x1d\x0c=}L\\C\x1a\x96\x8aVu\xf73\x8e\xab\xeb\xeb\xd8K\xc7\xb5)\x99\x8d\xd4\t\x80\xe8w\x0f\xd4\x98]\x89\xb4\xb4M9\xd6\xb5\x1a?\xd2\x0fv\xf2\xc3$9\xe6VK\xbe\xf0\x04k\x04\x94Ne"\xfd\x1d\xb2\x02\x87\x9b\x17\xcc\xf9\xba\\f*\xd9\xa1-\x94\xe3d\x1d\x0f\x98J-u\xe4H\xb9\x9e\xdd\x8c\xaf\xd2\x1al\xd7t5\xc89\x01\x8b\x9dl"\x1el\xc6\xb3\x8b\x0f\xabV\xde\xd0,3I\xb8\xbd!d\xd4\xa8\xe8\xaaN\x00K\xb1\x1e\x0b\x1eq*Y\xe0z\xb3\ta{\xe1\x00\x00 \x00IDAT\xeb\x8b\xd3\x83\x08\x1a\xfad\xabr\xb3)\x9c\x83GC\xae*\xb3\x16\xd9\xe9u\xbf\xd1\xe9\x00H\x06L\xdd6\xa7""\xa2\xffM\xbce\xa8\x1e\x04\x87|A\xf7\xb4}h\xb6\r\xce\xb1@\x05\x87Z\xa8\xcb]"\xd6\x90(cs\xb7\xb1 \x969\xd8\xe1\xb1\xc6\xa3U&lt;\xba\x18B\xe7\xec9\xa0\x1a\xa9\x94\xa7\xbc\x91\xda\x7f8: fT\x17\xcf\xffa\xcd\x1b\x88\xa5uY\x99uj\xdc\x97\x87C-j\x84\x88\xe8=\x0e\x96\xefL\xd0&gt;\xf9\x0eK^]\xa6\xfe w\xc4\x92p;zI\x8f\xc6\xcd\x90\x86\xb3_m\x02h4v\xfc\x06\xfd\x12\xf1}\xbf\xe8]y\x13\xe7~\xf1-\x94\x1a\xa9\xc6\xbf?\x13q\xd7\xcdr\xaae\xc8|Zu\x1c\x9d\t\xce\xa4\xc2\x93\x97F-k\xf8UBv@\xafm\xf8\x92\x1bK\xe1\x9a|\x9f\x85\xa9\xea\x9eV\xefBB\xa0ok\x16b\xfa\xc3\xfb\xf3\xd7\x9d\x0f\x81\xc6\x03\x84\x1by\xfa\xee:x[Y[&amp;\x80\xecXF/\xec\xbduw\x9c\xd0\x16\x8a\x98\xdf&gt;\x7f\xbf%|X:H\xa9V\xe0\x7fIl\x93l\x96\xae\xf4\xdb8\xae\xadM\xda_\x977\xc1bO4e~\x8eIK\x97\x8d\xe0\x16\x9c\x92\x11\x02\xfd\xfe\xa1\x02\x17\xb1\x86Uy\xfa\xfa\xc1\xe4\xf1\x99!G\xc9GX\x95M\x00\x16\xac\xc2\x85\xc2\xc6\xce\xadN\x00\xfb\x0e }0\xd1+\xf7\x92-&gt;T6\x1fY\xb1K\xb1\x9a\xfc\xf6\xb76\xc4\n\x1eL\xea\x86\x88\x9a\x1e\x14\xedS\x11B\x08a\n\xd3\x8d{\x88j!2\xa7\xac\x06\x87\x10\xcd\xb2\xc9\xf1Xa\xb3Um\xc4\xb9\xe6\xe8.\x96\xb4oz\xb3\xb7!\xcb\xd76\xfb\xe6\xdea\x8b\x97\xf2Y\x93\x94\x02\x8b=\xd34\x15s\xc94MDT\xde\xf2zu\x9e\x0f\xcf\xef\x0b\x17\xb1\x97\xf6\xa8^\xb9\xb8\xf1\x97\xfe=\x80\'\xa4o\xe9\xd7\xdaw\x85\x03\x97q\xae\x1e\xcd\x8c\xb5\x9e\x8fO\xeb\x8f\x14\xb4\xb4\xb4\xc5?\xa2!V\xa5\xaf\xac\x17*\xf8\x95\xa9\xa2"[&lt;\xc6\x8b\xe4\x9a=_\xd5\xe3\x84\x9b\x0c\xda\xec\xe7"\xca_\x8fX~\xd4!\xfe\xcd\n\x99mi&gt;\xd7d\x15\x86"q\xbb&gt;\xeb\x8e\x7f\xe0b\x9a&amp;\xe6\x174h/\xd6\xf6\xc3\x08Zl|8wq{q\xe4\xd6 \xdd\xf7\xe43\xdfn\x85\xfc\xfb\x1f\xa0\x82\x92\xe8G\xa6\xb7\xd3\x99\x8d\xb7\xec\xbe]\xe7\x0f\xb1O~\xac\xf5\xd4"\xdet{\xeb7M\xc9\x86\xf3\x87\x9f\xe5&amp;\x80\x9a\x8d=S\xe09\xc15P\x87\xc5\x15\xfcg\xf5\xc5\x9d!K\x07Z\xff\xd8"\x93\xa6\x7f\x96N\xb5\xdf\x81\xc8\xcb\x97S\xd7\xa6\xd4mp&amp;\xc7Ten\x9c\x92\xa3\x9cV\x80\x88?\xa3\x07\xee\xe9\xf6\x0cdkR5X\xd7\x95\xae\xe5\x94\x96\x19\x0c~\xc3*\xbb+]dVoH\x1f\xb1\xc6\xe8\x13\xc0:k\x1e\xbb\x0042$\x9f6\xaa6\x98Qz\x91\xe8\xd3\xa9\xa0\xdd\x06O}\xb6\xa4oJ \xa2o\xf5\xf9\\\t\xa1J\x99\xdb\xf5\xec#\x01\xfb\xf9\x8f\xee\xf0\xf7\x8f\xab\xbf\xe7\xd5g\xe0}\x05\xa1\x94YK\x9a\x04&amp;\xc2\x99Z\xfb\xc4\xf3-\x0e;\x1b\xb0\x9eq\x85\xf0\x13UQZ\xe6r\xd8s\x04i\xde\xbc\\\xb0E\xeb\xd3\xf5-S \xbf\x9c%\xfe\xfe4g\xaf\xbci,/:$\x18f-]$\x97v\xae\xd7\xbb\x8f\x02\xbe\xe5\xc3oN\x0f\nd\x99\xfd\x86\ra\xcb\xd1\xf9\xb0\xec\x15\xbb\x0f\xf8\xfcV\xbf\xcc\xdf\xa4\x16+\xf6\x10U\x8d\xb4nq\xa4\xf2C\xfa\xab3\x8bIu\xaf\xbc\x06\xcc28\x9fX9\xfb\xf7\x1e\xf4\xe8\xaa[b\x10\xc8\xecb9\'\xeb\xfb\xd4\xed\xee\xeb\x04#-\xb6X\xda~\xe5\xde\xbf{\xf8\xae\xd5\xab\xdc.Y4hU\xd6V\xef\xee\x97\x96H\x1e\x1d\x94\xf1\x00\xb6\x0e\xf5\x06\x1f\xc6\tK/\xe9o\xa3\xbd\t^$aCRL\x0f\xfb\x9c*&amp;\xca\x96nRte}G\n\x7fA\x13U\xbdX\x8d1\xf6V|qT\xab\xfb\x85\x00\x1e\xa1\x0bobK\x85\xf8\x0c\xc7\x15\x13k\x0c\x7fbv\xb1\xd1\x0c\xb3\xd2\x06\xc9\xf5\xa4\\\x0c\xc9\xf6\x86\xd4\xd2R[\xda\xcaRP\x9bm&gt;]\xfb4\x7f\xa86\xc9\x86d\x0eX.\xfe\x8b\xbd\xc0\xfb\xd8\x8f\x16\rm \xe9O\xd5R\x1b,\x1f2\x19\xf3{\x83c\xe7:\x7f\xc3W)\x97\xd0Q\x1b\x989a\x94\x8e"=yw\x98=\xb0\x8dK\xa2y\xa2IcS\xf6\xb4\x94ym\xa6+\xb4\x1e\x9e\x1e\xd1\xf5q\xc3\xbdN \xf9\x9b\x1er\x95\x1f93\x80K]\xdb^\xa7\x7f\xd3cl\xfb\x17\xb0\xab~Uf|_\x9a9\x94\xbam\xa1\xa5\xd7;9\xedt4\xe5AC\xce/\x84]\x81#\xfa\xd2\xf8\xf1\x00\xad\xb7,g\xee\xd5\xb5\xbc\xf1\xe2\x11$\x19\xa1\xbc[^\xf9\xdf\xebr\xfa\xb9\xf8(U\x0e\xca\xc3\xb9k)k\xfaO\x0b\x0bu\x99\xfa\xa3\x1arfOR\xfa\xba\\/^4\xaanB|\x80\xd0\xe9\x99\xe1\xa7\xbdu\x8d\xb7\xebN\x8a\xbe\xec\xd1\'g\x11\xb3\xe5\x8e\xedzH\xcf\x82\xdaT\x99\xe6\'5\x81\x94)\xc3\xae\xcb5\xf6(\xf5FU\x97t\xd7\xd2/\xc2,&amp;\xdb&amp;\xaf\xf7\xb3b\xaf?7,\xd9\xdeS=\xc3\x97,\xae\xef\x17\x0f\xb5_\xb0\xb3\xfb&lt;S\x08\xea[\xa5\x8b\xeb\xb2wy\xfa\xbaI\xd4\xd9+\xa0j\x9aP\xebF\xaf\xe5\xeb\xfaG\x8e\x16\xd5\xba\x89T\x86\xac\x10\xc4\xae\xdeq9\x85\x19(\xdc\xdd mV\xb8\xcc")\xaa^$"\xa2\xcf5\xdb\x9e\x98\x11jm\x19\x88\xa4\xe4\xfd\x97\xbb\x07\xabO\xcd\x90\xf2\x9dR^-\x13\xe28\xb4Z\xd2\x9a7$i\xd6\x92\x85\x91J\x1b\x91\xfd\x8f\x85\x0e\x98\x00\x88^\xad\xa8k\xd6\x95U\xcc\xc6\xcf\xbe1\x12\x82\xc6\x19\xa0&amp;c\xb6\x92\xbb\xf6O\xe1\x8fn\xcd\xca]F\xe6\xa3h\x7f-VI\x12n\xbcpS\x8c\xb4lJ\x8cf\x97\x92\x8dy\xd0\'\xb6\x90\xf6\xa4b\xebv+\x9a\'\x00\x8b\xd9.7Fc\xe7\xdc\xe3/\xd5\x98\x8f8\xc7\x94G\x16)9\xda\xc2k\x84\x01\xdd[\xc5\xecJ)\xb6a\x0c\xb4\xdb\xf3\x0e!D^\x9d=\xf9\x82\xac\xa4AT\x9b\r\x8c=\xebQ\x80\\\x80\x9f9\xb4\xc1\xd9o\x9c,\x8dj_z\x89J\x1aB\xf4\xbfOg5\x83\x01\x9d\xe4\xce\xd4\x0b\xcb\x9b\xc5R\x8ek\x9e`\xb5\xebk\xfcx\x02\xf0\xcd\x1c\xc6r\x9cF\xd5\x98V\xb9\xe0&amp;\xd0G\x9f\xba\x98\x8aO\x0cB\xf1\xbaE\xa03\xeeC\x1a\xa6K\xe5\xbf\xd2\xac\xdf\xfa _\x9baoj\x16\xc5.\xc3\xe3\xb7\x03;\xb9\xa7\xb17\xcf\x10dxrFe\x02\xb0e\x7f\xa9\xa4\xc7TgN\xf7\x88\xcf\x8aJU[l\xc0\x99\xcfpZ2\x82\xad\xce\x90\xcc\x95\x084\x16\xa3\xf8\xf5\xe9\x13\xc0\xfc\xa2\xd6\xfc%u\x1a\xb4+r\xc8&lt;2K!\xf6\xd6\x95\x13\x80}U\xee\x85\x84\x8f\xe2Mv\x96Yr\x94U\x962#\xbc!\xed\x00\xb2_\xc7c\xcb\x0c\xe9\x0bI\xc6\xb3\xb4*\x8cj\xbb\xc7\xb6\xba\x96}0\xd1\xcf\xe5a\xfc\xcb\x06M@\xa2-n\xa2D\xa0\xd5\xa6\xfd3\xe4\x0e\x13U\x03\x0eEWQ\xde+\xc7\xa1T\xbf:n\x8d\x83\x9b&lt;_\xae(\x8eV4\xed\xe5\xeb\xbci\xfe\x0e\xe8\xe91\xa36\x97\x06\xa6\x07\x05\xd5e\n\xe6\x8bu[e&lt;\xd8\xe1\xd3\xff\x91;\'\xa9\xc8\xac\x95\xbd;||\xd2\x1f\x16\xd61\xa3\x15=\x1c\xa8\x9a\xc5\x9a\xdcg\x0f\xba\xedX\xc6\xaf\xa4n\xc3p\x81\x8e\x81*\xb4\xde\xbbMVw\x00\xeb\x0bu\xc2K\xb6;V\xe5\x95\xf2\x9b:\x1a:\xc0\xfa\xd2\x94UEG\xdd\xbcSh[\xe5\x1c\xa3\xba\x8c"\xa2\x7f\xc6&amp;v&gt;\xf1\xa5|\xacW\xfd"\xe7O\xa7\x06pQ]N\xff\xb78p[\'\x9bD\xef\x07\x9cl\xc4}Q\xcd\xd2\xea-1\xef\xd8\x92\x7f\x08!\xd0g\x85\xd0\xb4\x160\x1dk\xb8\xd6V\xb5\x86X[\x94\xd65\xeb\xefE\xd9\x01\xd8M\xda\x12z\xfa\xec\x0c\xa1\xd8\xa0\x84\x1dI[_\xffJ\xa7H\xb3j\xdf\x19w\x91d]\xba&lt;\x853\xa5\x9b^&amp;\xf7\xcb\xea\xd8\x92Y\x8a\x94\xa6pI\t\xab\x94\x99\x00~.lU\xa9\xb6\x94\x19\xc2\xc9\xc3\xed!\xb0\xad\xbe\xbd\x8e\x9b\x8b\x1b\x03\xd1 \xed\x90\x9e#a\xd0\n6\xfc\xf6\xa5\xe8O\xe6\x86\xc5q\xac\x8b\xca\x94\xfd\x94\xd1\xcen\x07\xdaM\xd25\x11G\xb5d\xa5\x80\xdd\xd4\xa8\xae\xb9\xd2\xa9\x0c\x89v//J{\xcd\xd8A\x81+\\-\x90\x95\xa9\xaa\xd0\xb7\xa7\xd4\x9d\xf7\xed\xae&gt;\xee3\xa7\x87L\xde\xdf!\x10\xd1\xbf_\xaf\x15\x1d&gt;D^op=\xfd\xb9\xf0\xd8c&amp;\x00~9\\^YUK\xb1\x13GU\xd5\xc6\xb6f\x1c\x1a\xb8\x9b\xec\xad\t\x8a\xaa2\x1dH\x86\xfd\xd5Z\xaf\xe9\xd5\xa3b\xfc\xd9\x85VE\xb9w\n\xb1?\x83y\x9a\xefU\x1a\xc2\xdfM\x0c\xa8tPY\xccR&amp;+\xe5\n\xcbR\xc4\x1f0\xd6\x1c\xc4\x81\xa3\xe8\xa1B\x9f]\\iH\xe2=u\xd7\xb1T\xad\x9b\xdd\xae\x97\xff^^\x9d`C%Y\x1d\x17W\x87\xc6k\xdc\xaa\xad\tJ\x7f\x95\x99e\xaeL\xf4\x95^\x07\x18\x07c\xc5\xef\x1c\xffi\x08\xff\xd0g\x8b6\xe7\xb51\x07\xed;o\xc2\xcf\x9d\x96\xf8NJ\n\xfc\x90v[\x93\x93\x17\xf6\x9dq\xf9{\xb3\x93X]U\xf5\x99\x86=|to&gt;\xdf,\xc4\x9e)l"\xb7\xf2\xbc\x84\xea`pi9\x81f\xab\x94!\xbd\x1f\x8e\x99%4{\xe6\xf7\xd8T0\xb7\xda\xf4\xc9Zl%\xad\x91\x96\xc9&lt;9p\xa4\xb4-\xa5tbG\x840\x97\xf8\xc7ZR\xe1\xccQ\x14\xf7B\xb5\x97/8\xba\x81\xe9s\xda\xc6\xf3\xa5\xed\x85!\x87u\xa6\xb9#\xb0\xa7_y\xe3\xd2R\x8b5\xa0RT\x11\xf2\xa1\xea]a\xdc\xb6\xf5x3\x16U\xe5\x1e\xf4\x86\xd1b\xfb\x14\'\xdd\x02\x1a\xf6|\x8d\xc6\x08u\x8f\xf3\xcf\x964|\x1b\x94Cl\x016,\xdeW&amp;\x83\xf6\xe8t\xaev\x07\xaa\xeed\xc8\xe0T\x85[\r\x18%P\xac(\\o\x11w\x0cU?\x0c\xb7\xb5\xbed1JH\x16\xc8|\x99v+UK\x0e\x9c\x00n:\xfb6\xf3\x1bnm\xc0\xce\x10\xf7m+\x0b\x0b\x93|\xeb\xe9\x9b=\xc4\xff\xa5\xfc;\x87\x10&amp;E\x00o\xdb"\x8c(|\xca\xb4\x08\xd7\xec\x9bb3\xb3\xe5\xd2M\xa2m\x9a\xa6i\x9a\xc2\xe3|\r\xf7\x08\xaf\x97\xd9\xfe\xb5\xc9\xac\x97!\xa2/\x8f\xdf\xce\x15e\xedC\xf0\x9e\xd13\xdd=M\xfc\xf5X\xc7X\xa6IwA\xd5;\xd3\xda\xc7\xdb\xa9\xce8\x8f\xd6-!\xf5\xc4\xf5\xd1\xe4\x18\xf7\xfb\xd9zE\t0\xa2%\\H\xec\xe0\x10\x02\x8d\x1a\xa5i\xa0\x0c\x90\xcaF\x9eQn&lt;\xafM\xd3D\xeb\xa5\x81)\xc9a\xc64\xf5k\xa7\x9a\x84\xb5\xc54M\x13\xd1\xfe\xaf]\xf8\x1a.IhU\xf5\xcee\xfa\x1d\xcbF\xe9\x1a\x03\xd3\xdc6\xbb\x16\xc9l\xc9\xd4\xad\xa3\x06B4\xb7i\xd8\x10[\xc4\x16\x8e\xf2u\xb4\xd9\x1aK\x921\xa2\xe8\x1d\x12&lt;\xa7q\xa1\x1d\x80\xc1k\xeb\xfeQ\xdam\xad\xd3\x83\x1du5\x10\xdb\xe3\xd8X8\xf0\xadd\xd7\xad\x00\xd1\x14\xa5\xb3\xb1\xe71\xba\xb4\xd9\xde\xd5\xe8\xc1Q\x9e\xedo\xa6u\xc59g&gt;\xd7\xf2m\x8a\x97\x9a\x91\xccypZ6\x1a~\xf3\x13\xd6\xbd^t%1&gt;\x9a\x9fl\x88f\x7f\xf4\xc4zd\x1a\xb7\xb8N#\xec\x8cE\xf4&lt;\xd9\'\xf1\xa0\xda\xa7\xdd,\xea\x1e\x9d\x9d\xef(\xfb\xdf\x1f\x14\xfdO,3\xf40\x8e2\xc6\n\xbc\x85\xb4\xb9\xa4\xf6\xd9F\xadz\x98\xb7\xf0fu\xb6\x82{\xc9\xf8cXZ\x07x\x83\xaf\xf2\xbe\xf3X\xe2\xed\x9f\xb8\xa8\xa4\xb0\xb4gH\x98\x1a\xc54\xebb\xcc\xd6\xff&amp;{\x10\xf4rC\x99\x9a\x13c77\xb8|T\x1e\xc1\xa9\xd3y\x0c\xcd\xff|\x12a\x15\x18\xd5n\x99wlLT\x83{\xb3\xbe\xd39\x9b\x07\x88&gt;J,\x13k\xf4\x0f\xbbQ\xfdWM\xb6C\x14\x91\x98\xfds\xe9\xc7\xe4\xffH\xb8nd\x87\xbe\xe3\xcc&gt;\x0e""\xfa\x93\x99\xb5W0&gt;\x9d\x93nk\xcb\xa3G\x1c\xbf\xf6o\xdaEY\x8fB\x08\xf4O8\xb17\x1d\x1b\xba\xf6\xf8\xebw\x9f\x91Ti\xd1Bj\xdd}\xcd~\xeb\xacQ\xcd\xfeG[%}\xc5\xc5\xbe\x7f\xf2\xe8R\x03`\xd0\x82c\xb8\xc7\xd4\xa0\x8d\xa3\xd5\xadz\x0b</t>
        </is>
      </c>
      <c r="E317" t="inlineStr">
        <is>
          <t>&lt;class 'numpy.ndarray'&gt;</t>
        </is>
      </c>
    </row>
    <row r="318">
      <c r="A318" s="1" t="n">
        <v>316</v>
      </c>
      <c r="B318" t="inlineStr">
        <is>
          <t>steps_per_sec</t>
        </is>
      </c>
      <c r="C318" t="n">
        <v>4600</v>
      </c>
      <c r="D318" t="inlineStr">
        <is>
          <t>10.360003</t>
        </is>
      </c>
      <c r="E318" t="inlineStr">
        <is>
          <t>&lt;class 'numpy.ndarray'&gt;</t>
        </is>
      </c>
    </row>
    <row r="319">
      <c r="A319" s="1" t="n">
        <v>317</v>
      </c>
      <c r="B319" t="inlineStr">
        <is>
          <t>Loss/object_center</t>
        </is>
      </c>
      <c r="C319" t="n">
        <v>4600</v>
      </c>
      <c r="D319" t="inlineStr">
        <is>
          <t>0.47630897</t>
        </is>
      </c>
      <c r="E319" t="inlineStr">
        <is>
          <t>&lt;class 'numpy.ndarray'&gt;</t>
        </is>
      </c>
    </row>
    <row r="320">
      <c r="A320" s="1" t="n">
        <v>318</v>
      </c>
      <c r="B320" t="inlineStr">
        <is>
          <t>Loss/box/scale</t>
        </is>
      </c>
      <c r="C320" t="n">
        <v>4600</v>
      </c>
      <c r="D320" t="inlineStr">
        <is>
          <t>0.0871617</t>
        </is>
      </c>
      <c r="E320" t="inlineStr">
        <is>
          <t>&lt;class 'numpy.ndarray'&gt;</t>
        </is>
      </c>
    </row>
    <row r="321">
      <c r="A321" s="1" t="n">
        <v>319</v>
      </c>
      <c r="B321" t="inlineStr">
        <is>
          <t>Loss/box/offset</t>
        </is>
      </c>
      <c r="C321" t="n">
        <v>4600</v>
      </c>
      <c r="D321" t="inlineStr">
        <is>
          <t>0.13412213</t>
        </is>
      </c>
      <c r="E321" t="inlineStr">
        <is>
          <t>&lt;class 'numpy.ndarray'&gt;</t>
        </is>
      </c>
    </row>
    <row r="322">
      <c r="A322" s="1" t="n">
        <v>320</v>
      </c>
      <c r="B322" t="inlineStr">
        <is>
          <t>Loss/total_loss</t>
        </is>
      </c>
      <c r="C322" t="n">
        <v>4600</v>
      </c>
      <c r="D322" t="inlineStr">
        <is>
          <t>0.6975928</t>
        </is>
      </c>
      <c r="E322" t="inlineStr">
        <is>
          <t>&lt;class 'numpy.ndarray'&gt;</t>
        </is>
      </c>
    </row>
    <row r="323">
      <c r="A323" s="1" t="n">
        <v>321</v>
      </c>
      <c r="B323" t="inlineStr">
        <is>
          <t>learning_rate</t>
        </is>
      </c>
      <c r="C323" t="n">
        <v>4600</v>
      </c>
      <c r="D323" t="inlineStr">
        <is>
          <t>0.00094000006</t>
        </is>
      </c>
      <c r="E323" t="inlineStr">
        <is>
          <t>&lt;class 'numpy.ndarray'&gt;</t>
        </is>
      </c>
    </row>
    <row r="324">
      <c r="A324" s="1" t="n">
        <v>322</v>
      </c>
      <c r="B324" t="inlineStr">
        <is>
          <t>train_input_images</t>
        </is>
      </c>
      <c r="C324" t="n">
        <v>4600</v>
      </c>
      <c r="D324" t="inlineStr">
        <is>
          <t>[b'512' b'512'
 b'\x89PNG\r\n\x1a\n\x00\x00\x00\rIHDR\x00\x00\x02\x00\x00\x00\x02\x00\x08\x02\x00\x00\x00{\x1aC\xad\x00\x00 \x00IDATx\x9c\xed\xbdy\xf4vOQ\x1fX\x8d\x02\n\x82\xcb\x80\x07\xdcp\x81\x00\x0e\x08"\x82\x82r&amp;\x10\xd7D\x11%H\xa2\x19\xf4\xb8\xe0$z\x98\xa8\'D\x14\x8d[\\c\xc6\x88K2\x19qW4\xa2\x89\xce\x88Q\x13E\xc1}D\xc7$(\x8e\x80\xcb\x10\x85\x04AD@\xa5\xe6\x8f{o\xdf\xea\xee\xaa\xea\xea\xe5&gt;\xcf\xfd\xbeo}\xce\xef\xf7}\x9f\xe7\xde\xee\xaa\xea\xea\xea\xea\xea\xea\xbe\xf7\x01p8\x1c\x0e\x87\xc3\xe1p8\x1c\x0e\x87\xc3\xe1p8\x1c\x0e\x87\xc3\xe1p8\x1c\x0e\x87\xe3v\x01"*_\x97+?wAy\xae\x05\\P^\xe7tr\x9c\x0c\xecg\x00\x98(\x02\x12\x18o\xb1\x9a\x99\x08LY#B\x07;\x14\x90\x95a\xb9\xebd\xdbe\x11\xc5\x93\xae#\xe2\xbdz\x89\\\xca&lt;\x1d\xb7\x01\xf0\xfdg\x10\x99@c\x02\x1e\xd8X\xfe\x9b\x85\xeb\x17\x9b\x00\x04\xee\xaf\x90|\x07S\xd8DP\xf0D\xc4\x19\x95\xe5\x0fUB\xe9\xfd[9"3\x8b\xe4b\x0b\x13^3\xaf&gt;T\'\x80N\xb2\xa7\x19n\x8ef\xf4E:\x17F\xdb8D\x00\x80\x87\xcec]2\xb7\x8f\x95\xd6Qu]G/\x81qdr\xd07\xe4J\x84\xb0\xb9\xdbC\t\xfe\x8e\x11&gt;\xf1\xdd\xed\x1cYi\xab$\x8c\x05\xe3\xad\x11\xf3P\xbal\x90\xb2@\xf07\xe7\x12\xdc)\x7f\xd6A\x84\x1d\x03X\xa2\x98q"\xdc\xc5\xc6@\xeco\x91\xcf\x1a/\x13\xd92\x9a;.X;\x822\x1e\x10\xa0U\xbd\xd5\xa0\x9f\x02\xce\xff\xda5_M\xa7\xe8D:\xbc?\xcb\xc2B\xa4\xd5\xae\xba\xd5z\xe18\xef\xe8ar\x04YG?b\x7f?h\x12\xb5J\x01\xf5\xd6R=\x9a\x9fD\xadq\x88\xfe\x902P\xf1\x0e\xf0b]b\x1b\x0e\xca\xf5\xc7\x0c\x03K\xfa\x0c\xc3\t\x11\x11\xdf\x93\xbb\x9e\x951y\x15\xdd\x83_\xa0\xbd\xaf\x16V~\xe5E\xba\x169v\x02\xe8\xad\xd8\xc9\xaew\x06@\xc4{\xe8\x04\xcf`\xaf\x8d\x08\xd7\x16\xe0p,.w\xf9\x1c\xc2)\xda\xbb\xda\x89,MjHI9$}\xb6\x14\x0b!\xec\xe5\x1b[\x88\xb7\x90\x05 bw\x07#\xe2\xa0u,\x13;\xa4Tb\xbf\xc4\x8bFkLz\x19\x00\x10\x8f3\xddL\xa4\xa3\xd9]\x1d\xdd\x83\x05\x84\xf1BG\xeb\x8d\xd3\xdb\x1d\xae-@\x05\xe3\xd9\x9b\x10\x96\xff\xb7\xbf\'@X`-\x9c~-\xe8\xec\x04k4\xf7\xf03^z\x82Q\xe4S\x04\xe3\x11b\xe2\x08\xbf\xbd\x87\xda\xda\xb4|k\xb7\x89H \xddQR 3\xc1\xe6#\xec\xd6x\xb8\xe6S\xfa\xdb"\xf5`\xa6W\x86}\x00f`\xf4\x12\x02\xc0\x9f\xb7\x8ciG\x0b\xf0n\xe9W\xc4\xfdH\xc3\\F\xf8\x19\xb3\x96q\xfftD\x8cIi\xca\xb2zv\xa2\xe3F.Ye\xe0/\xf4\xb8\xad2{\x16\xf5?*OWb\xa0,}\x9fA9\xec|\x0bU\x9c\rSd\x1aIfN\xd9Mttb\xcf\x17\xe3\xf7,\x9f\x7f\x9e)\xf3\xe43\x9c\x1d\xba\xba\x95H\x13\xe4\xd5\x05;!\xa8\xc7\xef\xf0\x80tB\x9d L\x1e\x8e\x9b\x88\x8e3Fn.\x9c\x8b\x9bnyg\x9e\x1ao/\x94=\x11s\x02\xcd\xd1\xd6-\xdd\xa3\xb7d\xdb\x0eO\x88\xf4\x9a\xc4\xe8\x8a\x8d_\xb4\x99\x84\x99\xdb\xcf\x07i\xf8\xfc\xc6\xa8\x07\xf8\xb7\xa4\xaf8\xfb\x1e@\x15k\xaf\x14\xbbm=D\x1a\xcb/uNk\x16\x8bL7.+\xa9\xab\x12\xe5\x12\xb3\xfa\xa0;\x99;\x9a\x02&amp;K\x10JU(;\xcd\xeaJR\xc6f\xe0w\xb71:\x7f\x8a|\x11\xd0\xb8\xe4\xda\x1c\x8fb\x92\x8ec@\rv$\x8ao_\xec\xef\xb5\xa2\x18\xc7M\x00\x16\xca\xca\x9a\xfd\x08\xc1\x8e\x9e\xed,9\xd6\x11\x01\xce&lt;P\x9b\xa2\x8a\xac\xc0H\xbb\xba\xf3\xda\xe7\x8c{\x06\x81\xf8w\xf0q\xca\xdd\xedC\xea=&gt;\xe3"\xb2\xdd\xca\x10\xcfuX*^\xca\x107\xbf?\x93\xa3B\xa9\xea\x05&gt;\x8cD"\x02\x85\x7f=&amp;]F\xed\xfaI3\x1c{3\x81\xbd\xe6 \x97\xbe\x8av\xee{\x142\x83)\xe5f\xa7r\xa3\'\x00m\xdc\xd9\x89\xa4tn\xb0:\xae\x0e5\x92U+\x8e\x9dfA\x00\xfclsa\xee1\xfdA\xec\xbb\x17\xc5\x88\xaa\xbb\x00\xb3\xe4%\xd3\x0b\xe0\x08.I\x98\xdcQ\xbd\x89\xc5\xd8\xb2R\xa9\xfe3\xeaT\xf4i\xb5\xb0\xe0G6.O\xdf\x97\xa1\xd3\x16Fv:\xb1\xe4M\x9c\t\xae\x19\xc58J\xa0e\xdc\xa8\x15\xed\x85\x99\xeaF^-\x82\xd9\xe5A&gt;\xf9[\x9d\x00:y\x8d\xcc\x97S\xd0-\x07Y\x82\xbc\xf4\x88\xc9\x98\x8a7DA^\xd1b\x81\xec\xee\x97YvAb\xdc3\xdb\x9155\xbdjQ\xe5\xd5\xf3\xf8\xdc\xeb\x0f\x03\x07\xc5\xbe\x02mv\n\x89\x01*\x95Qv\xf7\xd72\x04:|2\xd1t\x03\x95\xeeU\xab\\\xd2\xe8%N\xab$\x8d\xc2 \xed\xc1+u\xd8\x84\xb9\x81ty\xd9\x14D\xc4\x1f\xb6Nlx\xc0\xf6c&amp;\xd0\x8b\xea\xe5\xb5\x08L\xbax\x06\xcf{a\x19\xae\xdf\xe0[\x00JHE\xbfJ\x85\x8d\x967=\xaa\xaa\xb0\x13\xa2\xa8L\x04\xe4j\xb1\xd4\x14F5I\xbe\xa5*m\x13\xf4\t\xa0\xc4]j\x04\xdf\x8bz\x9ckd\x1e\xe6y\x7f\xb6\xcf\xaf0Is\xb2%W\xaa\x15_\xd6\xe8\xd3\xa5\xa2\xd5u\xcf\xec\xa9n*9w\xf1\xd7\xc2\xf4\x80bp\x9b\xb1\x93im\xf5-\x1fL0\xb3\xc0J\xdc=\xb7\xc5\xe2\x14\x95\xe4\x8e\xf3*F\xca\xc3\xd2]\x014X\x96&amp;\x00\xb8R\x80L\x97VH\x12\x92\xe7T\xf5)\x85J0}\xbar\\\x0ee6\xe6F\xe3\xaf\xb6\x0f\x9a\xd79`\xd1#\xcd4\x94\xd1\x08\xcf\xa5\xe6}\xbb\xeb_\x1cX\xeb\x82\xb5\xd8\x01vW\xf5G\x99lP\xdb\xab\xb8"\xae\xb5Bj\xc2\xd9\x94\xa6\xe0\xc6?\x086\x1d\xd9\xbb6Y\xd0-\xb8\xcbH\xb5\x89\xf4\x97\xadU\xde\xa2\xb8"&gt;\xe6$\xad\x0c\xba6f\x82\xf2\xe0\xcfF\xad\xfb\xa9=\xd8\xba\xe9%7a\x8c-\x08\xea\xd7\x05\x88\x08\xf0\xb4\x0e\xe2\xfcb\x82\xdc\xd6\x17\x98\xdc\xcf\xdc\x9d\xee\xa1\xad\xa5\x8d\x9a]\x1d\xcd\xfd\xf2\\\x1d\x19N2\xff_+2\xea\xe6X\xcdk\xcdm\x8e\xb6\x15\x8f\xa8&lt;hc"&gt;C\xce\xab\xd8\x90\xae\xe3\x11\x9b\xda\xabr\x8f$U\xe9\xf2;\xd2\xf75-Y.\x86\xeb\xca\x90\xe9\xe0\xea\xda\x98\x85\xd3\xcd\xf3U`\xaf\xd0\xb8\xbd\xe5\x1cg\xbc\xee|Y\'_8\x18\xc1\xb1\xd8\xd9B\xfc\xfc\xcf\xebO\x01\xe2\x85\xde\x0e\xbe{\x8d\x10\x14\x83I\x9c[\xc7{\xea\x07\x17U\xb0.\xcb\xa4\xd7Y\xf7\x93n\x12\x03\xfb\x7f\xd1!\xa13\xec\xd7J\x17\x91\xf6#\x00\xf0]9\xce\xfa\xc2\xb8y)\xa0E\xbf\x1dqI\xec\xb0)\x96|\xad\xa5\xa8\x84\xf1\xf0(\x84p\x9e\x9fL8\x1a\x17l\xe8\xd7D\x86&amp;\x83\xe9}\x0f\xd1\xf2OGU\xe4~\xcc \x17\xe4\x18[\xa7#\x98?\x18\xd0Es\x9c\x88\xd6\xdc\xe5,\xc5\x13\xf8\x02\xb7\xcb\xf8\xb9"\xca\r\xab\xdb\n\xb1\xc9\xcb\xbfS6T\x8d|\x15\x0e\xe3}q\x81\xe4\x9e\xf1(mV&amp;\xa3\xd0!\xe2H\xbb.p&amp;\xed\xe2i\xcc\xc7/\xfc\xb2\x1e?\xff\x98\xc6\x14\xd7\x16\xe7\xb6\x04=\xa2\xe3\xdd\x00T\x1b\xf1\xca\x8c\x04\xe5\xbf\xcb\xb8\xa8\xda\xfe\x8e)\x13@\x99\x83\x1e!W\xd2\x178Z\x0b\xe7\xe3\x7f\xaap2\x8e\xe0\xc7\xb6\xae\x87N\xeb\xd1\x80\x1a\xb5\xd8\xd4\xd3\x8e\xeb\xc4\x04\xfe\xa7kKs\x1b\x82\xb5\x8c\xa3\x8de\x1b\xfc\xf5m\xa8\xaf\xbdB&lt;\x85\x88\xf8\xf8\xfdke\xa7\xb1\x89,f_k{\xc8=\x8c\x08\x05F\x80y\xca,II\xf4\xd9\xd9\x0es\x0fU}jm\x148\xfb\xd5{8!\xbf2\xc0\xdd\xd0\x8eK\xce\xac\xdd\xc0\xaf\xf1\xd0\xf3\x1a\x90\x82P&lt;\xe6G\xdah\x18\x92&lt;\xc2#\x8f\xa2\x0e\xb3PF\xb8\x91\x10\n\xceZ\xe6h\x91\xaa8\xf3 \x0b*\xf1B\x00|z\xa5kP\xa0[6j\x1c{o\xfeA\xbd$"\xe03\x8b\xeb\xf3\x84\xa9\x02SL\xa4\x96\\/\x8a\r2bX\x13\x01Z+\x1e\xeac\xe3\x00\x9fni\x8e\x1e\xe8~0\xf3\x083\x86D&gt;\xc6\x12\x7f\xc7\xa5V\x14Q\xbb\xc7\xea\xdc\x11\xbe\x7fUJ\xb6H\xc5\xce\x01LI\x95H+#c\xddV\xec\x1dZ\x95j\x86\x81}`W-\xea.K\xe3\\\x8c\xf61\xa4$OD\xd0gy\xc5T\xac\xab!%\xa3&amp;J\x88\xdf"U\x99\x9e\x18\x9cmh\x8e.p\x1e\'\xb1\xc8\xb9\xd9aj\x96\x88?]\xd2T\xec\x8f\x13\xb5\xc7\xcaa\x9e\xa7\xd3s\xf4\xc7\xa1\xba\x1ejV\x08\xad;*\x1d\'\x8fMQK\x99\x1f\x1fe\xd7\xb8\xcd@\xad\xbd\x08P\xbe{+\x03\xc2\x14E[\x87\x03\x13\x00\xbd:\xa5\x13:,A\xaa2\xbe\xdc\xafw\xfd\xa7\x8f\x90w\xf4\x82\x98\xfa;$\x17\xf5Z\x036\xaa\xd7\xd5\x86na\x9dt\xa0\xb6\xc9\xd0\xeb\xea\x18\xf7q\xf0\x1c\xb0\xba\x9e\xc7\x9bJ\xf6IB\xdc\x9f\xa9z\x13\x07\xb2\xe4\xcf\xd9\xb1\x92\x8c+S\'\xc2{7\xa6\xd8\xdd\x0b\x9aqz\xe0\xd9!"\xe2\x93*\xb2=\x91o\xfe\x11&amp;\xd4?\x01\xcc\x95\xc36F\xf0\xb2\xb9&gt;\xc7\x8a\xee\x1e\xd7\xdd4\x14\xf6\xf7\x00ZF\xa2\xd9\xe8\x9a\xa7\xf8\x0b;$^\x9dn\xd76\x89\xa6\xfe\xc5\x94\xd8i\x96d\xabV\x1d\xa2{\xf9\xcfler\x16\x8c\xcf.\xe5\x95\x06\x8b-\xa2\xabV\x9b\xd7e\x1b$r\xc4P\xfa\xaf\xd4\x86\x9f\xa3\xb1\xbe\xd8@vL\x80\xb1\xb7\xa4&lt;\xb5^\xfe\x84\xa6\x80 \xc6G\x8fn\x11\x98\xfa\xf2\x8b\x99\xbc\xbc[\xb0\xbf\xee\xbf\x81\xda\xb5\xc7j&amp;\xc0u\x8d%SE\xeb\xd2y\xca\n\x12\xd7,\xcd\x0f\x8d\x10\x99\x85\xa2wl\xf1K\x9d\xec\xffj\n\x98(\xdf\x01v\x8e\n\x96\x0e}\x81\xbd\xfc@\xc6\xe6$\x18\x17;\x19\x0c\xaf\x9e"\x94\x95ov\xe5Q\xc5\xda\xa2m\x0e{\xc5l\x11[@\xa5=\x9b=UeA\xee\x81\xd9\xb9-\x88*A\xee]C\x9d4[XK\x13@?ws\xd5\x9b\xe2dn\xde\xa3\xcb\x8bB\xe3\xb3\xda\xab~C\x00\xf3\xdb]h\x97\xe8\x8f\xb8\xe3\xc5\xdf\xf6\xb3\xf2=\xb8c\x12\xa3\x0c!\xecW\x86\x9a+\xa9k%]\xf4\x1d#\x0c\'\x84\xa4\r\xbc\xd4\xfb|,\x88\xadH^\xa7s\x13\x07X\r\x88=o\xec\x89\xdb/\x83\x03\xca\xa8\xd2h\xcf\x10\xb6\x97\xc7l7$\x01^\x0bp7UB\xbb\xbd\xd1\xbd\xa6S\xbd0\xe6V\x00;\xb1C[\xf6\xc3\x9cn\xbe\xd2\xec\xcdD.\xe9Z\xb2I\xb0O\xaa1\xfa\x8a\x8d\xf8x\xea6\xf6\x05\xa6\x17\xf7&amp;\xf0\xc9\xeb\xeds\x95\xc5p\x81\x83P\xb6\xee\xfc\xd1\x9f\x04E\xec37jD\xb2)\x19\xb0\x9d\xd4\x8c\x8d\x90\xdb\x1a\xa9\xfb\xf8\xd6\xe4Vz\x14\x8c\xa6t\xb2\xba\x84BCz\xf4T`r\xb5\xe6\x95\xa5\xa5\xd0R\xe6\xb5\x86\xed\x10#\x162\xa8\xa2\x85\x1e#p\xb5\xc0\x942\x1d`\xcd2/s\x91\xad\x02\x1c8.\x99uU\xfct\x1ew\xc6\xef$]{\x0ff\x15c\x9e\xa9_\x06\xb7\xc2\xf2$*:\xbe\xed\x99.\xbcp\xc6\xc2\xf3\x8a\xc8\xd6\xbcK\x84\xbd|\xae\xe6\xafh\x99\x98\x87I\xcb@\\#+tF~\xb9%\xc7\x91=\x91YBw\x19\xd8\xf4&lt;"\xec\xc6(\xdc-\xc0\xeb\xb2\xeb\x1b\xdd\xe3rD#\x94%\xcf\x95\xbd,\xfa\x9cc\xea\xd0\xf1\x9ek\xa6`S-p6\xdc\xb0\xd7A\x8b\x93j\x08\xf0\xa3\x01\xa2\x9b\x0b\xd9\xcd\x93\xf7B\x8e/#K\xc8\xfc\x97\xa4\x82\xf5]\xc6\xd9\x0b~\xe9k\xb4I\xa9\xe4H9r\xe1U\xb7\xf6\xc2\x06\xfayVO\xfc\x14\x17bW|:\xf1\x0e\x16\xef?CL\x00\xc0?-\x84\x8c}q\\\xd4:\xa6gF?\xdaO\x05\x9c\x0bs\xac\xcc\xb8\xca6R\xbb\xf3\xa88\xb77\xe8j\xd4R\xb8\xb5\xca8\xde&lt;;\xb3\x14\xe5f\xe5om\x93\xb4\xdb\x91/\xf6;\x04\xbd\x1e,k\xed8\xa55-\xcc\xc7\x17\xf0h\xe0\x88\xf8\xf7\x078\xcc\x87(gQ,6\xaa#\xd7\xc4\x06\x19y\x81\xab\x1a\xa2\xa1\xe3\xc4\xdb\xb8\x1fh\xde\\\xd0\xb97Nn\x06\x10\x11\xf1;\x9b\xf4\x88\xc5\x87\xa3qP\x1f\xcf\xb2\x1d\x89\x88\xd9+\x9e\x02\x99\x9c-a\x01\xb3\xb5\xce\x14[\xef\xbe\x87\x89\xa6\xe24STI\xcd\xc2\x08;cE,\xd0\xc0\xc2J\xff\xdb\xafb\x8f\x88?4\xd8m\xb4V\x0c\xaan\xd2\x00;\t\xa4\xa0\xe3\xfczT\x9c\xc2\x1c\xfa]\xc4G$\xda\x14\x7f\xd7J\xb1v\xd9Z\xbb\x15\xb9W \xf4A\x19\xe7U\x06\xfb\x08W\xa5I\x12mG\x05\x07\x8cB\xfa\xc6JK/\xe4\xf8\xb2\x16\x99\xc7q\xdc\xe8:\xc8\xcd\xdc\x08\xc7u"\x94\xfaZ.\x18\x95\xf81\xc3\xac\xe7\'sn\xb2\x05\x90Q\xf1tDD|\x8f\x03(\x9b\x17v\x93T\xd9\xc4Z*\xd3\xe04\xdb\xa43A\x9a\xc3\xba\xb4:4\x01\\\xd8\xb8\x8fcv\x10\xe5\x1b=\xfc/\x8d\xcc\xa6Z5\x87d\xb6\xe8\\\xc1\x1d\xd3WFGsuC)\x05\xa0\xa1\xbdE\xc2\xa6&amp;\xc4\xce\x92\xefJ[\x17v&amp;2ksI\x91\x82\xb1[criK\x13\x8b\x85\xcd\x94%\'\xdc\xea\x96;\xdc\xf83\xca\xba\xc6\x9a\xb7%\x8e\xce\n\x8c\xe0\\\xc7c\x125\x85\xb0&lt;Q\xb7}3\x89\xba\xeeL\xb5T9\x0f\xf0\xc8\x13l#2\xa0\xf1\xf1K\x00h4)\x94;+v\xe5\x19\xfa\x91W\x8b\xe1($5H\n\xf9qS\xac\x17\x12\xc8\xe6\x8f\xc7\xeb\xc7a\xcf6\xf8\x8fG\xd9d\x04\x80\x17C o\x88\\47\xd7\xe2\x96\xce:\x83\x19\x978\xd71\xd0\xf2Xm3\x05\x91\xd4\r\x80EfV#?1U\x06\xe6\x08\xa0\xb1r\xc7\xb9\xc6\x7f \xd2\x0e\x9b&lt;m\x04/\x8a\xbal\x01\x00\x9eQ\x9cJfg\xbb\xd2\xa5\xcb\xca$\xf5\x9f\xf0\xb2\x82`&lt;z+\xd5\x7fO\x95\xf8,\x8c\x84\xbd\x83\xd2\xb1\xb5\xb9\xb7\x94 \xdc?\xc97\xc0\xd4\x17B#\xc0\xb3\xe1\x12\xaa\xbe\x15P.%\xe3\xea\x92\xdd\x13\x1e\xe5\xa5\xd2\x99\xd2c\xf1\x18@g\xf5\x15\x0f\xa9s\xa9\x15\x80\xa3\xb7\xa6\xbbvhqo\xe3EGH\x07GVNk\x8e\xa5\xc6\xb7L\xe6\xb0\xa9\x15}\x1b\xcc\x9c\xf09o:BB\xa6\tQAI\x95\xe7\xda)/t\xeaD\xdbq\x04\xcd\xb98]x\x85d\xad\x8d\xd2\xcb\xc5\x863\x03\xb1?B\x08/\x07\xb8\x0fW`&lt;\xf6D\x04\x90\x9f&amp;\xad\xb2\xa86\x13\xc9zU!D\x1b[\x91\xb8\x17H\xfeo\xe52\xde\x9b:5\xba\xf0\xcf\xc6\xa1\x9d)\x9b\x8f\x9a"9\x11)\xe4SyJ\xdan\x93\xdd\xe9\x9dK\xe6\x85\xec\xbc\x10\x93\xd7\xcf\xa5\x9dH\x9f\xf9\x87\x0e\x0bd]\xf3\xc4\x91r\x81\xd1w\x0bb\xd1\xda\xdc\xa9X\xf9\xca\x94\x9f\xc5Xa\xa1\xca`i\xbb1\xb2\xb8@\x00\xb20\xc8\x82\x9d\xab\x04\x9bU\xad\xce\n\xca\x9e\xad\xaf GN\xd4\x0c\x8b\xd7]\xf7\x92\x91\xea\xf0\xca8\x11v\xbb\xf09\x1d-\x88y\x1f\xc4\xcf\xad\xdbO\x87\xc0\x9e\x04\xea\x00\xb6\xd8\xb1Rn\xeb\xda\n\xad\xab\xaf\xd1\xd2\xc5\xbe\xd5\xb3\x1f\'O\x13X\xcf5\xe2\xc5\x0e\x9a\xb4\xa8\x90?=B\xa7\x96\xbc2J\x8f\xe4\x97p"=\xa5\xee\xd1\xfd}\x90\xda\x1b\x04\xb0\x94\x11T\xbf\xe5!5:1(\xb9p#\xcf3To\x0c\xd8\xd4v\x9f\x1a\xf5A\x05\'H\xd5u\xb0f\x95s]3\xcb\'\x80aRS\xa4\xdai\xa6+\x95Qj5"}\xdb!\x83R5p\xac\xedFLc\xf4_\xac\x96`\x8f{\xd8\x92l\x14"\xb1`\xe6\x0f|\x8d\xca\xb1*\xd5\xaeR\xbco\xde\xfb&gt;\x01\xf4\xc0\xf8\x8b\xaf\xba\xddX\xec\xb9n8[1\x93@\xed\xe8\x18u\xf7]\xbc\xc6\xbb\x11"\xd7\xb63ly\x9eH&amp;\x12\xf1\x93|\x81V\x82\x86\x025\xfb\xe1\xab\xcc\xf4\x923T\x17q\x8f\n/\xf1\'\xf4\x0e\x99\x00f\x13\x04\xb9\xbf\xec\xf2#\xc0\xf7\x12:u\x1fRp\xa1\x05~6]\x97\x1c\xd1d\x87\x08D\xc4/\x07D\xc4\x1f\x80\x1f\xef\xa6\xb0\xe3s\x842\x0f@D\xfc\xdc\x11I\xeb2@K\xea\x9c\x98\x9a\x89\xb2]\x92\xbd"\x00\xfe\x9f\xd6Z,#\x85\xf1c\xb90\x99\xf5\xad\xcb\x85\xd6q\x85\xc5\x07\xad\xb0@\x99e\xa9K\xd2\xaam\xb3\xd72\x12\xdc\x17:\xe2\xdda\x07\xda"\xcfE\xbd\xe1j*=\xb5\x98%E\xf6\x01\x04\x15\xa1\x88\xebg\xd5n/t\xe8\xdab\xf4\x170\xe2\xdd[5\xf98\x83`\xadb\xe7\xabW\xd5\x812&amp;oaaT{\xaa\x8d}\x0ehM\xb0\x8cmE0\xd96.\x87\x90\xd4j`1\xd3\xed"~\xb5N\xad\xbaL4\n\xd2b\xa2\x87/L\xc7\xa93\x81\x08\x11\xfb\x8e\xc9uF\xbd\xc8\r\x84u7\xe2`\xbf\xe1H\xd0\xa7\xe9\xacG\xcb&gt;\x9b6@\xcd\xc2\xd8K&amp;\x92?*+\x90D|\x07\xe5\x88\x18\xab\x9fTE\xba\xdf\xd4\x15s\xd35\xe5\xc8g9Z\xf8\xb2\xfebT\x9e\x19\xcdTen\xdc\xa7=~\xc4(\x01\xca8w,\xe8_\xd2\x15\\\x00\xe7z\x12\xf8\xea\x90z6\x84\x00!\x8c\x1f\xe5\xb5\x98M|\x16\xb7jfQ\x9c]\xae\x17\xe6\x0c\x93S\xd2\x88M\xe7\xbc\xd1\x96\x9bf\x9ek5\x0e\x8e\xe2\xd5\x05j\xa9H\xbc!\xf6\xa4\xd2\xe0}f\x9c\xfd \x8f\xdd\xa2\xe0\x0e\xe3m\xfa\xcdL\xb5\x07\xb8%\x0f);\xfc\x8bNj\xe2\x93+\xcb\x9f\x06\xd7gxOFv\xa5\xbd\x87\x82\xccf\xc2\xd1{\x12C\x11\x9aa\xb9u\x0b\xcc\x02g\x9f\x00\xf2\xdck\xad|\xeb\x8bh\xecsyfg}\xd9\xbd\xf9\x0f\x83d\xef\x00(n\xc3\xfek\\\xeb\xd7\xa6&amp;G\xc4*\xec2b\x9d \xf7\x97\x10T\xa5\xde\x1c^\x08\x00\xe1\x85\x07&lt;#\xc3\xb4\xf0e\xf7kr0R\x9a\xdcZ\xbf\xa6\x8a\xa8\xb4\x11\xc4_Z[\xa6\x80\x84\xde\x1d\x99\xf2C\x1e\x0bW\x8ef\xa9\xf8\xc2\x8b\xfd!\xe6s\t\xe2\xf3\x1b\xf3g\xa2\x98\xc79\xe6E\xf6\xc3\xc8;6`\xea\xa0\xa7,\xe4\xd3\xc5rJ\xbf}9~\xf4Z\x10\xc3h\x93\xd9\xea\xadbgI\xea\xf1\x16/q3&gt;`\x8b\xae\xc4b&lt;\xabv\xf9\xe7\x8a\x9fP\x9eB\xe4 \x13b\x89\xfe\xc0\x11\x9c\xcc\xc0\xc2\x9c\x92\xbb\xfb\xadq.3{\x9b\xd29\xc0\x8e\xae\x89\x93&gt;\x9d\\(w\x7fJ~\xc6\x1b\x1a0\x12d\x7f\xe9\xf4\xe8\x87\xb6i"\x06\x11\x15~\x9bH&amp;\x89\xb0xU\x00\x9b\x83Xh\xf6\xb5q\xa4.\xa5\x90\x82\xa7\xb7\x96,_\x10\xb8\xc6\x03\xf5_u\x0f\xdbJ\xbd\xbc;\xe9gc\'\xbf6\xf26\x01\xed\x11\xfe\xa7\x86\xc7\xba\'\xa6\xc32bm\tPJp1\xb9\x10X\xb27\x1agO\x01\xad o\xbb\x19\x9fv\xe3\xe2\xb4\xe8\xc2\xf5\x05\x94\xdd,\x103\xdb\x13\x04\xc8\x12)r8A~?\xbcG\xa82=:\xa8\xbd\xc1\xac\x85\x900\x17Z\'\xbe\xe3h)\xfc\xa7\x1a\xa35\xc7\xc07w\xd6\xd0\x9d\xe5\x01\xa4\xbe]\xccBk\xc9\xcdD \xc8\xae\xaf\x1fZ\xa81\x01EJ\x94\xbf\xde\x92\xc5\x8d\xa3\xb0E\xae\x9b\x81\x13M\x004\xb5\x96[\x06\xe9G\xbbq\xb4\x8e\x9a-e\xd9\xff@\xad1\x03\x0ek\x8b\xf2\xcdM\x8dn\xf5\xbd\xf3\xf8~P\xf3\xefXd];\xd0\xe1\xf4\xe2\x82Y\xf6\xe6&lt;#\xb5\xd5w\xdb\x88K\x1d\x1d\xd8\xf7!\x9f0pS\xf7\t\xb6\xa8\xe4R\xc2\xe8h\x1aSq\xf6\xb2W\xe1\xc2\xb2&gt;\x99,s\xc9\xc1\x82\xdd\x04\x9ce\x02\xc0m\xb7\x9d\xbb\x19\xe2D\x9d\x1c\xc0\xa8\xa1\xa3\xc3\xae5\xc5+\xe6e\xb6\xbb_\x01Xg\x91\xc3\x1eV\xebA\xb6\xd0i\xa8\x08\xc6\xe0\x97\xcf\xf0\xac{\xcc\xe4\x92\x9du\x13\xfa\xa2\xf3&amp;\x03\xbe\xb0\xebYC\xe3\x97\x97\xd7M-%\xdbu\xb8\'\xec\x0e\xc5\xc2\xec\x89\xfb\x05a\x89o#&amp;?H-\xad]\xea4;\xe4\xb8\xad\x90m\xc9\xa6\x17\x99y\xa1u\xd4\x19\xf7m\xa6l5\xf7\xa1\x83)\xbb1\xa5\xec\xacv\xec^\r*\xe4e\x85\xe6Q\x00\'-\xdfk\xed\x8d\x101N\xe3\xf3\x07&amp;\x80\xb9\xa7I0]CW\x0bkw\x05\r\x1b\xd5n\xe9\xdc\x89\xe8f\xc4V\xcb\xe4\xd6\x8dsLp\x07A\x1c\xed\x8f\xaa\x97Mj\x19\xf1\xd3B_\x96\x97nD\xaf\xe62\xd7\x06\xdc\xc8\x80\x1c\x19\xc6\xba\x07\xb7P\x96\xaaw\x08c\x91\xad\x99\xc8\x80\xc1t\xf5E\x85\x9a\x91\xa0^\xb2\xec\x1a\xfa\xb5\xca\x00\xc7\xec\xad\x03\x88\x88\xf84\xc9\xec\xd5Z\xb9\x84\xcb\x97\xbd\xb1\x08\x88\xbf)\xd5e\xaew\xc9\xef\xd8\xf7\xbb\x1a\xaa\xf4\x06_)\xd3K\x18\xe8\xd1@|Qz\xba\xae,\xd0?\x1a\xb1WQt,\xa5c\xac\xc1\xf7=q\xf3z\x91\xca\xac\xee\xd2\x1b57&lt;\x17\x04\x88\x0b\\\x13\xab\xff\xd6;\x01\x10?\x0e\x88_^]\xd5e\xce\xbb\xa4+}\xe6)\\i|\x19\xb9c\xedU\xc1\nq\x9ec#)\xc7\xa5\x11{\xe8\x96\x99\x00\xaa\x18l\xe6\xa0\xa2\xca\x9a\x1d\x846Ot\xf8Y\x0c\xdcC\xbf\x99\x9c$\x82\xd2&gt;GY^\xef\x03\xcb\x04P^\x14\xe7\xbf\x02\x02\xdb\xa4;\xca\xa9\xe5*\xe3\x0b\x9f\xd26\x031\xae\xbc\xcaB\xea\xca\x061\x1d\xd7\x00"\xe23\xd3\xaf\xb7\xc1\x04`A%\xba\xb4\xbd\x9a\xbb\x85\xdd\xa9\xd5.\xad/\xbb\x03\xdb\xb2J\xfcV\x12+\xf7?,\xfe,w\xbe\xc5\x07\xb6\x8a&amp;\xb3a\xee\xcfn\x972\x0c\x8e\xb0X\xdd\xe8\xa6\xedSWR\xa5\xa0\xd0-0\x9c\xde\xb6\x1d+\xeck\xe1c\xc5\xb8\x9e\xb9\x9c\xd6N\xbb\xfd\xecNa\x86\x0c \x86\xe7\xed\x13@\xd1\xd11\xf9\x90/Is/\xf6\x88\x0e\xa7\xd6\'\xa4LGc\xc1J\x85\xdb\xdf\x11!(\xe5|j\x99\xd5\xbab\x98\x0fR\xbe\x88\xcf\x98\x86\xb3\x1c\x03m\x85\xa4\xe4&amp;\xb5\x07\xf5\xfce\x16\x144\x89\xd7\x8a\x0e\x8b\x99(\xd1\xc9m\xd5\xea\xef\x00\x10\xe0\xb3\xb6\xe6\x8c\x1f\x9c4&lt;{\xd1\xa09\x86VX\xcf\xf8\xd6\xde\xa5\xf7\x8bv.)\xfd\xf0\x95r\x13\xec\xa2\x1b\x0f=J\xcfsw\x1fbEX_\x15\xb5=^\xb3\xbe\xc9\xaa\x8b\x18O\x1f\xf9\x94\xe2\xd0\x91\xff\xeca\xa0\x9b4\x1b\x9c\x1cB|\xb4+\x18\x11\x11\xef&gt;\x87Wjj\x87N\xea\xad\x91]\xac\xd5\xc6E\xbd\xd5D\xebh\x9bf\xfa\xf7&gt;\xb5*\xb5@\x95\x14k\x17F\x95\xb0\x85T\xfa\x95-Sd{8K\x97Y4\x08sv\xaf\xc4JhT\x85\xb1m\xc4o4v\xa5\xb2}r\x13t\x1bq\x93\x9em[\xd6\x81\xc9\x1b9\xc8\xe7\x10\x02"\xcezhf\xe1u\xc4\x8bJxv\xc4b,\xe4WU\xb4\x88\xb2UI^\x8d\x92\xfa$\xeb\x1b\x87\x1aJ\xb7\x83\x1d&lt;\xd2K%\x97\x9b\xcb\xeb$,R-\xb9\x84&amp;\xc9\xb1x\xc3R&amp;\xa7\xa9\xbf\x8a\xb7\x06!\x00\x08\xaf\x12Z)/O\xa5\x17\xda\xb0\x0b\xbf4V\xaa"\xb5\xeb\xfc\xa8\xae\xf0\x90\xbb[\x8e\xe8\xbc\x00\x8a\xbabI\xad_\xd2\n\xba\xceO\x88\x9b\x91\x02\xa2\x8b\xb5\xf4mg\xc9vS\xf2\xef\x18\xc2\xbe\xe4,\xef\x1c\x00:\xd3\xfc\x87\xfcf\x16\x9e b\x87\x8d%\xaf\x9f\xe3\x17\xbfjH\x85\xb5\x123\xc0FN5\xff\x9b\x8cF\x9d\xbe\xfe\x82b\xa1\x8a\xfc\x846\xc9\xdf\xe81_I\xa3x/\xcd\xa33\xca\x1c\xd7\xd6\xd4\x84&amp;SF\xaa#\n&gt;\x08U\t\x98\xa4\x19\xad\x8e\xd2q\xab\xc6\x15\xb3\xac\x8e\x0f\xd7\xc8\xee\x1b\tM\xec\xae\x85\xb3OS\x89\x1e\x97x?}\'\x1f\xb9\x19\xa6\x045\xec2"N\xec;\xb3A6\x0b\xd9\xc4/\xbf+\xc0\xefUi\x97\x81\xbc\x95\x17i\xc2\xb6Z\x82\xf85\x13Fb\x9aU9\x02\xf6\xc8:\n\xdc\xbd(Y\xfa\x9a\xaaE)\xfc\x16\x00\x7fYd\xb4\x13\x19\x06\x94\xa2\x84\x9ftA\xc0\xdc\x051\xb0\xb5,\x88\xe3"\xca\xb8\x84:?\xba\x9d@fE\x98F\x15\xc5\x84\xcd\xab\xabu)\x7fu\x9cw\x05\x80\x856\xd7\xa8\\\x0e\x12\'y\x7f(#B\xf6\x95\xc4\xa3\xbcR:!\xfc&gt;\x8d\xfc\x96l5\x93\x01\x00\xf3\xae\x1c\xc7\x90\x81\xe5\x15\x8c\xbb\x18=/Bi\x82\xfd]+\xb1D\xdf\xebYr*\x00\xf8\x83Z\xc1\xbf\xdcL\xa3\xac]MJ\xd4\xa5\x90\xe5\xaf\xb4\x8d\x1cU\xc2\xe4\xa7\xab\xea\x0b\x86u\xfa\x83\xf6\xdfP?\x00SB\xe6e\x16\xed\xe0\xc5\xa6\xda\xd6\x15\x1eb\x9c\xe3\x11qyY\xc1\x90\xc99,\xd87\xc1\xe8E\xb2V\xed^\xb1*u\x16\x9a/!\xc5\xf0on9\x93\x19\xacK^\xca\xad#\x96\xe4\x91`\x13\xfd\xf3\xe4\x07\x8e\x80Q\xd7R)$\x7f/\x0f*\xfcf\xa2/\xa9n\x86\xd3\xaf\xc7\x19[\x15\xf8\xe2\t\x07\n:\xcc8\xabb\x19\xd7\xf6\xa1\x7fk\x0f\x96+\xc3\xdc\x0b\xa3\\\xf6\xcf\x85}l\xf8\xd4*\x85\x0e\x19\x11\x19v\x1dM00j\xa0\x8c\x8dmI\xe6\xec\xea\xc1\x15\xb5\x9d\x88I\x17\xd8e(\xb9\xa8w\'\x10\xe9\xc3`\x07\xb3\x9aY.\xe4\xc9iRL\xb9\xd5\xc0\x9a\xd0Y\x85\xf8\x7f\x1a\xab_\xd6W\x92!\xf5\xe9\xe9\xf5\x96G\xdej\xe2b\xaf&gt;\xaf\x82\x93.a\xca\xa43\xcd\xd5\xae\xdf/\xb2\xfe\x92:\xb2z\x9c`)\xd4\x91\xaf/9\xde\xb8\x95f\xd6\x84\xda\xc9\x1cd\xcbm\xeb\xae\xedZ\xe87V%Q&gt;\x08\xec\xda\x8f))\xac\xe8K\xedqM\xdbv|\x84\x93l\xb6\xa7\x1c,\xdbQa\xf9\xd1\x05u\xa3B\xa3pA\x1f\x14\x9b\xaf\xec\xb5\x18[PU\xceZ\xec\xb4\x1ev\xc3Y\xf7\x00\x18\xb7{\x05\xef\xbf2\xfa\x91\x92\x97\xce}\xbb\xbbYIS8\xb0\xa7\x17\xb7\x97\x9a\xdb\xeb\xce\x85t\x9e\xa2\x8a\x90B\xa6\x9f\x04J\xd9\xe6\xea\xfagU\xc3\x80\xf7g\xce;\x9d\x14}md5\x1c\xb6d\xb8\xe4\xf4\xbf\xa5\x9dQ\xbe-\x17\xffD\xc7\xdaHP?\xcfs\x10\xf4\xbd\x96\xc9\xbc\xe6\x92\xbb\xb5\x81\x08\x88\xbf\xba}\xae\xe1\x82\xeb\xac\xd6\xec\x7f&amp;\xdb\xcd\xf0=\x05\xec\xed\x9d\xc2b\xe1\xf2\xde\xcb\xf5\x16\xee\xad\xd9\x1b\xda;\xe3\xad\x93\x84\xb4\xab\xeep-\xf7Bi\xd4\x8eG\x03\x00\xe0G\x8b\x81\xc2\xf9\x9aU\x01\x15\x18\x11\x11\xbf\xa9\x87\xc8pf\xcf\x01\x00\xf0\xef\xb5\x99\xe0\xdeG\x8c\x1a!\r]@%\xf2VS&lt;Kw\xc5\x19Jir\xc1V\xa98:,\x97\x16e[U\x1d\x8bQ\xb2S\xda\x17\t\xfcY\xcaK\x92??\xabc\x10[/\xfb\xbdJu\x13\x13\x915/L1\x18\x14.\xd3G\xe8\x08\xd0\xa0\x90(\xf0\x88iL\x1b6\xb7\x15,&gt;\xe2h\xc5\x96LV\x13o\x17\xe1\xe3\xd6\xa1\x0e\x97\xcc@LT\x11\xaa\xfe\x11\x89f\xec\x82U\x18\xf5\xc9\xd9t\x02do\xd4\'\xc0\xde\x84.\xc6\xb2\x00\xba\xad\xd8\xfb\xa8\xb4:i\x80\xd0\xf2\xa0j{\x04\x85&lt;\x95\xa6\xc4@\xf8\x0c\xae\xd0\x923\xa0\x05F\x0c\xe3 \xfd\xdf\xca\xb0w\xcf\xb8b\x11\x11\x7fT&lt;\xd9\x92\xd9u\x9b\xc9\x97\xd4z\xad\x01\xbbR\xf0\xcd\xf2\r\x00\t\xc7\t\xd4\x8e\x919\x9d\xc8y\xe7\xd8\xd0\x9b\xec\\\xa8\x9d\x1b1\x12V8\xd6m\x0f\xb3\x92\x879\xdc\xc4?6\xced\xc7Hd\x85e\xe0\xc68o\x98\xd7M\xd9r:\x19\xaa]4K\xad\x98v6\xe2\xcf+\xc2\x0cN\x00Cr6\xb2j\x1a\x93\x13qBs/U\x11g\xd3R\xd8\xa6\x89\xd6\xa2\xdfV}\xd4\xcc&gt;7=\xc9\xc5\x9f$\xd6\xce\xd0\x11\xc7\x1c!@\xb5\xe3\xa6\x8c\x1dD\xc4\xcfK\xaf\x8c\x90\xbb\xad0\xdd\xbd\xd2\x18?Kj\x7f\x9ay\x9d^\xf8\x91\xca@\x9d"y!C\x12\xc0\xe6\xc5\xb6\xbfz\x8b\x8e\xc3\xa5\xf9\xd9\xb0\x08\xc4\xb8{\xbep\xe3\x04 \xefyV\x95\x81\xef\xb8\x7f\xfefc\x95\xb4_O\xa7k\x15\xf5\xb4\xfb%\xa4\xa8c\x86\xf7\xcf\x17\xb2W\x9f\xfcn\x12\xa6\xb8.\xc4g\xe1\x16\xe8\xe1#\xd6\x98\x88\xf5\x8b\xd9uQ\x18c\x8ay\xf6\x04\x80u\xec\xc5\xca\xf2\xb3\xc4h\x12\xf5\x92L\xaf\x05\xbd\xb1UU\xd0\x1e\xc2\x96g\xdch\xdf"\xe2\'\xb3e\x1a\xdaq\x16\x9c\xc7t\x06\x05A|tI!\xee\x828\xea\x18\xf4_oQ\xae\xfa9\xca\xf1\xb6\xce\xaeU\x14\xa5p\x8c\xdf\xbf\xb8\xa59\xb9\xcc*\x0c\xcdI\xbf\xb6Hb\x936\xce\xb5mS\xd1\xa9\x12\xa6\x96\xde\x1e\xdd1f7!Z\xea*\xe5\xc7\x15y\xf9\x88\xb5u\xa0\xdd\x14\x90\x11q\xea\xc6\x9d\xe5I\x85EG\xdd\x0fb,.0~\x8dO\'&amp;\x8f)\xd2\xdbd\xb4KLq\xa9n\x13L\xa1F\xc7\xec"\x8f\xa5\x91\xa5\xd8\xec#\x9d\xfb\xcb\xe3j\xcd\xb9\x18P\x16\x9b-&lt;\xe7\x15~\xbdT05\x9bN\x01`\xed,\xd3\xd3\xa1\x87\xbd\x88\xdfhZ|]\xdak\x97\xb5\xa1\xc1\xb1\xafQ\x1esp\xb8\x91\xe8~\xf3b8\xb2\xbb\xa7\xe0\xacO\x02\xb7"\x9a\xef\xf2\xd8(\x10\xbf\x9bZ6l6Q}N\xd5\xf4\xb2\x07\xfa5\xb2\xce\xe9D\x9e\x80XT\x96\xb8\xab\xc2\x84\x10\x00~\x9f^&lt;\xcf\xeb\t\x9bd\xa8&gt;\'\x8c\xdfX\xa1\x80\x1f\x12K3\xfdRW\xb6\xf0\xa6\x846\xb4T\xdc\xe7\xec\xa9K1\x9c\xb7\x982\x05(\xdc\xd3\x0c}\xd1\xee\x81v\xdb\xdb\xa3kC\x10\x01r\xadZzm\xadK&amp;\xb6\xf3.\x01n\x04\xaafU\xae"\xe9\xd2r\xee*\x0c\x8b\xe3b\xd5Ln\x92\xab\xd1(\x1f\xb5Z\xbc\xca\x1at\xb09Q\xab\xefj(C\xd1\'\xc0\x88\xb4K\xdd\'\xe8e\xc4\x8aP\x08\xde/\x03e\xa7\xbd\xadP\xa8n\x14#K\xf4etZ\xd8\x1e\x8b\x81\x0e\x15sS\x88\x8f0\x0e\xf6X\xe2\xb8q}\x0b\x02\xb9\x07\x0b-\xa9IZ\xe6\x8d\xc5\xa6\xd9\x98H{wJ\xbe\xded\x136F#\xa2\x8a\x94\x87\x99v\x086\xde\x16*\x1b+\xe5\x9b\x8b\t\x80\xa5`\x91c\xc0Y\xd49H\x0b\xbf\xcc\xa2F4\x96U\xdf\x8d\xbf\xa1: \x02~\xb0^lW\xe9\xf9\x13\xdc#\x90\x9aV\xed\xaf"(9\xb5\x96\xde\xf2\xda\x02\x94@.\xe7VW_\xcc\xb4$q\xf6\xba\xb6\x9c\xb4\xc0,\xb2I\xacp|\xe6\xf1\xc3\xd6\n\xaf\x07xk!\xe9y`\x02\x07_\x0f\xe1.\xcd\x95\x88\x9c\x1d\xb2\x8d7\'\x90_.c\xa9\xdd!U\xbe\xc8\x11\x85\x9f\xdf\xb5\xd4e\x885o\xb7\xe4o\xb2%\xd7\xc1\x96\x1f\x88{ZF\x8e{=4\xfdF\xca*\r"&lt;_/\xbf\t\xbb\x08s\x82\x94c\x13p\xcb\xd6V\xe5\xee\xb6\xde\x00\x80\x10 y\x0f\xeb\r\xd3\xd2\xd5\xc0\xce\xaa\x1d\xc1\xd1\xdc)w\x0fy\xaa\x91&amp;\xb9\x87\xdbD\xc4V?oH\x90\xa2\x0c*\x8f\xe7\xd8\x16\x8c?y\xa9%R\xab(;\xa6t\x11\x9fb\xe4\x9b\x04w*w\xa9zKqRq\xfb\xcb\xb6\'6s\xb7\xc06\xa9\x8c\xc5\x10\xef\x9d\xae\xccZ\xb8\\\x12\x9f\xc3],\xed\x01\xf1yz\x8fH{K7g\x10\xdf\x1clZ}\x13wq\xb2\xae;\xa8\xd2\xcc\xa0L0\xbf\xbf-\x96I\x81;\x9czU(\xa1\x949\xdbt\x99\xc5\xe2\x88\xbef\xafPvF\xbeYE\xa3\xc0\x08\x80\xf8\xe3\xd5\xbd"#D\xf3\x8b\x1f&amp;)0\xcb \x91\xc9r\xe5\x81\x00\xea\xcfh^\r\x8a\x12\xb0\xb0\xdbV}\xed\xbd~\xdf\x11\x19\x1d)D\xc7:\xcb\xb9d^\xd8\xd0\xf1M|Y\xaa\x8c\xa9\xa9\xb3\xc8A0\xea\x10\xf1+\x94b\xc7\t\xac\xfbS#_\xbb\x07\x8f%\xbb{A\x17\xd8R\xa5\x87i\x8bl\x1d\xf49R\xcc\xd7w\xca\x16\xb5}\x94\xbb\xcc\xa9\xdcuPV~\xd3%\xe1\xbd\xd3e\x07\xf2-\x8e\xa8\xc9\x8e\x01V\xa3|\xff\x9eA\xdbh\xe2%\xe1\xc4X\xe76i\x12\x90&lt;\xbf~\x15\xd1f\xf5\xb5\xa5r\xe6A:\x98!K\xc4nQ\xc3\x1an3\xc8n6\x84\x1d#@W+R\xa5\x01"~\xd1\xb0xS\x80l\xb6\xa8,&amp;\xabb\xbeL\xb79J\xa7\xd0cp\xdf#\xd2i\n\xa6\x06\x87kIM\xa29k\xad\xd3\x84ra\xf4\xa6z\xa5\x94\x02\xd7"K;hJ\xe4[\xbb\x16\xe3%\xc1J\x81\xb1\x0e\xc5?](\x00\xa5\xd1\xba\xa4\x1bid;#D|N\'\xb3\x8dH~\xa5W\x8dY\x95\xc1\xbe\xbe"\xa2\xd8\xe3\xfe\xc1\xc1\x83\xf7\xda\xf6e]\r\xad\x92t5\xa2"\x95X\xc0\xe6=\x8f@_K\xfb\x14\xbb\xd6\xb5\t\xc0^V\x98!~\x95|k`:\x9f\x14S_`\x02@D\xc4\x1f\xd3\x0b3\xce\xfdH\xcb\xbbe|%\xe2\x8b\xc9\xe7[\xa2Ig\xc3y&amp;\x80Y(\xb7\x1f\xf2\x02B\x08&lt;\xc5\xe9h\x82\xd5X\xe8\xeaB\xfc\xf8\xb2Q\x16\x99i\xea)^)s\x02[nJ\x94-\xe7+toi\x03\x7f\xbb&amp;\xa1\xc2\xb7\x03Y\xd8(IX\x93\xc7j\xbd\x08\xf0\xb0\xdad\xf3\xe2\xe2\xca\xa1C\xe3\x8a\xa3/\x11c\x1e\x85S\xb4\xe7V\xc2&gt;\x92K\x9f\xd2\x18\xb6\xff\xdc\xf2!M\xda^\xb1\xbf({\xcd\x05\x94\x17\xbb\x03sCE\xcbr\xdeDd\xa7\xc3l\x84p4\x19\xbe|\xf3\xb7\xddZI\xb6\x05\x1f\\kK9\x01\xe8\x8d\x8arf\x1f\x9aP2}&gt;\xbb\xe1\xec\x00\x00 \x00IDAT{\xd2\xfb\xe5\xdd\xaaXMRX\x88f\xf7\xf2]\xdf\x16vvyJF\x17\xc0\x16I4\xf4\xbeNj\xa7\xb6]\x1c${[\xa3udV\xa8\x95\xb1\xe15\xce\xdeP&lt;X\xf1b5\xf1\x8e\x93\xb9t&gt;%/;s\xb6\tl\x9b\x10\x11\xf1=\xab\xed*}%S\x86L\x12z\xff68\xda\xbcbs\xfc\x01\x00\xafVW\xa2\x85&lt;u\xb1\x9ad\xc7{\xd1\xed\n1\xb1\x96\xdd\x8b_\x11\x00\xff\x07@\xfc\x82\xfd\xd6\xb0\x1d&amp;m\x1f!4\xc0\xba\xa7\xfb3RE\x9cZ~\xbeA8\xcb#j\x88\x18B\xf8C\x80w\x9eDm\xf9P\xbc,\xf3\x0coK\xcb\x91\xdbM!\xe3R\xa0I\xf4\xb5\xb5\x8d\xacY\x16\xd8b%hxZ\x15Q{\xc3"".\x82\xc4@\x91&gt;\x0f\x0c\x00\x00\x7f\x01pGV\xd8\x8cr\xa67\x12y\x1e\xf9\xccu\xc64\x91|oW\xd1(\xeb\x9bD\xa5\xa2(&lt;\xec\xac\\_\xcd$\x84W\x01\xdcc)\'\x88T\x0e\xa8\x0eX\x88X\xecg\x84\xf5\xda\xc6\x03xHz&gt;9\xce\xf26\xd0\xa5GX\xef\xdf1\xabb\xfaj\xcc\x9d\x82\xb9\x87\xa4\\\xc4Q\x08\x04;\xc7\\\x00\xc4\x97Z\t"\xca\x1e\xd6F\xe0\xa9\xd6Y\x84b}\xf7aEY\xbbl\xf8O2\xd9b\x00\xba{\xff\xedo\xact\xc7\xbdLAyul\xdf\xcb\xf4WX\x05\xec\x1f\xfdF\x1bH\x18\x84\x00\xf0\x85\xfbG\xaa\xcf\xf4e\xaeF\xca\xac\xf8\xb8d\x169\t\x15g\xbb\x12\x04\xb8\x07l\x82}m&amp;y$&gt;\r\xb5\x96\xb6D9D\xae\xa7*\xc5\x08\xeb\xb0\xfd\xa5w\x11\xf1Iv\xae\x02n\xa2\xf7\xbf]\x80\xe4\rV\xe6*$7\xbdR\xe0\x8b\x1d7-d\xb4\xed\x89\x88\xa6\xb6\xa2\xe4J\xe9\xf2\xd6H\xabF3\xa3\x9c\xad\xc7-\xebt\xa9#\xd2\x02s\x16\xfb9\xe5\xb1D\xa5h?\xa9\x9e{\x89oP_\xe5\x96T)(PR\x0c\xe5\xa9\xcal\x05\xcb=\x91\xf9\xe2"9\xae\x86V?&gt;n\xc1_\xaf\xb2\xd0\xc9\xce\xda\x1db\xdf6\xcc\xba\xda\xf1\xb1z\xf4\x80\xc7\'\x03\xe2\x1d\xb2~\xb1L\x00&lt;\xb5X7\xb9\xd2\xac\x87zW\xb6\xcb\xa7\x97)i\x8dN\x00\xc3]\xc6N\x00\xd6\xba\x83\xbc\x15\xca+\xde\xe60\x0e\x94\xd7PC|*:\x1cM\x13@\x1c\x16\xba)?\xaf\xb7\xe7\xec#\xa4\xc3%\x99\xc8\x12I(#c\xdd\xb2$\x1e?\x01\xac\x8c\n\xb7\x95\xf9W)J\x95\xa4M&lt;W\xab\xf3\xaa\xf5N\xee\xfd\x1b\x0bkL\x01\xfeq*C\xf3\x92\xcb \xd2\x11\xc8\x94|\x1c\x7fc\xe3\x90[Y\xb61\x9a\x11?9N\x84\xaa- ~\x15\x9b\xe4\xb1\x9b\xb5\xdd^XYP\xbd\xd5\xb3\x05\xd2b\xbf\x88\xf0Mca\xcb\xdc\x01S8\x94dVc\x19\xcd\xf2}\xd7\x98\x00\x92\x1b\xa4\xf8\x83$\x82\xba\xfc?\xc7]T\xaa\x0cbP\xf3\xd5j\xb8\xa9\xc8\xc2e\x15\xe5\x97\x86\xa5:\xf7\x1b\xfcoq\x8c\xab\x9eI\x89\xc8\xf4\x07\x13\xbb\x91\xa6]\xb6\xa50\r\xbd\xd7+\xc5\x99\xbc\x06\x9a\xbd\xf2\x0c"O\xb8O&amp;\xde\xe4p\x89H\xe6\xf9\x8c\xf5\xbf\x15yl\x94%\x16\xf9]\xee\xca\xdbK\xac7\xfe\xcd+`s\xf9V\x1c\xed(\xc9\x04\xf0\x8e\x06a\xa6\xedX\xec\xaa\x16h\xe8,\x06\x93H\x97\xc4YN\x01e\xc84k\xefN\xdc"\xf9\xd4\xcd#\xe2\xcf@\x92-\x81\xf5\xeb\x1c\xf3m\xf8a\x90\xb0\xfdr\xcd~\x18!\x90\xdf\x05\xe90\xdcr\xf1r\xb9\x13\t\xc5\xa2i\xa2G`Z\xa1\xfc\x80\xf3\xca\x1f\x00\xe3\\z\x0f\x95\xfc\x0b\x96\x7f\xcc\xb9\xb2\xf5\x0c\x8e\xa5t"\x98V\x85m\xe1\xabUj\x00\x00\xf8AmB\xd4\xdc\xa2=g\x98\x91\x94~\x07;)90O\x10\xd2\x7fT/\x1c\x92\xd3b\xa5\xe2;\xa2=\xfe\x04\xadZe7BG\x13\xec\xe1^\xb5\xbaN6\x16\xc8.]\xab\xc7\x86\x9a\r\x80\xff\x81|\x9e%\x92\xb9\xd8\xae\xcc\xc6\x95\x87q4\x1au\xc3\xf6\xb2V\x9e\x0b\xe2z{\xc0\x8a\xe72\xd2Z\xebR\x1fm7\x16\x8bZ\xd8\xebz\xbc=d\xaf- \xdd\xf4\xb3\xa3\xa485\xf4\xc9\x9f\x19\x8f\xa4\xcfA\x81/\x83\x13\x1d^eU\xd6\xf4C}\xf1\xe1\x1aZK!\xbb\xde\xba\xc6\xc3a\x18\x7f\x0e0\x11\xef\x8c\xcf\xa9)X\xec?\x13\xda\xae\xd5\xa4\xedryZ\x8c\x7fTM\x1dl\xb9x[\x1dZ\x00\x11\xe9\xef6\x1e\xdd\r\xd5\x16\xd9)\xe8\xd5y\xcd\x08O\x1a\xc2\xaa\n\x00\xc8\x07\x11,\n\x0b\xe47,1&gt;8\x16\x94\xc7\xfa\x06\xb1g\xbcB\x80\x81g\xc4X=\xfc\xdf!&lt;l\xb9\xfe\xa0\x10\xfe\x93\x99H\x08@\x9e\xf9\xca\x86@\x92T\xb8\t\xa3\xf9,\xbf\t&lt;&gt;]*?]\x9b\xb8{\xd8\xd7uW\xe9\xa0\xddD\xd6\xc1v\xac(8\xf0\x80"\xd6\x86\\\xf1\xe8h\x1b\xe3\x10B\xd4\x86\x96\'Y\x1c\xb4 J\xb3\xe5\xacso(\xdc\xdcuB\xb6\xbe\x0eZTg\xffa\xdb\xd6\t\x83}\xda\x0c\x10\xf6\x9f\xde^\x9fj\x0b\x88\xc8\xff\x8cwA\xb9\xebg\xa57\x03\x1b\xe8\x1c\xea\x90\xb3\xe8\xa4C\xa6\xad\xfd\xe4;\n\xdfF\xc6\xde\xa5p\xd2=\x00\x1d4\x95\x8f\xf88={\xc3\xfc\xf6\xfaAb\x15(\x9d#\xc6|\xfd\xe2\xfbb\xc8\xd9@\xb3%\xcd\xb2\x1d\xa0\xb0W\xa1\xb0\x8c\x8e\xc1\x99K\xafL\xe7G\xf6\xf1\xd7]\x9fD\xa0D8fu\xb2TAZ8{\xc0v|\t\xafS\xe0\x9e\xfbnF\xeb\x13\xdavv\xea\xab\x1a\x86E\xd9I\xd9tLw\xc8\xba\xb0MUk\x80\x18\xb5\xc0\x18O\x85N(\x9b\x1a\x86\x87\xc0uq\x96\x15@h\xeaaD\xa45\x96\x7foB7\xd0\xc0\x8d\x98\xff?\xb6\xd4m&lt;\x00\xb2\xf2\x1bY8\xd7\xe4\x19\xa2\xbcd]\xb6\x8d;\x1e\xd5\x15D9\x80\xf7\xe0\xb4\xe4\xb8\xde\'\x0b\xf9\x06y7"-\xad\xc6(\x92\x8cs\x99me\x99\x156\xb3M\xcb}\x00\xc0/t\x13\xaeur\x97\xef\xcf4?k\x08\x9c\xab\xb3n1p\xbb4y\xd7\xd3\xcbzI\x89\xc5t\xb1\xbb\x81\\\x9c\xb8\xef,Y(\\\xaf=\xca\x96\xaf\xb1?\xa6\xec\x94u\x9c\xfc\xb3\x14\xc3G\n\xd7\xa5\x10\x98c\xd1d\x99\x97\x01+\x0c&amp;\x02W\xaa\x97\x05\xbb\x1b\xd80lkjo\xfe\x11\xbb#q\xc2~\xbfa@\xd9; yT2\x1b\xfc&amp;\xb2z\x81\xe3{\x0ek\x07\x84\xa3\x0c\xff\xe08!\xba\x90\x89\xad(j\\\x87M\xdd@\xfd\xd7\x07\xce&amp;\xde\x81\x8e9\xe92\xc8\xe6lL\xaf[dM\xa7\n\xdc/\xf6\xc9\xa32l0\x80\xe77\x1f?S\xbe\x0eB\xf1]\x8e\x06\xa0\xfcT\xd4\x11\x03\x0c\xb7|\xfc\xf1\x13@m\x8c\xc9\xcd\xea\x90\xac{p\x8e`Scz\xb1E\xb1\xad\xbd\xd0d\t\xca\xdae\n\x12\xd3\xfc\x82z\xf9\xcb\x00\xd3\xa7[3u\xd9\x15\x98\r\xbd\x91!\xa3\xd4\x9bB\x9f\xa7\x1c\x07\xfbFu\x92\x03\xc1\xe5Q\xb5y&gt;\xe9\xf6\x86\xaeE\xc4\xbbT\xcb4\xf0\x8a\xffm\x067NSdT\x93Y\xba\xdfaX\x88\x88\x8fcF,+\xd8D\xb0\xac\xa4+{\x1c\xfai\xc9\xe478\xf2\x97\x8a\xad~\xad\x8fWA\xea,+\x808\xfdga\xe9\x88l\xb99u\xd3Q\x07\xda8}\x8do:\x1d"\xfe\x1fe\xb1\x7f\x95V\xa9\xd3&lt;E\x87\xdf\x12PF\xfeq\xca-\xba\xf0:\x9d\x88\xc2\x03\x99M\x02a\xfa\xd92X\xa5[\xddJ\xc8(\t+\xb98\x02\x15\xbc\xaa\x85)\xef\xda\xb0x9\x04"&lt;\xb9\x90D\xd2\xbc]\x80\x82`-\x8e\x19\xcb:\xd6\x1dS\x867\xf2\xf6\xd0\xc6T@\x87\xfcM,\xf4\xf2M\xf4\xbf*[a\x18\x04h\x12\xb8I\x18G\x8e\xea\x989\x8e\xe9t\xbbn"p\x84\xf5X\x9aE\xfd&amp;\x00|"\xbd5\xc0qT\xc8&gt;\xd6\xc5\xbcBY\xac\x9f\xe5\xe5\x88H\xb9Q\x15\xb1\tz;,\xed\xb5\xd0\xa9PN\xe9\x0f\xda\xf6\xa4\xbe\xe2(\xf3\xc4M\x15\xed\xf8V\xc3b\xbaU\x842\xad\xe4\xb8a\x10\x8co\xb43\x9b(\xb4z\x19\x03wS\xa3\xa4\xbb}\xd9\xb0&gt;\xd5!\xfe\xeb\xf9\xca/\xa5z\xf5\xfe\xb5\x89\xce&amp;\xd1/-\x15m\xa17\xe0\x9f\x98\xb6m\xf0\xdbri\t\x9d-\x87\x83\xb8g)k\x14\xa7k\xf2P\xe2y\x92\xea0\xc9#\xbbH\xfc\x9fO\xa7^\xf2Z&gt;\x1c\xd3\x96)8\xd7\xb9V\xbc\x9e@K\xd0\x98\\\x1a&gt;&lt;\x1c{]}\xb2\xa6^\x86\x14n;\x89\xcc\xfa+\xe6\x11\xff\xe4YF\xf2\xe0\r\xa2Q0\xab&lt;2\xcdr\x84\xcc}|aa\xddJ\xb3\xb4\x8a\xf8\xf4\xb2Dj\xab\x12\x96C\xf3S\x9a\x91+G\xa5\xd9dQ#h\xb2F\xd4\xfb\xfd\x91\x01~\x91q\x91G4A\x92d*\x0b\x88cj}\r\xc1\xd9\\\xed\x86\x13Ie\xf188iD)\xf4g\xfa\xbb\xcd\x0ej\xce\xe2X{,\xcd1\xbd\x8b\xe3\xecu\xfb\xa6w7\xf7\xc4p\xc4\xc2\xd5\x0e\xc9\xc4\x89\x01f\x8b\x8f\xc9\xa3\xfc\xc6\xf6\xf4Y\xd5Ja\xcc\x11g~\xca\xae\x9c\x8bM\x00v$\xc2\xb3o"\xda\xd5\x15\x00\xb6\xaf\xb6\x06PEm\xa6\xde\xd9\xf4V7\xbdp\xcbx\x1dm\xc6sq\xa6WAlz\xfb\xfaJ1\xeb\x82\xaac\xd15\xd5\xfb#l\x0f\x9f+\x85V\xbe\xb3\xb8rX\x9e\xb6U\xdf\x040\xb4&gt;E\xac&lt;R\xbf{\xff\x8f\xdcE\xeag\xd7[\x91y\x90_a!5\xca\xe2\xfdW~\xbc\xef&amp;d6^\xf2\xdd\x88)\x9691\r\x81\xf8\xe5\x16j\xefR6\xbfH\xef,v\xb9\xbd\xaaa\x1b0\xb5\x06#\xfe\x1b\xdc\xe7\x8cH\xaa2\xe0t\xb4y\xff\xd5B\x92M\x9ar\xad\xd6)\x8a\x83\xc5+\xb6|\xa8\x02\xe94\xc8\xc5\xb0fl\xa7\n\x80\r\x13_#\xe5\xfa/m\x08\x15\xbbv\x08@\xeeAc\xfe7\xdb,9B+l&gt;\xdahT\xb1\x84R\x9e\xdd_\xc1\xf4._\xd1\xa2\x1c\xb5\xae"y\x13\x9a\xac\xbb\xe8/DD|\x87V\x8e9\xcd\xb8\x7f \x8a\xc7M\xa5\xadP\x9a\x19UP\x96\xf8\xb1Q\xb6\x0e\x01\x16\xa3\xa3{/\x97\x9f\x01\xec\xce\x82\xa9+\xf8\xfaNr\x03\xd0\x07\x0f\xb6\xff\x84HI\xbf\xa0ime\xe9P\xa0kB\x12\xe9+\xa8\xf9\x14\xae\x06_\xa0\xbc^-\x03\x86f\xea|\x99\xf2]s\x03&gt;\xb4+\x02\xe8\r\x8c\xb6J\xbf\xd3R\xd8lN\xe4~\xd9\xbf\n\x05\xc4e\x0b\xdfqb\x08\xafu9\x04\xd8\xbb\xfe@\xee\xc4NQ\x06\xf1\xbdW.*\xa9\xe8\xa7\x9a\xc5`\xe8\x08\x04\xfa\xe9\xe6\xf4\xe9\x95^\xef\x90K\xfb\x9a\x01\xb9\xa8l\x02Lu\xc59\xd2\xd8\xc6\x11\x05\x1b\xb5\xd8\xd2\xaci\xe8\xe3\xd3$d\xd4|G\xc3\xf0\xb7T\x8f?5\x8dv\x06\xdc\x80\x14\xd5\xd2\x93\xf9\xd9\x15\x88\xa6\x14\xa0\xe7\xb5\xde\xa7Cis\xc9\xeb\xf2\x07\x8f\xaf\xb4+(\x97\'\xa5@\xe9\xeb[\xdc\xe2]\xae:\xde\t\xe0M\x9d/\xe9\xccD\xc5\x81\xcdm\x8b\xd3\xd0\xb6\x01\xb8q\x85\xc5\xa6.\xf9l\xca\x15/-\x02\xa8\xef\x8e\xb2\xba\x95\xcaD\\x\x10a\x8ba\xaf\xd2\xde\x02\xe3\xfcd8\xd3&amp;\xb0\x8a&lt;Z\xd9\xcd\xf7\x90\xe5\xff,j\x19e\xf1\x96\\\'\xd6\x95\xca\xb0\x91fP\xbfZ\x10\xe2k\xd4\xb9\xedc\xfa\xd6\xe5\x92{\x0c\x94\xaa\xde?g\xfa&amp;5\xe7jDt\x16B\xb3\xa7\xf4/\xfeg\xf1\x96E\xdb\xd9|\x1acUD\xc4\xff\xce\xb1C\x92\xf1\xae\xc9\xdf\xf2\xf6\xff\xb5\xcc\xdf\x19{\xb3\xf7\x85V\x12\x83Y\xc7\xa8\xc4[,\x8c\xbf\xe5\x81\x05\x1e\x1a\xafOu\xd9\x87\x1a\xb1\xb2~\xa4\xad\xc8\x9bZ%{\xf4\xa8\xab\xb1.\xd9\xef;\x19r\xdd\xa7p\xda\xde\x939:_\xf6\xe2\xbd\x12\x91d\x99\xf7\t@W2S\xac\xa5kh\x91\xb2x\x9a\xfb\xaa\x13nd\xaeH\x05\x00\xc9V\xd3\xa0\xfd4)\xa6H\xd65\xef\x04\xf4\x88\xb7\x19\xcc\xc2\xb0\xaf\xbd&gt;g\\\x13\xc4n\x0eft0\x8f\xcc\xee\x91\r\x9f\x1bGz\x93\xcc\xf6\xf9\xd2\xe2 \xd8\x02M\xf2\xfc\x89L\xb0\xaf#\xf4\xca\xac\xa8U^E\x8f\xb4\xd4\xaa\x89\x04\xa9\r\xe8du\xde\xac9\x95e\xd8ZM\xfa\xa6"\xb0j\xf9\xd8B\x12\xfcGmS\x85\xc4\xb7\xb5|\xc9E\xe2\xbb\\\xff\x9e*\xc1\xe2\xe2\xeb\xd6[\xf0\xb9M\xc29(N2\xbf\xb6ZX3}\x83\x7f\xb4\x0f\x12DD\xfc\xbc\x06\xeev\xca\xbfo\xf2\xc5\xd9\xed\xf1\xa02V\xad\xee\xa0\xca\xc3x\x0b\xf4\xe4\xba\xe5\xc5\x9aT\x9d\x8b\x00Hc\xedZ\xd9\\N]\x03\x0c#\xbd\xb3\x0c\xechu\xc4\xdf\x92\xaa\xd3\x92\x92&gt;v\xa5\xc9\x8ct\x95p=\xa8\x95/+Z;\xc9\x1e\n\xec\xe5\xff\x97\xa4\xf9\xdc\xca\xf5$&gt;\xedf`\xd7\xe3\xb5%\x19\x84E\xfe\xaaIV\x073te\xab\xda\xc6\x1f\xcdJ\xc9\xf9+J\xa8\x89\xb8\xcc\xb4.?\x08\xcd\xd7\xf5\x86\x00\x88o</t>
        </is>
      </c>
      <c r="E324" t="inlineStr">
        <is>
          <t>&lt;class 'numpy.ndarray'&gt;</t>
        </is>
      </c>
    </row>
    <row r="325">
      <c r="A325" s="1" t="n">
        <v>323</v>
      </c>
      <c r="B325" t="inlineStr">
        <is>
          <t>steps_per_sec</t>
        </is>
      </c>
      <c r="C325" t="n">
        <v>4700</v>
      </c>
      <c r="D325" t="inlineStr">
        <is>
          <t>10.064463</t>
        </is>
      </c>
      <c r="E325" t="inlineStr">
        <is>
          <t>&lt;class 'numpy.ndarray'&gt;</t>
        </is>
      </c>
    </row>
    <row r="326">
      <c r="A326" s="1" t="n">
        <v>324</v>
      </c>
      <c r="B326" t="inlineStr">
        <is>
          <t>Loss/object_center</t>
        </is>
      </c>
      <c r="C326" t="n">
        <v>4700</v>
      </c>
      <c r="D326" t="inlineStr">
        <is>
          <t>0.2549981</t>
        </is>
      </c>
      <c r="E326" t="inlineStr">
        <is>
          <t>&lt;class 'numpy.ndarray'&gt;</t>
        </is>
      </c>
    </row>
    <row r="327">
      <c r="A327" s="1" t="n">
        <v>325</v>
      </c>
      <c r="B327" t="inlineStr">
        <is>
          <t>Loss/box/scale</t>
        </is>
      </c>
      <c r="C327" t="n">
        <v>4700</v>
      </c>
      <c r="D327" t="inlineStr">
        <is>
          <t>0.10696405</t>
        </is>
      </c>
      <c r="E327" t="inlineStr">
        <is>
          <t>&lt;class 'numpy.ndarray'&gt;</t>
        </is>
      </c>
    </row>
    <row r="328">
      <c r="A328" s="1" t="n">
        <v>326</v>
      </c>
      <c r="B328" t="inlineStr">
        <is>
          <t>Loss/box/offset</t>
        </is>
      </c>
      <c r="C328" t="n">
        <v>4700</v>
      </c>
      <c r="D328" t="inlineStr">
        <is>
          <t>0.22260275</t>
        </is>
      </c>
      <c r="E328" t="inlineStr">
        <is>
          <t>&lt;class 'numpy.ndarray'&gt;</t>
        </is>
      </c>
    </row>
    <row r="329">
      <c r="A329" s="1" t="n">
        <v>327</v>
      </c>
      <c r="B329" t="inlineStr">
        <is>
          <t>Loss/total_loss</t>
        </is>
      </c>
      <c r="C329" t="n">
        <v>4700</v>
      </c>
      <c r="D329" t="inlineStr">
        <is>
          <t>0.5845649</t>
        </is>
      </c>
      <c r="E329" t="inlineStr">
        <is>
          <t>&lt;class 'numpy.ndarray'&gt;</t>
        </is>
      </c>
    </row>
    <row r="330">
      <c r="A330" s="1" t="n">
        <v>328</v>
      </c>
      <c r="B330" t="inlineStr">
        <is>
          <t>learning_rate</t>
        </is>
      </c>
      <c r="C330" t="n">
        <v>4700</v>
      </c>
      <c r="D330" t="inlineStr">
        <is>
          <t>0.00095500005</t>
        </is>
      </c>
      <c r="E330" t="inlineStr">
        <is>
          <t>&lt;class 'numpy.ndarray'&gt;</t>
        </is>
      </c>
    </row>
    <row r="331">
      <c r="A331" s="1" t="n">
        <v>329</v>
      </c>
      <c r="B331" t="inlineStr">
        <is>
          <t>train_input_images</t>
        </is>
      </c>
      <c r="C331" t="n">
        <v>4700</v>
      </c>
      <c r="D331" t="inlineStr">
        <is>
          <t>[b'512' b'512'
 b'\x89PNG\r\n\x1a\n\x00\x00\x00\rIHDR\x00\x00\x02\x00\x00\x00\x02\x00\x08\x02\x00\x00\x00{\x1aC\xad\x00\x00 \x00IDATx\x9c\xed\x9d{\xc8~_V\xd0\xcf3\x98\x974%3\xd3\x045\xb4\x08S\xcbPLI\xc5\x94\xbc\x8cE\nf\x19\x846f\x17oM\x12\x8dRcyM\xd3H\xcc\xd0\xcc\xa2@\t\r\x9c\xa8\x86\xa6L2)\xa5P0E\xcb0S\x1c\xb1\x8bW\xa6@\x98\\\xfd\xf1\xbc\xcfy\xf6\xd9\x97\xb5\xd7Z{\xad}9g}\x98\xf9\xfe\x9e\xf7\x9c\xbd\xd7Z{\xed\xb5\xd7\xbe\x9c\xf3\xbc\xef\xb69\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8\x8e\xe3\\\x02x\x80\xdc\xd5Tw\x97y\x14\xbe\xab@\xcc8\x9at0\x0f\xb70\xba\xbd\x97\x7fm"\x1c\x8e\x96d%G\x96\xe0f\x13[\x94j\xcf4\xe1h\xcc\xc3o\xfb\x07R\x1f\xa9\xf7\xe6\x15p\x7fu\xc3\x83s\x00\xf5\xec\xd9\xd6+H\x86\x86c6\xafZ\x05I\x99l:\xce\xdeM\x85\xa7\xe9;\xaf4)\x8c+\xc2\xe7\x8c\xed1!!\xba\x10\x9b\x1d\xa7\x85\xc9\xa3hr\xf3\xce\x06q\xf1\x88\xacL\x11\xb1\xd6\x94\x16\xc5Bi\x81\x04JB\x7f\x94\xfc\xea\xaa^\xaa\x93\x9b\x0b8K\xd3o\xd4tP\xe3L\x08\xb2\xf0\x14\x88j\x17\xc2\xd38B2\x04N\x8b\\\x07\x00\x00\xbf\x02A\xc9\x8d\xbf\xa8\x17\x97t\x86p\x8e\x0e\xb2n\xc59\xbctZ\xf0C\x06\xca\xa1\xf6(8\x99\xb4Y\xd7Cc\xe9\xe4\x87~\xdcTQ\xd4k\xe1_\x153a\x8f\xcf\x86\xbb\xc8q\xc6\x10=\xc5\xdd\xf8Y\x9e{\x8a\x95\x96\xa6\x1c\xf5p\xa9&gt;0\xe8\xc6\xcc\xd9mb\xd3\x9cU\x999\xe0\x07 vG\xfbsK\x96bv\x1e\x17\xad\xcd\x07\x9cqM\xbc\xf7r\x1c\xe7\xe4\xe0Y\x87\x9b\xe5\xd3\x13\x12\xa1Y\xcbr\xb9\x06;\x8e\xb3.M\xaf\xd0X\x9ec$\x8f^\x19\xaf\xbd\x17e\xce:\'\xf9\x03:\xc7q\x06\xd0\xf8\x0e\xa5\xde\xb3\xca\xba\x9c\xe8`\xc7S\x9a\xc3\xc5c\xc6Y\x82\x9b\x96 \x00\xb8\xdd\x84\xd2Z\xea\ntm\xdb\x86\xa8\xcb\xcd\x10\xdd\xac3\x07`;M[\x1c\xc7\x19O\xfb\xda\x9c\xfb&gt;L\xa31\xd5\x97m\xd2G\xbb\x10\x9c\x0e9Y\xdc9\xa6\xb8{\x1d\x0b^1\xda\x80m\xcbmC\xc4Kn\xab\xb5z\xc7\x03(\xc7I9\xcf&amp;t\xdb6\x1f\x08\xd30\xc5\x04\x10\xd2\xfa\xf4\x95P}\x1fK\xfd\xa3\xf0d\xc38\x84\xd24\x1f\xf6\x17g\x0f\x80\xdb\xed\xe6\x1b\xea\x19\xd0\x98\x00T\x93Zc\x8adU\xa7\x176M\xdc\x9d_\x19\x1a8\xeeN&lt;\xff98\x99go_r\xf3/\xe09\x86\xb4&lt;H\xe8\x9c%}1\xe4\x9c\x9b\xec\xaf6\xf1\xe7j\xc3y\x8b\xd1\x06\xccH\xff\x85\xaa/\x8d\x9d\x13\xf3\xf2\xdd\x1a\xc5\x97\x0e\x9d\x15\t\'{\xbb\x99\xdf\xd7\x14\x8e3\x1b\xdc\xf5\xbe\x8f\xe2\x93\xe0\x1d\xe98-\x9cc\x04e\'\x80R\xd3&gt;\xd3\xbfIw)\xce\x11\xe2\x8e\xe3\x94\xf0\x13\xff+\x02?\xb4m\xe83U\x0f\x88\xa51\xfd\x1dM\xce\xc9\x9c\x19\xce\x01\'k\x9a\x93\xc7\'}\xc7qB&lt;\x1d\\\x8b\xd3O\x01\xa7n\x1c\x03w\x83\xe38\xceE\x99a\xa6\x1fn\x80\xe38$\x9e\xbfl9z1`\x841\x8e\n\xfd\xfb.\x9b\xf1\xa7\x9d\x06\x00\xbeg\xb4\t\x8e\xd3\x91i\x87\xa2s\x0e\xd6\x9a\x00\x1c\xc7\x99\x1a\x85_m\xed\xd9\xc7\xd1`\x86#5\xc7\xd1g`X\xfb\x88\xba\x08#c,\xbdR\xdb\xa6 \xc6\xf6i\x87\x8f\n\xcf\x0c\x8e\xb363\x8c\xe1\x19l\x90\xb1\xac\xe1:\xac\xdbqN\x13\xde\xf1Dd\x8e\x82#\xeaV\xcd@\xf8:\xc3Y\xdb\xe88\xe6\xf8\xe09\x19\xac_\xff\xe2\xcc\x06\xc0\xdb\x8f6\xc1Y\x01\x1f\xd2\xa7G\xd0\xc1\xfe\xfb?\x16\xc5{\xe7R(\xfcE\xb0\xd5\x7f\x97\xbd\xef\xdc\x11\xee~Y\xbb\x83\x8f\x8c}st\xfe8[}8;\xce\x13\xcf\xecC(\x1d\xfa\xef\xbf\x08\xec\xb2\xfdr\xd9\x86;s2\xdd\x1f\x85\x17\x93\x1fZ\xbe\x9c\x19\xca)\x9f\x01\xb44\xc0\xd7\xd73p\x82 \xd4\xe2&lt;\x13@vh\xf9hk\xa7q\xb4\x84\xfdr\x8e\xf4w\x866,\x82Q\xa6&gt;G\x1c\xaa\xa09\x01\xd0{\xeb\xe2\xf3\xefZ\x0b\x10\xe2h)4\xea\x16]\xf7\xb1\xe7\xd0Y%Z\x96\x1a\xd0\x074\xff(|\xb6\xb7\xee\xe3?\xba\xb5F\xafZr\xbe?\x90\x9d\xdf\x81\xdd\xb6\xd35\xd4qb\x16\x99\xa72\xa8\xed\x00\xae\xfcd\x8f\xcbm\x95\x85\x8d\x94\xbd}\xa5\x908\xbb\x03\x9c\xe98\xfe\xee\r\xcfT\x1d\x89\\\xef\xbf\xff\xf9\n@\xf2.\xd0\xb9\xbf\x0f\xec\xccF\xffH[1\xb6}!\xe6\x18\x02\x00\xdbv\xdbn\xc1)\xa9/\xfe\x1d\x11\xf3\x9f\x9a\xde\xdfq\xf6\x00w\x1c\xc9jh\xc5\x05\x943\'\x1eKD\xce\xf3\x1a\xa8\xb3:\xbetZ\x85\x9e\xe9\xd5S\xb93#\xfe\xa7cp\xce\xdd\xba\xd3\xe0\x7fRM\x9d\xab{\xef\xda\xad?\'W\x8f\xe9\xf3R\xfau\x1d\xfd\xf5j\x15V\xac\xebH\xf0\x17=\x10\x16u\r\xd1l\xf8RkC\x1c\xc7\x99\x9eE\xd3\x9c\x00\x7f\xaf\xd19\x01\x1e\xc3\x8e\tS\x85\xd5\x84Q&gt;\x9fE\x8e\xe3d\xa0d\x0f\x1f\xce1\xd7q\xc8\x84\xb3\x8b3\x1c\x8f\x8aK\xe1\xc7\x01\x8e\xe3&lt;Y4\x1f,j\xb6\xe3\xcc\xc8\xba\xc3\t\xben\xb4\x05\x8e\xe38\xb310\xa3wzK\xef];(q&amp;e\xdd%\x8b\xe3\xf0\xf0Xw\xfa0\x7f\x9c\xf9Xp\xae\xc8\xd5\xc2\xbeg{=\xa78\x8e\x13S\xca\n\x97M\x17}\x7f\xb9J7U\xce\x01\x9f\x0e\x9d\x93\xe3\x01\x9eb4\xec\xc5R\x7f\x81*\x1fS\xe0\xb9\xec\xf4\xac\xd5\xc5*\xd66\xfe\xce\x89\xb5&lt;\xa6O\xc9\x03W\xf6K\xfc\xd7o\xb4]1\xca\xb7W\xeeS\xe7\x94\x1c\xfen\x15R\xac\x83)\x0b\xe1\x89\x00\'\xfd\x93Xc\xedq\x1c:\xe0\x03\xdcqZ\x08S&gt;\x80/\x1f\x1c\xe7*\\w\xee|u\xeeb\xf8\'a/\xe5\x99p\x070\xd6\x12E\xce\xd4\x16\x87\x88w:\x05\xf7\xd2U\x00?\x10t\xec\xf1\x18s\x1c\xc7\x10_\xb38\xdd\xf0`s\x84 \xa1\xe31E\xc1\xc7\x9e:\xeeP\xc7q.\xcd?\x18m\xc0\x10&lt;\xf5\xa7\\\xcd\'Wko\x05_`:\xe7\xc0#\xd9\xa1\xe0q\xe28KR\xfd\x9e\xb3\x8fl\xc7q\xce\x83\xa7\xb4\x90\x153\xfcz\x16/\x08\xee\xe4\x97\xb7\xd8\xfb\x98\xe28\x8a4\xfd\x9e\x93\x8fP4\xc4q\xe6\xc5\x93\xbb\t\\\xb7\xae\xb8@s\x1c\xc7qb\xb8\xbfQ\xc4\xb3\xbf#\xc6"x\xe6\x0c\xc89\xadR\xe4\xf4\r\xbc\x10\xfe{\xd0\x1c\xc7Y\x1a\xcf_\x8e\xe38k#^\x89\xfa\x12\xd6\x19\x8c\x87\xa0c\xc7e\xa3K\xb1\xe1\xef\xae%\xc8aq\xd1\xc8=/\x97MF\xce6e\xef\xfb!v\x1e\xbaK\xdcy\x0e\x1d\x1flN7&lt;\xd8\xe4\xd0}\xe7S\xa8s\xc7\x83`i\xd2Q\xbct\x87^&lt;)\xbdb\xb4\x01\xce\xe5\xb8\x8d6\x80\xc5\xc5\x13D\xca\xed\x16w\xe0Z\x1d\x1a\x916G\x0b\x8f\x1c\xc7q\x9c\x19\x01\xf0\x04=%S\xf5\xcaT\xc68\x8ec\x84\x8ftg\xdb\xf6?\\&lt;\xda\x0c\xc7q&amp;\xc4\x93C\x91\xd3x\xe64\rq\x9c;\x1e\xd2N\t\xb5\x87\xc0v\xcfR\x1c\x15JY\xa0\xba\xa8\xf1\xf4q&gt;:\xf7\xa9G\xd0E\xf1\xdc\xa1\xcb\xb74K\x18\xdb#\x1e\x0f\xdd\xb8\x88\xab/\xd2\xcc%\xf1\xbe\x99\x16\xef\x9av\xb4&lt;\xe8}\xe1\x0c\xc4\xea{\x00*a=\xf9\xd8\x98\xe7y\xb1\xc0\x8eYL\xb7\xc7\xa8\xa5Z\'\x9e~v\xea,\x0c2\xb8fN13\xdb&amp;\xc0\xdf]\xea\xc6p/\x0f7\xa0\'\x1e\xd5\xce\xd4L\x12\xa0v\xe9\x7f\x92\x06:+\xe2\xc1\xe3\x14\xf1\xe0\xa0\xe3\x9e:7\xeac\xc1\x07\x97.2wz/\x90@\xdc4\xfa\x95\x95\x8f\xee\xa5\xa8\x8f\x1egR\x147p~\x188\tW\xef\x83\x13\x04\xe2\xea\xf6;8\xf3t\xafGZ;\xeeC\xc7\x11\xe2\x83g\x1b\xea\x84?6J\xf1\xb9\xf00v*p\xf7%\xc4\xc2\xf0@j\xd7D\x9c\xa3\x15\xe7\xa6\xf8\xa5n\xef&gt;\xe7\x82\x0c\x0f\xfa\x99\xb3\xbf\xc0\xaei\xdb\xb2\xd3\xd3\xc2\xe1\xde\x988\xb8\xc63\xado\xae\xdbk\xfd\xdb\xdd\xa8\x91\xf1W-\xe1S\x8clP\xa4\xfd\x17\x9d\xcf\xd3\x96\x12\xfe\xda\x8cs\xc7;\xce9 \xf9N\xac\x85\x1d\x96d\xfe&amp;\xdfc\xbd\x01\xc1y\x94ll\xb0*Z\x0c?\xe6\x19\x9d\xba\xfe\xa3\xfc\x8e)\xc6s\xd9T\\\xa4;\xfck\xe8\xe3\x81\x86n\xc0\xc34\xfd5\x03\x00\xa0\xf8\xbb\x07t\xa5M\xc8\xee\xdes7\xd3\x89h\x19\x92k\xe1\x7f\x13\xd8\x9c\xeaR"\n5\xca\xc2\x03hKu\xd9N\x80^\xe1\x1ci\x11i\xed\xbd\x81\xe7hf\x95\x8b\xacy)\\\xa2\xbf\xb7m\xd3m)\xc0v\x8d\x91\xd2\x9bp\xa1\x8d\x8e\xd2[)\x9b\xddn\xb7\xeb,j\x1c\xc7!\xa2\xb9\x03P\xcf\xfe\x17\\\x92D\r\xbe{\x00\xc9\xfe\xb7\x03y\x99/\xcb\xd8K\xfa\xd3\x11p\xf10\xb9\xd40\x99\xfb\x08\xe8z\x1b\x8a\xa8\xc1a\xea\x8f\xe3\x12I\xf9\xc7S\x8b\xb0"\xfd\x9b\r\x94b\xce\xe4H{\xf1\xd2\xbd\x7f\x91\x13\xbf;\xbaG@\'\x7f$\xc8B\xd1\x1b\x99t\\\x16\xbd\xeb\x8djy\xd7L\x8b\x9f\xce9\xa3\xd0=\x02\xba\x15\xbf\xa3H\\x6\xdb0\xcf\xd2\xc54\xe1"\xa2w\xbd\xa5\x07\x98\xfb\x0b\xa3\xce$x\xf6wF\xe1\xb1\xb7\x00\xd9\xe9\xb34\xc1\xa4\xcbI\xd8\xb6m\xe8\xe6,z\x92\xe1,\xc1\xf0\xb0yZ\x02\xe0\xd1c\x84{uv\x90\xcd\x13}P\x8cM\xc1~\xc4\xe1\xb4\xe0g\xcbvh\x1e\x01uxr\xb8\xf4\xc3Iu\xdbqo\x94\xee\xf5\xf7\xa1\x8f].C~\x93\xcc\xc4\x83\xcb#\xc8\n\xe5g\x00\x8d\x12&amp;\x0e\xc1\r\xe0\xf3\x1b%\x94\xdc#n5\xee\xf0\xc3\xbd\xa0\xa4/\xa6\xc6B\xec\xee\xb4\x97\xa27\xc1\xd4\x07K50^\xaf\xab\x8f\xcc\xedv\xf57S\xed\xf0\\05\xdc\xdf\xf4\x10U|\xbeE\xba\x8d&lt;\xcf\xed\xbc\x85?\xe5\x89\xc1\xbdQ\xfd\xbfk9\x893\'1\xe3|\xcc\xfd=\x80\xcb\x83\x07}\xe9\xf7&lt;\x1c\xd6\x89\xc1\x7fFm\xb0:\x0c\xdd\xb0iKd\nnO\x8cj\x94\x91\xde(\x12\xeb\xbf.\x85\xf0Mx\xdf$\x088\xcf\x04\x00_0\xda\x82\xfe\xa0\xdf\x05\xdb\x1eC\x02\x00\xee;\xbd%2\xe3E\x90\xf5D\xf6\\\xa8\xd9\x96\x01D\r\xa1G&amp;\xf6\xe5\xc7m\xdb\x96u\xc8(&lt;#\x8c\x07\xdf\xde\x96\x02\x1ay\rt__E\xdf\xcc0[\xcd\xf9\xf6\xdc\xa1b\xfdB\x9aG#\x8b\xf3\xec\x00\x16\xa5\x1a\xaf\xd5S\xa0\xb8\xbcHN\x0b&gt;\xde,8\xebJ\x16\xfb\xadU(\xe4\x87\xe7\x1e\x8d\x0c\x14&amp;\x80?\xde=X\xcf46\x84\xf1\x9a|\xe9\x1a &gt;\x03\xbd\xff\x06\xd0\xb1\x18\xf5\x14"4\xffP\xc4\xc2\x08\x0e\x02\x03N\x99\xc8Z\xe2\xc1\xc2!\xf0\x0e\xea"\xaf\x87\xfc\xafO\x9d\x91\xca\xbb\xf9\r\xae\xa2\xfc\xa9\xaf\xb4D\xb5\xca\x84\xbc\xfc\xb2\n\xde\x9f\x06\x83\xe8\x83\xa2%\xedB\xd6\xf2\xbfs\x1d\xd4\x8e\x80N\xb8\\\x11\xc1:\xcf!\xfe\xc5\xc1\xb4\x0c\xfe\xf2Of\x8fm\xbc\x9c\x1c\x9e\xdf\x8c\xd6\xcb*b\xc5\x87\x1e\x11\xa7\x9cEN\xd9\xa8\xcbQ\xedE\xef\xe5v\xe0H\xa5\xf0\xb1\xca\xc6_P\xcf02g\xb0\xc1\x82\xb3\xb6\x8bH\xb8]\xab\xee\x98\xb5U\xeb\xcas&amp;8`\xbd\xb3b\xd7r\xe3\x9b1\x01$4\x98\xb9\x12\xd7ii\x96\xbf1\xda\x80*\xb2\x93=S.\x1d1\xed\xc0\xe8_/\xdc\'\xc1\x19\x9d2c\x1a\x0b\xb3Z)\xad\x7fGRf\xfflg\xa4s\x02\xba\xad\x12&lt;\x10g\xc3\xe0\xc1\xfa5\xfe20h\xbcn,\x16\x92\x8e\xd5\xfc\x1fc\xb8\xdd&amp;\xf9\x8d\xbe\x02\x00\x009\x84W\xf1\xbf\x1dt\xf3&amp;o\x885\xfe\x9bb\xc72\xaf\xf3\'\x89\x8c\x81f \xa9\x81\xbeX\xd3z\xfcX\x95\xb3V"\xb3\xb6\xb6%l\x8cl\x0b\xdf\x11P\x17~J\xd6\n\xe9\xc1\xe4\xdeT\x19b\xc8\xe5\x00\xc8\x9c\xf8\xcb\xb6\xf3P\xf8|T\xe7\xfd\xfa\xa4\xe4\r\xba\x97\xba=\xa1\x19\xfb@\xa8\xddQ\xfd\xf1CT\x12=cj\xda\x9e\x18n\x98\xca\xe0\xfe\x7fG\x81\xad6\x95\xe1=\t\xb4\xb3\x83I\x9f,\xf6&amp;EYG\xb4&amp;\x80\xe1\xd1\x1e1\x9b=\x97C\xdc\x01\xdc\x8a\xde\xd3*\x0cw\xe2\xa2\xfdX\xb2\x1a\x00\xfe2\xe5eh\xaa\x16\xd2\xd7&gt;\x14\t\'\x05\x00\x80\xbf3\xcb{\xc0)sZuu,\xc2\xc5\xfbYF\xea7\x80O\xa2\xd6\xd5\xf9\xe2+\xf6\xa3\x96\x96+0\xe4\xc4\xa6\xd3\xeb@\xf6m\x02\xf8Js\x1d\xce\x1db\xd0p;\xfd|\x99b\xfe\xf6\xec\xdf \xa3\x96\xef\xfbE\x9e\xe5h\xc9\xa7\xc4/\x8a\xab\x13)\xbdz\x17:\x14.5\xd4/\xd4\xd4m\xdb.\xd6\xb9\x97"\xdb\xafaw\xaf\xd2\xf5\x95\x85H7;\x9c\x14\xc5\x18\xea\xbc#\xe6.\x87\xa7\xa2}\xfdHY\xdd\xaf\xfb\x14\xa7\xd3k\x0b]\xb4d\xf4\x8a~\xc7\xd4\xcb\xf5w\xaa\x94\x114\x8a\x15-\xf3\x04I\xc8\x94FM@\xcf\x17\xbc\x04\x13\x80\xd2\xb9\xf6\xb0\xce\x07\x80wa\x06\xdf&gt;o\xcd6\x90\x04\xf6@\x98\x8d\xc6\x99\x11\xd6\xe5\xbd\xc24[\x17\xf42)\xf3([[\xa0s9f\x0e\x82y-\xb3A\x94\xcd\xaf\xe6\xa4\xb9\xa2\x02_\x86\xef\xd7\xad\x97\x0e\xe7\x0b\x83\xb3\xb5g8\x8b\x86\x88\xae\xd9\xe1\x80&lt;\\\xff\xb8\xb4\xa4\xa2Z5\x16\xed\xc4n\xf4\xf7O\xcb\x13{\xcaK\xae\xde\xe3\xce9\x19\x1b\xd7\xf1\x04\x80\xfe(\x10\xf8\xbc&gt;\xba\xa5\xa7\xc7\xda\xbd\xcc\xe3\xa9\x1f\x17\xd7]\x85S6\xcaq\xb6\x8d\xb3U\xbf\xaf\xce\xf6\xa2\x9d\x07E\xd7\xe7\xf6\x03\x9f\xd6$\x1f6c{f\xcbn\xd5\x80,\x15\x10=\xdb\xe3\xd9\xe68\x03\x98d\x88F_)B\x8c\x9a\xc3\xdeYxm\xb3\x04\xae;\xffJ\xa3:\xd9\xef\x80j\xdeS\xf6g\x01\x13\x9d,\xe2w\xc8\xae\x86\xe2\xb0LD\x99\xafLg\xeb\xb2\xd9\xec\xb9&amp;\xddzA\xe5\x81\x84\xc7\x8c\x15\xb2\xee\xb9B\x7f\xac\xf8\x1d\x9c\x9d(\xef/g\xff\x10\xdcKD\xdcM\x0b`\xfd&amp;\x80\x8f\x96iIW\xfd\xfd_\x0b\x990&lt;v\xb7\x94,\x93\xad\x84&amp;l\xe9\x0c\xa88\xc5=\xdb\xc4T\xa1I7f*\xb3\x07"&gt;wJ\x1e3\x80,OyG\xa8\x90u\xa2\xf2k\xca\xa8\n\xea\xeb\t4\x8b\x86\x04\x12\xb7-\x97\xe6\x9a\xab\x12\xbb&amp;\xf7\x0c\xbe\xe8\xdc\x06\xe0?\xc9\x84\xa8L\x00\x97\xe2\xa7\x1f\x1f\x1a\x1dU}\xf7\xa6t]P\xf1\'\xf1\x97yjvfW\x18\xd5\xcdb\xfa\x10\xcbq\xc6c\x17\x87\xf7\x81"\x1b\xd8D\xf9\x07]\x1a\xcb%O\xf7\x8a(:\x93%\n^\xfe\xc0\\\xa5ba\x02\x90[R\r\xf5I\xa2k\x1eK\xce\xc3l&gt;\x9d\xca\x18#\x8c\xda\xd8\xdfu\xf8\x1bMg\xea\xc8n{\xc1\xc7\xbf\xfa\xdfl/\xee\x1b\x94\x14]a\xe4\xae\n\xe74\xd9@;\xab\xf0\xd00\xd2U\x1e\x9d\xc9h\x8a\x9e\x9b\x0eM\xfd:{\x152\x90\xb6?\x92{l{)5cZ\xd8_\xdd*\x9cD\xb5K\x08v-\xdd\xb8\xd4h2\xc1=8\'\xf7^\x99\xb3w\xe6\xb4\x8aE\xf1u \x91\x1c\xd3CH\xa2\rd\x81b[\x9a8A\xcc,\x80\xda&amp;NE\x8a\xd3\x80\x0f\x18kL=\x9c\n\xef\xff&gt;.\xce{\xa8J\x134,&lt;\xe9\xea\xa9\xd7\xd1g\xaa\xc8\xee\xcc\x95\xdbn\x04\xb4\r\xec\xd9z\x84\x9b\xe9\x04\x07A\x02\x81b\xb1=\x9e\x82X+8=\xd6\x1e\x8c\xe4_\xedh;\x04\xbe\xd9@\xa6\xc8\x9d\x17\xed\x00&gt;\xee\xa8\x08\xe2\x14Uy\x1a\xa1i\x91c\x80\xf7\xd0N\xb7\xe9\xea\xac&gt;g\xacg\x8fU&amp;Y(\x00\xbc\xffh\x13\x9e\x0c_&gt;\x11\xd57\xae\xf3\x80S\x7f\x928Y\x03\xf8\xee\xd1\x168e\xae\xbc=\nit\x81\xc9ki\xb3\xf6K\xfb\xbb:\x0f9M\xeaR\xed\xc7o\xaep\x8d\x99\xd4\xdbg\x03\x02\xb2w\xf3\xb5\x8c\xad\x9a\x9f\xe7Z\xf5\xd7\x19\x08\x9f#\xfa\xd7}\xd7{\x12\x07\x0e!l\xb9\x8a\x1fdO\xa4\xb3)\xa5\xdd\x1a\xd2\x9bN\xa7\xee\xfd\x9b\xa2\xac\xc8S\xb7\xdb-\xbd\x15^tv\x00\x80\xee\x19\xd0\xed6\'`u\xdf\x0e\x1fhw\x03p\xedi\xb4S\xdc\x0e\x00C\x9a\xc5\x1a\x9b\x0e\x89\xa6\xe3&lt;\r\xed\x16\xb3\xfa\xe4o\x8f\x9c{!\xb3s\xa6f\xf2O]$o\xfb\xec/&gt;\xb5/\x87\x89#K6\x00\xcb\xdf\x02S\xee\xf1H`\xf8UJn\xdd\xab0\xdb\x8b\xc6\x08v\xc7\xe2\xabx \xcb\xc2\xa6;L\xaaC\xc0z}\x06\x1a\xc30\xcc\xcb\x8aC/\x15\xb4\xf4\xb8&gt;9\xf3\xf7\xcd\xfc\x16Z`\xf4\xe6\xb8\xae"\x0b9\xd62\xfb\x80\x9f\xfb\xeb&lt;\t \xbf\xfc\xa3XL\x86O\t\x15\x06\xbej2IO f\xa8\x18h\xb7\xad\xbe\x14\xf0\x11\xe5[\x81\xf7LW\xc7\xfd\xbbI]YV \xdd\x81\xf42\xc3Y\xc2\xc8\xf1\xd0g\xe9\x85\xd6Y\xde\xf5\xd6\x94&lt;\xcc\xedP\xebM\x80n\x80M\x95SN\x93\xa9\xe9\xb064\'k\xbb\x15\x16\x87q\xc3\x1d\xef}O\xa7\x8f\xafN\xd6#\x9d\x9c\x86\xdf\xfd\xe1\x0e&amp;t\x02w\'kw\xc2Q\xea\xdb\xee#%\x8f\xb8\x9b\xa6\xe2:\xbd1\xaa\xa1*o\xcb\x88U\x97\x84\x7f\x90\x91\xca\x11\x10\x1fe\xbf\xfc\xdb1Y_=\xd7M5+\xceb\x07\rk\xbf)J\x17\x9bj\x9f\xfb\x8cdS\r \x941\x7f\x8ej\xfbPt\x9c\x87\xe9\xed\n\xb3\xbf\x96Lg\x19\xe8cc\x86\xee\xefc\xc3+i\xc5\xc6\xbb#\x07\xd1\xaa\t:\xf3\xc9\x0c\xa1\xe5\x88\xf1\xee[\x15\xee\x97\x12\xfa\xf74}y\xe28*\x8cz\xb4\xce\xd5\xd2\xf4\x92\x15\xbf*R%\xfb\xd8\x80\xfc\xc2\xcbo`\x9brJ.\xfezh\t\xd9\x04\x10\x95\xb6&gt;Fx)\xf0\xaffw\xa6\x8c\xd9\x1a\xb5\xb4=Z\xa6\x0f9=\x06\xf8xQ\xad\xd1\xa7\x8d\x93\x03\x0fF\x1brZ\x88\x0f\xdb+oG(\x1aT\xb6A\xcc\xb7i\x08\x99!\x08K#a\x06\xdbJ$\x87\xa5oG\xadh`\xccpt7+\xe7gx\xf6g)?G_\xc2\xb6\xc1wJ\xeb\xda=\x985\x92\xeb\xd0\xa8o\xf2\x80\xf4\x9d\x8cI\xfa\xb1\xba\xee\xb1\xcb&lt;\xe7\xc8\x12N+g\x8a\x03\xe2k\x12F-&gt;\x93\'\x1d.\x8d\xafcD\xc5;\xc4Ri\xa6\xf40\xbe\x1c\xa7\xe9q\xab\xb5\xd2\xbb\x8c\xd4\x9eQ\xf4a\x1aB\xa6\xe9\xf5I,a\xbc\x94\xb9m\xf0e\x99\x8bSA~\xc0\x9b/\xe6ov\xbc\xa0\xe5\x02\xe57\x04\x92\x0f}`\xa9\x1b\xf0\x04\xccN\xf2L#\xa1\xdd\x16\xee\xabe&lt;\xe1\xda\x92\xad\xbflqTd\xa4\xa7\xa8\xd4\x99\x8e\xb0s(\xc1\'\x0bP\xa5\xf7^&lt;\x98z\x83&lt;\x02\xb5\xee\x0bE\xf9k\x85M\xe3z\xf6\x9aT\xde\x98p_\x95\xd8_\x10\xb8\xa7\xd7\xf0\x15\xda\xec \x1f\xf8\x88\xf8c\x87h-\xf0{\xfa\xaak\xf49\xe5\xa5i\xbe\xcc5\x06U\xcf\x88UY\xa3\x8cr\xec*\x1d\xeaXA\x99\x006\xb3@\xf9_\x842,\xd5\x8c\x83\xceS\x87&gt;\x9e\x01\x8f\xc7\x02\x866&lt;?[)\xa9\xab&gt;\x87\xba&gt;-\xba\x07\xcd\x99\x07\x86\x9320\x15\xc2\xdf&amp;\x94\x99\xfb{\xc2s\xd2\xb2\x04F\xd6\x01&lt;9-u\x07|\xc3(\xf8\\-\x1c\xd75&gt;\x193\x95\xeel\xdbv5\'\xd3#X\xf7\xe9\xae.\x16\x96\x00\x00\xc07\x15n\xa9k\xb3\x02\xb7\xb4zx\xba?Dm&gt;\x86Z\xc7e\x0f\x8e\x1b\xe2\xcc\xad\xea\x88\xd0js\xcf\xbdx\xe7\x87|\x13\xc6\xc5\x8a\xb1*\x87\xb8\xc4\xb3~\x06\xdb(\xdah\x02\x90V\xcc]l\xb2E`\x83\xca\x83\xf7Cl\xe02\xb9\n\x07&gt;O\xe2\x12\xa5{\xd6X(=E\'^lg\x88\x8b\xb9\xfe\xd15r\x8d\xa8Z\x08\xad\xa3\x80\x9e\xccf\xedl\xf6\xa8Sm\xe0\xc8\x03F\x85g\xb3\xf2\x9dP:\x89j=\xd5/I)MQ\xd3\x06\xa1\xaea\x8d\xc2\xa6\xf5\x92&amp;\x9d7z\xa7D\xcb\x1f2\xc7zo\xd09G\xe8\xee\xcb\xb0`/\xf2#\xc3M\xb2\x92\xec\x11n\xca\xcbJ\xe4\xfey\xdb\xb6m\xfb\xec\xfd\x96\xc6\x16\xb5\xe7\x90[wx\xb7X\xfe\x13\x8avl\xdb\xf68\xf1\x9f\r\x0f\xa4;\xddv\xe1\x8f=\n\xb5\xf0\xccNs0\xe0\xf8a\xefK\xf8\xa8No\xb3\xd5\x9eO\x9e!\xb0\x00&gt;\x07\xbd;r\xfc\xa4\xcf\xffe\xf6P^\x1c\x80\x0f\xe4J\xbdW\x97\xd4\x12)\xe2\x9d\xccL\x18\x9a\xb5\'4\xf9%\x1d\xc0\xb7\x10\xe5\xe0\xd7K\xab\xc6y\x98\xdc\xbc\x01\xa4\xa3\xbd4\xfe\xef\xbbNu\xff\xa9L\x00\x93\xf4j\xb7\xf0\xa2\xa8\x99\xc4\'[\xb8\xaa\xe8\xf6\xf6\xba\xf0&lt;\x8dQ\xb5S[\x92\xe6\xbc\x93\xae\xfcc\x9b\xc3\x0f\xe1\xf1@h\x0f&amp;m\xa6\xa8K\xf1\xec\x9fgf\xbf\xa4\xb6\xa5\x8f\xb6\xa2\x112\xb69\xb5%X\xbdL\x073\xfa\xeb\xed\xf9\xb4\xa9\xb1\xed\x8a\xfb\xb1\x96\xbd\xddc\xca\xfcY\xa3\x8e\x84 \xfb\x97v\x066\x9a\'\xe5{F\x1b0)K\xc4A\xf6\x05m\xa7\x91\x81y\xa1z\x12\x85l)\xda\x8f\xd4\xb2\x8b\xe2\xce k\x1a\xc5\xa9\xd1\xe2\xd0\xc6z\xb7W\x8d\x8d\xc8\x12\xa7\x08@}\xb4T\x9d8\xd0\xcbc\xbb\xd7N{\xe9\xef7q7:\xd7\x1c\x00\x8a\x13\xc0\xfd?\x8dN|\x88j\x95P\xfa\xb1R\x17\x91\xf3\x15E-#\x07\xf5\xc4\t\xe7lL\xe5\xca\xa9\x8cA\xb0X\x1b\x12\xb3\xb9L#\xb6\x8e\x16\x88k\xd3\x18\xf2\xfb\xcd\xb4\xb7w\r/\xc9\xb6-\xa1\x04\xd0e\x1e\xd2zt\xabA\xbe\xcaY_\xb6\xa8\xd1\xb0\x92y\xec\x12\xe8\x9dy6\xd8\xd0`\xc6\x04\xe6\xcb\x99\xff\xc5\x89\xe5\x80O0y\xec&lt;s7%[\x84\xfc\xf5jE\x96\xc6&gt;\xa7d\xb2\xe9&lt;\xad\x01\xf0\xa7t\x0c:\x1f-+&amp;\xdd\x016\xf3\x183\x02`\x03\xf8\xdc\xe4\xe2%\xfc\xf0L\xd3\xcdrp\xf9\xd9\x1f\xb9*t;\xe5\xbf\x04\x92K\x1a\xabB\xe03\x14\x84\x84\x85\xa7\n&lt;\xf55{\xcb\x8e\xe7\x12Dg\x82\xcf\xeb\xee\x1d\'@1S\x00\x00\xbc.\x96\t\x0f\x8a\xb5\x1a\xd4\x05*\xa4R\xa6\xa1\xda\x04\x95\xa30\xae\x90\xf4\x89\x85l7\xd6b\xfc\x19z\xb7\x03qW\xfd6\xac\xcc\x84&gt;\x9d\xd0\xa4**6\xab\x1c\xd1\xae\xe7;\x03\xa6rB\x9a:eB\xe2}\x8f\x9eI=Q\x99\xa4\xbfp\x9a\x87\xdb3B\x99\xde\xb1\x85\xd8\xc4\xcf\xbeFQ\xb2\x8fe\xb7Q3\xb5\xceCf#l\x07\xb7Iz[\x99\xb6\xea*F\xb4\x18\x00\x90}\x1c\x05\x00\x00\x1f\xae\xaf+\xd7`xK]=/\xba6f/\x9fg`T\xa14U\xe5xQ\x8b\x13t\xcd\t\x9aP\xa2O\xc3\xb2I*\xfc&lt;\xc4\xbf\'\xe8V\xd9AM\x7fxk)++\xce\x82x\x9b\xa9nIOV\x99\xbd\xd6\xdd\xbf[\x00\xc1\xbf\x87\xeb]\x9a\x19\x9c\x85n?\xa5mC\xb7\xb93~\x13\xd42\xe9\xdb\xf5\x8bp(\x9dj4h ~\x07Q\xfc`\xa7\x85\xce\xdd\x07\xf0\xad\xe5[\x83c\x89\xbb\xa5\x15\xabh\x9a~\x1a\xea\x9aR}\xc8,(9\x0f\xf8\x83\x84\xf8\t\xc1\xf3\xa2D\xb8\x80\xafi\xac/\x85\xfd\x08\xda\xc8\x8e\xa9\xc8\x067\xe1\xa9\xc0\xb6]\xc0Ak\r\xfb!tH\x8e\x16\xeb\xfd\xfd\xbc\xbbj\xff\x84\x13\x80p:\xb7\x19\xb0\x8a\x9eQ\x11\x95\x7f\xb40\xf1k,\x83\x91M\x00\xa5\x8a\xd6t\xd6\xa8\xabN\xf6\x10X\xc5\x82\xb4\xb3X\xab\xfbF\x1bfK\xa0b\xc0\xf8\xef\xa1\x16\x94\x16\xbdg\xba\x0b\xec1\xb5\xf7r&amp;|e\x1f=\x0b\x92\xed\x03\xca\x0e`\xfeQ\xad\xb2N\xa4\x97\x99\xdc\x1b;H\x8f\xdb5\xa0}\xf7\xfdZ-Sv\x15\xa2l^\xdd.4X4\x9d\x10#\xf6M\x95\xa9\x89\xac\xc1\x1b^\x99\xd9u\xfa\xa0\xeb\x8b\xca\x17\xe7\xae\xe5\xa92\xdc9\x80\x98D\x8c\x9c\x9b\xfb\xa6G\xde\x0cx&lt;\xe39k7\x9f\xb5][\xed\xd1.~\x17\x17\xabs\xfev\x94\x034\x83\x15\xf4\xdaH&gt;\'\x84}\xc03\xf1=\x93\x85\xd4\xa1v=a\x1aU\xea\xd4\x06m|\xf1\xee\xf2\xec\tO^\xce\xb1n\xd5\x0c\x9d\xb1\xd7.\xa2\xaab\xc6\xcet\xb6-\xb7\xd9\x8a\xe6\x00z\xdeh\x19\xcb\xd9\x90\x9e3\t\x0c@e\xf5:\x84\xaaA\xf3\xafa\x15VUzf\xb4\x1f\xd7\xcc\x8f\xee\xacF\x9f}\xc7\xb2\'\xdd\xc6\x85&lt;|&gt;Q\x9dXCq\xfd\x81\x1c`J\xb4\x94o\xbdZ&amp;qQ\xa09j\xd9Y\x83&lt;\tK7\xaa\xdcJjDM\x13o\xb7Ul(\x0c\x98\x9f\xa8VD\xae\xac\xcbq\xf7\xc3hZz\x1c\xda\xcd-\x8ag\xad\x10\x10]W\x91\x7f&amp;\xc6\xe6\x90\x01\x08v\x00}vR\xf9\x14\xa6\'\xff\xc7\xf4D\x01\xbcc\xee\xe2\x808\xc2\xcfv\xf6\xd8VY\xa3\xad\x087\xabr\xb3\x81\xaes\xe0\xab\x15\x85\x15T\xac\xdc\x9bN+\x94\xce\xaf\x1e\n\xb3\x8e\xe1\x88(.\x7fJ\xf2\x97\x90\xc9\x12NtZ\xe3\xb6\xaf\x7f\xca\x18\x98\xa4\xb2\x0b\xe7RIE\xa5\xdd*\xaa\xef\xc2\xb5x\xcf.ZtO\x96\x9c&lt;\xb2\x8c3m7\x94\x82\xc6t3\x04\x00\x00\xbfOQ\x9a\x8a\xa8m\xdb&gt;QK\xd0h\x1aw\x9c=\xa35\xf7F@z\xa5\xf7\xf8\x11/\x10Ge\xe1i3\xcc\x00\xac}1\xa7\xaf-\x1e"\x191\xa7\x03MY\xb7\xc9\xed\x8f\xd6*\xf2\x8f\xe9\xbdq?\xd7t\x1e(\xafz\xb0ACLMK\x07\x1d\x0bAy\xe8\x07\xc1cLY\'\xdd\xeb|\x8c\xd1\x91K\xbb\x04~\xf8S*@\xb0F[\xee\xc0\xa4\xfd]\x11D\xac\xae\xcc\xb1\xe0\x8f[zZ2!\xd9\x17\xa5\x9a\'\xaa\x95\xce-g\'\xf2H\xea\x9f\xa8\xe7N\xe9A\xfa\t\xefu\xd0rH*\xa7\xb3\xb3\xbdg\x1d\x16\xd7\x8a\x15\xd6\xd8\xe8?\x96\xc6\x0e]\xf5\xf6\xe6vW\x8c\xeao\x81J\xb66u,\x9e\xc5\xefL\xe5\x86\x81\xa6TU\xbfoXx*\xafM\xc5a\x81O(Ly\x92\x03\xafi6\xab(\xdcJr\xa2\xa8\xa2\x8a\xf3T\x10\xdb\xfc\xf2&amp;\xe0\x97*EE\x8aOb\x07.\x9c\xe9z\x8d\xf6(\x0b\x91\xd9]\x8d2\xa5\x8de\r_\x1cq\xf0\x976\xf2K\x0f\'\x15\x90cn\x80\xb7U\x90\x9f\x93\xbdk\xe4dO\xb2Fj\xc1\x8c=\xe2\x02\xc4\x92\x13\x06\xdb\xc0SS\x15eP\xf8\x9cU\xd7\xac\xed.GE\x0cQ\x97\x9f\xf7\x06\x10}\x91-C\xbfx5Z\\\x90\xad[M\x82\xc1\x04@\xd3\xc2\xfb\x1e\xac\xc1\xa3{\xbcE\xcf\xedN\xbc\xc2\xb53i\xb39\xd3\xb02u\x91q\x96\xdd\x01\xb7\x1b_\x95\x90{\xf2\xf4\x03x\x99\xc3\xad7H-[\x94E\xc2\x89\x84\xce\xc9@\xee\x8a\xfaK,Di\xf4\t\x80r]\x17;-\xa9\xe4\x15\xd7n\xcb\x19\x1c\xb2\xae\xf1Q\xa8T#g\xdd\x96j\x82M\x89\xd2\x9d\x93\xd2A\xed\xab\x1f\x1f\x0c\xb5\x84\xd2\x04\x02\x1b-\x90\x9c\xb4\xa8\xbe\xae\xc3\xaf\xc2\x93\xcf55-&lt;\xc9\x04\xa0p\xccb\xd6\n\xdd5\nk\x9b\x08\xb9\xcf\x93@8\x93\xfcLV\xf9\xf3p\xb2\x96\xaa\x9dK\x1an\xde\xd5\xce\xd3\x00\x00~\x87\xc4\x80\x96\xa6\xe1\xab\x04Y\xc5%X\xc2\xfe\x81K\xdd]\xb1 \x98\x87x6\xb3\xbf,\xdc:3\xa5\xa5\x99Q\x8e\xb0\xc0\xe8\x90\xfa.\x169.\xb7n\xa6\xedX\x95\nG\xaa\xb1\xd7\xf8\xcd\x12fFvp\xd7\xa81\x88\xdb\xe3\x01\x88\xaaR\x81\x1cA\xf9T\x87\x85\xc7t\x05\xae\x07\xc0W\x15\xaewr\xcd\x9c}\x10\x0e\xa4&gt;\xe7N\x88\r\xc4\xc2F\x92U@V\x18\xb3\x05\x00\xb6\xc5\xe9i\x07Ji\xdd\x16\x16H\x7f,,\xf5\xe46\x08kJ\xe5\xb0v\x9f\xb3\xc5\xd5\xec\xac\xb8\xf8\xea`\xf0\x10\x9f\x00l\xf0Gy[i\xd0&gt;\xcd\xd3_m\x95\xc5.\x16vf0R!\xa7|8\xd7f\x13ex]q\x87G1i\xc3\xd3\xfa\xf7Rm\x80\xa8\x19\x1c\xe7P\xda~~Zz\xd7(K\x1e\xba\xf3\xaf\xc6w\xff\x90\xc6q6&lt;z\xfdk\x95\x12(wL\xe6\xad\x9a`*\x86\xdc(\r\xff\xedg\x89\xd2\xa9\xc5;\xb7KId\xea\n\xb9\x9f7R\xba_\xa0\xfa\x99"\xe1\xeb2ws%7i\xbf+F\xc8!A\x97]\x939Nd\x0c\xc6\xa7.\x91\x8d\x97\x87\x15\x1f\xdce\x0e.\xaa\xa5\xc7,z\x9b\x98\xbd\xf12\xaa\xe3G\\\xb1\xb0Zl\xb5\xa8\xa67\xf8W\x97O(iln\x13k\xaf\x96-\xf6X\xd1\x9bo\xc4\x91\x15t\xf5\n\xfd.\xae\x8b\x88J\xbfDB&lt;\xc1\x9b\xa0\x1b\xb2\x8a\xb2\x8c\x86\x92\xc5\x10\xd5ZN\x86\xcb\xa5z\xf9\x8a\xa8\x1fo7)\x15\x8b\xdf5\xdcM\x92\x17\x8f\x8aJ\xb9efX\x84Vm\x08\xb7\x08\xb5\x92$\x81)\xbfu\xe2Qvrd\xbbK-\xb1\xe2\x1e\x9a\xb0k\xfb\x9bd\xb4\xf5\xee\xa3q9p\x17Y\xaf\xe5G\x01\xc7\xcf\xb2 \x19\xe5\x99}\xbfU\\\r\x9c\xb1\xcb\xf4\xf9\xbfC\xb57vR\xb7&gt;\xe6\xaaa\x95\xe7\xa6\x97\xa88\xfc\xf3\r\x00\xbe\xb9"\x9f\xba\xc4\xb3c\xe6\x019a\x8a/Yc\xb5\xaf\xda6\x80_\x9d\xcb\x054\xe6\x99\x93Fr\xee6Gm\xb3;[\xa8^\xa1\xd7U\xa7e\x89:CxX\x1f\x88\xdb\t\xe7\xa2e\xcc\xa8\x93\x93\xe3\xc3\x8cY\x1c\xbb\x9fV\xc1\xe7\xf2j\x99Y4+\x93\xb4\x99e\xc6\x0c6g\x1e4M`U\x95\xe8\x18\x17\xb7x\x89\x16\xb1`n\x9e\xcc=@9K\x99g\xbfQY7\x88\xf6\x85Y\x99\xed\xe7\xc62\x97M\xe2\xe7Yh\x1c\x00\x94\xaa\x82\xe0\xa6?\x89jdW\x13\x9f\xa2\x14\xde}\x02\xcea\xce\xd8\']\xa5&amp;H\x94\xd2\xd4e7L\x94\xdc\'\xb4\xaa\xb9m\xdd\x02\x0c\xbf\x08\x01\xc7b\xcf\x02?elghL{\xc5R\xc6\x87w\xe3\x8bM&gt;8BJ]K|\xda#\xd1\xf8\x98`\xb8\xf2\xc3\x11Q\x1a-hu\x9e"\xaem\xac\xf2-\xb5\x8a\xd2\x14ei\xb3\xbb\x14\x8e?Z(j\xac"\xb6+\r\xc1R+\x8b\xa90\xd9Y\x86W&gt;\xbb`\x1e\xab\xc92\xbf\x9bN\x8a\xcd\x13\xf6\xfd\xdf\xe7\xa2\xadV~\xe6\x81\xd2\x17|\x1c\x1a\xf9\xe9\xd5\x89\r\xc4\x8ai\xc6\x8f\xee\xa6\x82d\x9d\xfd\xc3\xfc\xba\x82\x846\xdbP\xb4;\xf7\x00\x90o\x17: \xeb\x05\xae\xb5\x953\xb7c\xf3\xd5\xdd\x00\x00?\x1a|\xde\xf4\xbc-\x13\xa1\xd8\xd1\x81\xd34\xdb\xe5\x18&gt;D=\xac\x92\x88\xb5\xaa\x07\x91\xc9\xe2Kf\xdbA \'\x98\xa2r\xd5\xf5\x08kG\x92\xfd\xacB4~\x06"\xc8\xaa\x19!T]\xf5s\xed\x9a\x84\xc7\x9e\x06_E\xbd\x94)\xde\x8a\xa4Ql\xa3P\xdad4\x8am\x979&lt;\xcc\x1c\x12\xa6\x13iI\xf8s\x0c\xa4\xb7Pi\xd1\x07-\x1aSR\xb5\x99ge`\x03\xb9\xfb65\xbd\xa8\x16b\x18@\xf9\x16\xc9\x86\xdcB\xc1n \xef\xf3\x9f\xcc0\xac|]`U\x86\xd3\x86\xdd\x81\x00A\xb5\\\xb3\xc5\xde\x99X\xec\xb21i0\xef~\x7f\xe5\xc0\xa4\xf4\xe0\x8a\x1c:p\xff\xdf\xdb\xe9\x18\x8f\xe8\xc5\xe5\xff\x9c\x92\xf7^\xb6\x9b\r\xd5[T\x93\x8a\xd1z\x87\xb1\xe1.?\xbc\x8c\n\xd4N\x0e\xbe\x9b\xa8\xd1Qc\x86lIy^\xf4R\xd2f\x11e\xba\xc7j\x81w\xf0\xa5\xdd\x8aT^\xf4s\xf33\xc3\x83&lt;\x95\xc3\x16\xcaYP\xb5\xba\xe0\xee\xa1\xa4\xed\xf3\xa1\xd6\xbclG\x1c\x1ed\x0bf\x1c{\xe7\xa0\x1a\xb5\xc3s\x1fW\xfb&lt;\x99\xfan\xc7\xeb\xdb\xe5\xe8u\x81\xf0\xbcBE\xf7\x04d=\xa9\xb8\xb1`-S\xda\x95\x86\x02\xb9\xe5Y~H\x137.\x8ak\xc6&lt;c\xf6r\xe0\x9e\x7f.\x97r\xb7:t\x9b@\x0b\xa5\xfc\xa3]B\xab\xc8\x96\xb4\xd4\xc5\xce\x85\xc5\x0bm\xdc\x9bU\x83\xd3\xe1\x8af\r\xec\xe8y\xfe\x11\xff\x1bs\x17\x15g\x8b\xfeu#!\x84\xee&gt;T\xa9I\xa3N~\x14\x99\xce\x14P6\x07*}8|7jm\x03K\xf8^\xf6\xee\xdf\xd0\xcb\xd6\xd3n8\xf1\x94\xee\x92\xe6$$\xf5w\xe9kB\xe8\xa6Wx\xcfH\x15\x8d\x11\xc8\xec\x0c$\x1f\xe2\x02\xe4i~\x89\xf6\xce\xcelN\xc4w\x85Uk\xb9\x8d\xa17\xbf4\xb0\xb3{\x1a]\xd5\x91:\xad\x99R\xbexl\xd3\xbb\xe5&amp;\x80\xec\x84!\xd8\xb4\xa5\x01\x03\xdb\xf6e\r\x06\x1b\xc1\n\xbc\xe7\xe7^J\xe7!\xdcd\xafh\xffIhw&lt;\xa5\xef\xf6\xe1\x1b\x1d\\\xb0\x8e&amp;8&amp;\xdd\xd7\xc5uiU3\xe0\x1f\x11&amp;\xa7471\xab\xb0\xeeV\xe90\x9c\x86\x8c\xd8\xac\x9f\xdb-\x89\xc5\xeaI\x9b\xbf\x9f\xefoh\x00\x00 \x00IDAT\x1f\x05P\xa2\x1d\xe0\xdfh\xc9\x17[%6\xe0\xd2\x08\x1cG]\x17\xf3\x8d\x11\x83\x1c/\x84\x05\x88\xa2\x1a\xb39^\x05\xde\x8a[\x95j\t&lt;\xfe\xd5J\x94%]\xa6=\x8bw"\xabM\xf4\r\\\xe3f\x85U\xbeQH\xd8\xb9\x16\xbdL\xb4!w\xb1x\x8b"*&lt;\xd2l\xb4\xe4\xcc\xd0\xdb;\x89k\xb4\x86\xc7\x0c\xad\xe1oJ\xba.\xccek"\xe0|e\x84\xb8\xf9\xdbJ\xeb\xc4\xdc\x8f\xc3\xb7/\x8d\x13\x80\xcc\x86\xf4y\x83\x85\xd2v\xf9v\xbbvq\x15\'C&lt;\xb4\x16\xd9\x8a\xd2\x0fF\x9a\x16\xddJ\xbb\xc5\x19B5\xf2\xc9\xa7i\x08\xa48\xe4^\x88\xb87bM~\'N\x01\xd8Ic\xe6\x14E\x12\xe1\xc4:-N\x9e\xb9\x7f&amp;Y\x1a\x8e\'\x1cr\xed\xfb\xff8c\x92U\xeb\x92N\x00\xb2\xed!u-\xcc\xb1M\x11|]\x8c\x1f\x89\x10/b\xdaE\x0f\'F\x1d&gt;l\xaa\xcbL\xe2|\x16\xfe(h8^\xa1y\xadF\x12\xd8\xbf\xb3\xc4f\x94Jx\xa6\xcfu\xf6\xe1\xee\xb0\x01\x19`\xab\xc5J:\xa2\x97[^\x9ak\xb8%\xb3\x1e\x8f~\x96\x9d\xab\n\x8c\xb1\x00\x00^w\xb4\x81\x12d\xa6Q\xd2\x12\x84\xeaVq\x87\xdc\xf0\x04j1\x84\x877j\x18}Z.\xd0\x11\xda\x05\x00\x00\xaf\xa5\xd5"\x9dB\xd0\x0b\xab\x90\xdd\t\xe1KrVCd\xc6\xc0\xf1\n+?\xb6\xf0P\xf7\xee\x00\xefe\xa4"R\x97n\x01Er\x94\x0c\xa2\xaa\xcb\xaf|\xcdv\xc9$\x03\xba\x81\x8d\x8eZ\x01\\\x02$\x1f\x1c\x06\xb2\x10\x04\xa5\xf1S\x1c\x15\xcdBL\x91l\xf6\xc9U\xbe\x97\xa3\x02\x19&lt;\xa1\xd2Q\xfb\xa4\x83=\x0fK\xd2\xebZc\xf8\xde\xc8h\xfe\xab\x94\xef\xb8h\x18\xde\x05\x11\x99m"\xba\x96J\xcf$\x91}\xadJc\xab"fs\xe9\x8c\x88\xa7V\x8bZT\xe1\x06z\x89\x1b\x85\xecQI\x1f\x00\xa8F\xd2\xa4=w\x06\xd9\x01\x19]\xa0\xe7\xcd\xac\x96z\xc9\xa0Jv\x0b\xc5\x95\xb3e\xb6\x95\x00\x00\xefC6\xac\xd1\xc9P\xf8\x938\x99\x06\x06\xb4hT\xc1\xda\x06\xc5\xec\xdf2\x1c&amp;\xf1\xf6\x15a\xf9\xbd4\x84(\xc5d\xd0E\xf5\t\xa0\x0eZ\xe8C\x81\x91\xd0\x1b\xcc\x16\xaf9\x00\xff\x91\xf6`&lt;\x9a\x1a\xc5V\xedS\xa6n\x07\x9e s\xa5\xf3_\xe9\xd6\xd6\xdc\xde(\x06\x103\x9cm\x9b\xef\xa4\xac\xdd\x1e\xa3n\xee6\x0e\x15\x17\xfbb\xb1\x82\xa5V\xa7y\xeb\x98;*\xbb\xb7\xd6\x15=o\x0fd\xe7\x81\xfa\xae\xddF\xec(\xd6\x9f\xf2\xe6Fq\x8e%\xaa\xab*\xa5\x9b\x04\xef\xcbTo\xc9K\xd3T\x056\x8e\xf6\xac\x04Y\x97\xd1\x0b\x07\xe79LM\x1c\x00\xfe0\xb2\xbe3SJ\x8aL\xa4\x185\xb0\xbb\xbf\xb3p\xff\xaf\xc5v\x90R\xbd\x1e\xe7\xe5\xfbwg\xfb\x02\x9f\xcd#\x17\xb7\xfdz/-k"\xb1Zg\x85\xa2\xc3\xeb\x16]\x8c\xf2\xe8u\xa3M\x06=\x85e?\xd3U\xd8e\xbaP~\xf7\'1\x00\x7f\x81\\\xf2a\xa5\xac\x1f\x91\x8a\x93\'7\xc5\x91\x1b\xfdH\x17\x9cY\xf7\xcc\xed\xb4\x01\x0c\xdc\xa5\xb6\x0bgm\xc6\xab\xcb\xe4\xecg\x19\x00_\xd4(\xe1EN\x93\r\xc5c\x1fA^&gt;|\x0e&gt;d\x13\xfd\xcb\xa5\xefd\xdb\xcc%3\xc2\xbf`\x80R\x15\x81\xbb3u\x85gu\x05?6\x88\x1a\xbd\x95!\xef\xc3^\x95^\xff\x97\x06\xf68/\xd0{;8(x\x86\xbeE\xb0\xb4\x0f-\xbc6k*\xca_\xaf\x95\xd1\xdd\x0c)\x0e\xc9\x92(\xb1\x8e|\xf3\xb7\xed]\x1b\xaa\x13\xefF|b^\x02]\x00\t-yY9\xedk\x08h\xb6\xd0\x8fb\xaeN\x18\x00\xf90m;-%\x18\xd0&gt;\x01\xe4\xeb\xdfO\xcfZ\x84\x13\x13V\xbb\'v\'\xbcC\xab\xa4P\xa6\xf0a2_\x11iRdm\xf5\xb0bT\xbb^d~!\xa7&lt;],\xab\xb0l\xdd\x80\xcc\xdfa\xea\x07x#\xdd\x98\xa7\x10A\x1d\r\n\xae\x88\xef^ef\x12,\xc9\x1b\xe5`B8\xcf\x1b8\'\xc9\xb6\x98mc\x7f\x17~R\xd9\xd2\xfe\xa8Zph^\x9cn\x15\xb39QZ\xe7\xde\x9d%\x9e\x8e\x00l\xf0\xbbu\xe4\x1c~T\x10\xa9\x83\xf5\x81pz\x08i\xa7\xee\xcch\x1c\x7f\xd7EP\x94\xd0r\x87\xf74\x06wT\xc8&amp;\x00\x00\xf8\xfa\xe0\xe2\x9b\xb6\r\xde;(\x83\x86\xc4c\x82\xef\xd7\x89\xea\xca:\x18\xaf\xab\x02\x00\xdeZ*\x9fk\t\xd2\xbf\xb9\x93y\xbaXy\xdd\x8d\xf9$\xec\x84\x00\x00\xbc\xcdh#j\x10\'\x89p7\x97\xd6\x00@"\x90k\xcf\xf2\xe1\x92]\x1e\xb2v\x1b2\x17\x1c\xbb\xa98\xfc\xfax\xb8\xcf\xb3V\x01\xca\xd3\x92\xae\xb4\xe7\xa3#v\xaf\x8dr\xf5\x84]&lt;\x8c\xa8\xe7\xe8\xe1\x1f\x8e[m\x93\xde6sQ \xe7)\x90\xfa\xe8\xef\xb2\x81Q\xcf\xef\xb5\xd9\x92\x1b6\xac\xbb\xd6#v\xce\xbc\xaf\x0e\xb2\xbc\xcd&gt;\xce\xd5\xea\x8e\xe2J\x7f\xb4\xcf\x87\x1bp\x06\xac\x07\x0fk]\x96\x96l\xb7L\xa5u\xd1\xd8\x93\xe5\xc1\x81\x94z\xa0j\xa9\xe9\xc8/\xed\xe2\xe6\xf3\x1f\xc6r\xc1p\x87\x18\xcc/e\x982[\xeca\xd9PZ\xc8^dM\xc0\xd8nCy0\x93{W\xba\x00\xa4\xc9\xdf\xcc\xba\r\xe0\xf5\xedB\xdeYu\xa8t\x86x^\xd6a\xcc${Vk\x85\xad\xcf\x93\xe2\x1dvY\xd6\xc0\x99\x80\xbe\xc0\n?\x1b\x9b\xf4\x9b\x98\xe5\xff\x96\x92\xde9\x87`\x17\x88\xe3&lt;\xaa\xa2\xa8]R\xabA]vVK\x9d\xa0\xd2Bb\xeb&gt;x\xdb\xdeSC\x9d:c\xd7D\xe1z\xb3\xb4j\x897\x7f\xfc\xe9\x8ar\xe8\xc1r\x01k8\xb58\xb7m\x8a\xfa\xb7Qf/\xa9P\xcc\x0c\xc8\xbd\xc7#\xa8\x01\xc1v\xe5\xe4\xbfm\xa2\t`*\xe8\x07\x0e{;K\x13\x00~\xa5$\x96k[\\FO\x94\x1dsj\x97uPt\x8e\x91\r}\xf5\xd6\xaa80\x0e\xd1\x069F\xfd\x89g\x12\xd9-G\x99\x9e\x99\x0e\x91\xf3\xe9,\x05L\x04;\xeb\xe4L9\xe7\x16\xa6R\xd3y\xd5t\xda\x8e\xf7C}7j%\x8d\xea\x8b\x15D\xda7\x89\xf6\x13\xa3`\x19B4\x9b\x1b\xedU\xe1\x7f\xf3\xd8\x83c\xd6\xfb\xfdU\xceF\xe9d\xffP\x863\xcc\xaa\x85\xdb{z\xaf\x0f\xf0!\x94\x92\x02\x8d\xb9\xf4\xfd\xa1\x8d\x8f"\xa2\x84\x05\xaa\xf1\x17\xf8\xa42\x9c\xda\xf3\xa6\xee\xd6\x872\xfe\xb3\xb3o\xa9\x15\x82d\xb4\x17Pw\x0b~\x91\xa5\x0e;3\xe9\xf2\xe8\x05\xbb;\xd3\xfcGd\xa1\x19}0Za\xca\x12\x05\xb4?qe\xd4I\xedKK\x00\xf8\xafd-&lt;\x0f\x07\xb5\xb2\xd5(\xc6[O\xd2\xb1=\xda\xba,B\x82\xb8\xcb\x81o\x93X\x15\x97\x94N\xff\x9d\xb3\xd2lI\xb0\x9b=\xa6[\xea\x89\xa04\xb1\xb3/\x98\x1bXJ\x99\x86e]Mr$\x9c\xeb+\xf1\xee\x04_\xc8O\x15\xbb\xd9\xcdP\xf8y*k\xef\xc0\xe7\x88juiHq\xd6\xd7\x92\xdf1\xc9r\xef~\xc8\xcb-+\xa5a\xb1\t\xc3\xd2\x8a\xc3\xa2\xb2|\xde\xaa\xab\x11\xb1\x81R\x9de\x12\xd7t\xe2"\x1a&gt;.\x7f\x1d\xa9\xb2\xe5\xc6\xaal\x1a\xe8\xbf1Bxn\xd7\xd2+\x06\xd6T#v6\x94\x87\x8f\x96\x1c\xbe\xf7\xc6z\x9b;\xf0\xe5\x8aF\xb7t\x18\x8dK\xda\x16\xbd\xe4\xc9Y9\x0e:\xf7\xf4\xd2\x81\xc5\x98t\rZY\xdb\x90\xa9i1\x1a\x05\x8a\x11\xbb\xc4\xe6/%\xeb\xdbQ\xc6\x9c\x80W\xa8K\xbc\xddn\xc8\x8fU\xc4\xddIW\x94-(\xd6\xdb?\xfa\xb8.\xdd\x99a\xa0D\xc6#n\x97\xb6\x12\xd5\x9e\xa8\x0e\rP\xd3X9\x9a \x1e&lt;f."]\xaf\x95\x07C\x15\xe9&lt;\x01\xf0\x15\xcf\xcf\xf7\x7f?JE-\x95[b\xe16n\x0e\xf0\xb9\xe7@i\xd7\x93=\xae\tk\x15\x052\x17)\xf2$.]\xa0\x85;\t\xf2\xfe\x03;x\xb1\xdbP\x97dG[!\xa3\x88\xae\x1f\x88au\xff\xc9\x8b\x87U\xed\xb1;\r\xc8\xe5M\xcdN\xcf\x0b)\xdfBjQ$\xe3UZ\x8cgG{\xf6\xe2{\xd5\x1e\x06\xd0\xfe\xca\xa6cE{\x88G\xb5\xf3\xd3L\xf2l\x90\xa7Bd\xd8\xae\x8br\xe4G\x99\'\x80\xffk\x03Ji\xbdze\xbfn\xb7\x90\xd9%7\xa6\x89\xa8gwO\xb6\xec\xdb\xee\xb5\xfbL\x00\x1dH\x15\xeeG\x9d\x95\x8a\xbaf\xd0K\xea=\xb8\x1a\xe1\xef\x8c\r\xc8\x8f\xa7\x05\x89\xb0p\xf07.C\x88\x96\x10\rk\x91L\x9fc\xb2)\xb8\x14\xbe\xc4\xea\xe1\x07;\xaf\x12g2\x81L\x10U/-\xd5\x8b\xfe\xe4\x1b\xd6\x19\xf9\xbcUJ\x7f"9\xf4z\xc4\x92\xa3\xb2^)Bz\x1a0J\xf5x\xe8\xf9\xa2=+\xb1B\x16\xbeJ\xac\xed(\x07\xbf[\x9a\xffr\x85\xb7B\xfa\x9e0\x80r\t\xb7R\xde\xa8\x15\x14\xc1a\n`\xa5\x03d\xa2m\x01\xe9\\z$\x0bf\xca\x8d\xd6\x11A\xc9?\xad\xb9T\x12T98\xaa^F&amp;YKfX1\x1a\xce2i\xa7%;\x08\xef\x17~\x81\x13\xa9\xa9\xd8X`N/\xdb\xda\xda]\xb5\x11\xf2\xf0J6)\xa8\x83\x88\x95x\xa9\xb6\xd5\xd3Bk\xc5\xa0\x958(\xd3\x0f\xfd\xae\xee\xcc\x94\xac$(\xb2\x8b\xd5IU\x082\r\xb5O\x93j\xe7\xb1dF\xb2i\x0e)|\xfc\x91\xac%\xaf\xb7_\xc7D\x0b\xbd\xeaPO\xe7\x92\xfbOZ\x16\x87r\xf0|-_\x01\xc9\xaaq\xb5t\xedF\x06\x8c\xcd\x05Kf \\Uv\xe5\xd5\x0c\xfa\x12\x01\n\xd7\xd3Z\x82\x9c&gt;eW;\rp\x97\tZ!\xd0\'q \x83J\xa6\x1c\n\x9fuiI\xfd\x9d\x87h4\xb3\xca$4\xee\x00J\x12\x1a\xf7U\xc9\x9e\x95f\x15\xa9\x14\xa3\x16\xee\x1f\xc5]o;\xfb\xec\xd8$d\x9a\xe6\x9c\x19H\x0e\x7fX\xe3\xb0}yu\xfanV\xdb+\x14\xd6w\xe9-\x86\xcc\xa7\x04\x99\x80\xa3\xb4\xe6\x01\xdfy;h\x04|\xfac\xe6Fwu\x90\x8c5\xa4\xf9U\xc7$\xa2\xb0\x92\x94bxE\x0b\xc2\x14\xb4%\xb6\xad{\xf44\x17H\x1e\x89\n\x04\x1f\x10i\x9f\x83/\xaf\xaa\xdd\xd0\xd2OP^\xc27\xae%U*\xeaf4\x96\x9f\x89ie{\x0e6\xd2\xa97}\x05\xcajsj\xc3\xd8\xb1\xdb\xd8ka\xb7Wz-SQ\xa81\xfc\xf1\x17\xa5\x15MI\x17\x9a\\c\xf2\xa3Lj\x8c\xa8\x9e\xc3\x81\xb4\xbf\x16\xc5A\x84\xd8\xa4\xf0\x9c4^C\xd1\x85\xd6\xecD\x0c\xe8Ii\x96\xeao\x89\x0c\xe1\xa4\x9e\x08A\x16=\xb8\xae\x96H\x13\x83O\xba\xd92\xf4A\xb1\x97,\xac\x03bE\x98\xa8\xda\x89e\xbbCV\x0f\xe0\x19\x01\x18\xfcG\xa9X\x19&lt;&lt;\xb0\x92O\x02\x81\xea\xd2\x8f\xc7\xa5J\xdd\xa4\xad\xb0\x97B\x0c\xe3\xae\x91\xb5\xc6\x8f\x8a\xa8\x92\xf0\xfc\xad\xa4$\x92#\x84Y\x9esh\xa9\xa5T\xacQV\x06\xafN\xd9\x07\xbf\x04\xc0\x97\x1f+\xeeQ\xb1G\xec\xb71\xce\xa6\x04\xf6\x8b\x1d\xfeJ\x8e\n\xf4\xae@\xf95h\xcb\xa8r\x8d\xd1\x15\xa4d\xd6\xb64^I\xaa\t\x85\x81\x1c\xafY\xab(f\x10\x114P\xa2EV\xab\x9a j\x85\x05\xf9E\x16\xab\xd9\xd2\'H\x08\xf0\r\x85\xeb\xe1gt\x85\x9e\xe5M\xf7\x8a\x1f\xa9\x13r\x1d\x12K\xd7\xe4u&gt;\xc2A\xf5\xfa\xf2T)\x18\xc3\x15\xa5d\xab\xf0\xe9\x81\xab\x97d\x1b\xc0g\x12\x05\xb2\xd4O\x0c3\xa5~\xf6^\xbee\x96\x12\x94W\x1c\xe9}\x92\x06\xa2\x03\xd1_\x9a\xff\x14\x0c\xea{\x84b\x9d\x9c=\xf3\xf7 \xec\xc50%7M\x00HZ\x0f\x15\xa1\x01$X\xe0PlS\x97\xa9\xcb\xb3/\xf4\xa4\xe1\xad\xa6\xcc\xfd\x8a\xeb\x83\x81\xd8\xa5\xabt\xc8Dc\xaa.\x01\xe0\r*\x96\x88\x92r}\xd1V\xd3%sm&amp;\xae\xca\xeaZ\x14]\x0e\xba\x9b,\xa6q@\r\xa0\xec\x00\xe8\x86\x95b\x88P\xf13h\x05\xe5\x00\xc3\x98 w\xbc\\\x91j,\xf8\rwf\xffqU\xd5H\xb4(\n6Y\xf3\x8d\xc0\x8d\t-\xb7^M#D\xaa+q\x92T$\xf4\xa3f\xe0\xf9\x04@B\x9c=\x1b\x95\x12\x8b!\x13\x00=\x16\xa9\xba^&gt;dl\xc0+6\xaa\xa6hA\xaa\xc8\x0c\xf8\x0e\x03\x99Y\xaa\x82(y\x81b\rw\x9e\x18\x9b\x1e"k\x85\xb38\xc0\x07\x1c\x7f\xd4\x19\x08\xd4\xe1\x99\xaf\x1e}HeR\x1e\xc6\xe0\xe3\xbd\xa4\xbd*\xc4a\x10v\x1b\xd0~c-I,m\xcc\x87J\xf1\t@1\xeeKR\xda\xdb\x8dK .\x91T@\x14\xa9\xe4Yn\xf9\xca\x91B[&gt;j\xe7\xae^]v\xa9]\xc7\xbcI\x90\xc3\xd7K1#-y\xbc\xf5i\xc2%K\xf6\xfa\xc1\x98r]\xd1\x81U\xf4\xc1\xe9\x81\xa2\xb7\x91\xcc\xa8;\x01T\xcd0\x95\xcf\xd2(\x18\xb1\x82bZ&lt;\xbb\x89V,\xbdN\x9</t>
        </is>
      </c>
      <c r="E331" t="inlineStr">
        <is>
          <t>&lt;class 'numpy.ndarray'&gt;</t>
        </is>
      </c>
    </row>
    <row r="332">
      <c r="A332" s="1" t="n">
        <v>330</v>
      </c>
      <c r="B332" t="inlineStr">
        <is>
          <t>steps_per_sec</t>
        </is>
      </c>
      <c r="C332" t="n">
        <v>4800</v>
      </c>
      <c r="D332" t="inlineStr">
        <is>
          <t>10.077847</t>
        </is>
      </c>
      <c r="E332" t="inlineStr">
        <is>
          <t>&lt;class 'numpy.ndarray'&gt;</t>
        </is>
      </c>
    </row>
    <row r="333">
      <c r="A333" s="1" t="n">
        <v>331</v>
      </c>
      <c r="B333" t="inlineStr">
        <is>
          <t>Loss/object_center</t>
        </is>
      </c>
      <c r="C333" t="n">
        <v>4800</v>
      </c>
      <c r="D333" t="inlineStr">
        <is>
          <t>0.20904048</t>
        </is>
      </c>
      <c r="E333" t="inlineStr">
        <is>
          <t>&lt;class 'numpy.ndarray'&gt;</t>
        </is>
      </c>
    </row>
    <row r="334">
      <c r="A334" s="1" t="n">
        <v>332</v>
      </c>
      <c r="B334" t="inlineStr">
        <is>
          <t>Loss/box/scale</t>
        </is>
      </c>
      <c r="C334" t="n">
        <v>4800</v>
      </c>
      <c r="D334" t="inlineStr">
        <is>
          <t>0.10236194</t>
        </is>
      </c>
      <c r="E334" t="inlineStr">
        <is>
          <t>&lt;class 'numpy.ndarray'&gt;</t>
        </is>
      </c>
    </row>
    <row r="335">
      <c r="A335" s="1" t="n">
        <v>333</v>
      </c>
      <c r="B335" t="inlineStr">
        <is>
          <t>Loss/box/offset</t>
        </is>
      </c>
      <c r="C335" t="n">
        <v>4800</v>
      </c>
      <c r="D335" t="inlineStr">
        <is>
          <t>0.21287006</t>
        </is>
      </c>
      <c r="E335" t="inlineStr">
        <is>
          <t>&lt;class 'numpy.ndarray'&gt;</t>
        </is>
      </c>
    </row>
    <row r="336">
      <c r="A336" s="1" t="n">
        <v>334</v>
      </c>
      <c r="B336" t="inlineStr">
        <is>
          <t>Loss/total_loss</t>
        </is>
      </c>
      <c r="C336" t="n">
        <v>4800</v>
      </c>
      <c r="D336" t="inlineStr">
        <is>
          <t>0.52427244</t>
        </is>
      </c>
      <c r="E336" t="inlineStr">
        <is>
          <t>&lt;class 'numpy.ndarray'&gt;</t>
        </is>
      </c>
    </row>
    <row r="337">
      <c r="A337" s="1" t="n">
        <v>335</v>
      </c>
      <c r="B337" t="inlineStr">
        <is>
          <t>learning_rate</t>
        </is>
      </c>
      <c r="C337" t="n">
        <v>4800</v>
      </c>
      <c r="D337" t="inlineStr">
        <is>
          <t>0.00097000005</t>
        </is>
      </c>
      <c r="E337" t="inlineStr">
        <is>
          <t>&lt;class 'numpy.ndarray'&gt;</t>
        </is>
      </c>
    </row>
    <row r="338">
      <c r="A338" s="1" t="n">
        <v>336</v>
      </c>
      <c r="B338" t="inlineStr">
        <is>
          <t>train_input_images</t>
        </is>
      </c>
      <c r="C338" t="n">
        <v>4800</v>
      </c>
      <c r="D338" t="inlineStr">
        <is>
          <t>[b'512' b'512'
 b'\x89PNG\r\n\x1a\n\x00\x00\x00\rIHDR\x00\x00\x02\x00\x00\x00\x02\x00\x08\x02\x00\x00\x00{\x1aC\xad\x00\x00 \x00IDATx\x9c\xed\xbd{\xfc\x7f_5\'\xbe6\xa5\x9bn\xba\xe8\xa6+\xb9\x8c\xcb\x14\xa94\xa4\x12\x85J\x17Ea\xa2PT\x94(\xbf\x19\xaa1\x98\x84\xdcs\xab\xd1\x98Pt\xa1\xa8A\xc8\x0c*2T\xa8(\xe2\xdb]D%Mi\xfd\xfe8\xe7\xec\xbd\xf6\xba\xed\xb5\xcfy\xbd?\xdfO\xdf\xcfz&gt;\xea\xfby\xbf\xceY{\xad\xb5\xd7^{\xef\xb5\xd6&gt;\xaf\xf3\x02H$\x12\x89D"\x91H$\x12\x89D"\x91H$\x12\x89D"\x91H$\x12\x89D"\x91H$\x12\x89D"\x91H$\x12\x89D"\x91H$\x12\x89D"\x91H$\x12\x89D"\x91H$\x12\x89D"\x91H$\x12\x89D"\x91H$\x12\x89D"\x91H$\x12\x89D"\x91H$\x12\x89D"\x91H$\x12\x89\xc3@\n\x00\xeco\xa9d{\xa4t\x1cf\xf4AvA#3\x88Y\xab\xc8]\xe8-\x10\xea\x9a\xad\x03\xe9\xfb\xbb\xf1&gt;J_\xe2\xb2\x10\xa1cj)\xa0\x93\xc4\x94\x0f4\xc4\x07M\x0c\xe5\x14\x8e\xb3;\x956\x96A\x1cCY\xae\xb5\x10\xcaF\xaa\x9f\xf8\x9aX#U?v&lt;\xff\xb0\xdd\xdd\xd1k&amp;%24\x8e\x86C\xfe&amp;\xcf\x91\x7f\x9e\xce\xfb.`\xe0\xe3A\x1d\nj\xf6n$\xf6I\t\x0f&lt;#s\x1a\x92\xcbWu\xf8&lt;\xdeV\x83\xf1\xc4m\x9d\xdd\xdd;\xa9?\xa7\x04\xd8gA\x8b\xa3\xba\xed\x8dXA\xa5\x9ah\xb6\xc8:\x1c\n\x98\x9cO\xb8\x99\x1c\x83eK\xb5\xcfmc\xee[PZ\xc9\xeb\x893f\x9c\x18\x9d\xbd\xa32\xf4\xa2uj\x98\x1a^&amp;\xd0\\\x87\xa9\x92\x8egE\xfa\xf2\xf9\x91&gt;\'\x1cX\xa3\x15\xf1.&gt;\xf6S\xa3\xfe|-\x82\x9e\x91\xdeq\x0bw\x8d\xdd\x8a\xf3W\x95\xdc\xa5\xecNTAd%\xea\t\xde\xae6\xe9\xd6\xa9)e[\x93\xdf\xde\xae\xecU\x9e\xf0\x849%N\rj\x06DD\xfco\xf4\xfa\xb0U\xc5+cd\xb8+\xd7&lt;;\xc46\x00]_\xdeV\xa5\xd9nY\xfb\xa5\xd9$FL4\x89\xbatq\xef^\xe8X\xe6A\xfb\\\x8a\xfcXJ\x01\xdb-\x96\xbb\x16A\xbdkJ$d\x94\x83l8\x0bK\x1f\xaa@D\x8a\xaa0e)\'\xf8q\xe5Me\xfa\xd1)\xda]U\xfa\xdapR3D&lt;\xd8\x99\xbam\xb2\xebgg"\x1f\x18\x18\xfae\xcd^\xees/*e\x19o\xb5qp\npY\'Z\xa4\x88\xa3\x16(\xedo*_j\xc8\xd4\xb3\xec#\x1a\x96*G\x92\x895\xa1HJ\xd2\x04v\xcc \xde\xcan\xf0!&gt;\xa3\x0b\rl\xcb,\xf5?\xdbmF\xbd6\x89\xb0\xbe\xa1\x18\x02uP\xd4\x82\t".;\xcd5\xcb\x82\x88@\x1f\xa5\x14\x80?\x96\xac\xca\xaa\xd8;\xa2R\xec\xdeo\xab\xc1A6\x1d\x1e\x13\xa77\x06F\xc6EuZ\xd2\x0e\xe3\xf6?\x07\xfeH \xc0e&lt;\xed\x1e\x8c\xf8\xd6%Ts\x85L#\xe8\x8f\x0e\xfc\xa1_W~cY\xf2\x02\x82\x1d~{\xc0&gt;\xacRG\xf8\xf4\x7f\xdb80\xd1\x10^\xa3\xac\xe9\xa5\x14j\x84Bf\xb3\xa5G)\xdcn1\xad\x94\x95*1\x00\xcd\x9b\xc4-\x13\x10.\xed\x85\xd27W\xd0Y`\xb7\x00GU\xdf,:7\x00\xc4\xc7NI\xd4\x08\xbc\x14~\xca\x9e*\x91S\x01\xb0\xf4\x8ct$h\xa2\xb3\x06\xfe\xe7A\xa9\x07\xf41\xed\xb6Z\xafH\xf2\xea\xe9s\x9a\x90\xda\xd6\xf5\x08\x1e\xe04\xb1y*\xf4{*\xb4\xa2\x16\xe4R\x02\xadsrbv%\xb8"%\x1a\xa4\xc9|\xfa\x9b\xd0\xb6\xa2\xa1\xcaA\xbfH&amp;\x8c5f\x88O@\xa3\xb9\xd9\x9d01\xee\x8a\x0fho-O\x9br\xc1J\xef\xea\x19\xe1\x83d\x92\xe8d\x11\xd3\xfc\x81\xa9\xc3\xa8\xa5XGd\x0bz+n\xa2\xb3\x86*\xdaYJ(=\x8d\xb0\xed\xa5\xb3w\x9b\xf5\xe2#\x8f\xeb\xdc\xd4 \xb7\x1e\xd8\x13x\xda\x0bn\xd6(\xf8|\x82\x9348\xe8*\xd9_\xd8\xe1\x05\x06DH)y\x06\xb0B\x1d\xb6`\x0e\xc8\xda\x96RP\xab\x0e\xa3\xa8A\xd7\x86\xceA\x02\xbb5\xa7\x12\xa1F\xc4\x13\xd6\x96\xd7\x10\x7f\xc9\xfa\'\x17,f\x81\xb5\x83+S]C\xb5\xb0`W\xf3K)\xad\x89z\xd0\xb2\xc3\x0c\x08\x00x\x9bR~oL)\rRJ\xad\x9b\x03t\xba\xed+\xf2\x1eA\xb5yw\x11\x14s\x05G\xd6rx&amp;\x945\xb14\x89\x83\xf2\\uh\xbcu\xb9\x0b\xc1f\xf0"G\x84Qv\xac8MW\xbb\'wy\x9f\x10\xdby\x00\x92\xff\xab\xe8\xa7\x83r\x1b\x10\xa1\x14\xc0O\x06x\xb9e&lt;\xa5\xb9a\xe8&lt;\x03\xf0\x80_\xb2\xab\x95\x11;@w\xfe\x13Z\xfd\xeb\x9aA\x1b\xfa\xa2\xbb]\x9e\x94b\x96\xcfq\x85}\x942\xa8\x80\xfb@"w\x9d4kI4\xae\x80A\xba1\xb18\xdd\x1f\xb4\x14z\x04\\C\xdc\xff\xe37D\x00\xc4\xcfQ\xdbS\xe3\xf75\xdd)E\xce\n\xef\xdb\xfe`\xabj\xfd\xcbo&gt;\x1c:z\xbf\x10\xaf\x8e\x0c\x05\x92\xa4\xcd\xa2\xa5\xf5\x0f\x92^p\xf2{\xae\x8a\x96G\xf33\x1f\x95\xb1\xaf\x19v\xd1U\x9b\xce\x1ee\xd1\xca\xfa\x1d\xe9\xb2P\x18wK5uy\xb9\xef9\x85\xc1\xa3\xbd\xb0\xc1\xd27?cR\x9b\xd3\xd5\\-eHn\xcb\'\x925s\xa1j\xb5!\x92c\xa2\xdd\x17\xdd\xc7\x17\xbc\xe0\xd0\xd3xCQ\x13\x06\x8d\x898\xde|\x8aOP\xb4nv\xcb\xf2\xc4[z\xdc@\xb2\x05\xf7H\xf9$\x18\xf6Q\xf5\xab\x1d\xfc\xe5\xc5P\xc3\xed\x8f\x07.\x7f\xdc\x92*s7\xa7\xe4\x18Qu\xd8\xa4nB\x9b\x1aVs\x95\xb9!\xb4\xad\x03\x9a\xc4\xc9.$v\x82\x1aw\x87\xc5%M\x17\xec\xad4C&amp;^\xcdZ\xd16B35\x01HG\xf6y\x9b/J\xbd&lt;\xeb\xceGf\xc2\x94)l&amp;sR\xa4\'\x8c\x9b({\xe7\x9e\x14M\x114\xa9\xc9,\xff;\x8d\xf9\x7f\x87\xe2\x03\xc3\xe1 \x14\x94x\xf1\xd8G\x91&lt;R\xf5\xf9H\xcc\x04v\xdb\x9e\xc6i\xaeG~VG\xdaE\xe3oK\xab!\xf3\xd9\x91\xcb\xcc\x80\xcc.^1g\xd7\xcc\xe6\xf1\x04\x0b\x8d\xaa\xf4\x84\x92#\xb5\x14\x07\xd8\x9b\x00\xd6\xe2\xcc\x80\xac\x96\xdd\x97\x99h\x88\xc3\x9e\xd5\xb2\xdf\xce*\x17\x1f\x17\xb5U\x85\xd5\xdc\x19 \xae\x7f\xff,\xfc\xf2\x15\n\xf9\x1c\xe4\xecw).\xc6d]]:\x86\xfa|\x02\xc0\x9f[\x85#_\xdc\xc8\xb5j&lt;\xc2\x1e\x9c\xa7\xe5\xd0V\xc4\xc7\xd6\x02^R\xca\xad"*\x08q}\x89\xdf\xef\x07\xae\xb5xm\xbd5\xce\xff\xa2\xac\x8dV\xe6\tYxq\x90\xc83\x00\x82}a\xd6\xf9T^S{PO\x9f\xd0\x98\xe4\x16\n9/\x1b\x93\x8a\x83\x01\xee\xbc\xda\xc7Y\xe3\xad\xf5O\xf65\x9c9\x1eC\t=s|\xc0j4\x11\x82\xf12\xddB\x80\x08o\xae\x8f{\x87\xbaW\xcf,\xce\xf1\xeaO\xbbc9\x06\xaa/\x18!w\xfflO\xb6\x00\xe0\x9a\x06\xf1\xe6\x88\x05\xb6\x92wk\xd2W\xb3\xfb\'\xe8\xb1]\x9e_\xfd\x17\xa9\xec\xf3vY\xcd\x06Pk\xa2\xb3B\xbc;\xbf\xbfQ\r\xb2\x93`\xf4\xd0\xb5\x98\xf3\xa1\xf3h\xf1\xba\xb8\x80\xc6\xb6oE(\xbb\xa3x\xe8c\x96\xf9\xb6\x83 \xcb\x8f\xfdw\xc4h\x94\xf3D\x96\x03\xd3!\xf0AD\xac\xda\x19G|\xe7\x0bD\x07q\xe3\xcb\x0c\xd8=$\x03\xb4\xa7\xa5[\x83J\xf3\x1f\x9a\xb5\x1cq\x9e\x93\x03Epm\xc1L\x98`\xb3&gt;\t\xc0CI\xcf"NF\xca\xb0\x994\xfe}\xa7]\xc1\xb5\xa9\x92\x8d\xa9\xe7\xa3tw"w\xa7r\x82%\xbf\x89\xccz\x11\xbe\x0c\x8c\x99\x19@\x03;,\xa7\x91l\xa4\x8c\x18\x13q\xa4\xad\xb7\xbb\xeb\xf9\xbbh\xce\x98\xb8\xf5\xee\xd6\xe7\xb9\x1a\x97\x1dK\x8eK\xb1\xbb\xc2\xf9i\xab\xb2\x8cY,\xeb\xb2\x17\xd2\x0e\xc8\xe2\x7f\xea9\xc6cH\x94\xfc|8\xcf\xab\x8f\x9f\xfd\xf6n\x0e\xdb\x7fO\xb6\xa3\xd5rl\x94\xbe\xda\xf1\xf9\x00\x00\xa5L\xa5\xb9\x91\xf2\xfa\xaa\xcff\xab\xe0R\x80\xdf\xd87_8h\xf9k\x04Knm\xde\xab*\x1a4\xe7E\xb8\xf1A\x04\x9e\xda\xb3\xbb3{\xc1\xfb`\xfaXf\x1f\xe4y\x11veQN\x0c\x9a7\xd72\x11gb\xbf\x01\x91s\x06@\xfcZU\x93X\xdb\xb3\xb2U\xd5\x03\xebGA\x00\x8a\x19\x9bn\x14\xb72\xd6\x0eu\x03\xa3\x84\x92=\x02\\t\xc2~N\xa2\xa9A\x95\xfcF\xee\x06\x8d\x9e\xb6%C\xc6;%\x1a#\x00\xe2[7\x0b\xe8\xd5\xc8\x1d\x0e\xa0:\xd8gO\xb6U\xc7\\\xef\xbeF\xec0\x89K\x9f\xe8\xf3\x0c\xa6\xb6\xc3\xc4\x8a\xf8\x90\x0c\xc7\x0f\x7f\xf2tj\xc5\xa0\xfa\xeb\xfa\xb1\x9b\xae\xbc\xb8i\xce\x87\x19\x0f:0\x1ft\xb3\x1b\x1bXX\xa1\x95\x9e\xab\xc1$\xd5y2\xa5\xfb\xec\xcc\xf5,\xec2\x1a\xa8\x01|(#\xad\xb8J\x9aU\x87+2&gt;h\xd0\xa9\xa9\x1e\xc7\x8c\xd1u-Fnr\xf0\x15\x92\xd7w\xf4\r\xf1\x0b\x1d\r\x1d\xed1\xfcd\xe0\xb8\x9b6A&amp;\x07\x1c\xb4Zg=\r\x02\xef\x01\xb8lW\xd1\xbbX4\x19s\xa8C\xbf\xb5\xefj\x91\xa3g\x15(x\xf5\x03\xcc\xee[L\xc6\xcfS\xe9e\x13Zf)\x85\\i\xf5k\x00Y\xc4\x97L,z*\x17\xb5\'yT\xdd\x19OC\xee*\xad\x16\x10\x16f\xd6\x0e&amp;K\xc3\xf4\xde\xc6QU\x06\x00\xb06\xff\x91R\x1eJ\xc4\xb9\xc7\xad\\\xdc\xdc\xe3U\x00V_\x02xr)\x0f\xd4YiJ\xac\x04\xbd\xf5v\xce\x0b\xe0j;\x87\x1c\xfd\xa3_\xd1\xce\xae#.\x04Ed\xc5\xd5\xb3\x80\x08\xdb;O\x07\x0bHn\x00\x80\xa8\x9c\xf5\xadP\x96H`Q\xe9\xfeC\'\xdb\xfa\xfe\xbc\x9a}\xb2\x90\xb5\xf2}b_\xb8\x119\x1f;\xd5\\\xad\xf8\xdcR~\x83\xd0\x9c\xfca\\\xb4\x0c\xd8\xab\x14&lt;\x98\xb1O\x8fw\xc0\x94\x89\x88\xf0\xf3\xa5\xdc\xb7I\x1fw\xf3u\x007\x8e\xf6H\x97\xb8\x0f\xec(\x1e\xdb\xe6\xabo\x00\x8a\xa0\xfd\xa1W\xdd2\x99\x88\xd1\x8e\x1e\xea\xec`:8\xdb\x1b\x88\xf8`\xb2\x8bV\xdd\xb7\x86 \x8c_n\x00|A\xb4\xa6=#\x96\xb7\xa2\xe2\x00\x86\x03\xac.1\xc3\xcd\x9c\xa9\xc7\xe2e\x05\x9b\xab\x05Cx\x07lu\xdb\xf1\xe8\x11s\xdc\x97\x95\xf2i\x01}\x8e$FS\xfaPa\xf1\xa8\xd9\xe9\xbe\xbfM\xaa"d&gt;gaU~\xc6:\xe6^\xb5-JJ\x13\xf2\xff\x1dp\xe2\x0fy\xebV\x00\x7fpx\xea\rQ\xb7 /g\x02\xf0\xa7\x957\xd0F\n\xcb\xc96\x15\xc63=\x9c\xc4[O\xa0\xe5S@]h\xac\xd5\x019u}\xa0fJ\nV\xfe\x8c\xa3V=l2\x88\xa0\xfa\x14\x81\xce_(_\xfa\xdeA)\xf0\xac\xc2\xda\x18\xcc\xfc\xae}\x86&amp;\xddh&lt;\x8a\xa7\xc8\xa2\xd6\xdd\xfa\xd4\xee\x96am;\x95\x1e\x17O\xc7\xc3\'\xda\xc6\x16:^\x08\xde\x1cF\xc8\xf7\\H\xbd\xd5\x1e#\th\x11\xd2U\xeaC\xb4\xda\xba\xb0\x9aSi\xb2K\xd0&gt;\xfc\x01l\x8f\xc2\xccO=\n\xc7%\x10\xeb\t\xf56S5\xb2\xc2\xff-\x9db\xfe6\xff\x81\x902\xa5|\x88\xdf\xcd\xd6L\xf89mU\xff\xfe\xce\xf5\xb94\x85an\x00\x030\xa3\x95\xc8\xd2\xd1C\xac\xfbs\x95\x87\xc6d\xdb\x18\x94\xbb\xe2J\r$7n\xa5\x00\xc0=5:emr\xf5+\x7f\xa0Q\xc8\x8d\xb3\xce\xa1\xff\xa1\xb2\x91\xdb\x95\xe5\xf4\xaa:\xf7Y\x82\xa9:\x05([qj\xc7\x19\xd2\x8a\xdf\xf3U\xed\x98\x15\x96I\xae\xa8\r\x91\xf2\x97m\xcfR\n\xbd=\\\xdaT\x07\xc0\xde\xfa-\xc0\xf4yiLn&amp;\x98\x0cP\xca\xf7\xbaq\xc9,\x84\xdf\xaeg\xa1\xcb?\'\x0c\xfbi\x94`\xac\xf5\xed\x10\xf6\xd3\x15=[\x18H\x87p4~f&gt;U\xf6F\x96\x9b\xae\x86\xc0RJ)\xff\xb9\xe9\x96%\x1f\r\x8b\x07|^\xfdh,\x1c\xbb8\xf3\xe8^^\x94\x00\xee\xa0\x9cC\xe3\xaf\x91q\x026\xa3\x00\x00\xe0.3jwxG@\xe8Hs\x0c\xbc\xba\x8b6\xb9\xfe\xac\x92\x82\x0f\xfe\x9e\xf7D\xac\xc96 \xd7\xd6\xe7P\x9d\x1f\xe3\xaf\x87\xda/\x84\x8ak\x92\x0c+\xbe\x7f\x8e\x953\x16c\x0e\x0b\x93\xfb\xeav\xde\xd3\xbf\t\rM\xbd\x8fK\\\xff6R\xaa\x03]Po\x1d\x93p!A\xb1\xe0/Lr\xb0\xf7\x0c\xf5\xfa\x94\xeb\xa9\x83}\x96\xee:\xd0S\xbd\x1ei5\xd3}mPz6\x01&amp;\\\xae\xdaA\x87\xa1\xd9J\x0c\xeb\xac\xdc\x81V\xb2\x94\xb4]\x0f\xb5\xdd%\xf4\xdd\x95\xc3\xbc\x19;\x05\x8c&amp;\x92\x05\xe2\xab\xda\x83\xa4\xca]n\x84\xe5\x8f\xdb\xc7UQ\xd5S;\xb8\x8a\xf3\x9cj\x8f\xac3[\x85?\xc1\xf2\x90&gt;n\xc0\x91\x0e\x99\x11(\x0f\x05\x82q\x12\xd5\x99\xb2\x1e\t\x1aF\xc4\xd8s)\xf3.\xb2rU\x1a\xd6\xe7\x07NwF\x16U\xaf\x97([=\xa3\x94\xfbL0W:\xb0V\xb2\xea\xdf1\xc5\x86\x96@l\x87\xa5R\x9f\xa0!\xd5\x8e\x1c\x1c\x04\xe9l\x8eg\xcaV\xbb\xa5\xeb\x832\xc9\xce\x9a\x14\x03Y\xcc\x8b\x00\xa8?\xd7\x8f?Q\xca\x83f\x94\x19(\xe0\xb9n\xe9\xb6\xad\xb0\x11\xba&lt;\xe7\x8c\x0e\xacWAJ\xf5\xbf]$\x0f\x14YZ\xe4\x06\xc0\x81d\x8e1\xff\xd0\xcdmo\x00\x8c\xd2\x97\x18\x84\xdc\xa8,\x82\x93 \xb2\xd4\x0evJ[+\xa7\xe3\x83\x13\xb0y\x95Ln\xf2-@d\xf6\x0eGY\xea\xf3\xb6R\xae\x19\x94\xedh\x05\xb2\x8f\xdbb\xe4\xf6m3\xe9\xb4\x17\xc8\xda\xccY.\\\x00\xc68ZB\xf1\x8a\x00\xff\xec-\xa9\xbaW\xec\xeaCpfQ2\xe1B\xcaBq\xa6`\xfe\x89\xdb\xc69\x8c\x18\xf2\x10XGK\xac\x8c\xb5\xa6\xe6]\xaa/\xce\xae\xe9W\xb4\xce?\xfbG\x0b\xba#~S\xf3\xbb\xc7E\x8fu\x13\xfa&lt;\x8b\xeb\xc9g\xc5D\xdf-\xbf\xf4\x9f\xaa4\xf9?\xb6*\x19U\x80\x1d\xe1n\xc2\xbb]v\x18\xcf\xf6\xfa\\C\xa4\xe1\x15\xe3\x1f\x934x6]B\xab\xff4\xb0\xfeg\x83\x9fd\xec\xad\x88(RC\x84\x88m\xf5\xb7\xc6BUh\x97\x96=\xffWP5*\xbbX\x0e\xfa\x0e8\x83*\x90\x9en\xb2\x8f\xf44\xf9\x9c\xec@\x1f\xdc\xa0\x1em\xd4\x07\x97\x11\xff\xc7H}\xb0]}\xe1^}\xc2\xb3c\xa8\xcc\x11\xbc\xa6I\xf9\xd4P\xf5\x19\x9f,u\x19\xea\x13\xef\x80e\xfc\xe3\xbdFR\x1aV\x85\xee\xd0\xe7\x88\x9a\x91\xa6\xec\x92(m\x8f\xfaK\x88\xacs\xa6\x81n\xfdEz7\xd4Ik\xae\x8d\xc8B|\x08)\xd2\x0eZ\x9aD\x95\xec\xe8\x87\xee\x8d\xc7\x1e\x04\xf0\x959\t\xc3\xdc\x1c\x00\x86\xbb\xf4\x9aI\xb5\x82\xa0Rn#\x97\xe9\xc53\xcf\xa3\xf7V\x81P;-\x90\xdc\xa2Ep\x10\x01\xd1L\xcf\xe3r\x87#u\x92\x94\xbf\xb2\xb91\xc0kIEU\xafP\xcfc\xcf\xe1\x905R\xa5,\'X\xc1\x1a\x0eS\xdb\xf0d\xbb9\x95\xf2\xfb\xa5\xdc\x86\x9fL\xa8~\xe5\xa0\xef\x08l3\x08\xe8\xef\xads\xf5\xb8)\xd6\xd6\xb2wV\xfdv\xb9\xe3\x8c;W\x12\x00\x9e\x0ep\xef\xf5\xcf\xdeh;\xaam\xa6\x89^\np\x0b\xf7\xdd\xe6N\xddi\x1f\xb2\x04\xe4\xa3\xfa#\xd0\xd9U\xf7\xdf-\xd3\xba\x7f\xbd\xcc&lt;\xe2T\x1bu\x1cT\xfaSH\xc8p*\xfe\x8c\x13jW\xa7\x1ef\xd6c\xba\x9b\x01\xe2\xaf0\xd5\x87\x9d\xf0\xca\xf4\xda\xc55@\xa3kP\xaf\xfb\xebzE\xb9\xac\xef9\xc3\xdd\xbd\xb4G\xcd\xd5\xfa\xe0\xf6\xa5\xad\xba$\x1b\xc7\xe6\xdd\x15\x11\x91~\x9e\xa0!\xc4]C\xc4\xafb\x01z\xb9\x8d\xa0\xabj\xdblU\r\x97\x0ev\xd58\xc7iE.\xd4};\x8b\x16?\x84b\xb4G\xbe?u\x91\x1d@\xb9\x0f\x10gokx\xa4\xab\xf1\x84^~\xe1\x80a\xe9\xe0\xa6\xc6\xa2\xc9\xf5b\xbcm\x86\x89u_-\xedw-\xd6p\x06\xbcU\xc7:\xf9)\xfd+\xbd*\xab\xe3\xb6\x1eG\x9dNDo\xf8\xea\xba\x93\xd9{\x15\xaf\x92w\xbf"\x02\x9ao\xbf\xbf\x94K\xd3&amp;\xc3\x8e\x0f\xfb\xd5E\x97C:\xc9\xdf8\n\xc3\xdaq\xab\xe1#\x00\xbeO\xcf\x00(\xe7]J\x9d\x00\xbd\xdd\n\x1f\x0b!\xd8\t\xf3\xb5\x8e(\x19\xaddK\xdd~Bs7K\xa6iA\xd1\xd4c\x8fBL\x9c\xf9o\x02\x94{\xa5\xf0Y\xb07?\xc6\xfe\xe7B)\xfd2c\xf6\x1e\xd1\xffc)\x1f\xa1O\x96\xbdN\x96\x19\x00\x00l_C\xdd\x0e\x00\xbb\x08B\x89\xbd\xbao\xcc\x93\xcbei\xa1:\xf7\xee5\xa0\xab3\x0e\x97\x1bN0&gt;4.\x11\xb6}\x8b\x1a&lt;m\x113\xe1]\n]\xfd\x01\xd6`\xeeK}\x8e\x9e\x82\x82\xf0tX\xd8ya\xdc\xf7\x0fd\xb7\x00\x9d\xf1pb\xf7I` \x8d\xd3\xe5\x8c\xf6T\xda\xa6o\xff\xfb\xe0\x9c\x1d\x12\xb6\xb3\x89\xe5\xd6\x8f\x9fZ\xc4\xff\xf2\xd0&gt;F\xaf\x99\x06\xc1\x04w\xdd-\xd4\xd5\xd2.xQ\x9a\xa8\x14\xb8\x8d~\xab\xa6\x9c\xd4\x86\x11\xa6\xab\xe4\x8fP\xb4r4\t\xa4\xfe\x99\x01x\xa0\xdb\xf50\xd2\x89\x97\x14\'\x14p\x85\x8a\xd1}g)W2UZ\xca\x05\xaeNzpq\xcdR\xde\xb6\x88{\r\xc0\xc7\xc8g\xcbX\x1c\xca\x04\xb0\xed\x90\xf5\xa8F\xdf}2\xb1\xbe\xca\xb66\xbc\xa8\x94\x8fj\x17\xa29Y\xdf\xaf5D\xdeW\xb1\x8d\x0c\xe5I\x92&lt;\xc9\x93\x8e\xe0\xf4\xd8\xc9&lt;\xf5\xffB\xb9\x99\xc1A\x1b\xc4!\xdbH\x06\x80\xe4\xff&gt;-\xcd\xc6\x9c\xbcPf\x84\xc3\x01B\xac\xaf\x92n\xa9\x92\x97|\x00|h)\x1f0nIe\xc00\xa0\xd5\x96\xb5\x9aHbj\xf05\xca\xef#G\x14\x99\x01xXV\xfe\xf5o#\xa0[\xbe\x98\x88\x88\x80W8\xa7\xca\x89\xb1e\xab?@?\x7f\x96\xbf\xfd\xa8\x90\xf2\xac\x7f\xbc\xad\xde\xbe)\x80\xb2\xfc2W\xf7\x95$\xea\xb4\xb4\x86\x15\x97\x97\xac\x81\x86\xb5\x1f\xb5\xd2k\xd5\xd4\x85\xc6\x8d%\xd7\xfa\xb2\x08\xbe"\x88G\xf1\xa7]\xfd\xd7\xf0\r\xb5\x8bF\x03\x8b\x0f\xfdXW\x7f\xf4\xca\xec\xc2m\x02\xd2,\xb3na\xef\xff5\xee\xaf4\xadkuG1\x88\xb5\xe1`eq\xde\xaf\xfe\xa3\xe9\x00\xec\xc6\xbf9\x1aw\xcc\x97\xad\xea\xb5\xfd5\xd7\xcd\xb6.\xfcg\xa1\x80:\xc4\x0f\xd9\xae?\x16\xe0\t\xe1S\x16\xea\xb9\xd3~\x9f\x08b]\xbd\xea\xfa\xd4\xf0\xe3G9Sn\x86g \x00\xde\xd0VL\xe0$_\xa1\x94\x9eDE\xd4+\x03&amp;t\x911\xb4\xad\xeb\xbdE0\xa5\xf3\xaev\x01\xb63\xd2\xc9\xdf\xf3\xb2\\\xf5u\x03\x1a}\xe6\xf6\xa4n\xcc\xf5\x1cp4E\xf4\xd7\x19sO\x99/\x1ctJ\xed\xf8\xf67\x97\xb2\xfcY/~\xa5\xad\xb0c\xc3\xb1\x91\xb5[\xb4\xd5\xe3ig\r\x13\x81c"Cg\x85\xd4\x80\xc59K@\'\xc0\x96\xab\xf2C\xb3\xdd%\xa0\x9f\x04\xf8\x1ac\r\xe5\x19\xbd=\x84\xac\xb9l\x083\xa7g\x84-\x80\xf6K\x1a\x96\xa0\x19\xce\x9a3\x1b\xc7\x80;d\x1dW\x12\'\xb3u\xb0:\xd5\xa1\xbc\xa9\xc0u\x16b\xd86F3\xa3\xb7n\xaex\x15\xc0\xc7\xf6\x85\x08\xb5\xd7zu\xa5to\x0e\x88\xac-\x8d\xac\xb4\x878A3u\xc4\xf8\xdbN\xd1\xdd\xd7T\xd5\x19\xb4M\xc0\x90+\x8b\x8d\x94\x91\xdf\xdf\x8d[k\xcb\xee\xcb\xeb\x9fV\xca\xcb\x1c\x8e\xaa\x95\x84\xfe ,p\xc4ue\xf3,\x01\xf9E\x91\x10\n\xc0\xc7\x91lk+\x1a\xacs\x03\xc9K\xa6"\xdc\xae\x02\xd0\xbf\xa2\x98?\xbe\xb6\xa5\x1a\xbf\r\xfe\x06&gt;:^\x83\xd0\xf2\xd47\xaa\xff9gpW\xbd)\xfd\x0f\x1e\xc9\xfc\x87\xed\x8f\xeft\xc9h\xa8\x15\xd3\x0e\xaf]\x9b\x90\xb2\x98\xa4\xab\xa7\xcd\x8e\'}\xdc\xd2M\xe3\xf8\xb9\xad\x02\x1aw*4hW\xec\x14V\x1aU%\x94\xd2b\xcf\x07\r\x87-\xadI!\x974M\x96\xf7E\xbb\x95\xc0z\xffo\xfd\xca\x9er6`\xe9\xbe\xde\x97\r\xff(\xea\x9cM\x13\xca\x1e\xeb\x0c\xed\xf9\xe8oW\'\x89\xd4\xaf\x192T\xed3\x038[(9\xd7\xd4iOO-\xb8\x8d\x9f\xa1\xb0\x08w+&amp;\xb5b\xdc\x8e\xac\xb3\x0b\x97\x02p\x1f\x80_\xd8\xb2\x9b\xca\xae\x06\xe02\xac\xd3\xf5\x14$2\x0erR(\x93\xa7\xec&gt;\xcc\xc4\x11k\x1c\x1a\xa2\xf7OV\x83\x9a\xab\xe6\x92\xc1\xe6l4\xa0@\xa6k\x9a\xad\x84\xf3\xac\xea\x14\xf2\xe5,%a5n\x11&gt;H;\xc2;5\xf2\xcb\x16\xddo\x89\xbcJ\xe6\x9f\x1b\xf3\xb3Y\xf8K\x80\x9b\x96\xed,\xb1\xe5\x1f\xc5|M\x9b\xcbm\x98&lt;\r\t92\x03X\xabrx\x92\t \xb0\xa4\x02\xbb\xdb\xf2\x96|\x1b\xf7Tv\xee\xbdw\x9fB\x94\xf5\x19\xd8\n\xa0\xfd\xb6\xc6\xd3\x97\xbeZ\xb6\xebj\x04\x9d*\xcb\x07^*\x15\x0cZ\x9cn\xd4F\r\xb1\xfa\xd2\xd0\xefS\x03\x0e[\x1cj\xd0\x87\xb7\xcf\t\xafb\xe6Z\xd6\xc7-\xa5 \x9aL\xb1\xec\xdds\xf3Ln\xcc\xed\x13\xe2SM\x19\xaf\x17J\xf6X\xa3`w\x88\xb0\xe3@bj\xd1I\x80!3o;\x1f5d\x93\xf4c\xaa\tJ\xa30\xf9\xfb\xcc\x95\xbd\xa7\x8d\'\xdb\'|-\x1br\x03Xk4K\xf2h\xad\x05;\xd6\xbb\xba\xa3\xb0\xc1\xb0Nc"\x12\x0b\xc0\xd7(rt\xe9\x0e&gt;\xcc\x97m\x83Mmr\xe7\xccSI\xbc3\xfdp\xf7\xfe^\xbf\x05\x18\']\xbe\xcd\x87\x83\x82\x00\xf8\x0c\xf3n\xad\xbbx%\x88\xfe\xd6\xfd\xcc\x94\x9cV\xfcLe\xe2\x90\x85\x11\xbd\x8cM\xba0\xc4\xd6\x84|qF/\x02\xc1f\xf8\xaf\xc0G\x1a\xfa\xdd\xb0\xcf\x8aLU\xedEy+\xb3\xae\x9f\xff\xc8$\xbb\xe7*\x85o\xfc\xbc\xb69\xaa#\xd9\xc0\x96\xa6\xe8%\xad\xe2}d\xf1~W\xd0\xeb\xeb\xc0]\xcd\xf0\xdcVe/a\xe0\x8b\xc7\xccb\x8f\xb4\x15\x8b:\t\xd8\xc7\r\xf2\r\xf9\xb4\xf9@n\xe7\xbe\x9a\x06$\xbaU:\xc5u1\xba\xa6\xc9\xb5\xa5\x1b\xc6\xc3y\x0f\xbd\xeb\xb6\x90\xab\xcc\xe5\xf5\xca_Z\xd9\xec\xb2\x06G\xa5J\x10\xe9K\x909j.7\xd4\x88\xc4}\x86\xf4X\x92\x86\x00\xf8zm\xc3\x9c\xc7\xd0\xaa\x8e\x94\xc7i\xac\x14\xce\x9b\xce\x8e\xf4\xfaQ\xa3Ym\xe2\xab\xbapQ\x1c\xcc\x1c\x8d1CN\xefF\x1b\xfe\xdd\x888\x14\xd6\xb3X%:\\%\x10\x9e\x13\xcfh\xd3L\x8e\x19s \x90\xcb\xf1\x82/&gt;\xc1\x081\xce\xdd\xad_\x04\xe3\x8e\xbbPN\xae\xd7\x92\x11e\x88\xf7\x00\xc4\x1f\x9d\xed\xa65]-\xe5\xdb\xadg\xea\xd6\xb0g\xbe`\xe8vs\xa2\x0b\x81]\xd6\x92\xe2\xb7\xe8(.\xf2\x84F\x15;\xbcF\x18\xb6\xdd\xc3\x99\xb6\xeaU5=\x93JB\x80\xaf\x98\xd4PU\xd9\xef\x0e\xd5\x84\xee\xe2\xec\x8f\xd9\xbeG`nN\x81N%LX\xc1fG#(,\xe7`\xf4\x1d\x93\x07o\xd7\xff\xafI\xc3\xf8\x0c4\xb7\xb5\xb6n8K\xc0\xac\xbf8\xee\xa8\xa8\x17d\xaaw\xcd\xe0)xKY\xfe\x9c\xe9\x19\x06\n\xc4\xd3]\x98X\x0e00\x04^\xdfG\x99\x9f\xda\xbc\xd2-\x7f\xa9\xbf\xc0\x1c\xe8&amp;g\xb8o\xd1Am\x06\xb9\x1d\xea\x0e\xf0,\xcb\x19\xbdF\xd4\x9c\nTKr\xe2&amp;\xdaRl%\xbe\x8f\x9e\x94\xcc\x02\xff\xac\xebf\xb0w\x1d\xee\xc5y\xe6S@+\xd6(\xbd\x07{,a8\x8a\xf5\xc1\x83\xa2\xbd\x0fN\x97\xbb\x92\x99\x0f\xed-:X\xed;\xb5\xfdG}\xd8\xe3\x1fe\xfcU\xf2 \x9a\x9e\xeb\xc4i5gi\xd5)9\xaa\xfe\xca-\xf59\x16B_\xaf\xcb\xc7\x81\xba\x8b\xdb\xbd\xa3O\x8c\x9e\x1aH\x86\xd8ZV\xbd\xa7SJ\xf7\xf6\x0e\x12\xa7\xf8\xfe\xfc\xacR\xee\x19\xd5\x10\x94\xe9c\xabf0Y8h\x037\xe4\x85\xd8\\n\xf8T\xd8\xc2\t\xe0\xfdP.\xa5\xca"~\x02\xccJuMP\x16\x04M\xb9f\x99R\xe0\xf0\x82\xeb/\x05\x91\xa7\xcb\x98\x8ey\x08\xbc\xc22\xab\xe3\x8b\x82\xb4\xf0?j[A\x8b=Og\x86`\xad\x86(\xb7\xbaY\xa7&lt;\x9b\xc8\xa9\xc9\x1fH[\xf0c77\xa0\xd1\xa4\x90\xcd\xa5;\xfd\x123$\xc8S\t\xa9\xfa+\xf4\xd9\x95\x17\x97r]\xde\xdf\xc0\xf9\x1b\x11\xd7\xdal\x91pD\xcf)\x9c\x84\xa5\xf3\xb8\x91do\xad\x95e=]\x1c.\xcc\x97\xaf\x9c\xc7\xcb\x8a\xb7\xcc#\xfe\xd8\xfa\xd7;}.\x1b\xb9\x17M\xa3~\x14\xdf&amp;\x1f%&amp;Q\xfcr\xe5[\xc81v\xd9V\xff%\xe7+\xda\xfc\x95\x8b6"\xc2\xee\x08a\x94+\x0c\xe1H\xadO\x97\xf1\xe3z\xf2 \xa2T\xfb\xbc\nt.f\xa8A\xa5\xbc\xae\xc2\x8b\xbf&lt;\x1a\x00@\xf8\x7f\xa5\\F\xd3\x07\xfae\xc3\r\xf0\x87\n(\xdd)EM\x05\x9c\x94BQ\x92~\xff\x13\xd6\xc8H\xd7\xdfQf{\x08D\t\xe4{\xad\xbag!\xec\xed\x99)^\xe38+\x03\xe8\xd5h\xea\xef\xc8\x8c\xfc\xd4\xe4.\xa5&lt;\xcfj\xb8\xd0\xcf\x8b\xa8\xb8j)\xef\xd0\xe97\xf6n\x16\xb5\xe2\xe3\n\xbcJ\xb3\x15k\x0bm\xec\x0b\xc0\xeb\x00nD\x84It\xf1\xb2\x9f\xaa\x92FV\x8e\x12\x19\x95`\xf6\xe0he\xb3*Z\x82\xcb\xdb\xd3\xe2\x81%K\x8d\xe8\xad\xf1\x02\x00\xc4\xf7\xf1\xb7\xed\x1eCf\x00c\x90\x8d\xd4\xb8\x17\x0cl\x15\x8f\x04(\xfa\xea\x0f-\xaa*\xf5\xa3\x81\x9f\xd5\x1f\x11\xeb\xd5\x94\x7f\xaf\xfc\x99RvJ\xd1H\xfa.,\x11\xe2c\x84\xa0\x8d\xee.\n\x87^\xc7\x9a\xba.WW\x93\xbe\xbf4-\x96\xb5\xa6\xb7\xb3ct\xd1}\xd99qo\x13OL\x0e\xf0%0\x15\xb0IZ6\x14\xcf\xad\xc3\xf3\xa7\x8c\xa6\x7f\x90q\x17\xfe\xd1\x0c/\xb7&lt;m\xc8\xa2\x94\xf2\xea\xe5\xaf{w-\xa1\xdb\x18\xdb\xc2\xb7\x05\xd87Bvx\xf2\xad\x8ck\xaf\x0e\xf6\x9f\xac^\xab\xcb\xa3&gt;\x13I\xbd\xbeO\x1f\xb5\xc7(\ri\xf1\xa1V\xc8\xb4\xea\x0f\xf6\xffrY\xab\xae\x0e\x7fe\xc50W\x7f9\xf8\xf8\xbbZ&amp;\xcd\x18:\xf7.\x1c\xa8\xb1\xaa\x88"5;\x1ane\x05\xbf\xfb2\xc7M\xf4?\x94r\xb50qH\xa2\xd4s\xa8\xa1\x8c\x07\xadDd*sr\xb2\x99]1\x1a\xcf\x15j7YH.s\x8e\xa2\xfd\xbcbp\xe4f\xb3{YG\x9e\x0b&amp;\xac#\x015\xc4\x1e[o\x0bli&gt;\x04&lt;\x8c\x15\xadT\x14\xfe-n\xe8&lt;\xad\x94r}\x80\xbf\xb5f\xca\x12V\x14(ZC\xa3\x0b\x9f\r\xf0\xdb\xaa&amp;,&amp;\x19&amp;\x1fV\xfa(i\xda\xad_)pW\x91\xa1\xde\x12\xe0\xc5\xcd\xcd\x1csY\x0eow\x96lo\xb0\xe4_\xdd\x1cA\x84\xee\x85\xea\xf6\xd0g\x06\x00\x00f\xdeJ\xf1\xf1\x91\xacs\x86\xe1F\x88\x88\xf89.\xcd\x16\xc1\\\x8d\xfa\x90\xb5\xb7\xd3|%\x12\xf5\xb0\xb6\x03\xf2\xbf\xdc(M~"\x04s\xa0\x89\xe3\x93\xc1\xfc\xe0\xb5\xe2\xfb\x90=\xc9\xdbZG,\x16\xdf\xa6\xa3=\xb5\x9b\x8b+\xfc\xa3^\x1c\xd9bZ}\xc8D\x16\xe8\x04\xc0\x95\xe8\'\n\x00\xc0\xab\x03jW\xa6\xf6\xbd\xfa\x02\xac\xa6\x12\xa3\xf8\xdb\x85\x87\xc6\xb6,\x81;[\xfd\x8d(~\xdb\xbb~\xc7\xd4d\xfbGz\x82\x1b~W}\x0c\xc6\x94\xf6\xae5\xd8\',_\xe24\xa4\xfcE]\xdeMY\xba\xd5\x7f\xe9\xd1\x8d\x88\xcakR\x11\xf5\xc9\xdc\x00\x00\xd4Y$\xae\xbcJ%\x93\xf3\xd5h\xae\xa26\xfe\rD\xc4+\xc3h\xdc\xd6\xb8\xc3\x0e\xbe\xaa\xff\x95n\x8d\xd3W\xa9\xc8\x15\x8e\x8fF\x00\x80w\x98\xabm\x84MQ\x1d\xdcpz%\xb1\x0eZ\xa9\xeeC\xa5\x83PQ\xb1\x18\xd4-a\xdb\x15\xd4\x1e\x92\xc5\ri\xab}y^\xcf\xbb\xaa1\x9b\xa4w\xd2\xb1\xc3\x17XN\xb3\xfc\xbb\xbc*\xfc\xa6\xd5S\xee\x02\xd0\xea\x8f\xdaBm\\g\xdcU\x15\x9d\x06\xa5\xff\xfb\x16\xfer\x08\xab\xf5\x11\xd5z\x91_\xfe\xd3\xd5#\xa5\x9b\xad47\x05\x9f\xbe\x14\xf6{a\xa7-\xc2\x14\xf2&amp;@}\xa21\xfa\x93J\xff \x86\x92\x8a\x1a\x86\x93\xf5\x04z\xbd\xae\xd1jb\xdb2\xe2\xebBy\x03@(\x03\xd5e\x95\x8e\x06\xa8+\xab\x1cb)\xfc\xcbK\xf9\x14q\x91\x8bPX\xdd\x03\xca\xb3\xf4dyg\xd9\x8b\xf1\x07\xc5\x9e&lt;\r\xa7\xe6u\x8b\x06\x92\xdb\x94\x8em\x93-\x9d\'P\x8e\xc5V{\x80IsI\x9b\x17\xf2\xec\xb2\x82\x17\x96\xf29\xban\x9b=\xf9(/k\xab\x16\xfc\xc4\xbaV\x06\xa5$\xd8J\x16\x87\xb6M\xa2\xa4\x1c\xfd\xd6\xd9^\xbc\xd5\x85\x17\x97r+\xb7\xc0%\x05\xc9\xdbH\xdc\xa0\x13\xba*\xb3gb\x8c&lt;j\x9agf\x00+\x0c\xaf\x1cPR\x92\xae\xe6\xa95]\xbd\xe1\x9d\x80\x88pQ+\xb4\xf6\x83f\x94\xbf\x15Y\x1d\xa1\xaa\xeaJ\xac\x05\x01F\x83OV\xd2\x825\x7fpE&lt;KW\x0b\xe8Rx\x004\x9c\xe1\xb7\xc8\xaa_/\xfe\xf8z\xf5\x9a4D\xc5\xfaUR\xb1\xf0\xe1\xb7\xb7`y%~\x11\xb0\xbc\t\x11\x10\xafJ\x8b\x1a\xdd\xea\x8f\xdb).-\x81\xd5\x03\xed`7O\xb1Y\xba\xb82\xdca\xeb\xa6\xac&gt;u\x86!\x8a\x94\xf2\xf1\xc7\xd6f \xe9\x82Q\xb7\xdc\xb3\xfa\xf3Q,\xed\xef\xed\x8a\x1f\xfe\x9b\xb8\xd5 \xc7l2\xd5\x1c\x08\xfb|\x84Q\x94^5\xa59O\xdd\x96\x14\x07\x10\x07\x1dy\xb2\xc3\xd3h\x97\x19\x00G[ ~\xba\x94\xaf\xde.\xeaa\xd1x\xc7\xad\xa71&gt;\xa1\x1e\xe6\x8f\x92\x83\x8e\xb2(\x0fJ\xfap\xc2j\xc2\x19\xb4\xd5\xdb\x14\xa2L\xef%\x00\xecu\xabAt\x9b\xa1a_T-\xbf\x96z\xea\xc7E\xf5\xa5\x80\xe3\xe8\x06\xb0\x9e7\xd2&gt;\x12\x85\x01\xe0\xcbJy\x9a\xd3&lt;\x00\x99&amp;\xaaT\xfbB`}?3\x0e\x87`\xd0\x8bB\xec\xd0\xd9\xd7\x19\x1d\x8da\x01\xb18+\x94\x87w;\x8c\xfd\xa2Q/\xb7\xef\xd7\xae1\xb5r\xf4\x1e\xf7+\xe5\xe7v0\xb7\x19\x8e\xb1\xc3\xa2\xb9\x01(\xd82|\xf2\xb1/\xeeG\xac6\xbd\xa2\xad\xec\xeb\x12\t V^g\x03Pb\xfc\xaf\x82\xf2\x94\t\xd1*\x7fc\x03\xb0\x12y\x93\x1b\xd5P\xe3Y\x97\x8c\x81\x0f\xbf\x1f\xe0CE\x05f+z\xac\xff/\xc6\xd7\xb0\xed\r\xa0/\xde\x14\x00\xfc+\x80\x9b\xb8d\x13\xf07u\x878\x08\xb9\xb0\xf2-\x8dp\x9e]\\hikX\x11\xa5\x92\xd8\xac)\xca\xb8\xef\xdf\x01\xba^\xb8\xa1\x8f\xef\xe1\'\xd9\x00\x08\x9f\xeb\x00\xbc\xd1\xa6\x9a\xc0\x96\x87F\xd4\xe3\xa5\xc8)A\xb9\x01t`K\x7f\xbbh\x96\xd1\x01\xc4\xef#n\xb7v\x84\'d\xb5\x02e\xf8C\x0cE\xc3\xd1\xf9\x99G\xe6W9}Ju\x03\xf0\xa7\\\xbfI@]\xd0;A0\x9c\x18\x97\x02x\xbfdj\x88\xe6\xe1\xeaY`\xb0\t9\r\x02P6\x00\x00\xb6\x07\x0c\xb3\x10+o\x00\x80\x8f,\xe5\xad\xa3\x80\x86\xf1\x8cn6\xf7(\xe5\xd9\x03\x12]\\\xc0-c\t\xae\xee\x12\xa5\xa8\xb7\xf40\xa5\xe5\xdf\xa5\x00\xfe?\x80K\xab\xb2f\x11\xf0s\x89i\x99\xb9\x01t0\xcfKA/\xe3 \x00\\\x0e\xca{\x0e\x89\xa3\x88\x8b\xd6\x19\xc2\xdc\xb6A7\xbcu\xc5\xe8\x0b\x11M\xc3b\xfe\x86\x91*Z\x96\x92\x8cIe\xaa\xca\xcab\xbb\xe6C\xc7tv\xe1\xf3\x99V\x963*\xcc\x84\x9c\xb1!\x97\x05\xb1\xd6\xcdu\xc8F\xe7\xb7\xb4-\xf1\x7f\x19\x0c\xb9\x85  q\xe8\xe0\x8cT\x15=\x05+\x99\xf3\xd4\x13O\nX|\xac\xc12\xcd\xa2\xa5#\xae:!\xecp\xcb\x1d\x12\xf3\x10\xb8C=\xb2C|v\x17\x1d\x93\xe1\xa7G\x83\x05v\xae\xfe\xf4\xbc\xf1\xf1\xa5AQij\\\'}\xa6PWF\x04@.\xa9\xb4_\xfcp\x94$z\xea4\xc1\x1e \xfe|\xb3-\x13g\xc6\xef\x03\x14\xf2\x07Sl\xf98;m\xeeZJ)\xd40\x13\xcaL\x84\\\xeb)r\xf36\xbc];\x1bld\xdf\xc9k\x92\x05\xe0Q\xdd\x90\xb9\xda\xb0\x0e\x90\x06\xd47\xea\xaa\xa7\x8e\xc1\xfa\x8c@[\xf8\xa8.\xae\xf0\x93$_\xa5=zkg\x06MWvGP\x92\x14\\cQD\x9b&gt;\x1dPx\xee\x83\xf4\xd5\xeavR\xab&amp;&lt;q\x12X\xa6Tf \xbd\xb5\xb5\xb5\x1c\x91\x1f\xeek\xac~\xb4\'\xdb\xa3\xfc\xae\xe6{K\xdc\x13P\xbb?0\xc7T\xdb\x18C\xf5\xce\xb0u\xbd\xf2}=\xb7+\r\xf4\xbc\x1d\x934\xa58^\t\xa0\x86\x1d^\x9f\xe60\xd5\xbeJ\xb7\x1aZ\xea\xf9];\xa8\xff\x14kB?#%\xa6\xb2\xae\xccl\x97\x06\xccu\xc5\xe2J&amp;&amp;@\x8c\xfb\xc8\xe5OD@\xfc\xc6\x88\x97\xb3+*g\x7f\xb8\xf0\xb90&amp;Rt\xd6\xa5\xc4\xfb{*\'B\xfb\x95\xfar\x9ap\xf8\x9c\x05\x9fM\x9c\x82\xcf\xed\xc61\x94PKV\xb2_\x01&amp;\n\x0bD|\xfd.S\xc4\xed\x141\xe0n\xf8\xbc-\xf5\xc6}\xdc\xab\xee\xde\r`R\x8a\xcd\x98\x06yxe}\xd0u\x86N_\xe6t\x03\xc5Cf8,\xc83\x00\x8ee\xc1\x88\x9fX2\x9a"\x1eA\xc1\xfe\\\x01\x91?\x9e\xd81\xa95\xc4R\xe0\'\x01\xbeZ\x7f\x85\x0b\xe2_\x95\xf2\xd1\xada)\xa0\x7f\x07M9\xadby\xbd|b\xc4,\xf1\x8f\xdc\xa5\x17-\xeb\xad\\\x90\x06\x91O\x07|t8LL1\xe3\xb8{\xabb\x1f\xac\xddr}\xba\x8c@\xd68\x00\x00 \x00IDAT\xb7\xe2,C\xf0\x89\x00\xaf\xecU\x8a\xa8M\xef\x01\xf4\xf5\x19\xdb\xec\x8az\xbb\xa6\xbd3\x16\xdc\xfe\xee\xa1\x0b\xc3&gt;cs\x0b\x9f\xe8\xe1".\x05|\x7f6W\t\xc3\xc1\xecY\xe94\x1b*)\x8aZ\xadh\n\xc0N\xf5P\x9c&amp;\xe6\x19\x00 \xde\x83~,\x00\x0f\xa9\xf5&gt;gD\xf8-^\xfbf\x1f\xeb8\xad\xc5Y\xad1@\xef\xc9_\xb3\xea\xc3\x15\xbe\x0c@\xf9h\xd6ri\xfeI\xe0M9\xaaP\r\x8c\xe5\xa2lU\xafX\x10\xc5\xc2|ey\xe7\x9aD\x02\x14\xec\xfe\xc2\xfe}2~\x03\x1bd\x05\xb6i\xca\xf6\r\x9d\x00\xc3\x91&lt;\nQ5F|\xe5j\xbb\xc2\x9a\xd4O\xcf\x14!B\x87.Uyao\x82/\x1a\xeb\xef\xe6CV\x1a\xb4.u/\xd2\xda\xac\x9ao\xe5\xe9vj1\xde\xef\x87\xca\x8e\xc1y\xc4\xfc9\xc8X_\xaa\xd7\x03\xe58\xab\xce\xe0b\xf2\xab\x97}nd`\x8a\xb8\xf9\xeb\xabDD\xb6\xfaKV\x99\x01(\xbb"\xbd%/v\xcb:\xb4t\x81^\xa1dt\xe9WD\xb0T\x00\xbai#\x9b\x0c\xb9\rC]0\xfa\xa5\xa7\x1a\xb0\x06\xc5\xf1\xd0\x185\x05\xe2\xe9\xa9\xb2k\xbar\x1f\x00\xf0\xd3\x0e\xf3\x93\x85\x83Q\xd4\x94\xcc$\x00\xee3[\xc3\xcem\x087\xd7t\xa5\x94\xbe\xed0\xc0\xaf&lt;\xd5\x00\xc5\x16\xe2\xf2\xa4)\x0e\x00\xdf\tv\xf1U;R\xabKA\xae\xfe|\x89\x88\xe6\x96y\\\x81\xc7l\x8a\xd4\\\xa7\xcfH\xb4\xc7\xae\x9a\xee\xa7K1\xb7\xa0QZC{\x18Iu\xb0\xdc\x00:&lt;\t\xe0\xc1\xdb\xdf\xf6\x940\x07\x90\xae\xbf\xe39\x13~\xb8\x93\xb5\xf2u!\x85\x1de\x19\xb2:5\xb1U\x9c&amp;Q\xd5A\x9f\xc1\x98\x922\xdb\xaf3\xc2\xbb\x01.?9\xac|E\x93\x03zli\xd6\x85\x1a1\x8a\x89\xf0\xafCN\x15\xa2\xcd\xf8\xa6t_\xbb{o)\x97\x9d\xe1\xaf\xf7\xab\xac\x0f\x1d\x8d+\x8a\xd0\xed\xd0\xaeDVo\xe1\xf1\xca0\x82\xac\xf8\x18\x80\xbf\x94WU\xf5"\x01V\xd1\x7f\xd6\t\x91\xaf\tY\x02j@\xc4\x07\x91\x82\xc3Om\x89m7`v\x8d\x00\xeb)!I\xe7i\x85E\x1e\xd5\xd0\x8c2r\x8a\xd3\x95\x0bY\x8d\xa9*\xb8\xfcO\x96\x99N\x85]\xa7N\x8b\xa6D\xeb\x02/\xab%\x92\xa2\xf4f\xfa\x97\xd9\xb5\xde\x1a\xa5XK\xef\xdd\xb5\x02\x00@\xbc3"^^\xce0W\x10)\xc4\xd9\xfaU\x86\xdc\x0f\xf9\xf8/\x85%\x8c\x98\xeeYKE\xe7\x0bMk\xb0^L\xac\xfe\x96c\x06\x9a\xffkcD\xaf_\xa6\x1e\xb7\x1a\xbb|\xffi-V\xf1~-W".\xcb\xd2.\xa7/\xbf\xda)\xc1z\xae\xae\xd4*~\x14\xe05\xb1\xb9\xc4:\xd5fa\xe9\x1e\x0f-F\x1b\xa9Ef\x00+\xd8h\xe9\xe9\xa7S,\x02%\xf6\xa7\xeb5\xf4\x04]\xadF\xcb\xd7|%w\x07\xb6\xc6\xda\xe7\xeej.\xce"\xc4Vk\x14\x81VLU-\x13\x87n\x15\x19\x16\xe5\xe2\x89H\xb77\x07\x9b\x00\x14\xdb\xc2\xban\xc6A\xa2F0\xd0\xc5/.I\x17\xdd\x9f\xf6\x15\xfb-\x1a=[\xc7\xd9\x8aq\xdc*\x8b0&amp;\xa5.SS\x1b\x00\xf0\x1dP\xaeR\xdaG/\t\x00\xb1\xb0\xaan\xa6N\xdeeIa9\x87\xab\x98\xadI)\x80\xd7\x02x\x93U\x1aR\xf9g\x06\xa0\x04\x0b\x88\xa8\\\xf5]G\x0c\x0c\xe3X\x0f\x06J=\xdfk\xd9\xa39\xa84\xd2\xeeR\x87\x99D\x9b\xea\xc3c\xed\xfe\x13*\xba0J\xfe\xfa\xc3E\xbd\x9b\xcfj3VV\x89"\xab)&gt;Ik\xc3\x02Ou\xacDue\xf9\xdf\x1f\xd3+\xb0D\x8a\x1a\xbd\xd0\x07\x10\x1f,\xaf\xde\xc1me)3\xbc\x89\xf8F\xf7\xbe\x02\xcfO\x1c\x0e\xa2\x82\xefW\xa5\xfc4BY \x17&lt;c~S\xe1-\xda\xe7e\xe8_G\x96Z\x9e\x88&lt;$\xfaS\r\x05\xa0l\xab?\x8c-\x8d\x00\xef\x91\xd9\x06Q\x91q\xfa\xc7\xbe\x03e\x93\x18R\xccK\xed\x11\x01\xde\xb4\xa9\x94\x08\x03\x07X\xc9^\xe3N\'\xd9\x00\x8d\xe7\xd3\xe9\x82n\n\x93\x8a\xbdR\xa1\x9f\xe9\xa3\xba\xcfmRzqcn\x9a\xf2\x16Y\\IG\x1c\xc4$\x12\xb9]\xf1\xad\xbb\xdb\xe1.\x8c\xe1\xb3k\xef"\x8a\xd5\xa1\x14\xeaM\xf4.\xd0-\xdf\xe0\xa8\rb\xccJ\x1eu\xe7\xc0\xbc\xa1\xce\xa4\xe3\xff\xb5\xee\xcc2\xed\xa0*\xe6\xd5QY\xa7 `\r\x1c\xf1\xd1\x14\x1b@\xb4\x92\xdb\xe4i\xa6\x03W\xc9v\xbf\xfe\xba\xce*K@\xa3Q)\xed)\x8b\xfa\xd1gBJ@\xa0\xe6b\x95F\x13M\xe2\xf1\xa1\xbb\xc4\xab\r\xa3\xda\x11\xcd.Ee\xb9\x95\x1d\xea\xa3\x1eA]\xe2%\x14\x0b\x96\x11\xc6\xf9\xf2V\x7f\x90t\x97\x03x\x8fd\xdeWo\xd7\x01\x82\xda\xd9RJ\xf7\x88\x17\xbd%\xf7\x9ax\xc9D\xcd\xeb\xed!Ph\x98s\xe2\x95\x00\xfeI\x8d@\x85h\xb7N\xd2+\xd6\xbb\xa5(\xbcp\x95@w\x12G%\xdc\x0ck*\xb6\xce\xc4\xe5\xcf\xad\x95\xeb`\x9cOU\x9b\xaa7\x1a\xaa\xe0\xaa}\x16\xb5P\x0b\xbe\xef=\xad\x94/[\xc8\xd6\xe0\xc4S/K@\x00\xa40\xb2\xa5\x8d\xa5]e\x1e0\xb3\x87\xd3B\x8b%\xf76\xe2\xa1\x0fz\x17\x94W\x8fP\xda\xb02\xa5t\n\xd9\xac\xf8\xd2\xc3tCq\x8c\xb6\x15\x85\xcei\xda\xa9T\x87\xcc\xaf/\xc8\t\\\xdf\xde\xc4F\x9d\xb0\xd7\x0e\x80\x00\xbe\x96p\x05|m\xfd4\xa1y\x0c,\x88\xf3(\xc5\x87\xf2\xcfa1\xfe\x9a\xc5\xe3\xfe\xb3E\x1d\x04\'g\xc1\xe6n\x00\xb0\x95j]\xa6\xb4f\xa2WuN\x15\x95\xf7\x7f\x07\xd3\x8b}XjAVA\xeb\xcb\xdat\x18+\x90\x19\xc0\x00V\x10\xd1\xd1\x80\x12P\xfc#\xc0Ub\xd1+\xdd\xa8u\x82\x9b\x03\xbc\xcc\x8c\x01i\xe8\xe4\xc0\x89\x95\xac\xfcf\xed\x97s\x88Gu\x10\x1a\x0c\xd3\x8e!\xfc@\xd2)/\x83\xdd\xa9\xed.\x80\xf1\x1e\xef*\x9a\xef\xfdK\\\xcc\xf5QB0C\xa6\xab\xe7\x9a_\x80\x0c\xd9V\xf7\xd0{\xa1G\xca\x80X\x15\xf35\xb1K\x03b\xd0i\xd4od\x00\xd0\xfb\xa4\x85n\xa1\x17\x87\x9ff\xdb\x17\x14\xb8S\xd7#\'\xc9c`s\x84\xfb\xd5I\x92\x80f\x13h.qN\xf2\x82\x88Of\x06\xb0\x07\xb4\xae\xd3\xfd\xc3h$\x9d\xbd\xfaK\x94\xa2/c-\xfd\xfe\xe3-&gt;"\t\x8a\x9c6\xb8}mV\x15,VgR\x06-\xca\x9b-W\xa2R\xe0\x0eUK5\xf4F|\x97\xe7\xe8G\xa6\xc0\xf8\xfc\xad\xa7\xa0\x11a!\xd1\x9fZ\xa4\xf5\xf8"\x02\x02\xe2\xe5zm\x8ah3\xdd\xb9\xef\x91\x97\x16=\x11\xc5\xf9:\xbdo\xc9\xd1.o\x05\xf0\x85\xdd;|\x856\xbf2\x98\xb8W\xc0\xf0\x07?\\(\x057g\x9d\x8b\xbe\xef\xb4\xf6\x88e{{\xdc\x0b?\xa3\xffh\x13\x86\xe3x\xa2Fk\xf0?-\xb6\x0bg\xf1\x00\x81\xa7\x86#Z\xad"\x90\x8b\xe7\xb2&lt;u\x89\x02\xeaO\x03Q\x02\xf3\x94\xa5\xad\xc8\x0c\x0f\x14\xcd\x01\xeeL\xd2\xc6\x85\x93\xca\xd3\xd7aS8\xda)[\xf7\x8d\x12\x00\x1f\xc5\x9d\x0f!\xdc|\xfaY~S\xdb\xd7\xc6D\xd3\xcf\x03\xcaQ\xea\x8f\xb61U5\xc6\xe6\x00@|\xa9EP\xaf\xaa\xd5\x03\x7f\x8c\xbe_\xf4\x976\xf4\xfa\xc8^\xe6\xe1&gt;\xb6\xb0\xf0\xa5\x12\xc6v\xd0\xac\xe2[+\xc0\x80\xd38\x1d\xac&amp;j\xfa\xebR,\xfb(\x14\x03\xe5zK\x826\xb2S\xcaS\xa1\xb4GfO\xfb\xce\xc6E\\\xb8\xd81\x1e\xb2\xa1\xdfX%\xec\x1c\xc2\xa2\x9fUc\x14\xb3\xac\xbe\x18\xd3\\\xfa+\xea\x0fi\x9cS\'C\xfc\xa7U\xeau:\xfff\x8a\xf8J\xa2\x1bU\xcd\x0eh\xd4\x9e\xf6\xe2\xd5/\xc4"[Y\xf0\xeftM\x84J\xd7\xb0\x15\xd7{\xc1\xaf|}`e\x9fY\xfd}\xbb9\xf61\x98|\xa7~#\xd0S\xa4\xd1\x95\xcd\x02\x11\xdekn\x00\x83^\x80\x18Mc\xd7Q\x04\xfb\x0e\x19\xe8\xe8\xca\xa4\xebf\xb0\xd9\x05\x0bkT|\x07\x9b]\x07\x11@N\xe0\xce)u\x95\xba\xb2\x86\xc7\xff\xa7\xc7\xe1v\x90\x15W\x1b\x11_\xe0\xce\xf6)\x8e\xa7\x03\x0bp\xaa*\xc8B\xa1\x05?\xaa\xb4U5\xef\x8ac\x8et3^6\x9f@Ut\xd3h\x1e\xaau3\xbc\xcc\x05\xe8:\xce\x9a\xad8\xdb\x0f\xf5F\x7f\x84\x9e\x95\xb9\xf8\xa2\x98w\xed\x8a\xdeS]\xd4\xfa\xe7E6\xfdh\x03\xf0{\xe1wR\xa1\'\xfa\x13\x05\xf45\xfd$\x1b\x80Tu\xb6\xe1\x85\x05u,\xff5`&gt;\xdfQ@\x84r\x8c(\xe2F\x16\xe7s\x89\x13j%\xdbX3AU\x83\xdb\x13\xc8\xcb\x03\xear&amp;\x14\xd3\x0b\x1d\x00\x88\xf8\xf1\x829[\x1d*\xbd\xa5\xcf\x08\xbc\t7\x85F\xaa\x1a\xbc\xde-\x9a)\x8e@\xd1\xfa\xb3\rJbL\xa7\xb3j\xe7\xcd\xfd\xf2}\xa6&gt;\xfd\xc5\xeb\n2\x85\xe13Zs\xae\xb9\xd9YI\xec\x12\xf8\x91\x9f\xfa\x91\x0b\xe8U\x8a\xc0b\x12iUU@\xbc\xa3\xa4\xc9\xc3\x81m.\x95\xee}\x0c\xd4\xdc\xfe\xb3" \x06\xa6=l\xf0l(w_/^\x04p]\xc1\x93\r*\x7f\xf0C\xbbu\x8e\x81\xf8&amp;(\xd7\xb6\x1e\xf9\x00\xf2DG\xf7\xf8\xd0fQr\x05Y\x1bi\xba\xaf)\xe5\xa7\x8ej;\x18\xb5j\xd8\xd2\xbf\xed\x83+\xb3=r^\xb6\xdf1\xd6\x0e\xc8+}}\xe8\xa2=e\xceX\xd5&amp;\xca\xc3\xfb\x1d\xdeS\xca\xe55\x95\x8abL\xc3\'j \xcd\x9a"\xf9?\xd3J2\x19?Tf\xbb}\x84\xd8i\x88t\x1a\x822.\x1e\xdb6\x8buu,M(u?\xfb\x94\x87\xa9\x82}\xe7d\xe4\x99r\x9b^\xb9S\x8d0\xbb\x08DF6\x9f\x02\xda\xd0\xc7\x8c\xf4\x19~\xa7\x91\xf7\x1c"\xb4\xd5\x1f\xb4\xd5\x1f\xf8`\x94\xfa\xc3\x04\xf4\xb2|&lt;\xe7\'w%w\x95\x1e\x95=\xcbD)\xd7.v\x14\\9w\xd6\x83\x91\x90\xf5g\x08\xf8\xfd\x9fD|fT/K[\xf5\xb1~J\xb1\x92m\x7f\x8a{\xcb\xfd\xed\x1f\xec.X\xa8\x8fQ)\x0ftu\x03&lt;~0\xa3=w\xd4\xb9\x96\xfa\x88\x89\xd4c\x8b\xf4:\xdb\x92\x08\xb0\xb5\xa6\xceS\xc4\xcf\xcc\xd6\x07ul\xbc\x92u\xd3\x0f\x92\\8\x82\xee\'I\x89b\xf4A\xafJ\x10\x16kB}*\xef\xaf=z+\xd4h$\xdd%\xd39\xad-=\xd4\x17\xecG\xd5\x12\xc1/DX_\xb2\x81\x88ts^`G\x04\xc6xC\x1d\xa7v\xbf\x1f\x8d\x12b2\x1a\x92\xa9\xc8K\xe5?\x1bM\x98&gt;U:\xb7Vc[%n\xda\x82\xeb\xd1\x14\xe5\n\xe2fA\xf1&lt;\xeb\xca\xe7%\xa5\xdc\xcaP~8d\xbd2+\xb9\x1fy\xc9\x9cF\xf2\xef2\x0c{d\x83\xe9\xa6P{\x10\x96F\xe0w\xed$yg`\xacM\xe7q:\x15\x9f\x86\xbd2\xb3\x19\x00\xac\xee\xc1\x92\x0f\xd0G\x81\x13\xf4_\x98\x98\xb5\xe7\x13\x00\x1e\xd9\x94\x19\xb4^$\x0e\\\xe2M\xa5\\\xa7\xbb\x90\x19\x00\x00\x0c\xb7\xce\xf1\xfc,-\xfcl,9\x93\xd1\xf0\x17{\x8d\xa0\n\xe8\x0fn3E\r\xfe\x95\xc9H\xce\xc6\xb0\x9f\x90\xabh\x11c\x8b\xd8\xf6\xfe\xb5y\xb5,5O#\xbf\xad\xf5\xf4{\xa7\x03n\x15_e\xa4~g%\xbd\xa5\x18\xc1J\xa9\xa7K\xc3h\xb16W\xee \xffLD,\xb1XWcaQy\x8fq\xe2\xb2%aZ\xb2\xc5Y\r\xdd\xcc\xeb\xc8\xc6\x06\x82[\x11\xf9\xdb\x9eAZ\xa1F\xfe\x8eW?D\xab\xf4\xc9\x15SN\xc3]\x08m\xa5\xbe\x86\xa5\xfeg#\xdeQ\xc0y$\xe2\xfan\xf7@\xebGF\xe6\xf5u\x06\xf7/D\xa0\x84{w\x1f[\x8d\x15L\xb0\x8bH\xdc&amp;\xa1\x9c\x8d\x0f%\x8b\xe0\x94\xcc\x1d\x1d\x97\r\x87\x8dQ\x1c\xe8\x99|\x1a.\x92\x1cFjt\x06\xb79\xa3\xd0\xc7`\xdb\xf2\xee\x8e\xd4\xe9B\xdc\x80fG\xe8fP\xef~x\xdb\x19\xb5\xdexG\xd6\xbb4\x01`\x1b\x80\xcdJ\x11-.&gt;`\x96C\xdb\xdag47\x8d\xf0\x83\xa2\x83\xa6\x95\xd0UU\xe13\xa1\xa0l\xfe\xfc=\r\x99\x02\x14\x1f\xbaW\x9bK6\xf4\xa1\x96\xb7t\x12\x8dah\x03\x08\xb3\x0b\xc4$tQ\xa8|\xbf\xfb\xc8B\xacu!\xa2\x83\xda}\xbf\xbdCk\x1a-X\x18\xb5\xbf\xf5\xe6p\x1c\x8aB\x04\xbc\xbcA\xdc\xe7\x93\x11\x9d\x87}\xe9\xec\xb9]yV\xc0D\x88\x88\xdf\xa21\xa1\xda\xce\x0c\xb4E\x13\xf2\xcf&gt;\nQ1\x94K-0\xd4\xd6\xeb\xb8-r\xdbG;\xd1\\\x93\xa1\xd4J&lt;\xba\xa2\xb4\xfa\xc5h\xd7L\xa1\xd5J\xff}0\xb8y\x06\xb0\x02\xb5"\x9d3\x06;\x1e\x93\xb0q\x82Z+"\x00&lt;\xb9\x94\x07\xe0\xf6\x81&lt;\x11\xe1I\n\xea\x19\xafM+\x0fo\x8c\x980\x1d\xba:\xa6\xc1*\xa2\x92\xce\xbf\xe8\xcf yU`W\x92e\xc0\xa5\x91\xda5\xeal\x95\xa0\x18?C\xc4\xf4\x99\x1d\xc1\x81KkN\xa2\x8b</t>
        </is>
      </c>
      <c r="E338" t="inlineStr">
        <is>
          <t>&lt;class 'numpy.ndarray'&gt;</t>
        </is>
      </c>
    </row>
    <row r="339">
      <c r="A339" s="1" t="n">
        <v>337</v>
      </c>
      <c r="B339" t="inlineStr">
        <is>
          <t>steps_per_sec</t>
        </is>
      </c>
      <c r="C339" t="n">
        <v>4900</v>
      </c>
      <c r="D339" t="inlineStr">
        <is>
          <t>10.024029</t>
        </is>
      </c>
      <c r="E339" t="inlineStr">
        <is>
          <t>&lt;class 'numpy.ndarray'&gt;</t>
        </is>
      </c>
    </row>
    <row r="340">
      <c r="A340" s="1" t="n">
        <v>338</v>
      </c>
      <c r="B340" t="inlineStr">
        <is>
          <t>Loss/object_center</t>
        </is>
      </c>
      <c r="C340" t="n">
        <v>4900</v>
      </c>
      <c r="D340" t="inlineStr">
        <is>
          <t>0.32735378</t>
        </is>
      </c>
      <c r="E340" t="inlineStr">
        <is>
          <t>&lt;class 'numpy.ndarray'&gt;</t>
        </is>
      </c>
    </row>
    <row r="341">
      <c r="A341" s="1" t="n">
        <v>339</v>
      </c>
      <c r="B341" t="inlineStr">
        <is>
          <t>Loss/box/scale</t>
        </is>
      </c>
      <c r="C341" t="n">
        <v>4900</v>
      </c>
      <c r="D341" t="inlineStr">
        <is>
          <t>0.06748974</t>
        </is>
      </c>
      <c r="E341" t="inlineStr">
        <is>
          <t>&lt;class 'numpy.ndarray'&gt;</t>
        </is>
      </c>
    </row>
    <row r="342">
      <c r="A342" s="1" t="n">
        <v>340</v>
      </c>
      <c r="B342" t="inlineStr">
        <is>
          <t>Loss/box/offset</t>
        </is>
      </c>
      <c r="C342" t="n">
        <v>4900</v>
      </c>
      <c r="D342" t="inlineStr">
        <is>
          <t>0.18869472</t>
        </is>
      </c>
      <c r="E342" t="inlineStr">
        <is>
          <t>&lt;class 'numpy.ndarray'&gt;</t>
        </is>
      </c>
    </row>
    <row r="343">
      <c r="A343" s="1" t="n">
        <v>341</v>
      </c>
      <c r="B343" t="inlineStr">
        <is>
          <t>Loss/total_loss</t>
        </is>
      </c>
      <c r="C343" t="n">
        <v>4900</v>
      </c>
      <c r="D343" t="inlineStr">
        <is>
          <t>0.58353823</t>
        </is>
      </c>
      <c r="E343" t="inlineStr">
        <is>
          <t>&lt;class 'numpy.ndarray'&gt;</t>
        </is>
      </c>
    </row>
    <row r="344">
      <c r="A344" s="1" t="n">
        <v>342</v>
      </c>
      <c r="B344" t="inlineStr">
        <is>
          <t>learning_rate</t>
        </is>
      </c>
      <c r="C344" t="n">
        <v>4900</v>
      </c>
      <c r="D344" t="inlineStr">
        <is>
          <t>0.000985</t>
        </is>
      </c>
      <c r="E344" t="inlineStr">
        <is>
          <t>&lt;class 'numpy.ndarray'&gt;</t>
        </is>
      </c>
    </row>
    <row r="345">
      <c r="A345" s="1" t="n">
        <v>343</v>
      </c>
      <c r="B345" t="inlineStr">
        <is>
          <t>train_input_images</t>
        </is>
      </c>
      <c r="C345" t="n">
        <v>4900</v>
      </c>
      <c r="D345" t="inlineStr">
        <is>
          <t>[b'512' b'512'
 b'\x89PNG\r\n\x1a\n\x00\x00\x00\rIHDR\x00\x00\x02\x00\x00\x00\x02\x00\x08\x02\x00\x00\x00{\x1aC\xad\x00\x00 \x00IDATx\x9c\xed\xbdy\xdc=\xcfQ\x16\xda\x13c\x02(\x97\xe5\xaal\xb2\xcb&amp;\t\x08\x04d\x8d\x80\x10\x94E\x10\x05\xd97\x01Y\x04\xc5k\x90U\xe2E\xf0\x12\xd1\x1bd\x13\xdc@\x04T\\@\x84\x00\x81\x0fk0 !l\x12\x08 \x81\x00\x82\x88F\xc0\\\x08`\xdd?f\xa6\xa7\xba\xb6\xae\xea\xee9\xe7\xbc\xef\xdb\xcf\'\xf9\xfe\xce\xdbS]\xf5tuu\xf52s\xe6\xa44111111111111111111111111111111111111111111111111111111111111111111111111111111111111111111111111111111111111111111111111111111111111111111111111111111111111111111111111111111111111111111111111111111111111111111111111111111111111111111111111111111111111111111111111111111111111111Q\x07@J)}\xba!0\xdc\xe2(=\x00\xf9C\xfe\xacIVev\xc9\xf6\xabm\x16\xfdx\xee@]\x128\xdd\xb1\xfc\x9djO2z*\xea\xe1\x97?w40Z\xd1\x8e?\x00\xaa\xb09h\x07\x07\xfa\xc4%\x11\xea\xb95hn\xb0\xb3mJ\xa0\x04\xb7\xbf)\xa1q\x0b\x08\xce*\x97\x84\xc8\tR\x82\xef\x91\n/E\xe0\x8apv\x93\x93\xf6\xedt\xba\xc1D\xec\xd9\xc8:\xe9\x90l\x88s9\x02\x079n\xcdQ\xbf8B\xd5\x04\x85\xd2s\x15\x81K\xe2\xdd\xf5uzsR\xfegA\xf9\x9bN\xff\xe5\x88\x05H\x00\x9f_\x11\xbe\x08\xab\x0bcmT\xa8\x9f\x9a\xf3\xdd]A\xdb\x04\xd0fh\xff\xf0=\x87\xc2\xea2\xcea\xf1\xc6\xd7^\x13a\xb4mH\xcf`\x12!p\x7f\xd2DN\x94\xc2\xa5\xbb\xdf\xc0\x86d1\xfc\x84\xc4\x95\xd7\x98\x923\xd2\xdcp\x9d\xd6\x16\x04`\x1d&amp;\xaf\xd9\xa7M\xdb\xc7\xb8\xb5N&lt;Th\x81"\x06O\xf4\xe8\xf6\xc6\xa3P\x9c\xa2\xc2\xa9\xf0\xf1\xe13"~\xee|]\\\x9e\x0c\x00\xf5\x18\x00\x00&lt;\xcbW\x97\xf7\xd70b/\xe3\x0b\xf2\x817\xf0\x86\xcc6\x923\x05\xad7\x15u\x13\x8d\x18\x12\xf0\xce]$-\xf4\x9f\x14\xdf\x91\x83\x02\xcc\x10\x9d\x87|y\x8b\xaa\x98\xdd\x06\x0bn\xe5\'\xea\x1e\x00\x18\x1d\x18\x9a*8g\xae\xed\xd1\xe9\xdcD\x02B\x9b\x15Rw\x1b\x8f\r\xba&amp;B\x88\xde&amp;=\x95\x8ca\xb7\x1a^ZC\xe0_\xb1m\xb8i\xa8\x83\xe6`x\x86\xd3\xc0|qC-g\xb8n\xbf\x0cZ\xf5\xa6\xe4srO\xb2\xf6\xde\xf1vj\xbb\xd4\x03\x14\xe3\x1c&lt;q&amp;\xb4\xc7\x00\xce5\xba?\xc2T5\x03\xf0rBa-\x94o6\xee&lt;\x0b\xcf&lt;\xed]\xbe\r\x97\x1c\xb2\x95\xdb\x8cgoP|\xf9\xc9\xe3\r[\xe6\xe7\x1a\x0e\xf4\x98~\xc0\x9fk\x8f\xffm#\xcb}\xa6j\xe9qzI)\xfco\xe5%@\x1fnt|\xde{\x08\x1b\xbd\xd3\x0c\xf5\xa7\x92[M\xe3]p\xa6\xb6\x81KT\'\x9a-\xde\xb9\x95\x1e8\x1a\xeb}\x1e\xc9g\xf1\x07}b\x85\xe6\xef[i\xc4\xee\xf9\xbf\xfb\xd6\xb4\xcf\x1e4\x00k\x8b\x95\xa6\x87,\xeeX\xb8\x0c\x87\xd6x#5\xdc\xbe\xbfr\x9f\x0e\\\xbd^k!|\x0b\x88\xde\xebn7\x84:\xaead\x0e\xe7\t\xec\xc3p\xf4\x1cn\x90\xd5kV\x10R\xe6\x14\xc54\x9d\x87\x9cP\xc2KH\xd5l\x11#\xd6\x1fxV\xb7\xb1\xb4U\x83\xe6\x9a\x8a\xb6\x04\xb0,\x03Uval\xeb\xb8\xf25~o\xa7\xbd+2\xb1\x1b\xa1\x06\xbb\x97 \xe8.&lt;\xe0/\xdf\x92l\xbd\xc14^W4\xb4W\xab\x02hp\x19\xce\x0c1\xe7Y\x95\xd7*\xec\xa6m\x8c\xc3\xa0\x91\x0e\x90n!J\xef:\x1e\xd1V\xcd\xf6|\xf4n\xe1\xd8~&lt;{\xba\xef\\\xc2,)-\xcbr\x13)\x16\x01\x00\xd0\xb2j\xe8\xc2\xb9\xc7]\xcb\x02\xf0\xcc\x14L\xa6\xab\xf0\x95\x9d\xdcd\xfa\xa8\xd4T]\xf53\xd6\xa6O\x12![\x1e\xdf\xae\xe9~\x9brP\xbf\x18U\xe0\x8d\xfc\x14\xe6\xba\xfeJ\xe0\xa12|\x93e\xef\xdfA\x92\x19r\x03\xa7M\xc3\xa5\x0f\xc5\xcfAt\x87\xfe\xe4\xa3\xa2\xd9Y\x1d\xbe\xe9&lt;0\x00x-\xafd\xb0\xeb\rGu\xb5\xb7\xa9z\xff\xd1J\xf3\xf1\x0cpH\x021mN\xe1\x00\xcd\xcb\xa9\xbash\\h\\`me\x9c\xc3\xb4\xed\x94O\x05\x00\xdc\n\x95\x0e\xf8[\xe1?\x96\xb9\xe2V=zvt6\xaaG\x8b\xda!\x8c=\xe2\xfa\x8f\xbcH\xd6]\x96e\x1dbUm\xbc"\xbb\x1a`\x14\x08\xaa3\x0fi\x1f\x14Z\x8e\x80\x9c=\xd4\t=\xfb\xc3\xb2l\x1b\xfc\xdb\x19\xdb\x84\xca\xba\x90\xb9s\x9b\x02\xbfC\xfd\xce\x1f\xdeEC\xf6Z7\xb8g\xcbY^J\xa3\x16p_8\x1b\x85\x9b\xafT\t;\x87\xc7\xc3\xb2,Q=\xde\xa0\xd2/\x19;\xb3\x10\x93\x07\x02\xef\x04\x10u\x1f\xc9\x86\xa1\xba\x03i\x1c\x15\xa5\xba\xe7E\xc4:"ofz\xbaW\xf0\xcf\xfad\x96*\x03`\xb9X\xf7\x1c\xebzCFo\xd7Z\xee9\x14M\xde=\x19\x88\x9fi\xa1\xef\x94\x9f\xd7m\xde\x91\x08\xda\x14Ic\xe4\x8aK\x93\x99\xfd5x\'\x80\xe8Z\x1b\xad/\xbcuO\xed\xa4%\xa5\xf4#8\x17l\xb7=op%x\xefq-\x97\x97q\xf8}d\x83f\x90\x8a&gt;\xd4\xc0\r\xd7er(J\xc2\xf5\xdb\xa7\x91sv\xacS\xc2\x92\xffs\x95~\x02\x00\xf8\xb0\x92\n\x13\xf0(\xd9&gt;X\x9a&amp;\xe2~q\xde\x00\xd0\xc4\x8c\xf2\x94\x96\xb4\xa4\x04iYd1G\xec\xea|\xd4M\xc9\x98c\xa4!\x87\x92\xd1\xe3\xf2\xcb\xdc\x8c\x19\x8e\x81\xf7KF\x9d\x05_\xfdnAsl\xdb\xa7\xf0\x9a\xbcqd\xb4,K\xe8\xb1\xec\x9eQ\xa9\xeb\xdc\x06B\x7f\x84o\x89%m{\x9aU\xd7\xbc\x85 \xc0\x9eV\xa3+\x01C\xfewK\xc2\xfe\xb3\xcb \x11]\xd58m\xe6\xe2\xb18l%\x9f\xef\xd0\xe6\x83\x13\xb5\xc9\x7f\xe0yTZ\x01\xf8\xe1\x81;\x0b\x128\xfb\xdd&amp;W8\xf1\x98\x87\x12~\x02)\xa5\xb7i\xaa\xee\x87\xa16j\xab\xf0XvZ?\xc5\xbb\x0f\xfa5\x8dj\x05`_*\xd9\x14\xed_\xd8)\xb4\xeb\xdf7\xf1\x7f\x15\xe5\xdeL\xd7d9\xc3\xd6b7q\xcf\xc0\xf66\xbez\xe7\xf6\x1f\x9c\xf0\x8d\xf8&lt;\n&lt;Lr\xa3&lt;CX\xf2@x\xfd\x0e\xca\xe9\x90x\x82\xdf\xe3\xdd\xdd\xc4\xa2\x1d\t\x04T\xdd\x97\x1cr\x16\x1a\x96\xc3\xf6\xb4\xaf]\xad\xdc\xcb\xe2\xf2\xa7-.\x1a.\xc9\xf2=4\xde\xc0\'v\x8d\xb5\xca\x1d\xda\x9d\\\x0c#w\x8d\x9d\xd5\xf7AAv\x03\xb6E\xf1zh|\x81\x8e\x10\xff]\xdb\xdbt\xfas\xc6\xe8\x18\x84Ox\xe0\xfb\xb4N\xcf\xa5\xa3r7V2l\xf8\x89\xfbJ\xc7\xed&gt;q\x13\x1d3\x1d\x12\xf6I\xcfd=\x1c$t\xfd\xc7,\r\xca\x9b\x95Te~\xb6\xb0(\xd7\x1a;\x01x\x94\x01\xfa0\xca\x9f\xfdJ&amp;\x02\xf0\x04M\xe7\xea@\xd6\xe9\x91\x89&lt;$pE\x8c\xf5\xcc\xbd\x01@\x02\xf8O\xd7\xe60&gt;t\xa3\x04\x9ae\x80\x89\xe5\x86\x88-\x8a\xb6\xb46\x01l\x1c\x86M\x96\x8eKs(]\x14|\xce\xb7\xc5.\xd97G\xac;d\xe2\xcaU\x85F\xad7\xdf\xc9\xe4%\x98\xb1sr\xfa\xf6\x1e\xe3v\x1a|\xe3iEcF(\xe7\x88\xfap\xbdE\x03&amp;\x80 I?Fu\x00\'y\xbb]{\xe3\xa8\x06\x80;&lt;ZL\xa3\xcf\xe9G\xb8\xc0\x93Y\x91\xa4\xe42c\x9bx\xc0i\xef\xa9h\x0c\xfb)\xdep\xa6\xea\xc5\x15\x1f\xd8\xb8\xe9\t@Z\xd4s\xbec\xa3]\xce\xfe\xea\x81j\xc5\xee\xc0\x8dB\x15\xdc\xca-w\xeeM\xe3Z\x13\x00\x00\xc0\x97\xd0\x12o\xdd\x94\xbetD\x97\xe7\xf6\xf8O\xe7\xdb\\\x10\xadt\xcb\xc1l4\xc4\xd3\xc8\x91\xb7^\xef\xda\xafZ\x1a)2O\x00\x15\rC\x07\xa11\xf6\x85\x0c\xeb\xe8\xdf\x0bL\x00\xb7&lt;4\xae\x8e\x81o\x9d=\x1e\xd3\xe2\x02\xfeo\xa8\xd7^z\xb5\xa4T&lt;\x87:\xeaID\xfcD H~\x81\xfdm\xe6)\xa5\xfc\xd5\x12\xf6\xf0\xabL\'\xca\xb3\xea\x8a{\x03\xbfg\x80=\xb2)v\x93m\xc8Ye\xcd\xac\xd7\xf5?\x19D\xcdd\xb0\x9e\x9e\xafp\x8a\xac\xb0Z^1\x0b_\xcc\x93\xbc\x7f\x1f\xcePjC\xe5U\x10\xce\xe9\x99\xbd~\xe3U\x1b\xa8\xf8\xde\xe0A\xbb\x18\xe0\x1f6\xd8\x92\x80l\xe9w5\xd6\x0f;\xd3_\xb3\x94 h\xf1\'\xde\xafK\xeeW\xadi}3p\xc9|*\xc45\xa3\niN\xe6R\xff\xda\\Tz_u\x97\xd6\x9f"\x08,N;\xdd\xfdWe\x1e\xc7[\x0f\x9b5o\xd5\x97e\xf1\xb5\xe8X]\xe5{W\xe69\x12\xe7\xf6\x16{\xad\xcb\x03S\xf9=\xfb\x9c4\xb3\xbf\x01\xf2\xbd$\xea\xab\x9c\x8fH\xde\xad\xce\xed\x9e\xf5K^Mk\x1d\x04\xe67\xa7\xc4\x12[C\x1b\x00\xb6\xd7S\xac/\xab`K\x8c\xfd\x1d\x16ks"\xf6\xc4\x16\xf9\xbf\x04\xb7oJ\xea\xdff\x1a\xb8U\x1a\xa8\x8dGQ\xf6a\x12\x97r&gt;\xab\xa3\x16}!=\xfdF\xfd\xbdi)I\xd6\xde%J\xb22[\x94\x8a\x00\x7f%-%m\xbct"o\xc0U\x81ko\xdd\xee*\xec\xa3\xc6T\xae\xb7\xaaK\t\xf1\x94p\x00I\xc1\xca(\xdd\xbaQGK=\x92R]\xf2;\xae\xb1\xf68\xdd\x9b\xefX\x8c\xda\x19\x1c\xf7\xa8\x8b\xdb\x8f\x83\xee\xaf\xdc\x85\xbdKb\xed\x1dxw\xa1\x07\xc2\xa6\xaa\xc6\xea\xdb\xaa:}]\xb3^nsB\xf8\x0e\xd9\xd3\x8c\x87\xa0\xae\xdf\x0bw\x0f\x00\x00?X\xe9\x86\x90c\x9dAS\xd3P\x97\xb9\x00\x86\xcfc\x90\x9f\xdfP.E\x89\xa5\xa1\xae\xb8\xd6\x00\x12\x9d\xdc\xe0\xf5h\x85\xd7oj\xf2U&amp;+b\x0f\x10\x13Y~\xbd\xfa3\xea\xdc?x}\xd6\x96\xfd\xe3\x1cz(\xcf\x19"\x0c\x00\xb9\x93\x8cM\x83\xbd\xfc\x87\x94\xdez\x97\x0c\x93\x89V\x18\x81\xb1\xeb;@\xff2Cd]i\x8d\r\xff\x0e\xe0F`s\x1d\x95\x8a\xa2\xf9$\xa7\xd1\x94\xd2\xefW\x04\xaa\x9d\xf5Y\xdd\xc9\x94\xf4\xe6I\xab\x8d\xe1\xfa\xab\xd6=&gt;\tO\x00}s\xc0D\x0c\xa1\xd0\x04\nk[\xaa\xf5\xa2\xb6:\xfe\x03A\xe6\x82\xe6n\r1s\xf8\x90\x84^\x1a\xa2\xdf\'v\xf1\x85\xcf\xbd\x19\x9f\xbeI\xf6\x90&lt;\x89CsE\xcc\x89\x9e\xe2\x9ecT \xb0oR\x07z\xe8\xde\x04\xd8\xfd\xc1\xd1\xd3\xb5AS\x1d*\xda\x8a\xbbs5\x91\xf3\xe0\xb0\xe5U\x8dIv\xc4\x99\xd9\xa1*\xe0\xcea\xb7\x8a#\x83\\cCsu\xef\xb5Y\x072$\xfb\xac\x03$\x80\xb7!w\xad\x9c\xd5\xf3B\xf0N\x07\xe1D=\x10\xff\xe3\xf5L;%\xc1!\xe3\x87\xc7\x96G\xd24AU\xb5T\xbf\xea\xd0\xebY\n \xb1\x88\xc5\x80l\x81?,\xb1\xbd\xcd\xcc\x05\xfc\x875\xb8\xcc\xfeo\xa8\x01\xdayW\xb1\x81pk\x1b\x02\xf8\xc1Sn\xb3\xdf^\xaf\xde6\xaa+\xc9\x81=t\xf6Z\x0f\x00\xfe\xe2\x08%\xe5\x16{X\xa6\xa0\xb7\xfb:4_f\xbb\xd3\xa8\x13\x00\x00&gt;k\xa8\xc2\xa4\xc4\xa1\xd3\x81\r\x13\x00\xb9|\x99\xd9\x02\xef\xb6\x9d\xc2\xf8O\xad\xd6\xc5f\xbb\x90\xa1\xdb\x9c\x83\xef\'\x06\xfa\xb9GS\xf5\xd8\xa4? \xca\xc4\xfd\xb7cu\x8f\xdb\x18\xc7\t\xcb\xc8\xf9\xafl{\xf3!Rl\xe9w4E\xba\x1a\xb5\xedP\x82\xcd\xf5\x0f\xf2L\x9f\xcc\xca\xe4\x83X\xd1\xd6\xe92\xedP8r\x89\xd0\xa1\xb0g\x02h1\xc7\xe39x"4\'\x80\x0b\xc1N\x01Y\xe62\xa6\xed\xadFs\xe8#\r\xcf\xa0:\xa3\xea\xe2\xa1\xecVKU^f\x0cl\t\xb4\xdb\x9c\xb3f1\x014\x1b\xdbT\xa1\xc9\xb8\xe1\xa9\x92\x98\xad\xc6c\xa2\xe1\x9dx\xc6Fy\xfc\x04 \xb5\xfa\xba9}N\'2\xf8\x10\xe2\xfd\xc4]\x17]cv\x92\x14\xd5\x8a\x9f\rI\x8dI\x1b\xc1\x9e6\xf1\xaa7\x12\x9d\xa3h\xc0vX\xf1=\xe2\xa5\xc82\xd0\xf5\x96\xef3\x0e\x8b\xab\x80\x7f\xeb\xfb\xb1\n\xad\xbcq\xe6:\x05c\xa9h+\xa4\xebf\xff\xdb\xf0\xf4M\x82w\xff\xc0\x80\x00x9\x87\x8cS\x95\x9c\xf4\xf1X\x82\x94\xe0\xe3\xa3\x0c/\x11\x1b\xc5\xe9\x13\xbb\xe4\x9f\xcf\xee:h\xa4\xf5\xaaj\xa9\xd5g1P=o\xad4U\'%\xa6\xaa\xc6\xd5\xec\xe38\x9f\xaaf\x87\xf5\xefl\xdd[\x8f\x82x\xea(\xa4\xb8o\xbf0\xaf\xbb\x833\x83\x13[\xb1\xee\xe0\xc9\xac\x8e\x93\xd0\xff]\x94\xa3S\x85(\xe3\x8b-\x0e\xa0\x84,\xa3\xd7=\x8f\xd8%\x91\x1b\xef=22U\xbdz\x0b\x81\xa3z\xbcnt\x02Pk\xc0iY\xb2J\x12p/\x80+,\xd7Z/\x1aY\xab9}\xe5\x92!\x7f~\x83\\n0Q.\xfd\x13\x87\x82\x87\nO\x17\x0e\t`1\x17\x88\x9a\xb5@\x85\x94\x00^:v\xa4\xeb0\x97\xd08\x19\x05m=\xb8\xe2\xf3\x0f\xbb2\x93v\xbb\xf4L\xefBs^?F\xf1\xc4y\x1fj\x1dq\xa7\xd1\xd0\xb9\xf0#j\xad\xaf,\xd5\x1e+\xad\x9a\x89!c\xc7\x9aA\x19\x99\xfc\xaf\xd3,\xaa\xde\xc7\xf2NA}I\'}\xb5\xf7\xfe\x1f\xf5\xcd\x9d\xe6\xd53@\xfa\xb5\xffE\x8c\xdd\x8c\x1aM\'\xc7\xaf \x88oi\xb5+\xaa\nSJ7\xf3\xc6\xc4!\x9eo\xf0\xc6Za\xd9F\xbb\xd5\x05\xb0\x0f\x12\xb8px\xb7\xfdX\x07\xd6\xe0v\x0b\x0fB\x00\xf9\xdd\xab\x00\xf9\xb70\xf2\xe8sy}#\xb3,m\xb1\x07\xe5\xafq\x18\xbf\xbaAd\xae8\xb4\xef*B\x13u\xe7\xa4\xde\xb3,\x00\xf4a\xec\xf2\r\x1f\xd0[b\x91\x15P\xd277\xa2\x0b\xb6\x95\xa9\xa2U\xde\xfb\xf80\xea\x1e)\xa4\xf4\xfc\xfc\xf9\xef\xa7wkU\xa2\xe1\xeb"\xcdl\xf0\x87{a\xe8R\x15\x1a2\x9c\xa8\xb6\xaaukm\x01\xda\x06\x1d\x8bk\xbc|\x16\xaa|\x99t\xbf\xcde\x0b\x00\xe0\xb7F4\xeaSY\xc9O\x14\xa7X\xe2i\xc1/\x96\x7fvR\x98H)\xdd\x8c\x1f\xab\x13\x80\x98G\x9c)\xdb\xcb\xc1M\x00\xa4W@\x87F\x05\x10uAt\xcc\xb9\\\xd5\xfe\xa1u`\x83\xce\'\xd4\xccfo\xf4\xa3\xb9\xfb\xca\xc2w\x11%[\xf8\xd8g\x98\xc5\x9f\xb4\x16\x00\xc0\xe7Dl\xa1\x86\xc0\'\xd7\x89\x9d\x04\x80\x8f\xb5{\x01p8\x9dF\xe3\x9e\xa0&gt;\xd8n\xec\xc0\xd4X\xd2\x02\x03\xaeu\x02\x13Yk\xb6\r\x00\xf0\xfd{ak\xda\xea\x9c\x00NB3\x93\xcb\xb7a\xac9\xcf\x8e\x8a\xa5{\x14\x87{\t\x97i\x99\xdd\xab\x13\xc0\xd8\xbd\xf2\xc5;/\x8f\xa3\xa6\xba\xc3\xe9\xdcG\xd8\xce-v\x8b\x17\xe3\xa4\x91\xc9\x1f|\x13\xc0\x05\xf8\x88V\x94E\xdf\xaf\xf6\x10\xab\xd6m\x9e`\x0c\x8b\xe1*\xc3O\xe7ni\xce[\xe1\x19\x08\x9e\x19\xc29\x018\x8f\xa4\xc4\xf2\xf7;s\xe9\x96\xfb\xbag)P5\x91\xc6\x9da\xaex\\]dBB\xee\x83\xf5\xbf\xfe.\xc1\x91\xed\xacU\xecU?\x8f\xaa2t\\~\xb1\xac\x0c\xdaW\x10)\xf4\x13\xd2Z\x05\x8e\\\x19uH\x03[\x80\xc6e\x976\xc8\xf9\x8c\xd2?\x83z\xd2\x96qmH\\\x89\x13\xc0\xbb\xf1\xc6\x86\x14~\x9cT\xdeD\xcfo\xf4\x02\xd5\xc7\xaei\xa2\xb9h\x82"\xefa\xc9g\x03o\x94\xeb\x02\x00\xc0k8L\x88y\xbc\xbe\n\xde\xf1\xc5\xb6\xfe\xe0\x16\x1e\x13\xf3\xa0m1\xeeq&amp;\xbf\xb6\xda\xf0d\x7f\xcf\x82K\x9cA/3P\xbc\xbe\xedK\x07\xce\xf5\xc1\xd9\xd9\x81S\xe8n\xd7\xa5\xef\x8b\xbc\xea\xa5r\xe8%\x1b\xf5\xd0\xe1\xf74_F\r\x9cZ\x81\x81\x97\xc7\x14\x9a\x7f\x8a\x04\xa4BA\xed\xca\x05\xd8\xd5\x86\xec\x7f\xa4r\x7f5\xec\x13\x87\xa4_[\x84BMg_\xdd\xb1|\xaass\x0e\xec\x17\r\xaa\rIJ;\x9b\x1f2\x9a)\xfa\xa1\x1c\x17\xfb\xd6\\\xd0\xec&amp;w\xabx\xdf\x11J\x00\x80&lt;\xd44A\xa3\xca?\xd8\xac`\x95\x94\xb4\xf9\x9d\x8f\xd5\x86\x14\xd9\x03OV\xd5\xa6\xa5\xf0,\x05\xf0c\xf1t\x19\x9bf\xce;\x11&gt;S\xb3&lt;\x1f7+\xcc\xbd\xa6\x99+\xfeD\xf7\xc0\xcc\x98\xf7Z\x97\xd6I\x9ey\x97\x08&lt;\xd1\\r\xe1i\xa6\xa7k\xea\xf1\x7f\xc1\tf\xcc\t\xea\xfc\x06\xb0\x01\xe7\xfd\x96\x86\x90\xb2+\xc8s\x86\xb4S&gt;\x15\xd9Zh&lt;k\x13@\xc0\xaeR\xd8\xa9\xd6ih\x8c\xe6\x8b\x1c\x07\x97U\xbc\x9aEI\xad\xba\xe8q\x8d^\x0e\x95(\xffW\xa7\xeb\xf7\x96^\x86\xda\xb1a\x7f\xf8\x8c\r\x18BGS~\x08\xf4\xad\xa8&amp;\xc2\xa8z8\xe7GC\x10^!\xdcs\xe2\xc4\xb3\x87\xef\xbfTkU\xc8\x1a\xe6&lt;|\x82:\x87\x1fVt\xcf+\'\xe1\xe7N\xd0Y]\x1f\xf0\x12x\x13\x87\xda\xde\xdb\xc5\x03L\xd0\xac\xb7\x8e\xa02Zzx&amp;k2\xbb\xb9\xa4I\xa6=\xbf\xf0\xb9\xb4&amp;V\xf0\xc4\x9dG\x02\x94\xe81!V\x07v\xd5\xb6\xd4\xc6E\xab\xe2W\xe4\xb7\xd7\x19\xb5\x00\x00\xf0\xab\xa1\xedHBN\xb3\xd7\x86\xbcV\xc8\x84_x\x08\xc4\t\x80\x974\x10k&gt;\xd8\xd93o\xc5(\x16#y\x7f\xc0\x81\xc6g\xde\xbd\xccX\xcc\x85\xfd\xda\x94\x1d\x18\xf60\xa4\xf4\xd1\xdd\x86\xee3\xac\xb5&lt;\x00\x00|y\xebA\x876J\xb9\x8ab\x9c\xd4&amp;\x80,E(y\xb8\x89\xeb\xf4X\xa3\x9cr\xe3\x10\xcb\xce\xa5\x1b\x01\x00\xe0\x1d&lt;\xf5C\x1e\x18\x95w\xda\xd4p\x02{\xab\xbd\xaf\x83m\x8b\xe7\x06=G0\x97U\x98X3\x05\x89O\xaf\x92\x94Rz\xf4\x08&gt;\xaa\x89A\xb5\xe0U\x15\xc9`Z\x98\x90\x8740\x8c0\xf4\xcdBG:\xc8(\xda\x8eC\xdeL\xf1\x02\xfd}\x86\x89\x95\xfeGH\x851=h\x9d\xd5\xd9wZ\xad\xab\x8f(\x1e0\xb9\x95\x1en0h\x0e\xb0\x95\xf4\xaf6\x1a\xf9\xe4\xcf\xfd\xaa\xdc.m\xb6\x12\xe2\xd3 lW\xbcz$_\x18\xe8\xfd\x7f\xe5\xdb\x07WG\xf0\x17\xe9E\xcb\xc7\xc2\xb0\x92\xbbW\xaey\xa9W\x02B\xf7K\x1c+\xfa\x9b\xfc\x0c\xfb;\x11\xf1a\xc3\x10\x97\x00\xa4eI\xcfK\xe9\x157nWx\xf7\xa2\xe8\x13X\x99\xb9_\x06Y\x8c\xfc\x8eF\x1cq(\xbfM\xb3}\x98@\xfc\xc5\x96b:kn\x1c\xd6v\xf5Wl\xc2\xfeZR\x0f\x8f\x06\xd7=\x10&lt;"\x7f"\xeeY\x96%\xbb\x8ct\xbc\xec\xca\xe7-\xa9c\xe5\xee\x81\xb8t\x82\xef\xdd\x89\xad\xff[\x96\xad)\x07\xc9\xed\xb5\xb0\x9d\xa6\xbd\n:\x16\x8f\x9a\xbe}\x05\xf7\xa6m\x9aS\xda\xbc\x01)-\xcb\xd6\x83\xc3\xc6\xc3\x92RJ\xaf\xb8\xff\xf5\x8e}Z\xa1\xe9\xfd"ks\x88\x03\xd7\x16\xb65\xb3\xa7\x11y\x9a=#\xdfD\x07\xd4\xd6|\xd3\t\x00\xf0\x99!m{\xad*\x19x\xe7UR&gt;\x97o\x03\xc0O\x1fky\xb2fU\xab@JI\xfaZ\xf4\x84\x0f\x81\xad\x16\xab8j\x0e8Nu\xf7E\xec6\x01\xbc8\xb7\xb8}H\xc7\x89P\xc1\xc3\x08\x14\xf5\xd2\xc9{C\xe3\xe4\x81\xec\xb8\xef\xe8\x0e\xb5zcI\xc4Yd\x1c\xf7iE\x92~\xfd\xd6t\xbe_\xa9\xfa\xc4\xe6\x16\xf5\xcf\xe6\xd3\xcf\x90\nKs9_s\x13\xa0T\xa9\xdaMM\x07\xfdP~\xce\xc39I\xa3U\xf7\xb9J\xf6n\x0e\xa6\x13`t%\xbcEE\xb8!\x8e\t\xbe\xbe\x8c9^K\xbcI \x88)\xf6\xb0N\x9b\x915t\xab\xcd8\x94&lt;7\x9a\xbf\x8c\x11Uu\xc5U\xd0O\x83e{\x15b\xddV\xa3\x91\xcd\x1cc\xeb)L\xcar\x01/\x84\xab\x0c&lt;\xe7\xecY\xa0g\xa2\x14\xbd]\x0cF6\xeb@9T\x9d$\xb7*\x7f\xa0.V\xa5z\x94\x88b\xd2\x18\xdf\x16\x85Mv\xef7\xb6# c\x8f\xb8&lt;\xfd\xf8\x0c\xdbiZ)\xd0M\xe2G\xf2\xee\xf2\xf7.+\x15\xfa\xe3D\xac\x9fD\xa3\xc7\x8f\x00\x95ccA:\x9d\x87\x1f&lt;.\xfc\xcd\\\x96Wy\xbb|\x12\xe5\xad"\x1c\xcbl\xe1^\x16\x8aJ\x8b\x85\xd2\t1\r\x90\xde\xb1\xfc\xb3\xc1\x0c\xc0qG\x9b\xd4\x1e|*\xa5c?\x01\xb3d\xc4\x0c\xb2,\x0b\xe9\x08\xa3\xf9\xfc\xe8\xe9\xd8}\xae\x1dj\xfc\x00\xdc&amp;\x1cZ27\xae\xaf)\xf6s\xc2R\xb7\xac\xd8s\xb8\x94R\xfa\xff\xb0\xc0\xb2,\xff\xb5\xe3\xb6\x04\xcb\x0cr\x12\xd8\xfe\x9b3@\x9e\xc5`\xde\x04P\xa1\xcd\xe6(\x93Z+2Kg|\xa3\x1a\x11N\xf0\x95\xf5Z~\x12\xa0\x08\xc3\xc5_\xad\xb5\xdbu\xec\tJZ\r\x0c\xedV\xf1f\xb7u+_H\x1aJ\xa0\x84\xcb\x04\xd3\x10b\xa8q\xf8\xbc2\x07*\xcf\x19\xaa4\x0eU\x11J\x9eVg\xdf4\xf8JQU(\x11u\xb20h\xb0vi\x18\x8e\xb9\x1b\r\xb8\x00\xb4\xe8\xe1\xc3\xde\xe3\xb2"\x94\xde\xd6K\xe0\xad\xbd&lt;Y\xe1\xd0\x83\x91mP\x95%I\xca\x83M\xca\xa9\xa1&amp;z\xc2\x04\xa0]\xadh\xab\xb5\xcbHg\x86\xce\x8aQ_\xb6\xf2\xe7\xb53F\xb1\x90\x11\xebU\x06[\xf7\xc8\x00\xa7\xda\x14\xa5\xa2\x86JG\xa3\xa8\xf3\xe8\xb7\xae\x06\x98\x8eDn\xe6\x95\xec\xdf\x12|!\x0e\x00Op\xf6\xb7\xdf\xad~a-\xfd\x01\xbc\x91V%\x8a\x8eAT\xd3&lt;nY\xcaK\x84]K\x93N\x00\x80\xf7\xa8\xcb\xbb5\xbf\xbc\xb8\xadtz\xd8\x93\xd6\x06\xb8T\xc9\xdd\xd9\xec%\x13\x843\x8d\x03\xea5a\x02\xe8\xde\x07\xe4\x92\xb4m\x7fk\x15\xb1\xbc\xa2Y\xaf\xde\xbb\x88iCa\xf1\xad[\xb5\xdcq\x8c9\x16\x83\xf5\x99\\\x80eY\xe0\x85)=*\xa6\x17J*G\xf7\xef\x07~kI~\xd4Ox\xe2{\xf4\x83\xc9\x86N\xdc\xd8!\x86\xfa\xf5\xe4;\x05X\x1b\xec\x174\xed\x00\xf0\x88e\xe1{\x9d\xed\xb0\xb5\x93SVX&gt;\x8c\x9fS\x84\xa7\xd5&lt;\x11\x84|\x05\xee\x87\xc4\xa3\x9a\x87s\xa0\xb5jQ\x91=#&gt;\xab\x9d\xc65g\x8b"Es\xe6\x99Si\x03\x85lb\xff\xaaJ{w\xb4y{\xa2\x809W\xcb\x933Y\xdbv\xae\x98\x00\xfenOu\x9f\x89\xf0\xa6u\xf8\x11\xb3\xa8\xb6Y\xc9J\x87r\xbe\xf6\xde\x96\x07\x0c_\xa2V\xe3\xadsa{\xb3\xe89\xba\x14\x1c\xbb\x95\x8f\xeftz\xcaT\x96\x13Vumb\x02\xf9\xc2\x01&lt;{p\xef\x82\xab\x15\xfb\xa6O\xd9nk\xfdw)\xdfi\x86\xa2\xbd\xd7\xd3\xdbk\xac\x0c\x89\x17\x90\x12\xe2(\xdcH&lt;\x93\x96\xe1\xf6\xbe\x99\xd2\xfc\\\xa2M\x00\xd7\x1d\xac\xea\xe8\x88\x06a\xe9\x1c\x00\x80\xdf\n\xd5\xbd\x82\x13\x8c\x8c\x7f\x9b\x93\xf4m\xb2\xba]d\x7f\x9d\xfa\xee\'\xd9\xf4@U\xb0\xdf\x1c;VF\xae\xdbY\x1e&gt;\xe2\x82\xb49\xc2\xb2"CC\x9er\x00\xe0\x17\xae\x9d\xfe\x08\xa2Tx*\xd7&amp;\x00\x11Y \xdd\x98\x1f\xa2\xb8\xd3\xe4E\\1\xcf\xc2WY\xd6C\xa4\xae5\xb3\xde\n\x00\xc2.\x80\x94\x00\xdeB\x1c\xd8\x8e\x8a\xa7\xfb:\'\x0b\xbf%\xf8\xcbGEM\xe7(\xe6\xe2t\xa2\tT\x85o\x1f\xae\t\xc0\xd7\xea\xbb\xea\x82\x94\x12Z\x97\xa4\x11\x1b\xe8\xfa\x8d\xfbq85\xf6\x1a\x94\x83&gt;\x1e\x1b\xc6\xca\x9d\x1e\\\xed\xc0mns\x81&lt;\xb0EI\xbe\xc7wsk\x00\x1c\x0fJ\xbf\x93\xa8\x10\x8eqH\r\x89\xecz\xd8\x88&amp;4C"\x87\x9e\t\xe0F"\x1b\xb3\x97=\xecI\xff\x1e+\xb7\xd1^\x02\xcc\t\x00\xe0\'\x8f\t\xc0h\xab\xdd\x18\x80W\xd4/\xde\x19T\xbb\xccp\x8e*\x1f]\xce\xdej\xd8\x9c\x8b\xeaX\xe3\x97\xb8\x93\xfcy*4\xb4C\x83\xdf2\xaa\xcb\x884`\xd0\x1eE\xbe=+\xb8\xeb\xa7l\rX\xb8\x93\x92\x8d\xaa\x03O\xd2OdBA"i\x18?\x7f\xcb\x86\x0e\x8b\xae[\x14d\x02H\xe5\x9fbc\xff\xcd\x99\x89\t\xe2&gt;\xc9d\x8c\xd5wU\x83\xc8\xc4gZ&amp;\xe3\xb4u\xf6\xf0\xb9\x93\xb0G\x988\x0e\xad\xf5\x08\xa9USh.m\x8aSr\\\x83W\xe3\xfa\x84\xf1\x0f\xdf\x1e\nY5\x1b\xea\x1a\xfe\x15\xe2\x96-\xd1(d\xb4\x9d|.\x89\x93F\x8eG\x0f\x8d\x90\xb6,#\x07@T\x8d\xdb\\\xffZ\xc1\xb7:\x19\x180m\x1e\xd6\xba\x06\xde\x9e?,\xf7\xfdCxn\xda\xf4)\xd3f[\xfe9\x90\xd1}\x81\x1d\x02rg;V:j\xf64w\xbb\x86i^#\xba:\xa6\xad@\x7f\x8au\xb5B\x1e\x88\xe2\x9f\xaa\x07\xda\xcep\x1a\xea\x8c\x83\x93sU\xc8\x8e\x1c\xa5\xc7\x858i\xf3\xe1\xd9\x00\x00\xf8h\xb4\x02\x10\x05\xe2\x87\x12\xd04\x01T\x9d\x86\x9d\xebQK\xb6\xd1\xc6\x08\xb6/\xc3\xc7\xcb\xf4*\xd6\x15C!%\x13\x18\xf2\x1b\xff\xb9\x1cYr\xe7o\x7f\x18_\xbbX\xb7\x88\xe2\xf79\xf2\x1cR\xfd\xb6G\xbdw\x95\x1f\xfd\x00\xdf\x17\xac\xc4vE\xb1\x92,\xbe\x81e{\x86\xc8\x9f\xfck\x15\xeb\xec\x16\xfe-\x91\x94\x12\xfev^J\xa2\x9fI\x15\xdb\x06\x1c\xbfKSx@\x94$%\r.\xaaZ\xa9T_\xed\xb6U\xce\x04\x98\xf96V\xfb\x89\xcb\xf1uH\x8f\x12\xd2#"\x9f,Y\xed\xdf\x92O-c\xac\x02\xcb\x92L\xa3~/\x84\x84\xbd:\xb7V&lt;\xdc_\x8b\xc9o\x03\xb5\xdeP\xc8\xb1\x05qMH]\x0eB\xed\xdb\xe5\x0cj\x17\xe9Q\x9b\xd7\xf5\xc6,R\xbe\xb8\xb1\xd2\xa0\x1f\xf4\xd1\xc3/\x02\x95M_\xe4\xcd\x97\x08-K$\xf2:S\xd7\x8f\xab \x87\x8b+\xdfT\xa6?sv\x1f\xe0\x9f\xce7\x8cf\x0f\x08\xebh?\x81\x0eVe\x92=*\x92\xa5F\x16\x16\xce\x15K\xe6\x86\xe1j\xff\x92^]\x10\x90@\xa2\x02\x86\xc6 N\x1c0\x0f5\xfb\x0b\xd0\xf6\x8c\xef\xcd\xf2\xa9g\x0c\x98{\xc3\x00%l\xda\xb9\x17\x06\tU\x13U\x1a\xda\x11\x99\xa3\x1d1\xc9\xb1\x1a.\xbcM\xaev\n\xf9\x93\x1e\x1c+\xa7\x8e\xa9\xec\xa9\xfaY\xd3\x05[-4\xc1_\xb7l\xe3\x874XW|\xa5\x08\xa7\xaa\x8cj\xc8&lt;\x14%)\xe2\xf6q\x87\xa8^\r\xc4A\xcd.\x83\xfd\xdf\xa8\x06;}\x8b\x17\x8a\x14\x83\x95|q\xfb-\xa0\x95B}\x9e`\x1f\xc8U\xa8\xb5(\x99.\xe2\x8b&gt;\x0f+\x1b\x97\x19\x03F\xab\xc1\x04\x97\xbc$\xedf8\xe9\x91\x96\xb6\x8d\xafjDEY\x19U*\x83\xd1\xcd\xe4\x16p7X^\x06j\xc2\xea\x8e\xce~X\xb9C\x94?*\xee\x1b\x17\xdf\xdc\x03\x00\xf0K\xea\xa5\xd4\x9dtp\xf2\x02\x00\x80_\xcc&lt;\x0b\x0e\xbe\x91ld\xc9\x1e\x92W\x81\x96\xf7\x01\x00\xe0\t\xd7\xe5v6\xf2Q\x8d3{f\xe1\x16[\x85\x9e\xc0\x14\x85?\x9f=\x01\xdc\xbd\xf0\xbd\x07\xa8\xdc\xca\x97\xab\\n\xb6\x0f\xd9\x00\xf87\xe8\xb3\x9a^9\xf3\xe6\xf8=&amp;\xc8\x94\x1e\xaf\x13\xc6\x8ay\xd6n0\xce\x07gR\xbaR\xb1U7\xf1\xf9G\xebR\xba\xc6\xe0\xbc\xfd\xf9l \xc1\xf3\xda\xca\xbb\\\x8c\xffC\xb8\xac\xa8)\xd1T\xdd]\xdc\x9f\x96DAz\xb6\x9a\x92\xd0\xf5?}\x0e\x19\x14\xac\xfc\xf4\xa3\xa9\xa3p\x8bD\x1dv^\xb4\xadf\xb5-\xcc\xf4\x03V\xdbbq\xb6\xe6\xaf\xe5\xf6`\xdb\xcc\xa4k{\xa2\xa6e\x9d\xaa!\xa5\'S\xeb\x9d\x16\xc7\x8ch{ \x0c1q*\xc07\xa2\xc5\xc2c\x02\xd0e\xbc4\xee\x82\xaf\x1e"\xa0D\xf2\x9d\x994\xdbr\x92i\xd6\xd0c\x9d\xd0\x88*\x1f\xe8\xb1\xd0\x8c2\xb6\xa7\xf2PoVZ\xdd\x03]\x00\xeb\x19\xe0\x7f:\xddJ\xa0\xd3\xab\xb2c\xb5\xc9U\xf4K\xbf\xa9\x1c1y\xb6\x95N\xeb\x1e\xb1K\xe2\xe6\x08]\x05\x00\x8f\xebY\xeb]\xb7_\xcf\x98\xa8\x1a\xbc18\x05\x07\tT\xe5\x1eQ\x08\'\x80g\xf5\xd0s\xf1a\xef\x16T\xd6\x8f.\xd7eg\x9c\x1dk\x90\x12|D\xec\x88|T\x04F\xf5h\xa6a\xf7j\xe1|\xf4/\xd7C\xfem\x83om\x97~\xf4\xda\x19\x03\xe3v\x98\\\x1fb&lt;ia\xe1\x1c\xb7\x9a\x15\xf9R\xad\xa2\xa6\xed\x8c9 \xc5\x07\xa4\xae\xa7\xc5\xae\xffv\x1f\xc0W\xd8L\xf7\xfd\\\x8cF3vso\x8e\x1d\xe8?@\xb0:\xfa\x04\xaa\xa2u\x97\xdb;F\x81\x1f\r\xfa\xc5AQ\xf5\x1e\xa4\xf4\xc5\xe7o\xaf\xf9\xcc$\xd6\x85Z6\x18\x85\x99\xff\x0b\x08\x13\x80#\x0f\xda\x02\xe0&gt;L Q\x0b\xe6\xd5C\xf3\x07\xdd\x93i\xdc\x9f\xe3D\xcf\xe4\xcf\x89\x85uO\xf7\xb5\x81g l\x00\x88$\xab+)T\x0c\xb5sT\x142\x8d\xd5u\x896\xb7\x8d \x13&lt;\x84D\x19V\x98\x00N\x1b&amp;d\x85\xe1\xc9\x18\x15\x85n\xa6=m\xfak\xedU\x1f\x0c&lt;Y\xc99C\xbc\x92\xc7\x90\x90\xcb\xe8\x84\xc4*&amp;T\xa5Ph\x1aTi4\xd4"\x1a(\xe7\xc8yB\xa7\xf5\x06\x9cgw\xa0Z\x9e\xd1F\xa9\xa5VXy-\xf8\xc72\xea\x02\x10\xb0\xab\'\xdb\xfd18&gt;\x9fd\xca\xe2pi\x93\xf7\x18@\x82\xa9*\xbf\'kC\xd6\xd6#\xaeY\\F?\xe1\xd8d\xb4\xc5^1\xeb\xe4\xc2\xa0\x12N\xac,\xb9\xdd\x00=)\xb7\x8e\x85\x96\xd1\x04WG\xfa\x0e\x1e[WX#v\xd4\rU&lt;\x03\xc6\x90\x85\x94&gt;)\xa0GU^\xb1\xaboAN\xc2\xcb\xa5\x04\xf0\xc5g[\xb9\x978\xde\x82\x01@\xdf\xd9D{nY\xa2\xafo\xbb\xd8\x1boV\x9b\xcb\xb2\xbf\xdcm}\x05\x95\xfbmY\xc2\x89IJ\x9e\xea\x11\x86\x02\x1f\x00X\x96\x05Z_F\x02\'\xbfE.[Y?\x9ca\xcb\xdf\x84\xdc\xb3\\Z\xf4m;\xa5\x94R\xb0G\xf8\xd8q\x1a:\xa3\xf34GE\xfbQ\x8e\xd8\x94\x92\xd2eD\xfe\xc2y\xe0$g\xde{\x1c\x0f\x86\xe077\x89\x0b\xa8%\x1d\xd9\xdf9\xa7\xfb\'\xff\x86eB\xb9\xb4X\x97\xfe\x1f\xb7Fg1\x8d\x99J\x16\xf4o\xcd\\\x94 \xb3\x85x\xc1\x9e5\x9c\xd6\xab\n\xcf\x03y\xe7\xd7p8\xbb~\xd1\xdfe\xf6\x8f\x86r[\xe2=\xd2\xe6\x9d3\xdem\t\x90\xfeK+\x1f\x0f\x8cw\xc6E_(\xd9\x06-Z\xaa\xaf\xa1=\x83\xcc\xbd\xc5\xbe\x8f\x0b\x9d\x00\x11\r)T\xc9i\x02\x00\x1e\xcf\xaa\x88\x07G\xf8\xaa\xaaMgB\xcf\x19\xd0\xd5*\xc9\xb4\xcf\xa0ma\x17\xaas\'\x8en\x0cd\xe6Q\x0f\x0f1zj\x95N\xb5\r\xf6lm\xc2\x89\xd0\xff1\xec\xfe\xb9h:t\x10\'\xe9L__*\x07w\xa2\xe0L&amp;\xc2\xe8\xc8\xfe\xe1Z\\^\xd4\x81\x8b\xacp\xef\x98\xba\x0cn~]\x97\t\xb8\x95\xd8\x1b\xdc\x97\x05\xce\xea\xe6!7`\xb2\xc2/\x92\xadtM\x00\x03}-$e\xf6\xe7\xb08.\xf1\xf2\xad\xae\xc88\xef\xf6\xb2\xa6\x08\xe0U\xee\xf6z\xe7n\xa1w\x02pIRC8\xd5\x12=md\xfenH\x1as{\x83\xe3\xb66&amp;\xc0\x9a\xe0\xdd\x13\x84\xca\xeb\n\x99\xe1\xb1\x89\xc9\xd8\xc1\x9c4\x00\xcb\xd9\xbd7S\x1b\xd1\xe2W+vwW\xd2d\x0b\x9a\xaa\xfe3\x12^\xb3{\xf7\xea\xe7f`C\xff\x19\x96\xe7t"\xa3m\x02\xc0\x95\xaa\xd5\xb9\t\x90\xae\x8a\x7f\x9e\x8a\xf3,\x81\xd9F,\x96\xf4\xd0\xccU\xda\x18\x8a\'T\x84\x06\xaci\x82\xda\r\x1c\xd6\t\xb9\xccW+\x7f\x16\x99\xabu\x95\x15\x03\xd1\xef\xe1I.\xf1\xfe\xaa\xb5C\'Y=\x96&lt;?\xba\xf1\xa0\x03\xc4J\x95\x17\xea\x16\x7f\xe2\xab\xbd\xc4\xdc\x1e\x1e8@\x01r\xf0|\xc3\x10\x85\xf7\x04&lt;;\xfb\xabl\x7f\xd6\xb26$\xe1\\\x8f\x04\\\x98\xb3OL\xbf\xe4\x9d\xb7B\xc4\xa2|D\xe7\xe7\xbfz\xceI\xb2VOj#\x19\xdf\x1f\x0f=K\xf8\x1e\xdf\xbeQMy\xd4\\\xbe\xf6\x17\x0f\xf9Vr\xf9\x98\x0b\x00\xe0gt\x81h\xcc\xbbn8\x01~5z\x19]\xfb\xbfu\xff\x10v\xd2\xd5"ZB\r948\xc5j\xb3{EI\x90\xdb}\x06\x8e\x03R.\xe4\xa1\xb8r\xa36\x8e](\xe5\xc1\xb7 \x02\xc4\xbf3}8q\x92\t\xb6\xdc\xa6\xed\xa9n\x084\x85\xe4\xda\x07\xb9\x95\xc0R460\x01\xbcj\xe4\xa4\xc5\xc1\xa4\x01\xab\x16k\xd3\xe06\xb4\xa9\xea&amp;V\xce\xb8\xaa\xad\xb0Z-\x00\x9c\xad\xfbP\xf9\x9d\x16\xd5\xee\x06x\xfe\xcbr&amp;\x1e\x93\xa4V\xa9\xa1.?"B.\x93+\xee\x0f\xc4X\xe8\x9c\xf0=\x16\xed\x12\xce\x81\xc8\xe0\xb9m\x14\xc3\xcb\xc4\xcd\xb0&lt;\xc8\x08k\xc9\xa2j\xf1\x94\x13X\xa1\x97\xdd\x99\xab\xb2\x99\x1b9\xc6-C\xc8\xdc\x18c#\xd0I\x85\x1f\x00Ve\x1a&lt; N&lt;\x9eZ\r\xc8V\x9e|\xc1\xc5\xe2=\x019\xf5\x03\x80\x8f\xc9\x97^\xda\x92\x1fM\xa3&gt;\xd9\xd0\t\x00\xff\xcb\x16\xb3\xacn/=x\xbb\xc6\xe9\x01\xfa\x12\x96\xb3\xe6\r\xc6\xbd\x97HKq\x00\x00 \x00IDATF\xa6\xbar?\xa9\x19\xea&gt;\xac~\xc6r\xbac\xf3\x84\xf7\xd1\x97Z\x85lv\xb5&gt;\x12\xee\x12\x85Y\xbdLY\xf7?\x9e\xe3\xc9}|\x1d\xb6nm \xdc\x04\\s\xbe/\xd1\x88\x85U\x97\xd7\tTm+gY\xf8\x03\xef}\xf70\xaf\x1b\x05\x00x\x84-+W\'\x08\x1b\x1d1\x01\x9c7$\x06\xea%\xadh\xe849&gt;\xa5K\xe1.\xb9\x08H:\xbb\x13\x08\xd1\x1d?\x01\xb0\x1e\xd4b\xe0\x8e\xb9\xb5\x0f\x17\xfar\xff\x9at\xd3o.\xe9\xd1\xc7\x97\xd4\x89\xa3\xd7b(9\xad\xda\x00\xd6\xe2M38\xdeHa\xd0;\x8c\x91\xc2\x92\to\xc2\xb2IV\xbeg\t;\xc5\xf0\xeb\x04J\xd4\xdfc\x01\x90\xc5r\xbb\x12\xebT\xb1G\xae\x88\xd5?\xcb\xb2\xec\xbdz\xb4"\xaag\xc9\x11\x12}y\x03\xa2\x92_\x1c\x92Q|g\xbb\x16l\x86{O\xf5&lt;\xec1\xf6;)=\xa2\xd5\x87^[\x11\xf7\xaaC\xec\x1aQ\xd8\xd0\x05\xb76^N\x85\xb0R\x85\x94\x9e\xd9\xa1Q\xf6\xdd\x1a\xa0/\xb2]6\xa6X\xd5\xf1\xcb\xaaf\rt\xb5zu\xf6\x16_k\x90\x0b\x8cw\x1e\xa0Ru{\x91%\xa3\xdf\xc5\xf7/:\xb0\x1cf\xbb}x\x9f\xb4\x94\xaft\xbf\xc1\xc5L~\x9d@%\x14RJ\xa6g\xdexML\xca\x9c\x07/Y\xe3\xb0\x12`\xd9\x9fJ\xd6:\xd2\xc8\xfe)%\x00\xe1}\xc3\xd5e\xa6\'\x1er\xdf\xff\xaeV\r\x014h+wN\'\xbeK\xc4\xc4\xb2,\x1f\x16\xf4\xc6\xc3\xc9\xfe*\x00\xfe\xf7\xb5)\x08p\x1eq\x9c\xcbAO\xa9U\xd3\x9a\x00\xb0G-]L\xc4\x9b\xe1H\xe1Qx3\x93\x00\x00&lt;A)wk\x90O\xbd\xfa\x9b\xd8\xef&amp;~J\xd4v\xc8\xd0v\xa2%\x9eQ]\xe5@#\x9f\xa4\x01\xf3\xc9\x8d\x1d\xa4M(\x88\xf6\x13&lt;\xaf+\xce\x9c\xc7\xfa\x03\x06\xb9\xc3\x8a\x87I\xa3uu\x02\x88\xf9\x1b\x00\xe0\x0f\xd5\x92\x88r\xa2\xdd\x8f\x01\x89\xb2U\t\xb0\xe7\r\x82\x9e;\x1dZ"N\xfb\x1az\xbf\xfezI\x9b\x1e\xe0\'\x1b\x1ad\xd8\xedDHc}bCw\xe0&lt;\xda\x9a\x17[\x13\xed\xe8\x0f&amp;&gt;\xed\'\xd6g\xb0\'\x02o\xf6G\x18E\xac\xa1n\xb46(\x9f{\xc8\x9c7\xdao\x19\xd1\xf6\xda\x0erj\xf3\xf8\x99H\xf8y\xf2~\xac\x1a\xd3\xe6\xce\\\xf1\x8c\xf9^ )m5\x12\x8bpMU\x7f\xf4\x9e\x1a\xfa\x0fjdIO\xabl\xe7\xb3\xeaA\x18\x8a\xb6\xd8\x9a\x1a\xf7\xfdz\xe3\xb2z2\xc8c\xc5skT\x19$\xbf\x9d:^k\xdc\xf6R\xe4E\xf9\x0c\xc1\xbbv\xdc\x0b1\x1eU\xe5}\x1b\xb8\x0bLH-\x1d\xa7\x7f\x1by\xf09/\xb2\xd1\xa3\x99\xbe\xc9\x9c\x13W\x9c\x8c\xef\x055[\xdf-\x14\t\xfax\xbf\xffS\xeb\xd5B\xb7\nz\xc2Ek\xe4\xa0\x10|\xf0\xf7\x000\xf8\x10r\xad\x89\xa4y\xfe\xdd\x1d\x99B\\nDW\r\x92\x92\x00\xff~x\xda\x98e\x9c&gt;\x81\xbc}\xae[\x8fe\xe4\xb3O\x8a/0=$\xbe\xc5\x1cq{@\xe3\xcd\x8b\xcfh \xb7n{\x12\x00\xe0\xff9\xc4\xe4e\xd0\x13-%\xe2p\xc3\x13&lt;H\xca\xdbF\xa8Sr\xe2\xca\xc8y\x07\x97T\x13\x96&amp;\xe6\xd91\xe4zr8\xb2q.\x06\x9f?\xa5\x16\xe5\x7f\xbf^\xf7\x0c8\xd9:\x87Yp0\x9e\x0e\x80_\xb9\x00\x9b\x90\x05\xa7{\xd6|\xf7UR\xf5\x80\xb1\x0e\x00\x00\xc0\xb7;\xedB-\x17\x8b\xe9\x9b\x99\xdbs\xbdt6\x05\xd2o=\xfa#\xd3F\xec~C\x8f%\xe5&lt;v\xa5\xff\x13}\x9a\xef\x0f\xb2\x8f\xb2s`_\x05\x9cgQ\x8c-\xab\x8a#3\n\x89\xfe")r\x88\x01:\x0eK\xde\x00\xe9c\xa5Z\x9fj(l\x9d\x9b\rm\x01y\xf3\x8b\x84\xb5Cd\xbf\x1dS\x8f\x9b\xf3ya\xe2T\xca\xba\xdbK[\xd4\xa3\r\x16y\xb60\'\tM\xbf\x87\xdeX`\xb3F"\xb0\xa9y\xd2\xc8}F\xb5G\x89W.\xe6%\xe7X%TE\x01,i\x041\xafr\x12\xfcy0\xf3\xe25\x1aHj!\xde\xd6\xde\xa86\x00\x00\x10\xe7\xac-\xc6~^\xb72\xb0G\xfc\xdaz\x8cf\x1b\xc5\td\xa49d\xbelsB\xb6&amp;\x06\xff\x10\x9ff\x9d\x97O\x9e\xdc?\xb8y\x11W\xcf\t\xa0,A\x9dz\xf4.)\xb9s\xb0\xbb\x98\\1\xb3\xd80\x0f\x88\x11\\\x95l6qE\x184\xa0\xba\xfc\x1f\xc5\x81\r\xf5hWv:\xb3\'\xd1\x88\xb5\x00\x12\xff\xe13f\x0e}`M\x18\x18\x1c\xd7\x8d4qz\xbb\x89\xd0\xbfU\x08\xefl8~\x1a\x1e`\xff\xe2\xae\xec\xc3\xb6\x07\x1e\xb2\xb6\xab|\xe3n\xb5\xee1mK:\xf5\xd8\x8d\xdd\x0f\xd4\xe8W\xcfA\xf92:\xb4&gt;\xa0\xa0*\\\xe9\x9d\xd9\x139\x8a*b\x97}\xf6\x02\xf7K\xc8\xb4?~L\r\xcb\xda\xf1!=\xebd\xd5\x1c\x18\xfd\xcc=\xc8\xad;\xc9\x90gT\xe2\xcb8w\xf1Q\xb6\x96b\xaf^8\x0e\xaf\x0e\xfa\x18h\xf1\xd8\xe2\xee\x95u\x16@\xee{\xeeZ\x1a5\xa6\xadz.\xb3j\x80=\x0f\n\xaf*\xe2\x0b\x87-kiq\xe6m\xfej\xee\x0b\x99\xf0\x17\x1c\x8a s\xc3\xb5&lt;\xca\x19+m\xdfPc\xab\xd4\x1c\xd6/\x0e=d\x9dqzH\xbc\xc2\xf1\xacss\xf6?\xce\x19&lt;u\xf7\x0fk\x00\xe28\x04e\xa1J\x9d\xa0\xfb\xa4\xda\x84\xa7;\x18F\xa1\xf7Q\xdf\xa1\x99\xd9\xf5\xf6\xb3\xd8\x9bgI\x89\xa9j}1I\xde\x0b^\xe1\x0c\xebn\xc132\xa5]j\x81~\x0e \xc5J\xb3\xde\x06b\x90\xd27*\xaa\x0c+\xe83\xb1NO\x9f\x1a\xf0\xddY\x9bO\x1e\xf4\xa7E!%\x80g\r\xc9\xc2\xc5\xb1aER\xed\x03g\xe7l\x86\xaa\xa7I\xd2|\xaf\x89\xd1\xc2\xe2\xea\x9f\xd4\xc4\x14\xbb\xff\xcc#\xa6Y7:\xcb\xa3\xaa-\xc0\x00\xc5\'W+\xc8\xbf}\xc5!6\x8b!\xf9\xa1\x19\x00\x00\xf0\'\xaee\xfd\xfe@&lt;d\x1c\xd8\xb19J\xd80V\x8d\xd8\xb6G\xcdLI\x9b\xfcP\x1el\xd0\xd0\xcfA\x16+=\xc6=9v(V\xb5i&amp;q8u\x12\x02\x9c\r\x1d\x99H\xcd\xb9rv\xaeYo\xbe\x85\x83\xea\xbenP\xb9\xb3\xbd\x9a\xaa\x06\xcemU\xaa\xd3v\\\xa7\xb7p\xa2\x05 \xa5\x89\xbcX0\xc21lH\x1e\x81\xd8b\xef\xd1\xc1\x19\xf9n\xd3\xec\xcf8\xc3m\xd7@\xb8\tSW\x83\xce\xb7\xae\t\x00\xc0\xa3\xf5Kz\xb6\r\xf5\x91-\x99\xaf\xc2\xebX\x1a\x0e\xd3\xb2\x06\xfcg\xcd"\xb2\xdb\xd3\xd1\x10\xd9\xac\xe0K!\xab\x87\x7fZ8\x1a:\x8d\xab\xf2\n\t\xd0\xbf\xa4pb\x08\\\xf7B\xad\xfb\x87YQ\xf1\nuH\xd2\xe9\x9bV^%\xa0i\xdb\x0f\xef\xe8E\x8d\xf3U\x80\x1d\xd5\xff\xe2xX__\x9fR\xeah\xa36\x16;\xefx\xfbM\xc7n~\x96-\xf5h\xc8\r\\\xef\xf16\xfbj\xd5B\xdf5\xcd\x14\xe6li\xdf\xa1En\xaf\xd01\x07]\xb8)\xcd\xdd\x07\xd7\xbe;\x8a\xfbq/I\x86\xabmU\xd1\x1b\xfe\x0f\x01\x8f\xacJ\xb4\xe5kr\xd7\x11\xf6_\xd5P\xc2\xda\xbaI\xa9\r\xaa\xaf3\xdfY\xc4\x87P\x1e\xcc\x03\xd3Y\x158\xd1\n|v\x92\xfe\xa7\x92VM\xed|v_\xa3\x11E\xc7\x18Gs\xf6\x94\xaa-\xeb(64\xf6\xcf\xdf\xa4u\x8d1\\\xaa\xc2\x97\x99\xbd\xb5\xb5\xb1\xdb\xc9M\x0eoqL\xcf\xfb\xaf\x8e\xcfm*:\xa0\xac\xf4\xdb7\x00bj\x9a\x10\xe0\xf4q\xc3\xde\xfc2 \xa7\xdb\xb9p\xfbpA\xae"\x93\xd4z2{\xec\xcd\x83o\xfb\xa9k\x8e\xc9\xbb\x04\xb4\x06\xee\xe4-&gt;\xa6\xf2s;\x90\x04\xb5x.\x01\xf0\xaaE\xc9\'Z&gt;\\/\x81\xf2=\xac\xcb@&lt;\xc5\xfa\x9c\xd6#\xd3\xeb\xc2\xc9\x99\x1e\x1c\x95\x9e\x7f\xbctu\x04\xbb\x07\x89\xab\xcf\x01\xd8\xba\xf8!\xf3\xd3\xa6,\xe8\x1b\x0c\xef]*\xc1w\xb4\x84\xa9H\x81&amp;@\nI\xeb\x0c\xf8\xdbsF\xdf\xed|\xbf$V\xcb$\xb3\xeb\xfcs\xbd\xe44\xcdb\xef\xb8\xeb&amp;\xd6\xdd$\x0c|\xfaj\xe6:\xeb\x8fS\x120W\xbb\x016\xca9\x86EM\xbf\xb6J\x9b\x88\x01\x00~\xbb\xa7\xfa\x11\x04\x8du\x11\x93\xb7\nk\xd0m\x03\xbe\x1fh\xdcj\x93\x96\xd2b\xad\\"j6\x12\x90\xa6\xcd\xd1:\xc7\x93\x91U-M\xf0\xef&amp;\x0f&amp;\xba\xa7\xfd\xf1\x11j\xd0\x11{\xf2\xf4,p(\xe3\xad\xec&gt;\xbf\xe1&amp;\xc0+\xb9%\xaf\x91\xd3\xc4\xed\xa9\xed\x15\xd5\xd7]4\xc0\xb9\xaa\x1bn\xfa\x81\xa2y\x11\xad\x8d\xa5J\xadg\xc9\x1a\xda \x8cj|\xe9\x90yeN\xd2\x0e \x90\x92\xa0\x96SD\xd4\xc9W%\x98\x8b\xd8\x9f\x0e\x15M\xf0\xf6\xe6\xfe\xaf\x9av#\x035\xba\xa6\xd3:\xd4\xea\xd6\xa6\xa0\xb5\xed\x0e\x877\x03&gt;F*tx[\x14\xc0\xb3\xa9&amp;\xa3\xd9\x1a\xe8\r\xd8\x9e,\xa2\x86\x04\xc9\xb9\x03 \xe8\xf1D\xc8\x8fZ\xaf\xe3Cd\xdb\x10\t\x9cbX\xbeL\xfb\xc4\x80-g\xf5\xc0\xf0Zf+\xe2\x16\x058\xeb\x06m\xddt\xc4kK\xc8\x10g\xbf8|\x91`\xb1Z\x17e\xb7\x04\xf0\xa1NV\x02I\xa9\xfc\xf9m\xea4\x13\xb5\xef\xb7\xcaiQ\xf2`\xfe\x13\x00\x1e\xab\xf3\xd7b\x18\xd8\x07._iO\x07l\x03\xe0\xfe\xa6\xce=D\x1e\x00\x97t@uy\xe2\x89\x89\xf57Tq\\\xe6:=!e\x06\nU:\xd0ugw\x01\x9f\xd5\xee\x10Bt\xefb\x03SJ\x00\xe9[\xa5q\x11\x9d\xf9\x8a\x12i\xff\xc7f;u\x0e\xa8\xd2\xb0\xe7\x0f\xbb\n\xe1vR\x9f)\xf3\x91\xca\xea\xc1\xa1\x7f\xfe\xed\t\xd9Nd\xe2\xca\x01\xee%h\xdc\xb9\xc0QG\xe6\xd0\x8e\xbb\x7f#\xea2\xc7\x059\x9eI\xa1kC\x83\xa4\xf0\xd08\xd4\xa2\x91\xe1\x1f)mM\x06\x00\x80\xe7\xd1Bk\xeb\x1f3\x93\xb5\x90Y\x84[L\x8eAz\xb1tq;\xb0^\x06\'\xc2\xe83ri\xf8\x83\xf6`\x8e\x81\xb5\\~\xd7\xdbX\x1e\x12\xae\xf5h\xb1\x98\x8f&lt;\xedU_\xaa\xb5\xe7\x88\xa7\x8c\xa0\x97\xdc\x89\xa3\xa1\x8f\xae3R\xd1^\xd3\x96\x82\x94\xfeRY\xf8\x02\xb7\x91\xfd\xfbk)\xd1f:\xbc\x89\xbbu\xefe\xf4v\xccB\x1b1jS\xaaZ\x16k-\xcb+\xd2\xd2\x9d\x84\xa83\xf2e\x8a\xe3\x85n)\xe5\x17\xbaI4j\x9a\x1f`\xea/P]\x05\xe0KX\x8e/\xba\x95\xea\xf5\xd3\x1e\x17O_W\xf9\xd75\x9d\x18\xa5\xba\x81\xa4\xb8\x88kS\xb5+|b\xae\xfb\x98A\x8bwg\x178\xb7\x1d\xa2\x0c|\x94\x97F]\xce\xa7\xc7\xd3(\xf1:\xf8&amp;\x0flK\xb4\x1e!li\xf6\xb4\x05_\x11\x85\xae\x985\xb9i+\x059u~K\x0f\xa3;\x8bZ\xfa\xfe\x15\x92b\xb6\xd4Sn\xc1h\xbc\xae\xff~c9lt\xeb\x01\xb6~Ie\x14\xf9my\xf0\xae\xad\x15qF\x08\xd1\xca\x19\x13D4\xf3A\xbe\xedTu\xe8\x94H\x91\x12\xbf)1y\xd9u\xbb\xbdB\xf5h\xea(\xb7N{\x1a\x8d\x90\xb0\xcf3\x1e\x9d\x1eA\xa8=m|-p\xeaZ[\xc6\x1e\x81\xde\x194\x8c\xa2b\x02\xd0\x07\xb9\x86\xb3Z"\xd1\xd6(]\x86\x83\x06\xcc\xc1O\x89\xb4 WC%\xef\xdbH\x06\xff\xd9\x9d7\x8f\x89\xe4\xa9\x95\xe8\xf2\x1b\xc1\x94&lt;\xf4\x86\xf7u\xa5!&gt;1^\xcb\xe1\x1f\xe9\xdc\xf5\xd5\x9c\x16\x8e*\xee\xc2\xa3-?nJn\x97R\xfa\x8eq\x13\xedp\x84\xa6\xa5\xdbl\xc2y@?m\xd1\xf4\x02\x16\xea,\xe1\xb7x\x16q\xd5\xa2\xbdd\xaa\x99\x89F\x8f\xbfGL"\xdb\xa8P\x14p\xea\xdf\x0e,\xf7W\xbb\xd5\xe5\x99f|\xe49\xe67\xaa\xd6\x9f\xfea?\xcf2\xcaQ\xd0\xc7\x16W_?\x1bz:m]\x12y\xa4(7e\x84\x96V\xe3\xb0\x9f\xcf\xb2,\xebT[\r\xe3%%\x80?\x98\xd2v\xb3\xf7Tb~\xe5\xe0\xb8\x9d@|{\x87bf\x14\xf6\x9b\xc0\x00\xe93z\xdbL\xee*\xee\xb7g\xb4c\xa5\xdd\xd7\xeb\x9f\xb93:I\x94\xfaIG\x1e\x7f\xa2.\x1f;\xe7g\x13x\x86\xd3(\xee\xff\xca\xbfS\xc65g\x14\x1a\xba\x91_H\x87\x9c\xe2\xad\xab\n\xea\xd9\xbf\x19\xb4\xf9\xbe*\x9dF\xd7\xf0x\x8ax)\xde\x03\x8f\x17K\xff\xd5\xea\xff\x80\x9e\xd8\xebT\x03\x8a\x89\x95\x94R\x02\x80w\'\n\xf1\xe2`\xfb\xef\xf3R\xed\xe7\xba\x9a\x91\x87\xe8@\xe5\x0fm\xa5\xafado\x01\xc8o8\x84}\x85[\x18f+\x9a\\.\xae=C;\x03\xa2\x8d(\xc9j\xdb&amp;|{\x19\xe2_\xa4\x90u\xb7O~\xc7\xb2\x1c\xb9g\xf4\x98\xe3\x03Cy\x87k^\'\xfa~\xf5\xb7oKq\x06\xf0\x16*\x99\xcdL,\x14\xd7\xad[\xc3\x9b\x99;\xdb^\xdd\xfahUB\xb5\x805MY,\xab*\x8d\x96\xc2\xf1"w\xdf{pWK.\xe2^\xe4\xa4$&amp;\xa2\x1b\x89\xcf\x0b\x80&gt;\x06\xda\x0c8\xd6\xb3{\xc9\xe7eo\x1eK\x03{\x8cm\xbd\xfc5\xea\xc3a\xd1I\x1bH \xa3\x9c\x95\x17\x14\xd1\xce6N6\xfc\xc7\xaci\x7fB\xcf\xb9d\xe2g\xc0\x87\x1eG\xf5\x10\xd4m\x93^\xc1\xb3\x12\x16v0\xe7\xc0\xbf\xb4[LV\xf0w\x95\xd4\xb9oUC\xed\x80\x8e\x95\xf8\xe5\xc1\x9b\xa6D\x85\xfbV\x07Y\xbe\x84\xc8\x9c\x12\xe4\xc73\xb2e\xf9\xe9\xf1y?\x01\xecAO\xbc\xc9\x82}\xc2\xe5bY\x12\x97W\xcfe\xecT\x0b\\cI\xb2z\xf2\x13\x9ai\x88]\x8f\xa4\xdfD\x96\x02\r#NW8O\x8f\x8b\xb6I\xdf\xafv\x00\xb5\x9a\x89\x1am\xab.</t>
        </is>
      </c>
      <c r="E345" t="inlineStr">
        <is>
          <t>&lt;class 'numpy.ndarray'&gt;</t>
        </is>
      </c>
    </row>
    <row r="346">
      <c r="A346" s="1" t="n">
        <v>344</v>
      </c>
      <c r="B346" t="inlineStr">
        <is>
          <t>steps_per_sec</t>
        </is>
      </c>
      <c r="C346" t="n">
        <v>5000</v>
      </c>
      <c r="D346" t="inlineStr">
        <is>
          <t>10.133783</t>
        </is>
      </c>
      <c r="E346" t="inlineStr">
        <is>
          <t>&lt;class 'numpy.ndarray'&gt;</t>
        </is>
      </c>
    </row>
    <row r="347">
      <c r="A347" s="1" t="n">
        <v>345</v>
      </c>
      <c r="B347" t="inlineStr">
        <is>
          <t>Loss/object_center</t>
        </is>
      </c>
      <c r="C347" t="n">
        <v>5000</v>
      </c>
      <c r="D347" t="inlineStr">
        <is>
          <t>0.07572952</t>
        </is>
      </c>
      <c r="E347" t="inlineStr">
        <is>
          <t>&lt;class 'numpy.ndarray'&gt;</t>
        </is>
      </c>
    </row>
    <row r="348">
      <c r="A348" s="1" t="n">
        <v>346</v>
      </c>
      <c r="B348" t="inlineStr">
        <is>
          <t>Loss/box/scale</t>
        </is>
      </c>
      <c r="C348" t="n">
        <v>5000</v>
      </c>
      <c r="D348" t="inlineStr">
        <is>
          <t>0.16278715</t>
        </is>
      </c>
      <c r="E348" t="inlineStr">
        <is>
          <t>&lt;class 'numpy.ndarray'&gt;</t>
        </is>
      </c>
    </row>
    <row r="349">
      <c r="A349" s="1" t="n">
        <v>347</v>
      </c>
      <c r="B349" t="inlineStr">
        <is>
          <t>Loss/box/offset</t>
        </is>
      </c>
      <c r="C349" t="n">
        <v>5000</v>
      </c>
      <c r="D349" t="inlineStr">
        <is>
          <t>0.22038853</t>
        </is>
      </c>
      <c r="E349" t="inlineStr">
        <is>
          <t>&lt;class 'numpy.ndarray'&gt;</t>
        </is>
      </c>
    </row>
    <row r="350">
      <c r="A350" s="1" t="n">
        <v>348</v>
      </c>
      <c r="B350" t="inlineStr">
        <is>
          <t>Loss/total_loss</t>
        </is>
      </c>
      <c r="C350" t="n">
        <v>5000</v>
      </c>
      <c r="D350" t="inlineStr">
        <is>
          <t>0.45890522</t>
        </is>
      </c>
      <c r="E350" t="inlineStr">
        <is>
          <t>&lt;class 'numpy.ndarray'&gt;</t>
        </is>
      </c>
    </row>
    <row r="351">
      <c r="A351" s="1" t="n">
        <v>349</v>
      </c>
      <c r="B351" t="inlineStr">
        <is>
          <t>learning_rate</t>
        </is>
      </c>
      <c r="C351" t="n">
        <v>5000</v>
      </c>
      <c r="D351" t="inlineStr">
        <is>
          <t>0.001</t>
        </is>
      </c>
      <c r="E351" t="inlineStr">
        <is>
          <t>&lt;class 'numpy.ndarray'&gt;</t>
        </is>
      </c>
    </row>
    <row r="352">
      <c r="A352" s="1" t="n">
        <v>350</v>
      </c>
      <c r="B352" t="inlineStr">
        <is>
          <t>train_input_images</t>
        </is>
      </c>
      <c r="C352" t="n">
        <v>5000</v>
      </c>
      <c r="D352" t="inlineStr">
        <is>
          <t>[b'512' b'512'
 b'\x89PNG\r\n\x1a\n\x00\x00\x00\rIHDR\x00\x00\x02\x00\x00\x00\x02\x00\x08\x02\x00\x00\x00{\x1aC\xad\x00\x00 \x00IDATx\x9c\xec\xbdw\xdc=_Q\x1f&gt;\x17{\xb0\x8b\x02\xf6 \x8a\x8a\x06Ql?\xc5Xb\xc3\x82(\x96\xa0`\x8c\x11\x11{l\xb1\xa3A\xd4H,\xd1\x80\xbdaoI@D\r\x88\x12\xd1\x18\xa2X\xb1\xc7\x12\xc5\x02\xa2\xb1\xc5&gt;\xbf?v\xf7\xec\x94\xf7\xcc\x99\xb3\xbb\xf7&gt;\xf7C&gt;\xf3\x82\xcfw\xf7\x9c)\xef)g\xce\xd9}\xees\x1f\xa2\xdbt\x9bn\xd3m\xbaM\xb7\xe96\xdd\xa6\xdbt\x9bn\xd3m\xbaM\xb7\xe96\xdd\xa6\xdbt\x9bn\xd3m\xbaM\xb7\xe96\xdd\xa6\xdbt\x9bn\xd3m\xbaM\xb7\xe96\xdd\xa6\xdbt\x9bn\xd3m\xbaM\xb7\xe96\xdd\xa6\xdbt\x9bn\xd3m\xbaM\xb7\xe96\xdd\xa6\xdbt\x9bn\xd3m\xbaM\xb7\xe96\xdd\xa6\xdbt\x9bn\xd3m\xbaM\xb7\xe96\xdd\xa6\xdbt%t""f\x9e\xafOtr\x1c\xcct:5\x1e"\xa2\xd3\xc9s\x91\xd0cyx\xd2\xe2\xc7\x99\xa7[!8\xcd\xfa\xf1\xdc\t\x0bH\x08\xfe)\xd1KJ6\t\xa6\x8dO#\xc0\xa8\xd0\xec\xc0\xbc\x06\xd1\xaf{(\x93\x05#=y\xca\x8b\x95\x17#\xfaK\xe7\xdal}\x11\x80\xfeM\xe0O\xa7\xd3\xea\xc52\xe7\x83\xcf?A\xf4&amp;,1XC(\xbc-\x08&gt;\xcb8\x1dQ58%,\x82\\\xa7\x04\x89\x19\x87\x9cV\x90T\x85O\xb5\xbd\x19\x8c\xd1\xb6\x81\x96\x1cFn\x8e\xc1\x93\xc0\xa8\x10\x8d\x04\xd5VQ\xa9\x84\x87\x93}\x13T)\x9b\xe7c\xba\xc3\xfc\xdf\x13\xea\xfd3\x95\xda\xb0\xe9\x0e\xcc\xbcv\x1c\xa2\xd3B,\x1a\xe4\xd4\x13\xf9\x7f\xad\xb3D\xbcT/W\xbb\xff\xd4t\xd9v\xc0\x85^\x8aT#6\xde\xfc\xcd&lt;\x1at\xc9\xc4\xf5\xd3\xe9\x7f\xa1a\xdb \x16\x9d\xa7\xa6\x88\x99\xc3\xee\xcf&lt;y\xd2\\\xa0e\x9cE\xbb\xe1\x85G#\xb4\xf9;\xbd)\x91\xdc9\xccl\xe0\x16\x1ce\x01\xd2\\\x9c\x04\xcf\xc7hC~\xb37+\xed\xc31\x06\x83\x08A\xfa\xdb\x13\x18\xff\xd1\xc22v[\x7f\xc6\xfbq\x1de\xfb\xdb\xc6\x94a~\x1fj\xe7\x03R\x0bd\xabZ"\x12\n\r%+\x8b_}\xb6[_}\x1d\x18\x93\xda\xfd\xba4m\x80\x97HHm\xef\xb0\r\xd0-My4YQ\xc2f8-+\x146\x9cl\xc9\x8a\x9b\xe1\xb5\r.]r\xe5tv\xbdri\xc6\xcc=2\xd8\xd2$\x00\xa7P\xa1\xe3\x98A\xd0\x03\x94\x88s\xdbk\xd6j?Y\xc9\xc6\x1bg\x08\xd2j\xb6\x18\x16\x9d^\xa53\xd1gQx\xccE\x97\xd3\xd8\x92\x08\'z\xa7\xba\xf52\xe7\xf3\x19q+\xf5\x8b\xd8\xba\x88\x9d*q;]\x9a\xf1\x9b\x00\xf9\x03\x977\x99\x10\xb3j\x97&gt;s\xb2\xb1R\x1c2\xd0_zu\xc0\x07%`\xb6\xfa\x03\xfa\xb655\x07o\x9aV\xedO\\\x90h\x85$\x97\rj\x9dF\x95aN\xd8"\xeb2 \x96o\tZ\x9b5\x91t\xbcvVsb\x1f\x95\x89]i\xd9B\x00\xbc\xdb\x89\x0f\xb0R\x1e&lt;\x90\xf2C\xa8\x89\xfcY\x00\xbc\xe39\xb5\x1b[\xa8\x0e\xab\x82#Y\x0e\x8b\xbe&amp;;.\xf4|G2\x06\xfe\x0c\xa88Uw+\xe5\xd8Tv\xfb\xb7\t\xee\xcc\x80\x84`J\xc77\x8e\xa8V\xcc\xb0q\x8d\x99\x99\xff\xb1Q\x08=\x97\xfd\xb4D\xf1\xd9\xdc(\x14#\xde\xca\xafe\xf1\xd1\x0f\x070\xd7\x99\xf82?\xff\x8b\xf4\x03\x91\x02[\x9d\xba\x08\xe1\x88I\x96\xe7y\xd1QC\xdf\xd2\xd8\x1e\xb4\\$\xec@\xf9\xb97\x809\xd1;4\x1cK\x17{\xce\xc8\x13\x97\x8b\x1f\x8b\xe7\x96\xa4g\xeb[\xdc\x8a C!\xf4\xbe\x99\x92{\xe6\xd8\x0e\xdd7e{B_\xb6\x9c/Qgd\xecN\x83\xe7N\xfd\x8cV{[oM#\x8c\x0c\x0fR\xe2 \x111\xbf\xe3\x90H\xc2\xb6\x81@\xf4\n&lt;~p\x0f\x18\x9f&gt;\xcc\xa6\x1e\x95:J\x8a#\x9e\xe1\xc0\xa8\xb6\x92\xdb\xa9j?\x1e\xa0\xf6\x1cJ\x8f \xb9\xf4n\x18J\x99\x98\xaf\x1bm\xde0\xf2\xa2O\xa7\x96\x8b`\x1c\x88\xfcC\x06/\xb78o&lt;D\x8f5\x07s\xd0\x8c\xa2\x8eI\xfcA\xf6\xe0\xa6N\xd0R\xe4+\x8d\xac\xedw\xeav\x1e\xb9\x1b|\x02\xa848\xc3\x1elB\x99\x06\xe9\xfe\x101\xf3\x9d{\x0c\xdeb\xb7\xe2\xeb(\xfc\xd3\x9b\xbe\x150R\xeb}H\x85\xd0\x1c\xb5\x8e[\x1e\x87\x05\x071\x9c\xb5\xf5\x1c\xae|\xd4\xb5\xcb&lt;\x00\xedt3o\xa1WA\xdd\xb3\xffr-\xc7W\x86D6R.\x05\xa3&gt;8\'\xd8qv\xcc\t&amp;\xdc\x08\xe2#\xb3j\xf7\xd5\x17&amp;\xcdn\xfd\xbc\xbc\xe8oxt_~\x0e\xb4EDD\xdf\x1d\xf8KD\xfc\xba+\xf2.\x1dX\x91\x93\xe3w9J]\xc5"\xba69\x1d\xd0v\x1d\x8b\xb3\x08\xa3\x15[\xc8p\x14\xa0\xeb\xa3=\x99\xba\xc1,_cF\xf4j\txz\r\x97\n\xcf\x07~\xda\xf7Zy\xd7m\xb8+\xb6\x15\xe4g\'"N\x83P\x82. E`\x98\xe9=\xe4\x88\xbbp\xfc\xcbK$4&gt;D\xbcs=\x1cQ\x97\x97\xa9l\xef&amp;\x0e\xef\xd6\x80l\xf6bY [\xe5\xaf\x80\x1et\xd3\x00\x12*\xe6\xbd\xaa\xad`\xeb\xf0LV\x9a\xe4\xf5R\xde\xfe~\xb0\xa2\x01\xbd$\x91GfaHI\r\x80\x0c\xda\xf72\xe2\xf8\xcb\xe7\xac^\xff\xdfBF\x15/\xbf\x06 \xf7?\xe6\xcf/j{\xd8\xbe\xda\x8a$\xc1\xc2\x0b\xac\xbcu\xed\xbd\xca\xf9\xaa\x1f\xbe\x1d\x1a5\xb7\xab\xad\x9c\x7fm\xdf\x8a\xad\xe3@bf~7q{sH6\xd3\xad\xba\x01\x10j\xa9\x96\xa1pfo\xc2\xdd\xfd\xb0r\xb2\xf3\xc2\xf2e\x94c\x0e\xde/%\x88\xa5\xd7)\xdb\x06\xf2\xe1\xdaie\xddM\xf7\x013:\xbb\x83\xac\xc2^:^]\x8c\xde-\x9d=\x16\xcc!e\x12\xc9\x1f\x9e\xd9[\x91\xd6\xc3\xdc\xcd\xe2\xd8J;\x9f\xd4\xcfH\xc5\xda\xb5g\xeae\x90H5\xf7c \x05\x00&lt;\x9e\x8e\x9eq\x11\x08\xa3\x1a\x9fq\xcd\x91\xaaQ)\xb0\xb7\x1d\xbdq\xf9m\x15\xda\xd5\xb3\xf4\x02GB\x00\x90~s\xb3\xec\x818\xceI\xfc\x0bn\xe4:\xfb\xc8\x99\xe9\xf6.x\x16\x9a\x0fnAI\xbd\x80\xe1\xd4\x0f\xd7\xf2D\xef5t\x8f\xdbQ\x19\xbf\xa6}\x99c\xd5\x1a\xfd\xd1\xc1\x13\x02\xd8\xb6v\xe2\xa3\x19\xc6V\xd2\x19\x9c\xaf7o\xa6;w\xbb\xae\xf2\x85\xec;?i\xe5]\x8f\xb2WFuY\x83g4]y\xde\x9a\x077\xa9\n8\x8b\x8c\xb7\xe9\xf9\x94X\x12\x81\x1fKRP%\xdd\xfe\x02\xb6\x841T\xa1\x1e\x8d\xbc\x7f\xd4\xe5\xdfP"e\x14\xee\x8d\xd3\xc7c\x0c\x11\xf2\r\xb4g\x03X\x95Hm{\x14I\x9d\xfc\x83\x15d\x17\xee\xc8\xdd"9\xa7\xe9sm\x00~\x01\xee\xd1\xd6e\xbb\xbd\x07\\\x92\xae+\xdc\xaa\xfbOor\x83cr\xf1x"u\xd9\xf3~p\x1d\xa1\xea\x83\xd7O\x03\x1df\xfd-j\x1b\xb2\x10\xeeC\x01s\x10\xb1\x92\xa1.[}\x938\xaa\xe0\xc4\x0fQ\xfa\xe6\xb6\x9d[\x9fo\x08-\x9f\xb2\xecA)\xbb\xd5\x1b\xfb-\r\xfeV"\xb8\xa8\xd9]4\xe6\xbe\xc2\x95y\x17\xaa!\xe6\xd1r?\xc3\xf1\xed\x7fxH\x15\xbb\xedk\x06\x04\xcf\x8f\x14\xf63\xa0\x7f\xf4\x81l\x88\xb8\xfb\xba\x7f\xb6\x12\x9d\x15\xce{\xf69l\x9f;D\xcb\x1e\x00\xb5\xb3WE\xcf-\xba\x05\x9c\x1b6\xf3\xff\xbb_\x01\r\x08\xbe\xc4\x98/\xfcH\xf9\x05\x05\x13\xdd\xfbl\x087hp#g\xefG\x95\x1e\x1d&gt;Ul\xfd\x19\x00|\x8d\xb0\xd3\xdc\xd2\xd97\xec\xb3\xc4\x8f\x83\xe6\x86t\xc4\xca\x8fQsv\x9d\x1bh\x7f\x88\xf6\xaf\x9a\x1b\xa1\x7f\x16\xbc\x81\xb8\xd5\xe9\x96\xc9\xc5\xfa\x02\xc7\xb6*\xf2\x83X\x83\xf8w\'\x12\x03\xe9@\x1a\xd2Y\xe4\xfcO;L\x8c\xd26\xbd\xbb\xf7\xd1\xebm+W\x85i\xf3K\xfc\xb6\xcb^\x95;\x97\xa7\r/\x1en\xd3\xc1\xd4\xca\x90\x83]!~\xcbq\xd8KLx}\xb5d0\x9e\xbb]\x8e\xea\xe5\xdd\xef\x85\'\r\xf7\x1ca\xdeam\x98\xceg\xecp?L]\xa8R_*\xe7\xb7\x0f\xb6y0\xf1\xc3\xd1\xe0\xcb\xefV\x0b&gt;Rq\x93k\x7f\x83\xed[\xa2YY\xca\xdf\xed\xb6O\xda\xb4l\x98\x93\xca9V\xbb\xcc|^\x05\x07\x9a\xbe\xb6\xfa\xbb\xa5\xe9\x02\xa1S\xad\xf3\r\xc5\xf8\xb9\r\xd7hC\x04\xc4r\xbb\xd1\xc6w\x1de\x7f%0\x86\xe8\x16\x84\xec\x1b\x9f\x18gf\xe6\x17\xb2\xfc\xfei\xe0\xbc\x00\x8f\xed\xf2\xfa\xf6(\xbd7A-,\xff\xf9"\xb6\xaepA\x8a\xc7\xd3\x9b\x86\xe2h\xf8G&amp;\x0b\xfb\xcb_k\xb4\xcfJ\xa0\xab\xdcj\x11\xc8\x01\xdfz\xce\x08\x8ax\x16N\xa2\xbf\xdag\xab\xc3\xb0Y\xf3V\xc1\xab\xa58\x17\x87?\x84=T\xddn;\xd2\x1e\x07*\xd7\xe4\x9f\xde:\xda\x92\xa7\xdeKE8\xb1r\xeb~\x8cg\x0f\xf9\x17\xbf\xb7b\x10nE\xcc\x808\xde\x01\xdaOz\xaf\x7f\x97\x1e\x82\xc7q\x97\xd9\xe3\xe9\xb1\x01JZ\xc3\xb1\xb9\xf0\xda\xae\xf3\xbd\xc4\xc5~\xdep\x19\xe7\xe5\x9b\xd5\x8bQR\xf6{\xc4\xf7`\xe0\xe7\xaf]\xf0\xda\x1c\xb9\x03u1\x9d\xe2\x0f\xcc21\xd3\xe1\x9f\xa7M\x0fe\xbd\x03\xdd;\xe0\xf1S\xe2\x052\x13\x1d\xffN\xa7\xd3\x98*)\xbbM,\xd2VP\xb7\xbf\xda\x98U\xe8&amp;\x85\xdb"\xc0\x1f\xbe\x13\xcbL\xa7\xd3\t\xfb\xc5\xbc95\x8b\x82\xfe\xe3\x02\x9f\xe1\x03\xe4\xcc\xff\'\xc13d\xee\x9d\x83\x8d09\xd3H\xda\xeb\xda\xb6\x0f.#%\xcd\x85\x13\x11\xd1\xde\xccn\xa0\xeb\xea\xd3g\xa5\xf8 \xb92DO\x00\x17\xde\xd0\xfc\xb3\xa1\x99\xed\xc2a\xf5\x07\x00B+\xd7\xb6Q_\t\x8dFF\xe5k\xa7\xe9\xef\x9f\xdf1VN\xa9g\xca\xe0\xd9\xd4\xa2\xc1\xc3\xcd\xd4h\xf9|\xc7\xcb\x8b\xe5\x1f3\x8f?\x1dnx\x98\xb8\x86\xc5x\r\x18n\x8c*\x8d\xfeF\x02$\xb7(7\xb5\x0b\xcf\x85\xbd\xb9U\xca\xab\xf3\xb3 \xc4\x7f\x98i\xffr`\x10L\xdfDA\xd3\xa6\x9f\x7f\x0c\x83\xe4M\x7f\x1er\x0f\ru\xf9\xfa\xec\xcc\xf3|z\xa0nN\xdd*\xebw\x0b%\xc5+W`+\xf2\xe5G\x02\xef\xbeg}&gt;p3\xda:\xe7`Y\xdf*9&gt;\xf7\xd1\xe9\x06\x1f\x8f\x98\xd9\xff\xc9*f\xe6\xf7\x81\xcc\x87X\xb4o\x1e6h\xcd#\x06_\xd7\xec\'ir\xe8\xc7\xe6cV6KBm\xc1\xf3\xfd\x95,=\x8f\xe2*`\xed\xa7\xe5\xa1\x8f\t\xb9\x84\xdf\xfe,\x82p\x06\xc6e(X7\xf8fi\x1d\xb4&lt;\x97\xc1b\x8c~\xc3\xce\xb8\r\xec\x88g\xe0&lt;\x96p\x9a\x86\x9eH2\xe5o\xe1\x99\x83\xd7\x8c\x01\x8c\xd8\xa8\x99\x93\xbc?:\x8f\x84\x0c\xdb\xa8\xa8\xe0:Z\xeb-@\xeb{\xe3\x9b\xc5q&gt;j\x1b\x80o|\xeb\x94\xa8\xfe\xf1\xa7\xdaA\xfe#x\x12\xc0\xf5\xbe\xd1\xf6?~\x18\x9e\x05\x83\xafP\xd2\xdc7]dk9R\xe7\xa6\x83\xf7\xd1\xdf\xbe\x9a\xb3\x98\xa1\xfd\x0f%q[w#\xd1\xc60b\xcb\xa8\xf2\x99\xc2\xe7\xaa\xcb|\xc6\t\x15y\xc6\x7f\x1e\x18$\x03u\x8dE7S7)\xbeZ\xae\xd8\x1b""z&lt;\x11\xa5\'\x1a:Cs\xd9@\x9f\xe4@FG3\x8a\x1eJ\xfc\xf2\xf6K\xf1F_z\xec\xa4\xcd\xa8\xf1\x03\xdf\xf8\x8f\xef\xceA\xf5Sy\xa8\xa1\xa6v\x08RR{\xc9`\x82&lt;\x9f\xda\x043\xa3k.\xf2\x9b\x02v\xd4\x19w\xf3R\xbaI\x82\xc7\x1c3+(\xd6sNW\xbd\xe9[ \xb2#t\xac;C\xa7\xd4\xcd\xa6_b\x9b\xd8 Ix\xf7\x1e\x0c\x94\xf4m\xfd\x1cA\xf5\x81\xd2\r\xe6\xef\x85j\xdbU\xf4~5\x82\xf1\xe6=\xa8\x1bh\xe7\x168\xca_\x97\xb8\xaaW\x8e\xc7h&gt;\x93\xde\xfd\x94\x9c\x97\x11\xf3,rx\xa46\xab{~\xdb\x00\xc6C\xc1\xef\x9c\xce\x9a\xfd\xb2e\\\x7f\xf3\xcc!A&lt;k&amp;X_Wj0g\xc8O&lt;N\x95\x88U\xd4\xfdc\x9d\xfc\xb2Xg\x13\xd4\xe3!\xe7!4r,8\xd0\xec\xadJ\xcfg\x1d\x06\x93&lt;\x1f\xb9r\xb4\x01\xb0\xefL\xba\x0f\x05\x15\x00\x9b~\xac\xd7,\x0fmc=$\xd6\xca\xadE\xf9c\xa9J\xf4\xd1\x1b\xf9%\x97\n3\xf3\xf3vk\xe8\xbe\xcfE\xf3Mp\xdb\xfe\x01\xf5\xef\x0f\xdd\x9e\xf3\xb5\xb4.\xaf\xff\xc2\xb2=\xaa\x10\xb1\x8d\x8e\xf8\'{S\xb1%%\xdbl\xe7:\x9f\xffv\x00\xe6\x8fN\xbcj\xed\xbcUy\xde\xe2\xf7o\x00\xc5\xb3\x987\x94\x1b\xde\x00\x88\xf9f\xf2\xbd\xcd\xa2\xd9\x0b\xeb\xaax\xf1\xd4\xa8B\x9f\xae\xbc\x85)/\xcb\xfc\x95\x0b\x15jR\x1e&gt;\xceGb\xcf&gt;\xe3\x0b\n\xf1|\x132\x1c\xf5h\x02e\x9e\x0f\xfb\xec5\x93\xe9\xf2\x19g\xaf\xa7\x1c\x928\xb8V\x99\x1f!\xeb2\xe0)m?\xc5-j\xf3\x93\xc4\x8d\x14o\xb0\x90\xbeC\xdf\xe2Oy\xe1\xad\xf4\x8a\xd7\xa0i\xca\t\xd0\xe0\xac\xfd\xf7\xe3\x16G%V\x00\xc7\x06\xf3\x02y\x11\x0bm\xf3\x11&gt;&gt;#\x06\xd7\xb7\xe9\xf9\x81\x0e\xdb\x00\xd2\xc1hQq0\xb5\r\xd4\xc0\xeb\xd1-\xea\x17Y\xe6\xb7\xde!\xdeSND\xc4_\xbd\xdc\xa2W\xcc\xdd}\xceo\x1bWB\x95&gt;\x95\x1c\x14\x06\x0c\xb9\x91{\xd5e\x8b\x87\x92\x9e\x12x}a\x92\x8e\\\xf9\x11\xe1\x10:\xca\xbd\xe7\xfb@\x1dL\xc1\xa9m\xa0\xe0\xf8E\xd2\xd9\xa3S\xb2A\xdbQ\x00J/y\xc2o\xb7[\xc1t\xf5\x887\xd4\x15\\\x87Q\xedY-\x9b\xda\x1f\xea\x9d\xf2\x87\xd7\xdb\x81\xc4\xeeb@v\xf0\x87\x1fZ\xf6\xb3F\xc5\xce\x1a\xc3\xcb&lt;\xa2}\xebQ6\x0e\xa4\x07\x10\x918;\xdf0\x9avbz\xb2\x1b\x17}j?\xcc\x8dU\x0b\xf4\xac\n\x0fh4\x1b6\x12wk~\x18\x90\x9f@Y\xd3\xa8\xf5\xe73J7\x92\xe13\xf8\x81?\xd4\xbd0\xb1\xf8\xf7\x1a\x88\x99\x99?\xfb\xf0\xf5u\xf8\xd3\xcc-\x97\xe8\x99\xb8\xd0)f\xce\x9e\x8b\xdd\x1f\x12\x1cBz5\x9e\xdb\xd6l1\x8f\xceA\x1b\xc0N\x05Dh\x03(\xd8\x9d~\x02\xf4\x89\xdb\xac\x1c\xc2y\xd64V1\x1c\n\x02\xbe\xc6&lt;\xd2\xc0\x05\x89\xb7\xfe&lt;l\xd8P\x8a\xa1\xf26r\xf4\x07B\xc9\xf8\xe1t\xa5\x87\xac\xd6\xdb\xa2~1\xcf\xff\xb0\xfa\xe9\xbfd&gt;|/\x1d\xa2\xb3\x1a\x9c}\x7f\x85N\x95\x14\x0f\xd1\xdd\xed\xb3\x04I\xd9\xad\xc9\x1cA\xc6\xc1\xd1D_\xbe\xf4\xe5\x0f\x8d\x08]\xef\xd1yV\x913)9\x07\x1dv|v?\xd4\xa9\xac&amp;\xcf\x93H%\xa7\xb72\xcc\x01\xba\xcen\x0fh9\x00\xe2\x16&amp;\x1f\x0e\xda\x1b\x98v.&amp;\x97\xb9+\xdd\xe5b:\xea\x15\xed~\xd7\x0fx\x86(\x1b\x8a\xb0&amp;\xcfpF\xe2Li\x9e^\xff\x1d\x95\x91\x1b\x91=\x96\xbaO\x12\xf3b\xec\xb1\xed\x85\x11l\xa2\xd7\x12&amp;M\xbf\xa4o\xfd\x8f\x82\x98\xdf\xb9\x8d\xbc\xd15\xa5\xfb\xd2\xc4\xe2\xab\xc4\xba\x1b\x80\x1cy\xb7\xc6\xe0\xde\xc9\xdc\x12\xb1l\x1e\x1dv\x84\xb9\x82\xbd\xaf\xf3\x98\xe2..I\xc5\xe0,\x87\x8c\x831\xd6\xad\xf3K\x0fj\xfe\x92\rp\x0e#\xb1*\x9frV\xfd\x9b\xe9\xb1{\xac\x1fW\tF\x8bY\xfe\xe7\xdb,\xfd\xed\xd5\xd1\xda\x17~Da\xbd\xeb4\x88\xba\xbf\xf7\xf0\xac&gt;\x8f\xeaJ2\xea\x9f4\xf7\xd3\xa4\xe7[\xb7*\xbc|y\x1c\xb7\xe7\xfdZ\x95sH\xed\x19\xeag\xc8\xe5\xa4x\x10\xf3\x97v\xad\x9f\x8f\xce\xda\\\x0ex\xa8\xed=nF\x174X\x06\xdd\xa3\x8fmP5\xc1m\xa4\x1b\xe6\xd5o\x00\x11\x05\x0f\x04{\xcb\xe2\x02\xe1\x80\xcf1\x9bU\xc9\n\xbe\xf1L\xde\xb9\xc7\x00|/\xf0t\x89\x99\xf9?\xf8\xc1Q5U[g\xd0y\t%\xb7\xd6R\xbf\x00\xd6i\xe9\xbc\x8b\xeb\xecm\xb6+\x0e\x06kqV\x16/\x92\x17F\xae\x9d\xe3\t\xe3\xc6\xe8\x96p"\x7f\x1c)\xd4\x1c\xd0\xc6\xee\x16t\xd5Mh1\x86\xe3T\x85&amp;6\xec\x01\xee8\xb3\xf5\x89\xe7\x06\xea\xe8\x90%\x88\xfb\xd1M\xac\x8a\x9d6M=o\x10\x87B\xf0\xf0\xe19\xe5\xe9x\'U\x14\x14}\xdc\x83%\xdf\xd2n\x81\xee\xff9\xbb5\\\xed.\xa7\x1f\xc70\xc86\xee\xa7\xd5R\x11\x0c\xf0\xc9\xeej\x83\xe0\x89\x99\x99\x7fE\xde\x96Dd\xac\xce\xe3\xefM\x05\xb0h\xb7\x08\xae\xee\xc4\x08\xe7a\x91YW\x84Hk\xc3\xe3\xceO%0\xfb\x8f\xba\xb9,8\xd8\x95\xd5\x0e\xa1\x92\xbc]\xb1\x88\xc1\x9c\x93n\x95\xb60Lm\x87\xbf\x06\x0f7\x1egD\xe1\xe6\xc2\xcc\xcc?@\t\xdbY3}\x94\xe6`\xe9\x06\xccb=\xf8\xe5wSu\xbd\xe1\xf1\xab\x9b\x1a|2(s\xde\xa24E\xc5\x1ezt\xac\xba\xa7\xda\xcd\x01\x81O\xd2\x19\xffq\x81O\xde#\x1db$\x0f\xe9U\x93/\x08\xcc\xf3n\xeb\xcf\x03n\x11\xcf0\xe5\x8dl\xd4\xbbsn\x00/Y|\xfb\xd9\xd3c\x97w\x92\xc4\xfcTw%\xc9\xdf_\x84\xea\xed\xed\x12\xe4\xb0$v\x18\xba*\x82\x99\xdf\x10\xcb\xca)\x18\xcd\xca\'\xef\xf2\x9b\xfd\x9d?\x94\xbe\x8e\x8a\xbdj\xaa,\'\x16d\xa7\xce\x87\x0c"!\xfa\xba}\xe2\xd1\xe0|8\x12\x0e\x9a\xbf\xe4\xd1\x18\x0e9\r\x15\x89\x99\xf9\xdb\x8fU8\xf0\x92\xf4\xf9`\xbf\xaf\xd3\xe8\xf9\xf4\xca\xa9\x9e\xba\n\xdb\xe7\xed\xc6C\xe6\xd5\xeb\xf9\xbb\xff%\xa9\xf9u\xd3@\xc6)?\x12*\xceK\xc0\xe9S\xfe\xdd\xbeC9\x90\xae\xb7m ev\xbf\x06\xb15,\x17x\x17\x0c\x0fYr/\xaf\xe8\x1dd\xb7\x00\x0e\xa1=OB\x1c\\\xe7\x9cj&lt;\xde\xf2\xafy\xbdGA;\xf7\x9e^}S\xbfM\xf9\xee\x87\x95Q\xbbu\xfe[\xf8\xb0$\x81g\x1d\xf0\x83\x0eH\x80\xb6{\x8c\x9e=T\xe9n\xfe\x05\x9f\x15\x1f0\x87\xf5\xc3\x1f2\xef\xa4\\\xdf\xf9V\x82\x00\xd0\x11\xba\xcc\x82\xe9n\xed\x0b\x98-x\xaes\xc5\x0f\xd5\xf3\xf9\x0c\xdd\x14\xa9]\xff\xc0\x9f\xa5\x1f\xa5\xe8J\x08l\x8fi;;\xe4\x95\xf4(\xb5\x17\x11G\xea\x84\xe7\xe2\x98\xd9\x9c"\r\xefNt\xf2\xb9x\xbb\x96T\xf3\xb8\xe0\xb1@\x02+\xe7T\xfe\xb0s\x9as\'\x80\x1f;N\xf7\xa5ig\xae/\xd6\x10d-\xf3\xc3\x8b\xfc\xc7/(&lt;.\xa6n\x99\xe7\x80\x08\xe8u\xa2?r\x1b\x8f\x9f\x8b\xa7\x88t\x7f\x1cB\xa0\x05\x9c+h{\xf4\xc2}n\x0f\x98C\x90\\\x03\x86\xaaHM\xed-\xb2\xe2\x01\xed\xc1^\x17\x84O`\xb7b\xd8*\'\xe3\xc9\xaf\x8f\xbc\x18\xa6\xcd\x04\x9dY\xba\xdb\xde\xdf\x1c\xb9Ei=\x8c\x7f\xa5\x1f\xd7#Np\x93\xb9tvS\xf0\x93W\xde\xcf\x07y\xdc_\x8b]\xf1\r\x01\xbf\xfe\xc0\xb2\xf8\x17\xcc\xf6\xde\x17\xadG\xef\xd7\xdad\xfd\xb2? \xbd\xf1\xd3\xc6\xb5W\x03\xe9\xa4\xaaq\xb9\x8f\xbdz\xe3\x1c\xdb\xea\x8f\xa2\x08\xe4&lt;\xcb\xfc\xe9[\x8dv*~}\x18\x90#%\xb5\xd7\x90{\x99Dya\xdfe\xb5Y5x\x01\x80\xdbi\xe7\x8ex\x9b ]\xcf\x93\xe2\xf3\x07]u\xf4\xba\xbdO\xdd\x9e\x19Ld\xb7(2\xd1\xbd\x0f5\xb7\xd9\xe5\xd1\xde\xb4\xa7J\x98\x99\x9f\xd7\xd7\xf9}G\xd8\xbar\xea\xbe\xb2\xbb~:\x13\xfen\xd2\xd7\xa7\xfcW\xcc\xdfn\x7f\xd6\xa1\xb8\x16\xcdG\xbcZ\xd8\xac\xe0\x1c1oo\xban\xe1\xe5&amp;_;t\xcf\xfe\xfc:\xe7\xc2P\xe5&lt;O\xac\xb7=\xd4\xef\x81b,\x82\x13Y\xcf(&lt;\xe3C\xe5@\x03\xbfJb\xe8\x96\xad\xe5\xcb\x91y\x05|\xb3`\xea$\x97\xcfYQ\x9f\xe3\x13n[`\x9c[\xff-\xd1\xfb\xd7\xd7y\xc1+ \xe8E\xe4\xda\xe1&gt;\x0f?\xe0\x8f\xf2\xff\xe2.\xf1\xdczE\x1b\x88\xed}mx\xf9\x85cq\xb7UHI\xb8\xd2v\xa6\xe8\x02\xef\x07ru\xd7\xbe\xa2\x88H-\xab\xabo\x01D\xb4&lt;9\xb5\xa3\xde_\xca\xa9\xa3]\xb8%\x02B\xbb_&amp;\xdf\x12\xfd?$v\x17jV\x10\x1c?7\xbc\x88\xf6w\xb7\xa3\xa0\xafON#/\xd9\xa8\x17\xc3iFf\'\xa99\x9c\xbb}\xfb\xb4\xd9T\xf2\x1f\xcc\\9]\x06\xf8\xad\xdc\x06\x88.\xdb\xaf/\x19*c\xa9\xfbCP#[&lt;\xde\xad\x1a\xb6`&lt;?\xc9N\xc0\x9a2\xa9\xc6\x7fv\x80\x97\xa33=\x99\xe2G\xa5\xe5\x7f\x0fE\xfc`W\x90\xb3\xeb5x\xe5=\xef:\x9f\xd2}\xcf\x036o\xc8sK\x1cd\xae\x1f\xe1-G\x87\xe4\xdd\x16\xe7NuE\xa3\x07\x15\x03\xabo+\xca\xa2\x11\x9d\xf6\xcc\xf2\xb9\xc6*\xf5\xe7G\xef\xe9\x1c\x88\xcb\xe0y\xef\x8b\x98\x89\xacg9\xde\xac\x13\x1b\xca\xde\xe3\xd7\xda\xee("S\x8b\xe61\x02\xd6n\xbb\x1e4u\x18U\n\xafsX\xb9,\xf8\x1b\x89\x95?\x07lQ\x02\x1eF\x8ft\'\x02y\x8dm\x91\x88|ot\xb3~\x81\xa0\x18\xde\xfc"\xca\xc88Ya\x1b6\xb1\x15\x8f\x1e\xdfl\xff\x16\xa3v\xee\xe0\xe5\x85\xec\x01:\xb1\xa13\xbe\xaf,&gt;#G\xb2;M_!]\xd5\xfa\xafC\xf1\x85\xf1M\x9b4_\x95\xfb\x1b\xa8\xbd\xf3\xc0\xb3\xe5\x07e\xbe\xb6?\x99\xae\xba@\x85_?\x19\xd5\xf89\xba\xadS\xd1\xdeQ\x8d\xec\x06\x93\xd4\x0eJg\xc20\x05\x88\xf9\x8c\xb5xS\xa7\xe0\x0e\xc3Hm\x9c\xe3@}\xac\xdd]g\xb2\xee\xc3\xa5&lt;\xden6s\xeb\x10|\x08&gt;\x9f\xa1s[\xd9K0\x16\xec\x88\xb6\x1e\xcc\x17\xd9\xf2j\x1c\xe1\x1c\x8d\xaf?kw\x1f\xa8\xcf]+\x89\xea\xb674\x04\xdb\xa00\xf3\x17\x1dq\xa2!"\xe67\xb8\xfa\x8a\x0e\t\x97\xfa\x11)\x1e\x8a\xa14]\xd1|\x08\xcf\x10\x8d\xae\xd9[\x91&amp;\xef\x1ex\x9e=\xaf\x05\xf0\xbab\x18\xbe\xa1v@\xfd\x06\xc0\xcc\xfc\xb2@\\Im\x07&amp;\x7f\xda\x19\xbf\x9br&amp;6Gx\xdb\x8a\x1d\xb7"\xaec$\x1d%\xe3\xe6\x96\xe76e%\x0b\xec\xb5U\xeaV\xea\xee\xe5\xd1\xf8\xa8\xf7\xcf*+/\x92)\xc7\x10\xea\xef\xee1\x92Y/\x0e*\x86\x9b\xdb$x\xdfyT\x8f\xe0\xf1\x82\xaa#\x17\xef%\x88\xf9;\xd0`\xe9\x88\xd1]#\x1b\x0e\xe3{\xc4w\xd2e\xcc\xc9\xb8m\xb3\x17\xc1\x8cV\xecP}\xe7{\xed6\xba\xf1}\xa4\xb3\xcf\x15\x98\x8f:\x98\x8frJ\x11~\xd4\x00\x98mV\x0eQ\x88\xea\r\xbfN8\x06\x16\x11\x11=\xa3\xa9\xdd$\xceox\x18\x92[\xfb\xe4T&lt;tPo\xabO\xb6\x87$&gt;\x9bc\xc7#\xcf\xa7\xcc/p\xac\xf5\xcd$\x8e\xe7\xbb\x1c\x97\x1a\xe0#\x91\xe5I\x8dY\xf1\x1e\x86\x0f\xa8\xe9\xb9A\x02\r(~$\x87\xc1)\x1e\x89\xd2Y48\xae\xa7N\xd7\xb3\x01\x1cN\xccw;\x87i~\xf0\x80\xb6\xa8\xc5\xb1\xe6\xd9\x83\xe7r\xb4\xf6\x0e\r\xf9\xf0\x07\xba\xees\xc3\x15\x86\x8c\x83\xeb\xc3\xf433\xf3\xe3\x86\xa5l\xf3:S\xe8\xf8\xc7@\xf3:\xf6D|nJ\x9euL\xcdG\xe5\xa9\xf6\xd7#\xfc\xba\x96\xd0\x94\xa9\xee\xf8\x99\x8eQ\x17\xd9W\x06\xde@\xc4\xa5\xa2o\xfdo\xfa\\-\xc1\xee\xbc\'\xeeI\xb7\xf7\x0f\x19L\xc4\xfcO7\xdb\xaaC\x82`\xf0Y,\x16)\xd9\x9a\xdat2;~\xaa\xaag\xa7\xb5\xb6\xfd+g\xef\xc1\xea\xb2\x9b\x81\xf7\x1a\xd6\xa1\x7f02\xe3@-s\x92P\xc8O\xfbz\xbdmI\x03\x82\xa5\xf7\xd1\x9b\x91\xd49\xaf\xe6\x180L\xc5\'\x80\xa1\x86y\xd5\xd1\xb0+\xa1\x9d\x92\xfeh\x9a-\xfc|\xc3\xd5k\xf7\x85\xb5\xde\x00\x8e\x89\xcf\xe8\x13\x86\xd8\x8d\x14[\xd2v+H\x87\xdc\xf1\xcd\xc2\x80\x19UHm\x8f\x19\x11q\xa8v\x08\xdf\x10\xf9s\\e\x03X\x0f\xf8\xbf\x99h\xde\x07lp#&lt;\xf7\xaeYz\x8c\xfb\xb6A\xcc\x9b\xd1\xec&amp;\xf06f\xc3\xcfZ\\\x9a\xb23V\xfa\xb084u\x8d\xb4\r\xearj\x16_\x17\x81\xce\xa1\xa2\xbb\xc9A\xfb\x02\xea(*\xf5k\x9bx\r\x0c\xbdG\xee*\xac\x13\xbf\xf3jkDn\x16\x89\xda\\*5j\xe7\x86i\xf4i\xa9\xdd\xe6\x91\xe1\x9b[\x99,^\x10\xe4\xa7\x96s\xe0\xbb\xd5\xf2\x0f\x88\xf9.\xe77\xd1y@df\xe6\x07\xfa\x13\xed-O\xdb&lt;a~3*\xec\xc6\xb0\xa07\xc7N\x1c\xe1\xb1\x8a\xd1\xbd\x9a\xc8\x1c\xc6\x99\x89^\xa3\x0b\x03\x17GOL\xe3\x19\rB\xfe\xe4\xc4\x7f\x93\x99\x93v#\xe5\xa3`\x92\xa9\xbd\'\xe8\x91W\xb4\x92\xcd\xaea\x7f\xd4`\x1d\r9u\xb6%-NHo\x9e[\x98\x9fN\xf8\x8d\xa1\x86\x1b!\xe6\xc7\x8c0oG\x1a\x166\xaf\x9a\xb7i/\x1e\x14\x8a\xa7\x07U`O\xdc\x04\xe8z(\xf1\xf9\xe48\xe5\x05\xffR\x1b\x7fm\xea%\x86?\xbaj4\xd4\xe0G.\xf2\x88=\xbd`\x8d0td{\x9a7\xe1\xc1\xdb[]\xfc\xaa\x8e-\xd8\x1d7\xf2:=\x86\xca\xd4Q4\x1a?\xfe\xcc\xa3\x01\x1c\xac\x0f{t\x99\xf5\xb5\x876\x972&lt;\xa0\xb0\xa0\xc0\\E\xed\x96\x83\xcb\xe5\xa8r\xc6i!\x90\xb1\xc8}\xab\x9cf=\xff\x18\xf4\x9b#\xe6g-\x17\x07\xc3\xee*\x84\x87\x94"gl\xb1\xc2VQV\xa5=g\xb7\xa6a\'\xa2H\xfc#F;\xdd\xef_zUw3\xce\xe7\xd9\xf6\xa0\xda\x8b\xec\xaf#\xe9\xf0\x8f\xef\xfaGz{\x94we+\xbdt\xb3\xb9\xe3i\nN\xa7\xe3\xc8\x9d0f\xfb\x14\xdf\xd0\xdbsnh]1\xeck\x07\xd3\xbf_\rL\x94\xba\x1b\xb7P0\xdf\x7f\x07\x90\xbd\xc4\xeb\x97\xc1\x11\x05O9\xbb\x02\xa5\x0c\xd5Q\x1d\xbf\xcf\xdd\x88\x86DJD\xe6\xbcg\x91\x03\xb6.\x87\xd0,\xe4c\xdf\\]\xacgq\xf0!\xab\xd5\xaf\xb3\xbcM\xda\xf3\xd0\xf0\xd6\x9b\xf1\\\x05\x8d\x1c\x12+g\xfa\xc6/\xb6\r}xL\x14\x0c\xa5\xe1\xaa\xf6QO&gt;R\xe8\x81)\xd5\x10k\xee\xca\x86\x90\n\x19\x84\xbd#?Cu\xedz\xd9\x8a\xa2\n\xd4XvXD\xca\x9a0\x1d^lC\xebn\x83\xf8$\xf8vx\x8a\x98\x88\xff!\x15Oo\x8b\xb4\xadD7\x99\xdaN\xdd\xe3o*;\xd0\x12\xaf\x9a\xba\xbd\xa9\xda;\x9c\x12\xd0\x07\xdf\xcbi\x0e\xc4/FE\xaby\x04\xfc\x83gEa\xcd\xf2F\xfeL\x95V\xd8z\xb4\x19\xdfoz\xdbQ\xb4[m\x9b#Q\xcd\xf5F\xf5=\xb5#z\x99\xf9\xfd\xe2\xa9\\\xd3U5\xa6\xcd8\xf6xp\xc8\xa2\x1e\x92\xbd\x9e\x80\x0f\x10\x13\xf1}\x88&amp;g\x1e#\x06\xc1\x03f\xdf\xbf\xc6\x95-]\'\xe2\xc5\xbbR\x1d\x18#\x9c\x95\xad\xad=\xc4\xa4-\xe93v\x14\xbaE\x006\xcer\xb5\xed/D\xb0\x01l\xd5\x93W\xc2\xf9\xd6L\xf6\xbc_^\xf2\xfc\xb7\xc7 \xbc\x86SN\x97\xc4i\x00\x8f_\x9e.`\x9a\xf9\xfe\xb8\xd7\x15\xce\xbcExW\x9d}\xe9"\x7f\xb18\t\xa2\xa0\xec\xb5U\x02s\x84\xa1\xb2\x86+I\x87\x7f\x1d\xcfjA\x8e\xbd\x048\xf0\xec\xc7\x85\xacIf\x8f$\xe3\xdf\x9a\xec=\xc7\xae\xec\x90\x11\xbc\r8\xf6,}\xb1\x92\xcb*$e\xf3k?\xba\xf5\xb2\x9f:\x86\xb1C\xc5\x02i]\xeb \xa3n$0\n\xe11?\xd2\xf1\x1c\x82\xeb&lt;\x04\x1a\xfd\xcb\x113\xbf\x93e[\xde\xe7\xa8\xf4\x8f\x18\xba\x9a\'&amp;\xbc\xc87\xe8\xd9\x0f\xa5b%kX\xb5\x03Hz\xdb\xb5^\xe7\x84@\xf36t\xd4\x96\x7f\x08\x85\x0f\rG\xd7j\xb0\xcdT\x04\xd7\x8b.\xa43=`I\x95\xa0\xfdU\x95T\xcf\xce\x150kXj\xd6\xbbVx\x19\xef\x96\xe6\xf5T\xefF\x82\xfb\x7f\xb0\xb3\xb1\x99R\xa5P\xb3\xd5\x8a\xd2\xef\x07G\xd1\xcdf\xe3X\xeb\xcc\x9f\x9etU}\x8e;\xc4\x1cx\xef\xb4M\xbc~v\xbb\xb5\xd7OLK\x85\x8f\x88\xf4\x98u\xf3\xad(&lt;Kl}\x8b`f\xfe\xe9\x010{\x80m\x93\xad\xefL;k2\x97=\xebk\xcf-\xe4\xbd\x8d\xdc\xf7\x1b\x00\x9a-X\xdc\x884\xd0\xe6\xf1\x13\xdda\xb36\xe1\x88W{aZ\x1e\xb9\xfepXp\x13OK\xe0!\x05\xba\x7f!\x1d\x80a\x9b\xd4M\xc3\x9ea\xb4\x0b~\xb1\xe5\x02#\xbb&lt;\xd8\x8b\xc5g\xa7\xa1\xfcM\xd7\x90Q\x7f\xe4\xda\x08\xe9\x1ajK\x12\xda\x00:\xcc\xa3\x0e\\\xfe\x98\xbf&lt;\xc1\x15x\xeaG\x83\x1a[\x85\xa2\x8fvX\x8bg\xe8D\xf2\x87\r\xfeg}\xc7Z\xbc\x92N:Q}c\x83\xb0o\xe4\xe0\x06\x0fg#\xe2\xf0I\xf1r\xbd\xbbh\xe9k\x85HU\xb96\x04M\x9b\x94\x15\x9e\xae\x00\xe4\xf6\xdb\xe6k\xbbH\xdbcw\xea\xaa\x16\xc5Y\x88\x1f7\xd6J S\x136o\x99\xda\xdd\xab\xd64\'/4\x8eJC\xa4%Q\xffq\x80\x195\x1d1\xc8D\xfc\xf7\xdb\x00v\x88\x97\x1f\xa0\xc5\x8e\xec*\xd9\xa4u\xfe\xc5f\xa5[\x91\xd0\xb5=\x80o%\xd9\x89"\x8f\xf2e\xc8D\xd1\xdfs=*D\x1f\xd5c\xc8\xfb\xe9\x99(l8f\xb9\xc9^\x11\xabZ~\x08aCm\x9a\xcf\xf5\x16]\xc3m\xcf\x1a1\xbf\xbe\xcd^&amp;`\r\xb5F&lt;\xa9\xc8f\x03\xfd\x16\x86\xcc\xebqyx\xf9\xee\x02\x1b\xb4\x05\x8f{;\x7f\xba\xa5\xb5\xe1\x97{\x91\x0f"h\xbbm_\x84\x8a\x87\xf4\xce\xb3\xe3-\xe2\xac\xa4\xa8\x04\xffpS\xc1\xf3\x13\xf3\x93\xeck\xe6H\xdc\x08d{O(\xfe\n}tg!\xe8o\xde4\x96\xbe/\x9b\xcc\x01_gp\x03\xc4\xfcW\x1cv\x1f\xe0\xcb\xdd\x0b\x1e\xe6eW&lt;Qv\x9e\xb6\xba\xf2h\x03\xa8SW\xc6\xc3\xbbp\xe2\xbbN5\xcf\xdb\x06?\xdf\x1ej\xe5\x1a\x88\x89\x1eXaC/v\x86m\x1d\x14\x8f\xfd\x81=01\xf6\xf4\xba\x15["\xf8\xb3\xdb4:\xe5\x87\x1c\x89\xcc{\x85\xdch\xb6\x1d\xfaG\x87[a\xbd`\x92\x8ev\xdc\xbe\xd9\x9f\xec\xb1\xbd\xb6O[?\xba\\\xac\xe9\t5\x88A\xf5\x92n\xcb\xa6a`\x0c\t\xee\xfcaWp\x84\x81\xd5y\xcbVh\x95\x8a\xc1&lt;G\x19\x97N6\xc7\xfe\xa1\xae\xbe9[\xcc\xbc|\xa7\xafx\x83q\x14\x9c\x95\xfe\xb2|\xd4\x83\x14\xbeW8\x1akw\x03\xe8\x88\xdf\xba\x1d\xdf\x13\xcb\xbf\xe2\xa2G\x8e6T\xd5\xea9\xef\xd5\xe37-\xcf&gt;\xd9`)\xf9\xa1\x8b\xedu\xe6v\x11\xcb`\xbf\xd0}\x81\xb4\xa7\x8cd\xa3\xe7pJ\x8dx\x9e\xcd\xd6\x01\x9e\xad\re\x1b\x8c\x9f\x0b\xf4\xa8\x96w\x075u\x08IU\xa3Z\xcb[\xd4\x8b\x8c\xe9\x15\xfa\xfd\x81F\xcc\x96\xce\xad~\xd0W\xd7(\xaa\x02\xcf\x90J\xa5&lt;\xaf\xe4MO{\xc7\xef7\xd7N6\xc7\x95\x97!\xa0\xc2\xb0\x04\xbb\x8b-\x08\xf3\xf7K\xee\x84\x85\xfa\x1dV\x1b\xec\r\xbc\x9c\x92*\xe5\xdbVTx\xd0\x8b\xac\x04\xa6\x07\n\xba\xa5\xa1\x92\x8b\xf3\xd1\xe6E\xc3\x0f&gt;\xf8(\xda\xab\xdb-RB\xfc\xf8\x87\xb61\r\xf1\xb8\xef\xf8\xe6\x15\x99\x9c\xf6\x0b\xa4\n\xe0\x9c\xb5eQU\xc0\xa4\x0b&amp;\xda\xcf\x8aK\xec\x91\xd1"}\xca\xf3\xd7\x83u\x8b\xa18&lt;\x0e\xbbf\x93\xa7\xff&gt;\xce]w#\xccg7\xef\xdbPpH!\xdal\xf6\x1e\xed\xffh\x90\x7fO\x04\x0e\xa1\x9d.\xef2=b(\x0fR\xb4\xbf\xd2!\xbd\x1b}I\xe2\xa0\x86\xabH\xb1\xdbi\x82\x93\xdf\x08X~\xfd=\xc0\xa2\xf1\x05p]\x15Rr\x831\xbf\x10\x99\xd4V&lt;f%\x05N\xbe\xbeJ\xba{\xef\xa4\xf6\xd3b\x84Q\xd9\x89sM\x0f7\xd2|x\x8e\'u\x9d\x80\xc4\x8f\x05\x11\x9e\xbb\xa7\x8b\xb0\xb8\x93]\xac\x96+\xe9&gt;\xc6P/}2h\xdb\xf4o\x81u\x84*PBGA\xd9A\xcbb\xec\xb0}.Z\xb6\x89N\xeb\xacZ\xd7\xccA\xe5wq\x16\x01T\xf4\xd0\xc8\xa3\xfcUS\x12\xc3\xb9a|C*\xde8;&amp;\xd4\x03\xe9\x9e\xf25\x8d\x8c\x05IT\xb8\x8c\x10[.\xb5\x9f\x96=\xc0\x0c\xaa\xeb|\x03\xe84\xb5\x91u\xc5n\xc4\xb3uUy\xb5C"G\xd1\x12\xd8\xf0\x04\xea7\x9e\r@\x8b\xe1\xddLu\xe5\x92\xf37\x88\x98\xffO\xfdu\xc7!x\x98\xec\xea\xab+\xdc\xff\xb8\x03\x8e\xe4;t\xde\xa6\x99\x8a\'\xa6=\xfa[\x05\x14\xfbTM\xedN\\D\xb2\xa0\x85\xf5\x8b\xb5\xb3\x16\x90\xecEDm\xbd\xd5y\xd6t\xc4\x1b\'\xc5K\x0b.B\xb0\x8b$0\xe2\'\x9e\x863\x9e\xec\x10\x06\xa3\x0f\x1f\x92\xb3wj\xd9\x0c\xa4D\xd5\xe4\x0e\x96e\xff\xc4\xb0\xe5\xa5\xee\xaay\xc3\x06\x00\xb9\x8b\xbf\x0f\xdf\x94tgwVNwdLa\xf46\xec:\x9f\x12\xc2\x87\x00\xcb\xa6\xfb\x85\xe8&amp;m\xc4iff\xe6\xdf\xf7\xbf\x1a\x87\xe30\x1a\x9b}\x87\x9d\xe3;~]\xa1\x0f&amp;\xe2\xa9\xed\x9a\x858\xf8\r b\xc3\xfa\xe3\xd9\x8bQ\xbes\xcc&lt;\xfc\x8f\xdd\x88|X\x14\xaa:=\xe5M\x80\xf5\xdd\x0fLFv[\xb3ND\x12\x85\xcc\xcc\x9f\xd1\x11O\xd4\xbe\xed\xa8L\x0fR\xa9\xb0\xe5\x83\xf2VC\xe7 i\xabns\xc3\xf6yQb\xf91P\x84\xb3\x8d\x9b\x8e\xcf\x8e\x94N1\xa4W#z\xac\xab\x05G&gt;\x8dV\x94\x18\xce\xaa\x15\xa7&gt;\xc9\xbau\xad\x97l\x17\xa8\x1d\xeb\x84\xe8\x83\xbaL\xb9\x86\xfc\xc1?\x15d~\xa5}\xc6\xab\xb4\xaf\xdb\xda\xa3(\x8a?\x11\xd1\xab@\xf1\xcd\x863H\x8d\xbe5\xe4q^\xff\xd8,\xab\x94\x18\x85\x919:\xdb\xb3\x97\x13\xc5q\x90\x00\x00 \x00IDATUUk\xc7\tT\xbf\xeen\xaak\xc2\xfa_c&gt;\xd0L\xae~\x03\xa0v\xd0\x0b\x8a)\x1a\'\xf4\x14\xd6F\x86\x1c\xf6\xab\x94\xd02Xf\xeb\xaf\x8c\x14l\xf48\x12\xd5\xe2\x0c\xa9\xfdk\x19R\x8b]H\x15\xf0]\xd9\xae\xa1PI\xbb&amp;b\xfe\x1e\x12\xb7\xd2Pr^\x16]l\x8b/\x97Y\na\xd1\xfe{\xe5 \x7fb\xaa\xe4l\xa8\xe4\xdaa\xee\x7f\xcd\xd5CS\x85~p\x00R\x9d\xb5\xa0\x7fO\xa73\xb2/\xd7a\x06\xcby=\xcb\x1e\x07\x8f\xf9\xe7\xdd\xc8}\x87\xb4\\]\xf3\x87\x01\x8a6\xabz\xc8\x18Q\xa4\x8a\x89\xf8\xe5\xb5\xb8cc\'U\xc1\xe0\xf1\xac\x16\xdd\xde\x96\xaaJ\x1eY\xb6\xf6&gt;\x03\x89\xd7\x7f;\x82@6\xc3`B-\xcd\xf9\xebQ*\x9e\xf5\x8e"f\xfe\x95\x1eC\x05\x8fa\xaa\x9f$\x0e\xa4\x08i\xbe\xe8\x8e\xad@h\xe2\x10:P#\xbb\x0b\xc0\xe3\x9f\x18\x96\x91\x9f\x08\xc6\x93\xc0&amp;\'\x1eg\xb74x\xf9\xea\xaaR\x8e,\tk\xc4\x9c4\xfd\xae\xb9.\xb1\xd3\xcf\xfc\x9d\x11\x98\xc9&gt;\x8bg\x88jR\xd1\xe24mt\xa0\xe7\xf68\xf3\x9e\xb5?\x8cu0\x87P|\xe0\xda\xad9\xfc\xb8\xd4\xd7\x88\xeb\x92\x1d\x19s\x1f\xfd\x8b-\xd7\x06 a\xa8\xa4\xaf_\x90n\xe4A\xe7t\xf3\xc8\xee\xef\xfeZ*\xe2\xb1a\xbc\x91\x1d=\xa1\xab\x02\xd3!fp\x00\x9fo\x9f\x9eH}\xa4\xdd\x00\xa6q\xc09\xd0\xe9\x8a8\xa16i\xcb\xac\x90\xeay\x7f\xf0\x1dN\xb8&gt;\xb56+\xd5\x01\x93\xed\r\x89T\xa2\xed\x90bT\xbbc\r\xd5\xb0\x89\x9a\xb6\r\x06\x13\xcd\x17\xd8#\xa5\xad\xd5(\x1c\xac\xed\xfd\xf2\x14q\x0e\xe8\xbd\x85\xd0O\xd3YC\xda^\x0f\\a\x9f\xb5\x9d\xe7\xda\x10\x9a\x95Pi|\x91\x1eR\x858\xf0`A.L]\xb4\xdd\xd5\x8bV\xce\x03V\x1e\xcd\xbc\r\x0c4\x1d\xc913\xbf\xc7\x90&gt;\xa5V\x8e&lt;a\x8dv\xfa\xe3\xa9\xe4\x9b\xba\xb7&gt;@\xac\x83D\x9fYW\x01a\x14\xd9ZB\x8f;W6\xa5a\x1d\x1edh\x1b\xb5&gt;\xee3\xd5m\xb5\xd1\xf6\xb0\x11\xc9\xf2\xafi\x11cJ\x10\x19\x13\xde\xe8\xa8\t\xea\xd5\xf6\x8d\xe7\x94\xca\x07\x9a\x8b\x92\x81\xb3\xb5\xff\x1b\xf1\x8e\x9ah\xd6\xd4Y\xf0\xbc\x1f\xee\xa5\xfe\x98\x1f!\x98\x9e+Y\x03v\xaa\x02\xf4\x01yU~\xf5\x86\xb2.t%C(\x1a.\xa1X\xb6\xe4R\xa1\x1bn{\xd6\xe6;\r\xee\x01\xc7&gt;X$m\xe2\xe1.bGY=\x82\xb6-N\x19\xc0\x1d\x8b[(\xac\x85\x05v\x83\xbc\xc8\xf7&lt;\xc1l\x0bN][X3G\x99|&gt; \x9brf\xe6G\xc7S\x9567l}\xbd\xdd\xb1\xe5\xee)%^\xdabW\x87\xaf0\x1f\x19\xd6\xb3\x04K3\xee\xec\x91\x89\x92#\x81\x17\x87T|\x11\t\xff\xc5\x86M\xab:\xb8\x19\xd5\x81\xb4\xa1\xc8c=\x83gs4\xf8U5\x00\x9dcA\xe5\x81\xf8\x9cq\xee\xc2\x03\x83)\x9c~\xbf:z\x07\xba\x10\x1d\x8b\xd8uxN\xa6\xea5\xb4\x05\x89\xbbP\x9a\x11\xf2\xe4\xd63W\xaa\xa1\xce\xbf\x93\x92\xa0\x1ag\x8b;\x93\xd7\xecFR\xa9B]\x8dc\x18`N\xc6{\x0f4\xc0\x18\xbf\x8d\xb8.\xa18\x92X\xff\x06C\x12\x88\xe2\xc1\\+_u\xcf\xf1\xe1\x17\x87l\x1b\xd4\xe6iK\xa6\xa3\xfa9k\xf0\xbbK&gt;A"bxg3~\xd6\x85\x7f$\xb1^$\xdb\xce\xceI\x93\x87S\xf3Sa\xfc\xfd\x7fu\x04\x87\x07\x9a\xffsf\x8b\x99?&gt;\x9a\x15&lt;\xd3\xc8\x1d\xa2\x82f""\xfe\xe4=0W[\xe1r\xaa=\x04\x8c\x96\xea@j\x10\xa4\xa1\xf56D\x9d\x169\xb2so0\xba\xe7%\x86G\xd2m\xa3^j\xbb\xc5\xd8\xdaXa\x04\x1d\xc0\xab\xda\xdc\x1f\xb7\xbdxL\x15\x9e\xabS\xdf:\x1b\x00\xff\xd6\xda\x97\xe3\xb2So$\x80\x12\x95\xfa\xee\x06\xa0e_\x99\xfc\xd9y\xaf[\x80\x0c\x84\xa8\x98\xd6\x15\xf8\\\xba\xcb,\xf8:\x15`K\x0c\xad\x1e\x7f[\\\xde\xdd&gt;\x90\xccz\xc9\xd5tn\xf5 R\xbe\x973{&amp;l\xfc\xa8\xf3\xe8=\x9a\x0eoG\xff|\xf0\x91k\xb3\xa1\xc22W\xf5\xb0\xcd\x16\x13\xf1\xdf\xd4\xf1l\xb0\xd0\xd3\x89\xc7\xe7\xd5}\x8bT\x99\xa6\xf7\x12\xd7L\xc4\xfc,\xd9\xb3(\xf8rfC\xb2\xbb}\xb8\x1c\x8f\xbaaZ\x1fg"\xd7\xfdC60XC\xe8\x8f9\xa6\xe8\xbb*\xfc3f"\xc2\x83\xbf\xa7V\xdcx*\x04\x8f\xccRw\x9en\xa3j\x03\xdd\xe9\x0c\xe7\xc1:\x81\x80oVu\xa8\x07\xa6\x05\xf3\x03\x86\xdf\xb9\xe1\xa9\xfc\x01+ \xc8S\xd1fF\xbeQ\xc2\x88q\x1e^\x0c\x1b\x14:\xaf\xbf\xe388\xe7!\xb9\x8ad\\G;E\xde\\\xcc\xcc\xdf\xef\xceV\xbd\x97\xf9\x16\xdc\xe3\x17\xd7b\xdb\xa8\x18\xdbY\x80KC\x07\x8fP\x01\xbf]o\xf9\xc6V\x0f\xdaf\x82\xfa\xfb1\xdfn\xeb}7\x89\x1eL\xa5:\x94\xe7!\xf8\xb5Z\x9b\xd4"+*\xcb\xf5e\x02\xba6\x11\xff\xf3\xec\xe5!\xd4\x00\xebLUi\xbe\x018\xa9.\xf8\x95\xb9\xc8*\xa5~p\\f\xd4\xc4\xbd\xae\xf8\x8d\x90\xccV\xabK\xd1M\xc6\xa2\njH()\xaa\x82l\xdb\x96\x87^\tU\x91f\x91\xef\xb6\xe5\xd4\xdc9\xe3\xc7\xd3\xf2\xf8\x8c!\xf9\xf5\x89\xa8\x04\xf2\x82\x15y\r\xd5/\xcb \x99=3\x86\xd9\x96X\x11OIz\xe2\x8e\xa7\n\\?}A\xa4\n\x96\x96\xaf\xb3\xbc\x12\x97Z\r\x11nk\xdfP\x9b\x9dM\x99\xe7\xd6\xb7\xd5t\x85\xae\xa0\xfcc\xca\x1b\xc7@CY\x82\x08[\xd2R\xee\xfd\x93\xa0\xaf\xb3\x15I\xc9\xa1Y\xcf(\x05\xee\x87\xb3Id6W2\xdc\xa2\x98Uw\x80\xe7\xa3\xe18#m%\x84\xeea.\xd2?\xac\xf9&lt;O\t\x91\x9e\xc7\t\xbb\xe7X\x9e\x89V\xf9(0\xa4\x87\xdf(\xe4\xf1-L/\xa2\x82!\xa3P\x8a\xd7\xea?\xed\xff\xca\x04\xdaf\x08\xcb\x14\xd0&amp;\x9a\xe7\xe5\xf0\x80\x92\xcem\xe4\xbf.\xfb&lt;\x05usT\xf7\'z\xe2\x1b5\xa7\xf5(\xfdg\n.\x17\x9eL\xbd\xc8\xbc\xf0\x82\xb5\xb1\xc1}(\xd5[V\xd6\x8b\xfa\xd4\xf6\x04\t\xc1mJ\x86\x8d.\xb6\xcemh\x94"H\xf9\xa1\x92\xc7\x9fG)\xdezq\xb7\rO\'\xb9\xb9Ua\x17\x1b\x86Q\xa8\xd4\xa8\x1a\xbb\xcaG!\x1dE\xf1\x1a\xbf\xc6\x9a,\xd1\x86\xdeD#\xa70f\xe6\xe7\xc4\xb3=C\xe7\xa0n\x7f\x84\xd3\xc3\x81\xea\x15k\xb2:\xa2\x99\xb6\xd30s\xfb[\x9d\xb0(\x13\x8b\x19\xe6\xcd\x8f,\x17\xdb\x00n\xc1e&amp;\x1f\x1f\xe7\x0c\xce\xb7?\xc6\xe2A\xad\x98\x9aV\xa2\xc5P\xc0\xac\xb4B\x02\xfc\xe2\xdf\xcd\x94o\x01\xf2\r\xc16\xb5\xfb\xd0\r\xd3\xadXuU\x92\xbeU\x82;\x9e\xb3\xe5b\xf9\xb7v88\x92\x98\x88_j\xe3K\xa4\x8e\xe6\xd8\x896\x81\x97_\xcf\xfd\xee\xf6`F\xbaR@O\x85\xa9L\xe7\xc8\xa4l\x97U\x91\xe3Q\x14\x8cvzw\x87M\x1e\xb7\xeb\x19\xacx\x1ai\x83[\x8ei\x05\x05\xf5\x89]\xbf\x07\x00T\x1b\xac\xf4\x1b\x14\xd1\xa3\xc3\xa3\xfa=\xd5\xc8\x1f\xd7,\x8e\xc0+)\xbc\xaa\xed$l%\xdb\x15v\xdf{^\xae\xf57\xa3D\xea\xfd\xe0\x8c\xe05\x04\xcf&amp;&lt;\x89#f\x03\x90\x9c\xc5\xd6\x9ft\xffD\xde\x9f\xec\x9a\xc0\x9e\x98K\xc9\xcc\xe5\xf8\xb9~C\xd2\x99\xf9\xf7\xd2Y\xb0\xce\x87\x0c\x1cD\xdc\xfb\xe5\xaf\xae\xf3\x8f\x94l\x9aW\x8e0\x9fz\xe5\x11\x03\xe8m\xd2r\xed\x0fe*zb\xeeR"\xeeQI\xb5]&lt;*\x80\x08X\xae\xe1\xff!\x1a\x8dD\xf1\xdc\x91k\x80M\xaa(\xde\xc5c5\xc7 u\xc5\xd7m\xd6\x80\xad\x8b\x96\x89\xcc2\xce\xac%\xcd"_\xfc]0E\xa9w\xc4\x1aJ&amp;R\x86\xcf\x086\'\xab\x07^\x93\xd8J1\xf3e\xbb?\x0ch\x12\x00\x1e|u\xd3\x14\xda\xcaA=Tjff\xe6\x9f\xb6z\x04\x86\x1c!\xb9T\x0e\xadM\x01#\xdd\x03V\x85wI\x90x\x8b\xc5JVK[\x8d\x1bUc\xef\x03x\xfd\x06\xc9OuQ\xfa\x16\xa5\xb9\xac\xf3\x86\xc9\x04\xb4u\xe7\xe4(\x91\xa8\xa2\xc1\x12o\x9c\x1f\xa6\x06\x8b\xd2U\xe5`\xaa\xc7\xb9d\xba`%\xb6\xde\xe8!\xba&amp;\xf2\xfd/\xb3\x15\x1d\xaek\xc0\xd6\x061~\x0e2\xf8\xdd\xec\x96\xc7\x8b\xeeR\xf6\rN\xd5j\xad\x17 \xb5[\x7f\xe1 I\xf7{\xd7\x0e\xa7K\xf0\xa9x\x98]x\x84\xd7\x0f4\xbdu\xd8\x05\xf1`*\x0c\xc5;+\xf3\xeb\xc5\xc0\xfa\x16U\xcf\xb5\xdb\x8c_\x08O\xeb+d\xb9\x9f\xbd\x7f\xb0I\xe4H\x0c3\xf3\x03\xe7\xdb\xc21\xe2\xce\x85\r\xb5{\x14\xb8\x16r\xfb\x18\xe7\xbe\xd5\xbbj\xdfV\x92\x92\x9e\xaam\x944k\x80\xa1\x80\xa2\x08\xb5\xb2T\xc3\xe6\xee\x86}\xfb\x96\r\xa5\r\xf3\xb7v6\xb0\xa1(\x9bu\xdbe\xde\xb9}jm\xb8k\xfcCA\xb6I\x99\x8bQjf\x93uQn\xe8J\xa4\xc7\xff\x82O]\x98\xb7Y\xac\xd3\x1a\xa5\x12\xf3\xd8\'\xb2\xcc\xe9!\x0b#\xb2\x152\xa3gD9\xb5-&gt;\xf1b\xcc\x02~U\x8d\xbdJ\xfc\xd9*\x8e\xd1\x01A\x89\x94\xfdt;\xb3=Y\x18M\x7f\x15&lt;@\x14\x9bl\x87!\x9e\xfa\x05\xa4\x8d\xf9\xb9]\x8by;\xc8\xc5\r?\xc5e7_\xcc\x01$F\xbf\x97\x07\x0f\xf5\xbc\xfc\xfb\xbaF\xd58\xbc\x19\xe1\x13\x89\x99?7@\xb8\xdc\x0e\xf4\xa6\r\xeb3\xd2la\xfct \xfe\x98\xe5b\xd40\xb2\xb2\x0c\xe2\xa4x\x11\x17+\x86\x05_Dr`\xf7\xa7\xf1m\x12\xee\x88q\xb3\xf6\xb2\xfd\xb5\xd3\xd6\xc5\xe6:\xd9\x16\xa2O\xda \xb3\xe9\xd0|\x15\x14\x05\x89_d\xc7\x89i\xd1&lt;\x8c\x84\x99\xf9&gt;\xdb\x8c\x96L`\xbb\x00IW\xcak\x9e\xd0\xffR\xf1p\xa7\x9f\xb7\x92jU\x8d[\xf0\x1bmw\x8f\x0c\xc1\xae4\xc2\x99{\x13m&lt;\x15\xaaDi3\x1drn\x90\x9cY\xdb\x8a\xd7Q\xd7:\xeb\xeb\xa3\xdb\xfa\xac\xbc\xa8\x95\x11\x06\x90\xe2\xb95\xbb#\x1d?\xa4\x87g\xed\xe9\t\xa6\xc6\xd6\x85\n\x05#\xd8]\x1a\x15\xa90_u\xffom\xab\xd8\x11\xe6m\x7f\x9fE\xa1J\x9d\x80\x98\xbf\xeb\xd8\x05P)#"b~U(H\xeb\x19m\xc0b\xe5\xe0\xb1,K\xb5\x12j\rK\x98(.\xe9c;\x8aQ\x8e\xf4\xd7{M85\xb9\xf9%\x9d\xe3s\x1d\xe7\x06\x0c\x08\xd5H\xdcG\x91h\x82\x0c{\xd4\xc2\xf1X\xea)rN~^\xae\xae\xc43\xd79Y\xfcxV\xd7\xc0\x93\xd6\xf5\xb2#\x15Qg8G~\xcf\xb9\xfev\x93)\xba:\xd4oI\x1d\x93\rT\x8d\xaf\x16\x0f\x88uQ|\x8f\x95\xca\x9a\xdf\xd0\x98\x1a\x0b|\xf8\xb0\xfdT\x0fF\xfa\xf3\xf6\x81Ez\x80\xf5\xda\xab\xf0\xe4m\xc5\x9f+\xd5\xe0\xdb\xf7D\x9c\xb80]\x10\xd9I\xdcsP1O\xf4\xa7\x8b\xe06\x8b\x8b\xb5m\x8be\xb4\x1e\xb4\xec\x06!\xad\x01\xf5\xe8\n\x1e\xe6;&amp;lfb3L&amp;\xfa&amp;\xa8|\xf0\t\xe0\xaa\xfb{\x85\xcc\x1e0 (\xfe\xf5:1\xf3\x8e\x8a\xc4\x18\x98\x89\xe8\x97\xcf\xf9\x9c\xd5ij\x9aAnl\xddm\x032\x80\xd0U\xd6\x8c\x90\x1d\xdd\x00B\xbb"\xc5\x12\xc1c\x0c\x1b\x82g{=\x82g\xca\xae\xd8%ex\xa5*\xc8\xd9Q\xa5\x98U\xee\x12\x91JxM\x9do\xef\xc2ZUW\x8b\x8e\xf3\x937\xf72\xd6\x83u-\xdd\xf8$\xc7\x88\xa1\xe7\xec\xae\xc2|\x8a\x88^\xf0\x88\xf6]|\x1dr\xbd{\x84\xac\xb0\x08\xe4\xb20\xa6\xeb\x8d\xae\xc8\r \xe49\xe4\xa1\x9e\x99\x97?n\xf0\xfbr\xf0\xc8}\xc7Y,\x9f\x82g\x9e\xe8\xec\x1f\xed\n\xb5\xfeXq0\xd2\xd3-\x80U\x9c\xb9\x0bf\xa8K\x06\xed\xbb$.\x99\xb7\x17\xa7\xe8\xb0\xdb4 \x9dv\xab\xdb\xa2dD\\xan\x07\x1eY\xdc`\xdf\x8b\xd1m\xc6_Ge\x90\xf5\n\r\xbbztpJ\xf6g\xfc\\m\xe52\xd4\xed\xfe\xa4\x17\xea\xce&gt;jd\xdb\xcd[\x8a\x1e\xbd3\x9c\xe2\xed\x8al\x10\x16\xf9\xf9\xd2&amp;\xf7\xcbA\xc1Y\x8e\xd1\x07iX\x17}\xae\xa7o\xc5A\xac`\xf6b;\xb7\x81\xd6\xa1\xd0v\xf8\xa7\xb9N\x13\x9c+\xa4\xd6_\xe4\xc1\x9c\x96\xeb\xa1\xee\\2\xb7\x841\xd96\</t>
        </is>
      </c>
      <c r="E352" t="inlineStr">
        <is>
          <t>&lt;class 'numpy.ndarray'&gt;</t>
        </is>
      </c>
    </row>
    <row r="353">
      <c r="A353" s="1" t="n">
        <v>351</v>
      </c>
      <c r="B353" t="inlineStr">
        <is>
          <t>steps_per_sec</t>
        </is>
      </c>
      <c r="C353" t="n">
        <v>5100</v>
      </c>
      <c r="D353" t="inlineStr">
        <is>
          <t>9.16342</t>
        </is>
      </c>
      <c r="E353" t="inlineStr">
        <is>
          <t>&lt;class 'numpy.ndarray'&gt;</t>
        </is>
      </c>
    </row>
    <row r="354">
      <c r="A354" s="1" t="n">
        <v>352</v>
      </c>
      <c r="B354" t="inlineStr">
        <is>
          <t>Loss/object_center</t>
        </is>
      </c>
      <c r="C354" t="n">
        <v>5100</v>
      </c>
      <c r="D354" t="inlineStr">
        <is>
          <t>0.21021128</t>
        </is>
      </c>
      <c r="E354" t="inlineStr">
        <is>
          <t>&lt;class 'numpy.ndarray'&gt;</t>
        </is>
      </c>
    </row>
    <row r="355">
      <c r="A355" s="1" t="n">
        <v>353</v>
      </c>
      <c r="B355" t="inlineStr">
        <is>
          <t>Loss/box/scale</t>
        </is>
      </c>
      <c r="C355" t="n">
        <v>5100</v>
      </c>
      <c r="D355" t="inlineStr">
        <is>
          <t>0.12331869</t>
        </is>
      </c>
      <c r="E355" t="inlineStr">
        <is>
          <t>&lt;class 'numpy.ndarray'&gt;</t>
        </is>
      </c>
    </row>
    <row r="356">
      <c r="A356" s="1" t="n">
        <v>354</v>
      </c>
      <c r="B356" t="inlineStr">
        <is>
          <t>Loss/box/offset</t>
        </is>
      </c>
      <c r="C356" t="n">
        <v>5100</v>
      </c>
      <c r="D356" t="inlineStr">
        <is>
          <t>0.17052071</t>
        </is>
      </c>
      <c r="E356" t="inlineStr">
        <is>
          <t>&lt;class 'numpy.ndarray'&gt;</t>
        </is>
      </c>
    </row>
    <row r="357">
      <c r="A357" s="1" t="n">
        <v>355</v>
      </c>
      <c r="B357" t="inlineStr">
        <is>
          <t>Loss/total_loss</t>
        </is>
      </c>
      <c r="C357" t="n">
        <v>5100</v>
      </c>
      <c r="D357" t="inlineStr">
        <is>
          <t>0.5040507</t>
        </is>
      </c>
      <c r="E357" t="inlineStr">
        <is>
          <t>&lt;class 'numpy.ndarray'&gt;</t>
        </is>
      </c>
    </row>
    <row r="358">
      <c r="A358" s="1" t="n">
        <v>356</v>
      </c>
      <c r="B358" t="inlineStr">
        <is>
          <t>learning_rate</t>
        </is>
      </c>
      <c r="C358" t="n">
        <v>5100</v>
      </c>
      <c r="D358" t="inlineStr">
        <is>
          <t>0.0009999996</t>
        </is>
      </c>
      <c r="E358" t="inlineStr">
        <is>
          <t>&lt;class 'numpy.ndarray'&gt;</t>
        </is>
      </c>
    </row>
    <row r="359">
      <c r="A359" s="1" t="n">
        <v>357</v>
      </c>
      <c r="B359" t="inlineStr">
        <is>
          <t>train_input_images</t>
        </is>
      </c>
      <c r="C359" t="n">
        <v>5100</v>
      </c>
      <c r="D359" t="inlineStr">
        <is>
          <t>[b'512' b'512'
 b'\x89PNG\r\n\x1a\n\x00\x00\x00\rIHDR\x00\x00\x02\x00\x00\x00\x02\x00\x08\x02\x00\x00\x00{\x1aC\xad\x00\x00 \x00IDATx\x9c\xed\xbd\x7f\xec~AV\xd77wY\xa9\xb5\xd0vAJ-\xd8H\x89n\tP%\x0b\xfeA\xa8\xa6Hl\xd15!\x08\x84\xad\xd5\x14\xc2bk\xadRq\xb7Z\xb2(R\x9a\xa6\x01\x8a-)t\x0b*&amp;5v\x0bB\xb1E\x90&amp;\x8d\xd6\x80\xc5\xad\x08\x8d\xfc*\xac\x88\xa55\nm\xad\xda(u=\xfd\xe3y\xee\xbds\xe7\xc7\x99sf\xce\xcc\x9d{\x9f\xf7\xeb\x8f\xef\xf7\xf9\xdc;s\xce\x99\xb93gf\xce\xcc}\x1e\xe7\x00\x00\x00\x00\x00\x00\x00\x00\x00\x00\x00\x00\x00\x00\x00\x00\x00\x00\x00\x00\x00\x00\x00\x00\x00\x00\x00\x00\x00\x00\x9cs\x8e\x88\xce6\xe1U\xb8PU_\xc8\xd4\x07\x173\x17\x001o\xe8,\x7f\xf1\xff\xa0\x0bv\xfe\xcb\xb0\x1c\xab\x9anR\xd3\xc9B\x0c(\x9b\xafba\xd2\x01\x00\x84\xd0m\xdc\xd2|\\\xa8b\xdbM-J\x98\xbf\xa5Mm\x1c\x001\x06\xfd\xf6\x05\x16\x01\xd3\x16pN\xabx\xaeh3\x00\x17B\x11\x02Z\x96\xd6\xa5\xf0\xe2\x9c\xbb{\x97\x1e\x1c. \xba\xb3\x97lor\x00\x00\x86\xde{\x00\x07\xe8\'Gj\xb3\xa1\xd1\xbb\xf6\xf6\xcer\x0f\tg\xca\xf3yg\x1b\x00\xc0\x8c\xd8\xba\xb0\x96\xe0\xec)\x81\xdd\x87F\xad^Z\xf3\xce0=\x7fD\xa5\xce\xb7\xe3\xc8|\x16\x01\x004Tx\x96\x96n\x7fE\x971\x83\xc9\x8f0\xd1$\xa3\x91\x15D7\x9c\xb2\xdf\xe9\x01\x81\x9b\xb3M\x8d\xb5\x03@\xa7V\xfe"]\xa7\xae\xf6n\xe6\xfdO\x015\x08\xc0\xces\x00\xe0\xd3d2\xa2+\x99 \xafFT\xb8\th\xba\xe0\xe6\x08\xdb\xb7\xf0\xf0\t\xfa\n\xb8%\x18\x06\xc0=H\x9c\x02\x924\xee\xc7\x89\x92b\xca+\x9e;A\xcf\x06\x02\x16\x8c\x01\xe0\x06D\x03\xc0\xa2;\xac\xdf\x12\x92\xee\xda\x81\x18\xf1\xc1\xad \xe1\xf8A\x0b\x81\x851\x18\xd6\xb3\xf0H-\x9e*\xb8$\xa2\xf0\x0e\xed=J}J\xf2l\x97\x07\x87\xfb\x9a\x18&gt;\xf7\x96\x16\xfc\xdb\xac\x8c\x00\xe0,\xfc\xf6\xbf}\xbe\x81c\xbd~\t.\xc6E\xeb[\xd8N.Z:\xf0\xea\xc8\xfd\xe0\x7f\xbd\x1f\t\xfdc7\x18\x00\x00\xe8\n\xfa\x08\xb8\x03[+\xf6\xa6\xff\xefi\x12h\xd41\xd0\xbd\x80\xd3l\x02\x01\x00\x0ex&gt;\xfd\\C\x0c\xb8\xdb+\xb0`\xe5\x1bk3\xce\xf3\xed&amp;\x00\xcc\x08\x91#\xfa\x93n\xf3\x9eWn\xdf7(\xc2\xcd8\xfdI\xa01\x00 \x02\xae\x13h\xf1O\x04\x14^\x14\xff\xfbaF&amp;\xbda+$*KC\xb3\x07@4}FWy\x11\xe8\xa7z\n\xdf\x1b[G-\x8dLm\x1c\x00\xe64\xc6O\xde\x85&gt;\x93\xe7\xde\xf5b\xfejH|\xecx\xda\x1f_\x03\xe0&amp;\x98t\xb0s\xfbhE\x11\xc6\xb8\x158/!\xe4\xb1]\t&gt;\x9c`UI;\x9e/\xb8*4\xfd\xf9\x1fy\xef\xb2\x19\xc3\xac\xab\x03[\xd3r\xe2J:\xa5\xd6b\xa5\xd1w\x8a\xe0i\x82\x17\x00\xcd\xbc\x82~\xee~\xf2\xc7\xd1\xe8%GN\xf6\xe93\xd8\xbb\xbd\xd5\x030\'\xdc;5#\xed\xc83\x89\x19&gt;\x91\xe3\xbb\xc9\x0c\xb1\xda\x83w\x02;\x01\x00\xf4e\xb6\x0e6\x9b=B.jv@\xb1\x10\xe3Ky\x8f\x8a\x05`R\xaa;X\x8f~\x89\xc89\xb8\x19h\xce`j\xaa\xc3\x17\xaf\xd9\xb2/Zj\xc9\xebQ]\xf4\x1e\xbfW\xea\xd2\xc3;\x11\xfd\x1c{w\x9c)\x00\xb4s\xdd&amp;{\xa2\xdd\x92J\xbbn\xc5v\xe2\x96\xdf\xae\x1co\x80\xe3\xb9\x83\xa9H\xfc$\xa4\xcf"\xf8\xe9\xa3\xed\xad\x9c\xb90\xedl*Q\xc5J#\xbd\xcc\xc9i\xaf\xeb\\\x9d\x1d\xde\xff\xba\xe0\x8f\x8cn\xe6\xdf\xe9q\x83\xdb\x10\x0e\x00\xd5\x8d\xd4\xaagZu\x93eY\x18\xa3\xe8\xdf\x13X\x12_i3n\xcb&gt;\xd8\x8bu?\x87C\xe4\xa2B\x11\xfdE#\xf1\x8b[_L\xa9\xae7\xab\xf2\x97\xde\xfcJ\\\xdc\x06\xb6\xc7\xb4@2\xa3\x02\xe0J\xd8z\x17\xc9\\r\xfc\xc9?\xaa\xfa\xe5K^\xe0\x88\x83\xed\xd6f\x9fEuu\xd9\x96\x9d\x88\x88\xbeW\x96\xf2\xaf\x18\xea\x05\xe0V\\\xce#\xf9\xaf#1&gt;\xe57\xea\x05\xde\x98\tKH\xc7Gy\x9a\x19wy)\x04\x005\xb4\xae\xe8\x93}@\xdb/\x06o\xabY-&gt;^\xa1\xff\x9f[F\xf5\x0bk\xce9\xe7\xde\xcc\xe6}\x81\x87\x06\xc0\x91\xc1\xa7\x03\xf5/\x9a^\xb2[\xbe\xc2\x00\x10\xf0(\xf1\xb0\xf0]\x8b\x96\xdca\xce_\xa8\x12R\xad\x1e\x80y@;\xbe\x13f\xdb\xa1s\x8ca\xd9\xa9\xba\xb5\x96G\xe4/\xbdf5\xd5\x05\xc0H\n\xc7@\xdd\x05\x0f\xde\x01\x06\x93\xa7Y}\x1c\xd3|\xc8\xc8\x1d\xaa\xe9\xd1hs\xe7w\xd0A\x000`\xfe\x97d\x1es\xc0\xe2N/\xdd\xfd\x95\x9f\xea\x039\xd5\x13v\xa1&gt;\xea3\x1f\xbf\xed\x83\x04 G\xae\xd1\xf7\xeb\x0cZ\xa7y\x8a\x87\x15*-\x96e\x86C\x8d\xd5&lt;\xe3!J{\x18\xef&lt;r\xb4&lt;\xbcY\xe6\xc1\xa4\x9f\xa4\xda\x010\'\xbd~}\x9c\x1e\xb7}i\x85(\\D\x93\xb5\x8a\xdb3\xc3\xab\xb0\x8f\xb6\xf1\xf8\xac}|D\xe4\xdc\xe2\x16E)\xba\x169\xf0\xec\xc9\xe2\xa0\x95\x02`@0\x89\xfa\xa5\xe7X\xd1\x91\xdb\xcc\x13\xffF)AuI\xd7\x13\xc0a\xf6\x13\'\xd9t\xe4\x1c#\x00\xb8=A\xef:\xb1\xb7\xad_\xc5s\x1f\x97]A\xb1\xecc\x0e\xd8l\xba\x88~k\x07\xc1\x02\xd5\xe2@P\x90\xab^\xe3\x0b\xb7:pIL\xbe\xbc,\x1e\x00Z\xa45Z\xf2\xf0\xfe7\xeb\x8a\xdbc\x92\x14\xad\x98\x82\x88\xbeR\x7f\xdc\xb3ro\xc3\xbau\xa9\xeeJ\x84\x07U\xba7\xa1\xcf\x15Jh\xd1\x0f\xc0\xf4\x14}\x0e\xb1\x7f6\xa9\xd6\xa77w\xfd\xf3\x8c%\xb6\x96\x0c\xd8\x99\x8fULS\x97OR\x16\xeeW\xac*|\xb2B\x83\x17\x86y\xbd\xb6&gt;\xfe\x1b\xcd\xa1\xea\xe40\xf2\x85\x17{h\xef\xc45\xac\xb4\xa6:&amp;?\xec\xb1\xdeo\xf9\x08\x80\x08\x93\xe8g\xcb\x1c\\q$\\\xffm0\x92,\x15boL\x0fW8\xbf{\xa5L\x0cmr\xb3\x01\xb0\xa1\xbd\x99o\xdf\x0c\xe3]\x11I\xfd\x98R\x82__i\x91s\x17q\xd6S9\x99\x9c+&lt;\x91\xd8\x9c\xca\x9d\x89\xd2\xbe\xc2aE\xeb\xfd\x0b\xc0\xad\xe8\xd7\xc1}\xc1\x14}07\x86\x88\x88\xde\xa5\xcb\x92\xb2\xe7\xae\xfd\x9c\x94\xa3\xcb\x9c\xf5\x90\x0b\x06\x16\xad\xf5\xc3\xfa\xc5U\xc8a\x1b\x80m\x96\xf3/h\x00\xe0\xe8\xd7\x82\xe5b\xbd\xb8p\xf5&amp;\x84w\xe6O\x971\x9eQ\xd6\x99`\x80\xf5\x1e\xefoo\x8a\xe9\x8d\x1a\x03\x1a\xb5\x08\xed\xf4\x06\x80\x7f?\x98\xdd\'&amp;\x01\x7f+\x9b=\xa1\x1d\x03\x00\xb8\x16\x9f\x16M\x88\xce\xb5\xa7\xdd\x06z\xa7N\xce/g\x8di\xb1\xa4\x0es\xa5_\x9d\x89c\xa8L:\xbda\x98\xf0(\xc5\xf3_\xc1\x916\x00n\x8e?\xdd\xae\xe8\r]6\x06M\x84\\\xb6g\xb7x\xeaN\xf4\xaeO\xa1\xf0\xd6\xf5A\xd4\xces+\x06\x8a\xb2\x00pOf[\xb7\x1a\xac\x00^\xfb\xd5\xdf\x13\x99\xbc\xe6\x85-\xeb\x10\xf4o\x8bF\x02\xf0r\xa8\x82\xb0\xc9\xec\xda\r\x03ab\xd0\x9b\xb3\x1e\x87Di\xce\x93\'\x8fx\n\x8bq\x18*\x94\xe9\x01\xb8$\xc2\xce&amp;L\xa0\xf1\xf5\x89-Y\xf4\xa6s\x99\xc1\x9d5.ac\x97,w\xd3Z\xbd\xf4\xa6)j\x0c\x00)\xcfS\xcf\xfe\xd6\x99\xe4\xcbg4S\xf8\x16\xf3\x0e\xa2\xac\x04M\x89\xf6]\xa4\x96\xed\x1c\xe1\x13\x1cY\xe1\xcf/\xe4I\xdf\x12\xfbk[\x9b\xaa\xc0"\x00\\\x86m-L\xeb\xa9\t7\xc7\xa4/`\x1b\x99\xe6\xb4\x8d\xe8\x0bL\xcc\xd2\x1di\xad\x90\xcf~\x81\xc7\xb9u\xcb&lt;\xdc\xe9\x1e9\x0b6\x15\xc05 \xaf\xb1\xf2\xae!\x91wl\xfb\xe6\x95\xcd\xd0\xd5&gt;v\x88\x96\xe3c\xfa\xf4\x069\xc9h[kEvz\x10\x86\x8d\xed\xad\r#\x9fn\xe3Jg\x17\x00\xc3\xa1\xcc\xb4\xebr\xf3\x97i\x8d\x15\x86\xd4T\x02\xd5Qi+\xddg0\xa6\x1df\xe2N\xdf1\xcc\x00\x00\xce!\xbb\xe8F\xbb\xb7c\xaa\xca\x9c\xca\x18\x00\x00\x98\x08\xb8G\t\xb9\xb5#\x00\x00\\\x92:wv\x1b\x17\xf8\xf8z%\':\x03\xe6\x9cQ\xc1\xa9\xdb\xaf\xb9\x11\xbd\x17\xe3\x13\x00\x00(\xd8\xdc1w&amp;\xc7\xf4D\x96\xad\x9b\x1e\xe3\xf3\x1b_\x84\x04\xe0b\xc87\x8agn\xf5/\xd2\'\xeb\n\xf9\x7f\x8b\xbd\xe7GT\xc9WAD\xbf3\xf3\xbc\xe2\x8b?q\xbc\xdb\xf8\x8c\xcb\x0b\xa0\xaf(\xa7D|\x0c\xccKE\xcb\xcc\r\x00\x17j\xe54\xf7\xe0t!\xdes\xfc\xb3K\x00\'\xe7\xfd\xc5)\xf7\x04\xca\x86*\x94\xc6H\xbcV\xbf\x007\xa7\xfa\x94g\xf0f@\xe6\xc0\xe8\xb75\x1b\x08\xeeI\xa3\x0f\x94\x9f\xcd/\xb8\xecR\x9a\xc7\xbd-\x81\xb0k\x10\x11\xfd\xbb\x95&amp;\x010\x88x~$\xf7\xfe\x87\x01@\xdf\xac\xd1\x07@\x92\xea\x86\xe1\xfb\xe8MF{#\xf3\'7\xc2\xe5\x02\\&lt;\x98\x907\xe6n\x10\xd1\xb2,\xd5r\x9f\xd9\x95\x12Z4N\xcb\xd6\xed\x97e!\xe7\x98\x12\xf2u\xce\xe7\x05I\x96e\xf1\xea\x7f\xbdX+\xed\xf0(\x95\xde\x9co\xdb\x8d\xdd\r\x80:\xde\x90\xb8\xf6h\xd9\xbf\xb3\xd0\x1c\x83\xf9\x0c9\xb7,\xcb\xd6\x88\xd1\x9a7\xd6\xaa(\xf4\x7f\x97\xaf\xb4\xe7]s\xcb2\x8a&amp;\xa4\xc2\xe1\xc6\x12\x98\xbb[c\xe6\xc3&gt;\xa1\xc0e\xd9$\x0b\x1b\xfc\xb45\x0c\xc0\x8ep=\xdb\xd8\x9ao\xb6&amp;n\xad\r+;\xc6r\xae\xd9\xed\r\xe80\x89\xc9\x0bc\xd4h\xb7\x8bo\xd5\xe8\x01P\xe1w\x80\x9b\xf5\x84p\xe3\xa4\xb3\xba\xef\xec,?\x89\xc6\xd3q_\x19R&lt;\x87#\xd7\xa2\xb2*iL\xb3\r:\t\xbf\xbbQ\x1f\x00\x97\xe6f~\x1f0\x9c\xf8\xac\xf93\x08\x863q\xb4fpC\xac\xe6h`$\xd2s\x90\x9b\x7f\xb4\x96\x9c\xccH\xffy]\xd6]o\x85\xee\xa4\xc1\xc7CAh\xde\x00D\x9c9k\x9b\xa9O\x8e4\xc6JUq\'\xb3^\xf2L\x8f\xa6\x9a\xf6\xf0#\xbfK|\x8fZ\x02@\x81\xaa\xc9[.\xbd\xd1\xd9\x06"\xa9\xeb\xed\\|ocr\xda\xe1\x82\x01\xb0\xe1x:\x82~\xf84C\xb2\xa8\xba\xfa\x00\xaf\xd0\xe8{\x88\xbe\xc9\x17\xd5.P\xa9\xbd|\xeeK%D\xf7t\x8c\xbe!\xce\xbc\xba0\xa2\x80\x17\xc5o\xf6\x8f^P\xd7\x19\xfa\xf5\x9e\x1b\xf7\xcbs\xa7\xd2\x07K\xb6\x0f\x13\x183\x1e\xbf\xc5\xff\xfc\xe0\xfaKV\x08x\t\xe87\x1c\xff\xc4\xe2z,\x9d\xaaz\xfcq\xc9\xd7i6\x87\xd5\x8flS\xe7Ej\x06\xdc\x04rS|;f\xb5\x01\xb6\xfd-\x166\xbf\xb3\x9b\xdc\xbcK\x13\xbe\x052}c\x00\x80#}\x8an\x82\x01`\x83\xe8\xc7\x94\xe9\rU\xffxR\xda\xe9\xdb\x12\x17\xf5;\xe66\xff\xe4ClC\x85\x8c\xaf\xc6\x8b&gt;;pO\xf8\xd6\x88\xa6\xda\xc8+\xf7\xf6\xde\x05\xa7\x10]\xde\xe2\x95N\xbcr\x93\x003\x82\xc6\x08|\xb6\xb3\x00g\x1bR\x86\x1a^\x1fc\x829\xda\xb2\xab\xde\xa6\x84\xfb\x07w\x83\xfeE\xf5\xf1\xc1\xb3\xc8\xd90\x83m\xf30mm\x98\x1d$\x15O\xc3\xa5\xc9\x94\xda\xc5\xc9\x01\xb8\x02#\x07\x80\xa6S.\x1dd\x06b\xef\xd4\xbd\x89\xdet\xb6\t\xce\xcd\xf4\xd6z\xe0\xbe\xe1\xcd\xc1%\xb9t\xc3M\x1a\xdf2\xb5\x8f{\xb5\xda$m\x86@\xbb,Y\xe6z\x83\xee\xb2\xd2\x8a,D\xffi\x07SN\xc2?\x10\x91{K\xa6e\x17\x1a\x80\x13\xd0\x9dc\xd17\xec\xbfU\x94\xa9\x16y\xcc\xae\n\xb9\xce\xdd1\xe5\xb1\x88 N\x9d\xcc\x96\xbe\xd8\xa1\x0ej\xf6^\xb5*\x1a\xb3\x8f}\xf0\x85\xc3\x14\xf37D\x00\x92L\xd8p\xd5\xdbt\xa5\xe4\xed%T\xed\x04\xfa|\x86P\xbe\xcc\x85\x8cyX\xd5o\x8c\xcfFu\x19\x94S\xa8;\xd4\x15\x00C\xb9V\x9f\x91G\xa5\xfa\x9aqS]-||\xe6zp\xd8)\xf9\xbc\x82K\xd7j\x93\x00\x183r\xb7\xb3(\x9f\x9c\xa3\x0f\x1d\xd1\'\xaf\xbe\x84W\x9dQ\xa9\x93_]9=jU\x13U3W\x0e\xc0}\x99\xb0\xc7t5\x88\xfc\x7f\xe7+\xbb\x10\xb9\xa7\xf3\xf6\x18\xa4\x15K\x1eu\xb6U\xe4J\x1a\x90\xbe\xbb\'k\xd4\xa3\x86\xae\xb3H\x02 \xcb\xe1\x1bC\xcf3C\xce[\x9cs\xc7\x05\xfe{\xce0\xe3\xba\x03\x86\x1c\xa2\x8f\xd9\xce\xc0\xd4\xbc\x90%RQZ\x08\xb2#\x90\xc1\xee\x8e\xfe \x19\x00\xf7\xc1\xb6i3\'\xf1m\xbb\xd0\xe9Q\x9b\x99=\xc2!\xf6\xed}8k\x16\x1f\x1b\xd3CxZc\xf1\x80\x80\xe6\x1d\x97\xcc),\xadQ\x00\x0c\'\xf7\xc5g53;6\x934D\xab\xd7\xdb\x89J\xb7\xf8\xa3f\xa2\xba\xc2\x984\xa1\xb5\xe3A\x1d\x80\xd7\xe51\x00\xa8\x8f]\xe6\xa5\x05\x1f\xf8d3`e\xccDE:\x83\xb3Vc\xed\x81\xf8\xb3W\x92\x00L\x89\xee(t\xcb\x99\xeb\xb2%s\x8d\x19\xb7\xa1e\xf7{\x1e\xaf\xd9b\x88\xf6-\xdf\xe2^\xb4\xc3\x92\x02\xdc\x83\xc4\xc9\xf7R\xfa\t[\xbewJd\x16\xeb\x88\xe8O4K\xb01\xa5M\xf2&lt;U\xda\x82\xbf\xc5\xac-&gt;\xa5\x1a\xd8\x1d*\x05\\\x1a\xfe\xd8\x9c\xb0\xa1\x07i\xc64\xeb{\xf8\x147SAdGq\xf6\xd5\x00\xd1\x17\xb0)\x89\xf9\x93Ol\x88\xe4\xec\x90JZ&lt;\x00\x14\'4\xe9SI\xd3&lt;w\xf0\xba\x14W\xb5\x15\xcdt\xfev=\xbf\x853\xf3h\x12W\xa9C\xa5\x7f\x17\xbd\xeb\xe7\'\xf8Y\xec\r\x80\xebBDD\xef\xf6\xcf\xff\xd5\t9\n\x94,\x1a\x96*U%\xb1\xc2dgw\xd7\xb3\xe2\'\x15\x8eJ\x1b\xdf;\x97\x84\xb5Q\x99\x19\xfb\xcb\xbe\xff\x99\xac\xc66\x00\xa6\xc3\xa4%\xd7\xac\x12\x04\xf3,[\xbc\x08\xec\xb8\x01\xe0\xf4\x91f$\xd5o\x0f\x8caf\xdb\x00\x18\xc3\x1b\x82\xbf\xfdy\xf8\xe0\xfe\xb1,\xad\x8b\x00U\x8f\xf6\x94\xd1G7\xab\x96*\x1d\xa5\x88\'WQ\xc6O\x9c\xa8Gy\x89\xbe\x98\x9b\xb3\x0b\x85\xd8\xd8\x02\xc0}i&lt;$7\x9e9\xa7\x9c\xe6\xaf\xcb5rb\x84\xba\xf8\x80$v\xb5K8\x91\xf1+]\x00*\xa9n\xa4\xdf-8\x08D\xef\xac\x95\xceR\xd7\xb5l;$#\x8d\xfe0\x9bq\xfdw\xaa\x01\xe0\xac\xa8\xa0\t\xef\x9a`K6\xb3\x0f\x81a\x00\xcc\r\x85\xf1\xa1y\xc9u\xa6O\x91\xf5\xff\x01\xfdQ\xe2\xd6\xcd-\xc8\t|5\xefc;-\xb0\xaa\xb8W{\n\xe0\x92P\xbe\xc5wj\xbeDo\x17\xa4\x89gU\xc9d\xcf\xc4\xbc\xa5\x86]\x91\xbc\x7f\xe3[\xbd}\n\xc3\xa6}B\xbf\xb3\xbdI\xd0E\xb8Ey\xc7\xd4\xd8d\x8f\x05\x00&gt;\xa0\xa1\xbc.\xd7X1Y\xee\x14\xc6\x11\x06dfs\xa91\x8f\x81\x9c\xfe\\\xe5\x978ue\xb6\x90Hl\x08\xfd&gt;]\xfa\x82\xfcL\xfd\xcfS\x03\x00\xd4S\xd7\x8a\xbf\xcas\x04\xa7\x0f\x00Z\x81\xe1\x9e\x87\xf6\xdb\x90\xe4\xa9\xc56\xe4\xd2\xf8\xc9\xda\xf5V8\xee\xccZm\x961`\x123\x00x9\xe4\x03\x80B\xe6\x10\xe7\xc2\x0bgn\xe6\xec\xead\xb0Y\xa4k[!\x11\x11}N\xc5\x14\x98\x91y"\xf0\xfe\x00\x9cFq\x00\xa8[k\x072;9\xd6\x8aXYA`\x8bA\x9d!\xfa\x12\xef\xb3b\xc5\xb6=\x89\xc4\xc1\xb0Aq\xf6\xb0\x81\xe5&gt;\x8f\xb4\n\x00P\xe6\xe0G\xfc\xebI\x87\xb2\xa5&lt;u\x00\x98gR\xd9\xc9\x8c\xc0\x81&amp;K{\xac\xff\xb41u\xe6\xf1y\xda+\x7f\x8a\'\x07\xc0\x89\xa8\xba\x90\xb6\xc3TwQ\xfa\x03\x07!\x8c=\xb1\n\xb9F\xa1y\x94\x0f\xe5\x0f\x08@\x99`\xb5\x0f\xf1\x9c\xe0\xfb\x1e\xbfm\xecI\xd6\x1e\xedw\xd9\xbcgxp\xdf\xa4\xd9\x9f:\x00\xa7\xd3\xd2ID\xde9Z\xf2\xcb5\xaa|7\xef\xaa^\x07\xf31\xcf\x17F\x07\xf6\xb3\xad~b\x03\x8d\x07\xd5\xe5\xb2\xf0\t\xe6\x1f\xfe\x01p.q\x9a\xe5/\x86\t\x06\x1a3\x03\xa7L!\x07p-\x974`\x01\xe5;z\xf2\xbe\x1f\xf0\xb9\xb6\xe3\xd7\x19\xf8\xe19p\x0f\xb6\xb9Nk\xe4\x14\xfda\x0e\xd8\x03H\x03\xed\xb8\x02\xde\x00\x10.\x19\xcf3\n\x80\xb1\xac\x03@\xa3\x90\xa1}\xe6\x1aQv\rs\x96fN\xabL\xd0\x86\xadn[\x11\xe0\x95\xc8~\xdd\x8f\xf9\xf7\xf8J:L\xb5\x7fy~\xed\xb0\xd1(p\xfahBD\xed\x0f\x80\xc8r\x8e\x1f\xc5\x06[%\xcc\xc7\xb3\xc2\x85\xbbJ\xc2\xc7\xc3H\xbb\xd9\x94\x05\x80\x8e\x04\xdb\x80\xf94#\xc6\x80mc\xc0Of\xb9\xe7i%\xa8\x99 $\xe2G\xc6\x15B\xe6\xf3\xfeqX\xbf\x93\x85\xc5\xb6\xba%\xf8\xac\x1e\xea\x01\x18F\xee\x8d\xd6|\xfa\xd9\xdcBHq8\xd9=\xa3\xfe\xbc\x90\x81}\xac|\xc3\xda\xa5\x83\xc3\xd2g\xff\xcb\xf6\xa7t\xaay\x94 .\xc9H\xab\xe8\x88s\xee[\xcf\xae\x16\x00\xec)\xcc\xa3\xaf?\x00\xb8\xdaI\xb1PQ]\x051\xa3Qc}\'\xc5\xaaj\xc9\xc9\xc2G\xa6\xe3WBr\xd7\xb6\xc7m\xbcG\xde\x7fo?\x9f\xdf\xcb\x1e\x00rL\xf1\x0b\x85=x\xf4\xaa\\\xf1\xe41v*\xd5\x11Y\xfc\xf0\xe1\xe6\x05L~C\xf1y\x92\xb1\xcf/PR\x83dy1[\xb4\x8c\x11(T\x1ah\xdc\x87\x9deq\xa6\x0f\x1d\x00c\xeafJ\xed3\xab\xba\xfc\xc9\x99i6\xf1\x07\xcd\xb5\xe2~\xc6%\xa4\x89\xdf\xeb\xd89r\xd7I\xee\xe3\xcc\xfb&gt;o\xd5k\x92\'\xe5S\xea[\xe671\xd9\xe3M\x1d\x81\xc00\x88\xe4g\xce\xd5\xcc\xb6#2U\x0b\x04 \xe4\xb9\\\xfd\xc5l\x1a\x8d\xdb\xe5\xe44\xaf\x7f\xd3\xa1\t\xa3nF\xdf\xda.c(\xfdF\x80D\x10\xa3\xe7\x0e\xaa?\xd2\xd8\x89\xcd\n\x94WZ\xb2\xd4\xc9!!\xce\xb8\xfd\xeb\x9b\x84\xf1\x00\\\x0cC/#\x94\xc3\xa7\x89E\x98\x8dODD\xbf\xa0"c?\x8a\xb3cZw\xa7-\x95\x1ev\xbc\xdfH\xf4\x1fT\xd4\xa7f\xadS\xd9\xba$.\x9e_?U)\r3\xe6\xa4\xe4\x0c\xabP\n\xc0i\xd86Yci\x86\xb2\x1a\xe82\t\x17\xea=z:[K\x1a\x85\xfdg\x02\xe1\xfd\x161&lt;\x92\xa9}"Wj\n\x9f[\x1b%\x87\xe7IZ,\x00;\'\xceJ^jBd&gt;\xf8y&gt;\x94\xfb\xc5\xdd/3\xd4\xbaj\xf1V\to\xac\x15bj\x93\x05\xccra\xfb\xa0z\x88\xf1R\xf5\x94\xd1\x0e\x00\x0ei&lt;47\xcd\xb1\xb6\xa7+\xe6\xf6R\xc9/&lt;\xee\xbc\xaf\xcd\xe5\xf1\xf5\xec\xad\x03\x12\xd7\xfd\xac\xed\x85?\xd7\x8b\x15\x15WX\xe6\xfb\xf7b\x82\x96\x82c\x00\x00\x17\x00\rTK\x10\x8ayN\xc9\x93|L\x83\x16\x99%9\xc3\xfc+\xf5FXH\xe8G\x85a\x92,V\x03\x80\x9br\xdd\x03\x80\x02m\x078\xd7Y\x0c\x9bs\x05\x81\xe0@\xa57\x02\x08D\xa5\xd2U\x97!1\x00x6o\x17+\xc4V\x993\x08\xf9C\xe7S\xb6\x1f\x87\x05\xe0V\xa8Z\x7f\xf1\xec\xa0\x7f\xf7OU\xa9(\x18p\xc1\xbe\xda\xdbfb\xcf\xcfH\x85\x9c;\xae{f$\x17=f\x8a2K\xa8+\xb6+\x00\x12\x14}t"K\xcf\xf3\xe0|\xef\xfaM=\x14\x9f\x017\xeb\xcc\xa4\xf7\xb3|Ks0\x81\xe8\xbb\xcd\x9f\xa3/\x8f\xa2+\x9d\x14\x8dG7\x07:n0`\xe4\x00\x97\xc7\xaa\t\xa7\x03\x1d\x98^\xa5j87\xd5m\xa9\xb1\xae\xf5\xdc\xbe\xc8\xf0D\xa9\xcfkN\x0b\x9a7\xb8\x0f\xc5\xa6\xdc\xaf\xa5\xcfs\xda\xdd\xc6\x86\xf5\xdf\xe4&lt;1y\xd0h\x98+I\x1a#\xcf\x9b;\x84:C\xb5\xb7\xb0&gt;\xa9\xafH\x16$Qi\xa9\xeb\x00\xcc\x85\xa4{\xafM_\xe7\x08\x9c\xb1\xd7\xfe\xec;\xf5\xa4 Pp\xb8\xa5\xac\xea\x94\xf0z\xc3\x92\xd9\xd3k\x91t\xde\xc4\xb8\xd5n\xd5&lt;nt\x1b\x9bs\xc3\xc0\xb6\x12\x9a\xc5b\x00x\xf8\xb6J\xac\xb7j\x11^\xb1\x15\xd1o\x16&lt;\xbe\xc36\xea+fo\xac.&amp;\xa7V\xe4U\xbcan2DQ\x91su\xbb]\xdcG\x82\x99F/\x00FC\xd4q\x0bA\xa4]\x9c\xeb\xafi\xa5[P\xed\x1c$\xeb\xb6\x10\xb1d&gt;K\x85\xc9\':\xc1\xf7z\x01\x19\x9eG[\xcd\xb8\xf5\xe7\x87\xe0zZ\x88WyW\x19\xfc\x00\xb0\xe7\xf4\xb6\xdfo\xc5\xa0%gF?\xf36/\xa4\x1a\x02\xc89\xa2\xb7\xe42LQ\x95\x1a\xfc"\xb4W\xf5V\x9f\xc7\x8b\x8dR\x01\x18\xc5\x1e\xa0L\x85\x9e\x7fz\xfd`\xa7.\xebz\xfcI\x19\xd1\x9f\xa9\x90\xcc\xde\xd5\xca[3z\xff\x8e\xa1\xeb\xf8\xd4"\xdc\x7fj\xdbd\xd6\xc6,\x81ju\x96|\xab\xf6\xc5\xd6\x15!\x1eB\xe0\xf4\xc1\x859\xf4\xed\xe0VO]\x15\xb9\x06\xcf\xdf\x95\xc1\x12\xadds\xa9"\xbdG\x1b\xbe\xaaZ\x88\xb0\x00\x03\xca\x19\x07\xe5\xc7\xe8\x05\xe0&amp;\xa4\x03\x9dcUg\x82\xad\xa1\xab\x1c|\x9c\xae\xf1\x04\xce*d\x16gd8\x9ei\xb6\x10N\x08\x16\xd5\xad\x1bL\xe4\x00p\x01\xc2\xc9`\x83\x90\xc6#}-k\x82j\t\x19\xb1__a\x89\x89\xea1t[\xd0\xd8\xa4\x99\x10ZO0\x17\xeb\xedQ\xb3\x9dj\x18\x00c\x8e\x03@.M&gt;\xfb6Cw\xee\x1f\xcf\'(\xda\x10\x05%\x04;\x93\xc7\x85\x81\xe9\x00\xa0\x16t\xad\x1d\x82\t}S\xbfCD\x96\xdbW\r\xd2&amp;\xacs\x00\xca~\x93\x8f\xbcoN8\xe7\xe8\xeb:v*\x10\xe4m\xbb\xe9e\x86\xd2\x9a%\xf4C2^\xd6e\x0c\xd3\xabR\xf7\xa4\xb7%\xe1\x9eV\xcb6x1\x01\x1c=xM\xb2\x8e\xc9N\xbeI\xe8\x9f\x06\xeem\xf0\x04VH\xe3\xe9\x1a\xf9\xe1\xdeI\xcf\xd0\x7f\x10\xfa\xc8\x0c\xe4\x87k\x03\x9e\x83\xa1\x8a\xdc\xf6\xc0V\xcfD\xfe_\x00\xbc&lt;\xa1G\xc8%\x93uT\xa6k]\xae\xc7\xa9"]m\x8a\x0e\xd2v\xb1\xd5\x02\xbd\x7f}\xc9\xb1\xa9]\xe7\xcb\x92\x9c-\xb5w\xa8\xb7wr\xea(&amp;H\x80]\x01p\t\xcc[j \x8d\t_\xb0=H\x9a]a\x98&lt;\xe9y\xf4\x98M\xee\xd3\xd5&amp;\x93\x12\xbe~B\x07gU}\xbc\x10\xbf\xd7\x10\xd1W\xa7\x13\xb4[\x01\xc0\xd5P\xcds\xf7\xf9\xa9VKY\xbe\xc2=\x8d\xef\xaa\xb9\x82\xc7\xae\x96\xfe@\xabSk\x9a\x14[\x8cI\xab\x90z\t:um\xefy\xb5\x08\t$L8@\x02 E\xdb|\x99Yya&gt;\xb5O\xa6T\nycz\xc5\xfdE\xc3\x9b@HRL0\xdd.\xae\x90$\x143\xf3\x83el\x83bd\x15\xac\x05\xdb\xa9\xb3\x8d\x17\xb8\x7f\xae\x93\xd0\xa7U\x03 \xe7\r-\x99\xe9\xed\xce)[\xff\xb2\x92\xbcU\xd6\xe8\x9c \x95\xdc\x18\xe7\x9c\xb3\x93\xe7K.KM\xa6\xf0+sY\x16\xe7&gt;\xb0Q\x8b\x90\xf4#\xd9\xac\xa2g]\xc9\x9f\xb5\xd0\xb6\xc0\x17?r\xf5\x18\x06\xfcV\'ji\xd1\x90\xb8\x8dot\x14Bt\xf8\x12%\x85MD\x9e\x1c\x8c\x00\xe0\x82\x18\xaeaK3P\x91"\xf5\x8a$u\xf1\x93T"L\x11\xda\x1f\'\xab\xce(g\xcb\x1a\x8b\xb0u\xd9\xb6\xbe\x90\x88\x88\xdeZ\x91+#*{\x1d\xf1\x1c\xf0Z\x902\x8c&gt;\x0c\xe6\x8c\xa3y\x18\xb7\x85\x94\x1f?\xc5\x90V:\xb8\xec\xbe\x07\x81\x846\x84\x8d\xe7\x10Gj\x95\x1f\xcb\x04\xe0J&lt;\xc3\x97m\xd9mS\xbaQ\xd3\xb1\xc4,x\x8b\xea\xf6\xd3j\xc1\x89\x06\x0eX\xa6\xb8|\x83l/\xf6\xf4\xcf\x16\x00\x1dM{\x00\x8f\xc0pu\x1c:\x08\xc5n}+\xde\xac\x93\x07\xbb\xb5]\xf4\xfb\x9c#\xfaZU\x96]S\x14$~N\x0b\xe7\x9b\xd3=G\xa6\xcfX\xc7\xec\xb9\xacs\xcet\r\x91k+\xed\x1b&amp;\x8av\xd8\xac\x0b\x80\xd9!\xef\xdfl\x9au\x95 t:\x8d=\x87\x99\xfe\x1b:\xe5\xa4\x02\xa2t\xdc\xa0R\xc5{\xb8\x1a\xabP0s\x90\x9aF\x9d\x05\xca\x1ap\x88\xed\xccXE\x00\x8c@\x11\x96\xd9\x9c\xbb\xe0\xf8\xe60\xc7\x93\xf5\xfeC&amp;e_b*mfO\xf4\xc3\x99\xeb\xe7\xfa\xf1j\xba\xb6\xd0\x9c\xe0\xcb\xd4\x0e\xb8/\xf5\xcbb"z\xac\x89\x89(\xb94N\xc5\x1a\x16gz\x8e3c\x95s\x99\xd5:\xf59\xf49\x9eG\xdd\x1a\x1e\x03\r\x84/l]\xe5\x9e\xf8\xb9H\xac\x9a\xa7\x01\x1c\xc6\x9b\tk\x13\xbc&amp;D\xf4\x91\xd9[\xee\x9f\x88\x12\xbb\xf2\n`\xdf\x1a%\xfao[\xf7\xf7\xc4\xef\x0f\xb7h\x19F|\xc8D\x9e\xb1\xe7\x8cut\xfd\xc5\xc5\x99\xe1!&amp;M\x989\x92\x06\xc0\t0\x9da\xeb*t\xfc\xb3B\x85*\xa3\x9f\xb6&amp;\\\x1eI\xa3\x1fQ{\xe7\x01a\xfai\x9d\x90\xd6\xb0\xe4\x86\xcd\x89Nv\x9d\xafdn\x89\x0f\x16\xab\xdb\xad\xc6H\x00\xceA\xd8\xa6}w\xb6\xfdK\xf4\xd1u\x1a\xab\xdd\x81\xce\xa5\xd2?\xcb\xc8Qi\xa4/T$\xf6U\xcc9\xbb|\xda\xf6\xf6\xc4\xc5Db\x9bq7!\xc3\xb0r\n\x13\x97:\x992\xf9\x00L\xcd\xd6\x01r\x93 \xa9\x90\xa3\xf7ML\xf4\xfcC\x9fy9\x12u\xc9\xf4\xdau\x03\x11\x11}\x82J\x9d\x15\x87\x91\xa0\x9f\x8a\xba\x8c\xa9?{\xcf\xd1\x93\xcb\x82~\xc2\x01\x00O\xf8\xde!\xec\xf8\x92\x80F\x90 =\xe9\x13\xe8b\xb2\xcba\xac-:;\x13\xd5\x03\xbc\xd2\x85\x1c\x1fM\xf9\x92y#w+\x0f\xb8\x19&amp;]n\r\xa1\xda85~\xa9\xde(\xdc\x1d\xc73&amp;\xa6\x91\xcdnQ\xd21\xde\x7f\x0c\xc70H\x9b\xa8\xce\x8f\x9e\x11N\xef.%\x90N\x83\xbe\xca\xc8(\x00\xfa\xc3L\x81\x99\xbbqb\xab\xfe\xd9ijL\xa9\xcf\xb1\x0em\xb0Kg\xc3M\x1c\xfe\x01\xc9\x92n~\n\xab=\xf5\xc6\xd2%+\x01\xbc\x02\xe1WA\xa4\x8f\xcf\xd3\xb7\xb8\xb3\xdb1\xbd\xc3V\xdc^\x96%\xfa\xf0L\x92\xf9\x1c\xc3|\xc7uN\xf9c\x8d$L?\tbs\xf7z\xe0\xebD(0\x1d\x18\x0c\x90\xda&amp;ca[;\x11\xf3:A\x90Q5s\x02`F\xda;ZK\xfb\xef\xd5\xc9y\xa5\x9e\xea\x16![4,\xbcu^\xcc\xa7\xb7^y\xd1\x9e\x8f5\x1a\xda\xb5\x0b\xaf\xc4\xd2M\x92_&amp;?\xbaxx\xa6\xb1\t\xfe\x15\xedZ\x01\x80\x19i\xf5\xfe\x9f/\xddD\xe5\xe7zRu\xce}\xa8\xde\xc8:\x18\xc3\xb6\xeb\xf4\x99\xdd\x0f\xcc\x8c!9\x92%\x92\x897o\xd7\x87\x9e\xbe\xdeN\xb5\x98\xe4\x8c\x87i\x9c\xb9\x8b\xfc\x00p\x876\x01^\x84\x16\x0fF\xbf\xa6\xbciV\x94\xaf\x9eW\x9e\xd4\xb9\x18\xc57\xe8\xf0\xb6%\x98\xb6:\x98\xe9\x88&lt;\xfb\xf6\x99\x1f\x00n\xd0*\xc0\r\xd9\xd6\xb9\x8f\xf6Y\x98\xbf\xffm\xa9\xb4&amp;\x932\xb1\x94\xe0\xca[\xf2\x8b\xf7\\\x96v\x123\xc6|2\x894+\xc3\x06\x0bWa8P\xa76\xf0+\xe5\xfb\xf3\xf7Jcd\x03\x800\x01\x00\'\x90\\\x05\x9f\x8et\x11\x90ZRl\x13\xae~3/+\x89\xbd\x07\x80\xc1\x0fv\xdbP\x89o\xbd\xcbJ\xc5Z\xa0\xfdL\x17U\xb6a\xb31)"\x9f\xd2D!\x00jJ\xdf\x9eH\xe4\xd8\xb3\x1c\xdcy\x08\rd\xfa\x05\x93[g\xcb\x1cj\xe2\xee6\xe9U\xd6\x86U\xed\xa9\xd8=Q\xe1\x87\xe0\x0b\x8f\xbe\xd1\x86\x9c\xe4\xa7yJ\xc5\x9b\xb5\x8f\xc1=\xfcq\xf9\xf3\xbenS\xd2\xd8l\x1b?\x00r\xc2c\xa0\xc1d\xa4x\xbaQ\xdbK\xb3S\xa1\xaa\x0e@\xa9-G\xbf\xdb3y\xf9Q\xad\x8eEu\x82\xc5\xed!\xb6T\x04\xa3\xeb\xb4\xb0\xfcSn\xaa\x83\xadj\xf5\xab\xe4\xb8\x90\xcf[T~\n\x99\x86\x94\xba;v\xeb"a\xd8c@\xca$\x80\xf7\x07g\x11\xff$d/\xbf\x93\x94\xbb\x8d\x06u=`qnY\xd4\xfd\xc7wm\xbeU\xfbd\xad\xca\x185\xe4\xdc_}Z\x92\xd0\xd8\xd7)\x14b\xdc\xd4\xaf\x1d\x1c\xc9\x17\x92\x8a\x91\x91\xe4s_\xd6\xeb\xdb\xdd\x8a\x81,\xddV\x1f\xffR\xb9y\xf8\xfa\xfc7D\x96T\x02F#\x00\xf7\xa1zS\xaeJWM\x90;\x99~|\xcf\x1c\xa6qd\xd1TO\xc4\xaa\x9d\x90s\xf4)\xedb\x00\x00b\n\xfb]\r\x12\xe8+\x95\xaf\x08I\x92\x1es)s\xd8\x0b\x1f\xba9;\x90\xd1\xfb\xce=)\x96DU\xd2{\xd4\t\xb8(o\x0c\xfe\xde7\xd3\xfaDB\x842\x13k\xe4\xc3\xd1\xba7,\xcb?,f\xa7S\xf6X\xb3\x88\xf6\xdb\x9f\x9f%\x19\x06\xf2\xd8\xa5l\xdf\xab\xbcG\xb0\xfbQ\x15\x8e(\x17\xa6S\x15\xf3\x1eu\x02\xee\xc6\xe0\x89IQ\x9dw\x9a\xee\xff\xdd/f\xb2Sx\xd7\xc6\xc8\x16\x8a6l\x93\xc6\xbf\xd7\xdf\x18\xde\x8c\xec\xad\xda\x8c\x83\xd1.5*\xec\xbe\xcdj\x06\x80k\xe0\r\x00\xe4_q\x99\xde\xe8o9\xcc\xd0]Ip\xac\xe5\\\x1a\xab\xc8\x7f:\'V6U\x0c\x00DD\xf4G\xfb\xd9\x04\x00x\xa0\xed\x99\xc1\x9f[\xd7\x0eF\x828c0`Tx7&gt;\x0b\xd17qJ\xa3y\xe5\x80iiA`^b\xfb\xe88\xc9\xd8\x16L\x11\x04\xe9\x13M\xe5\x90 %\xdf\xc2R\x00\xa6D{V\xa7n\xc6\xc7\xf8\xee8Mp\x91\xb6\x0f\xc7\xa5\x8076\x14z\xb5\xcaNyfbm\xd6\x9ab\xebgTU\xa1k\x00\xcf\xf4\xbf\xbf\xde8;\x98B\x065@\xf4F\x8aH\xe6:\xfcY\x1b/\xd2g\x02\xe0\x0cF\x1e\xd6t\xa5\x88\xb30\xe8\x1c\xf7aJ]\x1c\x89\xaf\xfb\xf1\xdf\xfa\xf7\xd7\xe5\xd2\x0f\xb0\xe7p\xa5AN(\xca\xd4z\xe6\xc1Qi1\xc7X\x92k\xd8\x05]\x99\x8a\x8a_?\xd4rV\xcb\x04\xc0\'&lt;\x05\xf4h\xf0\x15\'\x13\x82\x137k\xe3.Hbn\xab^\xb7\t\xfe~\xbc\x08d\xd8\xc1$\xe7\x89h=*\x13\xdfZ\x16G\xa5\x97o\x89*k\xbe\x0eaqD\xa2*ZK\xbeypM\xe2\xf8\x86Wl!\xff\xdd\x16G\x03\x9c[\xd6JX\x96\xd8\xcd\xaf/$\xa7+!\xf7\xf6\x1e\x0f\xad\x07\x87\x16\xef\x8a\xc9\xf1*\x00\xcc\xa8\x9e\x1b\x06\x7f\x8e\x9c\xdf$fp\xa5]b\xb5\x8a\xc6\xfc\xbc\xf0S\xd7+\x0c\xa9\xf9~6\xa5V\xac?\xcb\x96\x97}_\xe7e\xd2\xa7\xd7(Q\xf5\x16\xd7\x13\xd5\xe4\x1e\xe4j\xc2?\xe2\x1b\x10\xd8\x03\xc0H\xe2\xef\x02"\xbb\xa9\xc8\xd0\x06\x1d\xfa\x85\xc7\xbf\xeb\x9c\xb1}\x86\x95\xcco\xd5i\x9f\x16v\x9b\x066\x0c-\x87/\xb1q\xecWT\xc8\x03#\xcf\xc7\xb1,\x7f\xd4\xb9\xafu\xfb\xa8R\x08\xfay{N\xaa\xe2\xf8_\x0b\xb1\x9a\xfa\xf4\xfe&amp;S\xefd\xf5&gt;\xe4n[VO\xed\xcb\xb2\x1d\xf4\xd5,_\x00\x18\x82\x89G3\x9f\xc9\x16e\x91\xe7\x14\x86\xcd\xa4r\xbb\xbe\xadb\x952%\xc9\x1bW\x17\xfd\x96&amp;\xc1\x12M\xa2\x88_-=\xaefo\x1dW\x00V\x85\xca\xad9\x8a\xd6\x02p=\xf8\xa6\xec\xb7\xf7}\xca\xd6\x7f9\xd0\xde\xc1\x98\xe0\xc6\xe0\xce\xab\xf2\x18\n\x8f\xd9fOmn\x85\x8arY\xde\xa7\x19$\xec\xcc\xe3\xb5\xc0\xb7\x83\x9b`\xe1F\x0f\xbd\x8fR\x17\xafE\xe90R\x95L6\x88\xa1\xaa+\x817\x94\x8ea\x7f\xde\xd3\x1eL\xc9\x99\xe7\x17N~\xbd\x7f\xe5\x1c\xe6\rv5\xd3\xb5\xc5m\xd6^\xb4a\x03\x10\xd2\xee\xa9\x89(\x16\xd2u\x00\xe0\xc5&amp;\x07$\x95pC\xb3\xe9\xbf\x8b\xae\xa4\xfe\x0cTR\xbe\x02\x83kV\xa6\xfa~?\xb8\x92Hi\xa4\xae\xacK\xa9Q\xde\xeaZ\xda\'\x06\x00p\x1f\x0c;s\xd0\x9f{\xf4\x13F\xeca\xf8i\xf0\x8c\xc6\x03@\xea\xb4\x92P\xa9\xc4\x90.5\xdc?\xc4\xc1\x0f\x00\x8d\x0f@Ri\xeb"\x89~K\xd1\xc8\xe0b\xf3\x0c\x03\x80[\xe1;\xfbu\x16\xb9_\x17eW\xea\x8a\xafw\xfa&gt;5\xa1\xfd\xec\xddt\x96 \x97j\xde\xdah\xd2$P\xf4\xc1L2\xffD\xd64\x13\xee\x90\x03p=\xfc\xf9\x10\x85\xd7\xb3YTb\xdd&gt;\xb4d\xa7\xff\x99\x19t\xd5\x1a_\x93W\xa5"Y\x8a\xcf\x11\x0b!\x9fd\x02\xb9)\xd3\xf0\x9c:|Lj\xb5\xa4\x7f\x82V\xbe\xb9\xd0\xde,T\x00p\x19\x98\x16O\xa9w\xee\xf9\xae[\xec\xa4Af\x7f\x85\xe1\xdf\xf1\xffL\xb9\x0fN~\xfe\x96\xc8\xc2\xa3\r\xff\xb1D\xb2\xdb\xddJ&gt;\xc4\x9f\x91\xc0\x143\x99L`\xb60a%\xca\nL\xb7\x97\xba!\xdcpz\xbe\r\x03\xc5d\x86J\x018\x8d\xca)\xf3\x91\xff\xb3y\x138\x97-\x0c\xc8\x1eu\xcc\xd0\x05\x93&gt;}\xbb\xe5\xcf+\x0f#\xd9\x9e\x86\x1b\xe4\xda\xad\n\x06\x18\xa2\xcf\x92\xcb\x97[\xa1\xda\x83\x89\xd7\x8e\xdb\x9fu\xde\xbf\xbe\xd5\xa5\x96 u\x19\x01\xb8$*\xbf\x9d\xec\xba\x87\x04^J\xc63Fb?\\\xa4\xbey\x98\xc9\xc94\x94\xe6\x0b\x0c\xd6+\x87\xa1\xab\x9b\x03\xc9\r9\x0f\xfe{\xe7&gt;l\xbd\xfb\xebMg\xb2D?\x11\x9b\x91\xe4\xdbM\xf4y\x8aj\x86\x8d\xbc\xb4\x8a\\euDD\xf4s\xb5\xd9\x01\xe8E\x85K}$\xfeM\x12\xc9\x99\xbcl.\x81\xd8\x86\xf3\x18\xb9a\xa9z%T\x91\xab\x13\xc2\x88\xca\xbep3\xfa\xc2\xcb\x87\x0e\xc9"\xc6~\xf4f\x83\x84\x92\xbc\xd5\x8aT\xd0\xbf1WS\x01\xa0\x12\xbf\xab\xdb\xce\xc7\x89&gt;\xac\x94\x80\xc8\x1d^9~\xcev5\xc6\xe4\x12\xd4\x95!\x9c\xe3W\t\xb1B^\x03\xed\x0f\x8d\xe8?y~\xf0\xc4\xf2\xc6Tl\x1d\xc9,\xe9[\xf1-\xa2\xbd\xb1V\xb4\xa3\x03\xc0t\xf6\xe3\x15\xdb\x00\x00 \x00IDAT\xc4\xee\xe2\x94&amp;\x9c\xf4n\xf1\xd4\xaf\xda\x1d\x9c\xe5\x89\xeal\xcee\xe9\xed\rwE)\x8d\xb1\xea\xe2\x032Y\x85$U\x17s\t\xeb\xaa\xa5J)\xfa\x95P\x0c\x00\xe02\xb4\xf8S\x03\xbd\xe1\xc5h\x8e\x99\xeaN\x7fw\x95P\xa7T\x9b\xcb\xcf\xaeJ\xb9\xfe\xab\xd6\xbbe\x9f\xc4\x95\xf0\x96$\xf7\xf0c\tB]\xff\x94\xe9\xe4C&gt;\x82NR\xd5\x00\xbc\x04\t_\xdf\xd9\xe1mC\xdd\x97zW\xe4\xb9T\xd6\x05s\xe7\x8a\xa9\xab;u\x00H\xf8\xf4F\x81\x9a)|\xd7B\xbf\x8f\xdd51Q\x81\xb1\x04\xbc\x04|C\x0f"\x03\xc5\xec\xbc\xaf4\xf1A\xb1FI\xcaN\xfd\xb9(\xb4\xa5\xc8\xc9\xe8M\x0bE!u\xab\x9cH\xc2\xef\x95\xe8\xca\xcb\x14\x19C\xf4\x8bhM\\~\n\x7f[i\x03\x06\x0009\xc5%pK#\xde\x84\xab|(3\xcb\x96\x84P$\x13L\xfaC\xf2\x19h!]\xd6T\x89tVlK.\xdf\xa0`\xcf\\\xe2\x9d\x83:\xcc\r\x96\xb1\x94O\xf2t\xc9m\x0e\x9a\x87o%30\xef\x9f\x85\x9aX\x1b\\C;\xcf\xc9\xa4\x93\xf6\xcf\x00\x90"t\x07\xfd\xf6\x84c\xaf\xc4\x0e\x00\xd9\xeb\xc9\xcfzc\n\xc1(\xf2~\xa3f\xb6\xee\x1d\xd4\xe1\xfa\xe1/8\xbfJ\xc5\xa2*n\t\x13\x88\x0c\xf0vM"\xf9zidf\x18\xaf\xe2xEU\xe5\x00\x0c\x87\x84\x03@\xf0\xa7]\x9b\xde\xfa\x08EN\xfcy\xdd\xf3\xc8$\xebT]\xfdr09\x15VE\xc1\xe0\xcc\xe8\xa5\xf2\x1e\xf1 \x1a_\xcc\xe5\x92\xeap\x8e\xfe\x87\xb9\xc6\xbc\r\xbe\x10r_l\xeb\xaf\xe1\xfd\xc1\xd4H{\x85\xf7\x81&gt;\xc02\x94\xbcy\xff\x9c^\n\xa2\x19g\xcf\xaa|\xf5\xf2\xe0\x98\x9f*\x97\xe5\xe3\xa2\xf5\x07\x11\xfd}\xady\xa2\x19\xfa\x97\xffb?D\xbe\xea\x92\xd7\xe9)\x8f\xe0\xa1\xefSsw=\xe4\xb7\x92r\x9a\x8c\x84\xc7\x07\x17\x82\xe8\x03\xeb\x9a\xec6\x05v\r3\xee-#7\x00\x1c{.\xdb\xcf\xed\xbb_\xac\xa8Z\x83?%\x8f%\x7fb*\x0c]\xfdhr\xd9)\xc2y\x8fr\xfd\xd3K\x9f\x92\xff\xabO\x1a\x00xx//\x1f\xaa\x01\x00\x05\x88&gt;!\xe8j\x9d\xfaV\xdc\xa5\xf9\xa9\\\xf2\xea\x96\xba\xc2m\x85\xb1/\xbd\x1f\xf1\xd7.\x07\x93\xec\xc7*GD\x9f\xeci\xfc\xc4@i&lt;\x00\xec\xc6\x84\xc3\x86?\xc0\x87\x8a\xbe\x8f\xbb\xeb\x8e\x95\xa6\n\xbe\x17\xab\x85s\xf1\xec\x00 \xb7\xa1`a\xe6"F\x17ps\n=\xb3\xa7^\n\xfe\xac\xf5\x9e\x95\xb9&lt;3\x0c\x8bi8\x04\x84\x83qj\x85\xe1\x9c\xa37\xa5\xf7\tBi\xbf$\xdc\x19\x8aw;\x92\xcf`\xbb\x14\x8b\x15\x16\x94\x88\xe8\x1bw\xf9\xe94"9?+S\xe8\xe9\xb5\x1f\x91\x01\x98\x1eU\xd8\xb7\x97\r\xfc\xd0\xf2m\x83\x14\xf1\x19s\xb3\xce6\x8b\xea,I^LM\xed\xb3\x12\xb2f\'|\xf7q\x1f\x9e\x11\xe2\x8f+D_s\xb8"u\xdc\xdegAzC0\x02\x00\xc0\xd1u\x00`D7\xf6KZw)\\[\x11R\x13^\xe7N\xf2SIw,,]\xc7\xe7\xd8\xac\x82_\x9atE\xeb\xff1X\x80iy\x83$\x91\xaa\x01w\x9f\xfeg\xe3\xb6\xce9\xb74\xab\xa8\x96\xb09\xd6e\te&lt;.4\xdaV\xd4\x1e)\xdd\x15R\xfe\x16\x830\x99\x90\xf8\xb1mQ \x9d?\r\n\x9b1\xb2n\x9e.\xc9\xb2,\xba\x8a1\xadE\x00,)\xb7M\x8a\x12=\xc2\xc6\x81\x7fy\xfc\x91\xf3\x80V0\xf2\x89\xa8Qq\xbb\xf1\xbe\xfbX\x96\x85H\xd1\xf9\xb7S5\x8d\xb5\xe7-c:&gt;\x08\x13\xb6\xea\xd2\xda\xb9=\xa9\xa3\xbf\xde\xc5\xc4MT!\xdc=*1\x9b\xbb\xe2I\xc5\x9d\x08\x80kP\x9cG\x1d\xe3\xb9\xd6\xe7U$i\xaa6\xe6r\xe1\x11\x95\x90C\xf6\xe8x\x892P`Y{\xbe\xb4d\xb0~\x12\xaaK\xbd\xc5\xeb\xda\x82~\x9c\xf0Z\x99\xd3T.\x00\xbda\x8e\xb5\xb5\x9cx\xdb\xf21\xee\x81\xbc\xf36u\x8b\xfdp\x00H\xa5\x89\xd3\xe7|V&lt;\x0ei#\x1b\xb1\xea\xb6:\xcc\xc5\xca\xbeR\xebvo\xe3\xd4\xfc\x06\xc3\xcc\x1a\x0e\x0fQ\xaf\xa2\xc2*m\x16\x00\xba@D\xf4\xbd\xdc\xdd01\xebJLZvv\x008z\xe4\x9a\x15@\x851\xc4M\x1b\x1b\xe7\xf0\xe1\x18\xf0T\xc7\xee{\x1b\r~V\x89\x13\xd9\xabsZC\xd1\x97\x03\xf6\xb0\xad\xf0\xbc\xf2\xaf\xb2\xbb\x99\xea\n\xbc(\x8d.;h\xfd]\xa76\x9b\xc3]\'t5\x12\xb4\t\x8aJ\x8e\xb1\x97\xd4\xdd\xf7\xe9\xcc\xe3\xc7W\xee.\xb7\x08\x90\xd6W|\xacSH\xfb\xa3\xa7\xefo\x14\xa0\xd7\x98/\xac\xb00\xc1\\\x84\xde\x16\xb6\x01\x7f\xd6\x12\\W\x9b\x0b\xc0\x18T\xae\x84\x88\xe8\x97\xf57)\xe8iD\x1f*H\xdf\xae\x8e\x88\xe8\x7f\x12\xa5wq\'g\xc2G_\x98\x8c\xd4\xab\xd74\xde\xe7?\xe2V\xb7\x95\x1e\x874\x03\x80\xb9{"\xfa\xa8R\x82\x1eJ\xcbBm\x1a\t?lG\x7f\xc2\xf7\x83\xa9a:\x0e\xd1\xcf\xfa\xb7\xbe\xa1[\xd7M\x9a\x94\x9bO\x85\x89\xed\x06\x00W\xea\xae\xbe\xc7L\x98-\x90\xef_\xac6\xd8\x90\xa4m\x87\xbb_1\xd8\xa2\x02\x9c\xf3\x955\x98f\x03\xd2qB\xe6\xe9\xf73\x06\x00\x86\x0b\x1cN\xa3\xe8\xc8\xdd\xa3\x07;\xe7\xdc\xb28\xc1i\xbf\xad\x83U\x1f\x8b\xf4\xba\xe8\xe2\x1c\x05\x92h\xbbzH\xbf\xac]\xde;\x9e\x98:\x18\xea\xf7\xff\xc7\xd1F\xf5\xb1\xc8\x9e\x0fr5o\xd0\x99\xd2\xf8qWH\x18y\xfeU^\xf9\x8ca\xf4h\x19c-\x07\xe0\x92P\xf4\x93\x00\xeb\xf5\xdc,\xd5`\'s\xcb\x9e\x9c\xd7\'\xc5\xc71\x01\x8a\xbe\xc3\xd9y!\x9a\x1e\x8b\'9\xdc\x1c\xffT\xc3L\xd0\x16\x81J\xdb\xb9\x86\xdc\xa0z\xc1M\xa8h\x88\xe3\xdbn\xce%m\x97r!#\x85|\xe6\xae\xd4\xcc]/\x11\xfd\xf5\x94%\x8c\xcf\xd5(i\xa5\xa8\xee6c@\xf2\xf3H\xbd\xeb\x95a\xca\x01\xd0p\xe8$\xfa,\xc3`\\R2\x98\xbe-\x02\x92\xb6\xc6G5\x0c\xed9$\xdbS\x96\xa4i-(Q](?\xfb\r\x1c\xd7\xe0y}f\xa6\x92\xfe\x0c\xc0D\xf0=E\xdbps;cu\xe8\x96\xf3k/\xccy^up\x80\x95Pt1\x12e\xa24\xf9D\xe1Q\x93\xaa%Q\x9c\xe0\x9f\x11Xu\n\xc2\xf5I\xa7CM\xac\xc6\x82:\xfe\xc8\x10\x00\xa7Q\x1a\x00\x1e.\xf5\xf7\x93\xf8\xc0\xf6\x89\xcd\xbc\xae\xdb\xe7W\x0c\x85s&amp;\xd5%e\x82BD?\xb8%\xf0g\x96\x99eP\xad\x05\x13\x13O\xa8\xa5\x8b\xd4\xa3\x90\xe4gI^\xde6Y\xc2\x8e\x12\x00\xb0\x81\xbc\x7f\xcb\x89\xa7o\xb8\xccb\xbc\x9cq\x82\xb8\x87o\xfc\x1e\x93\x11}\x91\xab^W\xc6\x00&gt;K\xbc\x00"\xfa\xe7\x93\x89?H\xe8vS\x875\x85\x0f\x91\xc4/\xaf\r^\r\xe4lx~\xb8\xe9\xb0\r\xae\xc7\xba\x95\xca\xa69\xbd\xebh\xd8\xf7\x00\xaed\xf5\x13~\xf8\xf2=\x08sW\xaeH~}\xd3[\x17b\xe2\xcd\x88\xc35\xc9Q!6F\xa5Ha\x92\xf7\xe7Oj\xb4de\x1e\xd7\x8b\x88\x05\x81)\x106\xc4xv\xd6\xcd"{f\xb6\xd6\xdb(\xde7`9\xff\x9b_\xdf\xd4yaJ}.\xb8\xdd\xcc\xddo\xd5\xea&gt;\n\xfc\xe3\x99[9S\xe2Z\xa8p\xf1\xc9\x05DP\xc1\x8d\xcd\x87\x8e4\xc9\x02\xc0\x96J\xaf1\xc7\x89F\xa1\x01\x86\xa3\x97y\x8c\xc8\xf32\xd2h5\xe3I2\xc5\xcf\x8bJE\xcc\x8bM\xa2X\x7fg\xed\xff[\xa9\x88\xd7"B3\x98\x15\x15\xfc?\xb89\xffpm\xeb\x1f|\xbc&gt;\xac\xd1\xe7\xfaY\xdc\x9f[Th\xb3\xfc+E\x99%\x8dc\x9c\x87\xef\xfd\x8b\xba\xb4\xf6\x04\xc9\x15Su\xb9\x0e;\xc2\xf6\xf3#\xa2\x10h.\x85_W\xf0\xff\xe0\xb6|\xcf\xb1\xad\xff\xd2\xb5\xdb\xb7\xcc\x9e\\\xb4]F\x9fZ\x10\x92\x19\x00$&amp;\x14\xc4JS~\xb6&gt;\x8b(\xe6#\x12%\xd1X4\xa6Q\xca;"crR\xcb^5\xfaS2^\xc6y\x7fKI\x91/\x81\xb7\x01\x80WA\xd8\xf4\xe3d\xe4\xd4SW&amp;}2N-\x87\xe8\x1f\xd4e\x0cls\x02\x0f\xeb\xa7\x14\x17&lt;/\xea\xf1A\xa0\x8e7IxQ(\xb0\x05\xfaE\xeb\x07O\x1d\xaf1\x18H\xca*\xbc\x0f\x15e\x89\xcd1\xdf\xb0\xedZ\xc3\x00X\x12\xce\xa6#\x1f\xc7\xcc\xf1I\xefP\xb6\xce\xe6\xcf\xf5r.L.\xb9\xb1\xcbU\x0c\x00\xed\x08\x05\x99\xfb&amp;_\xaf\xd0;\x0b}t\x9d\xa9\xf1\x01\xa1B\xfa\xb2@\xe9(\x02G\r\xc0\x81}}\xed\xf3M\xf9\xf4\xc1\x80\xa1U\x977C\x1e\\jg/Bx=\xb1\xc3l;\x89\xd6\x06Il\xe1\xcbB\xdf\xac\x11u\x91\x99/\xd1\xdb\xfd\xa6}\xb69\x00\xccD&lt;\x008IX\xb6\xbfa*\xb6\xe5\x850\xba\xb2\x97\xf4\x9d\xe5\xb3\x92\x96+\x80\xbc+\xda\xcd\xf8\x95&amp;\xda\x9a\x10\x16Y4\xf5\x1e\xd5V\xe6k\x95\x00\\\x87\xd9\xe6G&amp;\xf6\x04\xa1\x8cp\xb4\x1b\xbb\x1f\xf8\xd4\xb8\xfd\xdb\xa1\xb6\x1f"\xcf}\x8e\xe1\x12j\xa0\xde\x8a\x82\x0bs%\xe7I\x00\\\x89\x1b\xb4\xda\x96\xee\x17d\xa4!\x93S\xb9\xa9\xa7&lt;\x1d\xf9\t\x1c\xb5d\n\xff\x1c\xe07\x85\xcd#\x9e\x16\xa8\xec\xbaA?\x02/\xcd{\x9ds\xb5\x07*\x98?\x07@\xce\x11}\xc7\x1f\xaa\xcd;\x03\x94\xf2\x86\xbf\xd99\xfaz\x97\xdfy\x19\ry\x03\xe4\xc8\xbd\x19\xd7\x1c`\xac\x18f\xe4\xb3\n\xda\x8e3|\x9a\xfb\x15u\xf6\x01p:\xdb\x89=]\xae\x81+_\n\x7f{+\xfc\x10\xa5\xa7\x8a=\xc91\x8b\x80\x83\xba\xe3N\xc0\xe1\xeeL\xf3\xca\xad\x85\xf8V\xe6,\xb4\xb2\xdc*\xe8\xa7\x95\x93\xcb\xe0_\x9d\xf9a\x81\x97\xa5\xf6+%K=$\xe9\xa4\x96ei\xff\xc9Sa\xbfY\x96\xfdwe\xc9\x8b\xd5\xe7\xf4?-[\x16\xb7M\xd3\xf8\x02&gt;\x12\x10=\x04\x0e\xea\xce\xc4\xfd\xa8\xc2\xe3\xf7\x84\xfb\xa8\r\xc5\xd2\xff\xc2\xddu\xeb\xcf\xe4.\xcb\xe2\xdc\xf7\xf9U\x9e\x08\xa3\r\xfb\xb9\xe1\x94\x011k+\x15\x99\xe4O\x1a\x12\x19\x96e\xbb\xea\x97\xf1\xd33\xd2\xbeZ\xa2\x12\x80a\xe4zKq\x82\x94\x9b\xa5\xe6\x12W\x9b\xc7\x1bp0\xc6\xcb\xd2i\x9e\x18\\4_\xef\x04\xd3\xff\xf0\x14\x90\xc5\xfc7\xad\xb7T\xcfr\xbd\xbdg\xbe\xcc"\x83\xaa\xbe\x1161\xf8u+\x02\x96\x05`.ZZ\xa4b\x00\xf8U\x1a\xb1j3\x12g\xf6M\\e\xec\xee\x93w\xcd\xfb\xb4\x1f]\xc9\x18f\xad\x921\xc6\xae\x80\x7fL\xa6.{K\xd0\\?\xa24L&gt;\xee=\xd2\xfc\xc1}\xd8\x10XV\x82\xb7\xad[c\x01\xa0\x81b\x8b\xach\xb2\x9b/\x16\x8d\rl"\xe9\x00\x93AatIf\x9c\xe0\xebR\xe6\xc5cF\xb5!\x938\x8b\xa4\x19\xdf\xe1\x95\xbd\xdc\x84\xa2\x0f9E%\x1f\xca\xeb\x11\x11\x0c\xe7\x15OG\xd0e\xd2\xb9&amp;y\xa0\x00\xd4#\xd9\x14-\xba\xe0\xd8i\xf2\xa2X]\x1f\xea\xdf\x16\xfa\x1a\t\x15\xc3HP\xf0d&lt;\xe7\xf1o.F|(\x0b\x17\xeb0p%\x89-\xcd\xf5__~N\xddvYk\x0co??\x1b\xd8\xd2\xf8\xee{\xbb\xfe\xf7\xf6\x94\x05!\x94BU\n\x15\x9e\xc1\xfd\x94\x00\xd0\x80\xa4i\x12\x11\xfd\x1f\xdcW5\x84\x89\x93\x8eC\xb2\xc1\x90\xc8R6\xaf\x05\xa27\xef\xfe\xe5\xdfi\x14\x95\x89\x14\xd1\xe1\x18\x12y&gt;T+\xbf\xdd[%\xd7g\xab\x85\xd1Fnv\x00`\xc7\xe6|\xf6\xb4jn\xa4I\x8d\xacu\xcb\xd3]\xacn\x1f\xab\x11I\xb3\x07\xe0\x04&gt;\xcf9\'\x0f\xd7\x18m\xaen\x9f\x1b\xa5Y\xe1\x9b\xd4\xc9\xaa\xa7\xcf\xca\xe8\x1d\x8fP3\xe7\x97%\xd9\x93\xee^\xa4\xf9`@lFc\xc5\xd1\'\xd6\xc7\xe5\x93\xa3H9\xd7\xd8\xb7%\x00(#i\xbb\xfb\xcc\xcb\xda9\xce\xd3\x1f\x92;\xc9\xf6Z\x04W,\xd5Esg&amp;e\xcd\xad\xbc\xd2\xdc\x9fI!\xb6\xad\xa08\xd7V\xcd?\x92\xf6?\xdb\xc9\xb7\xef\x7f\xfe%\xa1m\xd34x\x00v\x98\xa8N\xe0&gt;\xe8\xff\x19f\xd4hR\x9e\xab\x97\xf0\xc3\xad*i[\xde\x16\xe7.2/\x93;\xbb,\xd0n\t\xd8M\x8d\xe3\'\xc8$\x13j\xcc\xa5\xdc\xc6\xad\x01\xf1I\x00\xce!\\t\x0b\xbcX\xfb\xb2\xbah</t>
        </is>
      </c>
      <c r="E359" t="inlineStr">
        <is>
          <t>&lt;class 'numpy.ndarray'&gt;</t>
        </is>
      </c>
    </row>
    <row r="360">
      <c r="A360" s="1" t="n">
        <v>358</v>
      </c>
      <c r="B360" t="inlineStr">
        <is>
          <t>steps_per_sec</t>
        </is>
      </c>
      <c r="C360" t="n">
        <v>5200</v>
      </c>
      <c r="D360" t="inlineStr">
        <is>
          <t>10.11011</t>
        </is>
      </c>
      <c r="E360" t="inlineStr">
        <is>
          <t>&lt;class 'numpy.ndarray'&gt;</t>
        </is>
      </c>
    </row>
    <row r="361">
      <c r="A361" s="1" t="n">
        <v>359</v>
      </c>
      <c r="B361" t="inlineStr">
        <is>
          <t>Loss/object_center</t>
        </is>
      </c>
      <c r="C361" t="n">
        <v>5200</v>
      </c>
      <c r="D361" t="inlineStr">
        <is>
          <t>0.3555971</t>
        </is>
      </c>
      <c r="E361" t="inlineStr">
        <is>
          <t>&lt;class 'numpy.ndarray'&gt;</t>
        </is>
      </c>
    </row>
    <row r="362">
      <c r="A362" s="1" t="n">
        <v>360</v>
      </c>
      <c r="B362" t="inlineStr">
        <is>
          <t>Loss/box/scale</t>
        </is>
      </c>
      <c r="C362" t="n">
        <v>5200</v>
      </c>
      <c r="D362" t="inlineStr">
        <is>
          <t>0.06671124</t>
        </is>
      </c>
      <c r="E362" t="inlineStr">
        <is>
          <t>&lt;class 'numpy.ndarray'&gt;</t>
        </is>
      </c>
    </row>
    <row r="363">
      <c r="A363" s="1" t="n">
        <v>361</v>
      </c>
      <c r="B363" t="inlineStr">
        <is>
          <t>Loss/box/offset</t>
        </is>
      </c>
      <c r="C363" t="n">
        <v>5200</v>
      </c>
      <c r="D363" t="inlineStr">
        <is>
          <t>0.123865604</t>
        </is>
      </c>
      <c r="E363" t="inlineStr">
        <is>
          <t>&lt;class 'numpy.ndarray'&gt;</t>
        </is>
      </c>
    </row>
    <row r="364">
      <c r="A364" s="1" t="n">
        <v>362</v>
      </c>
      <c r="B364" t="inlineStr">
        <is>
          <t>Loss/total_loss</t>
        </is>
      </c>
      <c r="C364" t="n">
        <v>5200</v>
      </c>
      <c r="D364" t="inlineStr">
        <is>
          <t>0.54617393</t>
        </is>
      </c>
      <c r="E364" t="inlineStr">
        <is>
          <t>&lt;class 'numpy.ndarray'&gt;</t>
        </is>
      </c>
    </row>
    <row r="365">
      <c r="A365" s="1" t="n">
        <v>363</v>
      </c>
      <c r="B365" t="inlineStr">
        <is>
          <t>learning_rate</t>
        </is>
      </c>
      <c r="C365" t="n">
        <v>5200</v>
      </c>
      <c r="D365" t="inlineStr">
        <is>
          <t>0.0009999984</t>
        </is>
      </c>
      <c r="E365" t="inlineStr">
        <is>
          <t>&lt;class 'numpy.ndarray'&gt;</t>
        </is>
      </c>
    </row>
    <row r="366">
      <c r="A366" s="1" t="n">
        <v>364</v>
      </c>
      <c r="B366" t="inlineStr">
        <is>
          <t>train_input_images</t>
        </is>
      </c>
      <c r="C366" t="n">
        <v>5200</v>
      </c>
      <c r="D366" t="inlineStr">
        <is>
          <t>[b'512' b'512'
 b'\x89PNG\r\n\x1a\n\x00\x00\x00\rIHDR\x00\x00\x02\x00\x00\x00\x02\x00\x08\x02\x00\x00\x00{\x1aC\xad\x00\x00 \x00IDATx\x9c\xed\x9d[\xecx\xcbU\xd7g\xc8\x91Z\x8d\xc2C\xb9\x18/\xc1\xc4C(\x01l\x0c\x1a\x13\x02&amp;6\xd5\x92\xa6j\x01-\xb4!)\x10c\x93\xd2\x07\x08\xd2\x98*\xc1j%!\x88\x17|\x90X\r=\x0fD-\xd6\x1a1`4\xb1\x81DJ$\xc2\x8b\xf1H\x13\x8b\xd7\xf3p\xe0A\xc1\x08X\xb2|\xd8{\xcf\x9e={\xf6\xec\xb9\xac\x99Y3\xfb\xfb\t\x9c\xfe\xfe\xbf\xdf\xde3kf\xd6\xacY\xb3\xe6\xb2\x95\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x89 \xf3\x03Q\xe8\xb9\xfa\x02\x80\xb9\xa1#\xbd\xc5\xf1CJ\x11Y\xa2\xfe\x90RFr\xe5\xfe,\x13\xaf\x80\xb2E\x06\xfd0\x9a\xd1K\xad\x89c\x0c\xa8-\xb9\xf8^?\x06\xa6\x1a\xa5U\xa6#\x8f3J\x91&lt;\x81\xc3\x8c%\xadX&gt;\xa3\xb7\x00m\xd0\xfb\x8f=\xf4F\x1f$\xc8\x05\x06Z&lt;v\x03i\xcd\xd0\xe6\x8c\x84\xe5\xd1\xf2\x04\x0e\x80~\x002\x19\xd7\xcfe\x99F\x08a\xd46\x88`\xf5\xab\xbf\xf8\xf0\x9b~\xe2\x84\x10*\xd6\x89\xf3\xecd\xb8\xf9\n\x90\x02T\x07\xd4&amp;\xb0\x06 J\xf7R\x85q\x9enV\x94q\x9d6\xf9&lt;$\x04\xb43\xd6T\x17\x04\x10k\x12\x8c\x82\t7[I\x1d\x81\xe8\xa5\x93\xc9oT:tX\x00\xc0`\xa4\xfa\xadD\xabA\xa5\x97+I\x94\xc9\xd5\xbe&amp;\xe1\xc3\x1b\x00@\x1c\xc6\x90d\x98\x8f\xbe\xf6&amp;5w\xbb\x8c1e-\xa9\x99\xaa\xc8\xdf\xd8Z\xce\xc4E\x0b\xf3\xb8\x10\x10\xe8\xcb2\x9d\xff)\xa5\xce\x1b\xa3\xae:!\xdd&gt;\xd1\x84\xd40\x84\x1dl\\\xfe7`C\xed2J\x8bxX\xf2|uO9j"\xad\xce\x01\x88eP\xd7\xe5\xecW:\xd6\xf1\xecuvwB\xeb\x1f\xc5x_\xd8\xd7^\x0epU\x96BD\xa6\x00\x80\x1b\x96^9\xe8\xf4\x9c\xae%\xbf\x8a\x84\xd8A\x927(E\xf42W\xa9#SiP\xc9\xe1\x1dDD_}+A=\x11GS1\xf0T\x86\xb3\x86y\xd8\x07\xf7;\x8b\x92E\xc8\xd2\x05\xde\xda\n\xfe\xe5\x95\xc4\xea\n\x05\xab\xa5\xbd&lt;\xa2\x04\x00\xe0\x9e\x12\x83\x08\x15\x7f\x1a#\xb6\xf8!,\xd66\xdf\x11\xab\x0b\x04\xc0"\xf0=\xb6\xd6\x8b\xea\x03R\xe4\x00m\xb1W,[\xae]j\xad\x1f\xb8X:w/\x9bs\x00\xc8V\xd3\xcb\x17\xc5\x18}\x9b\xc7\xf5\xc5\x08RG\xe8HU\x11\xbb\xd0"P$\x00\xc6#\xdc\x8dL\xe7\x97i\x05\x80\xa1W\xdbt\xb9\xa9I\xe0\xa1\x81\txT\x95\xce9\x03\xc8!h\xd9\x17?\xf1Q\x9a1(\xf5fE7\xbb!}\x7f\xae\xad.ZmG\x0c\x86B\xfa\xb5\x86\x03Vi6\x0f**\x00W,\xa6;\x10\x0e\xb2l\xbb\xe7\xa9enx\xf9g`\xb1L\xa4U\xe5\x8aZZ\x04mq\x0bf\x00\xad\x11\xed\xfb&lt;\t;\x9a\x17\xb6\x14\xf6c\xde\x07\xb5\xf7\xc7\x89`\x8c|\xe6\xd9\xe4\x0f\xa4\xe6\x82\x91\x18(\xc1kw\xa0\x0b\xe1\x93\xc6\x97oE&lt;6\xb7\x9a\xc5\xd6@Jj\xe1\xa3\x1e\x1d\x99\xb8\x1d\x9f\x88\xcc\x9e)N\xa0G\x12\xdf\n2\xb5\xa8%\xf7\x03@JR\xe1\xd4\xfa\xd6\xf6\xc3\x1bzB\n\xdb\xb3\xc6\x9aU\x9f\x8b\xd5\xb3@wP]\x1bh\xfd\x80{?\x01\xba\x80\x11\xb7\r\x8fX\x03pb\x81\xc9\x8aEJ\xfd\x1b&gt;i\x94RJi\xd9F\xdf@$}\xcbF\x1b\xba\x86\x93\x0fW&gt;U\xcd\xc6\x0e\x8b\xf5\xb5\xbf\xcb\xa13\x8c\x01\xb5y\xa1\xb7\x00} JX\x8c\xaa\xb4\x98\xa4/~\x16\x05V\xd2\xa4\x11\xb9p\x9d\x9d\xac\xf7\x9f`V\x1e1\x03p\x98\xfe@\xfb\xe6\xca}\n\xdd8\xc0\xe8\xa7\xa8\xe8\x15\xb68\x89\xd8j\x98\xbc\xa3\x02P\x03:\xd2[\x9c\xa6|0\xda\x9c\x8d2\x00\xd8\xadH&gt;\x983z\xaa\xe6&lt;\x93g\r\xb0\x95\xa6\xcf\xd2\xa0e\x8d\xe1\x19\x85=\x13\x1f\xdf\xa3\x11\xce\n\xad\xed\xa8\xb5i\xd3%8^Ir\xdb\xee\xcb\xaf\x1c\x00\x12\xc8pp\x88\xfe\xc19\x85:\xd2)\x85\xf5\xd6\xb6\x8c\xe2\xe46\x962\xdcA\xe8\xa3\xc3\xd4\xdb\x19\xccl\x1e\r\x1d\xc7\x80\x9c\x14\xd2?\x8f7\xa5\xc2MY(\x10@\xe6\x8d\xe8\xa0\x90g-\x02\xdb\x97g\xe5Mo\xb5\xbe\x7fq\xe2o\xa8\xfe1\xa5\xd4f\x0b\xc4\x96p\xd6\xca\xbf\xa2Mi\xd9\x83A\xcfj$0\n\x19\xe6\x83h\xd5\xe6W|\xfe\x11\xd1W2\x89&amp;\x85\xbek\x84\x8f5\x1cB\xd6f\xb9\x04\x90P\x96$F\x92\x15\xe4\x91\x17\xe1\xb1U9\xe6\xf5\x8fgH&amp;\x8c\xb1\xba\xee\x1c\x08\x19\x00\xb8\x98\xa9,`\x1e\x1ah\xe5cU\x1f\xa7\x8aK\x98l\x00p\x98\xb3T\xe2\xc16\xaf\xd6X\x1d\xf8\xb0\x9a g\xd7\xa6\xd9k\xd8W\x0c\x00@m\x9e\xb5\x08|K\xd8\xbf""\xfa.\xbe\xcc|\xd6_\x06\xb3\x1f\x95.\xa3\x8b\x13.KAf\xe7W{\x0b\x00r\xf8H\xf9\xc5\x9f\x17}{\xbd\x91\x91c\x02~\x95\xce\xc4\xb3\xfb\xc9@3\x01\xf08"\x07\x00X\x87!\xc8n\xa4Q.\x90\x00\x00t\xc0\xb7\r\xb4\xc3\x02\x17\xecT=P\xad\x19\xc4T\x1a\xf6\x08\xb4\x07k\x00\r\xa0\xf6\x11\\\xfb\xc8\xdb76\xce\xbb+\rN\xe11.\x8f\xdc\x8e\xd3\xc3\x05\x06\x7f\x97\xef\x97\xcb\xe7\x05\xee_&amp;\xacu\x802."\xf8\x1d\xb4JN\xd7\x15"F\x03\xe6\xdb(9Dqh\xc6\x9a\x7f\x08S\xcd\x00\x88\xae|\xed\xbf\xd6Z\x94t\xeau\x9d\xe7l\xe9\x99\xbe\xa4B\xadl}\x89\xbe\xa6v\x06\x1b\x02k\x17\xc4\xc2\xbbK\xc7\xa4E\xdb\xee\xa0z\xaa\xc1\xb8\xcb\x08\xccZ\x83D\x8a~\xa4Q\xa0\x9c\xc8\xed\x077\xdb\xa3\x89\xba\xacu\xb1\xf3\xb4\x0e8\x95\xc7tu\x82\x89\xa2/O?\x07+\xed\x17\x97\xbf\xd6\xba\x87}\xbb\xc4\x7fz7\x16$\xb1\xead[\xb58\xd8Ah\xe4\xbcL\xd5\xb2DT\xa8\xadtm\xfd\xc5b\xfc\xb3!\xa4\x05\xa9\xd8:\xd9\xac\x89mO\xa8\xb1^\xc1\x07j\xc9\x0ck\x00\xe6ky\xd6\xbf2\xd1\xf6\xf7\x82}3\x89\x92\xc4\xab!S\xaa\x95\xee\x95\xd6]\x80B\xda[\xc3\xbe5\xb6\x94w\x8e\x80\x92|\x86\x1f\x00h\x0b\x9f/\xffd\xe9-\xfa0\x0eX\x19\x811\x99\xa1\xe5&lt;*Y\x977m\xd9\xad\x0b`\xd5:\x807Y\xad\xe7\x8aN\x80z40\xcd\xc27\xba\x89\x15L\x02\x13T\x0e\xd1[JSH\xec&amp;\xb6\xc2[\xfc\xd9B1&lt;\x19\xd1\x0c\r4.\x18e\xa3\xe8\x12\x87\x8d\x07aS\xe0\x85\xac\x1eN)\xbd\xdd\xd9\rQ\xef3\xf4\x91+XW\xfb;\x00h\x01\xd7\x0c\x00\x9eN=\xe0H^\x81j\x01W\x0c\xbf\x06\xd0\x068\x1e\x80\x97\xa6&amp;\xf9\xbc\x9d\xe1\xf3[f\xcf\x00F0\xf0t\xe0\xc7\x85\xc1\x0c`V$/\xbf\x01\xc0\x0c\x14\x1d\x00\x1b\xc2\xe8^\x8d\x17z\x0bP\x05\xe1KF\xbb*\x8b\x15\xb1\x8c\xa4\xf5\xc6gb\x0e~\xcf\xaa\x03\x9c\xa0\x96\xaa\x815\x80\xae\x17\xd0\x1e\xaf[Y\x18W\xd5\xf7\x8f\x1d\xf7\x94b4\xe6ul9\x9d\xf6yk\xa9/s\x0e\x00\xbe\x83\\J]N$\x0f\xbfl\xafh\xa3X|\xba\xbd\xb0\xfd8\x98\xf5\xea\xb2bk\xd3\xae\x9cU\xc8\xe5\xd4k7\x89\xea\xf2\x07\xb34\x1b\xa1\x1e0-\xbe\xc35c\xa8{\xfc\x81\x9d5b\xfb\xf1\xe5\xf9W\xd4\xbc\x06.\x15S\x81\xf4\xbe&gt;_\x96\x1f\x029\x9f\xf4\x00\x80\x99\x11M\xbfJ\xdc\x86a\x9e\x95P\xc6\xee\x02\x9c\xf9\x0e\xa5\xe831(\xfa\xb9\xd2\x19\x81\xed8\x07b\xa7\xcb~h\xf0#\xaf\xce\xcd\xea1e\x19nA\xb5\xea\xa5\xd9i\x92t\xba\xcf\x12dCt&gt;\xb4\x00\xc0\xc6\x04\x8e\x00\xdd}^\x030"a\x162\x01WU\x88\xba\x05M\x99F\xe1Z|\xd4\xa9~\x16C\x80\x11\xe0Lj\x95L_\x87s\x97n\x1e\x8c"\x8e\xdb`#\xae\x01H\xa0ee\x8d\xd20P!P\xc8\xa8\xdb@\x11\'|\x1c\xad\x86Lzw\xbb\xbcJ\x98/\x96x[\xe9\xf0\x9c\x9e\xce4m\x0f-N%Pc\x8f\xad\xcb\xc9\n\x1e6\xee\x8cS\xe7\xa9j\xed\xc94p\x07~Q\xa9\x97\xb7\xbc\xaaf$\x04\xf6*m\xec\xb41\xe6\xf3\x88\xf6\x96DXK\x10;\x05\x8a\xe8u\xd6\xcf-\xb4\xe19j\xb7\x94\x8f\xb7\xa4mj\xcf$M\x9f\xc0\xd4j`n\x1b\xee!=\x11\\b\xb7|\xa3\x88p\xf3\x01\xa0\xaf~\xd7q\xffY\x07\x95\x88\x1c\xb9\xf2\x02\xa2\x88\xd4$(\xc0#h\xdc\xcc\xcd2\xe3\xcdh\xd6\xbe\x10X\x0f\x90\xdf\xff\xa5\xc9\'\xbf\xc6\x0c\xb7\xa2\x0e\xa1\x00r\x18u\x17\x90j~\xbc\x93+\xb3\x80~\x12kFj\xed-s\xf6\x07\xbb\x96\x96k\'\xd6\xdf\x0fq\x90TR\x93H\x92\xe5\x9e1\xdaw\x1cf\xae\xcd\xc1\x8cB\x05\xe6\xae\x01\xd7r\rUH"\x1aLb1P\xf0\xa2\x11\x92\xfd-\x10i\x0c&lt;\x03\xb8\xe7\xa7\xb5R\x9e\x0f\xa2FB4A\xfc$\xa1\xec%s\xe7\xf6\xdfl:\xe75V\x8f\xd7Z\xab\xb7\xf7\x16bX\x02\x9avu\x15&lt;\xf0\x82\x9ar9\x1f\xaf1\xfa\xb4\xa9\xdd\xa5\x82\x85}\x93.$\x89D\xe9\x9f^2ub*\xadM\r\xd8&amp;@Z\x9d\x83\xaad\xf8\xf8\x98\x16\\1\xf5\x0c \x1d\xa2_=X\xff\xa37\xb1\xfd|\xe9~t\xd7\xb0B\x0f&lt;\xdfwj^nm\xd1:o`\xd1~\x96\xac\xb5\xc6\x95\xa1\\\xa0\x1ew"c\xca\xcbSCh`\x03\xc7\xc7\x13\x8a\x19\xa2j@\x16\xc3]N\x0e\xc2`\x06\xb0B\xefp\x7fs\xa5\xe8\x12\xfc\x8f\xc8h{\xc0A&amp;\xa6\xed\x1fN\xfa\x95\xac?\xd1\xa7j$\x0b\xe2\xa1\xed\xa0`oA\x00\xa8\x009\xdc&gt;\xdfu\xff\\\xf9\x8a\xeb\x10\xdb\xa5\x8d\x90\xf2E\x9d\x9e\xd1o\xe15\xd0\xb69\xba\xb7 "\xc0\x0c\xe0\x82\xc0\xa5T\x8b\xf6La\x98z\r\x02&amp;\xd7\xbb\xfc{O\xb5\xc0\x86\xb6\xfe[N\x92\xfb\xc1\xa2\xa2\x07\xd7n\x8a\xce\xcb\x02\x06\x80K\xae\xcfk\xf5\xd7\x1b\x86\xc5\xcf\x9f\xdc^\xef4\x04\xc4&lt;\xa4\xf5\xbe\xd8\x82\xee*\x01\xd66\x88J\x8c\xb6\xafK3e\n\x97\xe2\xc0x\xd5Qi\x19\xeaB\xc3\x0ef\xd6\xfb\xcc\xb8k\x9eDJ\xe9\xfc\xcaL=\xcat\xb5!5\xa6A\x05\xee\xaf\x1d\x8e\xc2:\\|f\xa5x4\xdelOX\x92\r\'\xc9\xbb\x97\x01[Bm^\xe8-@\x1aT\xb6\x05\'\xf5\x93\xd3s+\tG\xe9R\x86c\xaf\xf5\x8fkPtW\x16J\xc6\x00\xad\xaa\xf4\x87\x98dy[\x1f\xbad3d\x08(o6H\xa9\xaf\x9e\x14\x85Qu\xb6\xb5M\xae\xf4:\x90\x1a\x86B\xb7\x03\x06\xec\xe5\x17\xc2`\x03\xc0jq\xb2\x0cg\xaa\xba\xd5S\xcf}g\xcb\xe3\xbb\x00Nr5CZU\x0b\x12\xe5\xc1\x0c6\x00(\xa5\xd4O\xe4\xaf\n\x96w\x80\xc8^t#\x9bIa\x96\x95MS\x8e\xc8M\xb4\xb5\xe9.@&lt;\x03\x89\xca\xcb\x10\x05\'\x1aC\xcel0\x0c\xaf$\x9dh\r_D\x13\xbf\xae\x15\xce\xe8\xbcZ\x15\x93r\x17Lp\x99\xca\xd6\t\x0b_?\xcb#\x9c\xb9\xafk\r\xb3\xecA\x90\xa9\xcf\x0e\x137\xd3\x803\x80V\\9\xb2\x07\xcb\xedS\x08\x1d\xa1(\xf6L\xe2*\xa3\x83I\xdd\x1e\r\'\xdb\x0bS\x96\xc2\xdby\xd8.\xf7\x99\xae\xa3\x0e\xc7\xed&lt;P\xeb\xa8\x9eR\x15\xfa\xb1\x0e\x9f\xfc\x03\x12qO\x02\x9f\x8e\x05\xfb\x7f\xcb\x91i\x86\x90J\xa97\xf5;\xc6\xd5\x11RS\xf5X~\x95\x92\x8d\xb4\x12\xd2\xb1O]&gt;6o\xfb\xc0QZIo\xdd\x90\xef\x12\x13\x82\xa0_Q\xea\xb7&amp;O-\xed\xb8\xd0(\x81\x0e.\xbcm4z\r\x98H\x88*.\x8b\xfc\x9b\xda24\xb6v\xf8\xe5*}\xa2\xdf\xa6\xf5/\xb7\x91\xa1#\x83\x9d\x038s\x0e\x94\xe7\xa1\xb5\xb6\xec\xcb~\xbb\xfd\xf5\xf37\x7f\x0f\xff\x99\xd4n\xfd\xb3\x99O\x1d\x038\xd6\xdf\xb4W\xea\xd9\x0ei\xac\xc2\xb3\xc4\xbd\xca\x93x&lt;\xb4\xe8\xd3\xfe\x95\x8b\xc9\x19x\r\xc0\x9e\x94\xb1\xcc\xcdv{z\xdb\xee\xf7\xdd\xf5n\xc2h\xffuh\x03v\x01\xcf\xfd-W3\xb3C\x8d\x8d=1\xe7\xd5a\xe1d\xb8,\xf6W\x1f\nc01\xb3\xfc%\xa7\x98%\xba9\x18x\x008\xe0k\xa4\x8cv\xbb\\\x84t.=\x0e\x08b\xa5\x13\xce(&amp;5\xff\x8b\xe2\x07\x8cWU\xe2u_\x17,\xc7D\xcf\tmNs\xa8\x1e\xde_\x98w\x13\xb6IL\x7f\x13#A\x86\x00\x9b+P$e\xde\x8c\xf9Q\xf3\xec\xc1\x18zqfh\xe1\xc3\xd0q~\xc6\x99\xf2\xb1\xd2&amp;\xa8;S\x1c\x9a\xa28\x950\xed\xfeU\xec)G\xf8*\x13w\xd5\xb1\x19\xbaaj\xef\xfe\xe8[)\xb5\ne\xf1\xafkd\xd0\x9c\xe3.\xdf!5\xd9!rkMB\x82\xbd\xfby\xef\xfc+2\xf0\xec\xc6\xbeLg\xc4i\x9a\xadO#\xca\x0f\x80\x97\xf3r=W\x82\xe8&amp;\xec\x0c\xbc\x06`t\x81Q\xc3\xe2\x1ef\xde\xce\x0c\xb5\xe6bJ\x1f\r,\x1d\x04\xdd\xa4\x06\x03\x0f\x00\x8a\xe3~\xab\xe5k\x13*"`B\xeb\xf3\xc4\x1e\xad\x85\xd9b\xa9\x01\xb3\xa0\x8a\xfa\x9c\x0fX\xffJ\x8c=\x00p\xb0\x1e#\x88\xba\xe0\xed\xbf\xac?\xb2\xabc\x95\xf5\xd2\x81\x86\x96\xe2\x03P@&amp;0\xdc\xc2A\xf3\xc4\xc2\x1e\xb2\xc7\x1a\x00\x0bd\xbe-eM\xe4P\x9f\x0e\xf4\xb0C\xe3,\xc8?Y]\xce\x83f\x00\x8c~"\x8bg\x1d\x8e_\xc1\xab\x8d\xc4T\xe3~\x8c\xef\x01\x96\x8e\x88\xfeS\xca\xf3yu\xf2d%$\xf6\xb5&gt;\x91\xcc\xdfUX8[|o\x8f\xcas\x19\xceo\x19\xaf6=\xb1\x84\\\xe4 Y\xb6\'SC\x0fG\xe1![\x8f\x1e4\x03\xa8M\xf6\x07\xbe\xbc\xd6\x9f\x1d\xc9Z\xac\x95\xfa\'\xbde\x90O\xaf\x15\x9d\x07\xf8\xc1`XZ\xf6\n\xfb\x14\x12\xb9\x7f\xe2\x94d\xdcc\'F\xf2\xc8\xbdU \x0c]\xfc\xdcE\x80\x9c\xd7\x89~\x81E\x8eV\x10w_\x16\x8ed\xbf\xb0\x0f\xe1p\x84wbXi\xb6HD\x95\xe6\x9f\xf5\xa6\xf6\xce\xcav|l\x87\x88jH4zpi\xf4\xbbNYh\xd6\x88\xfb\xed\xb2\x8f\x89}M\x15\x02\xe2Y\x9b\r\xff\xd5\xab\x13u\x14\x85\xe7\xdbX\x9dX\x17f#\x9e\xb4NU\xcc\xefv\xa5N\xed\xc2\x1a0\xe5%"g\xda\xf5\x82\xed\xdbO\xea\x19\xd6\x7fr*^\xb3C\xff\xb5F\xb2\xed\xf9\xd9\ni\xc6\xd4\xb8s\x94n\xd9p1\xf1\xbc\xdb\xc4\r9o\xc8I\x1f\x00n\xaf\xd3\xec~\xebN\x98\xdaR\t/&gt;Hc\xa4\x93PSC\xa4\xe8o\xae_H\xf0\xb6\x87\xdd\xf1\xa6l\xb0/\x93q\xa1\xd8\xad\x00\x12\x84\xb4\xb1\xef\x95\x8b\x91\xcd\xfesF)D\x95\x1d\xf4\x01\xed\xcf\x8e\xb7\x03\x93\xef\x81\xecd\xf9\x84u\xf9!\xbe\xa4\xc2\xa26P&lt;{\x94\x1d\xc5\xd2\xa5\xd8\x7fX\xf0d\x10\xe7\xea\x89\xad\xac\x93\xc5\x1ci;zj_\xda\xaa\xd4e93\x16\xfa\x9c\xae.\xbc\x02\x89\x96"\xf6&lt;\x91k\x169u\xbf\xe5q\xd3j\xc2\xdb\x0b\x80\xea\x18\x0b&amp;\xc4ma\x17\xa2^\xa9l\x87\x10~_&lt;\x1d\xab\xea\xec\xc97\x16%y\x8aYI\x0eIL\xb5\x0bH,W3\xee\xab\xdb\x0bzY4v\x97\xac\xa5\x8f\x871`!\xac&lt;I\xf7\xe7\xf2\xea\xe1Y\xc9k\xe7x\x9b]\xf0\xf9\xae\xa3e+0\x00T\x87\xd6KE\x12\x8c\xe1\x10\x1f\xfe\xed\xcb\xe1\xa3\xca\xcf\xf8~w\x0c\xde%\x169\x84.\xbf\xb2\xd7\x87\xca,\xaf\x99c\x1c\x93H\xe8P\xdbB\xc9\xfc`\x00h\xc4Y\xf3\xc3*\x0e\xf3\x7f\x8b}\x9b^\xf9\x97!\x1a\xd0\xc0\xa7\xdc\xaf\xc6\xab\x98I\x11\xfa\xc8\xf9\xcf\\\xae\x8f\xd6k%\xfc\xb9\x02\x83._\xa9\n\x99\xbcx\xa0\x12T\xed\x94\xf2\xac\xd8\x8b\xe1\xa8\xb93\xcb\xa2\x00\xebE\xeb\xeb\x92{\xdeV\x8b\x87,Vc\x06\xd0\x819\xe6\x96b\xbb\x85\xd0@P\x0f\xa9h\x9c\x1b\x99\xb4\xf6\x98\xda/\xcdLJo\x1b\x9d\x8e\xca\x10g\xca\x97\x17^\x99\xda\xee\x83vt\xdcs\x1d\x1fK\x9di#\x8d\xb4\xb2\x1c\xf6\xbe\xfc+E\xf4\xc3\xad\xf2\xdd?\x93\xd9&amp;G\x16\xb8\xa4=\xed9\xcaL\x81E\x18\x00D3\xab\xae\xb3Y\x13\xa5\x88~ [\x86";T\xc0p\x03\x80]Se\xeb\xc0&lt;*\xbdU\xe0Hu\x98\x04\xa69@:\xd9g\xc4\x18\xa3\xb7%\t\xe6\xc5\xa0\xa3\x925\x91\x8e\xad\x8a\xccJ\x83\xb33*!\xf6\xdd\xd5(\xacu\xb5\x94\xcbZgJ]sb\x8f\xe0\xb3k\x94\x10^\xe8-\x00\xd8\xa1\xe0\x87[\xc3\x7f\x9d\x98JeN\xeb\xd2\xdb\x15\xc1\x19Tl\xb5\xe3\xd8\xa2\x96u\xcf\x8b\x07c\xc5\x88\xb8\x81\xba\x9e5\\\xd6l\xf5\xf6\xf3!\xbb\xc4t\xb8E\x9b\x13,\x02\xd7\x82&gt;\'\xeb-:\xcc\x82m\xea\xe9t\x9f\xf0D:\t2\xde\x9a\xb0\xc4|\xb5&lt;\x9br&lt;,\xa2\x0f\x7f\xd0\x87\x7f\xc6\xa7IJ\xfd\x99\x88\xe7+m\xba5Z\xe8m\xe8\xbe\x1a*\xad\xf5\xb9\x98\xb3T\x1dY\xb7]\x14\xe8K\xa5\x88\x81\x90\xecn\t\x87 "\xdcS\xf3\xe4\x8d\xcfkG\x1bn\x1e\xe3\xbb\xbf\xa8\x01\x83\x06+\x1c\xfb\xee\xfd\xe0\x92:\x95\x0b\xdb\x91\x0b\xc1\x0c\x80\x1dRJ\xa9_\xcb\x7f\x7f?#\xd3D\xb1\xc7\xea&gt;\x8c\xc2F\x1e\x98\n\xf8\xbaR+n\x803qw\x1c\xe4\xb7\x8f\xfby\x9e\x1d`\xee\nD\xc2\xae9\xcf\xb8&gt;D\n\xf4\xea\xf5\x9fzG\x0cl\xa4\xc81\x08\xa8\xae\x96&lt;|\x11\x98{\x06\xb9\xce\xbe\xa32\x1e\xdfM\xbb\xc4\x1c?\xe2\xdc\xf4rt\x0b7\xfb^\xb7\x0ey6\x93\x10\xd1h3\xad\x8e$USI?\x9a\xbb\x0fF\xf2\xe8\x10P\xd2Z\xd6\xd5^\xe0\xec\x05T9.\xea\x02\xe3^\xf5*\xdd\xeak&lt;\xbf\xbb\xd8\xf1\xb2\x8e&gt;\x85\x19\xda5\xb1\xee\x07\xfftN\xab\rqO\x91X*u\x12Y}\x0f\x08g\x8d\xed\x9c\xf4\xc61\x9a\xa96\xf4\xf69\xae\xf3,Q\xc2t:\xac\x14\x03}\xc8\xb5\xbc\x01Q\x19KA\x16\xebo\xa2_d\x11`P\x18K\x7f\xee_\xf7\xcf\xb3e\x0e@\x84\xad\xc9\x1f\x00"\x1eM\xd5\xe7l\xed\'\xfa\x04\xbb\xe9\xbc\xfaSzj\xfe\x01`\xf9\x15\xafQ\xb6\x1f\xcb\x1e\x14\xc5\x0e\xa5\r\xe0-\xbb\xdb\xbf"\x1e~p\xdd\'3\xe4\xcc\x94\xda\x06\xef\x02\xf7\x14\x92{\xea\xf2\xe6I\xa5\xd4C\xa2\xc1\x81e\x00\xa7\xd2RR\xdb_\xda\xebSk\x15\xa1\x0f\xe6\xf9\xbb\xbd\xa1\xcaiA\t{=\x1b+|\t\x91\xf5\x9c\x9dx\xd4\xd6\xdej\x02\xcc\xc7\x90\x8b\xc0Z\xebm\xb7}\x9b\xfc.\x9dLG\xc9\xae6\x16&gt;\xd0!\xe1\xbe\x94\xde\xf8\xfa\x9e\xef*$\x8e%7#\xb4\xdb\xa6\tBrb\x0f\x93~\x81\x95R\x02\x06\xa7\x96\xdc6\xb4\xb9\xfc\x19\xd6?\x92\xa1\x17\x81\x1bY\xd5\xa5\x0b\xf2\xa5\xf7^\xbe\xa4\x86\xe4vQ4u\x0e\x7f~\xf4\xfc\x1b+\xd3P\xd6\xed\r\xc7\xdf\xb7\xc2Y\x8e\x03{%\xccz\x82M\xa6\xf5\xbf\x1e\xb12\xc8\xf0\x9c\xb0\xe4\xfe\\$_\xdaw^N\x14\xc2\x10"\x11\xfdy\xaf\x9cfq~D\x8c\xdct$\xf6u\'&gt;n\xb6*\xbd\xa9\x82\xacL\x0c\xdaR`\x18"\xbbP\x17E\xa4S\xa7}\x1a\x91\xe5~`\xed\x98"\xa7\xed p\x16H\x05\xeb\x15Y\x13\x9d\xc8\xe7A\x03\x86\x0e\x01]r\xab=]\xa6\x88W\x99V\xd5\xf5\xb4XJu#\x12\x95\xfe\xc4\x13\xf8\xab#\xca\xbe3n\xc1t$\xd9\xfa\x98\xbdX\xf6\xcd&gt;7\xa9m\x17\xc2\x15J\x05b\x98m\x00\xd0\xd5B\x80,]N{c\x94W\xdb%\xed\xe0@A\xa6\xd2\xba\x12\xbd\xbb\xb7\x04\x1dY\xa24D\xff\xf4\xfa\x91&lt;\xfdm\x16\xfb&gt;+\xa3\xb3\xb4r\xa5oW\xf7\xbb\xc5d\x01*1\xb1\xb3\xc5L\xfc=\x94\xa7\x17o\xb6%x\xf7\xa5x\xbaY\xee\xd7H\xe4\xac\x89\xd9{7\xcf&gt;\xaf\x1c9\xf3\x88\xd1\x90\xc5\xfc/?\x97\x94\xf7\xaa&amp;G\x81\x02w\xacFo\xe5\x14\xa5\xdb\x832\xdb\x0c\xa0\x1e%\xd6_\x85\xdd\xf0\xc8oUg\xb9E\xa9=\xa4\xaa\xf3e.:\xbd\xba]\xb9*U\x17\xe17\xcf\xfe&amp;q\xae\x1de\xe6\xb2X\t\xf6\x8f\xec\x05m\x13\x11\nW\xb5\xd6?r\x91\xd41\\t\x99\x02f\t,\x0cy\x0e`\x14\xc8\xfd\xd7Eo\xf5\xb9\x8e\xf1\xf3eFh3c\xcd\x82\t\xd6\xd6L\xaa\x97\xa5\xedw\x9b|{\x9d\xf0b\x1b\x03\x98\xd2a\x80\xf6c9\x91\x02\x05n\xd8\xa6\xebc7\x80\x1d\xcc\x00\xf2\x89Zj\x0e_e\x1eg\xdc\xed\xd3@\xf5\x06\x83\x8e.\x95\xd6\xcc\x91\x0c\xb7,V\xd4\xc5\xcc@\x98m\xa7\x0cS\xdc\x93c\x9dg\xafI\xd8\xef\xdc\xa6\xf0\x9b22\x00\x16\x18\x002Y]\xe5[\xbby\x17\xdd\x8e\xec\'\xfb3-\x9c\xbe\x96\xd7lp\x8e:d\x19z\xdaZ\x878b\xeeW\xd9\xfd\x85\xdbgx\xb3|\x06\xf1\x83\xc7\xff\xab-\xca\xec\xc0o\xc9\'\x1c*\x89_\xcb\x92@\x03i\x9d\x95^s~\x89\xf5s\x0c{\x8b\xd0\xc9!e\xcb&amp;\x98\x9d\xfc\xb6f\'{\x7fDq\xbeX\x04.\x053\x80|\xde\xb9]&lt;2:\r6\x9e[\x07\x9d\xd6\x7f\xeauSlI\xaa.\xb69\xb0\xbd\xc8Jf\xe2\x9c\xec3\xedQ\xafB?\xb3\xb6y\x99\xa7\x06\xbb\xb8\x03\x81\xfd\x8b\x96\xc5L\x90\xab\xcb\x86Hvg\xf9\x99\xeep\xafUe%\xa0\xc2\x0b\xf5v\t\xa8\xf2\xaf\x03\xdd\xa5H[\x9b\xe9\xed\x95Gi\xac\x9ai\x06\x10\xd9r\xf7Q\xfb\xe5\xb18\x87\xf7*Xy\xda\xff\xc3&amp;X\r2O\x18\\\xfd\xbep\xae`Q\x92N{\xba[\xff\xf5\x9f/\xb1\x1d\xfd;\'\x13h\x14Q\xa63p\x9c\xd8\xa8\xd6\xb2H\xb4\xdc \xd6X&lt;\xd0\x8d\xb3m9\xebt\xa1-\xa6\x13\x11\xaf\xb0\xedR\xcf~\x9fQ\x80\xa2\xda3\x92\x14\xca1\x05\xdf\x1fqh6Y\xdb\x82\xd8i\x9c\x93\xbbJ\xbe\xa3\xde\xfaS\xbb\xae\x8a\xe5/\xff}dW\x03\x14Q\xbb\xbd\xb3\x06\x80"]\x94\xa6\xc4\xd2\xe4\x19\x02o\xf3\x07F\xd3\xcd\xc7e6cd]\xa9\xdb\xa0\t\xe9\x17\xea\xe7\x11\xc8\x1d\x03\x00\x88\xc7V\x13\xdbgw\x14(k\x000o}_\xf01\x7fj\x8d\x95\xf8\xb6\\\x81\x07\x02\xbf\xe7\x14q@\xf2\x8cQ\xfc\x0b\xf5jxh\x0b\x8a\x01\x00\xc4bk\n\x05\xddv\xa2?\xbc\xfc\xda\xf9k`N\x1a\xd9\xff\xaf\xfdAqJ\x1c\x18\x00\x9c:\x11\xdb\t\x9b\xc9\x94\xa0\x00\x05Y\xe4\xbe\n\x00\xb8\xb2h\xd7\x0f\x93;i\xf0\xf4p:\xf1\x8f\xf9\x04\x16\xc8\x95\xa1\xebn\x9e\xae\xc6\xe6v\x02\x98Y`\xa3\xec\xc6\x18\x0f~_o\x01\x00X)\xec3\xa4\xfc;\x0e\xdc\x11\xa0$\x0f\xf1\\\x95\x91\xb1\xe0\x9e\x1a\xceJ\xe7\xebzX\xc96\x9b\xc1:n9\x03\x80\x996\xaa|\x88\xff\xd0\xf7f\xa6pa\xe1\xc9v\x00\xd13\xcb\xf0\x8d.\x89)\xac\xb7\x9b\x85\xa2Xy\xb2UeS\xa1\xe5gr\xbc\rG\xb7\x18\x8b`R\x96Y-`6\x9c\xfe7\x84\xd6\x85]\xfcs (2\xc1\n\x92\x16!D*[\x86\xb3H\x01\xf9\x88\x88\xdeUK\xaax\x92\xea\xd0\x14\xcfV\x9e\xb3.\x9d\xfe\xf9m|S\xae4\xd5\x05 \x93A\xd5\xebn\xc58\xa7\x0b-O~4\xee\xc9t\x913\x91l\x016+\xf9\x97\x03"\n\x91=y\x008\x1a}\xe5\x1d\xf6\x9c\x01\xe0\xf6\x1e\xbbD\x01\x84[\x7f\xe1\xe2\x81(\xbcM(\xbf]\xc3=\x84*\xfbPv\x82\x1d\xe7\xe9\xd4p\xbf\xa07\x9b%w\x99\x86\xa0D*:\xf1\xe9\x8b\x04+\x15{\xcd\xf5\xfd\xb5\x12\xe7J\xa7\xbc\x86Y$\x01\x8f\xe3\xd6\xb8W\x1d\x00\xce\x19\xd5K?\x94o\xdb\xec.\xc5\x10\xd3\x93#\xa5\xa0;\xc3M\x7f\xdb\xa3?\xa6\x90\xa9\x85\xcd\xae\x9f=\xeb\xc4\xb7n\x1e\xe0H\x81\xa5\xc5\x85\xa8\r/\x82\xae\xefx2K\x97]~\xaez\xa7\xca\xa2\xc4\xcd\xaemi\x9c]\x0cKUw\x17i\xb7&amp;&gt;Qh\x930R1l\xdb\xe4&lt;\x96\xda\x04\xde\xe7\x17y((I\xf8\xaf\xca\x94\xc5\xf9\x1ct}\x1btnq"R\xbf\xae\xd5g\xf6W\x83\xee\xccs\x19\\3jDQ\xf4\xf1cUs \xd3c\xd2\xf5\x87\xd8\xb4\x82\x07\x1f\x8e\xfd\xc2b\xf1\x17\x87\xe2\x9e\xdf\xbfL\xe7\xe1\x17\xcd\xd7=\xaf_&gt;\xff\xb9\xbe\x92\x9c\xbf\x9d\xa9\xb5\xd6\xaf\x11\xf3A\xcd\xae\xa0\n\x92Y\xa6\xb9y\x1f[\xefn\xdf[\x8aq\xeb\x12ZO\xce\xd3\x19\x8f\xd6\xff\xb2\xe8\x87\xc7\xb4\xd6\xc5\xbep|m\xcbAH\xa7x2\x98\x01\xa4A\xe6?Io\xf5Zw\xbd\n\x857\x96\xe3\x8e\xa9,\xc01\xc2A\xf4\xb9\xf7\xaf,v\xb0\x96@R\xb8]\xcc\xa8\x98u\xc3%\xf1\xb1\x98^\xeb\x98\t\x87no_l\xe9\xectq\xaf\xce\x99\xce\xe4\xddG\x12\x13\xb8?\xcf\x00\x18\xf2\x1d\xcd\xa1\xa6V\x8b1\xc3\xd5L30\x03H\xc0\xd9V\x9d\xf4n\xfb\xf8\xfe\xba\x8a\x18}\x06\x8a\x91c\x10\xa4I\x96\r\xb9\x8d\xf2\xdb\xdf\xa5\xbc|\xc6\xfez%\x8bX=t\x8c\x85\xaa[\x93\xcb7}\x89\xda9\xc6\x0e\x06\x80\x04\xce\xabI\x92\xf1\xabl\x135\xf6\xd6Q\xed#\x08\r;\xe8\xa5S\xef\x84\xff\xc3\xba2\xdf\xb2\x7f\x12\xffQ)\xd5":Z\xf7\xbb\xd0\xa3\xf3Bo\x01\x06C+E\xcb\x7f\xa2i6\xcf\xbd\x16`\x1f\xb6j\x0b\xe2n\xb6\xb3~Ui\xf84\xb9,?5\xa8j\xad\x953\x06\xecV\x8cHiMj$G\xa1\x0b\xa4\x94\xa2\xcf[~\xae\xeaWi\xed\xce\xd5\xed(\xae\xbd\xf2~\xb9\xf3\tM\t\xf20Gr\xea\xa5\x1fH\xbc\xd7\xd4\x95|T\xccN\xc0~\xd3/Z$\xa1\x7f\xbb\x14\xf5\\\xe49\xc3\x07\xc5\xb4:\x16\xbe7\xc7\x0b\xdb?\xbf\xb9I\xd6\xf2\xc1\xe0\xe6\x87\xc5m\xaf\xea\xfb\x07\xce\xfel\x0f\xa8\xa5\x8b\x85\x0f\x10]}\xd4&gt;[n\xc7\xf6-\x07\x88\xea\xd6\x83\x18\'\xed\xb6Q\x02/\x8a)\xc4\x84\xa0z\xaf\xc0\x1a\x80R\'Od\xe9\xc5\xa9n%\xd1kO\xbenO\x9d\xcbVx"\xebZa\xf3\xcb_\x8b8s\x7fzk\xe9uU\xfb\x9e\xa8 zIL\x9f}\x1e\xd3}btK3\xf9$\xe9\x08\x18\x81\x8c\xc0\xc59\xdaQ;\xfeR)\xbcr\x15\xb7\xb9\xbf\x95\xe5\xab\xac\xf8\x0f\xb7T\x85\xc8\x94\xabnpL\\q\x81800\xb2\xe1\\9\xd2\xe0z\x1f\x92\xb7\xbb\x99*\x179\x1b\xb1\x82-\xb0/`\x0b\xd4\r \x10\x84\x80\xf8\xf0\x06\x92jR\xb8\x890F\xbe\xd42\x98\xad\x8d-\xfd\xed\xf0J8K\x16\xefcI\xe5\x06\xb6\xda\x82\xf5\x07\xa05K\xe4\xfc7\xce\xbf\xaf\x9bi~\xf2\x8b\xc0\x8c\xc2\x1c\x13\xcf\x1c\x02r^\t\x8b\xa1\x94R\xea[\xf3Rn5\x8a1f$3\xd8\x05d\x02\x1f\x81\x01;\xda\xa3\xf8&lt;\xaf\x98\xad8\x93\xf9z\xa6&amp;\xd9\xea\xb0,\xb5\xbc\xd7SK\xc1\x1b\x9ej\x13\xec*\xbc\xba.3\xd3\xb9\xb4]\x02\x08\x01qpu\xe7Z\xa1\'\x16\xf16\xfbQRR\x8a\xe8\xaf\xf2\xae\xe5F&amp;\xb2l\xa1WZ3\xda\x96\xc2\xca\xb9\xaa\xdep\xc5\xe8\xe3\x8bq\xb5\xc8\xbf\x9b\xa9\xea$\xa0\x83\xf5o\x9e\xe3\x13\xc0I\xe0\xfad]\x87fzoKW+{\x1b{(\xcd-\xdd\xdb\x04\x97C\x9bZ)\x8a\xcb9Z\xda\xce\x0ecD\xc1\xeb\x1e\x16\x89O\x7f9:R\xd5\xc3\xce\xd6g\xad\x14\x9d\xcf\xf5\x8220\x03\xe0\xc76K\xfb\x7f\x93R\xf8:\xfb\x1f=4\x9e\xc3\x06|\xf7b\x80~\xe6\xf0\xcbpa\xf4\xf9\x9a\x85t\x9c,j\x98\xb3\xa9\xa3\x10u\xf5\xad\xa4\xe2t\xb3OY4\xc8C\x06\x13\xeb1\x0f\x14q\x86pwEW\'\xb6TI\x0f\x93\xf7\x86\xc6\xe6\xecSo\xe1\xec"!l?4\xa6&gt;\x93\x92]p\xee \x9a\xda@\xdf`N\x80\x1bF\xaf\x8d\xf6\r\xeal\xe9\x9e\x18\xcc\x00B\xa4FQu\x9dP\xae\xff\xd7\xbc\xb9\xac\xb8\xb2o\xff.\xca\xcd\x89\xa4\x97//\x9c\xdfw\x86\xcc\xfc\xa4\xc7\xe7P\xfa\xf1o\x1b\xa5\xca\x17jyi6\xd5\xe8\x0e\x06\x80\x10IK\xac\xad\xaf\xfb\xaf\x91\xe6~ih\xf2\xbe\x97t\xa3N\x9e\x9f\x96\x7f\xc6$e\xeeR&gt;\xad\xb5\xce\xdaqs\x86\xcd\xf1#\xe6\x0f1\xc4\xbd\xc0\x00\xc0@\xcc8\x91\xd4w+\xae\nFd\xed\xc9\xfdv\x19s{7A\x94\xabOe]&lt;\xee\x04|\xcc\xcb\xab\xb3\xf6\x0c3\x11Y\xc3\xe7\xf9V5\x89Z\xc0\xbe\xd5\r\x180\x00\xf0p\xdf\xcdN*|\xd7-wo\xbcD07\xc7t[\x10\xd9\xf9\x92m\x13\x11m\xe6\xfe\x10\xb4P\xfb\xdf\xe3-\x97v\xad^\xe4{\xd2\xa9\xb1/\x0b\x00\x03T\x8a\x01{\xd9\x8d\xf1\xec\x0f\xfbmB\xa3\x9c\xa3)\xb7z\xa3\x94\xb4*\x18&lt;\xc0-\x98\x01\xb0\x90zo\xe8\xfaC\xb8[\xda\x7f\x93?\x8b\xcf\x9a]\x006\xceG\xf7\x8cv\x95[\x7f\xf9\xea\x07\xf2\x18u\x00\x90\xa5\x8f\x89\x1dL\xeb\x9b\xb0&amp;\xfd\xcb\xad\xcb\x9d\xbf\xb0X@\xddX\xaa/\x0e\x9f\'2\xa3\xe5\x1a\x8e\xbc6\xbe\xd2\r\xae\x16\x7f`C\x00\xd1\xcc\xed\x92dm\xaa\xd9\xde%\xfe\xd11F\x92\xf3\x13s\xdcJ\xd6L~Z\xdb=\xf7\xf5\n\xed\xfe\x10FW\xd1\x12F\x9d\x01h\xad\'n5{!4\xfd\xed*\xb1\x98\xfb[\x89\xd8\xb3\xacI\xa08d\xa1T\xbbS\x05z]\xca\xce}]\x0f\xd6\x04\xa2\x98\xd7\x96\xdc0\xf0]@\x98\x95zI\xbc\xf8\xa5\xfaq\xc7\x96\xd1\x83\xa4{f\xc8:\xb3m/\x1a/\x1f3Pj5\xa8\xd0\xb2\xb1X\x9a.i\xf7\xc4\x93\x03\\\xa3\xce\x00\x9eC\xc5\xf9i\xfc&amp;\xcb\xacPr\xfb\xed\xdb1\x99\x11}\xd9^\xee\xab\x1ax\xf6\xbe\xf3\xc1cw&lt;3`z\xc6\xb4\xe0\xc1j.\x9bs\xf7\xaba\x93\xba\xdc\xea\xde\x17\xa7bG\xb4\xf4\x91w\xe3d\xef\x85\x8d\xd9\xa3\xdc\x91\xb0\xd2r\xdd\xa3\xf5\x90\xae\x81\x19\x80P\xce\xaa\xfb\xc1\x1a\xb9THs,\xaa\xfa\xb95\x12\xa7\xf3eo\xcdeh\x93\xf8\x9e\x8b\xb3\'b\xfb\xc7E\xeez\xa7 St\r \x82\xc1\xe7\xe3\x9d\xf9\x9e\xd3o\xc8!.\x1d\xe7\xc1\xf8\xb7\xd8\x1b.)\xcd\x82\xbdd\xb2T\xce\x96G\x9al\x00T\xe4\x0b/vXv\x10e\x1ch\xbb|\xe9l,\xd2\x8d\xff\xf2\xd6[M\xb2\xd1\xaf\x88\x18\xb93\x0f\x16\xbc\x85Y\x8cr\xec\x01 \xfe\x95\xd4\xe2?$\xf4o\xc0DgH\x1e\x12\xa0\xcc\xc3\xbe_\xc8\x1b\x07\xcf\x8eq\'\xbd\x98\x1d\x82\x8f\x15\xc6\xa7\x03\xce\xf2@^I\xcf\x174\x8d\x88\xf0\x95\x0c!`\r@\x16\xb1.Ko\xbf\xd2 E\x0e\x0b}0^\x9e\xce\xaf\xb7\xa3\xd8\xd9Y\xc44S\xf5\xfd\xb5\x17\xb9VL|(\xcc\xa6\xde\xde\x82\x00\x10Gdt:|N\xb8q\xcc\xa1{\x88\xa3\x1e\xdeJ\x96P^\xaf\x0cD\xa7\x85\nb\x08\x97W*\xeeU\xaa\xbcA\xb3\xfeM%\x9eyf\x00\x12z&amp;/\x97%\n\x16\x14.\x8f\xcaU\x06{\xe8\xbdJ!=j\x94!\xc8\r~\x19\xac\xdfm\xa5(\xcd\xfb\x8b\xb7\xc4\n\xd3q\xa0\x92+/R@O\xb8e\xf8*"+\xda;\xba\xed;\xf54\x7f\x81\xcc&gt;\xc0.\xe5\xe5\xaa\xe7s\x88\x9c1h\x9e\x97\x94\xd7\xd2\x15E\x8a\xd4\xdaZ\x8d[\x8a\x88\x96&lt;\xfbv\n"\xff\xf7\xb1\x03\xad\xb3\xa8\xf6\xe0\xfdx$\x06\xbe\nb\xc1\xb93\x99]\xdd[.\xb7:\x9f4\t\x7f)\xa0\x0b\xc6;.\xac\xe7P\x80\x8b\xf5\xab\xf1%I\x95\x8b\xa1\x95\xeab\x80\x85xBa1\xbc=K+\xce\xfe\x86\xbd\x12\xb7\x0c\x1c\x02\xf2\xc5\xcay\x9c\xc7\x95\xcfQTp\xc9}\xa1\x91\x0ew\xe1i&gt;\x92\xb7\x1f\xee\x83\xcbTk\x00\x00 \x00IDAT\xd9\x7f\xc7s}qd\x15\xd9*d^I\xad\xde@\xe4:\xeev\x8a(e\x89\x8f\x8f\xb3D\xff\xebq\xdb6?\xbf\xfd`G\xe4r\x8a#\xb8\x12@)v\xd3\x86\xd7ES\x93\x8d\\\x8c}&amp;,u\xe2\xad\xdf.\xb5\xcdX\x9c/e\x11(\x90Kt\xe4| \xd5\xbd\x15\xb2h\x00\x00O\x80,\x97\x87]GnS\x8c\xcfs\x82\x1b\xdb\xff^\x8d\x01\xe0\x1d,\xa2\xe5J\xc2\xb4}@\x94\x85\n\xd8\x7f\xd3Y*\xe5\x9b\xfa\xbc\x9cJ{&amp;3\x84\x11\x94\xb5\xda\xa6\xac\xc8#\xf5X\x7f\x0b M\x9e\x0cR\xd7\x9f\x03E\xde{\xbe\x80\x1a!\xa6U\r\x01EY\t\x94(O\xd4J\xf1t\x84\xe9\xfb2\xf0\x1a\x80M\xd5C1\x85\x18\x0fGk=\xbc\xb6\xa7\x88\x1f\xeb\xdc\t\xf0\x01\x19\xd6{\x85\xad\xca\x88\x12\xe6\n*Xc\x03,L2\x00x\xd12\xba\x81-\x81\x00q\x8aH\x12\x7f\xad\xfc\xd1\xcb&lt;\x1dy\x9d\x02\xad8%3\x0f\x00 \x9b\xc5-+\x8f\xcf\x06\xbc\xe2\xfd/]G\x08\xef&gt;\x93a\x96Ps\x91\xe0\x18)\xa5\xfe\x8f\x0c1\x9e\xccT\rP\x1e\xc9\x9d\x98\xe0\xc1\x82\xf3\xc3\xbb\xf5\xf3\\.6Q-\x9b\x80\xb8\x1d\x19w\x8c\xffD\xc5\x05\xe0\xc0T3\x80q;j\x03\x8f3P7\x9f\xe5y8T\x93\xa3\xd6\xb2\x0f{\xef\xff\xa1\x8e\xf6\x7fJ,\xee\xcc\xd3\x13\x00\xc0\x99\xef\xaav\xdf\xd1U\xb2\xde\xdf\x0fjzf\x0f\xea\xf4\xa7A\xf5\xdef\xc0x\x1e\x08\x00Y\x98\xcd\xddP\xef6\xd0\x17\x04\xff\x8aV8"\xc4\xf2\n\x11\x03\x00~\xc8\xec\xc3\x075A=\xe7a\x1f\xea\xee)\x07x\x0e\xd04\xc0\xc5~1\xd1\x1b\x15\xd1\xb7C\xb3\x92\xb0\xaf\x9f\xa6\xaf\xe0H\x10\xbe&lt;\x083\x87\x8ap\xddF\xb0\'h\xb66*E\xf4.\xc6\x94\'\xc6\x0e\x1f\x9b[*z\x0b5\x00\xe1:\x8a\xafA\tu\x8dv\x1f\x89O\xce2\x00\xa8\n\x03\xc0\xfaC\x9d\xc9\xf8\x0c5~\x82\xac\xdeOD\xb0\x05\xa9\x9ck\xeaX\xa5\xaf\xef S\n\xcflt\x89[\xdc\x80\xe4\xed\xf6\xa6{\x88\x94.\x87@\x87\x1f\xba\x8cy\xc7b\x18/\xe79W\xac\xe4\xfa\xf4\xde\'6=\xc3\x7f\x10ff\x92\xcen5!\xc99\xb2\x8fV\x81\xc6\xd0\xbf\xc8~\x93M\xeb\xbc\xa7\xea\xc4\xb2\x1c\x06\xe9-Ek\x1eW`QxM\xa4pO$f\x06p}\x90X%]&amp;\xda\x86\x93\x85\xd2&amp;\x9e\x11*\xa3R\xf3}\xbc\xd0n\\\xdc\xd3\xf9\x04\xa6:\t\x1c@\xa6\x13\xe21\xfd\xa3\xb0\xdd\x9dp\xf7\x94\xc7\xfa+a^\xa1\xd3\nZ+\xf5\xa3\xf7\xa6OO\xe7/\xd2\xf2\t_a\xd7\x9a\x02p\x8f(\x83\x92\xcdR\x867\xdc\xedF\xe8\xbbTEG\xb2_\x94\xdcd\xf2%\xac\xc14E\xce\xd8\xfb0G\xc13x\xca\x0c \x89\x92\x9eP\xf2\xee\xe2w\xfd\xdcU\xcay\x89\xb2b\x17\xed\x7f\'Fx]\xbf\xf2\x7f\x05\xbf\x18~J\xb6C\xf1\xe1\x08_`\x1f\xf8\x92\xa0\x96\x0bf\xfb\x96\x90{\xe0\x87`\xc2E\xe0\xf2m*K\x004#\x06\xca\xdc\x1b\xb68\xec\xde\xcbz\xdf\x9cl\xff\xf3\xb36C\x10\xbf\xdb$\xfc\x98\x93\xbe\x93\xac^\x7f\xa9\x94\xa2\xe5\xf2\xcez\x9d\xfc\xb9\x11\xf0_\x8f+4\x11\t\xfb\x06\xce"Q\xf6\xebr\n\xd2\x98yf\x00\xb4\x1d\xe1I{\xeb\xe2\xf7:\xf8\xd7\xdb\xf4\n\x07\x02\x13\x88\xd5\xf6?7\x1d]\xee\xad\xec\xa0\xb2\xa7\x1c{t\x9b\xbd\x95\x9dJvZ\xbe\xa4\t\xecu\xf8\xfb\x87g\t\x17i\xad\xd5k2\xa7\xb0\xf5J\x1f)\xcc\xd2!x\xc7$\xa2\xb7p%\x05\xaac\x06\x80\xa4\x00.\xb1\xea\xae}\x86(\xe7u\xfa\x01&gt;Y\xaa\xb0\x15\xb0Z\xfaq\x8b\x1f\xde6v\'\x10\xd6\x0f9\x16\x8d~0U\xe6^\x83@j\xc61\x95\x1c\x93BJ\x9e\xc1\xd4\xee2\x8a\xcf,\xfb{\xf7\xde,\xec\xdfM2\xc8?\x81\xa4\x96\xaa\xda\xae\xd0\x18v&lt;c\x80\xf5\x19\xaf\x8bW\xaa_\x18\xd5\x7f\x00H\x1d\x03\xae\x87\x8d\x98\xf1\xd2dH?\x9b\x92\xabRJ\xa9\xbf\xe5\xcb\xf1&amp;\xbb\x88d\x17y&gt;\x10\xdd\xe9\xf6"\\\x0f\xe0\xc7\x01@\xc4"\x1c\xe0\xa4o\xbf\x95\x86\xb7*\xc4\xea}\xfc\x000=\x8c:L\xd1\xa9\x19\xeb\xc9\x92\xef\x950\xde\x9f\x03\xf2$$n\x06\x80\xdb)QR\xba` 0\x00\xd8\xfc\r\xef\xde\x1b\xd4\xcf\x93h\xdf#z\xf5@;_\xe87\xd8!\xfa\x0f\xbdE\xe8\x06\x8c}w\x96&amp;`\xb1\x8a\x19)T\xb2\xc6\xe1p\x13|\x8c\x8e&lt;t\xf3S\x00z\xf6\x97\xe5I\xf0=tO\xc0\xb6\x85\x85\x8d@2\xeeb2%\xf2JR"\xa4\x90\x02\x02\xd0\x13^\xf7i\xd9G1D&lt;T\x940^\x88\x88\xbe\xbf[\x18MB\x84\xf3j}\x951\xfd:\t?\x05\x0c\x9e\xc0%\xe0X\xc9\x99\x1e\xed=_\x80@^\'\xd7&gt;L\x90s-3GU\xd3z`\xab0\x99B\x01*J\x10\x9e^\x80G \xd0\x07\xe8\xeey\x15"\x7fw\rQm\xe72\rv9\xe4\x14M2\xb6\x0e\xa0\xba2\x18\xfe$0m1\x8b\xde\x82L\x8b|\xdfJB\xeb\xb3\x9f\xcc\x16u\xd1\x82@l\xdf\xdfTT\xa1"x\xfd\x1e\t\xdaU\x8f\xe1\x07\x00\x83\xf0v"\xa5\x88\xbe\xa3]v\xcf\x1a\x13a(\x9f\xc2\xa2\xd8\x9b\xcb\xefx\'\xdar\x08\xf3\xb5\xff&lt;\xa5xT_\x1a\x0c:\xc2\x98 G"\xc9\xc92\x96"\xf3\xc5h1Z\xf6\x89\xf3\x11M\xf4\xc9J\xd85+\xb3\x8a\xaf:\xbc\xfd\xab\xa2\x01\xe0E7\xb24\xb1\xb2\xcd3\x03\x10\xc5\xe6\x98\xd8z\xa3\xad\xffV\xc1\xd6\xd4\xfc\x9bP\xed\x04\x03y\xa9\xe2\xf9v\x12n^\xa1\x8f\x91M\xdc]\x1ba*\xd0\xb8\xc0_\xdbM\x16\x07\xcfI\xc5\xe3/\x16\xc5\x0fl9\xbdE\x7f\xd2$\xb5|&amp;\x12\xb18\xd9\xb4\x99\x01\x10\xfd\xee\xa4\xf4\xc3\x12]\xfd\xa1\xa4\x14\x8c\x95\x10\x95]\x9bl\x12\x19n\x008Mn\xfa\x88\xe1\xc5\xf6\x82S_\xa9%\xd2\x9b=\xee\xb9\xf5\xf3\x8dl\xf5\x04\x03\x93p\xa5\xc1\xa9\x9a\xdd\xd8\x1co\x99\xb6\xccM"\xd9\x15 d\xe0\xa8\'\x05\xa5[\xc0t\x9do1\x00\xbf\xf3\x90\xa3\xdb\xcb$4"\x98\n\xca\xd2\xec.\x03\xc0\xd3x\xcff\xd4\nk\x99\xe8u\\-\xd5\xac\xbd\x17\xe5\x8a\x97:C\x1fw\xe7:\xfe\x95\xb6\x8e6zY!\x88m\xdds&gt;\xd1CN\xac\x9cn&gt;\xd5Eb\xceO5\x83\xb2t+\xe9\xad\xbd\xdbk\xad\x8a\x0f\x1c\xdd6\xa24\xe8\xb4\t\xe6\xf2Iup\x8c\xe3k\x89\xb2j\xb5\xa5\xb6{7\x03\x81x\xb0\x08|\x8f\xa3[vwZ\xbc\x8f\x99\xb4\x8f\xcd\xa5\x8a\xdb\xef\xb4\xcd\xae\x94]\xa1\xa5YgQ\xd2\x88\xd6\xa2iK\xe1\xe3\xac?\x91"\xfa&amp;\xfbsr\xe9$\x95\xaa\xa55\xd6\xd6\t\x0c{\xf2\x81)A$\x13\x99\xae\xca\x18o\xc8q\x15\xa7\xf1\xee\x1d\xe3\xc5\xf2]\xdc+/\xf5l(\x0b\x9d\xf7\xc5F\xe9\xed;\xf51\xa99o\xe5f}H!\xde+o\xcfR\xe3I\xb2-U$\xb5@7\x94k/W"\x92\xc1\x0c \x16\xeb\x93\xbc\xfe\xdfO\xc5\xb2\x01\x8e%)&gt;g\xecjv\xa2\xb5RZ\xabD\'\xf7\x97OOEJz^\x10:\xef\xf6m@\xeaDM\xa7\xcb\xb6|e7\xf1%)H\xd3^\x99\x8c\xda\xba\x80\x1dcM\x0e\xfe,\xab\x83\xec\xcd\xce\xc94\x98\x9a2\xc6\xb6\x97a\xb2\xc5\xeek\x1c\xcb[\x07\x00\xcc\x00\xc0\x01^\x83\x128D\xa3\xd3}v{Z\xd2\xdd3\xebnyq@)\x92\xcf\xef-\x00\x00\t\xb4_\x05%\x8b\xf3\xef\xaf\xdf\xeav\xea\xaa\xe3\xce\xbf\t\xf6\x1d\xbe(\xf5\x10_%\x88&gt;\xad\x94\xfag\x99\xefN^U\xf0 :\x13X\xb1l3\xc7\x0f\xec\x11\\\xfe\xe4\x0f\xe0\\\xbf\xd5\x00D?\x16h\xbd\xff\xac\xe9\x06V\xc9\x0b\xdd^V#\xae\xb5\xa2e\xc30yu\xc7\xdb\x13\xa7\xd74\x84\x80.\xb9\x1d\xfc\xd9\x8e\x0e\xb9~\xf7;\xb8r\x89\xf1U\x0f\xb7)\x1e\x15]\x07T\xdfZ0\xb8\xed\x1e\xecn\x14\xa2\x1f+D-\xad\xff\xaaN\xa3U\xbd\xdeB\x87\xbb\xdcg\xeb\x7f\xfa\'=\xc0\xfa\x8f\x87c\xcf:\xce\xcf\xb8\xe2\x00\xbe\xc0\xcb\xe1O\xa5\x03@\xf4\x93i)\'\x8a\x91\x948\x10\xc8\x04\xb1/pf\xec\xc1m\xd9\x15"y\x84\x8e\xd94r\xb5\xd7\xf8\xbc-\'_\x8c\xd1[\xba\t\xb3\xd6\xd2\xae\x84\xe9\x9ad\x1d\x7f\x81;&lt;!c\x87\x80\x0e\xd3:\x0b\x99~\xca\x95P\xe1.\xc5\xd3\xe5\xe0\xbe\xc5\xc0]?m\xaa\x9b\x82\x19\x1d\x1a=\xa3\x80\xd6N-X\xff\xf9\x18{\x00X\xf0\xda5)\xc6\xce\xee3\x89\xdd\xc7\xe9oE%\xfap\xff\x1d\xeb\x03 \xcf\xc0\xdd\xdeoLD\xf1\'\xbc2,xh\x1d\x08\x00\tx7/\xca1:\xa9\xdb%7\xf1\xdf\xaa\xb6\xa2\x11\x8dcCO|e\x9d\x01\x80\xbd\x89\x1b\\c\xc9\x9e~L%P\xd7]\xb3s\x80\xda\x13\x8a\xb1\x8f\xc7_\xf6o\xb0\xec.G\x16\xecR\xb5\xa1\x8d\xe4\x8c\xadLk\x82\xd5\xab}\xdc6}2c\xf7\xc6;\xc6\x0e\x01m\xdfls~\x19;i\xad\xd4\xac\xd9\xa9\x1e\xd6\x8b\x87\x9dw\x9f#W5\xea\x99\xabz\x88R\xee\xd4/C`\x9b\xde6\xce\xd4\xd6/\x85I+a\xec\x01\xa0\x1c\xdeV]c\xb2\xcb\xa8\x94\x1bo\xada\xfbW/\xe6\xafp\xa7\x9b"\x00kjJ)\x89!\xfb[\x04\x1a\xd3p-:\xfaH\xf4\x85\xe7g\xce\x83\x84\xc0b\x963e\xa1\x9eB\x83\xb8\x90\xf0`k/\xd9jT\x0bcZF\xb66\x81\xb7=\xbb\xba\xf9\xd4\xc2[A\x9e\x01\xa0\x95&lt;m\x18=*;\x0f\xd9m\xb0\xb4\xdfw\xb3\n\xe3\xcd\x02Zr\xe6\xaaN\x18++\xbc\x15\xf2\xe6]"\xfb\xe4gU\xa0$\x00\xf4\xe1\xe13\x80Jx-\xda\xb9\x12\xfc\x9e#\x9f\xabXX\xf3D\xaf2\tr\x9b\xd1^a\x85\x9a\xf2\x06\x1e\x89\xc0\xa3\x19/\x8a\x1a\x8f\x99j\xb7Y|;\x18 \x81\xeb}\xd5\xa0\xe3\xedZ\xa6\x1e\x8e\xb1\xe3\xba\x1f\x96\xa2A\xce\xa9Z\xbb\xd6\xf4\xf2\x9f\x96\x12\xd7n\x050\x1cs.\x02o\xfe`Sg\xfc\xd0\xb5\x1a\xe6\xdc}\xda\xe1,[{ML\x0b\xbbs}\xd3\x86\x1c\xf6\xeb\xc8\xb4\xd2m\xad\xbf\x1aa\x80\xac\x8aw\xad\xc2^\x01\xba|\xb1\xbah\xddx\xa1\xb7\x00\xfctl\xad\x8e\x1dL\x94\x0b\xdcG\x8c\x8b\xab|D\xd4\x88\x85\x906z,\x87\xfbS7\xeb\xdfQ\x9e\xbeL8\x03@\xf7z\x1a[\xc8\xa9\xaf\x14\xd2\xc1\xfa\xf3\x823[\xd5Z\xab?u\xa3:\x13k\xd6\x9cEs\xce\x07O\xefs9\xbd\x1aw76\xfeF\x8a|(\xbd;\xd0\x80W\xffg3\xebE\xb0\xb7L8\x03Pf}mF\xfc\x07\x1a\xfe\xe4\xa9\xb0#\x9f%\xe6\xe0q~n\xd8\xbb\xdf\x95!E+\x9e\xa3@1%\xc5\xe4i*^\xea-@\x06\x81\x9d\xa6\xd6\xfe\xc2a\xd4\x94\xaa\t\xcd^\t\xf2k\xb5R\xd3\x87\xd3|\xc2\xd6gS\xc0)\x8b\xf9\x9c1\xdee\xc4-q\xde\x1d\x96\xeb\x9f\xd4\x16\xf5\x1a\xa7Tn\x8fJ\x91\xfc\xe11.Q\x8c\xdb\x161\x91\x9f\xb9\xa3Cs\x86\x80\x1e\x88\xb9\xb7}\\eM\xbf;i\xdc\xb2V\xa4\xb1C\xbe\x9d\x02\x19\xb3-b\xa6/3:\xfe\x06\x0c\x00\x03\xe3\x99\x80\x0f\xd5\x0fm\xab\x91jA\xc2&amp;\x87\xac\x1f\xa6\x9c\xb9\xdb\xfc#\xa5\x94\xb3\xe8\xd1\xe6F\xee\xbdnG\xad\xe1\xf0\xd5\x8b\xdf\xb4\x15lb\x15\x1a\xc9^\x80\xb0"\x8e\xe8\x85-\x91+v\xc9M|o\xdc\xe8D&lt;\xbd\x82\x99\x19;\x8b\x1aS\xb8\x19l+\xdf\xcc\xbb\xa10\x0380\x98\xc3(R-\xe9\xf8\xf3\xcd\xee\x14\xcbv0\xd6\xbbI\x93\xf7v\xed\xf5|\xf98\nR\x0f\xf9\xd6_1\xf4\x0fR\xea\xe7\x84v3&amp;0\x00\xec8\xa7\x07.\x1fK\xdc\xf6Pqs\x8eHSd\x9d\xb2L\xb8\xf0\x8c\x88\x14}\xa4\x86&lt;\xbc5\xaf\xe5\xd9\x83\xbe\xf6W\xac\xf5?c\xef\xe7!\xfa\x9f\x11j\xa1\x95\xfa\xfd\xe3\x06\xb8@2\xec\xc6\x9a\x8ep\'\xa8\x94\xe5e\x97\xa7\xff\xfaR\xc1\xac\x7f\x8</t>
        </is>
      </c>
      <c r="E366" t="inlineStr">
        <is>
          <t>&lt;class 'numpy.ndarray'&gt;</t>
        </is>
      </c>
    </row>
    <row r="367">
      <c r="A367" s="1" t="n">
        <v>365</v>
      </c>
      <c r="B367" t="inlineStr">
        <is>
          <t>steps_per_sec</t>
        </is>
      </c>
      <c r="C367" t="n">
        <v>5300</v>
      </c>
      <c r="D367" t="inlineStr">
        <is>
          <t>9.956399</t>
        </is>
      </c>
      <c r="E367" t="inlineStr">
        <is>
          <t>&lt;class 'numpy.ndarray'&gt;</t>
        </is>
      </c>
    </row>
    <row r="368">
      <c r="A368" s="1" t="n">
        <v>366</v>
      </c>
      <c r="B368" t="inlineStr">
        <is>
          <t>Loss/object_center</t>
        </is>
      </c>
      <c r="C368" t="n">
        <v>5300</v>
      </c>
      <c r="D368" t="inlineStr">
        <is>
          <t>1.0377532</t>
        </is>
      </c>
      <c r="E368" t="inlineStr">
        <is>
          <t>&lt;class 'numpy.ndarray'&gt;</t>
        </is>
      </c>
    </row>
    <row r="369">
      <c r="A369" s="1" t="n">
        <v>367</v>
      </c>
      <c r="B369" t="inlineStr">
        <is>
          <t>Loss/box/scale</t>
        </is>
      </c>
      <c r="C369" t="n">
        <v>5300</v>
      </c>
      <c r="D369" t="inlineStr">
        <is>
          <t>0.08579898</t>
        </is>
      </c>
      <c r="E369" t="inlineStr">
        <is>
          <t>&lt;class 'numpy.ndarray'&gt;</t>
        </is>
      </c>
    </row>
    <row r="370">
      <c r="A370" s="1" t="n">
        <v>368</v>
      </c>
      <c r="B370" t="inlineStr">
        <is>
          <t>Loss/box/offset</t>
        </is>
      </c>
      <c r="C370" t="n">
        <v>5300</v>
      </c>
      <c r="D370" t="inlineStr">
        <is>
          <t>0.34166375</t>
        </is>
      </c>
      <c r="E370" t="inlineStr">
        <is>
          <t>&lt;class 'numpy.ndarray'&gt;</t>
        </is>
      </c>
    </row>
    <row r="371">
      <c r="A371" s="1" t="n">
        <v>369</v>
      </c>
      <c r="B371" t="inlineStr">
        <is>
          <t>Loss/total_loss</t>
        </is>
      </c>
      <c r="C371" t="n">
        <v>5300</v>
      </c>
      <c r="D371" t="inlineStr">
        <is>
          <t>1.4652159</t>
        </is>
      </c>
      <c r="E371" t="inlineStr">
        <is>
          <t>&lt;class 'numpy.ndarray'&gt;</t>
        </is>
      </c>
    </row>
    <row r="372">
      <c r="A372" s="1" t="n">
        <v>370</v>
      </c>
      <c r="B372" t="inlineStr">
        <is>
          <t>learning_rate</t>
        </is>
      </c>
      <c r="C372" t="n">
        <v>5300</v>
      </c>
      <c r="D372" t="inlineStr">
        <is>
          <t>0.0009999963</t>
        </is>
      </c>
      <c r="E372" t="inlineStr">
        <is>
          <t>&lt;class 'numpy.ndarray'&gt;</t>
        </is>
      </c>
    </row>
    <row r="373">
      <c r="A373" s="1" t="n">
        <v>371</v>
      </c>
      <c r="B373" t="inlineStr">
        <is>
          <t>train_input_images</t>
        </is>
      </c>
      <c r="C373" t="n">
        <v>5300</v>
      </c>
      <c r="D373" t="inlineStr">
        <is>
          <t>[b'512' b'512'
 b'\x89PNG\r\n\x1a\n\x00\x00\x00\rIHDR\x00\x00\x02\x00\x00\x00\x02\x00\x08\x02\x00\x00\x00{\x1aC\xad\x00\x00 \x00IDATx\x9c\xed\x9dy\xec~=V\xd0[y\x155\xa8,\xc3@\x18\x10DP\x10\x19\x10F\x8dK\x0c\x88\t\xa2\x80H \xa0((\x1a\x8c\xc6\x9d\xc10!\xe0\xf6\x07\x82b`"(\xa0\xc0\x80\xb8&amp;,\x02\x82(h\x94EeX\x0c\xca\xb8\rC\x04\x89\xec \x13\x15#\x1c\xff\xb8\xf7\xf6\xf6v=mO\xdb\xd3{\xcf\'o~\xef\xf3}\x9e\xde\xf6\xb4===]\xafR\x82 \x08\x82 \x08\x82 \x08\x82 \x08\x82 \x08\x82 \x08\x82 \x08\x82 \x08\x82 \x08\x82 \x08\x82 \x08\x82 \x08\x82 \x08\x82 \x08\x82 \x08\x82 \x08\x82 \x08\x82 \x08\x82 \x08\x82 \x08\x82 \x08\x82 \x08\x82 \x08\x82 \x08\x82 \x08\x82 \x08\x82 \x08\x82 \x08\x82 \x08\x82 \x08\x82 \x08\x82 \x08\x82 \x08\x82 \x08\x82 \x08\x82 \x8c\x05\x92\x7fb#\x81\xe2\xe7*\x1e\xe9\r\x00\x0c\x90\n\xe0\x13\xca\xc2\xbf\xb2\x93 \x91\xe4\x86\x14\x82`#\xc5-\x08\x83\x10\xfb\x96\x86[\x07\xf0y\xb3\x05\x18\x00\xab\x02\x17\xee\x89(\x199p0[\x10\x17#V\x85d\xdcr\xe4\x08\xc3J\xb6\xb5\x90\xa2c\xce\xcf\x9a-@\x80\xcd\x88 U\xe7Q\x1a\xb6gV\xeb\xd9\x82\xc4\xd0J\xd5\x8cw\xb4\xd6\x9aS\xa6X\t\xb34R\x92\x8f\xa6\xc58K\x07 0\xc1\xd7\xb1\xe7h\xddc2*t@\x94g\x03?\xa0a\x82-+\xd3)\xa7\xa9\xdc\xa6&lt;\xa4j\x1fN\xe7)\xa0\x9cv-g\x19+\x81o\x9b-A\x19f\xdc~\xd6\xce\x8cjBv=\x00C\xb5\xe8f\xfajO\xd2p]`\x12\xd6$\xabJ\xcf\xd14\xf2V5\xb2\x95\xce\xb2\n&lt;\xad\xd1-\xbd\x96-?\x00_\x12,s\x9e\x15!\x08\\\x18\xdf\xd5\x01|\x10u\x943\xa9\xb3/Ev\x89\xd6\x8ae\x87\x1d\x8b\xda\xcb\x80\xf5\xbfc\x87\'\x08]\x18\xd9Pn\xd6,\x8bv\xb8VXsJ\xeb\xff\x18\xa7\xd8\xcf\xe9\x13r-\x08\xc2\x04\xaa\x8dK\xdd\xf9\x83Dl\xa9_\x19X\xc0\xc1~\x06\x00|\xb2\xf5y`\xe2\x82\xd0\x07\xd1b*\xaa\xcf\x7f\xd1\x8bA$I\x91\x8d\x9b\x98\xf1jc\xfc\xa2\xd2T\xaeT\xa5)p\xe4\x85\xd9\x02L#v@\x05\x00\xeetz\x05\x00\x06\x9c\xc6\x99^^\xc6&amp;\xb5KRj\xde\xba\xe6\x1d\xd4\xbe\xdc\x1f\xadC\x80\xd2\x83\x81\x00PqBk{@\xac\xbf0\x1f&amp;:\xb8D[`"$\x0f)P\x8cqr\x91\t\xa4\xddn\xf1\xc7\x85F8^\x05\x91e\xba\xbfy\xc0\xab\xf9\x05E\xe10\x981n\xec\x1a\xfct\xe5\xbd\x14\xa0\xd4\xb7\xe2|d(&gt;\xb9\xb0K\x14z\xe47\x14D#\x08\x82 l\xd0vJ(\xd3\x7f\x84D:\xefN\x98uzQa\r\x96\x1c\x01\x08\xdc\x80\xa5\\|\x83\xa6\x9d\xd4\xc6\x8c\x1b\xf6\xe4\xb0#\x0cg,\xc2`8\'\xdc\n\xd6\x1d\xc0\xc8\t\x96\xf6\xb4\x06_H\xd0\x83j\xf9\xb5RJ}&lt;\xa5(%\x00\xbc\xb2\xa5\xe4\xfdG\xeb\xe2\x8aY\xe7\xcf\xf1C\x8a!\x17\x84g\x827.\xe3;\x13\x00\x80?9&lt;\xd58\xd9\x12\x00\xb3\t\xb5v9\xe6\xcd\xfd8{\xae\xac\x9a\x98W\xf7\x15\x04A8\xb9Gk\x0e\x1d\xfb\x9c(N\x1esK\x01\xe9\x1d\x0f]:\x00\xde\x05)&lt;\x14\xd6S@6\xac&lt;&amp;_\x98\xbb\x8e\xe9\xdb\'+\x00\xbe\x87@\x8e8\xab\x1c\xdaXCJA\xe0\t\xabS\x88\\\xe4\xe8\x00m\xc6\xf8T\x19\x9eN\x02s+\x08\xf0&gt;\x08\x0fd\x99\x11\x800\x06B\x7f\x1a\xd2GXY\xd2\xd1J3+\x88M\x98\xedD\x02y\xe4+v\xfc\xcfd\x8d\x0e\xc0(\x13\x93F\xa4\xb5Vow\xfe\xd9I\xd3\x07\xb7\xa0\x1e\xb7\xfe2\xa9\xaf[\x02\xbf:\x17@l\xb0p\x0f\xeaN\xcd\x8c\xa1\xce\xd9a\xd86+\xa6\xd8\xf0\xf7\x83\x89K\xd8of\xa9\xf1\xf1\x87\xd7\xcb\xc3Yc\x04\xe0\x13\xd4\xda)\xfe\xa6\xd6e7\x07l\x92\x7f\x08\'\xd7\xd8\xf6\xfd\xf1b]\xaa\xa067u\xc3\x8e\x15-V\'\xe5l\x8c\xb6T{\x05a\x02\xe0\xb9\x9a\x0c\xdd\x96\x1f\xc6\x05\xc3\x1f\x9a\x1dz\x0e\xae\xdc\x19\x84\xc8\xe7p\xe0H\xcc\x8b\x8e\x9f\xf0b\x93\x08:\xcbO\xe7p\xcb\xb7\xf0t\xcc1\x1f\xe6\x1d@o\xea2\xec\xdb\x8e\xa8-\xee\xd9\xdac1W\x986\x0e\xb3\x16\x05\xa7\xf9f\x8b\xca\x10)\x12&gt;\xb0\x9e\x02\x02\xa5\x00\xbeQ\x01\xd8\xe3\xd4M{\xcaf]:\xc86\x81*\xc3\xe7\x8f\xf1cE\xa7\xbb\xedU\x07\x00\xf2\x98\xcd\xadj\xd4\x11\xa3\x90I\x93j@I\xf1\t\x08\x12\x17\xa0\xdf\xc4\xa0\x17\xd2\x9eu\xaa\x92\xdb\xc6d/E\xf7\xac\x89t\xabG\x00\xfe\xac\xa0\xc0\x9c\x96\x1b;\x04A\xa9\xd9\xc3\xff-m\xf8.T0t\x9c\x05\xa9\xa3c\xedK\xa9\xfd\xa5\x95\\:\x00A\xa0b\xb1WB\xce\xdd\xb1\xa0\xb5&gt;\xccMF\x8c\x02)qA\x97\xb6r\xed\xb5\x16z\xef\xa1\xde\xa7\x13n\xb1\x89\xa5\xfc\xc5\x8e\x82@\x00\xeb5\x80E)2I\x98\xa00\xfb\xa5\xeb\xce\n\xfc\x86Y]\xd8\xbe\xfe\x08\x9a\x84\xc2=\x9d_\xa273\x97&lt;\xb3\xb3\xb4\xdb!\xdc\x96;\x8d\xfa\x91S(\x93\xe7\xbev\x19\xde\xd9\x91\xc7\x16\xacz\x93R\xe2Oa.\xf8\xea\x00k\'\xb1\xcc\xcb\t5\x14h\xdb\xb2\xeau\xd9;oxQ\xfe\xa9\xeaF\xd5\xa9\xacJ\'\xe1c\x07\xbe\xd6\xadJ\xc1fS\x03\xe9\x00\x96\x83\xe5\xc8\xf3\x01\x80\xb2\x07\xd8\xd1I\xa3\xb3!\xd5NuC\xf3\x8dl\xc1\x18\xec\x16\x8e\x8c\x1c\x00z\xcf\xd7\xb7g\x96\x90\x1e\xd3\xfaf\xac\x85/s|\xe0F6\xd9\xcc:\x19\x93Z\x10\xd2\xc8\x1a\xc0\x1c\xb45\x87\x8ei)\x8d\x8d\xa9\xc5#;&amp;\xfa\xdd\x05\x00\xe7\x032\x1e\xa5\x14\xc0W&lt;\xc1C\xeci\x00K\x16\x99rr\xd0\xd5\xc4\xd9\xe3\x89\xf5\x17hx\xf8p\xb2=\xef\x00?\xfc\xe4\x02\xe4\x00\xf5.\xd8\x1f\xe9Q\xa1&amp;\xc6\x87\xb78\x81\x1d\xa2\x8e\x8dH\xf1\r \xa1\xa41\x05\x0e\x9aZ\x00\xcc\xc5JE\xa2\x15\x00\x85\xa7X\xf6\xa7\xa4\x85\n\x9d\xa8\xbb-R\x10\xea\x18\xa9lN\x07\xb0}\x9c~\xffZ\xfefo\xa5\xe0\xf7\x88W!pbX\xbb\x95\xde\xa8\x088\xfe]eb\xa1\xab\x88\xa6\x10\xde\xe7\xfa\xa7\xba::}^\xd2E\x03\x88O&amp;\xb0e\x80^.d\xcb\x12\xc0\x9f\x1e\x98\xd6R[\x03\xc7\xc8\xe9\x9f~X\xa5|\x04\xa1\x80\xc1:\r\x00\x00\xef\xda=\x95\xc5\xfb\x80a\xc2\xaf\xb81|n\x07\xb0L1\t\x02\x06\xa3\xd2\xe3\x8c\xce\x804\x86_j\x08\x00\xf0\xe9\xbe\x00\xe7\x8cAYT\xa3l\xdc\x95L`\xef\x9b\x8e\xb2\xb1\x82\xc4\xfaK\xc7!p\xe4\xec\x00\xc6\xcc\xcf\xc0O\xf4Nb\n\xb6u\xb0\xdd\xea\xea\xa8h\xc5K$\x84L+x@\xba-u\xf5y-\xcf\x8f\x85"\xbf\xc5\x8fK\x8f!tg\xb8\xa7l\xccG\xf7\x89\xa0"ZJ\xc1\xb1\xf8u\xfe\xa2\xdd\x13\x0f\xa3\xde\x9fmO\xba\xa4|\xd2!oi(\x87\xf9\x01\x02sV=\xb0\x07\x11\xd1-\xb5&amp;&gt;\x8d8\xf7\xc2^8\xeeQ0\x19\xc4g\xaf\xe2\x91\xd5)\xca2$\xaf.\x88i\xdaH\xcc-\x0b\xc7\x9fM\x97j&lt;P\x1f\x84\x18\x8b\xbd\x0f\xc0\x10\xd3\\\xeb*\x12\xf24\xa3\xa6\xc0\xbe\xd8\xa7S\xa3\xf2\xa2-NEZ{\x82D\xe1\xf0(52o=\xdd\xdb\t\xc2\xda\xc0\xe7N\x18\xdeR,\xe3\x95\xa5U\xfaH\'a.\xa9X\xff\n\xe4\x94\xce\xf8\xf5\x93D\xb8\x13\xb7r\x04lO\\a\xae\xc1\xbazCu#k\xb7\xb1\xdd\xcb\xb9:r\x97\xcf\x95L,\x04i\x9c\xaea\x0b\x00HM\xdf\x80[\xd5\xa0c\x8b\xdb\xe7\x7f\x85"b\xc6nE#H\xa5\x18P\xe2\x91\xd0\xd2U\xb7\x01@\xda\xcd\r\xb8\xcfu\xd0\x15\xd6_Yw2\xdf\x8f\xc1\xb3\x00\xb3o\xb09\xefT\xe8\x9fVQ\xf0i7$\xb7\xebv:\xa77m7\xcf\xe2&gt;\x1d\x80R\x96J\x8an\xaa\xa1\x9bp\x01 \xf8f\x83m\x0f+6\x92\x86\xd4/IR\xa0\xb5\x0ej\x11\x809\t\x8eJH\xeb\xa5\x9d\x8ch&gt;\x139\x92\xf5\x87\x85X\xaf\x03\x88\xa9\xd7\xa5\x91\xad\xb6\x08Fn\xa9{\x98\xfe\x84\xd1\xdb\xdfl\x13\xf8\xbe\xc4\xfc\x15\x1ei\x0e&gt;Dhj\xc7\xd8\xec\xadT\x19\xea\xab_\xd9\xf0oQz\xb5h_\',\x86\xd1D\xff\x84\x14\xc3\xe6\x94`\x15\x91y\x8a8\xab\xf4\xa8\x92\xac;\xd6G\x94xYBE\xe39A\xe8\x8b\xa7\x9dgC\x9a\xa5\xa4+6\x0f\x80\xf7\x9f-\xc2\xd3\xb1\x1d\x17\xd4u\xfcC\xa4\x12\x84\xc9\x14m-\xb7\xdd\xa8Y\x86XZ\xa6\xe0\x83q\xef7\xed}\xf9\x08q\x04\x81%~#IO\xea\x1c\x1e\x93\xb9%\rw\xefX\xcf\x19\x03\xe7R3\xecS\xb3\'\xae\x16\x1c\xb7\xd0\x93\xad\x82\xea\x1aB\xd6\xed*3\x81\xc2\x9d`\xb1\x08\xbc\xa9}\xcd\xda\xd1\xb6\xd3Y)\xc5`\xdf\xe76\xf7d\x16$\x0e\x01\x03\xd6\xdd\xf9\xb5\x870Eh-c\x97\xbcb`\xf4\x06\x00\x00\xbe\xbd\xe6I\xa5\x94\n\xef;\x12\x84~\x8cS8\x88\x9d\x12R\x87\x1d\xbf\xfej&amp;\xf3S\x1b\xce\xca\x8f#\xc6\xc48#\xac\xddI\xe2\x9br\xe7\xfa6\xf3\xad:\xca\xdd\xfc\xc4j\x9b\xe0y\xa0\x9a\x95X+\x90\xd6.A\xe0\xc6\xd0\x11\xc0\xdf\x8e|\x1f6\x94\x08\xaf\xb4\xc6\x99?n\x8b\x8b\xfdL\xe5\x85\x19\xd1v\xd7\xf2\x1b\x8e?\xbd^\x97\x9b\xc9\xb0w\xd3r\x18\xa0\x94B\xbb\x14T\x14\t\xb7\xaaL\x00k\xeeY\x10n\xc2\xf4\x05\xdb\x04\xd5"\xb1\xcbI\x03f\x89\x85 *\xa2\xc0\xa5\xc2Pu\x00|4\x94v#&amp;\xa3\x8c\t\x93\x181\x02\x08k\x99\xe5 \xf7J\xd7?\xc9B:\xed\x1e\x98\xf3!\x89\x97\x07Zk\xb2S\xb5\xe8\x90\x00\xa0\xacS\x1d$\xa9\xb7\xc3\xc9\xad\'\xe9\xd2\xbea\xfb\xb0\xd0xE\xb8\x15`9V\x9dZyl\xbb4\x95eae\xa1\xf8S\xba\x97\x97\xa4x\xdb\xeb\x87\xa4\x82\xfbn&lt;\xfb\xe8\xf2GJ\x07R\xc5)\x08B\x12\xf2\xf9G\xdb\xb5\xff\xf9\xe7\xde\x9b\x0f\t\x84\x14\xc3\xcd\x18\xb0H\x04\x18&amp;\x0c\xabx\xc2\x91W&lt;"\xfa/\xcc\x85\\\x05m\xbb\x900"\xe6\xfb\xaf\x1b%\x98PD\xf6\xe8_\xef\nb^\xff\xb3\x9c\x17i\x17\xc2J$\xbc\xc8\xac\x83i\x07\xdb?w\x92r,\x00\xf0-\xc3S\x1c\x9b\xe0\x91n\xcb\xb3\xbc-\x9d-\xdeHA\x99\x17\x8bpO:\xa9\x9d\xe9\x01\xd2\x9e\xa6\xdd\x19\xf4\x10\xe3\xde\x0c\xf6UMZ\x8dsD\xb6\x7f\xf0\xad\xb5\x8fW\xa7^\x92\x90\xa8\xa5p;\xc6h4\xa6\x95^\\-ih8\xfe\xc5\xf1a\xa2\xef\xdf\x98\xf4\xb5\xde\xcb\xe2J\x0f.\xd7EN\x0c\x08\xdd\xb1\'\xeeKuMtS)\x05\xf0\x8f\xe6\xb6\xd2}PEg\x04\x91\x91\xd0\x9a\\\xb7\x03\xa8\xea\x03\xc8\xa4\xe1\xc1];6A\xcd\xdd\xb9~^9p\xa5t{2\x94_\x08!\xd0\x02p\xd9,\x0f\x03oD\x00\x80\x9b\xedh\x1fYzH\xa0\xf6\x8a\x94\xea\x07\x851L\xab\x98\x84C\xc1A]l\xb3\x92h\x90\xb0\xfe\xe1/\xbb"8\x94\xbc\xe0\xf4\xa6K\xb39y\xa2Wl\x99s\x1b\xe8\x1a\x83\xc9\xa4\xd2n\x83b\xd1k&amp;\xdci~\xe2V\xd6\x12b\xe3|A8\x00\xf3\x1f\x9b\x89F6\x82dH\xcbY\x94\tk\xd7SA\xf6ig\x87\x9d\xf5\xc6D\xcc\xe0A%C)\x90|\xa3/(\x05\xff\xeb\xfc\xfc4h/_\x11\x04a\x07\xae/\x1e\x98+\x06&gt;X\xb6\xc7Bv\x00&amp;\xc0\xf4\x0e`\x97\xc4|8s\xfa+T\xff\x03%\xcc-+\x93\xda\x11\x18\x11t0\x97S\x91\xe9j\xbd\xa5?]\x0c$v\x07@(\xf3\\\xfb\x12L\xd5\x91\xa5T\xbe)\x1b\xfc\xfb\xb5G\xe9\x00\x84&lt;7S\x91_;\xa4?c^h\x8ed\xb6\xa4Fr\xf8\x86\x82\\\xb0\xcdnZ.\xb6bo\x04\r4\xa1\xd5\x16\xfb/\xe4!\xd4\xb6\xf6H&amp;R$\xff\xfb\xf4\x93\xa3\x19\xe4\xd1!d\xbd\xd3\x1e/\x08\xc6\xdf\x0f\xc2\xc8{\x94@\xc2\xfa\xaf\xde\x9a\x84e\x10m\xdb\xa0\x1dw\x93D\x85O\x0e\xfco\xc8\xb2\xb3\xc7I\x12[&lt;\x15\xfa\x14\xfc\x8e\xb0\xa5X:u\x00\xbd\x93\x108\xc3\xe2\xa5\xf0\xdb[\x13\x07\xb4\xf0\xae\xf1S\xb0\xde\x06@\xf2\x1b3|\x1bd\xb6EV\xd4 |Tq\xe2\xa5I$\xf0\xabSk\xd6o~\xdf__*\x08\xc3\x18f\x97\x8b\x12\x02\xa5\x00\xd4\x8f\xf4\x93\xa6\x19&gt;\xfd\x99\xbf\x7f\xb7e\x04\x10{\x16\xaa\xa6S\xb2b\xc0\xcb\xce\xfdT\xc8\xb9\x0f\'&lt;\xad&lt;\xa9g\xeb\x1e\xa3\xe6\xcf\xcf\x16@\x10\\0m\xaa\xb8\xad\xb2ir\xbd\x190\xec\xb7SHot\x19&lt;\xfdlR\x03t\xea[\x88\x1e\x1d\x00\x7f}\x939"\xa1/A\xfd\x02\xa5\xde\xa1\xd9\xe7\xa5U[\xe4:\xe7\x12\xf4n\xd5N\xfc\xac\x8c\x08\x13YZ\xc6L\x82\xb0\x06\x18\xed\x8e\r\xff\x91\x8f\x0f\xe3\x1e-v\x8c\xfcf\x8e\xa8\xdak.J\xa8\xee\xd9\xb9\x1cC\x8aOo\x88\xe1z\xd2\x82F.\xe1\xe6\xbc0[\x00\xab\x89F\x96\x9f\xe0\xb8L\x8a\xe1\xe2\xd4\xea+fT\xf2\x03@"2\xad\x94\xd2\xda\x98\xa4\xc1\x97J\xc2\xf0\xcb\xc8\xa0\\W\x1b\x15&lt;`\xf0#URW\x92\x00r\xe1\xee=\x99\xdf\x01\x9c\x00\x80\xfax_\xcd\x18*\xdem\x9aC\x85\xa9rc8MO&amp;2\xad\x14 \n\xedb\xcb\xb4\xb6\x97w\xf2\xd22\xa9\x97#\x0f\xe3\x85\xb9\xf6\x04\xd1\xd4K;E\x16\xa5*\xdc\x9bcz\xe0u\xb3\x05y:us\x08T\xb3\x0ev\xd2\xf6Z+F\xa8\xc0\xe4\xe1\x8c\xe9\x90\x89\x130\x80\xc8\xb2\x1d@f\x8a\x04.\xf0\x9f\xba\x04\x00\xf8\xd4A\t\x8dH&amp;\x9ez\xd5L}_a\xea\xca\xe4\x1eK5\xb4\x98\x12\x91b\x11\x18\x8d\xecZ\xe6y\xc70l6y\xee\x94\xab\xb1\x0b#E0e[1}\x02\xf17\xa8X;&lt;\x0b#M%\xb7\xf0\x1bN\xa6T\xae\xc0\x96\xee\'\x81\xf1N\x06s\x8d\x1c\xe9.\r8\x8e\x99\xcd\xcc\xe0\xea\xf0\x92+(\xed\x84\xa4Z\x9f\xa7[\xe9r\xa4\xd53&amp;O whCX\x9d\xee\x1d\x80\xd3\xe8\xd2s\x94\x9c\xfb\x80\xe0)\xf9\x85\'\x17\xe2\x82O\xbc\xae\x00\xa0\xd7\x1dwT\xbe?\xa8c\xd8\xbcl\xcd\xe3\xd9\xde\x88\xaaH{\xbb\xfb\x97\x9a\x90\xa6eN\x96\xdb\x84.3qx\x01\xf0BE\xe1p\x9e\xb5\xb7E\xfb9\xb3\x85\xa9\xa3\xb4x\xd9\xd6\x85\xb00M\xebz\x9c\xb8E&amp;\xb0\x0c\xcb*\xdb"]Ni\xdbE\rl\xacz\x9b\xe6H\x85\x87\x03Wf\x8bSOB\xf4\x85sUt\xf86\xbc\xf3\x92Z \x1e\xf0WWG\xbeFq\xc1z\xe5\x9c\x89\x8a\x7f!\x08x&amp;\\\x07\x1d4\x19\xc8\x07\xb9\xe9]b^\xb9\xf5\x80\xd5\xf6/\x00\xfct[DUT\x1d\xd6\xfd;\x96i \xa8+;\xae\xd2g\xbf\xb8\x8f\x9d\xb2WG\xb8\xe9\xe2\xb9{\xea\xf8s\xff\xa6A\xce#\xaf\xc7U\xed\xdb\xbfre\xb4\xd0\xc2\xe9P\x94\x0c\x02L@\x13\xf6\xde\x9e\x08(\x05\xf0Z\xbb\xac\x02a8\x8d\xa0\xc0\x83:\xfeKZ~\xd2Ayhe`H\xf5\rK\xd8\xf8\xef2X\x17&amp;\x90\x9a!)\xd7\xac\xa3\x03\xb8\xb9F\x02\xda\x98\xf6(\x86\xc6m\x7f\xbd\xbb\x01\x93J\x8fh\'\x02\xef\xdd\xf0l\xcf\xf9FS\x8d\xf7+s\xa1;\x08\xcbUl\'\xe6Z\xff1\x89\xfa}@B\x9e\xf1\xa5\x01_\x1c\xffi\x9d\x1e\xbaz~\xa9+\xf8B\xe3%w\x08\xfe\x12\n}\tj3\xbcMS\x070\x91\x91\xc2\x02\xe3c8\xd92`^\xaf\xe0MB\x16\xc7\xd0A*\xa5\xd4\x9f)\xea\x00\x00\xe0-\xfb\xc8A\x04c\x15\x10\x86\x10T\x807k\x1b\x01Ld\x1dI\xbb\x93.\x05\x80\xdf\xc6\xf9\xaa\x19{7\x8b\xa9S\x8c\xb4\xe7\xfa\x13\x852\x04\x1fG6\x08\x12\x01z\xb3I\xf8\xbbf\x8b!L#&lt;\x02\x082E\xbeC\x9ey\x897\xc1Vn\x06\xb5\x1a\xe0j\xf7/B"\xbb+;L\xa7\x0c~..\xe6\xf1%\xdc\x98\x14O\x95\x10\xfan\xe7\x82\xd0\xfdn\xe0^\xfbu\x882\xed\xfa\x81cs[\x87h\x1f\xb8a\xce\xbe\x7f\xad\xf8\xc5#=5r\xbb3\x0e\x8e\xff\x1d_\x17\xdd:wQ\xdd\x96\xcaM\xc4\x00\x88\xcb\xe6L\xdb\xa1z\xe5Ko\x8cVp\x13\xec\xe1\xf4=\x07\x10\xbc?\xc7|\xc3H\x15\xdaD\x11\xbf\xc6f+\xca`\xd5\xe7\xe9{\xcat3\xfe\xfb\xcdpj\xaf\xf6\xda\xba\x8b\xd8\xeeve\xc0\x94[*L\xf2\xf1Yn\xb8}+\x9f\xc0\x87\xc9\xf5q\xea\xe2$\xd5\xc0x[\x89g\x95\xda\xdfZE(~\xc2\xb9\x1b\x1c\t2!\xf2$l\x0b\xd5\xaf`\xb7\xd1FQA\xf5\xc8l5\xdb\xc2E\x91&lt;&lt;\x07\x07\xc2D&amp;\x9c\x046\\\xda\xf9$\x19\xda\x1b\x83{\x8b1\x9d{\xf5M\x04q,\xd9\xd4\x07X(\x80\xd7\x98s\xad\xc77\xf9\x8a\x8b\t6\xc7\xa7V\x977-\'\x90\xf1\xa9\xc0\x0e\x1e\x0b\xc0\x95\x00|\xb4-\xb9\xbf6\xd8\x92\xa5\x91e\xd2\x98\xd6\xbe\x17\x85P\xa0-Z\xb36K\x7f\x9c\xd8\xaa5\xeb\x9b\xd6rH&gt;\x9b8\xc3|\tv\x14f\xd7S]4\xf1\x1c\xffVD\xb7`s\xbf3}G\x001\x85\xb3\xbe/\x9e\x16\xe4\xb1\xbf\xf0\x7f+3\x93p5U\xbay\xa6s\xd8T)\xc1l\xf5\xb5\x10\x9c\xc8\xab\xe3\xb7_\xe1\x82\xf2p\xf1\xe9XeKU\xc4\x88\xc4/A\x00\xbe&gt;\x18\xe8\xbcc\xa8\x9f\x07@\xa5W\x87\xd2\xe3E\x9d?\xd8\x17\xc6\x03\t\xfeA}\x9c\xa42\xb6\xe2dk\xb68e\xf4\x13\x9b*\xc6R\xd9\xf09\xa2\x1a\x01\x94\x1e\xd6\xcb\x06f\xa8K\xb6(vy!\x055\xa1\x00\x00\xbe\xbd\x9f\x98B1\x03&amp;[\xf7u\'3]\xb2\xca*\x94%\xf0FXl_\xff{d\xcf\x1ea\x10\x867\xb5\xd3&amp;\x9d\x17\xed\x96\xf4\x91D\xbf\xfa\x0e\xca\x0f\xf1W\x04\x07bPV\x15\xbfX\xeb\x1f*{&lt;&amp;C:\xc5l\xd0N\xf5R\xc7^D\x874\xa6\xc4JUq\x83I\xa6\x84\r\xa9\x0c\xa5\x94\x827R\xea\'\x0b\x1c\xae\xd8\xe6\xeb\xe0O\xed\xb8}\x0c.\x8d\nC\xb3\xb5\xed_\xa2\xf5\xf7\x14\xcbX\x0c\xb2c\x80\xfe\x1e\xc3\xa5x\xa9\'\x88\xd2\xe9FW\x95Ut\x87Oi\xffT\'\x00!\xd2\x01p\xe6\xe9\x95qq\x00K\x19\xa5\xcb\xf6\xd1*\xf2t\x01@\xa9\xb7\xd5\xfa\xbf\xed\x7f\xaa\xe2\xcd\x85\xfd\xe8\xda\xad\xc6\x92\xd3ZW\x1bY\xbcI\xbd(\x1e:{\x98\x91\x01\xfe0\x9dt\x00\xc2\xccm\xa0\xd3\xd9f1[\x9eG\xcd\xe7\xfa\x89\x16\xa2\xb5\xb5|Wh,.\x92\x84\xd2\xd6Z\x1b\xeb\xaf\xacu\xddX&lt;7\xc6Z\xd0n\xde\x19\x05\xf0\xdatZ\xf6\xebe\x8a\x8a8W\xffx\xfb\xdag\xb4\xaa\x00&gt;)\x98Z\xa7\x14\x05\xa1\x06\xf0..n!\x92D&amp;@W\x90\x1d@.\x929\x1d\x00L*=\x80\xca\x82:\x1e\x87S\xaf&gt;\x93V\xb4=~\xfaH\x13\xc9\x95\x86\x0f\xd5\x17\x00|$\xa1L\x82\xd0\x0e(\x05\xf0\xaf\t;\x80`\xcb\xcc\x9a\xb0\xed\x87N6\xee\x9c`h\xdbX2\xd8\xe8(\xa5\x00\xfek\xb6l\x1by\xc7D\xea\r\xd1n\xc2v\x92y$\xf6\x16\xa9\x82\xa7B\xf5\xd5\xaf\x12\x85v\x9e;"k\x9a\xfd\x8fq\x1d\xe2\xc2q\xd64\xbf\x18\xab\xce\xd5\xbd\x1eU\x02\x9cv\x95dq\xaa&amp;q\xfe\xb6\xed\x1a\x0f\xfa\xf2\xb8J\xae\x95^\xbb\x81U\xa8\x8d1\xf4\xe7\xce\x82\xf2\xa5\x0ea\x18\x8f^\x03\xa0\xe7\xea\xe9\xa4\x0f\x85\xd9n\x916\'\xe20\x1b\xd8\x01\x00\xe0\x8bJ\xe4\x1a|\x0fW\xd3$\xba\xba\x16B\\l\xad\xb5)\xc1"\x07\xf3}\x02\xc9\xd0`\xcb\xaa\x97\xb2\xfe~\x01v-\x1c\x81\t\x8f\xae\x14gs\r\xa1\xce\xa368\xaa\xcb\xf6\xeaX\x98\xb5j\xc8\xde\xb0\xd4x\xcb^\xc1\xcez\xf8i\xa5~V\xc9\xf2\xb8j\x172\x19\x7f\x9f\xd3\x15t\x1b@\xaf\xd1B\xf0BC\xdf\x97\xc7\xc6v&lt;f\xee\xdb+\x8eE\x18\xc5\x0b\xb3\x05\x98\x897\xe1\xb2_\x12\xd9\xee\x1a\xa6g\'\xb6_\xb7]\x11\xf9\x886\xc9\x1e\xd5|\ns\xab\xf5\x1b\x00\xbc\xaabsT\x99i+\xef\x8c\xb7\x8an\x99\xaa\xba\xd0\xc3\xfa\x9b\x88\xe3\xd7\xb6\x17\xb1\xe5W\xa9\xd3\xb9Y\xe6\xe4\xa7\xc0\x19\x18\xbb\x1a\x99]\xf2\xcd\xf3}\xf1h\x0b\xc4\xb8\x1e\xa3\x9f\xb7\x92\xe6\xaf\xec\xc5\x82\xa5\xe5L\xfc\xdao=\xfc*\xc0!F\xe9\x835i\x1d\x8b\xfc\x1f\xbe\xffY\x1e\x87 &lt;\x98\x0f\xac\xdd\x90\xa0v\xebY?\xad\xd3\xde\x05\x84\xe3\xac\x12\xa36\x13M\x98d\x9d\x9d-\xa9\xdc\xb5I;\xb7\x93#\xe7\xec\x00\x92Z\x91\x89\x81\xb4@\x06;R\x02s\x86.\x02W\xac\xd7}\xb9rWV1\xbc\xe7y\x9c\xa7~\x1f{\xfb\xb8\xd5O\xb9b)v\xf0\xfa\xed\x15S\xf2\x81\x8c\x84\xc2\x7fxczS3\xdb\x87\xa1\xc3\xd6OO+{\x97\x9do\x82\x80\x04\x00\xe0o\x16\x1b\xe4\n\xef\t\xe5\x8dWGUHm\xca,\xd8r\x80\xcc\x08&amp;\xd7\x9d\n\x04XZ6\x125 \xd1"(\xacJ\xe1!,\xe0m\x1d\x9b\x08\xb0\xfb\xbe\xc3\xfa\xdd\xe0X\x92\xf8M\xdc\x1c[da\xaa\x92\xdd \x97\x92\x8f\x84\xc6\xa7K\x8b%\x1b\x97\xaa\xd8\xf4*_\xaa\xb8`\x99Hj\x97\xbe\x85{3\xe1\x1c@\x95)\xc5\xba-\xb1`-*\xef_\x8f3\x86\xbe\xce\x1a:G\xe6\xdd,\xc8\x90;q\xc1\xe1\xaft\x9c\x86F\xac$\xb3\xf1\x7fq\x85@\xa2~\xdb\xbdC-3l2t\x10(\xc1\x1a\xf4\xebJ\x1a&amp;\xdaN\xf30\x1f\xd06\x1dT\x91\xe2\xb0&amp;\x07\xf0\x95\xd7?\xbf\xae2\x1e\xa2I\x8fF\x82\t;rq\xb0d\x0b\x99\xd4\xe9u*&lt;\x94"\xb5\xa3\xb4\xbe\xe1\xf8\xeb\xfb\x00"\x11\x94R\xea\x8f\x10\xc6\xa5\x94\nl\xf1|\xeb\xeax\xd8Z\x8aK\xdd\xcd\x16\xc6\xd0O\x12\xc2\x98\xe1G\x8c\x13F\x17\xa9 \xd02\xc0\xfa\xfa[\xfa\xa6t\x00\xe4P\x897&amp;\xbb\xd5\xb1\xe3E\x83?\xb0\xfc^I\xfeZ\'p\xe0&gt;\xcbA\tuw\xe6=\xdfY\xa9\xd7P\'\x91\xc7\x9b|\x05F\xef]\xa1\xb9c\xc0\x94O]\xbe\x90\x8f\x1f\xc1:\x16^cF\xa8\x04hI};;\xc8D\xc1\x04\xb6&lt;\xee*\x88\x8a\x03\xfdD\t_\xac,\x1f\xef\xec\x98\x12\xa7&lt;\xf4P\x1a\x1d\x1cK\x9dp\x9cyV\t\xf3\xa7\xb5\xda\x0fyt\xa9\xc9\x01\xd6?k\x9d)V}\xd5\x9d\xdc;\xa1\x13\x83v\x01\xbd&gt;\xf2\xfd\x10;\xf8*+9.cc&gt;\'\x9e\xa8\xf68]\xb7\x00A\xe8cJ\x067d\xc28FJ\x8f\xacV\x8f\r34\xb1YX]K&gt;$\xb9\x8e\xa2\xe6\xbe\x184\ra$\x93m\x10\x00\xbc\x83\xd6\xe9\x97\xe7\xe1\xa3\n\xffp\xdcH\x152E\x05\xcd\xbc\xbdi\xb8\xb7-N/\xfd6|?\xbdh\xe2\xc2\x9f\x01sJ\xb8\xd4\x04\xf3\x99R\x8b\x81\x94\xb0\xc7\x10d\x1bs\xa4#\x9d&gt;\xf1%\x8cg\xf2\x14\xd0\x18U\x8b\x9f\xe4\x9a8!\xd4\xe7n\xdf\x12\x01H\n\xdf\x8e\xa7\xe4\x02gJ\x19JS\x9f\x05R\xc2&gt;\x199\xf4\x7f\xb6\xe2\t\xac\xe0\xf2B\x18g\x069\xf8\xb9:\xea\xf6X\xfeV\xbb\x18\x1e\xb1\x83\xb2\xe6\x83\xb5s1\x15O\xdd\xc8\x84\xce\xca\x14\xfb\xe9\xca\x9a\x03\xf9P\xf3=\x914\x82\n\x8fV;\xceh\t\xeb\xc2\xce\x17\xc0\x1f|\x07\x80\xef\xd4\xfa\xa5\xd6\x9fu)\xe2\xd2R\xed6\xca\x7fI^\xf4e\x87*`\xd7\xdb\xdf\x8c\xd8\xbe\xb7\xa4"\xd1\xd8\x83~!\xa4\x8b\x85\xff\x0cO\x11\xc1\xb1g\x8fa\x99\xf9f\xfb\x90~M\x85\x13&amp;!\x8f\xddN\xed\xa6w\xa7:z\x02\xd3F\x001\xcfV+\xa5\xde*{\xe7\xcc\xaes\xefjE\x12\xd7&lt;\x12\x8d$sv\xfc\xf1\x8d_\x0cf\x9d\x133\xbb\x92\xd94y$qq\xbc\x9b\xa9n\xe7~\x8e \x12\xc0\x7f\xb0ni\x94\xdcQm\x8c\x0f\x8e\xadN\xe1_\x9b\xe2\xde\xd1Z\x07\xe3I\xd7\xda\xf1\xab\xbbR\xe5\xb3\rN\xf7\xcf\xaft~BK)0`Zw\xdd\xe8\x8d\x06\x9d\x8e\xd8J\xaf\xf91H\xd9\x1dg\r\x04\xdd%g\xc4c\xd6\x06\x9e\xe0G\x95:\xbc\xc8\x15\x1b\x00 \xf7D\t\xc7\x1f\t\x97%\xedq\xb7$O8\xf8\xb3c\x0b\xfbp2\x08X\x87i#\x80\xa2}\x90\x01\x1f\xd9&lt;kE\xa2U\xc8\xc9\xd5J\xebz\xe7\x97\xd6\xa3\xd9l\xd3\xf9\xe7\x91\xc0e{\xaa\xe5^\xdd\x9b2\xeb_\xb2\x96SQ\xdb\xe9\xb8\xfb\xec\n\xc5\xa6\xd2l\xfd\xf7\xe8\x1b\xe2\xb8r4^g\x9c*,\xc7\xe8\x0e\xa0bE\x16\xd2\xed\xd9\xd9;h\xba\x96\xe3\xbf\xc0\xb0\xf6\xf2@v\xfe\x84\xd2\x16;\x8d\xe5\xd8\x83\x1f\x9e\xf2\x86\xc3\xd5Z\xa27\xb0\xee\x81\xe8"/\xde\xceT\xd8#\x80\xdf\xaa\xbaJo\xb1+\xe7\x96,\xf2\x91\x86\xe46=\xa2\xb5\xd2vL[\x16\xac\xd8\xa53X\x89A\x1d\x80Qt\xad\x8b\x15$\x11&gt;\xe1}\xe8\xe3?;pQ\xe4J\xd1\xfa\xff\xd6H\xc5\x9d\xdf\xbf\xf4[\xe7O\xc7\x84@]\x93\xeam\xca\x12\x03\x95\xb5\xba.\xa5\x94\xd6_c\xf4e\x80\x01;+~\xd4P\x0f&gt;\xb7O\xb4\xc7N5\xf3\x8did\xb2GH8\xe1q\xfcV\xa9c\x01\x19\xe9\xeb\x01\x1d#\xf2fK&gt; \x89H\xbe\xf6\xe9\xac/\xc9\x04\xe3ILT\xfas\xb9\xef\xde\xf0,&gt;\xe4oV\x9d\xf4/\xad\xde\xb0Z\xbd\x0b}!\xd7\x06xq\xfd\xb1u8\xfe\xcb\x07k\xb8\xffyn\x070\x11\'\xbfk\xd9\x82p\x97\xd6G\xfe\xeah\x01\x00&gt;\x08;e\x05\xf0qU\xd2\x85\xd3=\x05\xc8\xe9\xf6B\x95\xfed\xba\x8fw;\x1d&lt;4\xba\x95\xda\xd7\xdc\x9c\xbd\xc4v\xbdB\xe87\xa5\xd0GJG{\xc9\xb3\x85P\x9f\xab+\xd11\xac\xc3\xd4 l\xd0#\xc93WQa\xa3\xef\x1a\xc0\x80y\xe0\xb8\x03\xb2/\xa4b\x9c\xfd\x18\xe1mE\x15\xf1\x90\xb7\x02\xfc\x06*\xea\x941\xe8k\xbd\xdc\xc9\x0f\xa4\xae\xca\xf3\x02\xd4E\xfd\xe5\xe8\xe9\x1b\xd9\x1d\xb4\x02\\\xae\x82(\xc2i(N\xcb9V \xf7#P\xc7&lt;NeZT}\x00-\x1a\xe7[\x01bGi\'\xc3s\x11oY\xeb\x86\x04\xe0\xdd*\x9e2\xab\xfe\xeaj.\x01\xe0\x15&amp;\xe6\xd4\xb3\xd8-\x98Te\x1fH\x91_\xd3\x10\x8a\xe8[\x7fp\xa4\xb1\xb7\xff\xeb\xe6\x96\xd6\xc8#\x07\xd0\x13\xb6\xa6\xe1\xdc\x99jqdg\xb9B2\x0cOs\xe3\xa9*\x03f\xb2\x14\x1f\x95}\x98Q\xf4\xea\x06\xf4\x1d\x01\xfc\xa8\xb3\x11\xf3\xf8@\xb26Z\xe4\x04\x1d\xe9V\xa7\xa5\xf8\xd8\n\xf8dtP\xadu\xe4V\x80\x9ato\xe7\xc4kk\xc7\xea`V\x99\xf31r\x1e\x87\x14w\xd3\x9fZ{\xdb\xf9\xa8Q2\n\xf5t\x1e\x01x.\x03\xc0;+\xf5]&amp;\xf5\xae\xeb\xc3aj\xd3lY\x10\x9e6\x02P\xbb\xccDC.\xe5\xcc\xeb\x9c\x7f\xa0\x13\x80{\xdd\xe9V\xc1U?\xc9\n#Q\xb0-\x03\x1d\xab\xe5bG\x12\xf0\xa4\xebLVg\xe8\xfe\x811-\x9f\xb0\x03\x80\xeb\xa8\xa5N\x1ewz\xaa\xad\x14\x8a\x0chl\x96\xac\x9d\xea\x98\tg$\x16\xa5_\xa5\xf4\x03/s\xbb\x86\x0b#\x19\xb4\x08\xcchK@\x89\x1d\xb7\xac\xff\x1c\x01|*\x8b\x91\xbc\xf0\xff`x\xfe\xad\xe0\x8c\x12\x8f\t\x10[\x8a1"UL]\x161\xb7X\xd9\xb4s\x01\xc5\xf2\x95\xb5\xcdO"\x17\x81w\nu\xb4\xed4@}\x83\xd8\xd3\xad\x90\x96w\xbd\x92\x0c\x02z\x8c)\xef1=\xe5\xe4\x82\xaa\xa0d\xe8vK\x96\xdc\x06j\xf3\xc1\x9e6\xe6\x15\xb4d\xfdm;OP.\x97\x11\xe6\x1a[\xd1\xc3U\xe9\xea#\x99~\xcb\x8c\x7f6\xf9k&gt;\xdd\xabyrw\xf1\x02\xda\x13\x17K\xe4\xe1o\x89\xa6E\xac\xff\xcd\xb8Uu\xda\xf3\x8f\x18#\x92_\xceR\x93fl\x8c\x00\xb5\xe7Nm\x7f\x8d\xd6\xb1M{\x94\xa8\x13\xdaW\xd9\xec\xd0-\x0b\xa4[e\xb5\xe4\xf4\xdd\x95\xfa\x8e\xea\x87\x11\xd4-\xc6\x16\xb9\xde\xfc\xc7\x7f\x02+\x96\x1f\x01\xb8\xd8\xad%\xbf]\xe1\x03.\x7f^?cNQ%)[\x1a\x05x/\xff\xcbj\x1f\xae\xc2\x0eb7D"b6[\xbf\xb0\x83\x10\xab\xd6\xf6\xc9q\xadk\xf2\xee,HD"\x00\xf8EA\xb1\xbe\xa38\xbd2\xea\xec\xb2\xbf`\x90(V}\xa4\xc2c\x85E\x10\xe2DN\xf0n?\x11%\xf1K\xdc\x8b\xab\\\\\x01\xd4~{D\xdb5p\xaap\x06&amp;\x18\x18\xff8\x1f\x9c5\xd5P1\xbb\xd7\xc3\xc5\xb2\xd9/\xfbEU\xc3\r\xa3\x99\xb9`\xa9\x00\xe6\xd7_X\xac\xa8\xefPQt\xab\x96\xf5\x03\x98\xf7N\xe0\xed_\x0bmy\x8e\xfb\x80\xfe\x0c\xf3)u\x8dV\xbf.\xe7\xb1\xda/\xa8\xd9\xd3\xdc\x1c\x7f\x1a\xa55"\xa7/\xa4\x08\xee\tYq\xbe\x15#\xb2\xbe\xe67\x98\xcdN&amp;\xc3,0\x0c+[\xf2\x83f$\x82\x9b\xec\xff\x84\xd5\r\xe3\x86\x7f\xff\xb5\xb4\xe8\xa0u$-td\\3\xb0\x87\xf9\xf6\x01%\x00\xa5Bo\x89\x01\xefN\xb1\xfa\x8b\x1c\xac\xd4]\x8e8\xdfP\xa9\x9f:;\x9dz\x8c\x90`\xe5\xd7\x96a\xbcY\x87\x19\x9b[\x9c2\xaf\x13\x00\x10\x9b\xa0\xd2\xcb$\xbe\xb9/\x9d\x88\xaf\x9b\xb8\xb7S\xdf\xa0^\x86\xf9^\xad\x7f\xf1\xe5KuY\x02\xc1W\xbac\xf8_\xd0\xfa\xffyY\xfewJ\xbd[\x93\xb4k\xba3\x0f\xe0\x851\xc9h\xa5\xd4\xb1\xe2g\x9b\x06PJ\xa97\xd2\xea\xf5\xfe#?\x1ci?\x15\r\xd2N\xdd\xfez\xbf\x9a\xc8DX6\xed\xec\x86v4\xdc\xfdS\xa9\xac1\xa3\xb5\xd4-\x96\x8b"y\x82]\x83\xb8g\xa3\x19\r:\xfb\xa5\'\x96I\xac?"dA9\xf9A}\x17\x07\x1f\x9d\xbe6\x8d\xffw\xd8\xebC\xb6=\xfa\x8a\xa1\xc7\xa5\x04\xaa\xf73\x08w\xc2\x9e\x1f\xcf\xce\xea$\x02T\x0f\xab\x01\xb7\xc0\xf0{\xcc\x92@&amp;*\xb2\xe9d\xc2\xa8L\x84\xc8DK\xa3\xc5T\n\xa6~\x031\x14\x85\xce\xc6V(\xc0eA\xa8\xb92\x00\xa7\xe7v\x88\xba\x99Gdk\xc2D\xa2\xbcBk\x89\xd9&lt;J\xad\xda\xc2\xfaT+\x16\x81\xb2\x13\xd1"\x81#\x7f\x8f&lt;\xf5\xe8\x00\xe0J"\xc5\x7ff\xd9\xb2\x9aT\xf0\xa1\xdb\xb0\x96\xfd\x035R\x19g\x99\x00\x99\xca\xcfJB\xd2\x01X\xb1\x11t\xe4\xf6\xb3\xaa\xad0\x85{\xd2\xde\x01d\xc34H\xd7\x17_&lt;\xf2\xa5\xc2N%\x00!\x8e\x9f\xbe0\x98"\xady\xeaD\xba3\xbb~O\x9f\xb4S8\xa5)t-a\xaav\xca\xb8\xf2\x85\xdb\xc1\xdc\xdc(\xcb\xbet\x92\xb3G\t\xd8M\x1a\xe0\xbd\xdc&gt;,\x92b\xa0\xafX\x13\xb0w\x06S\xcfV]\x13*+*\x9eE\xcbS*\xe1\x11\\]\x8f\x94\x1a"54\xe0\xa6\x11)wW\xaf\x8dPH8&gt;d\xd3\x8d\xcb\x13y\n=\x00bbNz\xf7h\xc3:K\xbf\x0b\xef\x9f\xa6\xc0\x8b\x9b\xac\xcbC\xfc\x02,\xfbsc\x12\xf6\x9f&amp;\xf2\xf6\x1b\xcd\xb6\xb8\xccF\x0e\x02Q\x8f\xa8NAgcJ/\xb0\x83\xa5\xcf^I\xa1\x94\x842\xc7\x1a\xd1\xe4\x9dfB37\xb9\n"e8\x88l\x8a\x9dD\xfa\x10SQ\xacJ\x1d;N\xda\xb6p\\\xffN\xfc6\x19_\x9a\xbd\x0c\xf9\\\x18&gt;\x0f8\xfem\xaf\xb4\x8a\x85\x04d\x9c\xe74\xe0{\xcb\xd4\xfe\xf2L8\x94\xa4\xbcw\xa4\x90\xb7|*\xaf?\x14s\xc7\xdd\xcc\x00\x97\xa3\x02\t\xaf\xd9\x7f0\xe9Yw4\xad\xc8\xa2N\xb8\xf9\xd9\x18\x82e\x8eW\x9b~\xca@\x0eX\x87\x1f\x9b\xaf\x11\xa4\xcc5X\x03J{\x9c*#\x80\xd5\x19u\x12\xd8\xf3\x14F6H\xdbX\xccRY\xbc5\xc7&lt;\x821\x7f5)\x96\x17\x0e2\x95\x96y\x9e\xa0\xd3`\xbe\xc9\xf7\x1fuwp\x96\x1f\x18V\xcd\xaeLW\xf7\xa2\x85`-\x1b\x7fE\xba\x81u\x195\x05\x142a\x00\n\xe0\xd3\xfc\xef;$n\xcd\xde\x90\xc7^.\x03\xfe\x91\xd8S\xc8\xd8\x121\x84\xd9w\xf8\x14L \xf8W_ \x12)\xad\xe2P\x16B\xc3\x08\xf4\xc3\x19\xe0\xd8\xf1\xe3\x7f\xff\xd3\xf1g\xd2b\xe4\x13U|\xed\xa8\x7f#\xe9\xfe\xe5\xf6a\x8aL\x02\x05C\xaf\x82Pn\x0b\xd9\x1d\x9e\x98\x07q\xb3\xe5A\xe7F\x1a\xa5v\x97O\xef\x1f]\xff1aM6k\x93[\xfb\xa8\xe9rv\xe9 `a\xebf\xa22\x8f\xa8\xc3\xef\x05\xd8.\x86\xf2#\xd8~\x0c\xc9\xe9~\xeeM\xa7\xb4\x8c\xfe\xeb\x9c\xce\xdb\xbb\x06\x04\xa1\x9d\xd1\x8b\xc0\xa7+\xa1\xb5\xb3\xfb\xc5`7\x81\xf3\xcb\xe6\xa4}s\xda8\xda\x80\x965\xb0m\xd5W\xebM\x08\x88\xfa\x8f1\x17~\x9b\xf7\xa8M\x9d\x8e\xcc\xc6\xd0\xd0\x97\x97\x1cm\x8f\x9f\xd9\x0f\xef\x81\xec\xb9\x86\x11\x99\x9f\x1c\xb9(]\xba\x0b@\x96^\x05"\xa6\xed\x02\xd2\xc6\xba_m\xdf\xb5\xdd\x85\xba\x82\xea\x14\x11Q\xa4\x9c\xee\x17W\xc6\x19OEk\xa5\xbe\xf0XU\x0bE\x9f\x1a\x1d?\x00\x00 \x00IDAT\x1e5A\xc5s;E\x84"/Zq=?\xe7v\xb4\x1bS{\xba\x05\xa3\x89\x14~a,\x15Sa\xf6\xc3g\x0c\x87o\x14,\n{)K\x10\x16\xe0to\x95\xfa\xaa\xf2\x07\xa9\x14=\xe8W\xee\xde\xe6\xcf\xab\x89\xa1E67\xaa\x88xK\x00W\x02?\x15Eu\xb8\xe4c\xca\xc2\x16\xdb\xad\x91\xb6\xd8\xeaE\xa2K\x85\xaa\x10M4kj\xa80\x0f\xa7\x81\x19\xad\x8d)\x92\xdd\x14i\x8d\x80\xdfh\xec\xe9\x86H\xf7\x10\x88\xc1\x11\x95R\xc2x\x03\x9b\xd8\xf0\xd2\x93\x13p\xed\x00B\xcf\x16XD\x13\xb2GwxQ\xbf\xe3c\x17\x1d\xeb\\[\xd5\x1d\x00\x13\x0f\x83\x85\x10\xc2\xc1\xa0) \xa3{\x90\xb4(\xda\x1e\x0b\x93\xea\x8a\xbf\x89a\x1bo\'\xa76\xec\xde\xcb\x9d\xee!\x9f\x81\xd1\x91\t\xa5\xa3\x87\xa2M\xed\x88&lt;\xfd\xeb\xbe\xe4\x18\x9d\x98q\xbe\x8eJ\x89\x93\xfe\xac\xa0\x0e\x13\\n\xfdk\xfa2\x1d\xb4f\xf0\x9f.m$\x85\x95G\xf2\xaeN\xc5\xdc&amp;\xcc\xc3&lt;\xba"A\xf5\xde\xc1\xe5/\xf0\x9e\t\xe7\xf6\xb6\x9b\xad\x11\x9b\xb2\xf5\xde\x80\x11\xfe5\xbe%#\xfd`\xa50\x10\xde\xd8\x03o\xac\xf4\x8f\x13&amp;q\x9e\xe2Io]\xc7\xe4\xd1i\xcc\xfen}\xff\xfb)\x00\xb8\xef\xe31\xe2M\x97\xad\x1fV#\nW\xb4\xad\x0f\xc5\x91\x87\xceg\xdc\xb80oI\xe7\x11\x00\x18\r\xfc\xde\xc0/W\xb4\xd6\xf6\xe8V\x9f\xdf\x1f[H#{6Z@jk\xc8*w\xf2b\x02\xfe\x11\x95\xf5W\xb6\xe9\xdf\xc7\x1c\xa9\x02(o\xca\x94\x83\xa4\xde\xfey\xdf\x85t&amp;S.\xefI\x7f\xd3\xb8\x8a\xe8&gt;\x8b\xfc\nlIL\x16{\x01\x8e?\xed_G\xcd\xb1\xba"\rK\xec\x92\xee/\xb8\xccYS\xc6L?\xc3N\x18!\x07\x1b2X\xc7\x06`\xcddRW=a\\\xc2\x0cFn\x03\xdd_\xfc\x9b8\xdd\xea\x9c7\xd4\xa7\xc1\xfa"\x8cm \xb7n]]\xc4\x94\x9c\xfa\'/\x7f\x11\xa6\xda!?iW\xbah\x17\xd0\x14\x93\x02\xaf\xf3\xbej\xa8v\xb6\x9dG\x0f\xc1d\xbagu\x86\xd6`\xdd\x84\xa3Y\xc62\xdfDOH\xc6\x03p\x03\xd4&gt;A\x1b=\xe5\xd509\x9bJw\x9f_\xd3\xda\x9a\xb1\xed7u[4\xcf\xde2\x1fMHci\xf4X\x1cj\xa4\xa5u\x98\xd9B\xe1\x96L8\t\\\xfc\x08J\xff\xe6\xdc\rP\x07\x00l\xeb\x1aq\xb7\xf9\xb2TK;\xa6Q\xe6\xe2\x81\xc0\xe5\x1c\xd4\x94\xd7\x05\x07\x0f\xbaE\x82h\x8f\xde\x99\x84\x9e\xd8#\xeb\xd2\xd6\xa1\x95R_\xde.\x9d 4\x13\xdevv\x9c2KO\xfe\x8c&lt;^T\xcd\xd7\x86\xbe$_\xf8p\x17W:Oy\x7f\xc1\x91J:\x98\xbdD4\xb7\x9a\xce\xd5\xa6\xa9b$\xb0m=g9\x05a(\xa61\xf8\x86\xa4S\x8b6\t\x01\xfc\x07\x9a\xd8\xb6\x0f\xef\xab\x00\xbe\xb7\xd7\xc2\x9dW,\x03\xcc]I\x07\x90\x8b\x8aL(\x8c0\xa8}\xed\xfd%\xba\xa6\xe8\xf8=\x83\x93G\xc3\\&lt;\xe1\x0e8\nv\x98c\xf0\x7fj\x8f&lt;\x18\xa0\x87\x01\x05\x07\xc2\xa8c\t}a\xf8W\xca\x84xL\xef \xf1K?\xb6B\x9d\xc8S\xa7\xfc\x9e\x1d\x00\xf5\xae\xe8\x1e\xccY\xd9\x17\xeeDB\xcb\x1d\x0b9\xc6\x9f\xf5d\xa0\xf1\xd3\xcd\xf3\xb6\xefO\x133\xba\x00\x9d\xef\xa9J\xb21\xb6)f\xce\x97\xb9T\x0crE\xb4\x07\xb8\xa4\x11W\x12\xe9\x11Y\xc8&amp;`\xe8\xbe\x08L\xa5\xaa\xb1h\xec=\x88\xe0}\xd3\x03_\x8emu\xed\x03\xda\x13\x8d\xef\x99IZ\xf0W\xd9#\x9e\x98\xa9-\xaa\x07\x80\x8f\xc1\x07\xc6\xa0\xb5V\xea/\xd8\xc2\xe0\xe5qB\xc2\xbb\x13\xcau\xc4\x19\xfa2\xb8jZ\xaa\xce\xd4\xbb\xb8\x94Q\x11\xda\x88+0\xda\x16\xf8I\xfa\x00a\x83\xca\x81\xfd\x1dt\xfbaJ\xe3pL\xeaH\xdd\xc6\x0c\x02\xe0\x10\xe9&lt;@\xe7\x85\x7fEs\xae\x1b\xf1\xca\x10\x1b\xf7\x00o\xf77\xa3g\xa8\xb2C\xbd\x89\x86\xcf\x16\xab\xab\x18\xce\x90(\xd2\x01\xf4K_\xa0\xa4\xbb\x1f\x01\xd6\xc6\xf3\x96\x18\x08\x9d\xfaR\x91\xec\xf0\x10~\xfdztG\x7f\x0b[Z\x9b\x9f5e\x1f}0\xb3\xd5Q\xed\x9f\x8e\x18\xc9\xa5\xad\xc6\xc8\x86/\xe4``|\x8e\x8aRD\x02*\xffB1T&lt;\xb9J\x07\xcbj\xe05\x04\x06\xd8\x1a\xa1\x9c\xeeS@\xbb~\x0cq\t\x00&gt;\r\xfeI&gt;\xd8&gt;G\x84w-\xad\xbd\xf3\xb1\x94\x91\xeb\\\xa5\xa5\x00\xfb\x89\x01|\xdb\t\x87\xac\x1c&lt;u\xb3\xceKL\x11\x04\xf5\xc3=\xad\xee\xfd\x84\x89\xd9\x99\xb4$\xa1\xa5\xaa\xccv\x1d\x80\xb2\xd7\xd2\xe35S\xac?OF\xd4K\xe3 \x00\xef.\x159\x95\x15\x1eh\xa3\xd3\xba\xef\xdb\x88\xc7\xe0\xf8S\x85\x8dqo\xbdT5\x9a\xcel\xe9\xe0\xc0\x89\xad\xddQ\xa5\xc5\xcf\x0e~\xe0\x15\x8bpV\xce\xec\xc1\x96B\xab\x84\xd3\xd9q\xa8\x14a\x00#\x16\x81\x8fO\x951 \xed\xbeJ\xba`\xbe7G\xbbV\\4_\x9e\x0e\x08\xa7\xb9\xac\x96\x83`\xfa&gt;[&gt;\x15\xf1\xb3u\xfc\x03+\xbd\xf1\xfb\x93\xd1\x03G\x12\xd1\xca\xb0%+:\xf8\xdb{\xeb\x84\xc0\x93\xbe\x1d\xc0\xd5\xd1\xab\x8f\xc7hg\xb0\xe9a\x14\x97J\xbbcF\xc1|J=\x1b\xd9X\x12\x8c\xa4\xc2\x86\'f\'\xdc\xb4\xfeFA\xb4\x81\xc7\xdb\xd6\xc3\x01&gt;\xb44\xa1)\xf8\x89\x97o\x02\x1d-\xbf\xa9{\xfb\xce\x0fA\x88\xd1WC\xf8\x8f\xf4[\xa2r\xd637jW\xde\x94R\xe7\xd5l\x15Q\xd9s,=\xd6\x18\xfd\xb4\x8a\x92\xb0gT\xf0\xb3\r\x84\xf5U\x84Y~\xd7\xee\xf7J\xe1\xdeM\xb4O\xf7qP\xfaB\xf8,\xce\x0b\x03\xe8&lt;\x05\xc4L\x8d\x88\xd5z\xb3\x07?\xe5|\x97\xdfJ\xe8}\x03\xc6b\x04\x8f2\xbc4\xe7{\x82\xf7\x81\x10\x12/\xf6\xba\x94\xed\xbed2\x91\xc2\x941@\xcc}\xd6\xe9W\x88\xda!\xe9\x06\x9d\x83\xb1\xd7iH\xca\x1e\x94\xfa1\x8ax\x84\xf5\xc0\xcfF\xb7\xcfY\xcf\xc2\xc9c"\x17v@{[\x8e\x1dC\xf0i\xb8&gt;\x9b\x88\xdc\t_\x9d\xa94E\xcb\x0c\x00\xf0C\xc9xT\x9f~K\xa8\xc6\x1c(\xa1\x89\x8d$\x16aEHV#\xd7\xc5\xce\xb8S\x14\xf0\xf5\xfb\xaf\xe6lQ\xc6\xbe\xe7|\xe1\xa2bn\xac\x11#\xed\xfb\xa3CF~UJ)x_\xb1\x11\x8c\xa0j\xb0\x8fm\xf5\xc2I]\x07\xc0_u\xf0\xce\xaf\x1d&gt;\xf8Too= \xd5\xc7\x93u\x00\x89_\xad\xcf\x99H\x16\xf2\x10\x08\x05\xad&lt;\x99\xd1\x1f\xe9\x00\x042\xae\xb6`\xe1y\x1e\x87\xd2\x8c\xb4X:\x00\xfa\xa2\x0bwE\x88\xf7~8\x93Q\xe1\t+\\V\xd73\xffm\xd3\xe2\xe0\xfd\xb9P\xc6\x05\xa1\x95\xa2\x06\xbf\x85\xf8\xe6\xdc\x94:\x9dty|w\xbe\xe8\xd9\xd2\x87\x9c\x90\xd9\x87\x8b\n\xe3\xcc\x8b\xfd\xa5R?\x80x\xd0d$-Rv\xd5zV\x07\x00t\xb3\xd2b\xbf\x83\xac\xd5\xa9\x0bC)\xd5\x8c:\x1b\x81\xeac\xac\xa8\xb9\xe9k0\xd7\xb9\x0e\xa05\x0bH\xb7=!a]\xa2\x8d1T\xa48\xa5\xba\x1b\x13\r\xea\x83\xfd\r\x13\r\xb6\xba\xf6\xd9\xa2\x08\x08\xb8\xbf\x13\x18\x7f\xb8\xc9y,\xf1\xe3\xa9\x9a\xde=E\xb6\xdebtx\xa4\x9a\xa7\xf7\xcb\xa7\x9fEJ\x99-g\xef8^\xebF\xc7)[%\x1b\x13=\xb6{\x15\xd4~o5\xd9Fd}\xd3\xc0a\x9dD\x9b)\x86 \xe49\xbd\x15\xf3\rb\xd9v\x0c\x9fD\xbb\xe4H\x9a\x91\xb3h\xde&lt;\xbd\x85\x9f\x85I\xeaD]\x91\xd2\xd7\x02]l\x95\x0fz\xf1\x00\x00\xbc_\xbbD\xc2\xfadgW\xa6O\xbfd\xf7\xdd\xafn\xc5\x0ew\x95&amp;#\xe0\xd1\x1e\xa7P\x07\xcf*\x00\xf8\xcb\x99\xe5\x1ff\x02\x0b\x1d\xc9*\xe8\xa1\xc3\xdf\xd8;\xa1\x8a\xd8x6\xb0\n\x08sp\xb3\x92i\x01\xe0\xb3\x8aJ\xa0f\xb8\xf0\x15\xf98\x01\x00\xe0e\xa51\xf7#\x96\xc9M]Do\x9e\x05\xa6\xb2\t=\xd3\\\x00l`\x15\x1f\x01&lt;\xdc\xf4\x89\xe97\x94\x0e^M\xe0\xc6\xd2\xb3\x1f\x1fP\x1d\xa5\x91\xc3K\xa3/\n\x16\xd7\xe1q\\\x95\xb5oBi\xc5\xba\x1c\xb8-\xdc&amp;\xe4\x7f\xf3(=\xae\xcb\xe6\x9d\x8a&amp;V\xd7uyl\xd4\x9c\xd1\x1d@X\x86\xd7\x86\xbeT\x00\xbf\x10\xe0\x15\xe1x\x9e\xd7p\x04\xe7 \x98[\xedE&gt;\x14\xbc\x136\xa1D\x80"\xe5\xf3\x03\xbb\xd9\xb9\x9d\x1a\xc7|\xb7\xccS\xb9r`^N\x98A*ae\x13\xc6\x06\xf0\xcf\x90Q\xb5$\x8ay\x16\xb9\xfbS:\x80ga*\xfbX\x8a|\xf7\x84I\xed/\xccgLL\x9d\x8a~2\x07\xfb\xe3D\x8b]\xdd\xa7\xbb,\xf5#\x02\x93\xa5K\xdd\x9d Sl\xec\x00H\x1c\xace\x95E\xa8\xc2W\x8b^\xc6\xabn\x9a\xe2\x90\xac\xb4\x85\xcc\xd5\xe2\x91\t\xc7J\x06`\xa5\x0e \xdb\x81\x8d\x17)Kb5\xd5|@\n\xdf\xda\x01 \x02\xa0;\x80?\xca\xb3\xb4\x1f\xcb\x1d^\x08\xb3\xa5R\x11\xbf58\xd9A\xbd\xeb\xe3\xc8T\xed\xbb_.\xd2V\x0b\xdf\xf8lQ\x12~*\xa0.S?-2\x00\xee\xad/\xc8`\xc1\x07\x95R\xdb\x0b^\x94\xa5\xf1v\x16\x82\xaf\x7f\x99\xcb^\xf2^\x9e}\x03Z\xf0\xe6N\xad\xb5R\xe49uDZ\xf3=\x08\x0f\xa5\xf7I`\xac*d\xfd\x82D\x80\xd8Q\xe1l\x9c\xc1\xf7{dW&amp;\xf6G(N\x93\xcez\x1cO\xac1k\xeb\x906\xbe\xc1\x87\xcb6y\xc2\xd9\xf6+\xb3W\x15\xe5\x92\x07{\xe9F+\xa5\xbe\xfd|q\x0b+\xa3e\xfa%\x05?F&gt;F\xe9\x94S\x8c2\xf0\x1dp\t\x9d@\x0e?\xdb\x03\x04\xd3-z\xa4\xe8\xc1j%\xb6\xe3\xaf\x1b\x9bo\x0f@\xe7\xe6dG\xdcw\x07\x97\xf7\xc1\x96\xa1}\xa2\xc6&lt;\x8c\x8c(\xf6\xfbH\xc3eK\xea\x88&lt;\xac!\xe0y9Z\x8c\xc6\xaa\x14\xd6\x03\x86\xa8` \xdd\xa6\x0e\x80\\\x9cDZ\xe5\x1d@\xc3\xb3e\tA\xf3H\x05!\xa0\xdd\x1dF\xc3T\x0bP8\xd7\x0f\xa6\x7f\xf5\xccn,\x06\xa0\x18\x909c\xa3Xr\xd9\xe1i f\x1e\x16\xf7b\xfe_&lt;[\x1a\xe1\xa0\xfbep\xdb\x80p\x95;\xbf\xf6i\xe2\xd9\xd3\x01\xc6\x0c\xa1\x02wk\xdcZ7M\x17\x1cre\xb2\xb2_0\x97\x96\xa4(]\x00\x80\xdfd\xfe0\xa9\x14\xe8\xc3\xd9\'\xd9\xdf\xfe/\x15\x92SSL\xaa\xe8\x90\xba\x06\x04\x86\xb7\xad\x8b\xff\xcf\x15\x86\'\xe92\xec\x8a\xd7Z+\xf5&amp;Jk\xf5\x7f\xb4\xfe\xc1\xf6\xb8\x05\x81\x94\xf1^R\xc23\xb5\x7fIH\xc5\xc4\xb9K\x00\xf0e\n\xd1\x9f%\xa6\xb3\x00\x00\xe0\xef\x17&amp;\x8a\xf2\xdc3\x92\x84jgXy\xa7\x06C\xe5\x02\x80\xdd\x15\x9f|v4\xfc\x91Jc~\xc3\x03&amp;\xd6\n+\xdc\x05[\xcbP\x87Sf\xd8SL\x82~\x80\x8f.y\x1c/\tI&lt;n\xb4\xe8`\x89\x8e\xb0I\x80\xc2\x0e@)\x05\x9f\x19\x9d\xb0\xee\xaa _\x9d,.\xf8\xf5\xd7\x8e\xad&lt;\xfeD\xc7\x16\n\xbc\xff\x0b\x00\xf0\xca\xf2\xb4\xae\x8d\xce$7\xbc\x85\tB\x04\xaf9\xbc\x04\xd96\xa6s\x98\xcb\x1f\xf4E\r\xca\x1f\xcc\x8d\t\xc3$\xab\x01\xb1\x89\xecEu\x14#\x95\x01a\x91\x03\xbdQq*\x85\x99\x02\xa2w\x91\xe2;\x1e\xe1YL\xd4\x068^\xe8\x01\xc7q\x80\x85T3\xe6O\x05\x1b\xd8\x80|\xb57\xec\xc0\xe4\x0f\x03\x87qX\xea\x98\x9c\xda\xe6\x13J^GS\x94\x8a\xf7Hi"\x04\x89\n\xc3xan\xf2\x13\xcf\x8c\x98\xcd\xdf\xda\xfa\x14\x0c\t\x00\xec\x0e\xb7\xe8]\xf2\x11\xc6]]\x96R#\xe24\xbf\x1a,\x90\xf0|\xabQ\x9a/\xa8]\x10\xc6$\xb4W7\x80\xda\x8fs\x8d\x80\x99\xde\x0b\xc4\x8c~%\xe4,\x82\x86\x129,-\x7f#ew\xac\x17\xef]D\xd3Z+\xe5\xf6\n\x8d\xe2\xcf\xcd;\xbf\xb2W*12\x00\x00\xf8\x97\xddS\x7f\xed\xbe\xab\xa9wB$\xd4\xbc\xd2U\x10\xc6p\x1dV\xcfw99\xb3J\xe9\xc4\xea\x91\xb0~g\xa9\x8aL\xa7\x08\xb4&lt;e\x04\x10\xe4lKG\xbb\xaa\xdce=\x16Z\x03\x10[N\xa8\x88\x87\xbfq\xa2\xec\x03\xa8"*\x89\x90\xd0\x9b\x96UY\xe1\xe9@\x84\xd9rE1\xb2QmZ\x85k\x9c\x08\x01\xfe\x94-\x0c\xe7\xb2\n\xe2Kl\xce(\x14\xd5&gt;\x00\x00|l\x8f\x12\x18\xa3\x84\x8d\n\xbfb\xd5\x0bs\x98\xae+\xc9\x83T\xef\xc8\xb9\x03\xf0M\xd5\xf9\xb9MZ\x8a\xad\x1d\xa3k\xb6_Ru\xb5_\xdag \xc48\x85!\x890\x9e\xd0\x174\xeb\x0f\xb3\xa6"\xb0e\xfa\xf6\xca\xb4\x00|:\x80-\xe9\xaf\r\xc9\x16\x08&lt;\xb0\x11\xda\xa7\x91\xcf\x0f\</t>
        </is>
      </c>
      <c r="E373" t="inlineStr">
        <is>
          <t>&lt;class 'numpy.ndarray'&gt;</t>
        </is>
      </c>
    </row>
    <row r="374">
      <c r="A374" s="1" t="n">
        <v>372</v>
      </c>
      <c r="B374" t="inlineStr">
        <is>
          <t>steps_per_sec</t>
        </is>
      </c>
      <c r="C374" t="n">
        <v>5400</v>
      </c>
      <c r="D374" t="inlineStr">
        <is>
          <t>9.968064</t>
        </is>
      </c>
      <c r="E374" t="inlineStr">
        <is>
          <t>&lt;class 'numpy.ndarray'&gt;</t>
        </is>
      </c>
    </row>
    <row r="375">
      <c r="A375" s="1" t="n">
        <v>373</v>
      </c>
      <c r="B375" t="inlineStr">
        <is>
          <t>Loss/object_center</t>
        </is>
      </c>
      <c r="C375" t="n">
        <v>5400</v>
      </c>
      <c r="D375" t="inlineStr">
        <is>
          <t>0.14150889</t>
        </is>
      </c>
      <c r="E375" t="inlineStr">
        <is>
          <t>&lt;class 'numpy.ndarray'&gt;</t>
        </is>
      </c>
    </row>
    <row r="376">
      <c r="A376" s="1" t="n">
        <v>374</v>
      </c>
      <c r="B376" t="inlineStr">
        <is>
          <t>Loss/box/scale</t>
        </is>
      </c>
      <c r="C376" t="n">
        <v>5400</v>
      </c>
      <c r="D376" t="inlineStr">
        <is>
          <t>0.10217305</t>
        </is>
      </c>
      <c r="E376" t="inlineStr">
        <is>
          <t>&lt;class 'numpy.ndarray'&gt;</t>
        </is>
      </c>
    </row>
    <row r="377">
      <c r="A377" s="1" t="n">
        <v>375</v>
      </c>
      <c r="B377" t="inlineStr">
        <is>
          <t>Loss/box/offset</t>
        </is>
      </c>
      <c r="C377" t="n">
        <v>5400</v>
      </c>
      <c r="D377" t="inlineStr">
        <is>
          <t>0.18252158</t>
        </is>
      </c>
      <c r="E377" t="inlineStr">
        <is>
          <t>&lt;class 'numpy.ndarray'&gt;</t>
        </is>
      </c>
    </row>
    <row r="378">
      <c r="A378" s="1" t="n">
        <v>376</v>
      </c>
      <c r="B378" t="inlineStr">
        <is>
          <t>Loss/total_loss</t>
        </is>
      </c>
      <c r="C378" t="n">
        <v>5400</v>
      </c>
      <c r="D378" t="inlineStr">
        <is>
          <t>0.42620352</t>
        </is>
      </c>
      <c r="E378" t="inlineStr">
        <is>
          <t>&lt;class 'numpy.ndarray'&gt;</t>
        </is>
      </c>
    </row>
    <row r="379">
      <c r="A379" s="1" t="n">
        <v>377</v>
      </c>
      <c r="B379" t="inlineStr">
        <is>
          <t>learning_rate</t>
        </is>
      </c>
      <c r="C379" t="n">
        <v>5400</v>
      </c>
      <c r="D379" t="inlineStr">
        <is>
          <t>0.0009999935</t>
        </is>
      </c>
      <c r="E379" t="inlineStr">
        <is>
          <t>&lt;class 'numpy.ndarray'&gt;</t>
        </is>
      </c>
    </row>
    <row r="380">
      <c r="A380" s="1" t="n">
        <v>378</v>
      </c>
      <c r="B380" t="inlineStr">
        <is>
          <t>train_input_images</t>
        </is>
      </c>
      <c r="C380" t="n">
        <v>5400</v>
      </c>
      <c r="D380" t="inlineStr">
        <is>
          <t>[b'512' b'512'
 b'\x89PNG\r\n\x1a\n\x00\x00\x00\rIHDR\x00\x00\x02\x00\x00\x00\x02\x00\x08\x02\x00\x00\x00{\x1aC\xad\x00\x00 \x00IDATx\x9c\xed\xbdy\xd8v\xcdQ\x17X\xcd\xe2@\x08\x06$\x012"\x06\xd9T\x08F\x08\x84\x01\x94EA\xd4 A\xb6\xb0\\\\*\x04\x87A\x1c\x04d\x11Y2\x0c"CdS@0\xe0\xb0\xe4b\x91U.\x16!\xa2\x80\x8c\x01\x1c\x02&amp;(KP\x11\xc8$\x10\xc3\x8e\xac\xd6\xfcq\xce\xe9S]]U]\xbd\x9c\xfby\xde\xef\xab_\xf2=\xef}\x9f\xd3]\xf5\xeb\xee\xea\xea\xee\xea&gt;\xe7\x06\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1e\x06HwM\xe0\x81\x07"\xa4\xaa\x16\x11q\xfb\x90\xaa{\x88X_\x94\xc4n\x12~\x0c\xd2\x1f\xbb\xa2\x912CPH\x8a\xd7Y\xc6:\xcdv\xf75Rz1\x02\xc0Y\t\xdb\xa7\xf9\x82xj\x8f1\xacI\x9e)\t%\xa3\xc9&lt;\xeazs\xad\xc5A~\xe3\x80w\xccFo&amp;D\x14\xab\xca\xb6\xc6\xb5\xc4\xd8\x95\xac\x0e\x01\xa0\xa41\xd9\xb2\xc3\x16\xd5\xaf%\xe5\xbe\xd6\xab\xf1e.\xa0\xf4\xf0B\x97\xf7\xd7.*\x92Srx\x7fn\xd1\x0e\xd0,\xbd$=\xfc_\\v\xb3\xbdkU}o\x00\xce\xda\xfbk)\x91\x86\xd1\xb3p\xbf\x93\x84\xe6|\x90\x80{\xdb\x1e&amp;X\xfb\xbb"5"\xe2\x8b\xed4m\x95R\xf6zZ@:\x85\x96\xfd7\x86\xd5\xcd \xcbK\xfc\xfa~\xe3\'&amp;\x15&lt;\xfe\x06\x16\xb5\xb8N\x02S\xc0\x03F\x82\x81[Mu]Yij\xac8\xa3\xce\x04\x0b\x8dB\x9a|\x1d+\xf8)\r\x83\x8a\x18\xa9\x97";8\xb3\xafvJ\xdd\xd0\xaa\xbai\x873\xf5\xd3AOi\\\x7f\xf5v\xd9\xb8\xa7\xc8Fu\xd5\xb7\xa6\xac\xe8o\x8e\xe5\xebQ\xd1\xd9\xd1(b\x05p!\xde\xa3\xfc\x9a\x8d\tt\x1b\xa5S\'\xc4\xb6\xb7\xad4\xb8\x1b\x9f(J\xfbj#m\xdaqS\xac\x91\xf4\x9b\x17\x9fM[S!\xc4&gt;\xd9\xaa\xce\xfa\xd2S]S\xb0\xac\xf9\x8b\xce\x0eO\xfd\x82=\xd0\xde\xc2\x8dv\x80\xd6\xfc=X\xd3$\xdf\xd2M\xad\xc2T$jV\xb5\xa9\xeb\x85\xbav})\x93\xc6\x97\x86\xe9s\xbd)\xbb|\xf7n\x90\x9b\x8am\xf1:\x84\xbb7\x8e\x87\x1eX+\x9e^\xb5\x82\xdd+\xea,\xe5\xf0P\x04r6o\xd5\x15m\xcc\xf9\x8b\xfe\xf5c\x00o\xd8\xde\x1e\xa0\x9c\xa0^&gt;\xe7h\xb4\xb9ap$H)m\x9d\x1f\xe5D\x13\xc8\x04\xfcR\x8d\xb1\x19\x95\xa0\xb0v\x1d\xcam\x86\xebPp&amp;&lt;\xb0\x8a\xc5\xef\x01c\xc4\x81\x18\xf7\x13\x01~\x10\xb6-\x86~\x86J=P\x865[\x96\x92|{\x83\x94~\xd2\xa5\x17\xb1\xac\x10(\xb6\xa6\xce\x00P\x12\xc7\x9f\xeb\xc2\xf7\xacB21\xa7\xc6\xba\xedh\xfd\xdc\xf5\x1e\xd0\xc3\x1b]\xabK\xbf\x1c\x96\x9e]\x1d\x9b\x7f\x8a4\x0cn\xd8_\x90\x7fh\x04(\xfe9\x89\x17\xe5\xb5Q\xa9\x8e\xeau\x14G.\xa0\'\xaf\x98\xcb\x99{@\xc5Z\x8c\x11.\xda\xa2\xa9\xe2\\\xa5u\x944\xa7\xf5+\xd2E\xb9\x8b\xe7\x93c\xabX\xd2\xa6\xb6\xdd\x9e\xc6\x8f\xeb\xe3\x9f\x81;\x83a@]\xe6\xb5\xd6\x16W\xa1\xee$\x9f\xec\xcdE\xb2\xc3\xbe_Y\x17\xad\n\xe2\x7fy\xfe\xec\xd1"\xb2u\x10\x1c\xc4\xed\x9bg\x89\xe7:GV\x04\x00\xf8\xb4N\xb7&gt;\x00\x9c\xae\xab\x855\xad\xc9\xb9\xa2\xbb\x19\x82\xa8.\xbfF\xe7d(pS\x1ca\xf3\xed\xb3e@\xfe\x8e\xda\xd5\xa5\x19\xde\xda\xe1\xfb\x86-}I?AG\x97\xce\xb3N\xbf\xcc\x9b\xa1^\x0c\xddP\xb9B\xa9\x93\t\xae\x9b{B\xab\xf2\xe7\xeb\xea6\xd5|W\xee\xd5_9d\xccX\xa076\x81W\xe1\x1f\x91\x06Q\x83\xfe5\xacd\xa3{;\x88_\xf5oH\xe8ITz^\xbf#\xd7\xe5)X\xea\xdc\xc2\x1c\x0b|\xf6\xfa\x95}X\xba\x07\x1e_\xc0\xb1\x93\xef\x02n\x07_\xe5\xad\x8bn\xcd\xfdY\x060\xb2\xfd\xd0\xd3Rt\xbf\xfa\xae\xc6\xf5\xcf\xb4o\x9f{\x8a\x0b\xe8\xc5^\xc1%@s\xb7\x90C\xe9\xb2[D\xdcc\xf1X\xee\x9e\x15Z$\xe1\x1a\r\xd0h\x03\xc0\xa1\xa2\x9a{Lm8i\x15u3\x9c\xc5\xf1\x91P\xa6^\t\xc0\xf5|\xdf\xbd\x05"n\x06\x90R\xda\xe6\x97k\x8b\xc3\xea\xed\xbe\xd5\x15\xde\xd0\x15"\nO\xea\xb1.im\x86\xc3Y\x93\xf3\xd5\x18+\x80k\x90\x12\xc0\xfe\xf8\xab\xb8\xb8Kt\xa6\xf6\xbf(2|\xf3\x9dc=\x88\xf8\xda\xa7\xf0J\x07I\xafQ\xce\x07\x96$\x1d\x00\x80\xef\x0f\x88\xef\x07\xdcR\xdb\x0c-\xec\xd3\x99MI\xe7V\xadq\xcb-*\xed,\xd2\xf1\x10mS\xab\x90\xe4\x9ey3\x01\xf8\x87\x8e\x0f\xaeY-\x82o\x11\x80\xca\xe3}\xf5Er\xe8\xb8g\x8dr\x13\xa0V\x8c\x8b \x95?\xa5\x04\xafS\xcc\xe1&gt;I\xcb~\xcc\x99\xee[5\x06d\x9c\x0e\xfaX\xb6-\x96_\x8c1.&gt;5\x8e[j,\x12\xf1\xa3\xe9\x8d3\xe5\xb1\xc1;\xb9^\xde\xe4|\xe4p~&amp;\xadk\xe7\xa0\x879\xad\x9c\x9c\x8f6\xeb\xbd\x0c\x0c\xb57\xa8\xd8%g\x8dt\x98\xdd}\x05\xe9&gt;\x13BL\x01\x03\xd6ut\xb1qJ\x81\x87\x11\xba\xcc\x97y\xf9r\x00\x90\xaen\xb7$\xdf\x81K\xf7B\x97;\x12\x04@\xfcd\xe6\x9d\x8dR{IJ\x89\xa9\x87]B~\t\xce!\xaa\xbfi\xd01\x98\xd5M\xefQt\x7f*h\x89\xe9\x1a\xbd\x86&amp;\xf0J\xcbS\xc6\xfbTQ\x81q\xe0WNK\x98s\x8d\x82\xe3\xaeQ.#\x8e\xaf\x8f\xe8R1\xd9\x91\x0c\xc2J2\xb5f\xeaa\xa9.0\xd6\x03\xd8\x84\xfb\xee\x1d\x00\xb4d\xf3}~+\xca\xdf+\xc7\xec%\xed"*:U\x18)\x85\x8c\x9d\xba:\x899\x93\t\xdd\xa0\x13\xba}i\x89e\t\xdd\x8a\x03\x0f\x04\x96\xc4|r\x07\xeb\xb5\x15\xc3 M\xdfx*\xed\xe3\xb9\xc2\x9aO\x8f\xbc\xd3P;\xff\x91\xf2\x1f\xc8w[=S\x1b$f8\x83/\xfa\xc4\x14y\x94\xe64\x12m~\x97j\x11\x85;Kj\xa4\xe9\xaa+\x96\xb2\xbd\xb0h\xa9\x9bi\xacZ\x88\xddv4\x854\x92u\x98P}\x97.\xc7\xe7\n2\x18/\x8aM\xe0K@M5\x7f\x1dn\xe9$\xben\xa1G\x94\xb0_\xd4\xdcA\xea\xdfbJ+\xf6\xa6RV\x9d;\x9dY\xcc\x94\x1a\x1b\x07\x07\xa5\x83\xd5#\x8e\xaa\x13\xc5\xf6\x93G\x00\xc0\'v\t`\xb5\xd4x#\x08\x99\x01\x00\x08^*\x91\xd3\x02)\xff9\xa8x\x8f\xa2i\xda\xbf\x8b+,\xc6\x1b\xa7\xa8\x92C\xb3\x86\x84\x04)m/\x15\xdf\xdb.\xbf\xa2g\x14%\xf1\xbd9\x847\xfb\xb2&lt;&gt;G\xefG\xf9F\xae\x0eT\x04\xd8\xc4)pw\xa0\xcd\xe0\x9c\x91\x1d)\xbb\xb5\xf0)I\xd9\'=\x96\x8a?\x00yv\xf3\x904 6\xfa6\xe1\x91\xb6\x8a\x98SZ\xd1\xa6\xfa\xc2\x0e\xf1\xd7\x8e\xcb\xdf\xdbhtG3k\xd5\x82\xef\x0f\xf2\rC\x94#\x8d\x9f\xc9\xa6\xf3\x9d*\x15\xd8\x13\xecBg\xef\x90"]\xe2.\x9a!\r\x99\x07(\xcb%\x97\xb4Y\x80\xc0\xbd\x85\xd6~Z\xcc\xba\xb37\x1d\xb9\xa4\xf9\x17\xef\xab\xd7\x18To\xff\xbf\x13 \x00\xfe\x83\x0e\xbf\xef)\xd0\xdar\xa3\xcf\x11\x1b4\x94\xeb\x80\xf8\xabN\xbfl\x94\xc5\xae\x96U5\xe1\x9cv4\xdb\x88\xcd\xb4X^C\xa6\x87\x1b\xd3K\x1b\xce\x18\x8f\r\xfeZ:\x96\xe4\xdev\xae\xc0\t\xff&lt;\xee_\xe8.{\x95[\x91b\x94\x93"O\xc9\xdc\x88Y\xaf\xf8\x96\x0b\x17\x10\xb5\xe4\xde\t\xac\x8a\x9eu\x8f\xb3\x1b\xfba\xecpxh\x08\xb7\x86\xe4\xa0d*\xcd\xb2\xce\xd7\x80fK\xb0\xdb\xdb\xa7\xd6\xf2\x95\xa9\x15\x8a\xf3\xa1S\x85\x9c\xabH\xe6\xa7Gm\xc6o\x114\xd9\xcfU\xd7YJ\x83U\x91\xd2\xbe\x1d\xb8\r\xbc\xeeC\xea3X\xf6\xc3\xc5\xc4V\xc91\x01\xc2\xf0\xb0HqE`(\xefK\x11\x11\xf1\xdb\xf7\xaf\xc7\xdf^iZ\xd9\xf7\xbb\x1fr\xbb\xde\xb8\xed_,\xace\xadz=\xb5n4\xcd\xc0 -]\xfcN\x17\xff\xcf\xce{\xa1\xa7,\xdb"\xf7\xf4\xed\xe2\x1f\xf8s\xf9\xfa\xe2y\x1b\xd7[\xa9P\xc8/\xd0\x1e\xcf\x92]\x8e_\x03x$\x00\x10\x8f#\xbf\xb6\xe1\xe2\x07\xfbp\xe2U9\xfb\xa7\x94\xd2&gt;o\xd2\x0b\xb2\xba\x14\xf8|Ho\x0c\xbbJDC\xc1p\x01;\xc8\x08\x1b\xb0w\xd0\x83r\x13,\xd1\xce\n\xd5+\xb3\xc8^fF\xc7\x8bL&lt;\xfek\xc9o9\xb8\x12s\xfer\xcd\\j\x06{\xe3\xe6G\xd3\x89.\xfb\xed\xff{\x079\xde\xe7\xe1T\x17\xa7\x80.\xc7+\x95\xa34k\x9b\xe3\xf8\xc1-\x1c\xc9\xa2\xa9\x8a\xe0\xfd\xe18\xd9\xb2\xbe\x14ot\xa8\xd3_"\xb0O\xe7\x8fI\xdfr\n\x19\xb9\xb1\xf2X3\xaf\xce3\x89\xab\xd2xC\x04\x1e\xa4\x94\xe0}\n\xcf2.\x95dt\xfd\\KaE\xe6\xdbo\x1ch\xaf\x14\x9ad\xd8\xd7\x94\x00\xbe\x9c\xdd\xbcz\x12\x90\x12y1IOdr\x0fi\xdd\xdf]\xb9\x87+\xaeX$\x8e\xc1\x8ewk\x1c\x91\xfc\xf8\xdc\xda\x15\xafG\x8e\xc7\xa7\xd3\xc5\xf0-\xeb\x9aD\x0f&gt;gX\xab\xb3Fs\x9a\x0f]\xb7\xfc\xafT\x8c\x84\xda\x16\xd2\xc8\xcaQD3;\x00\xbe\x8f\xb5\xaf\xa0k\xb4R\x8a\x01\x9f\x8b\x9a\xa0\xd0\x9b\x83T\x8a"\xc6\xe9\x06\x94\x02m\x88\xb5\x7f\x1f\x1a\xc4\xe6\xa0\xee\xa1U\x11\xd2I\xf3\xea\xedE\x1e\xa3\xa6\t\x16\x9a?\x02\xe0\xff\xddJ\xe3\xf65\r\t]\x89\xa7\x956\xe5/\x949Dc\xbc\xa4]\xb9\x9c\x89\xeb\x9b\xd8\xd9p\xbd\xf0\x13\x13s]C*\xd0\xc2\xfc\xd6\x1c&gt;\xe3\x1e\xad\x18`\x85I\xd597y\xce~\xddL\x95\x87\xae\x01\x8aO\xd1s\xd9\xab%\x81^\x99\xd8O\xa6\xcb\xbd\xd5~\xc1\xaf\xe8\x97\x8fE\xde^]\xe6a\xf6\xbd\x8d4\x1aJ\x01\x17\x9a\xad\xca\xc9\x9dkB\xdd\x04\xef\x15\x18(\xf80b\x13x%\xb6\x9e5\x13\x13\xdcZzZ\xc2M\xf7&amp;E\x8d\xa7\xc9\xd6\xaf&gt;\xdf^\x9f\xef\xa8+j\xf7\xcd"\rT\x1d\xea\xdbeY\xb5\x9f!(\xfb\x84\xae\x1f:\xaf\x1e\xf6\xd6\xea\xa7\xd0\xd8SZ\x84\x11\x0fml\x9f\xb2[\xf9\xe2\xa4\r#\x00&lt;\x07\xe0I\x8cj\x82\xd6\xbe7+\xe0\x00\x81\xe1\xba-8l\xb9\xb9d\x80\xe4\xf5\xb6\xa2\xbb\xbf\xa8K\xc7\x00\xb0\x18]--e\xbf\x17\xbf+\xd2u\xceDt\x82\xa8\x1f\nB\xb7\xd9int\xbb*HF\xe1\xa76\xfc`\x9e\x0b\xb3\xd7Q\x1aE\xf3\xfe\xf5-\xd7\xcf\xf2l\x87\xactu\xf3\xc0\xfd\xf7^\x94a\xe0\xf8E\xa0\x92Q%\x04v\xfb\xb0\xc7\xce\xf1\x01\xa05J5\xc7\xecfJ\xa7\xf6\x8e\xd3G\xc0\x07W&gt;:\x82\xdc\xac\x9a\xc56\x05\xaeB\x9c\x02Z\x8c\xd4\xef\xfd\x8d%\xde\xfc\xc2\xafw\x15yDT&lt;k\xed\xaf&gt;\xbe\xf1\x99 \x9a\x87\x82\xbc\xde\xdfT/NfS\xe5\xc2f\xc0N\x04\xb2\xf8\x1ef\x8db\xdejA\xd4\xd6GNq\xe0c\xfa\xa8:q\x1e9\xdb\x1ag?\xcetP=\xc6\xec\xfd\xeb\xdf\xd0\xcf\xdb\xb6\xb4\xdcf\x12c\x07I\xe69\xe0\xb1S\xe5Ij_H\xc6K\x99D\xf2\xc0\xdfL\x94\x93\xac\x8d\x08\xdd\xfdd3@\xa7\xdb\xf3!  \xb3\xef]zJ\xe0^\x97\x18\xb3\xda3\xcdA\xba\x9c\xf3\xe6\xc8\xce\x08\xfdzY\xa0-,\xfa\x82&lt;]\xe3\x8dR\xf9G\x03%;&amp;\xe3\x8f\x960\x8d,\xf3\xedW\x81{\x01\xddG\xc8\'\xc3\x8ch&gt;\x1fP\xb7{;\xceV\xd4\x1eL\x86a\xc1l5!1@=\x008\xb3\x1b\xc6#y\xf9\x94\x83\xa7\xabV\x04\xb1\x02\xb8\x07 -y\xcc\xcb: \xceL\xf3\r\xd8g\x1f\r\xf7Zdl\xa8\xc3\xc3\xcb\xb3\xe7\x00\xac\xa3\xfa.\xb9l\x0b}\x13Df\xa9#\x13\x1f\xf7\xeaGd\xbd\xe5%1!\x83\xc3\x0be\xb1J\x8d\x1c\xd5\xb8\xa7\x01\xc4\'\x90,\x1a\xc9\x8b\xb6\x04\xf3\xd9sg\xe3\xe5`\xd5\xb0\xba\xd6\xed\x9f\x17\x95j\x95\x99\xd4/\x05X\xbdi\x15\x89$\x81I\xf4L\xc7\xf9\xf4t\x83o\xd1\n%&lt;gs\xbep\xb7^\x9e\x06\x1eH \x02\xbe\x82\xbc\xac\xd3\xda\xf49\\\x02\xcf\xdbt\x12\xd9\x8f|Cu\xc5\\U\xb3\x94\xb6\xf0_!Wt*EF\xde\xe5\xbeY"V\xeb2e\x9e\xb9\x9a\x81-C&gt;*\xc7\xb1[\x95\xd1`\x953;e\xa0\xf2&gt;\xc1\x07\x05~\xea4]\xae\xa6T\xb6\x11\xab44\x9b\x83\xdd1*\\36\x95*\x95\xe9\xc9@z\xa8\xad\xc9\xc9d\xc0\x02\x03\xf7\x0bu\xf3\x19\xed\xce.\xf7\xb6&gt;\xf7=\xd2EM&amp;" \xfe3+\x814K\xd5zc\x9d\xd7\xa6*f\xc1\x83\x98U\xd8\xfc\xf5\xc3\xad\xd1\xa8\xbe\x95sk&lt;DbF\x87\xc4\xad\x0e\x99\xc0V#\x1a\x02\xbb\xb0B\xc6\x94\xf61\x02\x1e\xdbD\xf6\x16\xa0i\x9e\x97\xd6\x15\x1ema\x15\xc9/mB@\xec\x01\xac\x07\x1e\x01D\x7f\x00Z\x13\x02jp\xf0\xbc\xdc\xab\xeeL\x8fGP\x11\x1aA\xcc\xd2\xb8\xe8\xf2_X\xbcf\xf9\xe7\x95\x97@zt\x11\xda\xae\xd3\x18T\x8d#\x80\xcd"\xd3\xfd\x95\x9c\x05\xac\xba=\xb7N\xcex\xab\x04Z\x96}\x7fb\xcf!\x04\xa6\xcb\xe2\x94\x07\xa5\xfc\xf5\xa0\xa7C\xed\x9c\x12\x9c!\xe3\xfc\xbd&gt;rz\x03\xf8\x0bk\xe4\xcdP6\x9f\x84\xbb\x030Zp9X\xd1:\xce\x1dI\xb64\xc07\xf6\x00.\xc0\x1e\xb6^\xd3\xc7\xca\xf9fni\xaam\x0f\t\xf6\xaa\xfb\xad}E}f\xa4\x06dx\x9br\xc3\xd2\x11\x00}\xb5\xda\x8fv\x90\xdd#\xd4\xcd\xe0\xaf\x92\x17~\xc4\x19"\xde\x86\xb5L\xb5\xe3G\xf6v\x1f\xcb\xc6\x8bjYPq3\x8eJI)\x1b\x1c\xa4u\t"\xbc\xeb1\xa0\xe5\x99q\x1dks\xe0\xeaI\xb1\x1f\xa5\xf7G\x80\xed\x89\xb5\x9fY\xaf\xa8\xba2\\\x05\xcd\xda\x1b&lt;:\x95\xb3\xdc\x83\xb3\xe3\x0fS\xf4\x9aD\x0e\xe36\xf3\xd5\xcbCc\xb5\x88\xd6l\x95\xa9v\t\xd4\x98\xb0\xbc\r\x95\x07\xb7\xfc\xb7\x0b\x1d*:\x9bAKL\xcb\xc8\n\xcd*\xe1)U\x18\xa7\x96\xa0I^\x0e\xd4q$\x90\xe3iR\t,\x15\x93\x0c\x873\x92\x82\x94\xc3\xea0!\xb7\xc6)Q\xa5LC\x9d\x9f\x18\x90\x08Rq\xf7}\x87i\x06&amp;\xd0k(b\xff\x94SB\x1e*\xb8\xbf~i\x9d\xf8\xcdy\xc0ZS-\x92\xb1\xa8Z\x03\x80\xa7\xc4\xe3\xb0\xab\x88\xdd\xc0\xbf\xda!\xd3\xde3\xc8\xf2\xa5"\x9f\x97\xf2\xa7fE,\xf3(T\xe6K\x8c\xe1JV(\xa6)\x84\x18\xea\x06\x18\x92&lt;\xb5\xcf2x\xd6i\xfa\x95\x8f\x807\xae\x94`@ \x98\x8b.g\x19\xdb\x95\x15\xb8\x13`\xf5\xa1\x9d\x85\xf5:w\xb3\xda}\xe6tI\x8f\xaa3\xea\x89u\xdd\x86\xa7\x00\xdd\xa9\xf5\xda\xa9\x91z\xa0\x8aT-\x9c\x9eZ\xf8\xc5n\x1a\x00\x01\xde\xf9\x82\xb9jM\xbfQ0\xd6\xe8\x05&gt;\xb8\xad\xce\xc9\xca\xd2\xd2`\xcb(\x8b9\'\xcd@\xe6l\xa2J\xd3%9\x1fRPsbk\xe8-\x08\xfc\xee\xbdx\xb3d\xe0\xc4\xd6\xb2\xf8\xf8\x8e(\x04\xb3/\xb3\x9b\xc8y\xcd\x04\xf2E\xfc \x00(\xcc\xd1c\xd0\x06=\xfa\xf5\x10\xdb\x11R\xf0\x97HL\x83\x9d.\x95z\x90\x13\x1fsr\xee\x11v/\xa0\xd5\xb3]\xfbukv\x95\xdd\xd9Rb\xc4\xa9Vf\xdcd\x86W\xa8x\xed\xbd\xaf\xcd\xb7\x99F\xb0\xea&amp;\x83FBg\x87bf*\xdfC\xb5\x97@\xe0r\xe4v\xd1\x9a\x87[v\xd9=h\x9a\x03\xefx)\xdb\x7f9\xba\xe6P9\x9b3\xbe\xb6ew\xb8\x15\x16C\xf0\x94\xc0*\x91!|\x18~g\xd1,\xb8-\xa7.\x88\x8f\xdeP6\x92\xdd\xba+[;\x8fP\x95\x02\xe5\x1a\x13MN\xba\xf5\xac&amp;+\x9bj\xb3&gt;\xf2\xdd_\xec\xd5\xc1\xa6D\x16\x87\x1f0\xf4\xf6\xab\r\xdc\x0f\xd4\x16F\x1bU\xb4\xec; i\xdc2{\x08\xbbh\x96u\x9c\x03\x13\xfe\xec\xb60/\xbe\x14\x8e\x89\xe4\xba\x9e\xe6/\xff\xa1\xd7!\xc7\xa1\xceI\xef\xfd\x00\x10\xf1;M\xd53@\xfc\x83\x8cOi\xed_\xa4\xb15\xac\xab.c\xb7y\xc9T{[\xca\xabK[\xe2(4\xd4a~\xb2\x80N\xc4\xe1\xa1K\xa06\xdb\xf1\xb6\xb2\x9b\xbd\xec\x05[\xeaN\xaaG"&lt;\xcc\x82\xc5e\x99\x90=#{*\x9d\x9d\x85\x972v\xf2\x076@\xac\xaa\xba\\\xba\xedm3\xc3b\x91\x08a\xb74\x99F\xa3\x90:?\x9f\xb7\xb8\xf1\xab\x81V\x01%\xe3A\x14\xde\x7fYW\x88m{T\xf8\x92\x07\x0bjQH\x9c\xe3\xb0.Z\n\xf5\x8d \x82\xf2\x11\xbd8\xe4\xcd\xe39\x80K\x90\xc8\xf9\xdc\x02\xc3\x07~\'\xa8\x187\x8b\x9e\x90\xad\xad\xba\x02\xba\t&amp;\xe9\xab\xff\x84\xfb&lt;:7\xe5\xc8\x8c\xccQ\xba\xa6\xa8-7Hc\x1e\x1f/\x8f4\xc7\xb0\xa9h&lt;\xc7\xe3\xea\xce\xb1d\xb9\x87h\xccU_\xb1|\xbe\xa4J\x9b\xaaW`\x95/&amp;2Z\xe7i\x17U\x08{\x11\xcf\xf6oo\xf5\'\x80\x8f+\x07\x95\xb2\xc3\x15\xab\x85n\x8a,\xdb=5\x8d\xc0\xcda\x87\x17xbe\xa9\xd9\xb5\xcc6\x92L\xaec\xb5uz\x1dnV%\x98\xd2\xfc\xd4\xea\x90\xfdI\xc6!\xcf\xcbv\x98\x9f\x03\xd7y\x08\x91\xa7V\x02\xadL\xdf,\xc9iE\xc0FB%\xa2\x19\x88&lt;\xf3\xd5\xa6\x16\xd1 \xf1\xd3\xf6\xbcT\xa0\xcc\xa4E\xd5\xb8\xab\x17\xb4\x8dX\x01\xac\xc4\xa5Cp\x87\xa1\xef\xc1\x19W^\xfaN\x89ab\xa0\xf7j\xb6\x16\xb8$\xf4\xfc\xb2\x80\xf8d\xa9\x03C\xf6\x10z\xee/.\xb2\xbc}v+\xb5\x1a~!\x17\x8b~\xd8\x82|\xea0\xa0\xf3 w\x9fQh1\xb3\xf4\xa1\xac\x8a%\x03\r\xe2c\xb1\\\xd1\xd0\x95\xd5~\xe5\xdf\x17\x144j\xdf.\x914\x8b\xff\xcc\xe3\x8d\xb1\xa7~Z\x16\xac^\x94\xdbt\xe2\x02O\xb2\xce\xb3 yv\xf8XD\xb6\xbe|\x02[Z$\x9a\x01\x00\x10?\x07\xcb\x04\xf9E#\x02\x8c[\x81[\xc2\xe8E\xc6\xe4bL\x85\x98\r\x05\xd4w\x1b\xc2\xc9W\x97w\x18\xf0 ,}3\xa3(\x1f\x8f\xbf\x08\x80\xef\xe3Z\xc4\xe8\xf2;\xca\xd2\xa0Z}pf\xcf:\x99v\x7f\xadf\xbd\xe22\xe5\xc0\xdb\xd75\xdf\xdd~D\xec\x17\x03\xe0w\x02"\xe2gp]L;\xe7#2GDIB\x17\xb4\xd2\x08\x85U\xf0\xac\x9c\xe5\xff,\xc8\xf8W\x9c\\c?\xf3:\x13~\xa3\x95\xcbI)p!\x8c\xe6nX$\xbd\xd8\x1fd\x14\x04Jvdq\xf3I\xf3(u\x90,\xb3|5|\x8cc\xfer\xfa\x05#\xc1\xbb\t\x93\xee&amp;3z\xb7\xe4f\xa5\xa7\xc5a\xa5\x1b\x00\xf5,\xaf9\xd7\xa5\x11_\xc4\nP\xb6\xcf\xf7\xc9F\xd2\xd3\x82\x92X\xae\xaeNYgl\xca\xf4\x100\x85\x90\x8b\x1d\x03\x80(\xb0\x10b\x13;3\xbe\x0c\x89\xfcx\xd2w6\xc1\x99\xb17C`9\xd0\xe1kx\x16\xc5\xf2FL\xa0\x14\xc8(\xd1\xbb&amp;\x81"A\xb3c\xc8\x12^\xadL\xa0\xf7\x7f\xc4O\xda\xee,1_\x8d\xa5\x18 \xb6\xdc\x81c\x8e_\x17\x87%\xe8\xa2]\xb1\xfd\xc8\x99\xf9\\\xddf\xf9\xa3\xed\x045Q\x0e]\x8d\xb7G4\xa4(\xfc\x9d)\r\xbdM\x15\xde\x8a\xc8\xcbM;QK\x91+\x8fC\xe6\x129\x81\xc5\x18ki\x9a\xfe0\xb2w\x9b7\x97\xd1\x11\xa8\xe0\x8f\xf81\xcd&gt;\xe2\xe9A\xf5E\x96\xf2;G\x8bY\xca\xd4\xa7\x84\xd6 $\x90\xffw}z\x85\xd2Y$\x8f\x0fu^\xea\xa0?\xa1\x87\x03#\xc3Z\xc2(l\x83\xaa\x99\xa0\x97\x8f\x9dfP\xfe(1h\xad\t\x0c\xaa\xfeu@%\xf5=t\x1ar\xf6\xce2\x05\xee\x0e\x1e[\xd7r\xed\x9f\x99\xc5\\\xc3\xb3\xd6NU\xa2\xe2\xa9\xc5\xfe\xe1\xef9\x00\xf0\x8aT\xec]\x07.\xd5r\x95\xa5\xeb\x10u~=\x8bVUfq\xab\xae14\x1f\x19\x1d-\x1a\x0f\xac\x1f\xf8\x0bNQ\xf5\xe7\x0e2\xbee\xb1\xb8\xea\xaabk\x88x\x0e\x8c\xabLGl~qMC\xcb\x91?\x7fy\xa7\xf0nb\x1d\xb1#\xbf\xec\xc0\x05\x18\xeb\xbae\x1f\x93\xd6\xefoS\xca\x7fk\xd9:\xa7\x08\xeb\xc4\xa5\xeeA\xb8u\ny\xcd\x15\xb4\x07\xc0z\x11\xaf\xe7\xfd\xe2P7%y\xe9\xe7\xb3~*\xed\x1a\x01\xc6\xa1\xbf\x94\xba|\xc4?\x0e\x80\xf8\xe1r\xe2Ju]\x1c \xfe\x08\xea\xe2\x08\x04\xce\x02\xfc\xb0\xaf\\\x9f,\t1\xc4.\x84`\xc6T#\x96\xc3\'\xbdn\x96\xabN\xd3K\xdf\x99\x03\xa7\x97k\x0f\xe4\x13\x86\xf7\nG\x7f\xdf\xd1\xf5H\x11\xd2\x1f\xc9\xca\xcf\xdf\xf2\xb6L\xac\xa3\xcd\xfe\xe0\x11TS,x^JoRq\x03\x00\xcc\x8f.\xd7\x04\x04\x9b\x13\x9e\xf0\x84L\xfe\xc6\x8f\xb3\x9e\xf4\xf8\tE\xac.\xd2\x82\xf4\xd1\xdc\xf2\xbe^J?e\xae\x1b\x92\xfe$Q]\x99\xf3\x15\xc5lR\x94i\xb0\xfd\xdb)}\x06\x9e\xad\xc6RV\xbf\xc7"\\9\x9f*w\x94\x0b}n\x08\x11\x86+\x06\x115\xfdb\x8b\xd4\x15\x08\xaf\x92\xd2/\xab\xe9\x9bb/2\xfey-\xf1\x1c\xc0&lt;H\x1bty\xff2\xbd\xe2\xfda\xf7\xc2\x0b\x1f\xaf\xfd\x8f\x87\xc6\x13\xdc\xfb\xef\xd4\xd2\xae\xd8)\xb8NG\xb3\x1a\x1e\x87L6\xf7\xcf\x7f\xca\xa9\xd2\x83\xb7\x16(\xf2\xc3\xd8\xa9\xafv3\xcf-\xc3\x0b\xf6\xa2I\x99E\xa1\xd5\x03\x04K~\xd1\x89L6sU\'\xf1Ae\x1b\xcf\xd83B\x95\xf1&lt;uNg\x9d9\xc9\x17Q*\x12=\x8d\xf7\xf9\x91\xdf\xf9\x94S\xb7\xbb\x86\x10\xf8\xe2F\x92\x9d\xc5V\xcflK\xd1\x17\xcd\xfbkX\xe5\xf1;\x83\nKt\x06z\x80\xe7B\xb23#\x89\xe7 \x00\xe2S\xb4\x05).]\x02\xf7ReQ\x85RN{\x91{:\xf7\x06\xa5"\xc0:Y\xdc\x9a\x19J\xc2\xf7\x8b\xef\xdc)|\xcb\xf5\xa9\x9c\xbc\xa8Z\xc9^m\x12t\xfah\x81O\x81w\xb7[\x07\xdf\xd3\n\xf1\xd5m\x81\x88\xf8\x9cF\x16\xb9\x869^\xb9\xa0Q\xa6&gt;U\xef_\xdb\xd19\xf1N\xa3`fM\nz\xb1H\xd0%\xd5\xa1\x93\x13n&amp;\xae\xf3\xf6f\t\xac\xc7\xeb\x0f\xe5\xca\xad\xfedf[\xc2Th\xc484\xa5\x85\xd8\x8f\xe9\xe0I\x19T\x9d\xe13\x97p\x1b\xec\x07\x9a\x9cVw\x9d\xf1\xbcY\x82\xa1\xbd7/t\xf2\xa9\x0b\xe7qRv\xfdh\x04\xea\r\x06\xe9\n\x97`\x88e\xb7\xd8\x07\x04\xf8D\xa24s\xf0\xd4\xa1Y\xc6\xeeZe\xea\xb0J\xd9\x96\xd8\xa1.\x8e\xf6?h\x183\x02$\x86n\xc8\xc9\xb3\x92U(\x97\x1d.\xe6[\xb2\xbf\xabH3\xbaU=\xd5\xd5\xc8PE\xf3=\nN\xc7A{\x97\xeap\xaf\xe8r\xeb\n"\x08"\x0e\xd1\x0bUru\xdbJ\xbc}\xde\xdb\xfd\x05\xca\x00\xf0\xa5\xa2\x16\x8b\xc0[\xd1\xaf&lt;\x8b\xa7,\x85X\x80\x7fb\xd6\x8c\x9d}\t\xba\xb4\xdc\x9a\\`-\xc6\x1a\x8e\xcc\xd4\xb2\x9c\x9b.\xe8\xfc&amp;7c\x9cv\xc6|\x0f\xcb\xb0\xc3\x80"\x9b\x80&amp;\xd4\xdf\xf1\xee\xaag\xda\xce\xcbpsF\xb1\xb0\xca\xee\xa0\xf1\x98:!W\xf6\xad2\x7f\xbbh\x99\x12e\xbd\xff\xfb\xe4vHM+ \xcdbOS\xee\x03z\x0bhH\xe8\x12\xf1r\xc3\xfa\x02\x1b\x10\x06w|\xc8\xe1\x1e\xdc\xb6\xd7\xb6-\xd7&gt;\xed\xa3/\xb2g\x91\xcd\xeb\x0e\xe8\xb4\xe9!"&lt;g\xb9\xde\xad#$\xbe\r\x9d\x00\x94\x1a\xc3\x89S&amp;+\xe0\xd4\xdf\xd5X\xce\x97x\xfbD\xfdB\x9d\x8f\x9cn\x02x}H/\xe8\xe0\xc0\xc1\xe3\x8bG\xc6\xa1_kxc\x80\xe7\x8b\xc2\x87;L\x0fN\'\xec\xd6U\x9f\xb6\xea\x87n\xdb\x81\x9b\xc1\x19S\x1e\x98\xd4\xe8r^\xa4\xddr\x12\xf0\xa6\x9c!\xda\x12.~\x9d\x94\x99e\xb1\xa9e\x91\x98\xe4\x9aQ:\t\xbb\xe0\xbcDR\x8d\xe5\x8b\x88\x88\xf8o\xfc\x95x\xb3\x82\x1b1Oa\xdfbF\x91\\\'\x88\xfa\x91y\\d{\x00\x80?:(jU3 \xfe\x95E\x92\x02\xfd\xd0,\x98^\xd0L\x1d\xfb\x8d@\xb3\xb2:\xbe\xa4\xf24-\xb5\x0e\xc8.D\xcd`I\xff\xff+V`\xc4\xaa\xb1\x01\xda\x134\x15\xb1\x82\x16\xf2\xf9\x9f\xcaG\xc2\x0c"7\x8e+\xf6\x82\x17\xb0\xb3f\xeb\xb4j\xa3\x9b\xc2{5\xb77\xb7\xfa\x8b\xb3\xca\xae\xeess?\xf4!6!\xddnE\xe5T%H\xd6&lt;NC\x1f\x1b\x18OC\xe9P\x97\xb4\xf8\xc8$\x89|\xc4\xdfDD|\xdb\x19U\x00\xfa\x00\xf0\x06U\xdcyV8\x00~\xa0\xbe\xb7\xdc;\x07\xd4g\t\'g\xab\xbd\xba\xb4\xdd\x0b\xecu\xc8\xf0sS^Lk}\xc3\x98\xb5\xeb3\xa8\xca\xd5A\xdbL\xf6\xc3M\xa5\xfdd\x03\xeb\xa0\xce/&gt;\x9a|\xd6\xad\xf0\x12J\x95dm\n\xf3h\xadONh\xffYm\\|T5\x00\x00\xe0\xe7\x08\x8f\x1a\xf5\xc2\xe8\xf6Sb\xcb5\xca\xc1\x13\xe8WFcLQ\xce+\x92\x17\xc5\xe2\'?\xc0=\x9f\xdb\xdb\xb4\xc0\xcf*\xa6\\\xa7\\\x04@\xfc\xd3\x88\x88\xd3\xbbNuDKH#\xb5\xdd\xcc\xb4\x03\xe6\x0c\xb8F\xec\x18\\\x8e\xdcZ\xec\xa1\x7f\xe1\x01z\x82\x15\xef\x038\x7f}[Tj\xb3]\xc2\x06\x01~\x07\xe0\xe5w\xdf.\xc8\x92k\x03\xce\xd9\xac]K\x1a5\xad\x87\xe4\xad\xb6\xe1\xea\xe5\xadI\xa8~NJ\xff;\x00\xac\xdee\xa4\x1a\xb7\x8ad\xe2\xb1\xa8\xde=\xd9\x00\x83\xc9\x9ai\xcb\xd7Y\xb1\xf6\xba\x87;\x99\xb9rXmo0\x08\xefE+_\xa92S\xc0\xb5\xcdt\xef*\xfa\x01\x85\xd6*\xc4\xb2\xd5\xb3\'b(b\xcd\x00p\xbe\xc0\xe4\xd0b\xca5f\x16\x83g\x8d\x0e\xb9\x86\x1c,=&amp;\xaf\x90s\x0c\x03\xb1\xa2DjUb\xf2\xd3{sF\xff\x8d\x00\xef\xca\t\x17l\xc5\xa1\xcb@\xb3?\x8bN\xbf\x96@1z0\xacm!\xc3\xc8n\xd0R=\xc7\xfc\xc2\xa1\xab5\xe3n\r\x00\xfb\x89\xbfc\x08\x9f\x9a"\x1cd\xd6\x147\xde\x05t!J\xd7P\\?o%\xde\x92k^\xf8\xb3\x89\xfa\xe5,\xf3\xd0\xa2\xdb\xb2i\xe3\x83|\xb67\xd1\xe4\xe2\x88\xe5\xaa\x8a\xbf\xd3\xcd\xdf\xce\xeb\x1f\x9a\n\x17\xf2\xafTV\xf5(C)i\xf0\xac\xac\xdf\xb5J\x99R\xb2\xdc\xb3\xaa\xcb\xbd\x96\x97\xc3Kv\x8e\xee\x10\xc1\x99\xe5\x87z\xb3\x9abOkG\xa3\x92&amp;\r~a\x97\xa9\xc1\xaa\xb2|o\xd4\xfe\x92\xae\x167\x80\x94\x9ep\x9c\xf2^Due (0\x0b52[\xdd\xa0\xe1N!\xe5\xbaF\xf5\x0b\xdat\xa2\x85W\x99\xd4{\x94\xda/F\xaeR\xad\xf6\x0c\tXfP[\xca\x17]\xd5\xb4\xe7\xabNz\x12\xb5fJ\xb7@[\xb7\x99\x97\\\x1c\xdcT`\xa2\x10\xf7\xff\xcf\x80H\x1b(\xdf\xb0\xd2\xddh\xbbT\xee\xe9?\xb4\x99l\xa4\x18\xa2\xd9\x8c6;@\xac\x00&amp;\x91\xeb]\x9b\x83|\xd0&gt;\xef&gt;\xaf\xd0\xf7k\xd6m\xf6\x0f\xd7Mdz\x1e\x17\x12\xbd6\x15\xf0\x8b\x1e\xe3\xda\xdc\x9f\xdc\xd7\x0f\xf7\xeb&amp;UT\xe9i\xe2\xf2(\xdb\x96\xb0K9\xde\xfbfH1:\xd2\xf9\xda$=\x96\x91UkBD\x9aY5\xd3^~\xf5v\xf3\x19\x1b"!\xcb\t)[\xb8\xe3\rw9\xc6\x1a\xc9\xb9\xba\xd9\x82\'f\xe5\\\x01d!H\x0f\xf6\xf4\xff\xc8\xb3\xb6\xebd#O;\xfa\x84\x04V\xa29K\xca\x9e\xeb3\x95\xeb\x88\x88op)\xc7R\xafv\xbd\xfd\x9e/\x87p%)"~\x13\x00\x00\xfc-\x87\x84\x0f1%\xf7\x11:\xa7\x9fU\xa1L\x15\x06=\x96\x06\xa5[\xae\xc1r##\xca\x17\xf8\xeff\xa6Uoo\xb5\xd8\x12\xce\x8a\xca\thI\xd7M\xc3\xfb\x9b\xb2(\xe6\xcd\\\x1f\xab_\xbf\x9d\\Hc\xae\xc53b\x13x\n\x9b\x1d\xb6v\xf0\x84Y!m\xb6\x9b\x9dy\xc8d\xaa\x17\xa0\x83\xdd\x9b&lt;\x0c\x8d\x12\xa1{\xd7\x0b\xdb{\xe9\xe3\xac\xec\xec(5\x93!\x8d\x9e\xe9\xca\x9b{~nyg\xf0\x9c_\xee;\x85r\r\xb0\x8c5\xab\xb9}E\xa8\x0c\xe0\xc5)\xbd&amp;\x00\xe0\xab\x02\xbc\x14\x01\xd2\xf7\'xK\xa2\x0e`R\'\x11\xd5#\xe6\xa0\xbaW\xd6|\xe7A\xc4\xa6\x10\xc5\x8a\x12\xa4\xc6\xb9\xa6\xc5\xe7\xc1@\\\x88L)\x89\x10\xd0\x14R\xb5\x85\xcb\x13\x94_\x17\xb7^/\x8e\xf3\x03\xf5\r1\xf9]\x9c\xc6\xeb\xd8\xcd\x13\xbbe\x9e\x1bb\x16\xa7\x08\xcc\xd9il\xc1\xe9\xfd\xa1\x8c\xe1\xe2\xb1\xb9G\xb6\x07\x1bH\xe4\xef6\xad\x04\xc4}\x03\xdc\x1c\x8d\x15\xd1\x93-\xf5G\xb8\xb8t\xfc\x88\xe7K7?\xbb{\xff\xed\xde\x11\xe6\xf0\xcd\xdc\xf5_ vVV\xb9n\xdbND\x1d\xed\xe5a\xd0\xa6\xd83\x89&gt;(\'\xdd\xfb\x83ix.F\'\xb5\xd3\xd0\x8es\x11\x0c\xc3J\x027G\xefzmfy\xf7\xe7$i\xe2\x92\xb1\xb9\xb0\xc4-o\x83\xaa\xba,\xf5/T\xb3\xe3F\x80\xefh24v\xdd\xab\x04\xa8\x0b\xb1\xc5\xa2\'\xbb\xa7lv\xa9\'\xc4\xb0bjil\xf9Z\x81\xbe\x05\xe0\x9b\xc7h\xb5uI\xb7Z\xdc\x9a\x89\x87\xf8\x18\xb7pr\x13\x1b\xf1\xd5\x86\xed\xe4\xc77\x02\xd2+\xf6\x04E\xfd\xdc\x02\xb7Fo#u\xd9\xccyh!\xfb\x14\x9f\xde\xba\xf33\xb5\x1e\x03\x16=\xc8!\xcd[\nM\r\x95[\xa8\xf9?\x1a4\xe4 \xbb\x034=\x00&lt;\xe3\xa8\xcf\xb3n\xf5\nA|+\x7f\x91\xa1g\x00P\xf6\xd7\x1b\x19=\xf2\xeb\x11\x0e\x1c\xa3\xfe\x18\x88|_\xb1\x8f)\xc8\xed\xa1\xd8EA\xac%\xc1\xb5\xbd$d\xcc\xda\xff`\x07U\xbf\xfc\xc0\xed0\xdc4}\x16C=\x97i\x9a\x95[,l\xf4C\x84\x04\x85\xfd\x8a\xa6\xa68\xd0\xe7\xd4\xeaj\x0e\xe2\x82\xd7@\xcb\xffZ\xfd\xad\xea\xd2\x07\x1e+z@\xf2\xc1$\xa3\x15\xcd\x89\x8b:n\x97S\xe0\x15\xe26\xbf\xb1\xf2\xea\r\xd4/\xee2\x94\xe3\xe2q\xb1\xabZ\x89\xa8K\xb1\xb3z\xd5\x8b\xd5\x04za{\xabf\xdeE\x1c\xf8W\xee\xb3\xea\xde_1\xb1S4\x13\x14\x89Y\xe0\xc2\x9d\x91JPo9\xa4\xed\xf7\x9eE\xafhcX\x8b\xc9L\x03\xf7\xa3KK\x93\xd4\xe1\xe0\xf6\xc4]\x8d\xc8\x84\xf4\xf0\xf2\x9e\xfe\xbc\'(\x87\x81\xf7\xbdak\xb7\x91\xc9\x8c\x99a\xfc \xccU@D\xf6\x02\x90A9kv\xba\x90\x1ev8\x9eITQ\xef,\xd1C/r\nI\xa5\xb6E\x95\x0e\x17\x90\x04G\xf0NM\xc9pP\x11\xce\x0b=\xb6J\x08P\xbfJ\xa1\xce\xa8\xb5\x95]P&gt;\x8a\xca\xb2W"\xedc\x12\x8a\x9a\xa4\xf3&lt;*\x88\xb3\xd8\xcdc\x8f\xfb\xa4\x94Z&gt;\x9d\x9ae:B4\xf6\xfb*([\xe1\x1c\xc2%\xefP\xe2"s\xa1\xfat\x15U\xf1\xac\xee\xec\xd7c\xd8\xcd\xc4)\xa0KP\xcd\x1e\x87\xde\x16\xc0\x85\xf4\xe4%\xcbU\xa8\xddw\r\x1f\xbdUG\x0f\xf0\x89\x84ev\x9b\xdb\x99\xaa\xf4\x9d&lt;1\xbe\x08\xf1)\xe0tl/\xa4\xa9\x12\xc0\xe6\xd7\xfb\'G\xce\n\xc9\x7f\xb6\x0f)=\xbfx\xf2\x0c\x00\xe0S\xcb,]Sl%\x01\x9e\xcay\xe2"\xfd\xdft7T"/*\xf0\xe4ai\x92}&amp;\xc6\xe11\x97{\xffg\xed\xa3\x18\xabA\xf5\x19\xcc\xfb2\xa5\xef\xc4\xd1\x1d;ff\x81[\xc0^M{\x17\xd7s\x8b\xcd\xae\xecF\xe2O\xcbiZ\xd9sQm\xd5\xcd\x04\x00\x80\x1fV\xed=\xd4\xea8\x87\x9f\xcc\x19\xf0\x98\x0c\xfb\xbdm\x17\xda\xfc\x05\xd8\xbb\xd0\x9a\x90\xb7\xeb\xa2\xb4\xa4\x98g\xbd\xbd\xa3;\xcb]{\xd0l$\xb5\xcd\xd0:\x11\xabH\x0cI\xb1\x84US\x8eDhs\x96\xde\xbc\xd4L\xd4\xed\xa8^6\x81\xeb\xe0\xe8\xdd&gt;9+IMa\xefZ\xe2\xad\xd7\xed\x8e \xdb\xe5\xe2\xbe2\x13`d\xc4\x9d\x0c.j\xbe\x114\x92\xfa\x08H\xe8\xc9\xd7\x00\x00 \x00IDAT\xe7\x85%m \xb6\xde\xe6\xdc\x93\xd2  V)+\x98\xed"\x11_\xd9\x12\xae\xe6R\xf7\x0f\x0c\xe3k\x98\xa2b\x1c\xb5\x8d\xb1\xcf\x03F5\xb6\xf9A\x0b\xf5\x95\xfd\xd9\x03w\x00j\x89K\xba\xf1r_\xa0*RT\xd3\x82|\xa0\x94\xc6ro\xbd\x1cF%\xd5\x1d\xec\xe8\xc6\x1d\xc7\xa2\xe6a\xd4\x86V&amp;a\xe3\xfd \xf6G\xa7\xd7\x82L5\xbb\xc8\x13TY&lt;\xa2\xd4\xf5\x8d\x9eW+\x91q\xdd\x90&lt;`1y}0P\xb7\xb4\xbc\xbdy\x03\x0fq`\xd9\xcf\xef\x83\x81tL\xfdFm\xda\xd1\xf7[\x124\x81\xee\xec\xb5\x841\xd5\xa7\xc05U\xc1\xee\x16\x11\xaa\xed\xe2\xb3\x1bK\x8a\x05c\x80\xc8\x06\xab\xbb4\x01\xfe\xb4\x1c\xdb\xd1\x8a\'\x0e\x034\x97F\xc3\xc9\xdc\x16\xdee{9\xddp\xb5\xf6\x97\xe3\xc8\xa8E\xa2\xf2,a\x88\xcf\x00b\xc7\xe0\x12\x9cM[\xeem!\x82\xf1\xfe\x10\x87X\x00\xf3\xd5C\x94\xc0E\x07\x15\xb0\xf1J}\x10\xad\xf7\xd2S\x13\x88\xc7\x0bM\xb7O\xbf\t\xe9\x15\x16\no\xd4$\xeb\xc6\xe2~\xbb\xf8v\xa3t\xfc&lt;\x19\x00\x00\xbc\x00\xe0\xf5\xb4\xc4T\xe0\xdc;\x7fNV\xb6\x96\xa6"\xbb\x80\xe5\xdd\xf3\xe6Y\xea\xcebh^\xb6x\xbf\x16\x00\x90Z\xed\xe2Oe\xf9\xfb\x0e\xeb\xe6\xbb\x056u\xd3\x94\xa5nZ3\xd7ua\x8a8\x05t%\xca\xa3\x85\xdblcf\xb3\xac\xf9\xea\xa1\x8bP\xf4\x16\x93\xff\xce0\x9f\x15\xca/:\x16d\xae%xV\xecB\xef\x0f\xad\xf7\xb2y\xa6\x7f\xa2\x84\xea\xe2\xebu3\xd3)i[\x0b)%\xe1\xec\x90&lt;\x1b\xed8&gt;$\x9d\xa9%\x17Sq\xa3O\xba\xac\xe5\x1f\x8bz\x13\x1b\x0f\xde\xa2S\x05\xf9\xec\x9d\xd5o\xea\x98\xf7\x07\xbe\x181u%8ke\xcf{\xc8\x8e\xd9\xf9\x03\x8b\xd6&amp;\x95la\xccl\xe6]\xa4&amp;\xe1\'\xaad\xfbZX\x95c-t\x0f\xc2?a\xde\x85\xb7w\x0b\x1c\xc3\xc2\xb0[o\xb8\x0c\xdfL\x8c\x89{\x03\x04X6=\x91P)2[\xa1\x10e+\xfa\xbaZu\'\xe7\x13\xbf\xab\xa7yd]!\xc7\x87\xa6\x86q\xcc[\x97\xb7\x16&lt;B$I\xf8$u?fL\xf30\xdf\x18dn\x07\xd2B\xa9\x8e\xe4T\xab\xc2#i\x9eD\xfb\xa6\x06v\x88f9\xea\x98\x8f\x11\r`eId}0\xcf\x991\x19\x9e@\x1d\x84]\x02\xd0\x1d\xcd\xf8M\x80\xff\xa9j\xdf\xbaq\r\xc5\xac\xd2\x06P\x9b\x90\xe65\x9caF;=\x96\x8f\x86a\xfe\x8e\xc8r\xa0|e\xb0\xb0\xe8\x8b\xc34\x84\x00\xc0e]I\xab:\x8f\x19\x18\xd2\x06J\x1cO\x02/C\xd3\x8b\x95\xcdS\xa5m\x9c\x88\xc8\x0b\xeaV\x1b#\x7f"\x13\x9bQ\xecC;\xf5\xc8\xe0\xed\x81\xf5F\xd6\xa9_\x9d\x93\x94\xc1\xb1\xd9\xc7\xca\xf6\xaa\xef\xe8\x06t\xb4 \xb1x\xf2@\x8dsTJ\xc9\xe9\xabj\xef_\x8a\xf1F\xc6\x9b\xadikY\x98\x8c6\xa2\xcc\xaa\x8a\x0cmI\x01\xaa\x81\x01@\xac\xf0\xca\x96; \xe6C\xfc})\xfd\xb6\x98\x9e\xaa?\x1d\xb1\xb2y\x03U\x91\xf3\x16\x94\x9f\xaf0\x05\x1c\x840\xa1t"\xf6\x00\xd6ab\xc9\xe8\xc8y\x86\x17\x1b\t\xb9\xf7\xdf\xfe\x1e\xa7\x1d\xea\xd5(\x91yN%:\x88\xd5\x04\xd4;L9\x1e\xc4\xa4\x94\xde%-\xd2\x9d\x95\xe4~\xe2Z\x99do\xff|\x94\xfbag:yS\x19\xeeI\xdb\x8f\xc2\x16\xa1`\x8f\xfa\x1e \xf9[(\x956\x06&lt;8b\xee[\x14[\x92\xc0C\x9d\x1da\xcdO&lt;\xb6B\x81\x04\xa9f\xa22\x87E\xfd\x96\x11Dke?&gt;\xc3\xf9\x01\xf1/frP\x0e!F@\x15\x00J\xdb\xe1\xc9\xbb\xbcyJ\xe3\x0f\x00G\x08h\x19\xc6\x16\x9e9\x17\x1c\x8dq^\xa9\xa2+\x1b\xba4\xd4!\x1a&amp;\x01\xf7\xf9\xb3\x1a\x1c\xe8SW\x99\x14\x9dLI\xfbl\xd5&amp;\x18\xb9\xdbT-\xf4\xb2?\x9c\xd2\x7fu\xf0\xa4\x19\xe9r\xa4\xbb\xf9\x00\x94\xd7\xf2X$\x0f\xa5v\xb4\xc7O\xa7\xb9b\xb3\xeb\x93\x85\x1f\xaf:?V\xc5y(\xb7M1\x9dD\x1fu\x9bJ\x03n\xb3c\xf3w\xb6C\xeb&gt;\xe1\x93\x05l_\xdf\x1c\xe0\x07\xa8\x84\xb1p\r\x94\x8dK\xc3\xc2y1\xb9+\xee!&lt;\xbc.\x8c\x01`\x19l\x83`]\xda3\xe0\xcf\xc4gO! Lm\x18\x07\x1a\x03\xa9\x83\xb6tX\x1a0\xb2\x99\xa9M\xafp\xbf\x02\xb1Z\xdc\xb99\x01\xff\x89C6\xf4\xb6\x87\rgqZ4\x9c\t\x18\xc9\xeeq(\x07\xf9K\xcf\xe2)K\xed\xa33\xe7\xb2\xb1\xdc{3\x05\xd4 \x89\x16y+zGA\x00\x9e\x94\xd2\xf7+\x13\x9d\xae\xbd\x93\x94R^{\xb34{\r\xf8\x1c\xf4\xcc~I\x84\x80\xd6\xa01\xc3*\xcd\xb1\xf6&lt;\xca\x1c1\x89+t&lt;dzV\xc4\xfb:=%\x80\xa7h\x94H\xdf\xaa(\x00\xfco$\xf1\xc0\x1a\x9c\xd6\xc9\rN\xb6Q\x05\xaf~|\x10\x96\xd8&lt;[\xaab0[\xc6\x96:w\xb0H\xcc\xdbN\xd4\x88K\x10Q\xe6\xben\x17\xcf\xb1H\x0b\x892\xca\xc1\x1aw5\xbd\xe4\xc8\x90r\xc6\x9d\xbf\xbf\x10e\xba\xa4\x9f\x9fVE\xa63\xb4uv\xa2\x94RJ?\xa0\x97\xa5Yqt\x8e\xbfG/\xf7L\xef\x02\xf0^\x07\xa1\xb3\xe0M\xd4\x81\xa9\xc0\x1d\x00?\x10\x1e\xb1}\xa8|\r\x9e\x00\xd4_\x07\xd6V!\xe3\xbf\x0c\x12\xf6i\x1f\xe0yK\xd8\xf4\xb2/\x12\x13\xd0\x8bo.\n\x1fu\x856\xc9\xde\x8c\xea\xdd\xb2\xcfOR\xdd\xeb\n\x00\xf1\x9f3\x02\xe8\x1b\xfe\xed\x86\x10\xd3\x8b\xd9\xc7\xcb0\x84\xdb[tm\xb4\xf7\xad[\x05\xa6\xe0i\xd1\x01\x0b i\xbf"_\x19\'\xe9\xcb~\xa9\x9d\x96\xce\x05\x10\xffr;K\xe5\xf5*\xbc\x97v\x17\xca\xde\xde,\xd6\xaa\x01@\xe4i\xa7\xe4\xb9\x96\x90\x18Bf\xd0\x9e\xdb\x96\xb9\xc0\xfcZ\x17\x8a\x95\x15\x97\xd6\xff\xcd\xe0l0\xc1loB/p\x15h\x0b\xaa\x0e\xe5h\xe9\xba\xf5\x7f\xc8\xa7\x82\x99\xca-\xcd\xe6\x8a\xde\x88\xe4\xfd6uW\xc0w\x02\xd63\xea\xfe"t\xa4\xfa\xaeE\x00\x11\x11?}m\xb1$\x156\xd1\x9cxK_\xe6\x9d%\xc0\xf9\x14\xd5~\x11X\xe9\x9c\x9a\x94\xd0\x91*\x84U\xd7=\x81\xa7n+\xc3\xb6D\xe1\x07\xaf#W!6\x81\xd7\x00\x95\r\xbd\xb3\x9d\x8fm\xfdr\xeb\xbf\x7f\xb7\xe7\x06qt7rA\xf4\xcd\x8f\xe2\x99\x001\xd1!d?\xacQ\x9dP\x12\xf6$\xf3\xc5\xba\xa7m[v\xf7\xa1\x8a2\r\xdb\x1d\xf0\xc3\xe0W\xbe\x01\x86/\x82.3\xa6\xac\xe8\xb0\xf6\x05\x8a\x981\xd0\x8b\xdbU|\x19\x80\xdf;\xbf\x8ek\x99#[5\xf7\xb8\xb8\xda\xe0\x97#\x1e\x04[\x06\xac\x1eZ!\xed\x97\xe8iG6\x06\x80\xdba\xdd\xcc\xf9\xd7e1`o}\xe7\x1e\xaa\xc9#wT9G\x1av"\xb0\xae\xc9\x17\xa9Rj\xb1\x17\x8c\x13\x05\x19\xd2\xdcL/H\x03\xe7-f\xb2t\xd3xF\x86~\xe4a\xb3\x9c\xcd\xda\xc9\\xAe\xb3\xa3A\xf9"\xd6\x0b\x87.\xf3\xad\x15M\x90\x04\xc1&amp;\xbde\xcf3!\x91\xbbG\xca\xc0\xec!N\x01-\xc01\rQ\x13\xd4\x8d\x92Oex\x96\xb0b\x12OXv\x1c&gt;+\x9a9\x03\xe3\x94\x0f\x85\n\xbd\xc4{\x9a?\xe0\xaf\x13\xefi\xd1\xed\x83\xef)\xa4|XE\x93\xcf\xe6\xe0\xdcQlC\xa6\x83\xd8(6\xf7\\P{Tgpo?\x1cc\x9d\x9d\xd941\xc5\xde\xb8SoL\x87\x1c\x96;\xaf\xf8\xb3\xbf\x7f\x19\xb0\xba\xc3\x05v*f\x89\x15\x0e\x92F\xf5\xdc\xa7\xe8\xc0\xc3\t\xa2e+a\xde\xfe4\x92|O\xc6\xab\xd1\xdc\x150\x82\xddG\x82N\x8df\x91\x7f\x0b\x00\xf1g\xee[D8C&lt;\x00\xa6&amp;\xb8\x96\xc9\xdf&gt;?_!\xdf\xde\xf9h\xd3\xdbS\xf5d:\xf3\x0e\xf3\xf4g\xec\x12\xab\t\xf7\xe8k\xdaL\x99l\x84m\x8c\x18\xeb\x91\xb7 \xf3\x15\xe9\x809\x0fe\xa8\xd2\xb4p\x01\t\x9d/\x1f\xf9Q_\xe3\x1f\t\xe0(\xe8\x99\x8a\xe6\xca\t\x9c\xcfF\x18\xb3f\x1fa }\xea~\xcd\x84\x8c\xaeYnx\xc0\x9a\x18\xcdM`D$\\\xaeH/`m{Mk\x1c@I\xf2\xb3R\xfa\x08W._\x1cF\x8cU\xf6\x8a\xd2V\x83\xba3yIJ\x8f\x81\xce\x00X\x84\x80.\x00\xf2w\x9eTs=q\x18\x17\x06y:\x86\xb0\xec\xbb\x1d\xa42\xd9\x00\xd9\xb9|\xcc\xfb\x03\xc0+\x14\tR\xc3\x1b\xe4\xfc\xdf\x03y\x1a#Nu41G\xda&lt;\x1c\xee\xd7T\xc6w\x00g@\xadx\xf4\xc9\x00*U\x04\xbeE\x95\x11F0*\x99\x7fmib~\x8a?\xcf\xa8\xf2\xc7:\xae\xb8&lt;\xd2XM\xbf\x04\xef_\xf3C\xf1j\x85\xfc\xc8\x1a-o\x9dg\xac&lt;\xff\xdc\xaa\x87G\x1f3\xb2!\xd1\x81U\xa8Wmu\xff\xa9\xef\xda\xab\xbc:\xfb\xf9\xd5\xc5\xa7-\r?+_iO\xe2j\xa2\xac&lt;\xf9\xb6\xb3D\\B3\x0f\xa1\xca\xb2\xd0\xef,\x80\xb6_~\x13\x87h\x1f&lt;4E{\xd0\x8a\xe8\x8f\x95\x0fC\x13n\xe8\xa5w\xb0\xe7\x14i]\x1c\xa3\x06\xae.\xb8H@Sy\xda\x8c\x1e\xd4\xf2jtSj\xf0\xd45\x0eW\\\x0c\x16\xeb!\xb5\xc5\x07\xa4\xf4\xe5F\x82T\xbd\x16\xca\xadH8=Y%\xb3&amp;\x05\x9b\x90\x94_DE\x8e\xab\xb6T\x1f\xccA\x9dy&amp;\xdf\xef\xf3\xed2\x01\xa0\xf3\x18CU\x93{\xee\x9aR\xbd\xe5\xde\xf1j\x04_\xb8C\x13\xf8\xab\x00\x8f\x14\xeb\xa7\xcaP\xd0\xbe,\n\x84\xda\x0b\x8d}-\x85R\xc5\xf24\xa6ga\xads\xe3p\x17\xb3s\x83\x84\xe5T\x87H\xe7\x82\xcb\x87Y+\xe1H\x7f\xeb\xf4\x9az\x8a\x10\xd0,\xea\xb1\xb7n(\xea\xfd\xa1:\xb7 \xfa\x01\x0fRr\xfd\xbe\xb0\xc7\xf7\xeeex\xb9#\xed#zl\xcd7\x0bn\xa6I\x036.\xbaP7%gE\x1b\x9c\xf2\x99\x1f\x03\xaf\xac\xc9\xa8\xe7\x01Dlr\x06\xd3\xfb\x91\xf6\x03\x9a\xbf\xc7Y9\xcaRC\x08\xe3\x00\xaf\\\xdeAH\x17X\xeb\xd5\xde\x01\x00\xf15\xed4\xc7\x1c\xc1\xe3\xfdUn\x8d\x18\xdd_V\xe6\xefd%\xca(%\xa9Fr\x94\xf7\xe2\xd3v\x81\thK\xb3\xeeu\xa2\xb9\xd0\xeb\x15\xe5\'S\x19g\xf7J\\\xb4u\xc9\xfc\xd7\xa3Wa3\r\xbbD\x93!\xe2?]@\xf8\xeb\xfdUrM\x9de\xe1\xdf\xc4\xaftF\xb4\x9a\tr\xbd\xf5\x99\x93\x12&amp;\xb2\xa5\xf8m\r\xabf\xd5\xa4\x15\xe9\x8bx\xe3_}\xba9MS\xec\xb1B\xab*L\xf9T\xd1\x19\x92\x9d\x13\x1cX\x8d\xad5&lt;\x8f\xdbYa\xfa\xba\xa5\xcdf&gt;\xee\xbfcu\xa5\x11\xee\x842\xaa\xee`]\xc9\xbf\xc0\xdc{\xf5\xfa\xd37o\x19\xc2\xab\xec\x80\xf8\xa2&gt;\xce\x7fRmt4\xbf^\x04g+5\xeb\x99\xd5WW\xe3\xd3\x9c\xfe\x8cu\x0b\xd9\x15\xd8k\x90H$\x14\xe3\x81\xd2m\xeb\xe2\x1b\x864\x00Q\x02\xf6\x97\x0b"\x04t5\xb6\xe0\xfa\xef8\xda\xa5^\xe2\xe5,\xf4\xf0D\x8f\xf2\xef\xc8Z\xc9Q\xcdf.\xe2\xe3&gt;\xac\xad\xa35m|\x1cIz\xf7\x13\x13e\xa9\xdd1\xd7\xde}\xd3\xb3\xc8\x95-{\x02\x80\xd7\xd8\xe4\xe0k\x00\xe2_,\xb3P\xf9G\xe8\xef\xb9 \xb6\xc79m&gt;}\xe1\xfa\xca;\xfc\xc5\xf95\xd7I\xf6w\xb6OiW\xda\x19gw\xed+\x1c\xe6\x9e\xf2A\x9a\xbcW\xe1\xf5ly\x07\x8b]\x16\xd3\x12\xed\x87\xb3\xfe\x92\xdaG\xef\x11E2.mW\xb7 \x9d\xf9\xf8gc\x17m\xb8I\xc5\xd0\xd9\x19X\xeb\x125\xca!\xb0\x03\x9b\xbf\xb8;\xba\xad\x87\xe5~Qm0\x9a\xbc"eK\xe9f\xdfD\x0b0\xaf\xe4*\xdd\xf5!\xca\xba6\xca}\xddY\x06\xacz\xebMc\x11$\xd97\x03\xbcK}\x8b\naW\xd4\xe6\x03&gt;X\xce\x94\r\x95#\x00\x86Y\xaa\xa5&gt;7\'-\x93f\xe6\x07\xbe\x0eB+\xbc\x18\x9b\xa1\xa8\ry\xcf\xd9\xd15\xeaZ\x85};\xe4\xd1\x00\xbf \x12;\xdb\x0b\xe0\xf5\x01~\x92H\xc8#\xa5X\xb0\xbaD\xb6\xfc%\xd0\xc8\xd8\x88\x15\xc0\x14\xf6\x89\x92\xe9&amp;fv\xbb\x8aL\xfbgm\xeb\xb8\xa0tfj\xa9x\xd9-\xd7i\xd9\xc7\xfc\xc2\xc77%\xfd\xb76J\xc9\xc3(\xa6c\xe5\x0bD\xe1\xac\xdeI%yV\x95\x00\xce\xb2\xf7\x88\xce\xde\x9fW]]\x9fv\xf5\xf2\xd9\xab&gt;\xcc\xfb\xe6\xc5r\x8c\xbb\x95\xabML\xbcR\'\xf0{\x7fr\x910l\xef\x94\xfc)\xf2\xed\xcb\xd4&amp;S\xe4\xa4\xf4\x12\xe9b!$\x01\xbc\xa0\xdc\xbb\xb6\xd75)%\x80o$\x9fe\rJ\xeen\xeckP\xbet\t\\\x0f\xf4\xbd"\xa6\x</t>
        </is>
      </c>
      <c r="E380" t="inlineStr">
        <is>
          <t>&lt;class 'numpy.ndarray'&gt;</t>
        </is>
      </c>
    </row>
    <row r="381">
      <c r="A381" s="1" t="n">
        <v>379</v>
      </c>
      <c r="B381" t="inlineStr">
        <is>
          <t>steps_per_sec</t>
        </is>
      </c>
      <c r="C381" t="n">
        <v>5500</v>
      </c>
      <c r="D381" t="inlineStr">
        <is>
          <t>10.084705</t>
        </is>
      </c>
      <c r="E381" t="inlineStr">
        <is>
          <t>&lt;class 'numpy.ndarray'&gt;</t>
        </is>
      </c>
    </row>
    <row r="382">
      <c r="A382" s="1" t="n">
        <v>380</v>
      </c>
      <c r="B382" t="inlineStr">
        <is>
          <t>Loss/object_center</t>
        </is>
      </c>
      <c r="C382" t="n">
        <v>5500</v>
      </c>
      <c r="D382" t="inlineStr">
        <is>
          <t>1.0273627</t>
        </is>
      </c>
      <c r="E382" t="inlineStr">
        <is>
          <t>&lt;class 'numpy.ndarray'&gt;</t>
        </is>
      </c>
    </row>
    <row r="383">
      <c r="A383" s="1" t="n">
        <v>381</v>
      </c>
      <c r="B383" t="inlineStr">
        <is>
          <t>Loss/box/scale</t>
        </is>
      </c>
      <c r="C383" t="n">
        <v>5500</v>
      </c>
      <c r="D383" t="inlineStr">
        <is>
          <t>0.08294844</t>
        </is>
      </c>
      <c r="E383" t="inlineStr">
        <is>
          <t>&lt;class 'numpy.ndarray'&gt;</t>
        </is>
      </c>
    </row>
    <row r="384">
      <c r="A384" s="1" t="n">
        <v>382</v>
      </c>
      <c r="B384" t="inlineStr">
        <is>
          <t>Loss/box/offset</t>
        </is>
      </c>
      <c r="C384" t="n">
        <v>5500</v>
      </c>
      <c r="D384" t="inlineStr">
        <is>
          <t>0.23462778</t>
        </is>
      </c>
      <c r="E384" t="inlineStr">
        <is>
          <t>&lt;class 'numpy.ndarray'&gt;</t>
        </is>
      </c>
    </row>
    <row r="385">
      <c r="A385" s="1" t="n">
        <v>383</v>
      </c>
      <c r="B385" t="inlineStr">
        <is>
          <t>Loss/total_loss</t>
        </is>
      </c>
      <c r="C385" t="n">
        <v>5500</v>
      </c>
      <c r="D385" t="inlineStr">
        <is>
          <t>1.344939</t>
        </is>
      </c>
      <c r="E385" t="inlineStr">
        <is>
          <t>&lt;class 'numpy.ndarray'&gt;</t>
        </is>
      </c>
    </row>
    <row r="386">
      <c r="A386" s="1" t="n">
        <v>384</v>
      </c>
      <c r="B386" t="inlineStr">
        <is>
          <t>learning_rate</t>
        </is>
      </c>
      <c r="C386" t="n">
        <v>5500</v>
      </c>
      <c r="D386" t="inlineStr">
        <is>
          <t>0.0009999898</t>
        </is>
      </c>
      <c r="E386" t="inlineStr">
        <is>
          <t>&lt;class 'numpy.ndarray'&gt;</t>
        </is>
      </c>
    </row>
    <row r="387">
      <c r="A387" s="1" t="n">
        <v>385</v>
      </c>
      <c r="B387" t="inlineStr">
        <is>
          <t>train_input_images</t>
        </is>
      </c>
      <c r="C387" t="n">
        <v>5500</v>
      </c>
      <c r="D387" t="inlineStr">
        <is>
          <t>[b'512' b'512'
 b'\x89PNG\r\n\x1a\n\x00\x00\x00\rIHDR\x00\x00\x02\x00\x00\x00\x02\x00\x08\x02\x00\x00\x00{\x1aC\xad\x00\x00 \x00IDATx\x9c\xed\xbdw\xfc??Q\'&gt;\xc1/R\xa4(\xca\t(U\xf4\xf7\x05\x05D=\x04A\xb0\x1cE\x04\x91\xe2\x0f\xf0D\xe5\x148@\x04{\xaf\xc8\xe9O9E\x05\xd1\x9f\x8a\x9cb\xa3\xda)6,\x88tA\x0eP8\xaa\xa2\x87\xa2\xa8\xe0\t_a\xee\x8f\xdddS&amp;\xc9\xa4\xed\xe6\xf5z\xcf\xf3\x01\x9f\xef\xeb\xbd\x9b\xccL&amp;\x93\xc9d\x92\xdd\x05\x10\x08\x04\x02\x81@ \x10\x08\x04\x02\x81@ \x10\x08\x04\x02\x81@ \x10\x08\x04\x02\x81@ \x10\x08\x04\x02\x81@ \x10\x08\x04\x02\x81@ \x10\x08\x04\x02\x81@ \x10\x08\x04\x02\x81@ \x10\x08\x04\x02\x81@ \x10\x08\x04\x02\x81@ \x10\x08\x04\x02\x81@ \x10\x08\x04\x02\x81@ \x10\x08\x04\x02\x81@ \x10\x08\x04\x02\x81@ \x10\x08\x04\x02\x81@ \x10\x08\x04\x02\x81@ \x10\x08\x04\x02\x81@ \x10\x00\x80:Z\x00\x81@p\x0c\xb0\xd3\xf8G\x00\xb8\x90\xae\x04\x01\x00\x17-"(u\x8a\x1a8E\x99\x05+\x1a\x070"zF\x9b%\xb8X\xbc\xa9\x85\xb8\x8e}\xa5\x00q\xbd_=\x10\x0c\x05\x9bH/\'%\x08\xb1t_Q\x7f\xad.\xcf\xaa\xa3\x9d \x94\x92:\x03h\xfb\xdf\xa0\x94B&lt;\xa5\xc9\xe0rG\x0bp\xb6\xc0\xe5\x7f\x88\xa1\x95\xac\x05\x10\x11\x81\xbe\xc7\xa1\x8f\x94\x01fE\xb2j\x84V\xba\xfc\xfd\xfa8\x05\xe5\xd7R\x9a0\x80\x02\xa5T\x9b\xe5o\xb2\xdd\xd1e \xe8\x08\xc4\x1f\x8a\x1ae\xba"l\xbe\xde\xc0t\xd0\xe98\xbd\xb1P\xde\xec(\xb8P@\xeb\x07\xe2\xcf\xa2\x06Y2q7\xcf\xa8\xb0\xee\xc6\xae\x82Y\x9al/R\x0e:\x11\xbdH`v1\xe2\x16\x07|\x0e\x8f\xac\x80\x04&gt;\xd36\xda\xd2xLp\xee@\x05\t\x87f.5N\x00]\xacn\x1e\xcb]\x06\x12\xe2\xa5G\x0b2\x1c\xd8o\xfa\xdc\x96\x9b\xc9Eg\x19Ml\nP.\x08N=d\xb9\xe4h\x01N\t\xc5\xd9\xbd\x0f\x00\\\xa2\xe0\xfd\xb1&lt;\xc6\x9a\xdf\xae[;\xaf\xd9F\xa0\xb3$X\x98\x96\x9dg\xf5\xae\x14 \x9c\x7f6\xc1t\xd0\x13\xbb\xb4\x15W\x9d-\xf6\xd4\x81 @znr\x1c^\xdc\xc8\x10\xf1\xa2$\x87\x14\x00\xb5\xaf&amp;8\x13\xd8\x13=\xde\x9f]e\xa8HDJ\xd6\\?\xe9\xb8\xe4\xfcQ\x971\x88U\x18\xd1\xcd\xe9|\x1c3[w\xf6\xe6\xe7)\xe1\xe4\xc6\x9cLV\\\x94\xc6\xd4p\xdc\t\x16\x7f\xb3\xee\x8cb\x92\x0b\x14QR\xd8\xd3\xa2\\+"t^\xbc &gt;G\xb4\x1f~;\x16r\n\xa8\x10J\xf1\x8f\xeel\x87\x01\xb0~5pJ\xe1\xc4&gt;8\x91\x81vR\x81 \x01\x05pS\xe3\xd4(\x9d\'\x8e|9k\xd0\x13\xd7C\x1a\t\xb7\x7f\x12M\x97\t\xa0\x10\x88\x00X&gt;\xb8+-\x01?\x14\x00\x11\xefRV\xcb\xb7\xc9)\xcd\xb0\xda7\x9c\x84\xff\xdf\xb6c\xbb\x92\xdd\xa7\xedF\xe6\xd7\xd6\x93\xb0O\x1b\xb7I3=\xc8\xd3\xcfK\xcf\xcf\xdf\xf4\xf9%\x9c\x05\xa7\xf5\xc0\x8b\xe7yv\x10\xb84;Q\xf7\xf8(\xf6\xde ^V\xf0\xdd\xd5\xc3\xdc#\x9d\x13Z\xf8Un}\xd6\x80\xd5\x8a\xf5\xb9\xd8\xd3\x19)\x17\x1c\xb2\x02\xe0b=_\xd1\xf0\xac\x13?\x18$Kb\xc5\xc2cb\xa8\xaa\xe8\xa3\xbf?\xd1\xa1zo\xbaq\x86\xbbqj\xc5\xaa\x16U\xf2\x80\xdfZl).\xde\x7fz\xc8\x04P\x00\xa6\xcf\xda\x9e\x05\xbb\xc5\x16\n-\x0b\x08\xe2i\x80\x08\xa3\xc8U\x96\xf7`r\xe9\x8b\xb6\x97R\x1c\xe6\x16\x07\x85\xa8\x0eY\xab\xdb+\x9e\xdf&gt;E\xa8\xe4\x0e\x81@p\xe6`\x1e\x923%\x8b\xe9\'}\xfak\xfc\xa7jGy\x1c\x93\xe7&gt;i\x8ff\x9ex\x82\xae3e\xa8~kk\xb4\x1f\x9b\x01h\x91\xb1\xe3\x93h\'\x07DD|\xe6\xd1R\x08v\x04\xe9`\x8b^\xba`\x17\xee8nv\xf1\xff;q\x19\r\xdb/\xf7m\x88&amp;\xfb7\xe0\xeb\xaa\x17\x87\xb9`?&lt;|\xb6\x8d\x8c\xc34\xfcMGK\xc2\x87\xa4\x80\xfa\xc06\xf6\xa2\x95\xaf\x02\x80\xa7\xac{m\xdb\xbf\xa7\x89\xac\xe8s6\xce\xec\xee\x98\x9e\xeb%\xe6\xd7\xadY\x90k-\xa9\xf4\x8d\xe3\x98\xe4\xc8\r\x87P-\x82\x1b\t]\xc8i@)5AG\x08v\xc1\x1a\xb9\xd7W\xf7\x83&amp;\xe6\x80\xc92\xdd\'\x10s\x8f{?\x96,0\x14\xdd\xe9w\x7f\xa5\x97\xb3\xc2\x1b\xe6\x13\'\x89\xbb\x91F%\xa9\xde\xd2\t\x04\x93\xa1\xdbp\xc9\x11\xefE3\xc9\x857\'u\x1d\xdb\xbd\xb6\x1f\x86:\x9b!\xbd\x1beq\xfb\xd2*O\x1d"\x06\xb7\xc5\x88w\xe8\xc7_ 8)4N\x00\xe9\xb2\x83\xe6\x15\x9a\x91\xf9\x9d\x93\x07\xba&amp;\x82\xbam\x99&lt;\xa6\x13!\x928n\x13\xd5w\x8f\xe3R\xb8\xbc \xcb6\x9aJ\xbd)\x0b\x04\x17\x10-\xde\x1fr\x9b\xc6X\xbb\x08\xd8\xbc\xf9\xaf\x16\x89\xc3\xa0&lt;\x9fKXts\x1e\xce\xaa\xb1\r]\xfc6v\xa2S\xcd\x9d\xbe\x8e\xff\xff\xaer\x08\xce\x1b]\xec;\xf4\xfd\xa5\x14\xb3bx\x0c*&amp;\x98B\x89f\x01S\x99\xd5s$A\xeat\x95\xa5\x81\x88?\xd8\x8d\xd41\xc6s\xfa\x9d \x98\x1e\x8e\xd7\xb0.\xde\xa6\x94\x8e\x8d\xfb\x96\xd6\xfd;`8/\xfbV\xc51\xd3S\x1cNO\x8dG\xa0\xe4\xf3qz\x1f\x1e\xbe\xa8\x8do\xdfS\xbc\x02\x81`^\x04\xb1{3\x11\x00\x00\xf8kfE\xed\x9a\xb7CDI.^\xddJi\xa7L\xe0\x90X\x97S\xe1\x04\xd0c\xdd&amp;\x10\x9c\x13\xe49\x80\x0e\xa8\xf3*\xde\xdb\x02\x10\xf1:EL\x9f\x03\x00\xb8~\x8a=#\x9e\x9d\x06\x82\xdb\xd5\x08\x0b\xd0\xf99\xd9\x0exK\xec\x86R\xcb\x1b\xda\xfd~9\x8bw\x13\xc8\x1c&amp;\x10\x1c\x8f\xfe\x8b\x80B:x)&lt;\x9dS\xect\xcef\x14\x89\x17k\xcc\xb1\x9b\x90Cq\xc6M\x9b\x1c\xf8\xb6\xc9b\x1f\xc1\x0ch\xf7\xab\xb1\t\xe0\xc7F\xca\x19\r\x9c\x8fF\xd1#\x02\t\xcd\x9f\xab\x8f&lt;\x85I|\x16\x18\x05=\xab\x0b5\xadsQ\xfc\x85Cz\xc45\x06e\xe1\x04@\xbe\x8e\x06\xaf\xde\x14\x80\xd0\x93\xcc\xe9\xa3\xb4I\xd8w^=\x02\xe7\xd4}\xa3\xb1\xa7\xae\x90zU{\xdfg\x1e\x05\xc7\x00\xf1\xf5i\x1f3z\x02 \x0f\x1d\xd51\xaa\xad}&amp;@D\xc4G\x1c-\xc5\xd4H&lt;Y}\xd1\xad\'\x82p\xfc\x86\xb7\x8e\x93N\xd0\x03\xcc^D\xf77\xa7\xdf\xb7\x17\x01\xe9\xea\xde\xf3\x9cg\x1a\xbb\x1f\x83\x0b\xa8\xc3\xb2S\xbf\xe4\xd1\xa9\x8e\xd2\x9c\x1d\xe2\xce\x1f&gt;\xebB\xda\xdb\xd9"\xdb\x95\xab\x05&lt;\xb8\x82l4j\xc0]^\xae{f\x16\x8a\xaf\xcc\xbc\x8eb?Q&amp;@\xf9\xa3\x85~unz\xcd\xaeR\xc8\xf4T\xb0,\x8f\xd0\xbf\x88\x88\xef\x8e\x8d\xcf\xf9\xed\xed\x1c\x0e\xc6\xcd\x00\xb3CT\xf4\x1d$\x0c\xaa\x18\x8bQJ\xd9\xd6s\x96\x9fWZ\x9a\xd7\xaba(\xd6|\x10\x10\xd16P\xef\xcf\xf3F_\x1b\xde\x1f\xf2\x1c@+\x96\xf0|\xf9\x06\x1e\\\xae\x93%\xb8\xc3g\xc4h\xf2c\xbd]\x96\xab\xe1y\x9d\xcc&amp;{\tNw\x10\x9e\x10b\x1de+\xff\xb4&gt;\x06\xd9j{w\xe9$\x87`N \xe2_\xe4\n\x18\x07\xa63\xf8\xd6\xdd\xdc\x8a\x98|?\x81M\xb9D\xd8z\x1c\xb2\xcb\x90H\xa1\xea\x02\xf9\xe4\x9b@\xb0\x00\xf1\t-\xb6\xf2\xd3\x9d26g\x9c\x04\xbb\x88\xc8\xfaE\xcf}\xe9\xbf&gt;\xc9\\=\xe4\xe8Ni\xdd\x03\xdc\xbfam\xfd/\x14i\xf4\x16\xc8\x81@\x00\xfcg\xe7\xca\xab\x0f\x92\xe4&lt;p\xe0\x1b\xe8\xec\xed\x813\xb4\xd4\x8b\x8c\xac\xef\xd9\x8ei\x9a\xf2\x0c\xd7\x85\x0f\xe5\xb1.7\xe8\xeb\x9e\xcb\xf1\x03\x96\x1eO\x19\xe7\xd9\xaa\x0b\x06\xfb \x1f]`Wq\x04G\xc0vQ\x1c\xff\x7f\t\xcf,\xea\x97\x0e=\xcc\xee\xdb\x9a)\xb4\xe0\x8e\x17`\x05\x00\xf2`\xd7L\xf0\xfa"4?\xf2L\x14" \xfe\x89O\xc7~\x05\xefH\x99\x05\xb3 \xb6\x02H\x95\xa7\x8e\xdc!\x02\xe2\xc3\x0c\xa9\x81\x12\xcf\x8dg\x88s\x14\xec\x08\x0c\x16d\xc4\x04\x80\x0f\xc8\xdad\xf0\x1c\x8f\xf3|\xcf(\xe9\x05\xe3P\x1a~\xf2\xe3V\xc4\xbb\xfaW\xec\xea\x17\xde\x03\x9eG\xeb\xcf\xa3\x15\x93\x83\xff\xbcB\x9a\x88\xf3\'u\xea\xbf\x94\x94\x11l\xdaU\xec\t\x9d\xd7:\x06Xx\xba\xdf\xef\xe6\xc2#qk\xf5\xa5\x12b\xb6\xf6\xba4U\xd2\x91)\xec\xfc\x88\x809\x1b\xae\x8d\xa1\xf2\\d\xd1\x19s\xbcH\xa7\xef=\xd4=\x85\x13#\xd5W\x87hY\xc2\x84\xfd#\xcf\x01\xe4\xd1\xd4m\xf8\xec\n^j\xb5\xc2\xf7fh\xaf\x01\x06\x02~\xbb\xce\x1a\xcd\x92s\xec\xfb`\xa4\xf9:qE\x03\x979r\xef\x00l\x9d\xc7U\x9d\xf9 \xc07\x82\xce\t\xb2XM\xe9]\xf6\x82\xf2\xfe\xdb\x82\x1e\xdbN\xcf\xb5~\xab\x1e\xab\x13\xc1i\xc0\xbc9\xae\x87\x151\xd8m\xe6z\x0f\xc4\x17\x85y\xcc\xd9P!\x9b\xd5\xc6F\xd6\xdb\x81\x8d&amp;B\\^=N\x94\xf3\xa4\x9d\xb7\xbf{#\xdb\xd2vU\xd8i\xd8fb\x16\xd9\xb9\x07\xa6\xa0\tN\xee~?\xff\x0f\x10\xe1;\x98\xe7N\xf0\xb4\xdaHj\xfd\xc1 \x85\xf82\x16\xcd$\xa9"\x81\xa3\'\x08sm?\x93\x9efcio\xe1\x0b\xb7\xaa\x18\x05j\xafYw\n.\x086/\xf5e\x00\x07\xf5=R\'\x19b\xc5\xc6J\xd2i\x12\x1a4\xa5e\xf4c\xb1\xe4\x9c\xf7\xe8#\x12-\xc9\x90P\xf4\xa4\x81o\xe7\x1a0~B\xcf\xed\xf7D7\xc8A\xcf\x8b\x0b\x13(\xce3P\x13^\xc9:\x8e6X\x86\xde\x13@;\xa9\n\xa6xi\xdbs\x18\xd9ix\x99c\xaeJ\x17x\xad\xbf\xb6\xab\x15\xe5\x02\xe0U\xae\xb6\xf5\xa9\x9b\xfe\x13@\xec\xbat\xcfEG\xa9\x11\xecf76\x97}\xec\xb4\xe3&gt;\xc4!c\xabK\xd7\xa4\'\x80W\x01 \xc2\xe3s9\xaec\xfd\xff\x01S\xaf\xc3\xbdv\xbbH\x1f\x13\xe8\xbb&gt;\x8b)C&amp;\x00A\n\xd1\xc0\xa1v\x80\xcdoh\xe9\xa6\xe1/\x9eF\x13\xf6\xe3\x95\xf4\xf2\xf7\x1c\xc97\xb8\x02x[_\xb0a\xfc\tyl~f\x85T\x84\x8f\xf62x\xbd&amp;\x80\xb8\x97\x97\t\xe0\xa2\x80\xdf\xcfV\xa6%o\x1en\xd4\xe3\x14\x8e\xe4\x85[mm\x07[E\xc4\x17S|\xc7\x8d\x96\xc9\xc7\x1f\'\x84\xdc\xdf\xe1\xee\xc6\x8b\x03\xbb\xfd\x9f\xa5\xaf\xd4\xd0\x19\xb0r\xca\x12\xf3\xd6.\x823\x04\xd3\xa0\xec\xc8\xa5\xd4\x089\xe5\xab\x8f\xf9\xef\xb9U\x152bN\x87P2~L\x8b\xde\xdf{\xd4!\x00~fOu%&amp;\x00\x18\xb6\xd7}\x08\xfa*\xad\xac\xbc\x89\x9cz\xeb3M\x0b\xad\x02\x1d\x97\x1d\x82\xe9\x90\xb6\x80\xedOD\xc4+C\xe1\x04`\xac\xa79\xc0\xf7I\xd8\xa1\xf7h\xdb4\x83\xe1\x07\t\xc1\xf2c\xa3h\xfc\xe0\xd7Ysm?\xd7\x83\xb9\x01?\x02\x15\xfd\x93-\x1fv\xc1i\xa1\xb4\x0b\x10\xe0A\xa6bW}\xa6Iy9\xcfs\x98\xc6\x05\t\x84\xc6\xa5=\xeco\x98\x02\xff+R2O\xbcX\x18\xc0/\xf4)\xf8\x13\xc0^1f\x96Q\x96\xf7J\xe1\xabx\xec\x86\xb5\xe8T\xc6\xf0\x89\x88Y\x89\x8a\xb6-\n\xa9K6f\xbd|\x8b`\x82\xf3\x01~\x0cm+v\x08`~0\r\xf1\xa9\xd5\xc2\x8c\xf4\xe95\xb3Q\x9bS.\x9d\xabd(f\xd1\xdd&lt;vZD\xb61\xda3\xe1\t\xee\xb2\xdb\xe3+&amp;z\xe1@N\x00\x83\xbc\xf4\xd0\t\xe0#\x07\xd1\x8d\xc3\x9a\x00\x1e~\xd2\xe1-\x82\x9f\x198L\x92\xa3\x05(\x02z\x19\xcb\xba}\xe0\xdd\xd5\x9e\xe08\x83\r\x08v\x85\xe9\xf2vS\xce\xf3:\x9d|\x05\x07x\xe2_\x00^CW\xdd\x82D\xcf\xdf\xba\x87k\xde9\xce\xdd\x07\xe8\xe1\xd2b\n_0@\xaa:\x8c8\x92$\x98\x1d\xa6\xb7K\xcf\x02U\xdb\xc7\xd9\x18VVW\x08\xb0\xbc\xa8g\\\x93\x1b3\x0f6\x85ts\xd2&amp;Q\xe14\x10\x9f\x8c\xf8\xad\xfc\xf2\xd3B7\xfd\x1e\x00\xf5\xc7\xdeX\x8c\x86Q\xdeXL\xef\xff/\xec\x1bd[\x81H\xbf~]\xf7t\xf1\xcby\x97e\x03\xe8\xd7A\x1b\x8b\xd9\xe7-\xbf8\x81)d\x9b\xbc\x14\x18\xaa\x10D\xec\xc5\xa1\xa5\x07m\x7f\xc1\xac\xbe\x83r\xf6\x81i\xb9\xd2\xbf\xbb7I\x01|@\x8f\xd3\x0b\xfe-\r\xf9\x1e@\r\xd6\xf1I\xcf\xea\x95\xaf\x80\x87\xef^I\x1f\xf20I\xcb\x18 \xa3\x9b\x9a\xa8\xe7\xc7U\x82\xa0F\xd3h\xf5d\x8a\xb0Y2x\xbf\xd0\x18\xb5)\x8d\xd2\x8a_\xdf\xc0\xae\xaaj\x1e{Z\xa4\xd2\xff\xc3\x1f\x00\xc0!\xde\xf9\x03\xdb\xdcL\xd0\x9f7\\\x17\xcc\x00+\xb9\xdf\x95l\xb0\xf0?d\xe1X\xb4\xaf\x80\x91Lt\xf5\xb2\xb7\xb4baa\xf7\x89\x8d\xeb\xf83\x8d\xcd}\xcfu{\xc8j\xb6\xd4\x017\x8d\x89\x9ff\x84n\x17\x1c\xf1\x0e#\xda\x9f\xd6\xedTj\x17L\x8a\xbe6\x82\x00w\xb3\xc9\x1ej|xY\x81W%\\?/\x95\x9f\xa2Y\xf2\xf5.,\xd9M\xf5\xa4J\xb8]\xfb\xf7\x9e\x99\xe2\xf0J\xccI\xb1)\xef\x97\xe9\x06W\xecv\xcd!\x00\xe2[{\x08h\xd1\xccI\x88{}5h\x12\\\xe4\xf4W\x13pM\xd7w\'{|&amp;\xd7X\x7fU\xf2\x1a\x8c\x87\'\xab/\x05\x94R]\xd2\xbb\xd6\xbeI\x07\xd8\r\xb7\x1b2\xba?\xae\t\xf0\x0e\\\xf8\xf8\x9242\xc7\xc8NU/\xac\xc7\xdd\x00`U\xda\xae\x1bWuH\xeb\xd6\xb4h\xe6&amp;\x08\x04e(\x8agZ"\xa0\xec\n\xa0\xe3\xe1E\xfc@\xe7\xf0\xd6\x93\xbc.\x98\xed\xd6:\x06\xdf}\x02\xfc\xa4\x00\xc1\xda\xe5D\x8e\xa5\xc5\x92T\x9b\x01\xdfxw\x99\x04\x02\x1b=\xb2\xa8\x88\xd6\xb7p\xf9\xbe\xac\xe94\xe41\xdb\xd8\x1d\x80\xae\xdb\xb5\'\xb3\xa2\x94T\x97\xd63\'\x00\xbb|\x0f\xb6e@\x80\xd7\xef\xcf\xb5\x13\xd2\x1aK\xeb\xbf(\xf7(8aTG4\xed\xd6\xd1\x81B\x04i\xa6}-\x9b\xb3+\xd0\x8dQ;\x11o\xa3\xd8\xe0\xbe\x05bt\xc1\x0e\x1a\x13, \xf5\x9c\xb6Y\xc4\xff\x11\xde\x94\x0e;C\xd49/\xed\xf5\x06\t\xc5\x16\x03\x7f\xa8n\x02\xe8\xe8\xb2\xb9\x8c;0\xea\x9f|\xd8\xb4\xd1\x9b\xb2\xcb"x\x87\xcc.S\xe6n88O\x95-@\xa9:\xa1\x7fD@\xbc\x95)\x80\x8c*\x82SE\xe5\x040\xd3\x00\xc6BG6n\x02h\xa7\x16R\xb6\xfe\xecK\x1e H\n\xe5\x0b\xbb?\xcay9Lg1\xa0\x1d\xf1_z\x13\xe4\xf7 kh$W\xd5\x17\xae\xb7.\x02\xaa\xfbt\xc2\xf1\xcb\x97\xa6\xc8\xf1\xe5\xa9\x8d\xd1E0\x01\x04A\\;\x8b\x92\x84X\xbb\xcf6\xb5\xfb\xea?\xe42\x82l\x82]\xac-\xa3w\x8c\xcb\xe2\x1e\x00\x00xvN$\xdb\xe5_\xd8yZ\x90\x81my\xf8l@\x04\xfc\x8a]\xf8\x1e},\xa4\x1a\x15\x83\xc8\x0c&gt;DD\xfcN\x8fBwUp\xbc\x95\xb8\x02\x0f\x89\x1d\xa0\xf4$\xd7iG\'\xef\xa2\x97\x9bo\xac\'~\xaa#n\x81\x9cu\xcd\x00k\x0f\x05\x876\xb7\xc3\xc9bs\xca~4\xa3\xbeX\xd6\xcfFld\xdb\xa5\xafdMb\xb9\xdaE\x0b\xde\xda~7\xddV\x1b\xdel@\xdd\x9d^K\x8cb\x07\xb5\xd1:\xcc\x05\t.\xab\t\xbdE\xa9\x1b\x94\x107\x0c\xf4\xcb\xbb\x04\xe7\x89\xc6%\xde\x0e\xbb\x88\x0e\xbbd&lt;2z\xc5]\x07O5u\x8fb\xdaU\xd0\xfa_\xa3`\x88\x0fB\x07\xa5\x14\x9cz\x1846S\xbd\x8c\xdb\xe9a\xd0\xd0p\xd6\xdf\xe5]\xf7G\xb9n\xb2\r\xe2Yz\r!8Ox\x9d\x8b\x00\xf8\x19m\x04\x9bj\xa7\xf0\xa1\x81\xb4\x04\xf7\xc8\xed\x84\x93\xab\xdd\xcf|d\xdd\xb0@F+2\x14:\x8dH\xf4\xd0N\xa1\x90\xc8\xb8\t\x1b\x01\x10\xff&amp;\xb8\xb2\xb7\x1f\x1b5\x01l\xb8\r_\xf3\xa8\x8f\xf4 &gt;3]\x9c\xdf\x9df\x0f\xa9\xee\x05\x7f\x82\xe9\xd0\x9e\xf2[\xecf\xc4\xd8\xe6\x8c\xe1\x98\xfc\t7U\xe9\xc7[\xfcf\x05\xbf\x01\x182\x010\xdet\xf4xk\x194B\x15d{\x86q\xe3H\xb2$T\x9e\xdc\x9d,\xa1\xfd\xde\xf4\x8bd\xe8\xc2]p$\xf0\x1d\xd4Ev\x07\x0f=\xdd\x019\xe2\xcb\xdd\xc7\x86Y\x17\xcf^\xfdZ\xf5\x92\x9c\xb4\xd5\'60\x81=KU\xf8\xa1\xd1.c\xaa\x8e\x19!\x08\xad\xf3~m\xf6\xe8yt\x97\xeb\xa6\xc0\xe8\xdel\x84\xec^t\x80\xe9\xda\xecv\xd6\xf8\x8d\xaf\x14q\xfbn\xb8\xd1\x8azS\x8b\xd8\xac+7\x14\xbeN\x86\x82\xbf\x9f\x1c\xa5\x80\xad\x9b\xea\xa5;\xf3\xb8n\x9b\x8e\xda\xccO\x1b\xc9\x19 \xe1j\xbb\xb4\xda9\x17\xa0\x14\xa0\xff\xc6=\x9dL\xd2w;\xf2\xee\x8dK\x8e\x16\xe0\xe4\xc1\x8d\x04\xcdg.L\xad1\xef\x13\xe5\xc3s\x8eQ\xfb\xb4N;\xf0a\xbf\x1br\x1c\xda\xfd{\x16\x05\x8e\x1bV\x81\xbc\n\xa5\xe7D4\xc7&gt;-C\xd2\xccf\xf4E&gt;67\n=\xbcg?\xff\xab\xecQ\xbf\xae\x02\xa8\xeeR\xca/9\x9f\xda\xe5\x8b`\xadX\xbb4\xfb=&amp;\xc4-\xef\xaf\x94*\x1f\x83\t\x7f\xcaq\xb4^\x99\xf2\x88\xbe\xb0\x02L\xe1ev\x93`Y\xed\x03 \xe0[\xf6\xe2\x19\xc8\xa0\xb3\x13/\xb6.\x92\x9dP\xa4\x16L\xda^\x05\xf8\x8f\xd6\xd9u*%\xa8\xfe0[\x19\xfe\xc9\x16O)X8\xa2wUp\x96`\xf9_+cX\xcd%\xba\x85k\x02\x91x\xaa\xd1KD\xbe\xa9N\x88\x12\xac\t\xd0\x07\x0f\xa4\xbf\xfe0\x89\xd7\xfb\x0e\xde;\x8dk\x98\x9f\xe7E\x04\xbc\xf6\x00\xf9\n\xc5(\xa7\xd9\x89Z\xc96\xd8\xda\xad\xd6\xaex_\xfa\xedH\xf3\x9a|\x03@\xd0\r\xb1\xee\xb5mw\xa8\x11\xe8q\xc2\x9d\x00\xf6A\x11\xbb\xd23\xf2\xa69H`\xc0!\xab\xe4`\xe6\x1c\xc1\xb2\x88\xdc\xbf\xb7tca\x16\xaf\xe6\x00[\xb5-U\xd8az7&gt;\xa0_#\xdb\x88\xa11\xff\x0e\xb0`,B\xaf\xb4\x0f;\xff\xfa^\x93P\x0bJ}\n\xe5\xf4\x87\xb7-\xc1\xe7;K\x88\xf4\x93h\x14\x82\x93`1\x94S\xae\xaa\xed\x1cT\xcb\xcd\x07\x88\xd7/\x92\xcb\xa6\xd6\xde7\x08\xf0\xd7\x00\x9f\xb4\x92\xbd\xf7\xe4\xe3N0\n\x96\x99\xde f\xf1\x88\x88\xf8\xf1\xf6\x95\x17;\xb7\xca\xcc\x06\xf1\xee\xb1:x\xf9\xfe\x13\x00\xf6\x18-\x1b5+p\xe3\xa5\xd4~\xa6\x837*Gt\xa9\xd7\x9b=F\xbe\xab\xd3W\xed$n\x0f\x80\x00\xdf\xe4\x08\xe3{\xdej\x8dW\xd7\x0e\xbb\xbb\x97\xcamzc\xc8\xeed\x9c\x82\xbd\x81\xe8\x07t\xf6\x02\x19\x9d\x92\x88\xf82oT\x87\x96\xe1T/4\x1c\x92\xaf\xc7\xeb\x1f\xad?\xd9\x84#\xecJ\x843\xbb\x14\xe1\xf5\xf5\xc7#W\x97\xb7\xb4\xe2\xf7\xf2\xdc\t\x8f\xc0\x95\xa67\xf6\x94\xe0XG\xd2\xaeo\xf3\x8d\x8a\xe2\x8a\xc3\x96\xd4\x83\x0ci\x12\xe3\x14\x0c\x04\x99Z\x89\xf5w\x98\xe5H\x18G\x85\xe1\xa4\xed\xcd\xbe\xcaLXg\xd8\x95\xcc"Z\xaa\x87\x18)H)\x11\x00\xf1\x0f9\xed\x0e\xc7\xec\x81#l\xc2a^\xd4;\x05d\x83\x88\xa7\xb0z\x07%u\xd7\xb5\x1e\xc5\x9d)Oh\x15\x82\xce\xc0BO\xed\x15MW)\xb5\x9d\xc0\'"q\xf7j\xdb\x9f|\xca4\xbb\xa2\t\x00\x00\x11\x1fci\x80l\x1b:_0N\x12\xdcq\x87-\xbf\xb5; \x05\xd4\x8e\t}\xcf\x81"y}Df\xd2\xba\x8b7\x97\xf6)\xc8\xd1\xd4Vl\x16\xc38k\xac\x0b+\xa5z\xbe\xb2\x98\x10\xc6\x15\tA\xa7`\xfa\x1d\x88^\xd2\xf5\xebs\xc5K\xea\x9eG\x1c\x11\xaf\xa4\xd4\xbf\x85\xd7\x8d\x90\xc0\x92\x14\x91~\xcf\xb0\xc7k!\x16&gt;\x9f\xc5\x076?\x0c\xec\x13\x04\x80\xde4\t.\x880\xdf\xf3\xa7x\x90\xd3q\x86\xc62\xfc\xe2&amp;1bl\xce\ty\x10\xac\x19z\x80q\xcce\x19\x8dJ\xc1\x9d\xc0\x04\xb1\xf7\xe9*\x8b\xb2\x9f7Q&amp;N\xa7v\x1a&lt;\x14\x07?\xf6\x03\xae\xf6k\xf8\x19Bz\xde\x1f\xcb\xbd?,\x8f\xdb\xe4\xd4\xbe\xcd\x80m\xc1]\xa2nM\xd8\x88{\xb9\xc1\xc9\xbc?L\xe2U1\xb3\x95\x9e\xb5\xab\xb3\xc1\x05i\xe6X\x14\x85Z\x88\xb8\x06 00@\xb3C\x18/\xf6Q\xe6\xca\xc2\x1aQ)\xe5\x9e\xbe)\x16\n\x1b\x96\x17\x9e0\xb5d\xd2,\xa0E\xdb\xe9\xfe5\xea\x9d-\xd6\xceb\x9f\x85H56s\xecB-\x98\xa4\xa7m\xf8\x9e\x90\x15@\x07xqw\x16\xef\x1b\'\x8a\x86\x1d\xc2\xe8\'\xe1\xd7\x88}KY\xe9\x02h\xfe\x815\xae\xae\x0c\x96\xadM\xe6:\x81\xd3\x0f\xedW\xa7\xda\xd7G\xf3\x13\x94\x93[\tV\x9a+z\xf7t\xd1%O\xdd\x9e;G\xcbx\xb6ek\xe3\xa63\x81];k\xb6=\x98\x102\x01\xf4AhV\xdb.\xa5WR\xa9+\x00\x8c\xde\x1f\n\roq\x82\x90fm&amp;\x8aR\xdbu\x9d`\xd1 +xS\x8b}~Hk\x16\x11\xf1\xba%\xfc\x92\x0c*\xef\x16F\x00\x0eQ\xfc\x8eC\xbc\x04\xdez\xc9\xc7\xb7:Ds\x16\xa0~\x8bES\xd82\x81\x96F&gt;\xb7\xc7\x04\xbb\x92{\x822\xa1\xc0&gt;\xd3\xf6\xfc\xc1\xc1\xec\xf2\x9d.l\x07\xba\xbf\x1d$r\xcc\xb1\x94\x85]%\x9b\xd4rSF\x1b\xc6\xb5\xd4\xdb$\xe8\xc2uI\xc7)\xbb\xb3\xa8Ww\x8e\xd8Bw\x89\x1f\x90\xab\xef\xb8E\\\xb7\xa1\x81\xdb\xff\xaf\x08ox/\xdc\xd8\x1c(pz\xb9\xef\x0b\x9c\xe7\xf7\xc8;CV\x00=\x11\x8b\xe4\xf6\x8f\xf0*\xcc\xdc\x04\xfe\x13.[?\x0f\xe2\xde\xbf6\x8aY\xc9\xdd\xcb\xbbJ\xcdj\xfa\x9f\x11\xce\xa3\xe2\xbd\xb0\x93\xa05G\xbf\xed\xc4\xfe\x1b\xdc8:\xb5\xd7\xd1\x8e\xf2\x8c\\|\x1a\xc0/\xd6\xed\xe7\x0b\x04`\'|\xb4\x05\xd9\xa7\xd4g\xb3\xa9\x98P\xe8\x88\x9d\x9a\xb70h\xe0\xe86b\x0c\x1f\x9f\xaf\x1b!\xb8\xe5\xe88\x9d5_7\x16\xc3k_\xb6E\x18\xbc\x1a\xa1\x97\n\xa8\x8e\\\xe9\x8f\x184\x16\x97\xe7\xc4\xcb\xc8\x04 \xa8\x02i\xcc\x0c\x97R\xc5\xab\xc7\x86\x1b\xc4\xe3i\xc4\xf7s\x84\xb6\x1b\xf8\xaf\xbb,qb\xfe\xbf\x03M\xfd\xe3\xcd\x0c\xee-\xecF\x80/\x11Z\xed5W 7\r\x0cjp\xba\x1f\xbb\xebyc\xf3\xc5\xc9b}\xb9\n.\x08H\xbf4j\x02\x18\xec\x89b{\xd7~\xb1rI\xfe\xbe\x83l\xaf\xec;\x01\xb0\x98R\xae\xf3\xe4@F$\xdbR\xf5\t\x07\xcb\x83\xc1\xdd\xce\xec\xc2\xb6[\x0b\xdc\xd3\xedV\xc1pX\x96\x9a-\xe0XY\xc7\xac\x88Mg\xa8\xe3\xbb\x91\x9b\x02\xcaH\xb5\x9f\x13\x06 \xf4\xcc\xd2\xf0\xb7\xb5\xf3=e\xbfoc;4u\xf7\xa3E\x89`h"1\x98\x00t\xaa\xf6K\x01\xf1Y\x9c&gt;\x96\x1c\xd1E\x84\xebt~\x9bQ\xa6\x9b\x81\x10\x91Q\x8e\x83\xf1\x92\x95\x1c5S\x0e\x91\xbe-\xceR\xf9a\x9bc\t\xd9\x07\xb6\x8a&amp;\xd8\x0f\xe3\xbc+i\xd5\x96\xc1\xe7\x05\xdb5\xde\x11L\x82\xaco\xd7)\x82W\xf6\r\x100\xfa\xba\xb4d\xc6\x16o[a\xa6\xdbZ\xd8\x0e\x91r\xe1XG\xff?`\xf6\xb4(\xffA_\x92\xd3\xa1Qm^G#\xc0\xf5\x9bE\x9a\x13\xf8\x86\xe8)\xa0\xac\xfe\xc6\xc4x\x82\xe9\x81\xfb\xf6\xbc\xcd\xa0\x82!3\x83O\xd7\xb57E\xb7?_\x17#u_\xb6\x84Zw\x9f\x9d+0f\x02Xu\xf2\x82\xbe\x94]\x16\x87\xb9\x84\xbei\x13\x04\xc0[\x9emN\x1c\x11~&lt;z\xab`\xbd+\xfe\xff\x02\xc1\x9f\x00Fv\xbe\xfd\xdc{\x1d;\xc4\xbb\xd8\x15K\xbd\x83\xa9\xealb?%S\x9eG3U6}[OE\xdcV\xd8\xf8\x98\x9aJe\xd0\xb2?\x88\xbe;\x94\xf5\xcd:\xe7L\x90\xf7.\xeeR\x9a\x93`M\xfa\x7f\x10q}iqz\x11/\xbe\xff"\xc2\xf6]#:\xff\xe5+\x8b\xbbyGMj\'\x00\xc7\xdb\x16O\x00\x04\x11\xc4\x070\xe2#\x00\xc4/\x88\x88T\x9f,\xc2\x8d\xb8\xee\x82)\x07\xe0\xfeB!\xde\x1a\x11\x10\xdf\xda\xdd%\xc5\xbaj\xb9Ri\x93\xdd\xa4\xb3h"&gt;\xc9\xbe\xd2\xec\xa0\x9d\x91#\x10,\x18g\x12\xbe\x9fu\xed\xaf\xc3\x04\xd0$\x9b;\xf3\xe5\xc8a\xd5;\xbb\xc8\xf9\t\xad\x0fC\x86\r\x19{J\x84\xbc&gt;\x8cc;L\xd7t4\xd0\x98\xf5T\x9b\xa5\xaeqY/\t-\x9a\xaf\x0e\xaeDe\xc3\xb7C\xec\x95Q\xef\xb7(t\x14\xf2$p\x9a\x0f\xa1\xef\x88\xc5&amp;\x06\xbc\xa08ejJ)S\xa0\x88\xf52F+*\xd2\xd4\xd0zU\x0e\x9b\x1c\xd6\xbea\x18\x01\x00\xaf\x01\xf0\xce\xf0\xd6\x85\xfav\x8a\xdd\x89\x00\xeb\xd7KH\xd1\xb6\x92\xfdz\'kx\x86)Y\x00]Q\x9d\xb6t\xfc\x18Q \x83=\xa0"\x82%dF\xfd\xed\x8c\x1a\x191\xe2F\xf1\x88W&lt;\x95B\xde\x05\x94GG\xbf`\x02\xea4\xc3\xea8D\x01\x00|wm\xed\x80\x9an\xf9N\xefN\x04 \xbd\xff\x0e`\xbe\x1er\xc8B0k\x0fq\x931/\xd0\xce\x8a\xcew\xc2\x9bK\x8d\x15\x80\xd4+z\xbc;\xee\xeb\x06;\x84\xd8f\x8b,\xe0\xcb\xfa\x88\x0b)\xc0\xa2\xc1\xbaW\x84\xa2^,\x937\xbf\xb9\x94\x9c\xe0\xbcA&amp;|&lt;\x80\x9b\x81ib\xc18\xde0\x15\x12:\x89\xe1v\xfb\xb6\x11\x9f0\xe49U\xe2b\x95\x19\xa0\xff\xf1\xb7\x8dE\t\x91JOMV\xac\xb6\xe4\x08\x0b\x00k\xdb6\xe4\x12c\xd4W\x8c\x95\xa6\xb5{Ls\x04\xc0_\xee\xc8Pp\xe2H{~cF\x18\xf8\xf1J\x16\xbd\x9dc\x9aV\x17N\xa6\xbd\x08\x80\xf8\xc8\xac\xfc\xddGu\x86\xdd\x80\xf9\xa6\xbd\t\x86@*\x1e\xe5S\xabm#i\xb3\x8d\xad\xf3h\xc6\x08e\xc7\xca\xcev\xb2r\xbc\xe7\x9e\x0c\x05\xd3\xc3\xf7\xecq\x1f\x9f\xb9\x9d\xe62\xcc\xd8\x13\xe7p\x06\x8d\xadl3\xba\xb4u\x86UR\xdb\xa6\xbd\xf6\x8fU\x06\xd3\x0e=\xfd|iwG\x9c\x1d#\xfa\xf7o\x1e\xd1\xea\x14\xcf\x93Z{\x0bz\x80\xd3\xe5,\xf7\xcfX\xd2\xf6\xc2\xa9\x9b\xe9UO-\xcd\x05\r\xbe&gt;a\rh\n\x1c1\x01lb\xf4\xe6\xac\x1b\xf4\xdfb\xb7\x96\xdf\xcfr\xcd\x00\x11\xf0\x87:K\xb2\x11?\xfdQ#8\x0c\x0fs#t\x8c\xbfv\xbf\xe3`\x8e-\xea\xb7\xc8\xb1\x9d\x87\x80\x87\xa1\x1b3\x87O\x00#\xe05\t\xdd\xeb\xdb\xef]\x84\xf95-\xc0CO0\xf2\x081\xfd1\xa53E\xec\xe8\x98S\xa6\xef\x81N\xea\x1b\x90\xe6\x10!\xf43\x05,93z\x06 u{\x8c$\x00\x90\xebG\x8e\xe1\xcd\x06c\xa8\x87+y\x1b2\x16\x0e\x97\xaa\x05\x97\x1c-\xc0\x05\x05\xc7dF\x1b\x969\xcf\xd7\xdf)\x9c\xc4\x11\xe8\xb3\x03\xcb\xa8\x82+\xf3O\t\xe9\x83\xa7L,g\xfd\xc3\xaf=\x97\xd1=\xfd\x90\xdf\x83&lt;\x07p1\x90&gt;%\xdd9i\xa0.\x82\xf7\xdf\xf2\x0f\xeb\xa7\xcc\xff\xb63\xd9\xddpvN-\xc4zv\xd4?c]i\xf9\'\x1d\xf2{\x90\t`\x16\x0c\x1d\x85\xf6\x97\xc7\x9feq\x1c\xc2\x94\x8a\xb3\xce\x18\xcb\xd3X\xa0\xaeu\xb4 ,\x10}qF\xee,\nk\xab\xc0\xdeD0\x17\x11\x01?\x8fM\xcc\xfa}\xea\x93\xc1iK\x7fN\xc0\xda7(p(\xdbvj\xfe\x8c%\xaf\xdf\x03\xf0!#\xe4\x10\x08\x8e\x003\xc6\xe7=\n\xae\xd7|\xb97O\x9c\nd\x050\x11\x8aV\xa3\xe9\xc2f\x91k\x9e\xaa\xdaJ\x7fj\xc6^\xaf\xcc\x17\xe2\xc4A\x9e\'\x11\x1c\x05|\xd7x\x1e\x9b\xb3~^\xb5\xe3v\xf7$\xa2oL\x12\x8b\x12\x94\xe1\xa6\xbcb\xd97\x04\xa0\xf3\x06\xe6\xb5\xdc5\xed\x02k1\x82\xc2\x85r\x84\x08\xf0\xf2\xe5\x877_\n\xca\xd1~:~\x87\xd3\xb1!\x03\xb4\x06B\x96}l\xd0\x91\x15\xc5\x96\xce\x01\x8bY\xe3=\x8e\x96\xc3\x02\xde\x99\xfb\xe0{\xc2\xee!6\x01\x94\n\x13T\xb1iN2\x9d b,\xa9\xa5\xfd\xfe$\x92\xce\x08\xa6j\xf0QS\xc7\xbc\xf1h\xc92W\x06\x91\xd0T\xd2\xf6\x83\xfae\xdd\xf3\xaaF\x90@\xce\x8b\xee$@B*:$\xc9\xfb\xffN\xe2]\xcf\xfd3\x10x\x06\xa7\x90\xd0\xc1\xd1\xdd{\x02\x88\xdb\x98\xdf\xb9\xe1\x95\xf3\x039\xacR\x13\xc0\x1cC@P\x89\xdd&lt;i\x84{$\xe8`\xccL\x18\tXzK\x88\x9e\x89Oh\xeei\x91\xf0\xa3+\x0fDM\xd7\xcea\x88\xb5t\xbe\xae\xde\x0f\xe1\xc2\xf7J\xb1\x92\x17XK\'\x8f|\xac\xfd\xfc\x94\x7fI\xbc\xe9\xa1\x94\xbbs}\xcc\xcc\x94%\xe5\x1b\xfd\xc3O\xe3\xdd\x03\x83\xa4\xabhvb\xa6\x19\xa7F\xbc\xf9j\x87\xd5\xe4\xe7\xee\xde2\x0cj\n"\xe2\x87\x8f!-8\x10\x9cQ\x99\x0b\xc3\x1b\xb9#"\xe2[\xcd\x15\'m\xdd\xd1\xffrHy%\xd0\xfc\xefd\x1d\x046lTTT\xf3\xd8\x19u\x86\xa93\x0e\xa9\xc7\x96r\xaf\xed\xa7\xb4d\xa7\xd5\xf9\x03\'\x00D\xc4;\x8d!/\x98\x18i\'\x82\x91\xdfy\xb2\x94\x7f7\x17\xe8}\xdd\x12\xfa1\x8e\xede2\x14\x98\x92$\xe3\xe5^\xd8\x7f\x07\x18\x93\xe0\x12\xc9u\x84=+_Y\xab\xb1:GO\x9e\x8f2,\xba\xeb\xaecX3\x02\xa4l\x88\x9f\xae\xa5~\xe6!R\t\x8eD"\xd5\xb3\xb9\xec\x12\x93N\xf8\x85T,\x86xk.\x87\xc3\x80\x88x\xef\xc8-kSa\xb7\xd1?\x8e\x17I9L\xdf\x15M\x00\xcc\x1a\xf6=\xf3\x9b\xc3\x82?\xe9\x8es\xd1\xc5\xf3\xe1\xbeH\xc86\xb1\xd4\x82f\x84}\xcb\rfc\xae&lt;&gt;\x8e\xcb\xbc\x02\x1b\x1d\xe9]pK\x0f\xdb\xfe\xd0\x92\xbaa\xf7\x12\xe6\x91\xabX4a\xc4h\xce\x86-\xbd9\xb1\xb4\x8c\xb4\xf0\x8c\xa7!\x04M\xe0\x0c\xd1X\xad\x8c\x8b\x1fc,\xe1t\xd5\x91[\x82\xcciY~\xddX\xf5\xdcSM\x12\xff\xc6\xa5&lt;\x01*\'\x80\x1aFG\xa1B\x93\\\xca;\xeabO^-\x90WA\x94 xv\\1\xb6@\x95F\x86xos\xc10q\xdb\xef\xb0\xe6Z9\xd6\xa6\x93z9J\xfd\xab\\\xb4\x12\xed`\x95\xafW\xf5\x86\x1a\x9e\xfeG\x1dr\xec8\xa67\x1aE\xc7\x04\xf4\xcb\xf5\x9a\x84n&lt;}\x07%\x8b\x8f\xc5\xd7\xdf\xdf_\xd5\x1d\xadt\xc1n\xa8\x9e\xeb\xb7\xa5\xee\x80x\xc1\x8b\x13\xa9\xd4s+\xfd&gt;\x82\x9e,\x10\xe1\xce\xe6w\xb2\x13\xbb\xf7o\xf7\xa5#\x0e\xeb\xd0q\x0b\\\x9a\x11n\xbf\x9bIEz3R\xb8o\x8f\xec\x03\xf9 L\x19\x96\xad\xb40\xa6\xaa\x9b\xee7:T\xbc\x83\x16#l{W\xe8R\x1d\xd7\x15K\x9f\x17\x18\x1e\x1fX\x1e\r[\x01\xabf\xc9~\x1c\xc2\xba\xb3\xf2\xd5\x189\xa1\xab\xa8f\xb7$M\xd34d\xf5\xc5\r\x12\x84\xe3\x0e\x01\x00\xaf\x04\xea\xff\xc4\xaa\xa8\xf5\xfb\x10\xd8\xc6Y0%bS\xfcW\x0c\x08\xa0\xdac\x89cc\x92S\n\x84\x86A6\x03C,\x16Y\xbf\xf5bmh\'\x82qS\xa6MN_\xc6p4\x91Cl\xe6\x1dlA=\x10_\xe5\xf55y\xa2c\x1e\x1c(\xd0|\xca8\x00\xe3R+;@\xefp\xac\x86\xddn\xe4K\xe5\xc6\xf1b*\x11\xee\xbe\xebH\x0cs;\xf4\xd1\xcfS\xeeb\xd9\x04.\x84\xba\xb9Y\xe6\xe3\xadO`\x92?t\t\xca\x1a\x16GM\x9c\x08\x80O\x1a\xcee\xd1?\xd9D\xb4\xe2\xc4\x82-\xc7\x1d\'u\xdbx\x9c#O-=\xd6,\xbd\x95V\x19\xfc\xd1\xec`/\x9a\xe4\xa7$\xd5s1a\x82\x82A\xcfC\xee\x0fDD|Q\x1fR\xec\x15\xc0!\x13\x00"\xbd\xc0\x1f\xc3+\xca\x06\xb18h\xdd_]\xde\n\xc0\x93\xa1B\x98\x8eQ:I\xe9\xa8\x90Bp\xb1\xe0\x99^\xfb#\xb8\xd8\xe3\xf8\xdaJ\xaaj\x88u[;G\xf2\xa7\xf3\xc0\x9e\x00\xf0\x8b\x07\xf3\x02\xc0\x7fH\xde-\xe9t\xad\xdb\\\xb1\x91\x9a\xb7f\x82\xe3\xb3\x1f\xedv\xe6e\xba\x04\x02.8&amp;\xc3\x19$\xc1\x19\xcd\x1e\x82U\x11\xeb3\x01tl\xc9E\x02r-*\x88y\x01\x10\xb7O3\xec\xa6\xf4\xf0Q\x13v\xc5\x9e\xa7W\x99\xd4\xf0KhI&lt;t\x11Lp!`\xe7p\x89c\x00\x96Q\xa5\x8f=\x8c\xd8I\xfe\xe0\x1e\xbbv\xa5\xb0\xda\xdb\x81\xb9!0\xf9\xc0\xf4\xda[-,;\xbaw\n\xa1%\x00\xb8\xbf\xe7DL\xbc\n\x91\xf1K\xba\x1d\xf9\'\r\xb6K\x92\xaa\x99\x86`n\x90a\x08aX\x03\x86%k\xfd\xd1\x97e\x9a\x9d\xbb\xa0^\x1db5\xb5\xcd\xa9\xa5T7\xc3\x08\x0b\xd6pM.)[\x00\x11\x1fE]\xb4\xe6\xcb\x9d\xe6\x80R\x1e1\xa9\xead\xee\xa2mD|K\xd8\x83\xd5\x14\x03\xfa\xb1\xcf\x91\xce\x00\xd9\xbcn\x85\xd9\x0b\x03\xf70@\xcc\x84:?\x173\xe5\xf3&amp;F0\x80\xed\xd0F\x85\x88\x88\xb84\xce\xfcHp\x9cG\x05\x98\xeb\x94D\x81e\xbe\xfb\x07\xa5\xd2\x1f\x17\t)\xa0\xadp\xfd\xfbp\xc3\xe0\xf7\xcb\xd2\xf0\xe5\x89\xb4\xccs^\x88\xa6a}\x87\x80\xfb\xf0@\x1f\xe5Me\x99!\xe4\x18h\x0f \x12\x8f\x80F\xcc\x87\x7f&lt;&amp;\x0b\x05\x00\xf0\x1d}hu\x82\x1f;)\xa5\xf8. \xb8b\xbd\xc7\xe6\xbe\xe9\xba;\x8c\xb1\xa2\xa0\xf0Zi\xe7\xf1_\x13w\x11\x00&gt;&lt;\xb8\xe4\xf3\x0e\xf5j8\xce\xe3\xfdK\xb6\x08\x94Z\x04\x8e\xaf\xf3lR\xa6\x8d\xfe\x85d-\x96\x0c\xeb\xcb\xbb@\xb9\x99=&gt;\x15\x8ffmE`\xd6 \xbe\x00\x00 \x00IDAT\xc1i\x00\x19\xab\xda\x10}\x05\x98\nV\n\xa8\xb0bP\x01\xad\x1fiz;d&lt;\xd2\xe4\x11\x00\x7fK\xff@\xc4\xcf\xea\xcc\xfd\xebs\x05\x86\xd8V\x1b\xf6\x91g\x1c\x93.[Y\x13\xf5\x87`\x10\x12\xd6\xb1\x98\xce\xd0\t`6\xac\x13\xc0\xab{\x90\xb2\xb7:\x9f\x1a\x9d\x03v\xdb\xf6$"qs\xdd\xeb\xe5\xd1\xa2\x90b\xccdV{\xeeE\x8f\xe3\xd2\xde\x9fg?\xde\x05y &gt;\xfa\xec\'\x00\xd3\xae\x8ems\x17\xfdQ\xd5%\x16a\x05\xbc4\x97\xb80\xa9\xbe\x0b6\x81\x1b\xc5q\xa4\xda\r\xfdv&gt;\x0f8\x816\x15L\xe3/\xaa\x02.\x128\xb6~\x01&amp;\x007`\xef\xddL\x8e\xe6ZX2\xceS\x95\xf5r\xad \x8eH\xf3\x98J\x91\x01\xef|\x12)&amp;\xc38\xcao\xe6\x15\x9b\x7f\xb0\xcb&amp;p+\xec\xeeMt6\xf9\x8d\x8bIL\xa3\x8b\x89\xeaM&lt;\x80A\xedR\n\xa2;\xeb\xa6H\xfd\xbeg\xba\xe2\xd6\xb3I\x0e=\x8fx}\xe4\tG\x8f\x8a\xff\x1d\xa4\x00]\xda\x8c\x88\x80\xf8y=H\x85P\x00\xd7\xd7R&amp;\\\xbc\xb5A}\xaa\xfd(`\xa1,8\xd2\x91\xf2\xb1!\x92;o\xf5\'~f6_\xdaY\x8d\xadw\x12Jm\xa4:b\x9c@\xde\xda\xb1\x0b\xc1}\xf4\x86Wr\x9eV!\xc4\x98\xab\x0f}\xc8!\xa5\x0e\xf0S\xdf\xbc\xb0\xc7\x98\xc5\xe1\xc7\xf5\x04Y,}\xd5\xbd\xa3\x12\x87\xc4\xc5&lt;J\x81\xd6\xf3\x01\x03\xb9\x04]\x86\xfaA\x84Xob\xdb\xd7\x9c\x86BR@e \xcf\x81\xac\xd9\x8f\xd2&gt;\x1ef\x13\x05\x81\xeaL\xb1I\xf7\x87\x96;\x86^\xcd\x1f\xa9%@\x06\x8dS\xf5\xc8\ta\xd5\x9b\x8e\xb8\xff\xa9\xa4\xeeG\'\xc82\xaa\x9bLW\xcc@\xae=\xab\xf7\x17\x94a\xb6\x05],K\xc0\x940vP\x0f\xf1\xe7\xf7o!6\xbcB\'N\x93\x99\x94;\xa6O\xed\x87\x1b\xe61\xaaSAh\xf3!\x8e\x91Lp\xae\x98\xc7\xb6\xf8\xc6\x9e\x164Vu\xfc\xc3;\xd1w\xe7u\xe5R0\x01\x10\x13aGQ4A\x04@\xfc&amp;s\xe5\xa6\xe6\xfa\xf16u\xf20\x9dh\xf4)\x1a\x15\xf4\x84\xb75w\xa0y\xad\x02$\x9fT\xc4\xdb\xe7\x1f\xc5\x8cN\x00/\x1f\xdb\xba\xa8\xcf\xed\xfd\x8ctv\x02 \x0f,\x1a\xddv\x14\x06 \xdaY\xfa\xe2\xb3\xfb\xb2\xab\x06\xbf\xe1\xc6\xcf\x1e\x18\x15\xfdT|$\xca\xac*\xe8\x0c\xd7\xe7\xfe\xcf\xa3\xc5\x01H8q3Q\x95\x0f\x83\xd1\xe39&gt;m\x01\x14\x9e"G\xbd\x9e\xa8\x13\xd7\xeaM\x87@\x85\xde\xf8O\x120\x1fp\xabF\xe3S\xb8\xdc\x89\xb3\xf0\xfc\xdb $\xa6\xea\x11B\xb9s\x1e\xa3\xfc\xf3%\xbfw\xca\xb0{9\xb4\xf8\x03\xed\x9e\x03\xe3\x1cY\x85u[\xea\xe6\x8c2\xc1\xe2\xda+\xd5.\xa7h\xc2\xa3\xa5\x9d2\xe2}\xf8\x9a\xc0\\\xec\x1c\x8a\xd1bBxY\xe4z\x0f\xcbL\x930-\xf5\xca`P=J\xdc\xfc[-\xa2#\x8c\x7f\xc5\x15\x83\xc5\xc5\x16&amp;!X\xd68\xcde\xc4\x9f\x9b\xd75h\xc8\xf6t\x06h\xcex\xa5\x1f\xf2\x82\xfaSh\xb8}:\xbc\xf3Q\x13#&lt;\xa3\xe4"\x88\xd5\xd2\x91\'\xd7\x10?\x11\xe0\x15\xcbo\x8f\x8f\xd6\xb3Z\x94\x92\x95\xc1\xee\x97\x98\xc8\xa6LX\x80\xbc\xb5\xd1\x1c\xab\x04X\xfdLW.\x1c\x85\x14\x11\x81\x88r\xe8\xd7Y\xebBd\x99\xd8 \xea\xabfD\xb4I.z\xb6\x07)D\x8err\xa4\xda\xecs\xe09\xbe\xfd \xc7@\x19\x88\xf7\xb3\xff\xacc\xf9\x86\xea\x16G\xdd#[\xb6\x00\xd9h\xd4\x11\x00\xb6\x01a\xea\x0c\xb5m\xa5\xfe\x0cn\xe3\xb9\x06s\xcb\xbc\x8e\x97%\x83\xeb\x9b\xe2e"\x079\xc9\x07V\x15y\xb5+\xd0\xfc\xd3\x9dK3\xbd\x84\xe1\xb8\xcb\x17\xeaHt\xba\xd7\xb6\xde\x1dh_\xab\xf5l\x7f\x82?H\xdd\xb1\x11\x19)\xb4\x84\xbb\xb4@0\r\x9c\x15\xee\xff\x93J\x8f`\xe4\xe5\xe7iG\xfc\xe0\xc1Y`\xfc\xaalI\xab\x81\xa8\xaf4\xa4\x8f\x0b\n[\x9c\xf83V\x8co\x85\x1a\xcdJ\x1f\xf1{\xabYW\x00\xdd\xb6\x93\x05\x9a\xe8wL\x01\x05t\x92\xf9\x0fS\x86\xb1\x8b\x80\x059\xfaL\x14\xc5&gt;CL\xe6\xee\x91B\x91\x00\x02A\x14\xf9\x91\xd0\xe6\xfb\xe6A\xa9\xd7\xd1\xa3\xf1\x1f\x10\x11\xf1u\x8dJ\x88\x0f\xde\x04\xeb\xc4\x90O\xd5mD\x9ae\xa3\xef^\x894VOj&amp;L\xbb\x07w\x9bf \x8fsvS\xaa]c\x95\xa6 \x10d1\xad\x7f\x1fs@\x02\xcdc\x98\x053\x01\x02\xc6\xf64\x0b\x05()l\xbb*~\xad\xab-\xe5[\x94\x97\xe69\x8f\x1b\xaa3]\xa6\'M\x10\x0f+\xef\xa3\x8bY\xf4.\x10@\x10\xf5\xac\xd6\xf9k\x87\xc9\x93E\xf5\xf8A\xbc\x0c}\xc4J\xb6\x89\xd8\x8c%\xd1\xe7/ \x8a(\xe4Y\x9c\xb6#*\x99\xf8\x89\x13D\xc5\xec\x06\xab\xeb\xbcW\x06\xb2\x911)6k3\xdf\xbff\x1f\xe99\nu\x12.\xdb\xe0\xfe\xd5\xc8\xa7\xe4\x91}\xd4\nG\x1aw(s\xf7~\x19*\xff$\xc0f\x1d\xda\x1d\xd1\xbf\x0b\xd8G\x83N\x17r\nhz\xbcr\xfd\xef\xe0c)\x1d\xa0\x94\xca~\xbd\x9d@\xech`\xec\xb5\x8b\xcbo\x00\x04\xb8S\x8cd\x9cl\x1d\xbcm\xdb\x1d\xba\x819\xc9M\x08f\xa8\xec\x97\xe9\xf7\xe5\x80\xf6p\xfd\\\xe3}\xc1\xa4\x08\r\xee\x8cW\x9d!L[\x11\x01\xf1\xe7b\xcd6\x1a1g9\xc2\xe3\x1cv\xc9\x8e\x12\xfe\x955\x07\xf8\xc2\x04\x9cZ7`-\n\x98l\x14"\xe2\x17\xb51\x1b\x00\xa6\xe6\xbd4Z1\x17\xcd(\xa4\xd0&gt;v0\x8ej\x9a\x02\x01\r\xf2P\xe0\xb4\xe6\x96=\x92QQ\x92\xa8H^7xk0D\xdd\xed\xdc\xee\xba\xf3\x8e\xa3\x14\xed\x8e\x06\xe7\xce\xb3\xe5\x1dw\xe3M\x06\x13\x9aD;\xc8f\xa5\xdb\x8a\xf8\xe3a\xbf\x9b\x8a\xb1\xd1\x133-\xbfL\xdc\xff\x9f\xa5\xfe\x05\xc3\x81\xbf\x19\rKGD\x17E\xb4\x8a\xf8\x1f\x18\n\xc5\x87\xa5\xc1\xa7\xd6\x13\xe7\xad\x1b\xec\x99\xa0Hlv\xe1G{\x13@@\x8aI\xe9\xb4Av\x07~\xe76\x05"\xfa3\xa5W\x9d\xa0\xe9\x16\x8d\xa92kdM\r\x13\\\x1c\xd8\xf1B\x98\xaf\x00\x00\xfcc\xc7\x8e\xbb\xb2. Yd\xdc\xc7\x0e\x83\xa1\xa3\x12\x01\xf0\x83\x98b\xd0\xc18"\xe0c\xfc0\xb3h\x05`\xb7\xe8\x82{\x1ab\x02\xb0\x9e\x1d\xfb\x81\x91\xe7sH\xfb\x92\t@P\x86\xac\xb9\x8c\x8b,*hnSQ-\xe5=\xc7\x87\xd9\x06\xd8\x89\x97\xfdg\xa4\xc7\x10\x11\xf1\xcet\xec\xc9\xe7\xc5\xeb\xb8\x8b\xe0\x8a\xec&amp;:)8{S$9\xca\x1aU\xe4\xe5\xdc0\xde\xf5\xa9&amp;4\x08 8m\x94N\x00}S@\x15D=Y8\tS\x08[\xf1_*e\x9e\x19v\xc8o\x1a\xfaP\xaf\x8c\xf5\xa3\xa53c\x9df\xfb\xa3}&amp;\x80\xc3\xdd\xd7\xea\xe2-I\x8aZm\x0f\x81\xf6\x96\x04{\x03y\xbe\xbb\xf4\x92\xe0d\xe1\xbb\xce\xbe\xfb\x96&lt;\xa2v\x99P\x14\xd6\xa6\xd9\xb0&amp;\xf4B/\xa1\xd0M=G\x8b\r\xf8\x98\x8cGv\x075\x0fjE\xa1\x0c\xab\x9e\xeb\x1a\xbe\xf6\xd3\xd7ts\xc4\xce\x1c`M\xc9D2\xd0\xcb\xe6\xe1\xed\xda\xb9\x0b\xce\nH\xc4\x14\x1fH\x95/7\xe2\x95\xc5K\xa9\xed\x07\xf7q\xd6\xb0V\x01\x97\x88Cdn\xabR\x04;D\xb8\xc5\xad\xe0\x97\xbc\x0c\xf0\xbbre\xc6\xb8\xce=\xfd\xf1\x94Sy\x19\xcc\x9e\xc1\xa0\xd8\xc4\x1b\xbf\x94\x00\x87\xcf\xa1\x82)Q\xe1\xe0\xbc\x1a\x88\x80\xd7g\xd4\xa2\x9cQ0\xf1\xe0/\x95H\xc2\x04\xe2s+\'\xad\xe4\xa0*"\x92/V\x95\xdb\xcd\x0b\xd0L\x07\xf1\x1b\xf6w\x1e\x8d\xc9\xab\xd9\xb0\x85\xeaa\x94\xd3o}\xd3\xd9t\xf6\xc5\xd4O\x96\x9e7\xb0P\xfb\xc6\xc2R\x9f=a?+\xec\xdbk\xdfo\x92h\x1e\x15\x84\x11\x1c\xf79\xee\xe1\xe7\x8d\x91R\x1b\xc7\xc9\x1f\xb6\xee\x01\xbd\xbf\x03\x00D{K\xcd\x92\xc9\xeb\x10\xbd\xae]\xac\xfb\x97\xffY\x9b2.\xa7l&lt;\xf2*\x88J\x94\xe67\x1e\xe4\xfeyW\x005b\x95\xcd\x16\xc8\xfd\xa4\xc5\x87u\x7f\x8b\xca\xc2#|\xbe\xbf(\xc6\xac\x1bP\xac\x8dk\xd8\xa6\x19\xfb\xdbN$\xbf\xf9c\xbb\xb2\x08T7\x92|\xb5Ho\x17\xd6g\xd3\xc2\x8d\xe5\xb9\xb5\x94n\xe3;\x95\x02\xa5\x9eL\xae\x86\xab\x16\xe2N%\xeb\xdbc\'\xba\x0e\x10\x14\x03}\x94\x14\xae\xcar$\xa6\x9c\xa9\x96\xa0i\x17\x9fm\xb5\xbd\xd1Z)@U\xbd\x18\xc3\x99TK\xa3\xd8\x92v\x04v\x9a&gt;\x0b\x06[\x94\xc2\xbd\xec\xea%\xc3\x97\x96\x84y}r\x9c\xdc\x92e\x16\x84=\x9d\x0eW\xa3\x96Q\x12\xe5b$\xa9\x82:\xe2\x9e\xbf;\x8d\x1e\xe2\x89,X\xe3\xc5\x86\xe6\xc4\x14u,)\x82x\x8f\x11\x98U\xe9\x19\xe0\xed\x00\xd7nK\x0c\xa2[\xdd\x1f\x8f\xe5\xb9S\xffs\xc7\x00\x80xr] )\xa0\x1a\xd0a\xf8\x1a\xef\xbc\x99\xbc\xab\x94\xba\xe3f\x1cJ\xff[h/dR\xe5\xa4\x82\x0e=B\xe2\xed\xbe\xba\xfe1G\xb3\x86\xbe\x845M\x17\x11^\xcf!\xa2T$\x9ds&gt;\xb8\x0eXc\xa5\xfbG\x8fKt\x17\xfb\\\xb4:\xeb\t\xf8\xe2"\xbd\xdc\xf3\x96\x91&amp;w\xf1e&lt;j\xa5.\x0e\x11\x11\x7f\xc4\xbe\xf2Q=\xd6\x9eS-][\x97\xfa\x0e\x91\x9b\x1d\xd2,#8\x939\xbf\xa1\xa5;O\x1c\xd6\x83\xfa\x1e\x93\xcd\xb7\xbbx\xc4\xe3/\xd4\xf5\xe4\xb9\xe7\xc6\x11T]\xf3h\xc8\x94\x95\x81\xd9-\xf4W|\xb4\xb9\x98\x9d]\x05\xaa\xb3rc\x07*\x1a3\x00VC\x14\x00\xbcI\xc1\x8d\x18\xe5\xf79\x9c\xd3\x98\x02Z\x88\xc0\xeeV\xeee\x1b2\x85Ag\x82\x18\x87\xb8J\x95\x83\xb9\xa4\xc4\xb8\xe4\xa19\x07@\xdc\xb2\xfe\xbf\xa0#\xff\xac}\xa2\xa5\xe7\x8e\xf9\xc66\x1a\x87AR@\x19\xa8\xb2$\x00n?\xca#\x8a\\\xf9\xd8\xfd7\x83e|\xb10\x87\xc7\x1fo\x18\x89\x9ev\xc3r&amp;\xa7H\xe3~@\xe7Ni\x07\x1c\xe2)q\x04K\x1ePw^FT\xe5\x1f\xdf\xca#\xd7\xf8\x9b\xc3\xa8\t\x12cb\xaeM^:\x99*\xd4\xd2ay\xfd(\xb50\xd8&amp;?\xca\xd8\xacq\x14y\x92\xc6\xe6x\x9a\xde_\x90G\xcc\x16\xdd\x93&lt;\xff\x1a\xcb\x05\x150\xca\x95\xe7\xb8u\xf4\xe4`\xf3-\xadU\x07kz\x04\xfc\xaaN4]\xb1\x83\x8eH\xb5\xe8\xe7\xfb\x88\x10\x13\xac\xb4|\x81\xf2\x1b\x0fJ\xcd\x0c\xbbi\xd9\xe6U\xb4\x9f\xa9\xb7\xc4\xa0\xe8\x9e\x88\x13\x9c0\x16+@\xeb\x151\xe8\xde\xe2\xd2\xc9\xad\x19\xb2\xa1}\x9d\'\xc7\xaai\xa3\x11}y\xc5\'\x80S\x1a\xa5\xa5\xd9p\xc21M\xdc\xdc"\xa7iJ\xfel3\xd3\x04q\x8e\x0c\x89\xb1V*\xc9\xac=#\xe8\x01\xcb\x8dV\x1a-\xc7\xa2\x8a&amp;\x00\xa2\xc0\xf3"\xe7\x97t\xf9\xb5\x15e\x82\xd7\xa0\xbbw\xde&amp;\xdd\x13q\xfd\xd1N\xac\'8oX\xea\x84G9\t\xbf\xa6_|\x8d\x97\'.\xbe\x06\x00?6W1\'\xear\xafbJ\x13\x9c\'\x1a2\xef\xf0\xe5|.\t\xe7\x1e .\xe7G\xf3El\xb1\xd9t\xddA\x9e\xfa\xfe\x86rG\xa2\xbdA\n\x88\xd6\xbf\xd54\x99\xed\xbe{-\x17\x8ai\xaeL\xf9\x12\x93_\x18\xf1\xe7K\xbb\x1a\xf1^uJF\xab\xbd\xa5-\x82\xf2E\x83\xe0\xc4Pa\x13\xf5,r\xdc\xa3[\x17\xfcA\x18\xf9]"\xed2f&gt;"\x16+\r\xd2U\xcbdl\xaa\xaf\xbf\x1b\x84+p\r\xb5\x93\x96\xa9\x80\x8c\x97T\x8f@\x96c\xe8\xfd\x8b$\xfc\xd6\x14\xeb\xf5\xdf\xe2\t\xa0\xa8\xb4\xc3\x91\x86!\xebI\xf2\x16I\xfb\\(\xd4\x9b\xb9G$u7\xea)\xd2\xdc+\x06a\xa33\xf16E\x10\x00\xf1%\x1e\xebp\xcc\x90\x02g\xe5\xf4\xaf$g\xca\x14)\xf3\xbf\xcd\xb1\xd6k\xa1D\xcf5&amp;cO\xabG\xe5\x7f\x8a\xbai\xc3\xbf\xb61\x05\xf8Sk\xa4\xec\xd6f\xab\x01\xffD\xb6\xd7\xbbX\xd7\xad\x82S\x05\xe9b\xcbc\xba\x8c\xbd\x18\xa7\xe9m+\xf9\xdc#\xb6X:b\x0b\xc57\x15\xadW\xfaPb\xf0\x88\xb0e\xf5\xea\xc6\x82\xb5&lt;\xd3\x126&lt;18e\xea&lt;</t>
        </is>
      </c>
      <c r="E387" t="inlineStr">
        <is>
          <t>&lt;class 'numpy.ndarray'&gt;</t>
        </is>
      </c>
    </row>
    <row r="388">
      <c r="A388" s="1" t="n">
        <v>386</v>
      </c>
      <c r="B388" t="inlineStr">
        <is>
          <t>steps_per_sec</t>
        </is>
      </c>
      <c r="C388" t="n">
        <v>5600</v>
      </c>
      <c r="D388" t="inlineStr">
        <is>
          <t>10.075052</t>
        </is>
      </c>
      <c r="E388" t="inlineStr">
        <is>
          <t>&lt;class 'numpy.ndarray'&gt;</t>
        </is>
      </c>
    </row>
    <row r="389">
      <c r="A389" s="1" t="n">
        <v>387</v>
      </c>
      <c r="B389" t="inlineStr">
        <is>
          <t>Loss/object_center</t>
        </is>
      </c>
      <c r="C389" t="n">
        <v>5600</v>
      </c>
      <c r="D389" t="inlineStr">
        <is>
          <t>0.10980705</t>
        </is>
      </c>
      <c r="E389" t="inlineStr">
        <is>
          <t>&lt;class 'numpy.ndarray'&gt;</t>
        </is>
      </c>
    </row>
    <row r="390">
      <c r="A390" s="1" t="n">
        <v>388</v>
      </c>
      <c r="B390" t="inlineStr">
        <is>
          <t>Loss/box/scale</t>
        </is>
      </c>
      <c r="C390" t="n">
        <v>5600</v>
      </c>
      <c r="D390" t="inlineStr">
        <is>
          <t>0.05970937</t>
        </is>
      </c>
      <c r="E390" t="inlineStr">
        <is>
          <t>&lt;class 'numpy.ndarray'&gt;</t>
        </is>
      </c>
    </row>
    <row r="391">
      <c r="A391" s="1" t="n">
        <v>389</v>
      </c>
      <c r="B391" t="inlineStr">
        <is>
          <t>Loss/box/offset</t>
        </is>
      </c>
      <c r="C391" t="n">
        <v>5600</v>
      </c>
      <c r="D391" t="inlineStr">
        <is>
          <t>0.15673678</t>
        </is>
      </c>
      <c r="E391" t="inlineStr">
        <is>
          <t>&lt;class 'numpy.ndarray'&gt;</t>
        </is>
      </c>
    </row>
    <row r="392">
      <c r="A392" s="1" t="n">
        <v>390</v>
      </c>
      <c r="B392" t="inlineStr">
        <is>
          <t>Loss/total_loss</t>
        </is>
      </c>
      <c r="C392" t="n">
        <v>5600</v>
      </c>
      <c r="D392" t="inlineStr">
        <is>
          <t>0.32625318</t>
        </is>
      </c>
      <c r="E392" t="inlineStr">
        <is>
          <t>&lt;class 'numpy.ndarray'&gt;</t>
        </is>
      </c>
    </row>
    <row r="393">
      <c r="A393" s="1" t="n">
        <v>391</v>
      </c>
      <c r="B393" t="inlineStr">
        <is>
          <t>learning_rate</t>
        </is>
      </c>
      <c r="C393" t="n">
        <v>5600</v>
      </c>
      <c r="D393" t="inlineStr">
        <is>
          <t>0.0009999853</t>
        </is>
      </c>
      <c r="E393" t="inlineStr">
        <is>
          <t>&lt;class 'numpy.ndarray'&gt;</t>
        </is>
      </c>
    </row>
    <row r="394">
      <c r="A394" s="1" t="n">
        <v>392</v>
      </c>
      <c r="B394" t="inlineStr">
        <is>
          <t>train_input_images</t>
        </is>
      </c>
      <c r="C394" t="n">
        <v>5600</v>
      </c>
      <c r="D394" t="inlineStr">
        <is>
          <t>[b'512' b'512'
 b'\x89PNG\r\n\x1a\n\x00\x00\x00\rIHDR\x00\x00\x02\x00\x00\x00\x02\x00\x08\x02\x00\x00\x00{\x1aC\xad\x00\x00 \x00IDATx\x9c\xed\xbdy\xdctMQ\x1e\xdc\x03\xc4\r\x8c\x80"\x88\x0b"*\xcabD\x96\xe0\x06B\x88\x1a\x08AE\x88\x0b\xa8D#\xc1 \x9a\xb8\x80|D\t\xa8\x11\x97\xb8DqA#\x12\x13\x14\x05\x93\x18#\x04\x11D\\\x02"\xb8\xa2\xa2Q\x91UEP\xc0\xa8\x11\xea\xfbc\xce\xe9S\xcbU\xd5\xd5g\xe6yy\x9f\xfb\xae\xeb\xf7\xf20\xd3]]u\xd5\xd2\xddu\xe6\xdeZ+\x14\n\x85B\xa1P(\x14\n\x85B\xa1P(\x14\n\x85B\xa1P(\x14\n\x85B\xa1P(\x14\n\x85B\xa1P(\x14\n\x85B\xa1P(\x14\n\x85B\xa1P(\x14\n\x85B\xa1P(\x14\n\x85B\xa1P(\x14\n\x85B\xa1P(\x14\n\x85B\xa1P(\x14\n\x85B\xa1P(\x14\n\x85B\xa1P(\x14\n\x85B\xa1P(\x14\n\x85B\xa1\x90\x05\x11\x189\x8eQkDt\x14 \xa2wm\x8d\x98\xf4\xdf.\xb3+Z\xa3M\xc3S\xd6u\x8b\x12c\x82\xec \x9f\xea\x02\xea\xadG\xbb[\x81\xc2\x9f\xc0\xb8\xed\x03\xf4b\xa7*\xa6G\xb1\x85\x06\x90\xefG\xdc\xcc\x84]\x87\x08\xae\xed\xb6\x82,H[\xd3\x1e\r\xe4=O\x9d\xf4Mh\xf6\x97\xb7\x91/$$5C;\x12\xd3\x08F\x96}A\xafA\xf4\x04\xc5\xc0\x19U6\x99\xe0\xc8\xb5\xec\xf5@r\xba\xec{\xe1\xc18\xf4\xf3\x84\x8f\xff\xc6\x9c~\x040;K\xbc\xb5\xb3\xee\xf4\xab\x15&lt;xw\x1c\x85\x83Z\xfbv\x9b\x12\xa6d\xb0|\xa6j\xb9\xd1\xa3zn\xa2\x93\xf6v\x91\x1aL\xda\r\x96\x10\xd1\xc3\'U\xa9\xbd\x9aY\x19loqO\xdfe\xee\xa2=\x0b,\xb7\xf80B\x1b\xd6(\xcc\x9b~\'m4\xf6w*\x1aII^\xe7\xd1I\x9a\xb4\xaa4\xfbdz\xf1\xf7\xd7I\xcf\x18\xe1\xb6\x9e\xc5.=;\x9e\xb9-\x82\\\x90y\xd1\xfc\xbcx\r\x01]_\xf41Z\xdb\x9f\xe9\x8b\xd3\xda\xba\xd2\xfb\xe2\xaaA\x1c\x03x\xa0\x04\x1a2;\xd0\x8eL\xc9\x8b\x85\xde\x9c\x99%\xa2wZ\x0b\xddV\xd5\xee\x828\xae\x99ZH\x12\x19\xe1\x0c\xc3@\x80\x0f\x9e^\xf2\xba/N\xdea\xbc\xdf\\\x89\x12\x11}a\xd6(\xf7l\xcd\xe0w\xda\x0c\xaa \x98.^\x9e#\xe78\x01TQA\xbb\xa7\x9ap\xa8\xe6"\x1fU\xd9\x8e\xd3\x10\x9e\x00\xaa\xf1\x82M\xc0\x87\xc8K+Ph\xe9\x99\xf1$Y\xa0\x87\x10\xe6\xd4]$\x0c\x8f\x95\xb3\x19\xfa\x193\xa2\x8e\x03\x95\x1bC`;5\x88\x88&gt;\xd7\xd2S\xc2\xcd\x14\n\x7f2\xe5\xbdUP\x07\xbdh\xc0\x94\xd40\xf0\x1f\x99\x8b\xd5r\xcdP\x9e7n\xcb\xf4]\xb0\xc5$\xb7\x0c\xbc]4\x12f\x83\xdb\xf2\xb9\xe7?\x08\xa1s}m\xd6:\xc7\xd6\xb9#\xc3\x83sV\xcd\xf9\xb3~\xb1\xfdi}\xe1\x158\xdd\xec\xb5:A/o%,\xad)\xf0\xc8t\x95\xc3\xea\xbd\x14\x18\xfa\x0f\x05\xce\x9a\x95wR;\x87gE\x9d\x86M\x96\x05\xa4\xa1\x08+\x19\xef \x08&lt;\xa2\xf0\x93\xf4)\x88\x1b\xc8(]\x9dzV\x03{l\xdb?}\x15N\xcd\x0eZ\xf3\x10\x07\xba\x1f\xbe&gt;LDD_ \x968zFv\x83\xf8\xcda\t\xe9}\xb0\t\xcftN\xf3"\xab\xfb\xe2\xbdd\x89\xfef\xee\x02\x90\xc1I\xde\x1f\x13|\x1c\xd3\xbb\xb5\xd9t\xc2$O\xc4\x1f\x11\xb65C\xd4\xfe?$y\x890\xcc\x1b\x9d\x96\xefX\xd2\x9b\x08T\x0f\xcf\xeb\xb6\xebt\x06\'\xe9\xd7\xf6\xa9\xa3\xc5\x0fR\xf4\x86\x1c\x94\x00\xd17\x89m9\xe0\x03&gt;\xaf`\xcfI\xe7i3w\xac\x87g\xaf\xc7\x84\xed\xe7\xcd#\xb6\xe1\xefv\xca\xa9\xb1g\x95&gt;\x19\xc5Y\x00\x1c3k\xf9\xc8{\x8f\xac\x98\x07\xd0+x\xbctkDt\xfc\xee\x00If|\xfd\xf8;\xbd\xbf&gt;\x1fU\x99\x05\x1b0\x92a\x84\xcf\xee\xb1~\xd7Pk\xcf1\x92\x97\x17Q\xc53\x81/l\xed[\xcc\xaaL\xec\x88\x1a}\xe6\xfa\xc2Y@\xf2u\xfc\xdc\xea\x99\xce\xe41\xde\xde\xee\x12\xb37\xdc{K\x1ep\x96s\xae|G\'Qgu\xa6\xe7\xb0\x1dK\x82lzK\xae\xaf5\xcc,O\x08\x0c\x9b\x06n\xda\xd2\xe3w\xaa&gt;\x8c\xc2\xeb\x96n\x87&gt;\x129\xdf\xd1\x92\xd1t\xec-\x82\xe5CB\xde\xecy\x8fH~\xac\xeb\xa9;\x82\x87u\x07H\xa71\xd4\x1c[\xbcT\xe8|\xb7\xda\xd5\x8aDm\xe9 \x0e\xf6\x03j\xaf\xb8*\xa5\x96\xe8\x8e\xeb\xae\x83\xb6\x9cctT\x97\xc8\xba[\xe51\xe2\xc3%6\xdaf\x0e;\xd2\r\xf2I\xb5\x99_\xcf%\xf3v\xa7\x1f\xcc}\xeb\xdc4&gt;\x1dF\xa4\xd42s"O_WZa\'\xf9\x17\xfa\x9bn\x03n\xbb3\xc8\xad\'\xab=\xd8\x8f\xc9-3Eo}1\xbdp\x07\r\n\xbd\xa0\xf7r\xf6\xdd\xe8\xa4rm\xd5\xc5\xa0\x10\x87\x82\x88\x88n\xd7\xda\xfa\x19\xc5\xe8\x02\xe0Y\xa4\xff\xdaPN\xf5\x12oy\x80\x07\xfb\xe7\x1a\\|\xe2\xde\xe0\xcbI\x8eo\xce\xfa\x87\xb2m?c[\x19\xb6\xbb7|t\x94|\x99\x1a\xd9\xa1^j\xf8,v\x91\xb0\'\x1b\xa7\x1b\xf5\xf5\xa0\xa2\x10I\t\x1e@\xcdh\xf0te\xf5\xf4\xb7\xces\x00\xee\x00\x822VUN\x8ew\x19U\x8b/\xaf\x12|\xae\x19\xc4\x0fd\xd3\xda\xd0\xde\xf7\xcewz\xd2\xb4\xb3[\xe1\xed\xba6\xaez\x0c}\r\xc2\xa1\xeb\xd5\x17\xed\xfb!V\x0e\x0fP\xaf\x02\x90\xe46\xf2~\x98\x06Hp\'\xef\xb99\x84\xbb\x03)#\x83\x1d\x0c\x84w\xf3\xdc\r\xbc\xd9t\xbe\xbes\x8a[2\xe6\xe3\x98\xdc\xf0(\xf3\xf3\xc3%g\xb8\xb4d\r\x07y\xf7\x12J\xa8\\\x15s&gt;\xeb\x89\x9eX\x06\xc9\xe5\xdbvc\x83O\xc0\x92\xb7\x03\xab8\xfeI\xfc\xc0d\xbeSp\x19\xc7\x91\xd4\xfb\xbd5\xa2w%jD\xaf\x1f\x17\x8cyKDD\x1f\xd3\xfch_Xd\xbc\x85\xc5w\\\xa6\xaay\xa8k\xe2I\xfc\xebe\x07\x1d\xf2\xf46\x1b\xe4\x0f\xf6\xe4\xc9\t\x0f4\x0ckQD\x8fq\x83\xe7cx\xbf\x02\xbf2\xe4\x19\x8d\xac\xe4\xc4\xf8\t\xdb\x89r\x1b\x12\xfb\x9eP~\x8f\xd6Zk\xbf\xc8\x843w\x92\xc8\x91C\xed\xb85\xbe]=\x88\xf8\x97\xfdV\xe7+\x19\n~&gt;\xeb\x1c\xe7\xd3\x8dP\x88\xe0\xd3\x0cg\x083\x02FZ\xfbv3\xbb\xe0\xees&lt;\xbd\x8d\xed\x1c\xe2\xd9\x1a\x0e-&gt;\xf5\xd2\x1c\xff\xe9b\xb2\'\xcbV\xb2D\xec\xf0\xbaR-\xeapg\xaa\xed\x14\xc8\x80bbC\x1e\x7f\x1a\xd5\r\x97\xb4\xb4\xbb\xd2\xe3\xd7\xbb\x94\r\x87\xd7\xa0c\xa5\xf7\xd3\x1fI\x9b\xe53\xfdx\xae\xc7$\xa2\xa7\xa3\xc1\xf5t\xc0Sy\x1a\xad\xb5\x7f\xd9\xd7\x9a\x94-V\x00\x01\xf96ae\xcd\x8b\xf9q\x8a\x11aq\xd2\x99\x83\xcf\xad=\xff\xf4W4\x02s\xf6-\xa3\xf1\xcf\x03\xce\x9cF4\xbb\xd6*6\xb1\xd9Z\xf7~\x03\xc5\xbc\x8e\x1f\x85\x1b="\n,\xdd?\xdb!y\xc46z\xe66u%\x03{\x97\r\xb3\xd1X\xf2*\xb3\x12T\xf6\x15\xa2\xb1\x0fGn\x7f\xee\x8c\xf3\xfa6\x02\xf0\xb9\x01)q\xfaP&gt;A\xc8\n\xbd\x83\x94\t\xb7}\xd0\x1a\xef\x8b\xbf"l/\xc8\xd6\x1a\xfd\xfd\xf0f\x95\x1a\xce\x02\xfar}vd\\\xa3\xbd\x9b|\xb6z\xf1\xd9\xe7\xac\x07\x17\x80\x11\xc0V\x12\xe3;w\x9d\xd5I\xfc5\xbb\x9f~\xd7\xd8"\xf5V\xd8\xb7\xf5\xe97\x07\x8d\xe8c\xcd\xf8\x8f4\xbew\x12U\xad\x98C\xe9\xd9\xfc^\n\x9c\x1e\x14]\xd6\xe9V\xf4s\xbd\xea\xb9\x12\x0f\x10\xab\r2\x07\xab(S\xc7\x05j\x8d\xe8w%I\xd7\x8a\x1c\x11jc7\x834h\xb5\xa3\x0b`J\xf9P,\xae\x10\xb5?-\xd5\x91\xc5\xd4OE$\xabB\t\x13E]ygH\xec\xda\x90\x0f\x04\xf6\x9cUoQ\xb5?\xcb\xfb\x14E\x9f\x9e)\x8f\xb0\xaa\xe3G\xd6\x82\xc9\x94\xe6\x8d\xccON\xd8m\xc6kX\xdb\xad\x07s\x1d\xc7\x02\xfc1B+\x14\x8f\x95S\'\x02\x19\xa8\xf1\x19e\x97\x00S\x1b\xccUb\xb6\x07\xd3\xef\xd4\x07\x9a\xc8\'\x1b*\xc8{\xc1\xfb}^"-\xd8r\xe8Tm\xaa\xfb@\xa7\xe1\x0b\xc3#;\xc5\xd6z\x1aK\x8e\x96\xef\xb2\x9e}\x06W\xe3\xb1f\xae_\xcf\xa2\xee\xcf&lt;x\xbd\x07\xac\x81\xe7\xe8\x83\xc0!\xb0\x91w\x9cRo\xcd\xd9\x17\xc8\x03m\x93Y\x80K\xc0\x88\x1f\xff\xeb\xf9)8\xa9&amp;V\rm9@\x1e\xa4v\x01\xb0\xa5\xec\xae#\xfc\x1d\xe9\xac\xed\xe1\xe8-\xdf\xa7\xed\xe2cw\xa0]\x85`\x97j\xfd\xf4\x8d\xbdG\xd8k\xa5\x17\x8d\xc9\xb1\x95\xb4\x0c=b3\x046\xcd$\xfa\xbbH\xe1\xef\xb7qO\xea[\x1c\xaf\xea\xe6\xcf^\xfa\xaaS\x83v\x15\xc9n66M\xbf\x1b|D\x101\xf7\x04\xe8\xf6\xb2\xc1|\xaa\x7f?I\xf2j\xdc\x9aS\xaf9\xed\xb5\x00\xdc"L\xee\xb3-\x83\xac\x8f\x8e\x160\xeb\x01a\x8f\xccP\xb3k\x11m\xf3\xecZ\xf6s9\x96\t\x7fO,Gi\xe5\xbf+\xa3\x1d\x04\xc1\xd1\x90\xb4tI\x10n{G^\x86\x9e\xbf\x0fZ\xaa1\x8d\xeb\xea\x91\xb6\x16\xd3m\x13l=\xaaiq\xb3\\\xe8\xc9\x1eXS\x9a\x87\x83V?\xa4\xf1@!\x90\xa1\x10\x99H\x8e\xab\x98\x8c\xbb\xe3\xd6\xe8\xbf\xc9svt{A\xf5$\xb7w\xd0 \x13\x11\xddK6\xa1/u\x18\xca\xd7k\xedi\xad\xde5\x99\x88\x81f\xdb\xa5\xd5\xaa\xb8\xd7V\x16\xfd)\xa9\xa7\xff\xc6\x85\xc4r\xccy\xe6\xdc\x14\x01\x9f)\xcb.\x99\x8ed\xa0\xca=+.\xcbCB\xa6\x01\x9f\xbd~\x1b\xbe\x00\xb2\xcf\xadq\xbfcv\xc2\x11\xdf\x82\xc7\xc3\xb5\xb1\xf2)\x7f\x97%f\xdf2mojN\x8f\xa6\x08\xf4\xe2\xf6N+\xbc\xea\xe7\xd8Q+\xe2\x0f\xadD\xbd\xcf\x10\xaf\x1d\x1d\r\xea\x82\x17&lt;\xd9\x03\x13\xf0"\xe6\rm9K2#\x9ca\xc6v&gt;#1\xdb\x19\xf9G\xae/\xf6\x1b\xcd\x19\x02\xee\xefK\xc4\xe7\xe7\xe4\x7f\xb4\x81r\x9d\xa6\xda\xef\x8f$K\xa8\xca\xc4\xf3\xf9\x97\xe8\x02\xd8{\x12\x80\rl\xd4\xf2\xb4:\x1br\x87\xe51%BW\xcb\xf1\x1d\xb1\xac\x9f\x17\xea\x13gi\xf7\x88/\x19\xf0\xb7\x002\xdeZy\xbc\xce\xf8H\xf4\xedP6\xe0\x12\xd0\xd3\xee\x9bU\t&gt;Y\xeeA\xb8\xd4\xc0c\xbd\x07\x94\xe3\xf8\xf3\xb3\x8f)\x80\xc3\xe4\xe9\x03y&amp;m\xdex\xc6\xd0,l[0\x15\x0c\xe5\x88\xdd\x02\xf1\xaa\xa4%\xdb\xe5\xf4\xc1$O\x97\x80\xdfL\\d\xe4\xf7dB\xc6\xd5\x7fBz\x86\x02\xa0\xcelU\x11\x82]\xa8\x95\xb3\x7f\xddY\xf69\x80\xa7\x19\xda%\xf3y\x11\x7f7\x0c\x9a\xb4\x82\x04F\xdf^\x9d\x04\xcc`@\xcf\r\xe6\xf9v\x16\x8c* \xa9z\x02\x16\xe7H\xd5&gt;J;]\xe9\xf5\xf3M{\x15D4\x02oN\xf6\xb8+\xd9\xb6\t\xd4\xe6\x8d\x03&amp;\x03[\xc2hW\xbe\x98\xf8Z\xb8h\x0cr\xcai\xa7\xba\xab\x11\xea\xfetw\xefXO\x94\xe3\xa4$\x93\xb9K&amp;\x19\x92\xf9R\x1c\xafC\x84Ekc\x94 \xf9O\x08\x1eNU\xad\xf4\x7f\x95\xb0*\xaa&gt;\xed\x15\x1c\x1e\t\xdc\xf7\x05\xce[\xc7CU*\x02:\x0e\t&gt;\xf9&gt;\xceF/\x88\xbcx\xdb_[\x9d97=&gt;9\xce\xf3\x9a[\xfb\xd3\t\x1a\xf2)\xd0\'v\xaen7\xa3"\xa8p[!)[\xa8\xf5\xa1\x1f\x03\xb6\xe4\xf2\x94\xe6\x93Cr\x95\x03z?\xfb\x90\x9bT\x1b\xcb\xf3\x85\xc3\xcah\xad\xa9\xdf\xb6?eW\x16\xa8\xfa\xf6PP\xb2\xdb\xfe\xd1z\x1a}Ot\xdby\xed\x86\x91q\xa2a\x99\xff\x88\xd4\x7f/!|\xc62\x8e\xa3\xd8=\xf0vQ2\x8f\x99|\xe1DxuK\xe2\xba\x8d5[+y\xe1\xb1\xcc\xb0\x11\xbe\xbf\xcd;X\xf2\xb7\xfeT\xc3\xd5\xf5\xa7\xa0lf~\xbd~\x00\xe5\x14\xf4\x91~\xdd\xdc\xbe\xeb{Q\xbaj\x17\xc0\xbf\x87!\x7f\x8a\xc2\x91A\xb7;=,\xe9\xe833B\x17\x18\x99-\xdaZ#\xfa\xa3\xf3jV&amp;\xec\t\x18\x94\xebJ\xa9\xe3\t\xc7\xff{W\xe7\x98N\x10hm\xab\xe6T\xbf9\xa1\xdf\xee\xd2\x1dZ\x00\xedN\xfe\xed\xdf\xbd\x80S \xc7+\xc3_\x1f:\xa3%\xfc\xc1+\x0fu}\xf6JP2c=l\x8d=\xb5\xb9N\xc8\xd1\xc8\xf3\xa3\xd6\x8b\xb3\xae,bK\xac\xcc\xeez\x01\xdd\x0f\xd2\xc8\xcf}\xb8\xb0\x19\x01\xfbV\x19\xeaz\xba\x10\xb5\xf6\x1a\x19\xed\x0cgG\xff\xdb\x7f\x07\xbd\xdd@\xcba\xaa/\xe7v\xc23\xa3)\x14\xbf\t\x1a\xe9\tlwfD\xf72%~\xfe\xd6\xef\xb4\xbdsf0\xdfqxO\x7f\x80;MAV\xed\xbe\x98b\x97\xd9h\xa02o\x8d\x8c\xa1Lq\x11\x11}\xde\xb6\\d\xea\xfby\xe2p\xad\xf6\x91\xf5x\x05\xfa\xb1Q3!\xadg\xafO\xee;\xef\xaf\x1f(M\x0fw\x1b\xd1g\xf7\xa9d\x8e=\x97\r+zzkoYi\x84\nS\xe7\xc1\xb5ig\xbf\x9d\xe0\x14z\x14\xbd\xb5L\x9d\x85}\xe4L\xa7\t\xd8*\xe6\xe9rD\xd9\xe8\x1c\x16\xd0I\x94\xf7\xe0\xb7\xfd\x1e\x90\x83\xf5\x98\xc0\xd9\xa9 \xe4\xd5Z+Y\xb5\xc7\xef\xc5\xfa\x90\xcc\xcf4$U\x022\xb1\xd7d\x9c\xfa\xe1\x19\xb5\xad5\xfa7\xdb\xc8h\x89~M\xef\x1f=V\x06-\x8e\x19\xf1\xed\x86\xe4\xbb\xb6LY\xf0X-*^7wJ*\xef\xa6\xf6\xa3\xd7\xd6\x90\xde\xf2\xfa\xb7\t\t\xeb\x9c\xc6\x80\xea\xfe\xfdr\x01\x91,Q]\x1f\xc7\xb49\x0f\xa4\xcb\x92\xc1S\x1e\xfe\xf5$\xeaH\n\x92\x14\x13\xc6K2B\xa7]`\xf9\r`\xef\xb0\xa3\x1f\xb3\xd6\xbb\xf7[\x8e\xf6\xd1\x0e\xe38\xbe;\xe5jb\xc42\xf2sl\xcd\x89cfA\xf3\xde\x83c\x0b5r$\x8c\xcc\x9b[\xa3\xf57N\x93\xfa\x9dB\xce\xe6\x02\xee8\xc4\xdai\xa58\x05\x94\xbb\xc1\xd3\x1b\xa9\xa9QNm\x04\x865\x10\'ZY\xcf(Tj\x87\x92\x17\x1f\xc3\x1a\x85\x07\xfdQ\xca[\x15\xcfr\xbb\tz\xe1,\xca\xe5\xb9R;\xab\x84\xe4\x05\x19I\xfa\xf7\xee,\xf9\xb5\xee\xff\x0bM\xfeYm\xa5\x012\xefo3\x1b\x869\x15\xb5\xe7\xf2t\xde{\x01\xf8\xd1\x9a\x8a$\xa5\xbfxp\x94\x81\xee\x08mL\x18X\xc9||\x81\xf4?eWU\xa7\xdb\x9d\xac6\xe3\x17\xbe\xccT;"\xa7\xb6Q\x18|\xb2\xf7q\xa2;\xd9\x81s\xeb\xbb\x1a@\x9f\x8d[\x8cm\x9f\xc3\x1d+\xbeg\xa6\xe9\xe4\x99\xcdf\xc7m\xfete\x9c\xe8\x97o}BI8\x95\xdd\xbd\x89\xad\xfe\x980D\xcd\xbfx\xec(7\x15?\x8d\xc5\xda\x88\xb9\x89\x052\n\xddl{b\xb1\xbe\xd0\xd6\xe4\xe3H,\x06EI\xd7\xd5\xc4\x91\x01\x1e2~?\xdazk\xde\xefO\x1fj\x19F\xb7\x1d\xf4\x88\xd3\x18\n\x0f\x1a,r\xf7lC7\x87*c\xf9Z\x1f\xf7I\xa7h\xf4\x17\xa8\xe0T_\xf0=\x91\xee\xcb\x87\xa0\n[z\xdb\xd8\xb5j!\xf9\xe04\xce\xd3\t\x9a\xb3L\x1a\xfc\x7fK\xf1%T%\xdc\\L\x842\x91;\xf4\xd5x\x93\xb0\xc8L0\xecK\xe1#\x85\xab\x08)\x81\xbe$5\x88\x85N\'\x1b\x98\x9b3\xe1\x0c\xee\xd3\xd9\xd9\xda\xefxS&lt;m\xa5\xf9\n\xe7L\xc3\x84m\xf5\xf0\xabg\xd8&amp;\xda\xb4\xa3.(\xec\x81\x1e\xf9\x98\xe8\x95S\xd0\xda\xbbTs\xe5\xe4U\xc5\xa6\xc43p9A\xf4;\xb0\xf0\x92U.Um\xb9\xb7S\x16`\x16\xd5A\x92\xc3V|\xa6S\x9b}r\x8c\xaa\x90\xb8\xa1\xe0\xc9Wl\x86\x80\xf0Q\xea,\x1b\x9b9\xee\x04Z\x9b\x8e&lt;\xfd\x18t\'\xad\xcb\xa5\xb6\x98\x95\xe4\x96G\xe8\x01\xaa\x93P\x1ej\xc82Q\xdd\xf4\xe4\x85\x9a\x91\'\xa2\xfe\'\x8e\xd5*\xe8i@\x86\xbeT?\x83\xbaF\x13wp&amp;\xb9\x98\xa4\xf3T\xd1\xe5pY\x0ev\xdf\xbf\xa3\xeb\xf8d\x12\xb1\xde\xac\xa7\xeb\xe4\x82\xa3?U--m\xf8\xc9CN\xa1)_9\xae\xf2\xa4\xc6`\xb9\x8f\xcbT&lt;\x1d\x03\xcd\t\x1dR\xa1\xf1\xa8\xa1\xa2\x81\x1a\xa7n\xac\xfd\x14\x8dQ\x18R\xccp\x9d "\xfa\xf8\xb1\xda\xb3o\x94\xbc\xa7\xfa\xa9\xee\xf6\xaa_\xfe\x08B\xbd!\xd1\x03\xf3\x04\xa6\xae({v\x04\xcb\xf29\xf5.i\xa1\xc71\xa1\xcd\xa9\xed0\xb4}\x0e\xb8\x95\x86x\xda\xb7]8y\xdf\xe0\xb7\xeaW\x07{J\x88\xce\xfe u\xf5\xa1\x9f\xf8b\xb0\x1f\n\x93\xa1\x81\xc7e\x93\xaa\xd6\x7f\xed\x035ny\x1c\xce\xba\x8c\x88\xe8\xaf\xa2^\xd5\xdd\x08\x9c\xd5\xd0\xbb.LD\xf4\x83\t\x99X\xa1\xbc\xea,\x86\x94\x90N\xa1?\xd6\xd6\'\x86\xa6\xec\x9et\x8e\xa1)\xaa\xf3\x05\xa6k\x86\x98\x0b\xc0Yr\x16j\x9djy\xce\x91E\xf8\x97]w\x88\xfe)\xb1b\xe6ko\xd5;-\xad\x13X\x19S\x81\x17\x80\x9f\xfc}\xa5\x95\xa4\xe1U\x1a\x9f\x8d\xedC%^\xb5\x10k.wPUZ/\xdd=@l\x03l\x83j\x17\xc9\x1d\x15\xec\xa5.\xa3_\x18m^]\xfa\x92\xf0\x13\x8c\x88\xb6\xd6\xec\xb5\x1b#w\xbc%\xd6\xdc}\xd1\xdeSk\x7f\xcf\xb9\x8dbO}&amp;&gt;\xb7\xd1\x05p\x1c\xb1]sdn@f\x92&lt;\n~\x1c\x03$\x9f\xbbk}\xf2*F\xf9\x1cp)\xdb0\xc5;\xc5K\x8dN\xdc\x98\x85\xd1&lt;\xba\x00N\xd0=2\xedW\x1a\xcd\xb7Y\r5\x94V\xfbT\xca\x1cV\x0f\xb8b!\xb9\x16#\xe8\xf1{\x15noe\xafz\xa2!\xa8\x87\xba\xb0bB\xc42\x84\x0e\x0bC\xf5\x93\xa7\xf8\x19\x85iaF\xe0\xd9\x9b\x86\x8c\t\xbc5\x1bx\xb8\xc9j3J\x86\x86\xb4\xdd\xd8P\xe6\xe2?\xdf6\n\x94\xd0?:]\xbd\xcc\x1d\x11}\xad\xe9$\xe0*\'\x08\x8f\x1c\x05\x10\xa65H\xd0\x89\x81\x14\xc7=\xfb\xb7\x8f|\xe5\x15x\x08x\xa3O;\xef\x8c\xde\xcb\xeb\xf8\xa7\x85\x97b\xb2\xf0H\xfe\xbe/\xbb\xfc\xec1\xb9V\x83\x9c\xcf\xbf\xc0\x81b\x04\x02\x9dh0\x15_8\xcb\x17\x1e\xff\x1f\\\x0ff/\xdd0\xb4\x120QsDD\xf4\x0e\x19\xce\x03\xd7\x1c\x0e\xb35\xf7y\xb6CtT\xa9A\x9d\xc1\xf9\xfd\x8f\x8d\xbaSS\xba\x91\xb9\x13~\xd5{\xd6\x84:(\xc3\x0bR\xae\xd2\x1ez&gt;\xebdA\x81s\x85,\x04\xb8\x12\xf01\xfd\xd4+`:\xeb\x1e\xc9\x8f\x85\xfbBJ\x04*S0D,#\x90\xe4\xe5\xb9\x00\x88t)\xd3\xfa\x87\xe2\xf4Q2\xea\r\x99N\x9c$/\xe8s:\x1d\r}\xa8\xdb\x1d4b\x93\xed\xd5Y*\xc2=\x1dr&lt;\xb6\xab\xfa-\xeb-\x08a\x95\xfb|@\x8e\x02\xf9\x07\xb8O\x15\x01\x8b\x13wS\xe8\x9f\xeb\xc8@\xe7\x8c\xa4So\xef\x8dB\xf7V\xa2\xc7Anv\xa39b\xd9\x1eK\x93\xcc\t\x03G\xac\xaa\xd9h\x9e\x1b\xfd\x10\x0f\x8b\xcd[\x1bD\xb8\x11=\xed8=zJ;\xdd\x89\xab\x04\xdb\xb9\xb9\x8d\x10\xa1\x03tX:\xad\xb5?n\xfa`:\x03C\xdd\xfeG\xca\x93Va)\x11\x11\xddoy\xe1\xacZ\xf8\xe4\x99\x03G0\x99\x84\xb6\xf0\xf7\x92\xf6\xf3\x05r\x18\x1c:v$\xe4\x84C\x87^w\xe6\xea\xc5&gt;Dy\x97\xd1\x8e]Ps\xde\xd19\x8c\x83\x15vg\x7f\xeb(\xf3\xb7\x19UJmf*\x932\xf6:\xd3#\xefLUj\xf7\x19\xc2q\x83\xb2\xd4vkm\xf4\xa3[\xa0\xf6\x80\xb6\xd4\xf90\x12\xb9\xd0\x18\x1e\xfd\xcb8\xfau}\xc3\xc7\xb4\x9b\xb2\xa30\xd3\xb6XU\x99$\x8e\x05\xd4\xae\x08i\x13\xbf{r&amp;^\xef\x1f\x946b\xcdV*\xf2h\xd9\x0c\xe6\xcf\xacO\x154\xe0#$\xbb\xf2_\x02\x04F\x86\x86\xd6ODn\xffn\x92VZ\x84\x8e\xc6:\x93\x06\x95-\xa2{5[c\xa3\x023\x83\xdbxL\xc2S\x0bg\x95\xe4\xfbDnM#\x13-Vc\x98\xa1\x1a\x8c\xbd\xe3F\x1d%Ha\xe2\xd6)\x0c0\xdb:\xd9t\x0e\xf2\xda\x9f\'\xae\xa9;\x99`\r5\xb1\x0f\xf9\xecM\xc3\x8a\x87\xf5\xcb\x1fo7\xc9{\xbagt\xa40]\xa6\xde"ALH\x82&gt;q*\x057\xe4\x0b\x15\x19\xe3`Ot\xc6\xca\xc4\x13\x98\xf1\x98\x1ah?[X\x87\xffe\xa4\xbf\xb5`#\x80\x18\xc2\xcc\x05[I,T\xb3F-d8W+\xe7\x03\xf9?c\x8f\xb2o\x93r+I\xffW|C\xf1\x05\x90\xba\x83\x93\x02\x85\r\xc4B\x9f\x92\xb7@\x9d\x1a\xa1\xc2\xbd\xc6\xf2\x11\xd4\x10\x11\x9a5\xab\xec\xb6\xec~\xc8C6\xec\xca\xa3~\xc7\r\xbb_\xd6\xba\xfd1\x0c\x1b\x11\xd13&amp;\xda\xaeS\x00\xd5\xf6D\xa3H\xce)\x8fi\xdby\xb8d\x0bK\xe2\xb0\xc0\x1e-\x91\xfft]3\x9f\x06%)xb\x88}R\xb3,nw\xe7\xf9u\xd7\x9f\t\xdaM\xc6Z\xd1\xdfr\xcd%\x89\x88^{vJ\xaa\xa2\xe2n\xf2JW\xfe\xb5\x0eK\x89\xbf7&gt; \x12\xcb\'V\xd8\x93\xbd/\xf6\xeb\xfe\x8e\x9d\xa75\xad\x94\x9f\x05\xf1V\x194\xfbN\xc7\xa14\xd8\xa0\xe9\x1a\x9d,?\xde\xd8Bn\xabZ\xf7z\xe3\xd6[z\x1bL\xd5\t\x1e\x7fC$\xb9\xb1\xa2\xcfJZ\x81\xee\xb8\xc2\xfc-R2:,\x8c\xb0\x12\xf8(\xbcA\x9c\xcb\x1b\x9cM\xdf\x98\xb8\xcf4\x7f\xf5\xdc\x90\xde\xa4\xb4\xfe7\x10[U\x115z\xb0\x9e\x1a\xae\x82S\xffy#\xf9\xaf\x88\xfe\x1c\x8a\xbd\xc7\x16\xa2\xbb\\3\x07T\xda\xc8\xd5\x0cU\x1f\xba\x82g&gt;\x97\x08\x16*\xc9\x97\xf9\xdd\x93\xdd~\x9e~5z\xae|A\xe6\x89U\x13\xa5\x86\xbc\x16\xe3\xd9z\xb5\xf0\xc5\x06\xcc\xbb\xa4\xd1\x9ca2\x8b\x04\xebU2\x97\x91\xd9\xad\xbbu\xdc\x1e\xb1\xff1\xc8\xfefQ\xbe\xd6bS\xbf(t\x90\xa9|5\xa2\r\x95\xb0{%3\xee\x8coO\x03\xe6\xdb\x11\x11\xc9-q\xdf\x90\xea?\xba|\x93\xd7\x9b\xdf\xc9\xcd\xdd\x19\x17\x04\xaf\xce\x89\xf1B\xe1#A\xb4\xf8\xbc\xee\x98\xccR\xbe[H\xa5\xdc\x7f4\xee\x83\xd0._\x9a\xe9n\xac*OL\x8eL\xefs+\x1fDF\x88\xc1\xa3\x7ft\xc4\xa7\x88!\xfd\x86^FS\xc2\x16]\'\xa3.\xce\xb2\x12k\xa6T\x9aL:&lt;\xf1\xb9\x18?/\xec\xf2\x8e\x17-\x86\xc4\xf20\x05\xa7^\x00~\xc1,\xaf\x1f\xdf\xda\x07"\xce$\xc5b\xbbt\xbeFj\x16^\xfa\x98\x80\xb8\xb3\x89\x1a\xd1\x0b\xd4r\xa8\x96\x15\x8fNn\xb0\xe4l\x85~-\x07\xedr\x18\xd6b )\xf7\x89\xa7\xb3\x17\xc1\x7f\x98:\xe0\xbaf\xfe\x9a\x88\x88&gt;\xa9\xe9\n\x98P\xa8\xb5I\xa7\x92k#\xb5\xf2\xd7\x88\xe6\xe9\xc1\xe0\x9c\x87\x12\xd0\xbf\x8c4\x93\xf4\x88\xa1y\x01]\x00\x83\x8e\xe4q\xcasS\xa7x\x1b\x07:\x95\xb6&gt;\xfdL\xe58\xb2\xd2\xf5g\x82\xcd\t\xf3\x00B\x0b\x81w\xc2\x17\xd4yp\xc7\xfb\x7fS8k\x11i\xb5ia\xce\x04WWg\xf9\x83i\xe5\xeab&amp;j\xaf\xcb\xd1&gt;s,\xae\xb5\xc0\xe5(C\x16\xac\xcd\xebO\x06\x94\x88\xee\xc2\xfb\xb2m\xaf"\xcd\xad\xd1\xf5\xc4[n\xd4\xf2T\x8f \x92\xe1\x80Uk\x8dn\xb2\xbe\xc8x\x92\xa8Q\xd3\xcb?+\x17Rv\x8a\xfd\xe4\xdc6\xcb`k\xb5\xf8\xe1\x02~g\x9f\xdbh{2|\xdcVE\xe0\x86\xb2\xaeW\x89\xa9F\xf4*{\x93q\x9e\xd0\x9d&amp;\xcb\xc3!\xe2\x1e\xc4\xcae\x02\x007+\x8a\x89\xab\x16\xce/\x99\x92G\xe7r\x98\xa6\xdb\xf9\x88\xd6.\xcc*\xec\xa2DD\xb7\xdczA-\xb6\xc5\xbf\x11\x11\xdd5\xf1L?y\x1dR"\xc5\x17\n\x9b\xc3\xdb\xdb\xc8u;\x99I\xf6\xb0\x16\xc4\xd9\xedL)m\x1e1\xb4\xb5\x00Uz\x8b01\x95\xf0\xef\rg)\x8c\x89\x1a\xb22C\x1e\\\xef0\xb0\xcf\x98\xef\x07]\x8b\xd2\xd4p\x93\xa0D\xfc;\xad\x90\t\xc7{\x95\xd0\xd5Kf\\\xdf\xa9~_O\xe8\'\xdeO\xdf\xf9J\xd5\xb1\xd0\x8eZS\xdbD\xbd5#Z^j\xee+b[Do\x85z&lt;_faC&gt;&lt;\x88\x8f\xb3\x8f\xe9\xcb\xb1Z\xc1vv\xdb\xe6qz\x19\\5 Y+$*\xb8\xf1\xfc\xb9\x1a\xd86\x8b\x0c\xb1y\xa2\xf5?1\x0b\xf7\xa9U2\x90\x89\xe1-~\x89\xb9\'\xec*\xfevl\x82\xc8+\xfa\x13]\x00\xaa\xbc\xd9G\xf4\x86\xf4QD\xe2\xdb+\x88\x88\xe8[\xf6\x1be\xd6\xd9\xb8\x16\xb3\x0b\x05\xed\xaf\x16^\xc0%\x9e\x06A\xe6\x07\x84\x06\x1b^\xdc\xef\x9fVN\xde:\x92\xafU\xd9(\x9e\xfbLp\x81M\xb2\r\x82\xc0V!UP?\xe2\xa3\xac\'M$\xe3K\xeb\x074p\xef\xf0m\xa5\x0e\xae\xb1fGp+\xe6\xf0\x04\xb8\xc8P\xbd\x89\xaa\xaa\xc6b\x8d\x97\xfbM\x163!&amp;U\xbd6\xa5\x81n464\xe7`\xaaoUd2\xda\x1a\x8bR #\x95\xb7\x96\xdf\x0f\xbe\xa4\x8c\x18:\x16\xcdy7\x94\xe9&lt;\x871&amp;zP\x83\xa1\xa0\xdfl\xacS\xf3\x97\x13\xb5\xf6.\xad\xbd*\xb7\x8d\x07\xcd#S\x01\x83\x02\x0f\xb2\xe3\xfcM\x12\xe9\xf6R\x1c\x06\xbf\x11\x11=^\x8d\x7fK\x97\xcfT\xb1R\xaf\xd5a\xf9\xf5\x85\x9d\r\x8f\xec!\x12\x87\xc07e4S\x8e\x00\x14c.\x8c.9\x94t-\x03\xc1\xa6\x86$/\x08\x88U9\x89\xfen\xf9\xd5%}\n/\x97\xc1;j\xb85\xd4\xcfd\x9a\x8c2\xdf\x15^j\x99\x1et\x9c\x85\xf4\x14\xd5AD|\x10\xd1O!\xbf\x9a\xac0n\xa3?\xab\xf6\xa9\x19s\x032K4\x849\xe1\xa3\x08\xacT\xb817\xb4U\x94l\xdc&lt;/\x98\xaa\xaf\x0c&lt;\xcd\'"\x9f/\xdb\xbey1\xd7!\xca\\0O\xc7\xfc!=\xb7\x80Y\xc0\x87\x11\xeeb\xdc\xc1\xdd\xa5\x9bo\x9e\xbe\xcd\xa9\xba`u\x10\n \xfct7\xa7\xe8\x96\xb5\x11@\x07\xf7H\x95\xbdN\xb0\x9eU(yK]4\xc41\xcd,\x0cg\xe5Y\xcc\x1a\x16`\xdd!B\xd7\xd7g\xeel\x96\xe8|_\xe1\xa17\xe0\x83@mo=\x8b\\\x03K\\\xfeb\xa9\n,%&gt;hf\xaaR\x9f\xec\xadV\x1e\x9eQ\xcb\\hD\xdf5\xe4\xd0Z\xfb\x93\x98\x83_\x0cC&amp;\xc1\xc2?\x97\x07\xa2\xd7\xe07T\xa8\xad\xa5J\x08\x1eg\x03\xb6k\x00\xffx\xd2\xa3L^ c\xd5=\x8c5\xc0\xbb\x01\xb6\x08\xfe\xb1\x00}\x00\x1a\xbc_5&amp;\x1bJ\xb9\x84\xe8z`UsS\xbc\xfekr\xfaUN\x1c.&gt;\xbc\xb4A\xb1\xcc\x92Lo\xae\xf4\x04\x85\xce\xc7\xf3\xe5k5\x0ceR\xda\xbc\x03]DF\x8cX\x0e\x81\xbf1y\xbb0\xa9\'\xeb\xda\x9a\xbb,\xbd~a\x9ch\xbb+\xdc\xbe3X\xdb\x86g\x87\xae\x96\xcc\x19\x04r\'\xcf\x97w_\xdf~,0\x9d\xf5bTT\xf2\xae\xc5\x92\x90pp\x1a6t\\Z\xfcD\xd6\x8b#~|F\xd8\x89\xb0\x12\x16$\xd5\xdeq\x83f\x95\x93\x1eL\xdc\x8b\xb2\x85b\xa6/\xe5\x13\xc0\x11a\xa1\xbaK\xe4\xf2L\xfb\x89\xb3K\xb9\x93\xddX\x9c\xa0\x9ad\xe8\x99\x03\xb3\xfa\xc4\x1f\xe8W\x12\xde&gt;\xc1\x0b\xd9\xfe!"\xa2\xff$\xf6\xc0\xde\xb2\x05\xfd\xd1\xe3\xf1\xde\x98\xc5C\x93\x04\xf0\x91\xa7\x1e)\xc6\xc7\x01\xd4 \xaaex&lt;9\xc8\xf9\xe1y7\xf5d\x16&lt;\xff\rzm\xebH\x93\'\xac\xa76\xc5*\xc9_\xc5\xf0\xde\xa1i\xb9\x1d2[\xe9k\xb6\xa97-\xff\xff*FR\xaa\xcd\xfb\xd5\xc5\x8f\xbf\x99\xf1\xc4\x8c_-8\xd8\xa1\xa3\xe7\x87\xc3\xa1\xbf\xed\xaf\xb9@\xe3Bh\x16M\x1a\r\xa1\x98^\xd5Z\xa3v\x14_4\x1c\x0e\x07\x9f0\x97\xb1\xd6\x0f\x87\x83Z\x08y\xe6\xe9\x19V\xef\xdb\xda\x1f\xc5\xaba\x91q\x8b\xa6\x9f\x06t\x86^$A\xd4\xdaa)\x08\xdb\xc7{\xfa31\x1c\x92;Z\x1a\xc8\xac\x94\xac2j[q\x1c\xc4\x12S\xba\xab"\x05^&lt;|\x94\xdb\x16r\x03\xaa\xae\xcb\xb3\x15\x85\xf5\xcbXy\xbbI\xed\xc4c\x00\xa1u\xce\xcac\xe8\xedk"\x1e\xa7m\xeb\x1d\x0e\x87#\xcfc\xccw\xec\xb2\xccI\xd2L4\xfa`s\xb6?\x16c\x96\xfa\xe0\xe9\x99\xba\xf6\xe3z\xf6\x94\xdcJ\xa1\xadU#\x8f\xd4cj{{f\xc34H\xd8\xb2\xdd\x0fJy\xb8D&lt;\xa1\x1f\x0e\x87\x9e*x\x862\x9d@5&lt;\x14 \x87\x89\xcb\tT\xcc+\x8e:\x82U|gz:\xa5\xfcB\xf8\xa0F\xcf\xd1\xadl\xdb\xf8\xa8\xb2-7-\x9f;\x1em&lt;\\\xea\xe8\x04\x11K\x04\xd1;+\xc5\xea\x03\x0cR\xeb$\xc5\xd9\xd7\xda\x01V\xe6\xf0:ES\x84l\x0f\x8e\xad][#\x0b~\xe8&amp;\x94\xafT\xe1Q\t\x16B\xb9\xb5a\x82\x87-\x8e\xfc\xb2\x03\xfd\xbc\xc5\xb4\x93\x80\x8b\x87F\x85\xd8\xb1\xdc\xbb\xa2e\xe5cNau\xd5 ~\xd8Y\x1e\x8c\x9e\x95\x12\x9e\xb2\xb8}\x8e1\x12\xde\x96\xc8GE\xa1M}\xf49\xc3\xf3\x8cN\x89\x11\xe7rr5\x18%D\xef!\x9fO\xdd\x87hH\xe6\x14\xbf\x82\x9b\xd5SJV\xf2\xd8$L\xda\xe5\x1a\x90u\xce\xf0\r\xae\x9eLUC\x07\xf7\xd6\x83-\xc8\xd3\x8b\xca3\xb4\xc5V\xee\x0e \xcc\xb8P\xeesm"\xa2ww\x948\xfa\x0571\xbb~f5\xbb\x17\xc2\xaf\x9a\x90)6G\xc9\xce$\\\xd1\xf4]\x1b\x91&lt;\x8b[\xb8\xff\xa1\xdax\x8f\xf5\xf2\r\xcd\xf5\xd7\x88\t\xca\xd5\xd4\x0eT\x92\xbbs\x9fY5\x94P:\xf6\x1d%,\xbcw\xd8W\xc2\xde\xde\xb3\t\r\xb8\xe9\x04\x19I\x92\x0f&gt;\xdf\x94!f2\xa5^\x93\xb1\xeb\xab\xba\x07\x19\xf9\xee\xe6&amp;\xf6\xd0\xb9\x93\xab\xed\xcdZZ\xf3v\xaee\xac\xc4)p\xe5=\r\x7fg\x07a`\xba\x9f\xe0\x90N\xcc\xf6\xbdZ\xfb\xc7\xd3\xd6\'\x92\xc8#|Y\xa0\xb24*\xa9k\x8c\xd7\xd1\xdc\x92\x8a\xb8V\xf4\xe0\'\x06\n\xe5[\xf9z9\x11\xbe\xd3\xac\x1a\xf3\xdc\xe2\xe6\x05\x10Q\x15\xab\xc4\xe9\xcf.\x8c\xfc\r\xbd-\x9c\xd9\xf6|\xad;\x05\x8e\x86P\xd5\xe8D^\x07^ML&gt;T(nP\xfe\x02\xba\x1c\xf8\r\xe5\xec\x0b\xcf\xeb\xc4-\xee\x94\xa5C\xcb4\xce\xf0\xd1G\xacO&amp;7\x7f#f\xd6\x12\xea\xc3"\r\x1c\x1f\x8c\xc7\xa3U\x90R\x92&lt;\xc4\xcc\xc2\x9c\x9d\x8b\x88-\xd9}\x1b\xcb\xa0\xb0\xcap5\xb4\xb5V\x92O\x7f[\xa7\x7f\x1f\xa0j\x1f,\x81}\xa9\xcd,2V\xb0\x9eh9\x1a\xdc\x87\x1du\xdf\xe4m\x04\xa6v\xe5\xc2\xdb\x82vh\xc8\x13\xba\xa2\xef\xef\xd9\xdd\xbej\xde(\x8d*\xd6\x0b-\x01\x01m\x8bn\xaao\x94\x95\xf3W\xabE\x8f\xf4\x8d\xae#\xb3\x9f\x84D!Q\x13&amp;k\xe3p\xc2io\xed\xdae\'\xd8\xb7F\xf4\x83\xfcq\'\xb9L\x16\x83\xdf)\xa69_"\xd8\xb4\xc3\xe8\x07q:\x8e\x93\xfcm?\xcd\xec+T\x19\xe7\x8c&gt;\x99\xdb\xcb\xb6\x8d`\xd5\xde\xf3\x8emN\xaf\xee\xa5\xfb\xaaMF\n?s\xef50\xbbab\xda\x81\x9e\xa1\xfe\xa8xX^b\xa6\xde\xed\x88w\xf5\xde*\x1a~V\x00\x1f5\x8c\x92\t\x02d&gt;\xc7G\nw6.\x8a\xb9\xcfA\x1b\xb6&gt;\x0e\x9e\xa5\xfc\xd6j\xb6\xad\xf1nt\xfe6T\x10i\xee5#\x7f\xf5\xb7\x11;9\xdaW\x13\xa6\\\xe5\xc2\xb6\xb3Vo\xb9\xd8\xd2\x8c;G\xc0\xd6\x18NF\x1f7\xcef\xc8\xf2i\xad==\xb8\x81Z{\x81\xf0\xce\xb5\xdeW)%X^z\xa6/\x80\x99\x93\xf7\xec5\x1a\xed\xe1+\xb0\x1f\x92:y\x87\xee)\xb1\xc1?\xe2\x86Z\xd8\xcd#\xb7\x15\t |\x9dQrd\x04\x89)_T\xcc\xf5&amp;\xf2\xdd\x9cM\x07\xd1\xcf\xe2\xcc\x86\xf7Y\x7f\x83\xd7\xde\xcc\x9c\xce\xf3\xc4\x84\xc2\x17)2\xf7\xda^\xbeR\xb0\xddm\xa2\xf1\x1b\xd7\xab\x9f\xb5\xff\xbb\xa4\xf0B\xbc\x96B$9\xcc\x8d,/\xef\xb11O\xf5\x0f\xfd\xfd\x1f\xacz\x83wp7\xd5\x80\xd02\x02\xc4x\xe9\xcb\xcdc7\xff\xb0\xf9j\xad\xd1\xe7\xe0^\t\xe7\x02m\xd7S@\x7f3\xf1\xec\xc5\x85\xceH\x03]\xe4i&gt;o\xd0\xab\xbc\xb8\xb5\xbe\xf3\x9d\xeea`\xc8\xc2x\x01\'\xb7D\xf7\xb7\xce\xc9\xee\xb5/}\xc2V\xc5\xf8\xc1%\xfc\xc8e\xa34\n\xb8\x15!0\x8b\x8b\xbf\x8f\x9a\xfai\xad\xb5\x87H1/5\xe7\xacyNx\xe4\xc5E\x86\xc9\xc7r\x8aM-l\xa8\n\x87\xdb`\xa0|#c\x95&lt;\x14N5\x99\xd7\xe7#Gv\xe4\xd6\x86\x88+\t\xdcL*\x9f\xe1\xc2\x16\xb6F\xf4\x0e\xfb\xd6J\x02\xee\xe3\xb0\x14\xb3\xae\x8f\x9f\x1b\x92{\th&amp;7S\x83\'&lt;\xdf"K\xa2.\xb0\x98^s\x9aeh\xe78H\xea\xb2Ye\xf5\x85\xc1\x14\x90|k\x1d\xfc\xe5\xfe\xf6\xd1b&lt;\x15\xe1\x94\x83\xc7\x7f\xdf\xd9\x95\tm%\xc9p\x89~\xd6gR\xd0y\xee\x83\r/\xe4\x9b\x0f\xe9\x05\x01\xf7\xd3\xdd9\xbbb\x01\x1f\x84\xb3ke\xc2\x0cIa\xc5\xd8\xc59T=\xd7\xee\x04[\xa7\xf8\x08\x11\x11\xfdER\xb7\xd7\xbb\x91\x839\x9e\x93&gt;\xaam\x10Q\xf2\xcf\x02&gt;\x16\x88A\xaa\\\xee\x1bZ\xa3W\x81;\x80\xe8\xe3u\xf0\xcd\xda\xa0#\xb6\x17\xf9\xbd\xd2\r\xb5\x97\x94\xc07\xaejy\xa0t\x16\x92\xf3\x85\xca&lt;%\x9f\x05\x92\x87\xb3a\xe8\xdaL6\xdbv\xf3e\xdb\x93\xdb\xfd\x00\x00 \x00IDATxe\xc5N\x81e\xee\x05/hk.&gt;\xd0\x96\x9e=G\xf8a\xfd\xbb\xa8\x83\xbb\xb2\xc1\xcd&lt;^\xd8%\x90\x11?\xcb\xf8r\xe9\xa3\xbe\x93\xa0\x06\x97\x8c\xc3\x90\x17\xa7\xba\x0e38\xb1\x88\xf9\xda\xb51\x1c\x1f|\x13GQ\x86\x839q\xd6w\xe2\xf7\x87\x12\xfd:\xd1\x8b\x90\x18\xb8\x9c\xd8k\xf7\x9b\xd9\xfa\x88N\xf4\xaa!\x11\x89\xed9\x80\xb3j\xf2\xa0\xe7\x0bo\xc8\xd5&gt;D\xaa\x82\xc1a\xfa\x8fx \x12k[\x18m\x12\xd9u\xf8\xbd\xf9\xfe}p\x1al\xca\x916\xfd\x00\xe4\xa4\xc0U\xfe.)1NU]\xf9\x98-^~)/\x80\x0e"\xf1\x8b\xff(\xfd\xf0\xa5\x1a\xb1d\x1c\xbd:\xf0\x16Cy\xdb\xdf\x89\xae6\xc3\xc3\x1a2}\x93j\x94\xc6{f\xa8\xd6i\xfaN\xc4)\x15\xfc_\xd9\xde\xe0z\x02\xce\xc7\xc1{\x87|\xf0\xa1 \x01\xa7\xd4k!\x83\xae\xe7X\xd5:\x02\x07\xb7\xb7~j4\x90\x8c$\xcf\x8b3\xa2\x14\xf1\xd9\xfc\xa5M\x8f-$\xc1\x9f3\xb1\x17\x00\x1e\x07G\xf6\xa6\xd3\xaf+\x12ijV\xde\x0b\x97\xa4a\xb6\x9b\xf3\r\xaf\xf6*\x02\xaeq&amp;8\x92\xc4/\xc2\xcb\x08\x1b\\\x99H\x00\xbd|\xf8\xcc\x98\xa1\xd13\'W\x8d.\x00\xb7\x16\xd3\x96\xb7\x0f"\x072ka\t+\xeb\xbf\xc1\xc2\x98\xe1\x14UL\xec\xf8\xe2Y\x03\xc9H\t&lt;\xc2\xe2\xa6\x89\x9d\x08|&lt;\xb6\x82K\x88\x1a\xd1\x9b\xb7\x02\x90\x02}\x01_\x1bG\x8b\xfa\x99\xcb\x1fb\x98\x12\xcd\'\xed\xc2f\xc2\x1c\xa6Ia\xc5\xd3jX\x1d\xc4w\x1eL\x8a\xd2\xd3C4t\x86\xc5\x13;c\x99C\x9dKl\xd7\xb7? \xa6\x80\x15\x87\xc9k(\x02&amp;\xaf:&lt;\xd1\n8\xce2\xd7\xc0\xde\x1f\xc5\xec\xc2a\x94\x157\x03\xb8bl\x9e2\x1c\xd6d@\xb5\xe2u\xff/\xe0={\x01l\xf8\xb7\xfe\x94\xf1\xd4\\o&gt;\x13\xdfe\xa9y\xd8^\xc5^\x044\xf6!\x13@\xc1?\x94\xff\x12\xdc\x1e\xba\xad\x866$\xe5G\x94\xfc\xa9\xe3\x8bgovu\xd6g\x90)\xb4\xc8\xa9\xc1G\xff\x91j\x92E\xc8\x0f2\n\x8dZ\xfd\xb6\xef\x162\xac2g\xab\x8b\xab%r\xd3\xe7\x15\xc0\x90|\x9e\x0f\x17\x0fj\xec\xd2\x81\xb7\x0c\xae\x0c\x1a\xd1\xb9\xda\x14N\xe5\xc5h\xfe\tU4\xc2\x02,\x14no\xaa\x86\x8c/\xcb\x8b_\x85&gt;\x1a\xbfd\x8fIDD\xbf\xab\xe3\x10\x07\xc3\xed\r\x95\xd8|HOI\xc1H3\xfe\xc8\xc5\x8ex\xa4\xe3;;\x08\xf5q4\x88\x86Je\xe8\x050\x94\x89\xf3\xd4\x12p\xc3\xf9\x92\xc8\xd0\xa3Fdd\x7fmx\xc6fy\xacF\x04\x07\xa0aZ\x97\xb7OY\xde\xfeQTEDD\xff|d\x91\xa9\xfe\xd5Y\xb6\x8e\xb3\x97\xf1\x02\xd8\r\x15@\x92GaZC\xf4\xe4\xc1^\x83)\xa8\xc7\xd6=%:\x17~\xac\xd8\xb3#\xe3\x91\xc7j\xb86\x96\x89\xcf\xbbX\xed\xec\x92\xbcfNH\xd1\xb3\xb7fs\x12\xe4j\x96\xd7\xf6\xf1\xff\xc7q\xb4\xd6\xd7\x91\xc8\x0bE~\x94\xb3dN\x15\xde?\xd7\r\x00s\x19\x99\xee\xa9\x89\xfb\x90\xad^\x92\xe0\x17L\x07w\xdb\xab\xb5\xc5\x7f\xb5#\x1e\xb0+\xda\x11Vz\xda\xf4\xd3\xc3\xa5F\xaa,X"\xa2\x82\xdb\xe4\xa3-\xc1\'2\t~\xb5|k\xcb"^\xcfn\x97\x0f&gt;We\x10\xfbHg\xf3Z\x1a\xe5\x0e\xc6\xaav0:{y\xd3v\x16\xf7\xb7\xa6\x81r\x92\xaa\xc6\xbf\xde!|:eH\x00\x14\x18\xbe\xb0\xd7\x8f;\x9c\x92#\t\x87\x00\x8e&lt;9\x8b\xa3\xa7C\xf4!&gt;\x0c;\xb4"\xde&amp;\xe4\x87\x95?\xaaR\xd86=O\x8b\x1d%o\xbe\xf3*\x05\x011\x0ex\xcf"\xae\xce\xdb\xb2\x87\xcb\x99\x85\x05\x81-\x88^\x15\xb2d\x075\'\xc5\x7f\xa2\xcd\x9feK\x1dHs\xae\xb0\xdf\xb1\xceV\xa7\xc3\xc4\xec\n\xf1\xf6\xac\x1f\xd9\xefb\x9e\x94\xf3t\xf6F\x9b[\x85\xc7\x96%F&gt;&lt;\x1a\xef\xa6\xbb\x07\xac\xd00\xd7\x8e\x1c\xc7,O\xf5\x02\x06!*\'_\x00:\x19\x19J\xeb\xe7\xb7\xc2l9\x05\xce(\xae\xb1\xe7v\x8aZ#\xfacE\xc9\xe6\x8e~M\xce\xf6\xe6\t\x86k#\xa3\xacs\xf9\xfbA\x96?\x1c\x07a\x94\xd9K\x01{\x1aF\x1d\x8a9\x14\xe0ZO\x1dT\x8d\x92\xbe\xd7\x97\xc4rPd\xef\xac\x83\xf05zI\xa8\xea\x83\xd1 cr|\x89}o\x8d\xe8V\xfc-\xc4\x03\x1c\xd7\x88\xe8\xe5W\xb2\x94=\x85DD\xf4\xad\xaa\xf3"tB)\xdf\xe3\x03\x8e~;\x9cuj\x04\xba.\x83\xff\xa3\xad5\xa2o\x8b\xe3\x03\x1f\x11:gZO(5\xde\x96\x93\xe8\x99^\x16\x927t !\xfc\xfe11\x12\xb8\xb3\x03N\xa8\xb1!/\\\x81\xa4\xa7\r\x1dADD\xf4\x83\x8d\xe8\xb5}\r9_\x88\xe2z\xbd\xdb=\xf6t\xe8\xc2E\xc6T$\x92\xb2]\xc0v\xfa\xf6\xb5\xcdE\xac\x9d\xd0&amp;\xcc\x83\xbc^#(P\xc4\xc7\x93_\xf5O?\xc4\xb4\xa0^\xfd&gt;7`r"\xd4\xc1\x9d\x8a\x94X\xbb\xb5\xe1\x1b\xcfw\xf2\xe4\xb5VY*\\@\xa4#\x88\x8c\x1a\xa5\x863b\\\xd3\xdf\xe4\xda\xf5\x90\xf9M\xb7\x8b\xd87\x0b\x0en\xa98o-gL\xb25\xa2\xe7\xe5\xc2\xbf\xad\x9a\xc5Kt\xf3\xeeZ\xe1S\xdecM_:A\xbag\xa4\xb5\xcf\xe1\x0b?\xc9\x08l\xa52\xbd\x05V\xd9\xdf\x9dXs\xf10ULv\x89+#\x0f&amp;\xb1\x96\tp\x19""\xba\xfdVO\xde6\x90j\xadT&gt;\x95\xcawK\xac\xb5F\xf4\xc3\xf1=4\x88\x03:\xac\x87\x94\xc0\xb8)q\xd5t\xf3\xd9\xd8\xc4\x80\xc0/)&gt;\xe0\xae\x85q\x1b\xba\x03\xbbE~"k\xb5\xeb\xe5\x11\xb7\xcf^X\x9a\xc9\x0e\x10\x08U!V\xbe\xab\x93\x08\xf4%\x8d\x10\x11\xd1\x83\x06\xfa\xcf\xcc\x9a\xe9_\xad\xf4\xb7\xca\x14\x99\x17\xcdd$k\x0b\xf9\xa2\x9a\x80\xb6]\x90\xac~\xbe\x18pV#?\x1e\xdep\x17\x1c\xf9"Q\x92S\xc5%\xaa\xc4W\x1e\xaf\x15\x83\xe1yG\xccP\xc2\xaf;X%\xf9j\xe84Fb\x13u\x0f\xa5x\xbc\x07\x02r\x13\x9e^\xd7\x1e\xf5\x8cf\xbeT]\xf9\xc0\x84\x02\xe8\xbe\xa3&gt;T\xfbnd\x8f\xd1xr\xe8\x08\xa1\x91 }\xf4\x05\xd8\xf1\x8e\xeb\xf9}\xb1\tB\xa4G\\\x84\x03\x9b}\x89\xe0=U\x84\x03\xcd\xf2\x85=\x8b\xfb\xac\xee\xf3~\xc3\x08\xcc6\x9dr\xa4\xb5\xf6`k\xd4\x14\xd2\xba\x04\xfb\xc2\n\xecc[k\x7f\x90!ta\x10$\x80\x1f\x1fN@\x89\xe8\x9bwXL^\x1b\xee\xae;S)\x1f5\xc4\x7f\x93vh%\xc3$\xf4E\xbe\x85mi\x9f\xa2\xdf\x1b\xe4\xeb\xdc\x8dL\xd0_w\xbc\xd9\xe9\xee57\x96z}\xf6\xe1;\xe0\xd6DD_\x92 \x19G\x18\xe8\xe7\x0e\x8ek\xc9\x93\x19\xae\xb5\xb3\xcaC=\xee\xaf=\xbe\xc9\xb0\x8d\t\x88\xd9\xa4\x16\xa1\xb0\x11\xfd0\'\x11+\x81\x84\xbd \x1c\xf1\xd0Uf\xa8g\xc4sY\xd1W\x89\xbcK\xe5\xcc\xc4\xf3/\xcb\xc3\xc0\xe2\xb6\x1e\\\xc7\x9f\xe5&lt;A\x87YHu\x85Yz\xee\'\x06G|\xa3\xe1|\x8a\xd1\x8c\x92\xdd\xb0\xbex\x96\xcc)\xf0\x17v\xab\xd0V\xb2W\x88\xafs\xf1;\xb9\xe7\xfb\xc7U\x88\xf4\x88\x808H\xb1\x95\x0bt\xa8\x89\xf45\xa6\x1e\x926&gt;\x13\x0f\xa3\xf0\xce\x1b\xd7\xa1\xc0\xd6\xbc\x92I}3\x87\xd4\xf6\x10 \x08\x00\xfd1\x87\x86\xfa\x0c\xa1\xc1\x9dr\x9bk.0\xb6\xee\';\x8c\x7f\xa3\x8f\x1ekv\xa7@&lt;\x85\xb5\x1d\xf7\xeb\xd5\r\xe8\'\xec\xc5\x84\xc0?D\xaa\x16\x85W\xf0\x0c]\x0c\xb9\xb5\xb7\t(b\x99\x8c\x8e\xb4n\xda\xf6a\xdd\xba\xed\x96\xbeik\x8b?Yk\xbf\xd8\xaa+\x14s\xd48\xe3\x00\xf5\xa6&gt;\xe0\xe3\xec\xf7Hf\xcc\xd0\x87\x11H)\xcf\x9bv)\xfd|\x8a\xf3\x1b\xdc\x84\x8e\x97\x07K\xec\x11\x96j\xc8\xd4\x15\xe2\xcf\xf2\xce\xc3\xc6j~\xaf\xc1L\xe1\xc7\xa0\x9cfP{\xf6\x9a$)\x8fBz9.\x00\x08\xb3\x95\xe2\xdd\x12)\xd1\x83\xe7%\xda\x1a\xbd\x8fx\xb8\xeb\xa5\xc99\x0c|\xd8\x08\xa7\xae\x16O\xc9\xa7\x0e\xa9\xaekE!\x12}\\x\xa5e\x8e\x83\xa1\x97\xc3Ar~"\x01j\x84\x94`\xcd$\xa1(\xa536&gt;2bb^p\xc0HX\xea\xc3\xe5\x0es{\x01$\x943&amp;\xf0\xac\xe7\xfe\x11\xd1\x9f9v\xb97\xc3Pk\x9eb\xe1_)\x17\xec\x13\xcc{b\x17l\xd6\xf0\xe3\x97\xda\x98?\xban%\\\xb1~\x9f\x04}\x847V\xf0lt\xd1\xa0\x0e\xa3&gt;\x18G\x8d/\t\xb2\xb5\x93\x12\xebk\x86\x99P\x86\xacY\xb2pj\xc2H%\xa8j\x9d/\xe8\xe3@\xf8\x93Z0\xdb\xbcZ\x8cZi0\x02\xfce.CU-\x98E-\x12&amp;\x9f\x02\x924\x9e\xe6S\x90%\x16^\x93pp\x9d\xe2\x02C2\xff7\x0eu\xc7\xcd\xe51\r}\xf14\xf0e*5\xb6\xb0\xe1\xeb\xc0\xdf\xc0bB\xac\xd1[\xfb\x05\xb3]T\xcb\xbf\xad\x11}\x8f\xae\xcf\xa4u{\xcf\xcdjX\xa5\xe1\n;\x94\x8c\xcc\x85\x02\x99\x1d\xc8^\x1baY\x7f^\xf3\x95\xb1h\xa5\xf9 \xbds|\x02\xd2\xa6\xa7\xf3\xb9\x97\xee\xd3a\xe9\xdb\x12z\xc7\x84\x0bvU\xfe\xb2\xe4Jb\xe5\xa4\xdez\x11\x10ooa\xe5E\x94\xfc\x8f\xe6\x88\xee\x92\xb8e\xd9\xdb\xd6\xbeG\t\x0c\x82\xec\xb6\xe40\x1aS\xc1\xd4k#\x17p@\xf9\x10\x9f\xe2\xe4\xa1!\xdcjl\x07\x9fX\x18\xf4%\xdb\x88\x12\x08\x9b\\\xb8}H.\\6\xc5\xc3Q\x04v\x05\x99\xafQ\xf4&lt;\xfd2\x08c\xc3v\x89\xb250a*\x8a\xcb\xf0\xebv\xca\xf1\x0b\x8b\x1e\xbc\x0f\x97\x15,\x04L\xbeN)\xa3\xf8\xb0\xc8q\xde\xaa\xc4\xde[V\r\x1ff\xa5\xe0\x1a\x855d\x15B\xfd\x8dW\xea\xe4Y\xd6em\xa7\xac\x1c\xf7\x14z\xf2\x91\xd1\x99\xcd\x10\x10\x18\xdd\x018bC\x17\x02\xda]\xfe\xff\xca\x85\xf9\x807\x13d\xcd3\xbd\xb0\xa1+V\xb9\x1c/\xf7\xf5\x0f\x08D\xee\xf9\x9c\x03\x02v\xa8\x8f\xf0\x15\xdeAapG&amp;\xa35\xd8\x1f\x07\xc4\x94~4\xdb\xc6\xd9\xe5}\x84\x90k\x85\r=8\xfa\xb2\xb5\xe5\xbb\t$\xbe\xb5F\xbe\xe69\xf0RID\xf4\x00s\x9c\xf9\xdb\x86Z\xfb\xcc\x11\x07e$\xa8\x9e`\xd0#\xb0C\x18\x9a\x80\xda\xb4\x0b\xa1\xa7\xd0\xeb\xf4\nG\x8f\xd3\xbc\x07\xf2k\x90\x9d\xfd\x8c\x02\x94R\xcd\xf0\xfa\x99+\xc7\xa5\xba\xf0i\x9fu|q\xff\x9cmt\xbb\x07\x16\xed6\xa1w\x18\xf8K\xbah\xad\xce\x94\x8f\xbc[G\x11z\x8bR\x12\xab\x93\x9d\xb8|\x10AE\x12\xf0\xcb$\x89\xb6\x04i\x9d\xc1i\x80\x0c\xed\xd9&gt;\x97\x140\x91FF\x0b/ow\x9d8\xa8.A\t\x89\xf4\xcf\'2\xb8\x03 \x93\x98\xa1\x98\xfd\x16\xc7DX\x9d\x9983\xe1l\xb9C\xda\xad\xb5\xe79\x9d~^]\xc6\xa9\t%3\xb1\x8a\x14\xf2j\x94-K\xac\xae\x1f"\xfb\x1cY\x940#\xfduR\xa7m\x87\xa1r/6Qi\x8dU\x99\x9a\xcf0\xf6\xdas\x1e\x04Yu\x81j\xc8f]\xfe\xa5\xf4o\x8e2\xcb\xddi\xaa\x05/\xdf\x94lV\xf8\x05\xf0n\x90\xcd\xa2\xff\x95r\xe4\xd2\xde\x140\x97^\x1e{\xc3\xde\xdfFu\x19M\xa1K\x1eV\xeaT\xc1"\x02\xc6\x0e\x12P\x0b\x13\xc7\xdfPy\x86\xdb\x90y^\xa1\xa5\x04\x04r\x85~R\xd0}Jx\xca\x97O\x12\x88\x93k\xc5\xf69\x82MO\x9e\x1d\xa0b\x9e\xb9\xb6\xd5\xb9\x92\xc3j?J\x99\xd0\xaa~\xb7\x19\x81\x19\xc2\xbf6\x12 "\xa2;\xc5\xed \xa1\x8f\x13A@\xe4zz\x85~\xec\x88\x93("\xb9\x8e\x0c\x99\\\xae\x0b L\x92\x93\x86\xf5_&gt;\x1bWm\x98&amp;i\xd4\x19\x7fk\xfa\xa1o\x87r\xa2\xa7\xc7\xca\x95\xb3\xee\xd4&lt;=2\xe7\xd4P\xf9\x12\xf0\xd0\x129\xe1\xe2?G3\xd0@R\xcc\xbf\xf6\xd6\xd7_\xd0F\x8f\x14+\xf3\xd4\xb3\xa3\xf1\xf9\x05\x9b\xa4o\xa2\x93\x17\xdc\x9c\xd4\xf3\xb32\x8fd\x86\x87T\xbb\x1e\xd0\x00\xb1\xa6\xca_\x1b\xa9\x07\xcfCZ\xf3H\x05\xb7\xc5I\xb2\xe5\x1e\xabE\xe6\xe7\xc1I\xba.\xbf1\x11\x11=\x01/\xef\xf8\x14\xeb\x14:j\x86\xfc;%Y\t\\\xc3\xa59\xf2%\xbc\xcak2p\xd1\x12U\xc1\x9b\xd8\xb6\x01r\x956A5\x92Q\x04F\xa6sU\x94\xe8^\x9d0\xe6\xed\xda\xa5D\x8f\x87\xca3\x96\xd6M\xa2\x8d\xf2\x7fcwb\xc7\xf9 ?\xd3\xe9\xe3\x06^\xb3\xd7\xd15\xa3\xa7\xaci\xc1M\x1e\x15,\x02\x11\x1b\x9f[\xd7\x00\xc5R\xf9e\n\xa95\x92\xbfc/_\'G\xbc\x97\x0e\x9d\xbb\x9c\xd8\x0b\xafT</t>
        </is>
      </c>
      <c r="E394" t="inlineStr">
        <is>
          <t>&lt;class 'numpy.ndarray'&gt;</t>
        </is>
      </c>
    </row>
    <row r="395">
      <c r="A395" s="1" t="n">
        <v>393</v>
      </c>
      <c r="B395" t="inlineStr">
        <is>
          <t>steps_per_sec</t>
        </is>
      </c>
      <c r="C395" t="n">
        <v>5700</v>
      </c>
      <c r="D395" t="inlineStr">
        <is>
          <t>10.106584</t>
        </is>
      </c>
      <c r="E395" t="inlineStr">
        <is>
          <t>&lt;class 'numpy.ndarray'&gt;</t>
        </is>
      </c>
    </row>
    <row r="396">
      <c r="A396" s="1" t="n">
        <v>394</v>
      </c>
      <c r="B396" t="inlineStr">
        <is>
          <t>Loss/object_center</t>
        </is>
      </c>
      <c r="C396" t="n">
        <v>5700</v>
      </c>
      <c r="D396" t="inlineStr">
        <is>
          <t>0.405775</t>
        </is>
      </c>
      <c r="E396" t="inlineStr">
        <is>
          <t>&lt;class 'numpy.ndarray'&gt;</t>
        </is>
      </c>
    </row>
    <row r="397">
      <c r="A397" s="1" t="n">
        <v>395</v>
      </c>
      <c r="B397" t="inlineStr">
        <is>
          <t>Loss/box/scale</t>
        </is>
      </c>
      <c r="C397" t="n">
        <v>5700</v>
      </c>
      <c r="D397" t="inlineStr">
        <is>
          <t>0.06533353</t>
        </is>
      </c>
      <c r="E397" t="inlineStr">
        <is>
          <t>&lt;class 'numpy.ndarray'&gt;</t>
        </is>
      </c>
    </row>
    <row r="398">
      <c r="A398" s="1" t="n">
        <v>396</v>
      </c>
      <c r="B398" t="inlineStr">
        <is>
          <t>Loss/box/offset</t>
        </is>
      </c>
      <c r="C398" t="n">
        <v>5700</v>
      </c>
      <c r="D398" t="inlineStr">
        <is>
          <t>0.2082499</t>
        </is>
      </c>
      <c r="E398" t="inlineStr">
        <is>
          <t>&lt;class 'numpy.ndarray'&gt;</t>
        </is>
      </c>
    </row>
    <row r="399">
      <c r="A399" s="1" t="n">
        <v>397</v>
      </c>
      <c r="B399" t="inlineStr">
        <is>
          <t>Loss/total_loss</t>
        </is>
      </c>
      <c r="C399" t="n">
        <v>5700</v>
      </c>
      <c r="D399" t="inlineStr">
        <is>
          <t>0.6793585</t>
        </is>
      </c>
      <c r="E399" t="inlineStr">
        <is>
          <t>&lt;class 'numpy.ndarray'&gt;</t>
        </is>
      </c>
    </row>
    <row r="400">
      <c r="A400" s="1" t="n">
        <v>398</v>
      </c>
      <c r="B400" t="inlineStr">
        <is>
          <t>learning_rate</t>
        </is>
      </c>
      <c r="C400" t="n">
        <v>5700</v>
      </c>
      <c r="D400" t="inlineStr">
        <is>
          <t>0.0009999799</t>
        </is>
      </c>
      <c r="E400" t="inlineStr">
        <is>
          <t>&lt;class 'numpy.ndarray'&gt;</t>
        </is>
      </c>
    </row>
    <row r="401">
      <c r="A401" s="1" t="n">
        <v>399</v>
      </c>
      <c r="B401" t="inlineStr">
        <is>
          <t>train_input_images</t>
        </is>
      </c>
      <c r="C401" t="n">
        <v>5700</v>
      </c>
      <c r="D401" t="inlineStr">
        <is>
          <t>[b'512' b'512'
 b'\x89PNG\r\n\x1a\n\x00\x00\x00\rIHDR\x00\x00\x02\x00\x00\x00\x02\x00\x08\x02\x00\x00\x00{\x1aC\xad\x00\x00 \x00IDATx\x9c\xed\xdd\xdf\xeb&gt;\xddZ\xd0\xf15_\x9f&lt;\xd0\x1e\x88\x08DvE?L\xd2\xf6I\x84\x06AHd\x94\xc16O\xdc\x92\x07\xf1\x94Tv`\x89\x07i\x94 \x04!\xfd\x80\x12#\t\r\x12M)\x8b\x84N:+w\xd4_\x10\xd1\x81\xb4#\n!\r$\x88\xf6\x96\xf6\xd5\xc1\xdc\xf7\xdcs\xcf\xacYs\xad\xb5\xae\xf5k\xe6\xfdB\x9f\xfd\xf9\xde\x9f\x99\xb5\xd6\xcc|\xe6Zk\xd6\x8f\xb9\x9d\x03\x00\x00\x00\x00\x00\x00\x00\x00\x00\x00\x00\x00\x00\x00\x00\x00\x00\x00\x00\x00\x00\x00\x00\x00\x00\x00\x00\x00\x00\x00\x00\x00\x00\x00\x00\x00\x00\x00\x00\x00\x00\x00\x00\x00\x00\x00\xe0\x80H\xeb\x12\x00\x00\x00\x00\x00\x00\xdc\x0c\x1d2\x00\x80\xbb\xa0\xca\x03\x00\xe0\x81J\x11\x00\x00\x00\xb8\x07a\x14\x08\x00\x00\x00\xb5\xd1\x06\x05\x00\x00\x00\x00\x00\x00\x00\x00\x00\x00\x00\x00\x00\x007\xc2\xccI\xd4\xc1J1\xc0\xd0\x07\x93T&amp;\x93T\x80 b?\x00\x00\x00p\x86V3\x00\x00\x00\x00\x00(ADD\xbe\xa1u)\x00\x00\xd5\x89\x08s\xf5\x00\xe0\x8e\x88\xfd\x00\x00\x00\x00\x00\x00\x00\x00\x00\x88\xc6\x14\x03\xc0\x8a\xcd\xbb\x80\x00\x00\x80\x16-Y\x00m\xf1\x04\x00\x00\x00\x00\x00\x00\x00\x00\x00`a\xacw%\x8dSR\x00\xd1\x06\x1e\x04&amp;4U\xc1i\x06.\xebU\x01\x0cw\xa3\xf7\xfcE\xc4\xb1m\xfcn\x1f\x0b\xa6\xa9\xe7\xd3\x0c\xc0N\x97!\xe8\x16\xba\xad\x00\x00\x00\xb7C\x85\x04\x00=\xbajt\xbe\xeaq\x01\x00\x00\\\x0b\xad6\x00\xb8)Y\xfd\xb7N^\x00\x80\xdb\xe1i\x03\x00nj\xa0\xf0\xff\xab\xad\x0b\x00\x00\x18F\x0f\xcf7=\x94\x01@\x1d\x03\xbf\nb,\xca\xc0\xca\x8a0\x00\xb8\xaf\x86u\x80\xcc\xffG\x05\x04\x007\xc4\xf3\x07p\x1ft\x01\xe1\x85\xd8\x0f\x007%\xd4\x01\x000\n\xf3\x90M\x05\x00\x00\x8d\xd1\x17\x0f\xa0\x1e&amp; ^\xd2\xf5\xae(\x7f\xa5\x80\x95\xc7 \xf0rKqs]\xcc\x05\xbf\xd0k\x9a\xf8+\x05\x8c\xf1\x04P\x07\xe7\x18\x00\x00\x00@kc=\x96\xf0\xb4\n\x98\x18~!\x18a\xc0\xc4@C\x05\x84~\xc0\xca\xf0\x15@\x93\xc8E\x0cjh\x9a\x06\xaa\xad\x80\xae\r_\x01\xd4G\xf4\xef\x01\xd5\x00\x00\x00\x00J\xa2\xd5\x0f\xe0z\xe8\x02\xc2`\xa8\x8c\x01+\x1f\xb8\x9d\x1a\x9a\xcf=W L\x9e\xf3&gt;\x97\xbf\xd5\xf9\x07\xfet\x81L\x8c\xa4\x9d\x9b\x03\r\xa3\x8eM\xac\xa3&lt;\x97\x00\xb0\xc5\x1d\xa5"\xe3\x9c\xa9\x81\x8azjn\xe8\xcf?\x13\xfd\x01s\x8c\x01\xa8\x0c\x14{\x06*\xaa\x02\x9d&lt;@AT\x00\xe8\x14\xb1\x1f(\x8d\n\xc0\xaf\xf4\x00c8ub\x9fs\xdb\xc1q\xde\xff\x03\x98\xfb(a\x9fy\x06\x86\xbbv\xb7l\xe1C\x0b\xa7~\xdd\xd3\x9a\xe7\xc2\x7fo@\x0b)O\x00w\xb8\x0b\xefp\x8c#\xf9\xe3\x93\xe3\xa2\x00\xd6\x12\xef)fF\xde\x9c\x88\x94\xbe\xfa\xab\x0e\x1f\xfe\xd0\x80\x9e\xd0\x17;"qN\x9c\xfb\xd9A\x96Pm\x16\x7fy6\xa8Y\x1a\x00\xc8a\x1b\xb0rb\xf8\x10\x15\x80\x1b\xa7\x9c\xc0\x8d0\x1f\xa3\x07\x7f\xfe\xf9\xc3\xfaJ\x94\xbe4\x95\xaf;\x7ff@_\xe4B\xb7\xa5\xf28\x9a\x1coZ\xa6K\x05p\x8dkDS\x03\xe8\xcb\xb5oGo\xbc!\x065\xc4\xc9\x07\x1a\x13\x8b\xb8\xcf\x9d\\\xc1\xfa$\'\x9f\xefQ\xae\x13\x7fQ\xc00\xb8]\xc7\x95|\xe5\xac\xc7\xbd\x9f\xfe9\xbdC\x80\x01\xe6W\x8fd\xee\xdd\xbf\xf3\xac\xf8M\xd0\xbf\xf3\xa9\x00.E\x9c\x13\xf9\xed\xadK\x01\x00\xa8\x8e\xe7y\x00\xe8KBO+\xa1\xbcO\x9b^s\xfa\xd0\x01\xc4!j\x00\xc05\x94\xfd&gt;\x80\x84\xbaB\x84\x07\x08\x1b\xd5jj\xda\x04\x00\xd0\x97jq\x99\t\x99\x00\xee\x82h\xb7!\xd2`V&gt;\xeb\x00\x80!\x8d~\xeb\xca\xe7[\x97 h\xe8s\x0b\xe0\xe2\xf6\xefy/\x14\xb2:\x8f\x84}\x97\x0e\x00\xcex\xdb\x9b\xa7\x8d\xd0\xfd+E\x07j\xb7~W\xeb\x02\xb42\xd05\x02P\x83aw\xce\xe8]C\x000\x16\x8bi\xa0\xbc\x8e\xa5\x00jB\x00\xb7#\xf2\x7f[\x17\xe1\xc4\x1c\x9aO\xbf\xb1\xf6\xce8)\x00\xfc\xae\x147/r\x18;&amp;\xd7\xe72W\x19\x00\xae&amp;\x10\xa0\xe7\xa9\xfd\xe5\xd2\x07\x80\xe1\xc9\x1f:\x7f\x08\x90\x95\xcd\xe7\xe5\n\xa6\xd1\xbc\x00\x00\xda:\x1f\xc0\x15q\x9bo\xdd\x90{\x7f\'\xc9\xc6\xfe\xfc\xac~\xb5\x8d\xb0\xa3\x9c\xb7\xfcK,L\x0e\x00\xba\xa7\x99\x05d\xdcnU\xa60J\xfbT\x1f\'\x87\x89\xfe\x16\x89L\xe3\\A\xe0\xb6\xca\xbe\r\xd4K\x19\x07\xad\xc2%A\xc8+pZ&amp;\xa3\x93o\x92\x88\xc8\x7f\xccO\x04@\xa2M3n\xe89&lt;9%\xdf\xef{\xbe\xe0Y=Ut\xdcS\x9a\xecb\x0f\x82\xc0\xf5\xc9j\xe9\xefM\xeeK\xef\x10\xee\xfc\x8f\xa1cS~=\x9e\xb6\xf7\x92\xab\xb6\x02H\xca\x05\x80\xb1;\xdf\x8a\xde\x86\xfc@\x15\x80\xb7\xa0\xad\xca?\xccY\x03\x007r\xc7\xd7\\\xecq\xcb\x0f\xa0\x9c\x06\x83\xc0\xc3y\x84\xcevsx\xbe-c\xdf\x9aS\x8f\xa8b\x80\xc1\x0c\xd40l\xd6eQ%\xdfa.\x83\x0f\xefE\x02\x86\xd4\xe1m\xdb\xb6@\xc9}\xfd%\xced\x87W\x07\x00\n\x92/\xbc\xff\xd3\xb4q)g\x15\x8c\xb7\x02\xd0d\xbf\x99\x17\xa4/\xf1\xe8\x13\x8a\x00\xe0!3\x96\xad\xc3=a\x11\x00zQ\'\x1e\xd3"\x1e\x97\xc8?6J\x871\x05\xa03=\xdc\x92MBCZ\x8e\xcf)\x98\xd6\xa5\x89,@\xcd\xec\x88\xda\x00\xa2u\x1b7&lt;\xcb\x80#\x03\xeb\xf7\x8f\xfc@3n\xc9\x01\xd4#\x7f\xb6u\x01\n%\xeb\x1d\x13\x8e\t\x8bC\xf7h\x8d[r\x007\x92\x1c\xaab\x03tBG\xc7\xe9\xd4\xa3M\xfaQ\x89\x17M\x93\n\x00\xc0\x00j\x06*oX\x8c\x8a\xf2\xc1\xc4\t\xbb\x00\xee\'y\x14\xf1b\x83\x8fW:\x9a\xeb\x1c\tp9\x1fU\xc8c\tg\x85\xdeKs\xa5p9\x0b\x9f(\x11\x19\xe7\xeb\xc5\x0e\xbf\x18\x92\xef\x8c\x04\xb0\x95\x10\xcdKW\x00G\xcf%W\xabv\xb2\x89\xfcH\xe8\xb7\xcf\xde\xad#\xd5\xca\t`\xe6o\x84\x85\xbf\xe8|\x9a\xa6\xbb5\xdf\xbc\xc7;\xc7\xaca\x9a\xe2&gt;u\xae\xa3&gt;\xb8\x0f}2\x01\x0c\x89\xc6g!\xde\x06\xbe\xec~\xb5\xf2\xe3\xad\x8a\n\xdcP\\\x83+\xf0d\xa0\xdfr~\x868\xde1\xd4\xac\xbe\xdb\x93\xc7\xd0\xe6u\xd0\xee\xe0j\x1e=\x16\xf0\x10\x00T\xc3\xcd\x86-y~\x01N\xe6\x1f\xc7I]~\xdc/D\x1d\x00\xd4Qc\x16\xd0=\xe9\x9f\x96r\xb2\x084\xb1\x93\xe5\xa4\xb6yD\x0b%5M\xfd\xbe\x00\x04\xb8\x87!\xbf\x12r\x88\x19#\x15Z\xb1\xd3\xd4xf\xed\xb2\xd1\xb2\xfd\xefW\xa7\x10(\xf7\x10\xd7\x17\xb8\x80\xe8\xf0\xd1|\x12\xfa\xa6c\xe1\xf1\xbe\xcd\xbe{\r\xc2\xc3\x1e\xaa\x14F\xeb\xad\xd3\x1c2\xbd@@[\xd1O\x00\xd34\xc5\xce\x9aYO\x01Q}\xb5VL\x03\xf0Y\x0f\x84v\x89\xca\xdd\xe5,H&gt;\xf8|\x13\xce\xf6\x9b\xbd&amp;\xc6\x1c\x97)\xa1&lt;-eVx\xc3\x1d/0\xa0P\x05`y\x0b.\x8b\x81\x8f7\xf9\x94.\xcaM\xd3\x145\xabd\xc9TD\x94a4\xa1\xf9\xf9x\x81\x8f"}\xeff\xd33\xdfk\xb4{7\xc7xxi.r\xb8\xc0\xa8B\x15\x80\xf7\xeeLh\x99\x1d\x85\xec\x8d\xff~\x94\xa5"}w\x16\xb5\xa3\x8a\xbd\tX\x8f%\xac\'ex\xfcoD6Q\x8cbe\xab\x86\xb5\xbf\x0e\xa0\x99\x0f4\x95\xd0\x05\x14\x9d\x87\xf8\xbeV\xc5\x9f\xf83&amp;\xc4\x06\x86\xd3\nf\xfe}T\x0b[\x96\xff\x8a8w\xde\xba\xd7Us\x9e\xeap\xfd\xfa\xcf\xc3N\xa4\xf3\x84Uj\xb6\xb9\x97~-\xf7\xfe\x03\x80N|H\xb8)c;*\xe6\xf6\xb9z\xf3\xb9\x06\xb0\x0f\x16\xd1\xfd+\xf3l\xf8\xd5\xee\x85^Y3O\xe6y\x0cng\xa7\xd6G\x94\x9d\xe6\xff?/\x8c\xb2\xda\x04P\xc0\x87:\x8f\xe1\x93:\xfe*\xfb\x8b6\xc2q9\xedM\xfd\xafR\xfc\xc6\xb7"\xcd\x95\x80~\xa2d\xe5\x96o\x0f\xd1t&gt;[\xbb\xd1\x8em\xd1BW\x9aZ\x01(O{\x9bU\x9e\x86h\xfb\x9e\xb5\xd8Y\x98\xfb\x99\xa6\xde7\xc1i\xd2\xcc\x9f\x00:\xa8\xa8\xe5\xc4\xbb:\xf2\x9e\xe7\x0c\xa8\xad\xd3\xfb\xcc0nJ\xd2*\x81\x0b\xbc\xe9\xb39\xe5\x12\x8dM\xf4\xe7\x9c\x03\xd5|p\xbd\xf4\x1a\xbf\xd8\xb6\x9a\xd3\xfa\x98\xbb\rC\xe5:\x94Ng\xb1&amp;\x0e\x81\xc4\xec\xd6\xedi\x07\x80\\\x9a!\x81+\xcd\x96\x91\x1f=\x99\x00&amp;\xff)}\xd9\x1d\x80L\xa1n\xee\xb5\xe5\x16\xad\xdfF\x93\xc7\xf4\xd0\x8b\xf4\xc9\xac\x0f\xa4\xd0\x08\x81\xed\x80\xcd|\xe1\x93\x13\\\xdeX\xe7\xa5y]\xc4\x05.:\xd0\xa7\xc7:\x00\xd5\x1d\xf6s\xf63\xf66S\xc5\xbd\x9eK\xacj\xcc\x17\xac\xd1&lt;/\x7f\x14\xb6\x19Ly\tz\x0fwzR\xecN\xf4\x07J\x8a\ri\x89\xef\xc9y&gt;\xe9\x0f\xfd\xbc\xff\xb7[\x17`h\x9f\xf47\xe0\x04 B\xfa\x8b\xd2\x96\n`\xf0:\xa02\xcdCR+}\x96\n@)\xf9#v\x17\xab\x00T\xef\xb8\x00m\x7f`,\x9e\xb7\x16[\x04:\x91\x9f\x19+`\x9e.$\x1e\xebp\x00\xe0E\x1f\xbd\x1e}8\xff\xa1\\Yt\xc5\xd0l\x93\x1a\x94\x89\xe5{&lt;\xe4\x00w\xb7\xbc\xb4\xb2D,h\x15]\xf6\xc7B\xa4\xeb\x99\xfc\xeb\xd6%\x00\xee\xa9h3\xb0U\x1b\xb3\xab`O3\x1b@M\x1fbc\x8e|\x8b}!\x9eeH\xfb\x1e\xae\xac\xb8\xd9\xdd$\xf3\xc7\x98\xf2\xcf\xd7\xc8\xaaB\x1e\x00.\xc3\xbc\x9d\xbe\xf4)\xe5$\xdb\xb6\x87Zv?\xe4&amp;\xf8&lt;\x1e\x1e\x08\x00\x14\'M\xbf)0\xfc\xae\x18}"q\xbb$g\xf6\xbe\xaf7k\xa2\xf6\xe2\x02K\xff\x80\x8b\xdbG\xb1jS\xf5\x97\xe8\xff\x99\x9cD\xcc\x8ac\xc3\xa0N\x03\x80\n\x9aG\xaa\x9c\x02\x94(\xf7\x10q{\x842\x02\xe8\xdd\x87i\x9a\x9c\xfb\x1f9I4\x0cFSR\xee\xa7\x15\x8eonht.E\xf1\x864\x00\x96\xd2\x9b\xe1\x9f\xcf\xcd\xd7\xaa\xd1\xadL*\xa1\x02\xb8\xa7\xc0i\xa8v\x82\xb8\x12\xc0\x95\xd9\xde\xe1\r{\xb4nRkH\xad\x93|\x8f\xd3\t\xb4\xf4\xa1u\x01\xecg\xe27|\x83\xfc\x1d\x1e\x1d\xaa\x9d\\z\xb9\x00&lt;T\x8b\xad\xde\x8c\x8e\xf2\xde|~\x83\xf8\x0f\x00\xb0\xf0]\xad\x0b\x00\xe0\xee\xb6\x8b\x00ZO\x0cu\xf7\xe8K\x19\x82&lt;\xff\x9b\xbfX/~\x97\xe4\xdc\x00\xa8|p\xef\x9d\xe6\xf2GB[W\x8b\xcb\xd7\xfe&amp;\xd8\x1f\xf7}(\xefls\xccyW\x92\xcco\\\xca\x93pA/\xfd\'\x00\x8c\xe62\r\xb2\xdf\x19S\x93\xd5|O\x86\x88|_\xcc\xc6\x05\x8bR ;\x9e\xea\x80\x81\xdd\xf3\xf6\xd5\xbf\x15\xa3\xf2\xf9\xa9\x9d\x1d\x15\x00\x00\xdcG\xb9\x90MU\x00\xdc\xd7m\x1b\x83]\x1dwW\x85\x01P_\xc1\x85`=\xcc&amp;\xca$?1\x1f\xc5?1L\xd2.\xa9\\\x8c\xb2\x02(\xa5\x87\x17\x06\xa4\x15`\xbd\xd7\xe8uX\x14\x91?\xd5\xba\x08\x00\xea\xf9\xa8\\\xd2u\xa6r\x06\xf2\xc8\x8c\xdd\xcf\xdd\xe3\xbf\xa8r\xcc\xd7\x18\x88\xc8\xdb\x84`\xe7\x9c\xe2@\xc49\'&lt;L\x00\x18\x93\xc8\xdbc\xc4\x0f\xbc&gt;/\xfb\x04\xd3\xf9\xb3\x85v\xee\xd3s\xb3\xce\x0f\x07\x80\xc7:\xc8U\xfb"\xb0r\x12J\x9f\x16\xe6\x97s\x95|\xc2F?\xd5\x1b\x97:\x18\x00\x8bu\xa4\xea\xbf\x92\xc8/\\l\n\xf9#\r\x99Iu\xebb\x87\x03\xdcB\xbd\xaf\xfb\x08\x06\x88\xff\x9d\x94\xe0\x05f\x1f\x01\xc0\xc5i"ul$/\xf7:\x1d+\x9d\x16K\xa1\xdbS\n`xKx\x91\xdd\'1\x89x*\x80\x9a\xef\xf3\xa9\xef\xbaG\xf6\xd2q\x85\x0e\x0c,e!X\xa1{q\x99J8\xed&gt;I\xb6\xd4\x04\xeb\xa4.\x16I\xccg`\xf6\x1ak\xfb,\x15\x80n\x88\xbc\xf5,\x89\xfc\x85\xb6\xe5Q\xea\xb6\xcf\xaa\x872u{r\x00\xc09\x8b.&amp;\xf9\xacE9\xae\x88\xe8\x0f\xe0\xe2\xaa\xb5r\x87kN\xcb\xfb\x83\xc8h\xc5\x07\x90\xea\xf1\x95\x84\xff\xb4\xf6\xfa\x83\x0b\xc7\x98\xe1*\x80\xcf\xd2\x0b\x04 6\x044\t\x19\xfd\xc7\xa9\xc7\x1c\xa9OZ\x97#R\xff\'\x16@A\xa3\x84\x00\xc5\xe2\x86\x96\x07R\xa85-\xf2M\xb6\x89n\n\xd9\xff\x12t\x00\x05q\xf7[9\x8a\xa49g\x98\xe8\x0c\x0c\xa7\xe0\x17\xc2\x98\xeb\xf3\x95\xc3\x9a\xc0\xe7i\xcc\x16+\xcf\xa9@\xd6\x93\xdbL\xa2\xd5\x16\x93\xd8\x0f\xc0\xa3Ho\x83y\x8a\xddh~h\xca\xf96\xfb~\xa4\xe6%\x07\x10\xab\xf8\x13@\x89\xaf\x85\xe9\xf3Q\xc0D\xf3C\xdb\x14\xe0\xfd\xcb\xd1BUB\xf3\x92\x03\xa8m\xd0\x9e\xdf!\x0b\xbd\xfa\x06\x82\xa5\x13I\xe4\x9b\x8f6\xb3\xcf\x9d\x97\xad\x02H\xd3\xb6\xe3[/6\xc0\xc9\xee\x07\xef?K\xf8!_\xac/\x11\xa0\xe5\xe0\xe7\n\xa8l\x80+\xb8I\xcbQ\x9e\xff\xbd\xc3\xc1V\xc0I\x04\xca\xa94\x0b\xe8F\xd1p~\xf9h\xebR\\\x06g\x12(\xa7l\x050\xc7\xfd\xdf\xf0\xfc\xa7\xc9\x80p\xe7u\xc9\xe6\x18;/m\x05\x9c\x01\xe0v\x9e\xc3\x95\x8f\xffjz\x7f6\xdb\x1cm\xdfj\x142jR\xfcRF\x82\xdfkUA\xdbr\x00\xd8)\xf5\x04\xb0o\xec\x87\x1b\xff\xdf&gt;\xff\xcf*\xc8\x86\xb7?\xfa\xad\xc8\x7fs\x8a\xf1\x86\x84*D\xff\xf8297M\xd34M2x\x0f\x86q5\xfbZ_f\x9a,\x80\xdelB\xb0r\xb9l\xe0\x15\x05r\xbc\xd9f\xae\xfa\xb2M\xf3\xce\x87}\xf6K\xf1\xaa\x97Ek\xb3\x10\xcc\xaa\xa4=\\\x0e\x00\x1b\x05\xc7\x00\xd6MfM\xf3yn5\xfb\x7f7O}W\x84\xceM\x02m\x83\x8e\xe7`\xa6g\xb7\xd8\x9f\xaeW\xb6\xa8\x8c\xd6e\x9e\xa6)\xbf\xe7F\x1e_\xc9y|q\x01\\\x89\xc8\xc7\xc5RV\xc5#Y)T\x92dG\xeb\x06Je\xd7\xf4&lt;\xf4x\x01\x00\x14\xd5\xf0\xae\x17\x91o\xed\xbb\x02\xd8+]N\x91\x9f\x8c\xd8\xf8\xb1\x8bAy\x868\xf9\x00r\xf5\xb6\xeeI\xd3\xca\xf6\x16\xd8&amp;\xf0\x05\xde\xb7\\,\xd3\xb6\xf6\xa32\xa3\xd4\xbe\xc0\x9d\xd9\x8c\x01Le^\xfa\xe6\xa5\x89,\xd3\xee\x87}"Q9\xea7\x9ewx\xfeG\xc5\xf6\xd4\xbd\xa6]\xd6\n\xc1\xf5s\x04pS\xde(\x13\x98&gt;\x14H\xc7\xaeP\x9b\x94U\x99\x8a\xb8\xcf\x15*A#\xcb\x95Y_#*\x04`\x00\x86\x01Q\x9fTZ\xa6"\x7f5a/]\xca6\x93^z\x90\xd0/\xc7\xa4O\xe0\xa6\x0coXe\x0fx\xf9\xc1\xcf\x93\xf4\xf7\xbf\xd4\x07\xcd\xe1\xc2[\xe5\x88,\xf2\x8fjf\x07\xa0\x9e\xcchb\x18\xfaE\xe4\xff=\x02\xb7Iz\xdb\xefD\x1c.\xd0\x17\xb5\xee\xd8\xe1\xcc\x00\xa3\x1b~m\xce:D\xdb\xbdl\xee\x91\x92\xc8ve\x999\x11\xe7&amp;\xd5e\xe8\xea\xc5\x12\xcb\x8b\x8e\xca\r\xfe/\x95\xb07\x8b\xae\xce\x060\xa8\xc4Y@"\x7f\xdf\xb6\x1c\'\xd9}\xef\xe1\xaf\x96%\xa66\xd1\x7f\xf3\xbf\xea$\x93\x9f\x14\xf4\xa5\xee*\xdeU\x9a\xf3u\xd8\x97\xd8\xd7\xd9\x00n$\xdcQn\xdbk"\xa6\xfdE\xaa\x1c\x93\xb2\xfb\xb6\x02%\xe9Y\xce\x059\x1e"\xfa3\x9b\xcd\xe8\x81\x03\xbap2\x9aZ4\xeb\xffS2\xf5uF\xbb\xe5K\xca\xea\'\xb9C\xbc\xb7\x05tz%\x8a=\xe4\x89\x00\xaeM\x9c\xfb\xa5\xb6\x05\xa8\xd5\x14\xf4,/pN&gt;)\x1b\xa3E~\x87\xff\xf3rY\x02@\xd8z&amp;L\xdbb\xa8\xda\xe0\xab\xef\x9fY\x7f\x82\xceq\x99\x80\x86\xfccir0\xf5\xa27\xe6S\x80n\xab\xc2|\'\x00\xb0\xd4\xc9c\xca\x05$t\xb3q\xce\x81\xd1\x95\xfdR\xf8\xd2\x96V\xff\xf2\x832&amp;\r4\xc3\xa4b9\x0f\x1e\x07ke\x0f\xa0\xb2\xe8\n\xa0\xb7\x89+\xdb\xc2\x9c=\x13\x88s\x9f*]&amp;S\xe6][\xde3\x13\xf8\xc2\xae\xca=C\x1d\xfdm\x01\xa8)\xa1j\xf1\xbd_\xe8\x7f\x06\x92\n\xb4\xfd\x13v\x19K\xa1\xa3\x98OO\xfeYR\x0e\xf8\x03\xb0r\xb5\x81?y~\x03m\xc4.\xcf\xb3p4\xf4\xcd[\x07\xc26!;\xee\xe4\xcf\xa3\xcf\x19)\x00H\x16\xdf\x05\xf4y\x83\\\xcb\xb5\xf2\xa2\xbe|\xfcQ[\xac\xf6\xf5\xa7\x99Z\x98\xdb5f\xd3\xbe\xf9}9I\xd3DU\x0bt\xad\xf1\xb2\x80\xd5\x7f\xcd\xd24\xfc"\x04u\x8e\xe3\xd6\r\xfbr\xdbv\xdc\x8cz^\x80\x0b\xe8?0\xcd\xdd\xcd\xadK\x91k\xdcCX\xa2}\xfe\x01\x8cz\n\x80k\x93\x95*\xd9U\xc8$Q\x91\x97\xdetV\x87\xf5\xb0\x02\xa0\xb7\xd9e\xc0\x1d|\x08\xdfu\x95\x86\xe3\xe6\x97\xef\x97\x8f\x02\x9dD\x99i\xeab\x9c3\xf9D\x14)|\x07\xd7\x05\xb8\x9bi?\xf5%gRG\xbe\x12o\xa1\xc8\x99\x1a\x04\x00W\xf5Q\xc2&gt;K\rq:i2!\x8c\x96\xa8o\x12\xd2$\xfa7A\xbd\x0b4v\xda\xf7\xdfC/J\xfb\x12\x00\x00\x9cE\x95\x10\xfb\x9d*ik\x86\xd7U\x9b\xc9\xe2\xd5q\xc5.\x87\x06\x80\xde\x05"\xfafj\x93&amp;\xfa\x17\x8a\x85c\x05\xd9\xca\xefg\xe8d\xa0\x1e\xb8\x83\x8e\xde\x06jr\xd3\xcfKQ\xbdI\xad_\x1d\xaa\x8c0\xe5\xfa\xa3\xf51\xae\x97X\xb8\xff\xba\xb4\x8f-\xbf\xb1yIer\xd5\xber\x1e\xc0\xe5\xf4\x121\x83\x86(\xa4\x86\xf12\xe0\xceVH\x00\xd7f\xf3\x04P\xa8\x8b !QI\xdb\xad\xae\x0b\xceu\x91o\xb4J\xc8(\x1d\x00\xe3\x8b^\xa4:Z\x0fr\xdb\x02\xa7\x8c\xa5\xaf\xf6]\x86T\xac\x0ea\xa4+\x07@\xaf\xf4\xbd\xfd\x9a\xde\xf3|C}r:\xe1\xa0&lt;\xe2\xdc\xa1\x12s~\xf4\xef\x0b\x19\xecd\x01\xf0R\xc6\x8b\xe1\xe2\xe3\xe24\xa8\x95k\xb0\x8f{\xd2\xaa\xe1\x04\x01(\xeb4\xca\x1c\xb7\xa6\xbf\x94\xd5\xa0N\xdeS\x93\xf8\x80O-\x00\x8a;\x7f~\x1f\'p\xd4)\xaa7\x97\xceO\xd2@\x17\x11@{"_z\xfc\xb0\xfd|\xdb\x96$\xb4\x0c!a8\xbd\x1f?F\x1d\x06\xd4\xc7]w\x19\xebK)_\xdf\xb0 )\xe4\xfde!\xfcY\x02\x1d\xe1\x86&lt;\xd2\xe7\x99\xe9\xb2P*\xe3\x96\x1c\xb8\xac\xe4\x81\xd3\xcb\xbb\xed\x81\x03\xb8\x94\xfa\xb1,a\xea\xca\xd2Q\xc0\xac\x97\xd2\xa8\xf5\x01\xdc\x0boQ\xb6\xb2\xd4\xd3\x8d\xcb\x01\xdc\xdc\xfe&amp;\xd4\xdf\x94\xf2Ir\xa6??\xd6\xcd\xaf\\\xf5\xda\x9b\xa3bwr ]\x14\x02\xb8\xb3\xe4\xf5\xbd\xd5\xdec#\xf3{"u\xa5\xd2\xa6\xf9\xbe\xa72\x15\xc5\xb2\x89\xb4\xe2\x942b\xa5\x05\xa01M\x9bq\xb87\xaf\xed}\xed\xeag\x93C\xe9ma\x9dy\x050\xf6\xf5\x06\x80K\xf2/Q\xee\xa3\x18C$\x0e\xa0_\xdc\xfaa\x07\xef\xa8\xb8\xcei\xbb\xd2\xb1\x00\x88\xd0\xb0/\xbb\xdb\xa8#ge\xa3\xff\x1f@=\xeb0-\xafW\xf3\x8b\xc9\x97\xc76\xab\x00\xd4\xf3\x7f\xa4\xb3A\xe0\xafi]\x00\x007\xb2\x19\x16\xees\n\x8a\xc8\x0fEn?\xe4\x04\xd0\xd28!\xc0\xbd\xc4~\xf9\x9f\xaa\xd5\xdcbV\xcc&gt;\xcbp1\xe6\xdf\x86KZ\xa7\x92X?K\x11\x80\x01\x94u\xda\xd1\x9c\x93\xb2k\xf1\x94\xb0\xc91\xb0Tj\xf3Y\x0fO\x01\xf2.j\xc7\xc3_9\'\xff\xce\xa2p\x00\xc6r\xd6\xf2m\x93oi\xeb\xae\xaa\xa3H\xaa\x8f\xb0\xcf\xe7\x83zG\x94\x90\xd5\xc11\xfe3\x17?V\x1c\x9by\xfbj\x13\x80W\xb9\x06\xb8|G\x89TuY+\xfas\xd6\xff\xcc?\x03\xafn\x19\x82\xdd\xbb\x0e\x9e\x9a\x00\x1c\xd8\x87\xbfV\xeb{\xe5G\xb3S\xd0\xbdb\xccs\xc8\xd9\x07l\xde/O\xd8\x04\x807sX\x0c\xf6\xda\xab\x86\x9d\xcb\xf5\xe6g\xa6{8F\x9d\x95\xeai\x8e\xc5R72D!\x81\xe1|\xc8O\xe2\xd9\xe8\xb6\x1f#\xf54\xe7\xa7P\x84\x9d\xa6i\x9a&amp;u\xeaE"\x8a&gt;\xff\xbd\xd7\x91\xe6\x8dID\x89:gM\xc8\xe6\x7f\x01\x18\xc9\xaa\x00\x1e!\xe9\x11\x98$6\x92\x9cF\xb49\xb5m\xaa\xd3#\xd0\xefs\x93\x7fu\x9e\xe3+\x99\xce\xc3\x9esnU\xe0\xfc\xb2j\xea\x8fj\xcdl\x11m\xfd\xfb\x18W\xe9\xbf\x9a\x02n(\xb9Y\x9a2\x931~!B \xeb\xccDJxV\xa6\xaf\xe2\xad\xcb\x99Y\xe8&gt;\x0f\x19@C)O\x00\x9b\x00\x9a\xdb4\x8b\tL\xd3\xf4\xc8.\'\x9c\xc5\xf5\x14U\xb4/\xd4\xa6\x9ci\x85\x9e\xafW\x9dC.Q\xc9&lt;\xd7\xbe\x15H\x1a\xc0^\xe0n\xb3\xbd\x0f\x93\x1e\x03\xec\x8b\xd1\x8f\x12\x03\xd4i\x01\xb4\x93\x90\xfb\x1c\x07\xfa;\x8d\xcb\x01\\\x91\xbfU\x18n0&amp;4\'E\x9c\x9b^a{\xb3{\xb5\xf6\xe9m\xcd\xc1\\\x7f\x92\x87\x1b,\x01\xd0\xb5\xd7L\xf9]s\xd4\xb0\xa5\x99\xf40\xa1\x19\x1dML|Pi#4\x00\xae \xf6]i\x87\xe9\xecv\x1a4\xa4\x0cZ\xecL\xf7&lt;j\x00)\xcc\x97/u\x12\x80D&gt;\xd7\xa4$\x9d\x1c~\x05\xf79R\xe0\xe2\x96[\x99^\x84EJ\xc7\xd4 S_\x06("\x80\n\xd2"\xc1\x85#\x88&lt;\xdf\x0e\x94|\x849\xfb\xe6\xd0_\x14\x91\xbfb\x96\xa9UB\x00\xac\x94~7\xdcX\x15\x80\xf7l\x1c\x1d\x82\xac\x1dl\x16&gt;\xbd\x81\x1d/L\x82\xef\x05\xbc\xdb\xd9\x00jK\xb8\xc3\x92{{.\xd0M\x14\x8e\xe0\x81\r4\xbddC\x9c\x9f\x9c\xab\x9f\x92\x17\xd5\x00\xd0\x95\xe4\xfb\xb1\xd0\x9dl\x1b73\xdf\xc1\x90S\x018\xc5)Z6\xf0n\xf8\xfe\x1cR\x8a7\xe9\x12\x99~5\xd1\x1f\xc0\xde+\x0e\xfa\x16\xb2\x16\r\x1a\xa7i\x1fm\xd0\xc9@y\xa1R\x14:4\xb9\xeeRp\xa0&amp;\x83\xd7A\xef\xd5\x8fi\xf2\xbe\xd2uZ\xfd\xd7=_\xb2\xe6]\xd0jU\xcc\xf3\xc5\xb2\xf1_\x17s\xda5\x14\x93\xd8\xfb\xbe\xc7\r\xf6\xe44\x8f\x94XF&lt;\xe5\xbdv\x1b\xc0\x1b\xdb;\xbf\x83\x16\xedK\xb8("_w\xde\x0boX\x98\x83/\xb1\xd1\x7f\xbe.\xd5\xaa\xe7\'\xa2\xc6\xdd\xf7\x08\xa5u\x10=\xdf\xd2\x13\xb9W\x17\x0f&lt;\x00V\xbc\xf7d\xce\xc8^?w\xf9\xba\x18\xeb\x90\xb7\xfcp\x14|\x8b\x14&amp;&amp;\xd9\xf3\x9ai\x13\xc4\x95\xc9\xbev\xd7\x97%T\x06\x83T"s\xec\xe4O\x0b\x18\xdd\xb3\x0bh\x9a\xcco\xab\xa9\x8f\xe6\xde\xbe\xab@\xce\xde=7MS\xb5.\x86\xc3\xb1\x81gI\xceG\x17D\xe6#R\x96x\xd9\xcc\xe4\x10\x95\xd9\x1a\xf7\xdaw\xf0w\x05\\\x8aw\xe041\xa9\xab\xdc\x9f\xad\x0e"\xf6Z$\xf4\xc3\xc4\x16)\x93\xed_DZ\x9f\x15\x80\x8d\xd7 \xf0\xe4\x9c\x9b\x82_\xb9\xeb\x9c+\x10;\x92\x13,z\xff?\x1b\xe0N\xa4\xf6\nU\x11\x99\xe6o\xad\x89\xdbK\xf5\xdbr\'\xed4\xdd\xf9x\xde\xba\xad\xd2\x8b\x94p\x86\x00\xd4\x12\xd1z-X\x8at\xf9\x81R\x92\x9e\x84\n-q\x92\xf7\xaf\xd2\xcc\xc9"\xdcgu\x90\xbb\xbc\xe7\xfe\xbd.\xf5\xfc\x00\xe8\x88X?\xdd?\x92\r.\xa0-M3\xfa\x1a\x95\x8evx\xd6\xb4\x93\xc4[\x92\xf5?\x9b\x9c^qN\xe4\xd3\xf5\xf3\x05\x90"\x1c)\n\x85\x92\xb6\r\xc3\xf9x\x0c\x1e\x02z\xed\xaa\xee\xae@\x00\xfa\xa4\xa8\x00\xaa\xc6\xeb\xa5\xeb`\x88(\xb6\x14\xf2\xab5\x1b+\x8ei\x90\xe3\xae\x81S\x01\xd8\x90_L\x9c\x02\xd4\xaa\xaf\xa6\x87\xde\xa1\xde\xc2O\xe0m\x13\x8e\x0ew\x00\xd8\xd3\x87\xc5e\xd6J\xa18\x9a56{\x1c\xe0\x93+\x00\xea\x0c\x00xS."f\x86\xdb\x12#1\r\x9f\xb4\x9a\xe4\x0b\xdcK\xda\x9d\xd6\xe7\xfdY\xa7T\xe5r)\x1dp;\xb9f\xeb\xa5\x15\xcau\xce}\xfe\xbd\x01\xc3;\xba\xb5\x8c\xd7\xee\x97gU\xd8\x86\xb1\xa6y\x98\xab\x16h\x97\x8c\xc2\xb1]D\xfe\x9a\x8b\xa8-\x00\xc4y\ri\xb6\x8e&gt;\x99d\xe9\xa3\xff\x9e\xbct\xea\xceh:\xfd\xc4&gt;\xd3\x83\xa0\xeb\x9d\xf9\xba\xfc\xfb\xb7\xd5-\xcc\xf2\xdb}yF\xffC\x05`c\x13&gt;d\xc5(}\x93d\xd4\xd9\xfd\x9b\xb2\xaf\x9ev\xcf%\xc1\x81@\xaf\xf9\xdc\xb6\x90\x11\x83\xf0\x07\x85\x07PJ\xe7\xb7\xdbA\x983(tl\xac\xe9\xad\xb7\xda\x13\xe5\x9f\x01TSDY\xada\xae\xbc\xd4#\xa0\x93b\x00\xd7Wa\x8e\xffi\xe2\rowo\xd9~0X\xe6\xae\x82\xd3Q\xd5\x98pA\xbb\xaa\xd8\x00\x14\x97\xd3\xd9\xaa\xdfm\x93C`D\xfa8\x85"\x81\xe9\xb0\xa3\xfc\xd7\x0f\xf3.z\xdbR\x8ep\xc4\x00zr\xf6\x8eb\x83PZ\xbfq\xaa\xef@\xf7n\x0c\x00\xb0y\xf5M\xa5\xb9\xff1y\x99\xcfTY\xfa\xe2\x8e*\xbb\xd2\x1d;\x86\x87\xf3_WYS9\x027\x15\x8e\x92\xfaP\xbbl_!\x9c\x14\xcd\xe0th\xe15\xc3\xe9\xf7\x9d\xbc\xed9"\xd3\x84}6)&lt;3N\x98\xcc\xb3\x1eg~\xfd\xf6;\xb3\xcb\x04\xa0-\xe5\n\xcf\xdc\\\xee\xf4\x9a\xb3\xb6GY"g\x11\x91?\x10\xf1M2\x00\xaeCsk\xab\xba\x89~\xa1\xa3!J\x91_j]\x84\xee\xe8.\xb4\xf7C\xba\x8a\x80\xeaN{\xb1\r\xef\xc9\x93\x8c\xac\xb2\xa9B\x13\xb0\xfa\x99S_\x94\xc9\x11\xde\xe1D\x01}9\xea\x9c\x8dMd\xf3\xf3\xe1Z\xd3\xdb\xdc\xe4\xeb\xbe\xef\x81\x8e9y\x84y\xff\x83\xb2\xcbn\xa0\x93\x03\x0c\xed\xc3\xfe\xa3i\x9a\xa6ir\xceM\xa9\x89\xfe\xa0s\xee\x1b&amp;\xf7\xbc\xf9\xc3\xa9\xcd\xbf]\x0c\x15\x1b\xb7\xce\x9e\x9cV\xbf2Y\xab\x9c\x9fD9\xdf\xbe\xbb\xe0\xd3\xf6\x93\xa3s5\x05\x7f\x0b\x00\xe3\xd9\xb7\x85\xbd\xdb\x88\x88\xc8\x0f+\x13\x8c\x8a\x91\xde\xcd\xf5\xaf\x85\xf0\xff\xea\xb5\x8d*\x1dYOg\xaa&gt;\t\x15\x00RH\x81\t\xfe\x89\xc5\xd8u\xafe%x\x96\xda\xfe\xc3}\xec&gt;\x1d\xd8\xd8\xe4r\x14\xfd\xd7\x9f\xef\xb2\x18\xab\xe7\x0c\xc0\x85\\5\xfc\xbc\x85\xe6\x16\x99\x1eo\xf3\xf6_*\x00\xc0\x9cg\x0c\xa0\x1f\xba\x8e\x90h\xbfX$\xd5\x06\xec\x03bO\x01v\x1e2x\x0e\x1c\xf4T2\x00\xa7LV\x99\xae\x7f\x16\x91/3M\xbf\x9c:\xcd\xd5\xfc\\FiR\xf3\x04\x00t\xcdd~\xa3\xc8g\xba\xbd\xc53\x07K\xe3\xf2R\x9fH\xf9b\xeel]\xe2*\x00\x8f\x1e\xc6&lt;\xfb\xa1\xac\x00\xca\x9d1\xef\x8b\x8f2\xb3\xfbF.1\x00\xaf\x9b\xacY\x9d\x99\x1c)\xeb\x9bJ\xb8\xcf\x1f!\xd0Rv\x07N\xa5\x8e\xef\xd2Y$\x0b\x97\xcc;{\xf2V\xd2\xae]\xcfW\x1c\x18\x9a\xe5,\xa0yM\xef\xfenM^\x7fT\x93Iy\xce\xd6NO\xebe\xcf\xa2\xd8\x01\x00*\xf9\xe9*\xb9\xac\x87\x8bc\x1f\x1a\x12\x86%4Y\xdc\xaa\xb3\xab\xa1\xcf%\\&gt;\x9e\x00\x80\nd\xf7C\xd5\xdcK\xe6\xaa}K\xc1E\xab\x81~\x0e*-\x9a\xf7S~\x00\xc5%\xdf\xf0\xb6\xefE(\x9dN\xb5*G\x99E\xe9rdN\x14\xa6\x12\x00J\xe9\xa4\xf1[t\x0e\xa5\xc8/\x17J&lt;J\xfe\xeb\xdb\xfat2\x00n\xb4R\x04@\x11\xaf~\xf9\xf9\x9f_e\x99\xacn\x12\xfdyR\x16%\xba\xa9\x1e\x82o\x0fe\x00\xe0\xf1\x16\xfd\x93\xf6m\xabmpi\xd8m5\x8a\xd3\x0bt\x9fS\x01t\xaa\xd00\xdd\xba\x8bI\xe8\xcf]\xb9I\xd4\x8b\xea\xff\xb9\xc99\x01\x10\xc1*,X\xbdG\x01zs\x0b\xe0\x1f,\xfflY\x16\x00\x07\xf4o\xbc1\x98r\xf3\x9e\xa62\xdfp\x82\xea\x19\x9f\xaf\xfe.T&amp;\xad\xfb\xeb\x00\xa4\x8b[\xba\xb5y\xf9Aj:\xcf]b\xf7\xf0&amp;\xd2&gt;\xf4\xa4\xadh+T\x98\x9e\xdd\xf1\x98\x81;\xf06\x03\xef\x19\xe621\xbf\x12@\x82f\xdf\x08\xf6\x8cWwy\x1bNB\x88\x8e\x0e\xe9\xbao\xf45\xb1y\x92\xa3\xf6\x01\xa05G\x8b\xff\xb5\xff&lt;~xAv\xff\xac\x13\x8c\xba\x8az\x8f\xc9\xbb\xbeoQ\x97\xe5\x9dK\xbf\xd5&amp;\x17\xcf\xe7\xbaS\x11\xd8\xac\xab\x93\t\xdc]\xc2:\x00\xc3\x1b8g\xbe\xe0\x12\xf3JO6\xd5\x141\xf3\x94\x98\x94\xbf\xcep\xb7j\xee@\xe12\x00\xb0\xa1\x8f\xe6\xb2R\xb4H\xb1\x9a\x14\xa9\xc9\xfc\x96\x1e^\xe3\xa1Y\xc5\xfd\x9a}\xbb\xf9U\x91\x12\x01H""\x7f,fce[\xb8N\\|\xeb\xf48\xce1\xa7\x97\xe9\x99B\xfb\xb0\xdb\x0f\xe5\xec\xe1\xa3\xed9\x8f@K_\xc8h\xcb+\x1f\xffcS\xdeG\xd8\xf8\x8e\xa9\xc8\x1d"\xd3\x19\xb7\x02\xf0v\x9dU\xc8\xf4U=\x97\xce\x0c@\'\x1e\x9d\xf2\xd1s`\n\x15\xc7R\x93\x91\x8f\x12\xaaT\x00\xce\x11\xfa\x81\xbbI\x0bl\x9b\xbd\x9a\x04\x8e\xf0\xab\xf1:\x19\xf9P\xce\xc0QnYT\xf8\x8c\x05\x7fU\xa6@\x00:\xb4\xbf\xe1;\x89\xb6\t\x0e\xe7&gt;\xea6;I&lt;\xaf\x0c\x9a|\x93O\xfa\xfe\x82\x8d{\x11\x01\xd8\x1b1\x1c\x8cW\xe2\xa0?\x97\xba\xe3y\xcd1\xe0\xc5\x05n\xad\xdaB*\x13M&amp;z:\xfd\xd2\xa7\xd2\xa5\xb1P\xee\x1c\x0e\xf4\x87\x04\xe0P\x89;\xb9\xc9D\x94\xfb(t*\xb9B\x00\xc6 \xce}1y\xdf\xbc\xdej:\xbb\x01\x8c!\x1c\xa8\x86\x0ed\xc9e\xf7\x8eB\xabv\x8c\xd9\xd8\xd6Q\x9d3\xf4\x15\x04P\xd62O_~\xce\xff\xdbR\xf9\x16J7O\xe6\xf16l\xf9\x9b\xe7\xcb\xa2-\xe0\xe2\xfe\xa4s"\x1f.\xd9e\x91\xf6d#\x921\xf1\xb1@\xe7\x8f\x18.iN\xda\xfe;l2\x07\xd0\x9fG\xf3\xbfE\xbe\r\xb3\x08\xbc\xc9\'\xa7\xd9\xab\x8f\xfe\xfaj\xe6\xf9\x02\x85\x9fM*Q\x8a\xb1f\x82\x01Hw\xfa\xf6\x1fy\xc5 \xd3\x86m\xd3\n \xbc\xd7Q\x04\x14\xe7&gt;\x93]\xaaW.\x9f\xd6mi\x94\xa3R\xf2\xa5\x16\xf9{\x9a\xc4S\xca\x04\xa0\x10\xcd\xedn\x1b\xfd\xdf^\xf00TD0,\xec\xbaN\x1d\xeb$\x1c\xb9`\x1f"py\ro[\x93\x8c\xc59\xf9a\xa7\xa9\xa1j&gt;s\xa8\xea\xd4\xd2\xa5\xa9\xee\x8a\xc7\x04\\\xda\x05nZ\x93\xa1\xd7\xfc\xf3\xd0| \xbd\\\x01\xd6s[\x83#+\xc3\xff-\x01PI\xbe\xdb\xad\xe2\xd4:\x8d&amp;\xc1w\xc9O\xdf\xf0\x1f\x94\xfc\xc8\xea\xe7\xe3\xc1\xf3\x8b\x1e=\x80\x9d\xcd\xed~4j\xea\xdd\xd1*T\xac\x13j\x12}\x1e\x1d\xf9\x7f\xd7f\x9c|\xb3\x88l\x9d\x9a&amp;\xe1p\xee\xde\xe2\x89\xfc\xde\xb8"\x1e_h_\xe2\xbc-\x0e\x18_\x89\xf9?6\x0f\x01\xf9Id\x13\x11\xf9\xc3\xc5\x1fA\x96\xea\xe54\x9f\x93j \xa7\x0c\x8f\xf4\xfd\xbf\x8a=|&amp;\x9b\x02wQ\xeen\x8f\x8d\xbc\x8f\xef\xa5\xda&lt;\xbe\xe4\x15`\x9f`9\xe6\x95q\x89\xa71\x00\xf7\xd2\xa4\x0b&gt;-~y:+\xd4[\xea\xd2O\xd8\xa9\x8d\xfd\x82\xb8\xa2\x8f2\xfa\x94M\xba\xd4\x00X\n\xcd\x00\xa9Y\x8e%\xd3\x8c\xd76\xbc\x12\t$."\xbf;\xba&lt;Q]4\x1d\xc6\xb8B\x917*Q\x91\xbf\xacI0\xa7&lt;\x00\xe2\\\xf8\x96\xdb\x1fX\xe2\xe3E\xcc\x13\xc0f\xd4\xd7\x84\xc8o\xbe@\xdby\xf4\xf2\x03\x83\xb9\xde\x1d\x97\xf9|\x90\x1cF5;.C\x11G=\x1d\x8f!\xdf\xc8\xe1\x93\xcd\xb4\xa8+\x85\xd1\xeb\x1c\t\xd0\x8d\x0f\xab\x9f\xe5\x15tF\x0b\x1c\x07\x05\x96)#\xcdi\x9a\xdc\x94\x92\xc04M\xce\xb9\xef9\xde\xe0\x11\xfc\xd7\xbb\xec7\x98\xa69\x84;y$\x18\xb6\x84\xfe\xd5\xa6U/b\xe9\xccr.%\x80sK\x8f\xc4X}\x08\xb6SY\xac\xd2\xb7\x99\xe7\x1a;\xb7\xf21U\xf4Q\x99W\xb8\x8e\xd5\xfeP\xc6\xf9{\x04\x06\xa7\x0c\x1c\xcbf\xcb\xe66Q/\xf2W&amp;5Vh|;#\xe5\x9a\xf5\xe8ze\xf2\x92of\xf6\xa7\xe7\xf5\xf4\xbc\xe7\x9c\x80\x81Z!\xc0\x88&gt;\xec?\xfa\x15\xe7\x9cSu;,\xdbL\x93fs\xadiW\x03\xc9\xeaW\xaf\x0f\xe7\xba\xc7,\xdb\x90\xe4Hdy^N\xf3R\x7f\x18\x95\xea\xe9\x11\x9c\xfd\xfe\xa4\x8e\x08\xfc\xb6\xe6\xd9\x03\x90+\xb9\xb7$\xd4\xea\x7f&lt;d\xbc6[\x1e;\\\xb0\xf9\xffj\x05\x1fw\xec\x9c\x8f\xd6\xaeV\xe1\x96\x96\xd7X\x9e\xff[\xafR|\xe6{:\xdc-\xf2\xab\xe1\x07,\xeb2\x01(\xca0\x1e\xee\xc3\xebQ\xe2QqX^\x1d\xe2Y\xd1[^\xce_\x9bcyZ\xac\x12\xea\x1e\xfd&lt;@\x17\xaa\r\xe8\xed\xf3\xcd\xd9\xfd\xdf\xc7fW&amp;\xe8,\xd3.\x89hQ8]@\x17F\xbc\x15\x13\xfag\nU\x00_;\xe6\t\x04\x80\xb2}\x0e\x85\x12\x17\xf9\xcf\xb5\xfa\xe7\xf7Y\x7f\xe7\xeb\xe7\xd8}=\xa9m\x8f"\xdc-6\xff\xf3\x0f6\xaar\xac2\xbd\xd8R5\xe0\xfa\xd2\xee\xd8ra\xbaI\xf8\xcf9\x9c\xd5\xa0\x82\'\xa6o7\xfe\xa3\xcf\x1f\xde?\xffKiy\xdbi\xd5[\x08\xc0\x90\xfd4\xbb92l&amp;\xf0-\xe1\xa2\xcf\x89}"\x12U\xb0\xfd1\x8a\xe8\x16\xec\xbe\xa7\xe0z=!\x1a\xde\x0b\xed\xdb\xcc=\x976\x8fz\xa4\xc0e\xc9O(\xb6Y5W\x95\xed\xbe}\x031\xb6\xd5\xfcc\xfaM\x83\xf9f\xf2/=\xf3\xe5\xbb\x9eu\x1a\x98\xc8\xb4\xd9\xe5\xf2-\xe9\xc0a\x1e\r\xc6\\\xfe\x9c\x00\x1d\tG\xa2\xfdL\xca\n\xf7\xa7&gt;8Z\x95\xe50H\xd9\xbdP\xc1[)*\xb7\x1c\xdd\xf1\x91~\x8daj\x00\xa2E\xddN\xa2xeT\x92a\x00\x00\t?IDAT\x08\xc8\x8f\x98\xe7YT\x8c\x02\x86\xed\xf4\xf5\xd9\x0b\xaf}\x1b"\xc6\xb5\xaa\xc0\x0685\xc0(J\xdc\xae\xb2,\xd3\x8d\xd9E\xd7\xe4\x7f\xf88\xb0\x81:\xd3r\x92;7\xfa\x89\xfe\xabN\xad\x8e\x1a\xdd\xfd\x94\x04@HT,\xdb\x8c4$\xdf\xe6\xe1L\xdbF\x8f~\x82\xfb\xa0\xba\xaa\x8a\x80\x0b\xea$H\x99t\xf2\xec\x8f%!M\xc3s\xd1\xfe\xb4\xf6DV\xffUm_\xe5\x05\xd7\xc0\xed\xe4\xbf3\xa7g\x9a\x17\r\x85vO}\x99e\x82\xa3\x98\xf8\t\x95\x87s\x8e\xfe\x1f\xc0\x9c\xac\xf8~\xfb\xfa\xa1\xe7\xdbOY6\xf3C\xa8sN\xf6\x17\xa8\xe7k\x01`\x18K\xf3\xdf?\xe7=\xf8R\xe5&amp;\xde\xe6\xd2\xc8\xfc\xca\xcf\xdci\xf5\xdflU\xb8\x18\xfd\x9c\xd2\x1c\xc1\x11\x17\xcfE\xb9\xc21\x03\x17\x13\xbe\x8d\xc3\x1b4\xb4\xee3\xe9\xaa\x17K&gt;\x95\xd8\xdd\xa4\x99h[_\xe8\xcf\xc345\x00\xcd\x04"h\x0f7\xedQ\x19\x92\xab\xa8\xd8q\xc8\x1c]\xd5O\xb1\xc6-9\x80#\xfb\xaf\x84\x9c\xdc\xb6\xaf\xf9\xbf\x18\xe6w\x14\x03\x95\xf1\xe5\xe8}2\xcf\xcf\xe3\xde\xe7#"\xf3\x10\x87\xf9Kj\xbc\x873\x17\xf2\xd1\'\xf2S\xa1\x8d\xfb|G\x82I\xeeC\xd7\x82\xc0-\x84\x87\x85\xd3\x935L\xcb\x9b~R\x06%J\x15~\x90\xd2\xf4\x89G\x9d\xfb\n!\xb5\xc8\xdf\x035\x01\xd0!\xd1\xdd\xf0CL\x90\xaf\x10dD\x9c|n\x19\x8e&gt;\xc9o\xffko\xa7\x7f\xe0\xdc\xff\x8d\x83tJ\xa3\xf1\x0e\\\xcc\xe6\xa5\xcdn\t,\xd34I\xb0oDto\x03nK\x14oi\x96\xc8wA{\xb2xZ\xd2\t\x9f\xba\xf7\xdd\x1f\x9bo\x8ap\x94\xc2\xfa\x1a\xb9\xba\xe7\x7f\xce\xba\xf3+\x0e@o3\x06\xf0\xd6\xbe;\xbd\xd1\xa7i2o\x12\x8as"\xbf\xc7*\xb5I\x11\xaeL"\xda4\xbdg%_T\xef*\xcey\xce\xf5Q\x99\xa6\xe9\x95W\xe5X|\x94\xdb\xc9c"O\r@\xaf&gt;J\xde\xb3T\xf4y4q\xfd\xa9\xcfs}6\xdf\xc4R-\x0ez\xf3\xf2\xe6&gt;M_\x1e\x95\xf2\xc93\xca\xea\xff\x1f#\xc9Q\xa9\xdb\xd9\x1f\xecyt\xe7\x91\x01\x18\x85\xd5L\x8f\x12\xbb\x7f\x8bz(\xb2P\x9b\xb3\\\'x8\xe5\xe7\x90\xccW\xbc\xef\xf28\xcc\xf5\xbe\x1d6\xb6{\xf8\x8b\x020&lt;\xcd\x10k\xd9\x02\xc8\xdf\xaa_\x01\xa4\r,kR\xce\'"\xdfT(i\x00\xc3\x89\n5u\xa2y\x0f3\x17\x9b7`\x0b\xcd\xd7j}X\x00\xb2\xec\x17\x82E\xf05NUS!gu:\x87Mri\x1e\xc13\x19\x9e\xe8V\x1d\xfac_\x00\xa0KY\x15\xc0vN\xe2\xea\xc3\xdeDEp\xf9\xeb\xcf\x1f\x9e\x9f,\xb5HZu\xb2L\x97:X\xf3\xb5\xe9\xc7O?\x81\xd5N\xfd\xaa\xb0\x95\xf2d$\x19(.\xf6~N~cAW\xab\x8a\xd6%)Q\xb0%\xfa\x1fv\xf4\x97?\x1b\x86\x19\xc8\x8aQ\x92\x00:\x10{Cw\x1e\x02\xe4\xfd%qG1\xab\xce\xab\x14\xbc\x1f*\xd7\x0f\xc7\xfa\xd2:\x97\xe3\x02$\xe8\xfc\x8a\x03\xd0{\xeb\x02\x92ej\xe1\xea\x93\x81n\xf7}a\x95=6\xa7\x9b\x05Z\xee\xaf\x9f\xbf\xea&lt;\xa3M:\xd3\xbc\xac\xeb|?\xe7\x9c\xfb\x131\x0f\n\xd3z}\xf2\x92W6\xcf\x92e\x00\xa3\x93\xe7\x7f\xbdo\xaa)\x92\xa3f:\xff\xefz\xfc\xf0/\x8f\x13\xf1\xfeS^\x9f\xbco\x9fZ\xa5\x05\xe7h&gt;6\xc8\xea\xbbO\xeaQY7\xed7\x8f\x11CU\xdco\x86-8\x00\x1dM\xbc{u3\xff\xa6\xd06n\x152\xf6\t*\x83I\xfdq\xd7\xfd\xa8C\xe0\x84\x1ce\xb1tp\xed\xf7\x1d\xb7\x02\x00pq\xaa\xe6\x7f|\xa389\xe6\xe9s\t/\xb9J\xc9\xdabLU\xb2\x1fA\xf2\xc5.\x01\xd1\xd6\xcdI\x85\x010\xbc\xf75G\xaa\xa0Q.^x3_\xb7\xc1]F\xbb\xfb\xa8\x15\xff\x18"NKt\x9f\x8bI"o\xcf.\x16)\x1e\xa7\x0f`&lt;\x99\xed\xd9\xc3d\xcf\xa2C\xb96\xf0\xba\x89\xbe\xef\xbdY\x9703\xfd\xf7OR\x93[%\xf2\xf8\xe1\x0b\x11\xcf\x19\xaa\x8a\xb6\xcc\x03\x87\xc8\xbf\xa5\x02\x00z\xa4\x8c\x0b\xa5\xcb`\x95E\xda\xf3\xc4s\xd1VD"=\x98\xcb\xbc\xc4\x7fo\xb1%\xa6E_\xaa\x02\x18\xe7\x94\x027R\xf9\xa6\xac\x10\x05Ns\xd8\x97!\xab\x9b\xbeu\x1f\xbd\x0b\x8f\x96\xaf\xea\x06MA{8\x1c\x00(\xc2\xd7\xf6o\x10\xefl3\r\xa4&amp;\xf2x\x02\xf0\x06\xf6\x7f\xb1l\xf6\x1a\xf6\xf8n*\x00\xe0\x8e\x9a\xb7\xfe\xee\x10z\xf4]\xf6QiF\xefb\x957\x80\xfeD\xbf\x0c\xae\x8b\x880\xc8b\xd4\x84\xd0\xed\x8d\xf8Vu\xc0\xd1"\xde@\xcf\xfb\xb4\xdb\xf2\xb5KR\x19\x9e3V\xb5\x07u\x87\xca\x1eh)\xdc\xcc\xdc\xfc*\xadE\xfa\x9a\x8e\xb2|\x12\x9f\x88!\x91\xcf\xba\xc2\x8f2\xeb\t\xfe\x89)\xe8\xe7\xed\x04\x17\x85\x9d\xe5\xe2D\xfeax\x07o\xb2\xfbk\n\xe0:\xdec\x8aI\x82\x05\x1bt\t\xa5,[\x01&lt;\x13\xf7N%*\x91\x9dSW\x00)\x0b,&lt;\x15\xc0f\x83O?7\xa3J\x00\xee\xadD\x08\x08?\xa6$\xd4S\xad\xba\x17\xac*\x9e\xf5\x02\xe0\xa3\xcaFY\x9e\xe7\x0f\xdb\x7f.\x05\x8d\xad\'\x8aV\xae\x00L\xe4}!\xcc\xb1:\x9d\xf4\x9b\xb0?E\xbe\xa9\xb2\x87\x17[fu\x13\xbd\xa6u&gt;\x8e\xe5\xf4x\xbc\xfd6\xab\xf3\xf0\xf6\xd4\xf2\xf8XDD\xa6\xe9\xf0\xecn\x92R~y\x8e\xc8_&lt;+,\x80\xeb\x121h\'\xd6if\x96\xcb\xe5o\xf6\xddX\xd6\x8e@\xac~&gt;J\xe7\xf4\x93\xe32\xfc\x82rK\x00q\xb2Z\xa0\xea,\xc2\xb9\x97\xcb\xda\x97c\xfc.\x91\x13W\xdc\xf1d\x9e%\x9dN\xe3\xfdN\xd4\xd2\xdc\xb3\x91\xe4\xed[4\xb4\xc9\x0es\xb6\x80\xc1\x9ct\x01-q,\xe7\x16\x0cv\x05\xa8:a\x0cC\xc0R\x96\xb8\x892\tSO\x0fw\x107\xce7\xdcNQ\x1de\'\x97)\xf1"\xf6\xd0S\x07\\\x93\xe6\t \xf6\xc65o\xd7\xd7L\xed|\xa89;\xf7\n-\xda+\xb5\x9a\xaft,@w\xd2n\xb0@0\xd4\xc7\xc9p\xf5\xb3\xcc\'y\xfc3\xa1\x94\xd6z\xee\xaf_+T\xc6&amp;\x87?\xc4\t\x07.+p\x03\x1eEp\xcd-\xab\x1c~\xd8\xfc:6\x06\x99\x87\x8f\xa8\x02\xbcj\xaf\xfdz\xba\xd4z7a\xaf\xbd\xafO\xca\xbaU\x05@\x1d\x00\xd4\xf3\x9a\xd4!"\xefmp\xb1k\x897\x0f\xe5i~-\xbe$\xfb#59\x96\xf0\t|&gt;?\x99u:5\x0c\xc4\x9d\\z\xe0\xbe\x96\xca \xe7n\xdc\xcc*\x89jJ7\x8c\x02\xdb\xf0\xed\xfb0*\x85\n6\x1dh\xde\xdf\x066\xf0\xeeB\x05\x00 \xddQ\x10\x11E\xb7\xb5&lt;\xd7(U\x8bD\xc9\xb9\xbc=Be\x175\xd4\xcc\xcfLZw\x8c\xb2\x92\x9c\x8b\xbc*\xce\xb44\x00\xc0nf\xfa\xe9\x8e\x81\xa8\xe7\xed\xd2\xf1\x8c\x85d&gt;0\x05[\xf1\xfb\x8c\nU\x8c\xa7k N~\xeb\x9b@\xf5[\xde\xaf\x8e\x88\x88n\\\x82\xa7\x01\xe0\xbe\x92o\xff\xb4\xfd\x02K[\xb7\xf1\xcb\x17}E&gt;1\xec\xee\x0fD\xf8\xa8uj\xca\x1c\xf5[\x9en|\xba\xa0\xacd\xfd\x05\xc0\xef\xbeKlD\xc4p\x85\x91X\x9f\xca9\xc1\xc70\xee\xdaq\xa1\xe5\x8bn\xfa\xf2G\x9c-\xbdxj\x13\xa9\xf3\xb3{%\xc8\xba/\xa0\x96R/\x83\xeb\xcd\xbeq\xa9\x8f3\xaa\xc6\xb5y\xeb\xf5\xd9\t5M\xd3\xdb\xa2\xe2\x83\xfe(\x11\xe7~]\x17K%2L\xce1D\x00\\K\xcda\xdb@\x19\xdc\xae\xdf\xe6|\xaf\x88/\xae\xf2\x7f\x8d\xb0y\xb7\xcc\xe9\x80D\xb5\xe1\xf1\xc7\xb8n\xeb+\x0b\xa0k\xadzw\xf7AYY\x84\x94zb\x13\x85\xf3:\xb5\x8b\x9e,\xab\xc4\xe7\x83{\xcdwZU\x06\x9b\x1c\xbcc\xe3&amp;e\x00PJ\xf3{t\t\x13\t\xf1B\xe4c\xc3jg\x1d\xd0\x0f\xda\xe0G\x15\x80I\xfeY\xc4\xb9\xaf\x0b\xfeV\x9b\xce\xeex6\x9f\xecOQ/\xa7\x00@\xac\x12\xb7nT\x9a\xcf\xe6d\xfb\x08\xf2\\O\xdb&gt;\xa8\'d.\xc1(\xaf\xec\xc9y\xb5\xee}\x1fn&gt;\xd1\x9f\xa2\x9c:\x1e@\xa6\x0f\x95\x1f\xcf\x07\x9d\xe2\xd1I\xa9\xc5\xb9\xf8\x0e*7\x9d\xccP\xfa\x99\xc9=\x8e0\x10\xbb\x97\xaf\xfaz}y\xd8\xf1f\xfa\xab\xfc\xda\xb2\x93S\x0c\xdc\xd9\xc7\x85\xd7\x9d\x86\xf5\xdc\x08\xec\xe4\t\xc0\x95\xe9W\x91\xf8g\x8b\xb8\xbe#\x8bt\x00\x94r\xda\xdfr\xdc\xfd]\xef\x16n\x18,\xac\xa2\xffI4\xd4e\xd1\xaa\x12J\x1a\x8c\xe9\xa2\xd6\x04\xb0\x17Z\x07\xb0\xb9i\xbf\xf2\xe0!\xdd\xfb\xbc/\xcf\xff&amp;\xd4(!e*!\xef\xce\x85"V\xec7\xd7\xef\xbd\xa6\xb4\x1e\x17\xb1P\xd8\xdd\x94]\x93\xcb\xa6G\x88z\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9a\xff\x0f\xbam\x02M\x02\xe44F\x00\x00\x00\x00IEND\xaeB`\x82']</t>
        </is>
      </c>
      <c r="E401" t="inlineStr">
        <is>
          <t>&lt;class 'numpy.ndarray'&gt;</t>
        </is>
      </c>
    </row>
    <row r="402">
      <c r="A402" s="1" t="n">
        <v>400</v>
      </c>
      <c r="B402" t="inlineStr">
        <is>
          <t>steps_per_sec</t>
        </is>
      </c>
      <c r="C402" t="n">
        <v>5800</v>
      </c>
      <c r="D402" t="inlineStr">
        <is>
          <t>10.044222</t>
        </is>
      </c>
      <c r="E402" t="inlineStr">
        <is>
          <t>&lt;class 'numpy.ndarray'&gt;</t>
        </is>
      </c>
    </row>
    <row r="403">
      <c r="A403" s="1" t="n">
        <v>401</v>
      </c>
      <c r="B403" t="inlineStr">
        <is>
          <t>Loss/object_center</t>
        </is>
      </c>
      <c r="C403" t="n">
        <v>5800</v>
      </c>
      <c r="D403" t="inlineStr">
        <is>
          <t>0.34851712</t>
        </is>
      </c>
      <c r="E403" t="inlineStr">
        <is>
          <t>&lt;class 'numpy.ndarray'&gt;</t>
        </is>
      </c>
    </row>
    <row r="404">
      <c r="A404" s="1" t="n">
        <v>402</v>
      </c>
      <c r="B404" t="inlineStr">
        <is>
          <t>Loss/box/scale</t>
        </is>
      </c>
      <c r="C404" t="n">
        <v>5800</v>
      </c>
      <c r="D404" t="inlineStr">
        <is>
          <t>0.06466978</t>
        </is>
      </c>
      <c r="E404" t="inlineStr">
        <is>
          <t>&lt;class 'numpy.ndarray'&gt;</t>
        </is>
      </c>
    </row>
    <row r="405">
      <c r="A405" s="1" t="n">
        <v>403</v>
      </c>
      <c r="B405" t="inlineStr">
        <is>
          <t>Loss/box/offset</t>
        </is>
      </c>
      <c r="C405" t="n">
        <v>5800</v>
      </c>
      <c r="D405" t="inlineStr">
        <is>
          <t>0.2124627</t>
        </is>
      </c>
      <c r="E405" t="inlineStr">
        <is>
          <t>&lt;class 'numpy.ndarray'&gt;</t>
        </is>
      </c>
    </row>
    <row r="406">
      <c r="A406" s="1" t="n">
        <v>404</v>
      </c>
      <c r="B406" t="inlineStr">
        <is>
          <t>Loss/total_loss</t>
        </is>
      </c>
      <c r="C406" t="n">
        <v>5800</v>
      </c>
      <c r="D406" t="inlineStr">
        <is>
          <t>0.6256496</t>
        </is>
      </c>
      <c r="E406" t="inlineStr">
        <is>
          <t>&lt;class 'numpy.ndarray'&gt;</t>
        </is>
      </c>
    </row>
    <row r="407">
      <c r="A407" s="1" t="n">
        <v>405</v>
      </c>
      <c r="B407" t="inlineStr">
        <is>
          <t>learning_rate</t>
        </is>
      </c>
      <c r="C407" t="n">
        <v>5800</v>
      </c>
      <c r="D407" t="inlineStr">
        <is>
          <t>0.0009999737</t>
        </is>
      </c>
      <c r="E407" t="inlineStr">
        <is>
          <t>&lt;class 'numpy.ndarray'&gt;</t>
        </is>
      </c>
    </row>
    <row r="408">
      <c r="A408" s="1" t="n">
        <v>406</v>
      </c>
      <c r="B408" t="inlineStr">
        <is>
          <t>train_input_images</t>
        </is>
      </c>
      <c r="C408" t="n">
        <v>5800</v>
      </c>
      <c r="D408" t="inlineStr">
        <is>
          <t>[b'512' b'512'
 b'\x89PNG\r\n\x1a\n\x00\x00\x00\rIHDR\x00\x00\x02\x00\x00\x00\x02\x00\x08\x02\x00\x00\x00{\x1aC\xad\x00\x00 \x00IDATx\x9c\xed\xbd\x7f\xf0\x86\xd1R\x17\xf4\xbc\xb7a\x84a\xa0\xdb\x80\x04\xe3\x0f\x10\xac\x19\xd2"&amp;\xfb\x85\x8e1]\xb8$^$\xd4\x98)@\xb4\x11\x98(2\x88\x00k@\x1b\xc1B\x84\xe1^D\xcba\x0c%%\xba\x1a\x94h&amp;B M"\xd0M\xa5L\x0b\xb8\x88^\xee\xe4@22\x86\xa4\xb8\xfd\xf1\xbe\xef\xf3\x9c\xe7\x9c\xdd=\xbb{\xf6\x9c\xe7&lt;\xcf\xbb\x9f?\xbe\xf3\xbc\xe7\xd9\xb3\xbbg\xcf\x9e\xdd=\xe7y\xde\xf7\xbb,\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t\x04\x00\x00\x00y\xf7I\xc0\xd0\x98\xe5\x92\xfa&lt;E\xa7\x94\x94\x0ek{\xa6\'$X\xf6\x0c\xb3\x8e(\xab\xdd\xc7D\xdb\xd2\x1aP\x0c\'e\xa2\xc5\x9eO\xaedv\x8d\xde\x15\xceWj\x1f\xf8\x18\x83\xa6v8{\x12/\xcb\xdbo/\x80\xb0I@\x01&amp;\xa0\x00\x1d\x97[der\x85\xfc\xd1\xb0\xbbF\xe72\xd6/I\xb2\xd9I,\x13\x00 \x91\x17\xd5\x1cv\xbd8\xcd\xd1\xdc\x03\x00\x00\x9fP&amp;*\x8a\x035(\xa6\x17\xceGH)\xe4\x18\x98\x18\xb0,\x00_y\xb4\x168"3\xcd\x05I(\xc9\x82\xa6\x90g\xd6\x1d!\xc3\x88\xd3[u\x95\x92\xce\xeb5`\x1fW\xfcKE#\x1f\xc13\xe5\xd3\xd0\xbf\x14C\xc3\x835+\x0b\xcdR\xb9\x0e\x94~\x0f\x02\xf6v\xe0\xf5\xe0[\xb1\x05.\x05\x9b_\x1c\xebRx1\x8e\x9c\xa5\x10\xdd\x93\xbf\x12YeLO\x1b!\x05\xd6\xa5\xec[\x95H\x91\xa1I7\x96\xf6\x00\x9c=\x80\x1a\xf4\x97\xf7\x88\x04sb\x00\xfc\xb2J\xbdi*\xf3\x07\x83\x0b\x9am\x8a\xed\xb6\x14\x00\xeb\x19\xfd.\x01\xec\x1f\x18Pr\x91\x16\xa5\x92\x86\x01\xc6\xca\x14"\xcchF\x18\xe7\xc4\x90O\xde!\xd3\x9c\xca\xb4T1\xcdY\x01\xb0\xec\x92e\xc5\xf2PH\x987\xbf\x16;\xbc\xc2\xd5\xf00\xbep\xf3\xe1.\xf7\x02\x08;\x9c\x1d1\x83j\xd8\xf6u\xed\x86f\x8e\xd1\x11b\xf1]E`.z\xc9\x89U\xcc\x19\x0e\x07\xa5\xdbX$\x81ya\xf6\xcfpl\x0b\xf8\xd3\x0c\xca\xa6\x92\x80\t~\xaf\x97\xc8\xf9\xdcky\xf8S\xc8\xbb\xa1\\\xaf\xb1\xae\x93\xbd}\x14\x08\x04\x02\x07@\xfe\x92\x0f\xde]\xf6\xe6O;[;+\x0f&amp;r)\xf3 \x12LX\xe0\xd5\x103nA\xcb\x86+\xdb=l\xd1\xd6I\x07\xf4\\^\xc9{^\xcc9\x96\x19u\n\x1c\x819\xfd\x93\xc1\xe9\x14\x1e\x01\xc7\x02\xbf\x1f\x0cG\xf6\x9d4\xb9\x06P\xeb\x84\xd1\x02\x81s\xe1\rG+\xe0\x03I\xe4Q\x85\xa7\xdb\xedf\xd7\xa6\x19Tx\x9d(\xbeb\xba\x1ck\xb4\xb3c\xaa\xe9\r\x04\xea\xe8\xf1\xa4\xf1?\xf0eg\xc5\x84\xabq*\x8d\xe6R\xe6h\x05\x02\x81W\x84c\x94ld5a\xbc\xe6\xd1I]\x89\x1d\xbcl5\xd5[O\x81@\xe0\x00\xc0;\x8e\xd6@\x8f\x19b\x93M\x87j\x9f\xd7\xfc\x06\xd6\xf5Gxr\xc4\x04\x05\xc6\xc17\xe4u\n\xa0^\xef\xb3\xd6\x05\r\x90\x11\x08\x04\x02+\x8e\xf9\xf6\xe9\xb1\xd2-?\x92u\xee\xe0\x0c?p\xb4\x06\x81@\xe0\x14\x18\xf0\xa2\xfd\xd9\xe3i \x10\x08\\\x07\xd4\xaf\xa7\xc1?1^\x97@`\x04\xe0\xab5\xc4\x87\xfe^\xd3Qx\xa9\xc1\xbe4$\x87\xdc\xe1\x0b\x81@ p5\x00|\xe8B?\xea\x8c\x9f*;\x1d\xca\xd9\x8a\x19lG\xd80pM\xc0\xdf\xad\xbc\xe8\x12\xae\x1f\x08\xd8p\xae\xb5s&amp;]\x03\x8e\xb0\xfcj\xfe\x1c0\xfc\xc3\x93@ \x10\x08\x04\xae\x0f\x18\xf8=\x06\\\x81\xb3\x96\x169\xae1\x8a@ \x07\xf9\xf3\xcb\xf4\xcb\x0f\x00\x00\xffKw\xc5\x02.\x18\xfe\xffm\xf07\xcaF\xea \xc4\x9cZ\x05\x02C\x11\xcb \xe0\x88\x03\x13@\xbf_;\x8f5\x12x-L\xeb\xefM\x8b\xfcg\xce\xb1\x92O\xa0\xa2\x1e.\xff\xca\xed@\x9c\xc2s|\xf1z#\x0e&lt;q\x94\xbb\xbf\xe02\xf3\xc2\xe4\xa6\x9b\xe7g?\xcc?\xc37`\x08SOaO|Q\xe4\x9b@ @\xc1\x10\x1cT\xcf\x9f\'O\x9f\x81\xc0\xe9a[a\xb1.y\x9c(r\xc1\x9b\x86H\xe9\xf0\xb3\r\xc7\x1ay\xb0\xf0y\xfe\xed\xf6y\\\xfb\xb4PY\x18\x9e\xe8\xa5M@\x89\xd7\x99\x8bW\xfb7DU\\n@\x81\xce\x98\xdfc&gt;\xd2\xdaq\xfa\x91\xf5\xc2\xfcs:3&amp;\xb7\xde\xf5\x92V \xa0\xc6\xfc\xdb\x0e\xf8\x96#\x84\x1e \xb3\x17\x8e\xfa\xe7h.R\xc6O\xc4&lt;G4\x81\x80\x02\xa8\xab\x86\x07\x07\x8eB\xf8\xde\x81\x08\xe3\x1f\x83c\x7f\x15\xe0(\xd1\x97\x04\x00|\xf1\xd1:\xcc\x86\xf0\xb0\x1e\xe8\xb1r#\x1a\x8c\xc6\xdd\xe2aw\x1ea\x9e@ 0!\xde\xd0\xd8\xffv\xbb1w\x91sX\x01\xcd\x151\xf5\xf3\x06-\xae4\x96@ \xd0\n\xf2\xbf?^(R\xc4+\x83\x81\xc0\x0c(\x7fD\x92\xba\x15\x18\x044\xd2g\t\xe0\xa4\xf9\xe0|\x1a\x07\x02\xb3\xa2_\x04\xf0\xe5\x1cI\xc5\x1f\'M\x00\x81@\xa0\x04\xb5\x92\xf9\x15~\xc6\x08pF\x9d\x03\x16\x98\'\xfa\xc5]\xe4\xc5\x87\x1f\xb8c\xd4\xd7,\x06\x08\xc9$F\xe5\x1a\x08\xd0\x88\x15ryt\x9a_\x03\xdb\xf0\xb4\x80\x03l\x9e\x17\xcf\x81\xef`\x9e\xc2M\x88\xc9\xd5\xeb\x8a\x13\xfd\'53N\xf4\x05\xef\xc0\x03Q1N\x8b(\xe7\xaf\x84r6{O\xee0\xef\t/\x9d\x0e\x11;J\x9c\xd1 \x12\x9d\xcf7\xaa@ P\xa0\xf5\x8b`{p_\n\xbb\x0cTy\x8e\xff\xa2\xdc\xb4\xa8\x0e\xf0\x94\xa3zU\x9c\xb1\n\x99\x01a\xb7+\xa0\xd3$\x1a\xff\x11\r\xc0\xcfsV$\xa0C\xac\xea\xc0\x8ap\x86^x\x05\xbb\xda\xbcgZ\x9f\x9bV\xb1\x99\x11F\xbb\x06\x98Y\x8c)\x0e\xe0\x90\x9f\x05\x85\x0f\x958\xca&amp;\xeerO7\xb5\xc3\x14\x0e\xb7\x0f\xbc(\xce\xe8\xfag\xd49\xe0\x88\x98~\x14\xb1.\x02\xcbr\xa1\x8a5\xf0\xe2\x08\x8f\n\xbc:b\r\x04^\r\xe1\xf3Z\x84\xc5\xec\x80\xb9w\x94\x00o;Z\x05\x0b\x0c&amp;\x1d\xe6\xc43Ow E\x845!\xc2N\xfe\xa0\xbe\x9b\xfe9sh2\xb3ty\x97p\xdc@ 0\x14/\x12t\x0e\x1c\xa69c\x01\xfci-s\xa0\xae\xa3z\xbc\n\xce2\x95\xedzBq!\x17\x14\xbfn\xc0a\xb3,a\xa6\xb0\x9d#\xe0\t7\x86^\x8c\x02\xe7\xc47u\xe3\x1c\xae\xf5\x12X\x83Q\xccw\x80\xc2\xc7\x1e\xad@\x80B\x94\xb7\x81k\x02\xe0{\x054\xe1\xfa\x017\x84;\xbd\x08b\xa2+(\r\x94\x9e]\xccc&gt;\x9b"\xd3\xa8?\x0e\xf3LY p\x14b\x15\xf8\xe0\xecv\x04\xe8\x98\x03\xfc\x7f\xa5\xc0\xf9\xa9A\xa0\x0b.3?\xd7\xf0\xb4X0\xa7\xc1\xf8\xa9:\x91s\xc4\x93\xf9\xcbc\xb6\xa9\xf4\xd5f\xb6\xd1\x05\x8e\xc1+\xfb\x01\x80\xfa\x1f60\xaff\xbd\xb2%\r\xd8\xdeq\x08\xbb\x9d\n1_\'FL^#\xd2\xb0\xe5\x9e\x00^mv\xe6\x1f\xef\xec\xfa\x1d\x8d\xae\xdf\xb8\x0c\x04\xe6E\x19\xfd_\xd0\xb3\xd1W\x12\xd6\x8b\xd7\xb3G\x8e0A\t\xc6&amp;a\xae\x11\xb8\xdb8l\xdd\x8e\xd4\x84/\x98\x00\x00*\x8by6\x83\xcc\xa5\xcd\xb50\xdb\\\x07t\x88\xf9S\x81\xa9|_\x07\xb3\x85\xf8\xaa2Si{RP6\xe4m\x1b\x96\x0f\\\n\xaf\xe9\xce\xb1\x8c/\x06\xe7\xd7\x8a~\x9f+\xbb\x80\x04\xaa5\t\xb1\x86_\t\xed3\x9d\xfd&gt;\xd2l%\x7f#\x88\xb7x\xc7+\xe2\x8f\x1e\x83\xb0M\xfd%\xcci\x87\xfa-C\x15~\xed\xb2,\x9a\x89\xb9-\xcb\xedv\xeb\xa7O`*\xb4\xcc\xf4&lt;\x11\xa4\x07\x13\x06\xd7X\x1f]\x06a2\xcd%\xcc91\xb4E\xfd\xa5J8+\xc2\x02Bd%\xff\xe1\xbe\x93mG\xe4\xbd\xac\xe2l\xfd\x02\x1b\x0e\xf7\x99\x80\x0e1a\x19Nm\x10\xafS\xa0\xf5zY\x96\xbf\xdf\xcc\xb3]\x99\x8b\x1dF\x9d\x02P||\xe3z\x1ds1\x06\xff\xd1\xd1\n\xa80\xbfS\\\xdeq\x87\rP\xb5\x135\xeb\x94J9\xc5\xdc\rVr6\x9bH\xf2\xf4l:\x07\x02\xcbr\x15\xbf\x9c\xf6\xb1\xff\x9cZ\x958\x87\x96O\xcci\xd59\xb5\xba\x0e\xbc\xb6\xc31O\x07"L_\xc5%Mt\xdeEw^\xcdG\xa2\xe9-\xa0\xfc\xc7\x06,\x1c\x14\xc4\xf1\x82\xd0\x81\xb0\x99\xfeD\x8b\xb0]\xd5Kz\xe7\x95\x16]\xbb3\x9e\xc6\x9b\xcf\x8e0\xf4epx\x0e8\\\x81@;\xe4S\xd8u\xb2\xc3\x97z\x01\xe0\x1f&gt;Z\x85@\xf8\xf7\xf9\xa0\x9d\xb2\xcbOp\x8b\x0f\x87\xff\xeb\xe0h\xaf~\xa6\xaf\xf2\x85&gt;?\x0c\x19\xae\x14\x08\x9c\x02\xf1\xcen\x13\xda\x9f\x04\x1c\x8e\x17\xf1\x80W\x18c\xa0\x07.\xef7\xb14|p.3j_\xd9^\xc9&gt;cz\x8fa~\x13\xf1\xb7\x0eV\xe5\xb51\xc0O\xca\xf2\xe5\xf1e\xb4!\xe2\xa6^\x06\xcb\xb2\x9cA\xc3\x0bb\xf2\xf8xG\xaa\xe2\x9c\n7\xeaT\x0ej\xdc\x17\xaf\xa6\xb4\xe7e\xc0\xff\x06\xc6\xd9\xf7\xb3\xd9o\xfc\xb5sC\xaf\x03\xbd\xf0R6\x06X\xe0\xc7\r\xbdF\x18\xe9\xbe\x86\xf8\xff\x8b\xf2R\x00xO\xdd/S\xf9\x08\r\xe3\xcf\x82\x98\x89\xeepI\xdd\xd3\xae\x99\x19\x9e\x16\x80\xd2\x8fg\xd0y\x00$c\x04\xf8\x18%O\xab6\x1e8p\xd6\xfe\xe9\xa3\x04\xd7\xe0\xf2\xe3Q\x0ez\x04\x18\xb4G\x1c\xcf\xf7\x8b6\x9e\xd2#\x91\xfcW\xa5&amp;\xf3\x18\xc9\xcf\'TU\x9emPS\xe1X\xe3\\~b^\xa4"\t\xb4b\x12\x1fA\x9f\xb0\xf5\x95X%\xf0H\xb1\xe5W/bYv\x82\xbbY;\xcd\x94\x9c\xed\x81\xefm\x07\xce\x8dz\xf5:F\x8f# ;\xa6\xa8\x07w\xb7\xe7cC\xa4\x04|k^\xf2\x15/Wn\xc7b\xcc\xdbS\xea.\xb3\x9a\xeb\x94\x98\xd0\x94\x16\x9f\xd0~\x15\xb3\xf6\xee\xa9\x84\xddt\x86\x0b\xb0\xf0}\xa7e\xc2\x85\x13\x08&lt;pj\x07e4\x1f9\xa4\xae\x06\x94&lt;\xf6\xb0\x10\xcc:\xeb\xa8V\x83U\xed\xfa"\xd6\x9cf\xf7\xc2\xacn\x15\xb8\x8a\xe7\xcd\xf9\xc8\xb7\x9f\x16\x93\x0c\xf0\xd5\x10f7#L\x17h\x82\xee\xd5o\xf1\xb7\x82\xf9\x9a\xb7\xf5!mMz\x0b\xf3\x94\xcf\xab\xad\xad\xa3F\xcc\xcb\x15V!\xaf3]\xf0G\x8e\xd6 \xc1\xab\x18\xfd\\8\xf8]\xbdCO\xba^\xe4@y\x98n\'\xf2\xa5yg\xcb\x15Sy\xe6&lt;\x9aL\x8d\xc1fj|\x9bH\xf3\xc6\xdb\xb2,\xcb\xefi\xe0\xb0,\x0b|\xeb\xbd\xcbO\xca\xbb\x0c\xc0T\xcb\xacD\xa6Z\xa3\xb6s\x8f\xb5\t\xd7\x1b\xd8\xe4\x9e\x19\xe8\x0b\xc3\xab5\xba/\xc7\xaa\xb8\x1f\rx\x82\xa71s\xf6\xa5TH\xd7\xbc\x17\x9ba\xbc\x1a\x0e\x82"\xa2\x99\xe0h\xb7\x98\x82s\xc0\xf4:\xe6\xfb\xf5\xd0\xc4\x86I\xde\xaf\xafo\x924\x8a\x1c\xb2x\xd0pO\xe5\x00\xb3~Qo\n\xf1jF\n\xaf\x10!\x8c\x94Aw:\xd4M\x07\xd1W\n&amp;vq\xaa\xe47\xc4\xeb\x1e\xfb\xa7s\xe1\x15\xc6\x18\x08\xb8\xe1\xc0\xe5"?\x96\xa1o\x9d\xbeX\xebu\xe2\xf3\xda\x08[\xde\x11v\xb8\xe3\rG+\x80`\x92\x9f/\xbe\r\x91\x92\xc5\xb7\xfb\xf5\xed&amp;\x15N\x19\xeav[\xe4OF:EX \xaeM\xbc\xc8S\xa0\x19\\\xe5(\x18r\xe3\xedv;\x97\xc5:i+_b\xd7\x86O\x02X\'i\x1f\xcb\x8c\xdcn\xb7|z\x00\xfe\x8aU\xb5\x94\xc9\x8cG"\xb7\xdb-\x1d\xac\xc4/W\xfdj\xc4\xb7E\x1cy{\xac\x86\x1bq\xdd\x88,e^i%k=o\xef;\xfe\x00\xf8\xe0\x8e\xdce\xd0\x8e\xf0\x8d}\xd4\x08p`\x1e\xca\xcd\xf3\xc0\xb3\xbb\x02\x13\xe8P\xe2\xae\xd0$\x9b*\x15\xa8\xd3\x9f\x93\x9e\x0c\xcd\xac\xeb\'c\x8d^\xe6\x1d\xfe\xab\x1b3[\xfa\xba\xa0\xec\xde~\x9c=\xa0{?\xf8\xaaez9\n\xdc\xd5(Dtb\x9b\xc7x\xc8n\xcd:\xe9\x83a\xb3B\xd8nE\xf8\xd1\\0\x87\xb9\x01p\x14c`Ef\xd9n\xe7\xf8Z\xf8\xc6ergy\xc2\xe8\xdfO\xdd\xd3\x99b\xc5\x197\xa6\x01\x0bN\xf7-\xad\x03\xdd\x92\x89n\xeck?3\x98\xcd\x1f\xd9\x81\xcf\xfc\xb5\x7f\xa2\'y\xf7~\xf1oxId5\x99\x1c\xa7P2p0\x00\x00\xe0\xaf\x1d\xad\x85\x05Z\xef\x06:\xf70\xcf\x18\xb8[_\xaa\xd4`2\xdc\x8b\xc4\x0cG+\xe5\x10\xb6$\x03QI\xf1\xe5v\n\\oD\x01\x12\x87Lu\'\x0f\xb3E1vg\xa0\xff\xf1\x0c\xad\xf8\t8_\x1b\xd9F\xe7\xfe\xf7\xdbr\x9a\xbe\nt\xe4&gt;\x93\xd0\xc0hT\'\xf9\x95\xbd\xa0\xf1}\xf9\xa9\xde\xb2P\xe7!\xeb\xfa\x9fa+ \x17?R\xd1\xaaUR\x82\x1e6\xccx\x0e\xdb\x9a\xbcr\x0c\x99\x081\r+\x06\x7f\xed\xe0\xf0\x808\x00#\xc7\xd8\x9e\xea\xbct=\xf5\xbc\xba\x1c\x97\xb9h\x12\xf0G\xcc\x8d\x01\xeeFK\xcf\r\x02\xc7\xc2\x7fr}\xd9\xf5\x84p\xe86\x13\x85{\x07r\x9c\xcb\'\xd27@\xba\xf2\xaf\x90\xf5\x90}\xb6\xb9\x18\x8fy\xec\xf3\x0322\xd3k\xcaU\x02\xcf\xf3C\x8e\x95\x17\xa3\x00\x8fy\xb6\xe4\x17\x83\xee\xc5\xd9\t,\xd3+\xab\x8d\x157\x06oz^\xc0\xf7v\x942\x8f\x81\xd6w\xdbP\x95N=\x95/\x8d\xf5\x15=\x1fn.\\\x8e@\xa5\xae\xf1\x92b\xeb5\xf7Oq\xb4&lt;\x04\xb6u\xec\x84T\x9f\x96\xaf\xf8M6\xac\x11\xe8\xf2 \xfah\x05^\x05\x03^\xc68\xfb\xf4d\xa1\x01\xfe\xf0X\xe9\xb6^\xa3\xbeq6C\x02pa5\x92\x899\xd7N\xf5\xc2\x98\xb7\xaca\xa2\x02\t\xaa^\xd5\xef\xf9d\x8f\x19\x9f3\xd9\x00\xc0gt\xe6\x7f\xd4\xc0W\xf7P\x7fcn\xca\x99Z1x\xe3u\xecS%\xb4K\xd5\xa9\xbc+\x89\xcfi\xe8;\xb5/M\x8d\xea\x1c\xdfow\xfc\xda\x917\xeb\xae\xbe\x00\x00\xf0U\x96^\xc9\xf5\x08\x7f\x95\xac\xdec\x97\xcd\x89\x16-\x8c\xadO\xc9o\x0b2]\xfcD\xf3#\xdd{\xf2if0\x80\x03\x0e\r\x03\x00\xdd\xe5W\xdf\xdb\xf1\xad[\xa9\xe1\xc4B\x19\x83\x96\xb3\xfb\x1e(Y\xdb\x0f\x7f\n\xd7\x82\x1f\xb7\xaaE?\xcbU\xa9\x17\t\xe0\xf4x&lt;\xd9\xef\xfcv\xe3$\x80\xce_i\x11\xf2\xbf\xa4\x91\x87=r\xf0\x05\x00\xc07\x8a\xc8\xfa\xeb2\xa3\x02\x87\x0f&lt;0\x14\xbd\xdf\x03\x19y\xaez\x88\xefV\x85\x8e\xd9\x1f\xd8\xd4\xe8$\x91\xdc\x15\xf5~\xf5@B#\xdb\x83\x96\xf7{&lt;\xc1fty\xcd@\x0c\xff&gt;\xd1&gt;V\x8d\xeb\xa3t\xaf.\x8f|_\xd2\x89%0\x1b\xa6z \xfbEF\xc6W\x03y\x00(s\xca1\xf5\x04$\xe8-\xab\x14\xadj\x9f\x04\x93\xabw\x02P\x0e\xe7\xee\x88\x03\xdc\xda\xc0\xffJ\x0e\xd4o,\xa7\xb3\xd2\x80p\xd6\xc9&amp;\xbe\xebn\x86\x89\x9bA\x87\x00\x07\xb3\xc3\x91\xdbUW)]1\xa1J6t\x1a\x07\xc0\xa4\xff\'ya=\x8a\xab\xf7k~x\xbf[\x1d\xb0j\xd3\xdcn\xc0T\xed\xeaF\xe1m\x0c\x1fW\xadF2\x0f\xf4\x8204Sa\x9d\xe2\xd9\xa6T]\r\xaf\xf7+\x0eG\x8b\xd6\x8dC.\xa7&gt;\xffx\x90UO4\x91\xe3\x0fm\xbc\xc4I2\x16\xbco\xbb\x1c\x9d\xe8\xc0hd\xaf\xa5\xbb\xc4t\x89\x8f6\x07\xaf\x96\xdeO&amp;"AS;+\xf8}\x8dHT\x074\xd4\xb93\x1b\xb2m\x1f\\\x1b\xb8I%^(\xf3Q\xc3\xc7C\x9b\xba\x94\x89\'&gt;\xb0\xec\x1f\x85\xf5&lt;J\xee\xc4X\xae\xc0\xd1\x1ah\xd0\xf2Hc\xd8H\x01\xben\x8c \x06\xff\x98\x80f\xe4\xc43\xb6/7X\x02n\x1d_\xa0\xdaU~\xec\xf6\xdaKJE\x87S\xad\xd0\x97\x80\xa3\xab\r\x8cJ \x918\xa1\xaf\xb5\x1f\xe9\xf0w\xe5\xb3\x00\xf0e\x92\xf3\x9fiW,L9\xbf\x19$\xe6\x05\x8c\x92\t\x9a\xf0\x9f)7\xeb\x89 \xb1o`9I.\xb2\x03\xa6\xf5\xc3\xd9\xb1\xd5\x8cD\xbb\xa3 -O\x97Gg\x8d\x1c\xccrU\xe3]\x89\xbb*l\xb0\xff\xe1\xab\xaa\xe1pCg\x7f\x9b\x94\x1eH5\xa7\xf4j\xd7\xb7\xfa\xf8\xc7\xc0\xb0M\xa3&amp;\x0c~\x0c\x13\xb0\xe0\x90\x192\xbc\xceQ\xe7\xa9\xaf\x8b\x8b\xfc\x9a\xd3\x0f0\x8e\xfbS\x9c\x17\x81C!\xa2\x91\x05\xf0U\x94\xc4\xf4\x88\xaf\xe7Qm\xcf*\xa4\x1fkT\\\xb8p#\x0c\x06&lt;W\xe0\xf0]K+\xb3\xac\x88+OW\xc7\x17\xfb\x82\x03"\x01g\xb3N\xe7\x84\xc4=\\\xb6\xb6\xe9QL\xd9^\x15$\xd9D\x9eka\x06\xae\t\xb2\xba\x19(k\x00\xd2b-\xd3Dq\x10\xbf\xd2\xd3R\xe4\x8f\x1c/\x86\xd6#\x8bn\x9c3\xfcP\x03\xffr\xa7\xd8\xa2\x89\xe8\x91\xc3\xd8\xf7Y\'a\x12\x08t\xc4\x16\xc75\xcf\x06V\xd2\xc1\xcf3\x87\x05\x01\x83 A\x08s`Bv\xb4\xf5\x9a&amp;BU\x9d\x8f\xba\xafM\x0c\x8d\x1e4\x8f\xc5\x02\xaf\x08\xd8\x85l\x8c`\xff\xf2\xdcB\xbb\xacy%\xc0\xa7g\x0f\x03IN\xb1Z\x96&gt;\x0frz\xf4\xf5\xea\xf8\xd8V\xeaE$\'\x906Ep\x89\xf2\x9a\xc6Mj\xe0\x10h\'\xf0\xd5\xa6\x9c9\xf9\xb1\xf1aZ\xae\x8a\xde#\xbd\xa4!]\xc6T\xf5:\x973\xa2v&amp;\xccC\x94\xc7\xf5\xd7\xb7\xb0\x7fal\xf1k\xffqOcz\xa1\xf0\xa0\x02v@\xdc\x1c|rJ\xe9\xd0\x89\xd8\x86\xc3\r\xe2\x0b\xc3\x14w\xf5\x8a\xa3\xcc\xdb\xb8m\x92&lt;\x840\xf3\x0f8\xa0\xa3\xcbv\xe2\xab\xc7\xe0#\xf5\x17\xc4?u\xb4\x026P\xe7*\xaa\'7\xfb^o\xc7\xda\xeb:\xb4C\x12j?\xceE\x92\t\xd9\xabq\xcf\xc6\xca\xabk[y\xfaou\xd3\xece\xf1x\xd88M\x06\xf6*\x16\xaaD\xcc\x0b6\x12\xfe\x87 U-\x8bL\x83\xd5\x9e\xd9Jr\xfc^\xf6n\x8f\xd3\x95\xe2\xe3\xef_\xdbw\xb3\xa9d\xfbl|\xf4\x05\xf8t\x8a^\x98\xd2\xb2#M\x8a\xc6\xe6\x06k\xc7\x86\x93R[\xbf\xc0\x1e\xb6\x1a\xe7\xbc\xe84\xd2\xd5\x9by\xfe\xef\xd5\xac@V\x16\x19\x8aS\x17\xd1\x01/ds\x08\xbb\xf6\xf2\\\xfe\x0f\xafdT\xd5Lt\xac\xb8\nE\xc0w\x94\xb0e\xeez\x01\x00\x00~\xe5\xe1j\x9c\x186\xfb\xbc\xa6QQ\x97\xbf/\x84N\x8b!\x95X_r6\x19\xa3p\xe1\x95(\x1cYV\xf9\xaa\x0c\x92\x16\xce\x94\x1b\x18\xca9&gt;m\xf0\t@\'\xc9\x1bw\xe5\x0eW\xe3\xca\x90\xe7\x7f\xf7i\x903\xbc\x86\x07PK\xed\x02\xa3\xe3\xb7\xfc\xfd\xbc\xa8\x9d\x99\xc6\t[y\xb21\xfd\x8e_\t\xcf\xc7\x15\xaa\xb8\xdc\xa3\xfc\xafb\xcd\x1e\xfc\xfc\x9e\xdf\xbb\xaf\x8e\xa4Z\xd9\x17/\x87i\x94\xe3\x90\x10\xd9O\xa8v\xe1\xcd\x96!t\xca\xf7\xd3\xa3\x83\x02\x9a|\xf0\x9f(9\x93\xa1p\xff\xa4\xe7\xa1\x86\xe3vSK\xac\xaa\xcc\xb4\xd9\xa8\x13f[#\xf3\x82\xb1\xd4\xfb\xd2U\xaa\xa3\x94\xb3`\x86!\xac\xf5\xe0\xb4\x98\xc1J(\x18\xb5\xa8\xc3\x10/\xfe\xed\xbd:YU\xc2\x15=\x86r\xd9\xb9f\x85f`\x04T\xc78\x7f\xa3\xbf&gt;\xaf\x86pu\x15\xaa\xe6\xaa\x9e\x08\x0bS\xa6\xae\xce\x15\xd2a\x87!\xd5GG\x9d@\xd5\xe6\x12\xcbd\x1c\xbc\xca\xfcv;D\xe6\xb0\x03\xe0\x97vd\x9e\xcb\xf2\xdaH\x9c\t\xeeC\xb61lW\xe2\xd4s\xe7?\x0b\x8d\xdd\x1b\x1et1\xc9C\x1e\xc7\xa9v~\x91fw\xcc\xc5~\xd7.\x81Vx\x19=\xe6\xae\nc4?\xffB\x12F\x1cwq\xe8\xad\x1e\n\xb4\xb0\xedv\xd4Sa\x0bO\xa8X\xed\xae\x1f-")ZA\x92\xf6\x80\x0f\xd4\xaf\x94\xf5Q\xe3\xaaX\xcd%_\t^\x12\x8f\x02\xa5@\xcb\xd8e\x87\xd7\xadR\xc6#\xd3\xb6\xab\x87\xec\x1f5[\x04\xa9v3Zw\xa7\xc8_\xf38\xa1\x0b\x18\x13S\xf4\x8f\x0b\x93,}\xa7\x89\x90\xd6\xad\xbe&lt;\x0f4LY\xb5\x99G\xf7\xed\x0e\xea(0\xc9\xf1\x9a\xa7\x02\xc9\xdf:1\xb9B\x15\xc4\x14}U\xf4\xf8\xda\xfc\xf0\xd9\xb9\x1a`\x0f\xac\x1d\xef\xe5!\xfa\x0f\xb43\x19\x89\xd2D%\x01\xf3\xb1\x85x\x0c\\\x0e\xa3\xba.\xfec\xadd\x96\xfd\xcc\xafM\'\x1efT+n\xcdyL\xde\xabY\xbb.\xdc\x02R\xe0\xe1\xffy\x0b\xbd\xe6\xb9\t\x1bU\x1a\xb6t\'x\x9a;*z\xd6\x12\xc0OUS\xc8\xf5@\xd7\x8c\xbf\xe5\xaacO\x16\xd8\x1f\xadR\x96\xd7\xedf\x91\xc4VC\xfc\xa5\xba\xf8\xce\xe2\xf8M\xc6\xab\xc0\xa5\xdcs\xe1\xc93\xec\x93\x00.\xe5=]\x87\xd3\x89\xf9\xfd=\x16\n=$.l4Q\x87?\x0f}\xf6:T\xde\xaad4l_\x95\xed\x96\xdf\xf4\x9c\xa6\x9c\x9fA\x87y1~\x92b&gt;\x96\xb6\x83~G\xfb\x99\xe7B\xe54iP\xc8\x99H@\xef)\x1d}\t\xf6\xfa\x98\x99\xf4F\x16a\xd3\xc6\xaaty\x0e0\xd3dO\x92\xab\xe2\xcc\xc8\x98W\x95\x8e\xb0\x93cd\xe8o\x7f\xc1\xc0\x17\xe62\xaa \xfe\xe6\xb2W\xb2,\xbf\x88\x12\xd1\xaf\xc4U\xea_]\xeaD{q\xa1\x05\x1d\xed+4\xcb\xb2|&amp;\xad\xa4\xc1\xb4\xa8\\\xf5x\x86\xa3T\x12O\x93\xfb&lt;\xc1\x0f\xcd\xd1+\x07\xaf\xf2SL\xd9\\ \xaa*\x84\x0cs\xb5\xefj\x14M\x95u-&lt;\x1d\xb9\x89\x85\xaa\x885QI\xad\x8b\x11\x92r\xcfC\n\xc2\x96\t\xfd\x1bY\xff\xc2&lt;\xe5\\^\x1c\x05\xf9h\xe5\xa3\xd3\xf2\x19f\x04\xd8\x8b\x03\xe6\x0bn\x83\x13\xcb\x85\x91\xda\x91\xb1\xe9Y,\x8e.\xe3\x01B\xc7\x08Z&lt;R\xc2\x00m\xe5\xb1F\x16\xff\x1f&lt;\x1b\x13\x00\xa7\xc9\x1c\xfe\xcd\x94\xf3\x9dt;|\xd0\xfc\x82\xddE\xa7\xafUTZ\xfd\\\xe5jH\xb3\xeen2R\x1a\xbd\x1d\xd7\x0e\x9fjV\xccZ\xb0h9hq\x88O}r\x7f\x11\x00.\xd9\xe5\xfeW\xb4\xf6\x84\xe5\x7fI\xafR\x86b\xf5\xb8 8w\x9det\x14\xbdB\xbc\x983Yn\x1b\x84\xd6\xea0\x80\xdf\xb0$g\x00]\x835&lt;\xbf\x8d\x12\xf9\xa0\x0e\xf73\x193&amp;Q\xa3\x8a\xdez\xb6d\xdf\xb4\xc5\xb4\x8c;\xee\xfc\xca\xe8_\x7fz\xb9\xf5\xfa\xe3\xed\xd2Qe\x1a\xd9V\x05=\x1b\xfb\x1bV\xa0\x86\xbb\\9\xe5!\xe5\xf99\x02\xca\xe1\xf0\x9a\x18\x80/\xf4\x95&gt;\xc3\x9e\x8e\xafk\x1c\xf9\xcb\xa5\x10!\x863\xa3A19\xe4\xf5\xa60\x05\xac\xb7Z\xe2&amp;\x1f\x10\xbbF\xe4\x80\n\xf2\x1a\xd4\xe8\t1\xcb\xd3B\xbb\x08G\xce\xe53\x06\r\xf5\x1e[T:0\xfa/\xcb\x02\xf0\xab\xc5\x94\xa2\x14\x90\xde\xe8W:V\x19\xcf\x166\x0e)\xea\xb9\x13W\xb6\xaf\xa3\x1b\xa3EX\x84uO\x1c\x12\xec\x969j|\nw\xd5\xaaN\xc9\xb4\xbb\x8c\xae\xca\xa1]\xca\xb0\x1c,\xdc\x04\x94\t\xc0W\x9fm\x87Q{\xd4|\xc0\x8a`n\x01\x00|\x87\xc4\x1f\xa8\x0b\xb52c\x97\xa7\xb9\xfa\x996\x86\x9c\x06\\=\xb6\xd2\x18\xd8\x9a\x15:-\xf2\xd2\x15{\xcf\x01\xdeR\xf4\x120\xf4\xc2\x81\xab\x05M\x00\xc8\x03\x8cg\xf3\x1f\xed\xb9\xbc\xa1x\x0f\xa2\xbc\xbb\x10\xe6R)T2\xa0\x86TY\x80\xffU\xfdYk\xd9~x|\x04X\xe0GT\xf4\xd2\x0c\'\xef\x12\xa8@\x92\x00\xbaJ\xefA\xec\xf2\x96\x8b;Z\xca1_M\xba\xb2\xa5d\xf1\xf1\xbf\x0c\xcar\xb7\x9cp\xae)Hb\x1c5\xee\xb4\xf5\xf0\xc0WL_\xde\xd8)\xae\x00\xc0\x9fuf\x19\xe8\x80d\x19\x1f#\xfd\xf0\x15R\x02\x9e\x87\x0f*\xfa*M\x8f\x91\xdax2\x05u\xb5\xfa/\xdb&amp;\x9cA/\x1c]\x98W\xeah\xdd.\xa7\xc6\xdc\x00\xc6\xabi\xe7\xb9\xb0\xbf\xcc\x8d\xa3\xcc\x8e\xf8\x01{w\xf1Pup\xd5\xecBc\xa0w\x1ff5\x01\xd8\x14\xe0}@\xa5^\x0b\x8dV\rw\x1fR\xcd\x17\x16@]\xb5\xb9\xf34\xdd\xe5B\xff\x9e\x8c\xe9\x1b\xa9@\x04/3\x95{yP\xba\x14\xac\x1d\x95\xa7\x9c.\x90\xf3\xbc\x86c\xf5\xc8+B\xb9\xc2\x04 /\xe7\xfa$\xaaO\xf3e\x8b\x17\xad\x8e\x026)\xdd]\xb4S\xd0\xf0\xc5\x15Vi\'dA6\x9d\x06\xd4G\r;+\x97\xcd\xd8\x9c\xa1vN\xad\xee`J*\xf4zma\x8a\xa9\xf6\xe1"\xc5A-\t\xf0\x82\x8b\x03\x87\xe5\x9b[u\xec\x0e\x18\xbb\xf1\xea\xe7\xa3^\x9cQ?\\/\x00\xde[\xd57`\xc4\xba\n\xa9%iK\x00^\x8a\x95\xd7\x0e\x9c\xbd\x185\x0br/\xc3%{&amp;\x1d\xc36}(&amp;\x0b\xb1\x15X/\xe5\xb1\x92\xcd#\x9eh\x97\xa2\xed\xdc#\xd4\x0e3W;N\xa1\xe4\xe9Q\xc6Y\xaa\x18\xec!Z\xae\x9b\x84\x9b0\x9ev\xca+\x9d \xd4\x8f_\xd8eR\xc7h\x94\x9a5`\x15\xd5\x1e\xc1-\tI\x93c\xb6^\xae\x0e3l\x95-\xcb\x02\x7fp\'\xe2\x14n\x1f\x18\x07\xb9C\x80\xeb\xd3\x95*\x1b~\xd7\\\xde\x9a\xdc\xad{\xab\xb7\xce\xa3\xb6\xc6\xf7\n\nR/B:6J\xd6a\xb5R\xe5\x11ea\x93\xae38 *\xff\x8ae\xf9(?n\x8d\x0bp\x9b\x05\xeb\xf6T.h\xf2\xc8p\x00\xb2\xd8*\x8c\xb30\xc4M\x85pW\xe4\x92\x8e\xf2XfEKFcK\x1e\x08\x9fZ\x8b/\xec\xfb\x06\xe4`d\xb7/\xc9\xfe\xa2\xe2\xc8\xfdV\xb3\xaa\x9d\xe2\xa0\xbeKwYe\x02h\xb7^\xa0\x0ea\xb0\xeb\x1a\x13\xddcM\xbb&gt;\xaa%\xcd\xc8U-\x00!eG\x0e\x9a\x87\x04\xaa\xbbg\xc9\xa8k\n\x84\xe7GE\xc7\xf5\xfa\xab\xee-\xfb\xff\xc6\xe5\xab(\xa1\x83#\x99#\x13C\x84\xa1\xd6\xa0fF\x84\x84\x01\xc1b\xee\x91\x00:M\x90\x97\xaa\x14\x0b\x00\xf8[\x1ae\xd4rO\xe2\xb9s\xea\xe9\xa5\x95\x81\x8d\xcb\tF\xb9\x03c\xfc\xb0\xf7\x0c\xb8-%b\xafY%\xc3X5\xc9\rl\xf8(\xecX\xa0\x04&lt;\xff\xee\xfd\x9b\xed\xe2Q\x8a\x8a\xc8dt-\xda\xf8f\xbe\x95\xd9j\xcf\x03\x0f\x04&amp;\\\x1e\x13\xaa4\x12p\xdf7\x00\xec\xb6\x0e^)\x8d\xb8\xe6\xbal\xd9\xc8*\x94\x8d\xf2Z\xae]\xcf!^\x0eH\xad\x91&lt;\x8d)\xcd\xfc\xdc\x14/\x1f&amp;\x17Q\x13\xfd\x82H\xc7\xae2\x01hb\x81\x84\xce6\x0b\xfd&amp;\xce\xec\x13\xff\xbbR\xca2q\xa6\xe1\'\xc5e\xd9d\x1bz\xbe\x16\x81\r\x1f\xdb,\xb9\x17\xa6\x9d\xcd\xa9\x91\xb9Z\xa7s\x1e\\\xb4\xe6\x04\xb9\xd4\t\x92\xbfe\xfb\x0c\x90\x8fn\x0c(\x89\x86\x19\xa7\xba\xa4u\xab5\xb5h{X\xf8\xab\x12\xc0\xa0\xe5\x00\x9f\xed"\x91:iy\x0c\xf9\xbf\xd85.\xe5*\xab$\x00\x1fc\xb8p\xc9\x98D\x020\xa2\xb4#\xe3\x04]EK\xeefm3\xec"\xaa\x96yn\x9b\x9a\x14\xad.\xd4\xa92\xca\xd2\xe60\xd2c\xbd\xa2|QJ\xf1I\x00\x8dKc\x8d\xac_\xabTL\xcey\xd5o\xe5l\x0b\xe7\xc7/6\x0c\xf5Rr\x98*\'\x05c\xbe\xa9lW\x8dz\xbd#\x0e\xdd\xbd\xae\xc6\x9c\x8b\'\x85c\x8e\xff\xb7\xf5rM\xdb\x05\x87\xc8+\xa2d\x89\xcdj\xec\xb3\x97\x81A\xc2\xaa`\xb8d\t\x80-\xed\xcb\xbe\xa4\xa0\xcen,\x9f\x91\x80\x0f\xaae\xb8\xa1N\xbf\x18\xe4c\x04\xd8V\xf2\'(EH*M\rK5f\x9eH\xd4&lt;\xc6\xbcQr\xb0f\xa0\x8c\xd5\xd20Gh\xecf\x88\xf7\xb5&lt;\xde\xeb\xa9\x12\xde\xbd\x84Y[\xc7\x8e\x8a\xac\xfc\x02\x91\xa7;`\xef%\xc8\x91z5\x01\xb8\xa81\xc1\x81FU\x01\x10l6\xddu(\xd7\xb3\xaaKq\xb7h\xc9\xeaP\xb5\x8e&gt;\xcf$\xcdh\x0c\xdc\xaa\xf0\xd7\xa9\x12\xba\xcbnY\x02h2x\xb4,\xc8Gj\xc8\x12y\x8dsm\xabr"\xd2\xf7\xc5\xe0\xa0\x96\xb74\x04\x11l\xd9\xfc\x12\x13\'\x8b,sG\x80\xef\xeb\x1a7m\xcc\xbf\xd5_\x91\r\xd0\xf0\x1f\xd9&gt;\x9cc\xbb\xc527\x17J\xfe\n\xbbC\x87_].\xf7\x04\x19\xc1W\x14\xed\xe5\xbc?\xb2K\xd9Hd\xfd\xcd\x98kRy\xabN\xab\xdd]\xe6^"\x0e\xfeN\x8d\x0e\xeb\xb8\x8a\x00\x80\xffO\xd3%\x90\xc3f\x1a\xc7\xb2\xdd\\\xc7\x9dtJ\xcb\xf12{\x8b\t\xb7G\x064\x96\xea&lt;\xe7\xcf/\xe3\xe03%hE\x96\x11\x90\'^\x94\xa9\xa2h\xfc\xdd$=\xdb}UR\xb5Q\xc86&lt;\xbb\xd0\xbf#\xabk\x9e\xf2\x14*@\xf1Tq\xd0\xe6\xfb\xae\x95\xd6EPI\xe3C\x0c\xd8R\xc4yI\x9f\x04S)s\x87\xd7A\xdf\x13\xbf(\x8d\xb3\xda(VmO\x19j#\xd4H\xe3K4\xe3\xc7\xab\x1e]\x9e\x06\x90\xda\xa2\xca\x13MEZ\x98\x0b&gt;s\xe6\x08T\x80x\xc3\xb2\xc0\xf7\xb4&gt;\xdd*\xa4\xb8\xb0\x99\x08#\x13$O\xd0\xaf\xc4v\xe7\xf9\x8bd\xfc\xcd\x82\xcbzV\xbe\'\xe8=\xa1){m\xb4-{\x192\x1c\x9a\x00\xf8\xc4 QLe6wg\x8dd`\x81$\xacP\x1f\xb9u+\x98^\xea&gt;\x95of\x9e`\xb2L\xd3ph\x1c\x1f\xdf\xfb\xce~r\xab\xaa\xe2\x8eb\xd3\xf0\xebu\xf4y\xf7\xe4\xa2\xddX\xf9\x82jfX\xf2D\xef\xae$h\xa0\x07P\'\x00\x83&amp;-\xc4B&amp;\x0c\xcb\xb6\x91]\x14\xab=\xbe\xa5F\xb0k\xd4\x1f&gt;\x1at\xcb8\x88\xa2C\xa3\x18\x89\x1ax{\xad\xa3\xa3\x0e\x1f\xad!&amp;\x0eF\x1c1\xc0\xe6\xa9\xac-f\xd1Y\x8d\xe0\xf3\x7f\xb4k"\x96\xa5\xceRc\xc0D\xf9\xb5\xf0j\xf7\x13\xfb\xbe\x8d\x15=\xc0\x99_\x0e6#B\xf3\xb3\xaf\x01\x98$\xd8\x19\xd4`\xf6\x13\x95\x15b]\x18\xd0\xf0\x8aN\'\x94\x1b\xc1~5G&amp;\x85\x91\x98~NS\xd1$\xc8\x14\xcergJ#\x8c\xb3Uq\x06%\r\x0c\x11gH\xef\xfa*\xf1Rx\xd4PJ#\xaa*\xafv\x0cN!\x8c\xb0\x1e\x9bV\xa1\x02\xeb\xa2\x15\xed\x84\xf4G=\xed\xa5_\xbfi2\x9f\xda\xabjv\xc4h\x82\x835!s\t\x99\x10\x00\xff9Z\xbc\xaf\xd7h\xd2\xca\n|\x95\xc5x\xf5{\x17\xe3\xbbXO&lt;\x11\xd11\x8c\xad\xc3\x8at\xee\xd6ge\x1f\xd0?\x08\xce\x8c\xde\x03\x84\x8f\xe8\xca\xbe#\xba/\xf5\xa2zm\x14\x07{T\xc9Zd9\x024;\xec\x95\x92\x0f\xeb\x8f\x8b\xb7n-%u?#\xa8j\x97\xea(\xb6\x16\'?y]\x18J\xc5\xa5\x8f\xa3\xb8\xf0k\xd7\xcawhBNiu\xb65Z\xf7\xb6h8[c\x04*\x9aoY\x9cf\xc7\x80\x91\x0b\xbbL?\xbe&lt;I\x9a\xda\xd1\x87J\x96jS"L\x90Bn\xbb\x163/\x8d\xb8\x88\xfb\xad(\xedWu\x85\xd9\xca\xa5\x0c.5\xa3P\x84\xcd\x0e\xc2\xd5\xdebb\xc9\xc1\x85\xb6t\x92\xd0\x19\x0c\xd2\xdb\x91|\xe7\x88\xbfe\x86\xaf\x86\xcb\xb2\xfc{~\x12\xb5\x9a\xf5\x8e\x0f\x92\xc3g\xb4\xac\x996d\x1d\t\xaaT\\jk\xe0\x95\xad\t\xa0\xaeA\x84\xfb*\xa9\x02B:\x8d\xe8g&gt;\xb0\x14\xfb\x0e\x1b\xaf\xc6\xfe&lt;s\xabz\xb64\x90\xac \x9bX\x11\x98\x15h\x0e\xc1\xa2\xeag#\xdez%\x1c\x10\xe9|\xa9\xe1\x12I\x84\x11_\x92&lt;\x02\xcbRs\x85\xf4\xee:\xdb\x16\x87\xfb\xee\x07\x07\xa3\x92\xfc]W\x87k\xf1\x1a`\x7f(\x06`\xf9\xdb\x84D$=\'\xc8\xdaq\xe6\x02\x9a%\x11dK\xec\x9d\x16\x15\x13\xe0\x14L\xe6NNG\x01\xe0\xab\xc9[d\x17H\t6\x87\xd9\x9b8\xf3O*\x1b\xadm\xfc\x04\x89r\x12V\x8dE\xa0W\xa0\xa5\x8c\xd5\xd6\xc26\xe9\xa8\x03U\xbb\x98\xca 70\x92\x85\x8a\xf1\x1c\xf4\x1a!\x1c\x94\xc1t\x81\xdfd\x15\xe7\xd7\x85W9\xb5\xadOu\xf9\x91\x8823\xc4\x97L\x85]\x16\xaf\xed]\x98\x8a\xa1%\x1a\x08;\x02&amp;HX\xc5\xe3&lt;1\x11\x12\xca\xc0\xb24\x1fPh+\xb2,gP\xbd\xb5\xf9\xfc\xce\xf9\xf3\xe5\xaa\xe8!\xd9U\xa4\xeb\xd0Q\x84\xb0\x17\xbe\x8a\x08#\x1b\xd2jWxIg\xca\xcf\xea\xae\xb1,f]TZj+H(\xa6\xae?V\xf8\xb8Ok;;\xbe\x9a\xec\x87\x192\xf7t0\xe4|Ct\xc6\x1a9z\xbc\x8b^\n\xca\xc1\xcb\x0b\xd0Xo/\x8e:%\x80\xbb\x92\x1a&gt;\xc2\xf6\x1ep\x94\xa4\x8a\xe0\xda\x1d\xa3kn\xf8D\t\xd9\x97\xd8\xf9{f\xb2\x07O_vCpF\x9dG\xa0j\x17&amp;\xbe,\xf41\x1f\xcaA\xaa\x92\xd2e\xb5\xeb\x1ci\xe7{9I\xd7B\xbe\xf5\x11\xb2\x1a\xb9/1\xf7\x1dPwS\x99Rb%~9\xa8tSM\xcaJ\x94( \x15\xc4H!\xdb\xcbS&amp;\x914)\x0e\xa9\xcbG\xcc\xc3\x00\x00 \x00IDAT\xf7{\xe4\xc2+\xa0\xb7M\x8e\x8d\x02^\xe2\xc8\xe4\xd1G\xd5\xbb0/\xe6\x8c\xe73\xffq\xe5\xd1\xd7E\x03^\x84\x87\x0cU\x1dP\xb6H\xcfa\\\x1e-\xe8\xf7\xcd\x99\xfbA\x02/\x89H\xaf\xe2H\xcd\xc0y\xe4\xaaI\xf9G\xac\x97\x02\xf5$\xdf\xcd\xb8\xad\xd7\xb1\xc5\xf5N\x13A/\x10\x1f\xb6\xa8D\xbb\xf2\xb3\x88\xeb\x95\xe1\x86H\xe9\n\x80\x0f\xe9\xb7\xa9*#\xfe\xe3\xa2\xd7\x7f\xbd#\xd5h\xa1\x14\x161\x00\xdf\xd6r\x8apF\xe79\x1e\xd9f\xb6\x8c\xb7I;\x12\x8b\xab6_\tl\xa1\x9c\xd9\xb4\xb6g\x06\x15\x0f\x10\x9ft\xad9@\xab!E\xac-K\xcb\x0ba\xf7v\xa3B6\xe3\x03\x97%\x00\xbc\xff\xf3\xa2\x07s\xc3-\x84\xb8Q\x8d\xb6\xee\xbe@#\xc3\xdahch\xb6s\x14\xfb\x0e\xb8[\xf0\xadE\xcbz\xdd}\xcb\x96\xfc\x1d\x00\x97\x90W\x97\x82\xc9m\xe4\xb0\x08\xb2\xcb\x07\xa8D\xb8D\x7f\xc8\x9d\xc4\xc6\xd6\xac\xc6\x88\xe9\xdc\x8b\xeb\xc3\xb6\x07\xd7V\xa8\xdc\xb8\xeb$\x94\x93\x1c\xa1\x7f\x04$\x8b\xab9\x82\x0c\xcd7\x8c\x1aov\xe5V\xb6\x00}\xb7\xec\x8bn\xbc|\xb3\x17\xb2\xa8\xcc\xac&lt;\x94i\xe6!\x96\xf5\x13\xa4\xf4\x03\xdd\xcf\x9d!\xcf\x11\xdd\xa8\x01 \xcf\x9cy)-:\x08\x01\xc5w*#\xfa\xbb\xa1}\x93\xe5\x98\x00\x1aa;|\xf0sS\xe4\xdcVx\xb7\xa4D8$\xc5\xf5/\xb3*\x96\xb5\x1f\xb2\x90\xe4B\xdb\xd5C\xc7h\xcfs\xc5^\xc7\xca\xa9.\x88\x91\xdb\x0f 0\x8eD\x8f\x91\xae\x15\xa9@\r[nG\xcb\xcf\xb7a\xce\xda\xae\xa1\r\x83\x05S\'\xfe.\x16`\xec/\xcfs\xd5u\x98\x9e\xdd\xd7\xb9\xe98;i(\xe1\xe2\x04U\xad\x83\xec\x9f\x1cwf\x8c\xdc\x82L[\xa5\xf1\xf4\xf5\x04 H\x816S(*\x83\xa4\xcb1U\xcc\xe5\x81Z\x95*K\xb3\x96\x13\x81\xf2\x1d\xa1_\xa9\x8aY,\xa6\x8b\x94I9|\x8d^\xae\xe4V5\x9a\xfbN\xebj\rU&gt;\xa3X\xa9(\x1f\'iN\xdb\x0b\x83\x1a;\x0e\xefjT\xe1\x18\xa0Cm\xb4\'\x1fF\xca\xbdWF\xffUq.\xa4\x05\xc0g\x0bhf9\xde\xe9\'\x0e-"\xd2\xed\x8eK\xa4\x10V\x8b\x8c\xa4T%\x94U1\x84\x8aJ\xdc\xedR\xb4\xac\xbb6#\xa2%\x85\x16\x86\trq\xcc\x93F\x9c\x0b\xa8]\xdf8\x9es\x8c\x07\x80\xaf\x10\r\x1b,!=SD\x00\x00\xc0\x8fU\x15Si\x95\xf4m\xe5v\xa7\xad\x9e\xfcP5&amp;\xd3NK\xb4\x8c\xb7}\r\xbc#\x99\x11\xa1D\x9d%\x8dzu\xc1\x96G\x7f\x8d\x0f\x1f_\x0e\xbcm\xb5\xe9\\B\x93b\xe9\xb0\x0bl\xc16Yd!\xb2;\xde\x9cI\xf7\t`\x8b\xecU\x9e\x9d\xe8\x7fs\xd6q\x7f\xed2\x8a\xaa?5\xb2\xddZ\x88\xccQ]\xde\xb6\x04\xd0\x90&amp;+\xb1\xa6\x85\xf3\x9c\xab\xd1\xcbV\xd0|0mJ\x00\xdd\x13\x8f\xb6r\xa2\xb8I\xc8\x98v\x06\xef.7\xc1VV\x17\x07\x1aq\xe0\x0f\xa6i\xdf\xc2\xb3+}\xda\xd1}F\x05\x05E\xe5\xf8\xbeQ\xba|P\xf2\x83\x9d\x1ei~QN\x1c\xba\xe0\xe7\\\x90\xbcV\x99\xda*\xe2*}IY\x88[\x00\x96\xff\xb7\x98\xd3$:\x1b\x0f?w\x1f[J\r\xc1~\x0e\x0f;\x82\x94\xa0\xb2\xde\x9c\xde5#\xca\xf4\xd8)d\xe4r\x1b\xf8w\xd2\xed1\xec\xb7p\t`\xbf\xea\xa4l\xe5\n\xc8)\x85\xb5\x95\x84\xb3\xa3=)N\xb3\xadIF\x19\xf8uL\xaf.\xca \x824\xfb\xda\xd5\xb2\x8dE\x1bg\x13\x19\xeb\xdd\xea`{e\xcd\x92\x15\xa7\xd2DE\xf9\xeah9B\x19\xb0K(\xbb_i^\xef\xa3yTp\x9a^\x06A\xdb5\xa2C^\xd8\xb6O\x93\xaa\xbd]\xa2\x0b\x87\x1e\xfc\xd7&gt;\xf2\xd2J%\xa8\xdc\n0\xdcJ\x1d$\t@\x05\t\x97g\x86\xf8\xb0T+\x9c\xcc\xe4\x8dY\xad\xa6\xea\xfb\x8a0\xc7Tm\xe4\xaa3L\xca\x07Jb\xcb\x8cR\xde\xef\xc6P|\xee\x99v?\xdcG\xa9\x04\xd0O\xb1\x1e|\xd9\x92\xb3-eb\xbd\x85\xa1\xfci\xc9\xedc\'\xab&gt;y\xff\x86\xb2}G\x93\x06}\x82OM\x84\xc3\x10\xaa\xe6\xad\xea`\x10\x14\xf0\x84\xd6\x0f\xccng\xa6\x1c\x83\xaa\x1d\xca{.A\xa0\x94\x0b\xdf.\xeb\x88U\x85\xee\x1a2\xdd;\xc5\xc1\xc1\xa9\xf4.\x8d\x97\x97$\x00X\x9a\x07^q\xb3=k&gt;\x8eW\x98\xd44\x04k\xe5\x07\x1eO\xaaQe\x02M\xf8\xf0\xe6*\t\'\x90\xd0t\xf0\t_\x0c\x8e,\x12\xdc\x8d\x06\x7f\xc1\x85\x157\xbaN\xd1\xaa\x07\xdc\xb3J\xd5{%\xd2\xaa\xb9V\xc2\xa1qd\x92\xac\xb0,\xcb_V\x1d\xb2c\x0c\xd3l7\x0cwq\xbfo\xa4\xc8\xd7D\xea\x1c\xbesl&gt;\x80\x92\xad@\x13w=\x90:\x9a\xb8\xa69\x90\x9c\xd1"]\xa1I\xad\xe8\xab(\xc6\xdfn\xc6l\xf9\xf5\x8e\xa9\x12?\xa5\x8bK\x96*)mY\xe7@s\x95\xda\xc2A\t\xe9\x1c\xb0\x19\x05M\xfb\x9d\xf086\xdd&gt;Z\xa4\x8eTX\x05\xadk\xaa\x86\x90\x91Rky\xd5A[\xc9:\xa2\xbd\xbc\xad\xf0\xc7$J\xfbN\xe66=\x0c\xc5\x9f\xd4e\x17\x0bjOo\x93\xf2\xfb\x15fEW\x8f\xe3\xaa\xa2_\x08\xc2Z\xbe\xeaq.f\x95\x17\xb3\xda\x15\xe0&gt;\xe7\xa5\xbb\xcb\xb7\xcc\xbd=\x90b/\xdf\xbau]$\xf8\xa2\x9dcY\xf6.\xf5\xab\xb1\xfb\xd84\\\x15\xdab\x1fxpxW\xfa\x91\x17\'\xd1\xc7\xaaN\x00\x03e\xd0\x16CW{\xe6\x85\xaa\x8cg\xfb\xdc\xd7\x15{z\xd8~S\x8c+\xa0r\xc7-\x10\x0b;0\xac\xe4\xb2\x927M+kO"W\x10\xc7\xd7\xba~\xab\xe6d\x0b[ \xbf\xe8\xd5\xcc\xca\xe6P\xaaI\x97D\xff\x92\x0c\xe0\x7f\x16r\xf0\x02_\x8a\xc9\x0b5\xb3\x94e\xe7\xb7\x0f\xa7\rt\x075\xbbf\xcf\x13\x963\x06\xe6\xc4R\xa9\x97)rI\xe9\x82D{\xbd\xa9\xa0\xe7\xb9\x95\xd7L@\x84\xf4\xaf\xect\xbe$CZd\x0c\x1d\xb1\x8e\xf1n\xc6N1\xcc\xe0Ei\x8f\x16\x0fG\xfd\x10\xa5\xc4\xfb&amp;wQ5\x1a\r&amp;\\\x83\xaa.Yt\xce\xefz\x94\x92)\xddj\x9ceY\xe0\x03\xc5\x99C()\xb0\x82Y\x04Zk\xdaB\x7f\xd9\xe7o\xeb\xe5\xf2KH\xe1\x82\xfa\x03zb\xe5/\x0b[\xa2\xea\x8e\xb3\xfa\x94\x81\xd0\x873\xec\xb1\xd0\xc1\xd1\x10\xa7\xa8[\xc21h\xc7k\xc8^&lt;q\xaa\x00\x14-+\xcd\xc7`\x1d\xeb\xa2\x13\x83\xdbf\xb6qFT4\x15\x0eO&gt;%\xcc\xdc\x02;0\x96\xfc\xec\x07\x81\xba\xbc\x92\xd0\xa4\xa5\x84pBy\xb2\x8c\x8b\xcdI\xd2e)\xf73:\x01\xd0aK\xa9\x0f\xcf\xcd\x004.\xab\xe7\xdaC\x87N\x89\r\x95e\xbb\xbb\x12T\xbd\x02\x1dO\xd9+\xf3\x7f\xf1 \xc8\xcd\x04\xdf\xd2\x0e\xa6\xb4\x1f\x8fY\xf4x\x05tZ\x9c\xccBJ\x16F^\xdcQ\x9a\x08\xd7\x92a+c\x0eOT\xc7\xaf\xebVq\x1f\x0eh\xf8&gt;G\x8b5T\xc6$\xb7\xb9\xd2L\xbf\x00\x00\xfc8\xe7\x8aHD&amp;\xc2t\xdaE"\x9dR\xf8\xce\xc0\xe6\xab\x12z\xa1\xc7f*\xa9\xd4h\xef\x18PC\\twH\x00\xa2\x82K\xf7\xefM$l\xb5\x10\xc7\x05\xbe*Tp\xfbh\x91^\x0e\xd0\x15\x9eE\xe8\xecaj{\xa2\xad\x92%\x87\t\x06\xddP\xa1\xe4-}//\xe9\x92\xbeL\x0b\xc3\xb4Z\xae\xa5\x1fU\xa9\xc2\x85\xb2\x16L\x84\xd2\x02\x18:Yo\x9d\xb3\xbf\xd0\x87\xed\xf3#G\x89\xae\x07j\x91\xb0!\xde\x18\xb9\xb4\xbd\xbc\x80\n^\x15\x12U\x85\x00\xbf\xd8I\xeeR\xee\xf6\xb0"\xfa\xcd,\x07Rb\x02\x9c3\xfb\x91bH))\xd1\xa7\xcaYB)\x10%\xc5\xcf\x11p\x06\x80\x9f\x9b~\xfcW\xa4\xb1\x9e\xe2f\xb8\x95\xd2\xfc\x80RD\xa4\x80Vhg\xbaz \x90\xba\xfb\xf8\x13F\x95\xb0\x1e\xc1\xda\xfc|\xa2]\x0f[\xe4\xca\xe8\xdbW~\xb9\xa5\xe0&gt;\x12\xed\x1a\xd1D\xbb\x9aO\xe2\xb7\xa6s|\x86-\xe5g\xa5q\x9e\xf1W#\x82\x16\xad\xe0R\xec\xba\xde\xc3\xbaQ6/\xab4\x07\x13\x04\x06\xae\x81\x02-n\r\x00\xf0\xbf\xb1w\t\x87\xd7\xbaE\xa5\xa4\xa2\xa5\xbb\x88\xc8\x18vMcB\xde\xa8I\xd7\x8b21\xebL\xb1\xef\xc8o\xb0\x98\xc6\xd2\\\xd5\xd2\x98g8\x1e\x84&gt;U\x02\xd2j\xf2\x91 )\xdc\xe3\xac\xd2&amp;\x1d\xf5|jf\xf7\xd7\xdc\xcc2B\xd7\xab}\xe3\xf71}\xab\xfc\x03n\x05\xa6P\x16\x9d\xbdq\x9f\xf8\xe6{\xe1\xf9\x89\t\xa5D\xca;*\x91\xc8\x11L\xe4\x1d KB\x99\xd9\x16\xcd[^\xa1$\x8b\xf5\xe8]\xaa\x02\xe0G\xa1U\xd5\x8c\xea\x003\xed\xe5\xb1\xcc\xa0\t\x97 \xb5\xec\xfc\x00\xff\x1d\xea\xf6\xd9\xc7&lt;pgwU.\x17\xc1\xbc;&amp;\xb11\xec\x8f\x1a\x80(=\xd2k[Y\xa4%.5\xa18\xc8=[(:\xed\x82\x0e\x99b\xee\xb2\x13rA\xaav\x96\x8d\xb2\x8bE?\x83\x00\x00\xf0\x13Y\x86\xbb\x7f\x82\xff\xab\xa0\x97\xa9\xea\x0b\x00\x00\xf84!eWM\x06\xc0t\xcey\xff\xcbU\x0f\x1an\xa7\xb4\xdb\xc1\x90\xd8\xec\xb1\x80?\xc2\xceDX+\xad{\xbd\x85=\n@\x19\x1a\xc2G\xf5.\xafC\x9dOQ\x07Q\xe9$\xe3)\x14G\x1aG\xcf\xb9\niz3\x0b\x10\x03\x9eRJKV\xe7\x8b\xe3\xf9\xec\x84\xf24\xaa*\x0e\xebUJE\xc92$\x0e\xe6V\xfa\x02\xcb\x92\x94\xafn\xadJ\x91\x0c\xa4\x10\x86f\xbe\x05\x082\xad\x94GEPp\x96\xc0R?\xb2w%&lt;\x91\x18\xb4\xbf\xa0\xe40|\xb3\x92\x96W\x80\xe9^\xe8\xf9\xdf\x96\x8a\xc9\xd5\x13\xea\xe1U\xcd\xa1&lt;\xd7\x8fL\xe008\xe1\xd3 Hc\xc9S\xebfrb\x82\x83.\xf4k\xed\xdfo\x9a\xd2F\xad\x94l\x14\x06\x9bG\x02\xc8!I\xb6\xf2\x88\xa3\xfd\xe5\x069x\x8fgo\x91\x8b\xd6\xc0m\xa31\x11\x80\xb2d\xdbR\x8e\xb0O\x9d\'"b\xbd.nI\x95\xd4(P/x\x1d\xa7\xa9\x05\x9be\x88\xbb\xbdK\xcbrF\x98\x8ff\x11\x7fI\\\xc9I\xb8\xf1FK(-\xfa7\x0e9\xa2\xbf\x02I\\\x18rD\xd08\xb5\xe2}\x86\xad\xe8\xb8\xfb\xf5\x8e\x8f^\xc9\xb5\xe3\x81\x8eh\xcb\xeb\x0c7\t\x93dS\xf1\xb3\x152\x99V\xfd\xaa\xb9\xdd.\xd3\xb1\n\x96S\x16\xa4\xdf\xbb\xddj=\x83*\xd7\xb2\xb6L\x11\xce\xb5J+\x8a\xbf\x90\x8d\xa8V\xf8\xf8\x88\xfe\x1a\xa4\x1e\xb0-^\x1b+M\xc4Y\x051T(\x07^\xb92\x01h\xd3\x9200\t9\xbb\xfbb\xc6.KT\xc5\xdd\x8d\xacZ\xfa1\x8dU\x0e\x94\xc5\\\x12\x0f\xa3\x15\xd3\xab\xe6~\xdf\xbb\xec\xf5\xa7\x98T\xdd8\xa7\xffN\xe5yE\x83t^+t\xbe\xf2\xe2\xa6a\x82Zt\xcb\xb5\xd2,\xa5r\x8d\x07\xd4\xe0\x8d\x08\xf0\x83\x8e\xfc\x91\xbb\xbbR\xd1s\x0eK\xe7\xfe&lt;?\xe6\x02\xe9\xc9\xf5\xf3h\x85\x19\x1d\x1b7\x85\x12\xb7S#$\x18%\xc7,\x19\xc7\xac\x85\x0f\x85\x8c\xe8\x92\xdb&amp;T\xc8\xa8\x01\xe9\x18\x97g\xd9k\xf0)\x8a\xde\x92x\xb2\x966\x05l\xe0\x8dP\xd6\x10hP\xf6R\xe6\xef\xd7\x08\xbcc\x80?\xc3Ka\x8ci\xaaB\xcax\x94^3Jfk\x9e\x13!\x8ek\xb6E\x8b\xea\x96^W\xf5T\rA\xa5\xc6]v:\xfcjJ\xf0B&amp;\x0b\xa7y\xebF\x9ct|\xfc\xdd\xd4\x96\xc9Z\x89Q\x89evD\xf9\xd4D\xf9&lt;\x9b\xc15\xec3\x17%K4\xd0\xcb%#\xdd%\xbd\xf2\x95\x88\xb0]\xd5\xe0\xf6C\xb4J]\x13\xd8\xab\xc3\xe6\x9d.\x13@\xb9\x82\x8aCI\xdd\xcf9\xbc\n\xcf\x92L\x98\xf3\x12z\x8e\xcf\x82Mk\x8bY\xca8\xbe\xd4\xa2\xc33\xdc\xef\xc6\x95e\x8eF\x95\xb2\x84\xb7\x13\x84\x11\x9be\xd9\xb4\xda\x1a\x9d\xb2\x8bB\x8dD\x9f\xfc\x16\xedl\xa5\xc3\xa0v\x03\x99=+1]\xb0\x89\xe4*\x8c\xc8\x00rH\xa6J\xc3\xed3\xa9.\xbd\xa7\xc4\x1c\xd4V\x8f\x7f[\x8df\x13\xf4\xcbm:&gt;9\xc8)\x9d\x02b\xc9J8\xef\xda\x8c+\xa0\xd9Q\xb6\x04\xdf\x84I~\xbdO\x00\xbb\xb1\x94\xc1\xa5\x8ce\x1fH\xcbZ\x8aaR\xfa\xa3\x0e)\xdc\xd5\xa9\xac\xa25\xa0|\x9a\x0c0/\xc3\x9c\x8fl\xf7F\xe9`\x90\x18\xe8\x02\xb37\x88\xc3\xf7\xd0\xf9\x1eS-\xb6\xc7z/5D\xc1\xa21\x8e\xebi\xb2B5\x93^U\xa6T\x98\xbe\x16\xe8\x86\xe9 \x04\xd5A\xcb\xad\x9fG\xbe\x97\xbeK\xb1\xe4\xb7\xc6rPN</t>
        </is>
      </c>
      <c r="E408" t="inlineStr">
        <is>
          <t>&lt;class 'numpy.ndarray'&gt;</t>
        </is>
      </c>
    </row>
    <row r="409">
      <c r="A409" s="1" t="n">
        <v>407</v>
      </c>
      <c r="B409" t="inlineStr">
        <is>
          <t>steps_per_sec</t>
        </is>
      </c>
      <c r="C409" t="n">
        <v>5900</v>
      </c>
      <c r="D409" t="inlineStr">
        <is>
          <t>10.249835</t>
        </is>
      </c>
      <c r="E409" t="inlineStr">
        <is>
          <t>&lt;class 'numpy.ndarray'&gt;</t>
        </is>
      </c>
    </row>
    <row r="410">
      <c r="A410" s="1" t="n">
        <v>408</v>
      </c>
      <c r="B410" t="inlineStr">
        <is>
          <t>Loss/object_center</t>
        </is>
      </c>
      <c r="C410" t="n">
        <v>5900</v>
      </c>
      <c r="D410" t="inlineStr">
        <is>
          <t>0.5103601</t>
        </is>
      </c>
      <c r="E410" t="inlineStr">
        <is>
          <t>&lt;class 'numpy.ndarray'&gt;</t>
        </is>
      </c>
    </row>
    <row r="411">
      <c r="A411" s="1" t="n">
        <v>409</v>
      </c>
      <c r="B411" t="inlineStr">
        <is>
          <t>Loss/box/scale</t>
        </is>
      </c>
      <c r="C411" t="n">
        <v>5900</v>
      </c>
      <c r="D411" t="inlineStr">
        <is>
          <t>0.0828586</t>
        </is>
      </c>
      <c r="E411" t="inlineStr">
        <is>
          <t>&lt;class 'numpy.ndarray'&gt;</t>
        </is>
      </c>
    </row>
    <row r="412">
      <c r="A412" s="1" t="n">
        <v>410</v>
      </c>
      <c r="B412" t="inlineStr">
        <is>
          <t>Loss/box/offset</t>
        </is>
      </c>
      <c r="C412" t="n">
        <v>5900</v>
      </c>
      <c r="D412" t="inlineStr">
        <is>
          <t>0.21455863</t>
        </is>
      </c>
      <c r="E412" t="inlineStr">
        <is>
          <t>&lt;class 'numpy.ndarray'&gt;</t>
        </is>
      </c>
    </row>
    <row r="413">
      <c r="A413" s="1" t="n">
        <v>411</v>
      </c>
      <c r="B413" t="inlineStr">
        <is>
          <t>Loss/total_loss</t>
        </is>
      </c>
      <c r="C413" t="n">
        <v>5900</v>
      </c>
      <c r="D413" t="inlineStr">
        <is>
          <t>0.8077774</t>
        </is>
      </c>
      <c r="E413" t="inlineStr">
        <is>
          <t>&lt;class 'numpy.ndarray'&gt;</t>
        </is>
      </c>
    </row>
    <row r="414">
      <c r="A414" s="1" t="n">
        <v>412</v>
      </c>
      <c r="B414" t="inlineStr">
        <is>
          <t>learning_rate</t>
        </is>
      </c>
      <c r="C414" t="n">
        <v>5900</v>
      </c>
      <c r="D414" t="inlineStr">
        <is>
          <t>0.0009999668</t>
        </is>
      </c>
      <c r="E414" t="inlineStr">
        <is>
          <t>&lt;class 'numpy.ndarray'&gt;</t>
        </is>
      </c>
    </row>
    <row r="415">
      <c r="A415" s="1" t="n">
        <v>413</v>
      </c>
      <c r="B415" t="inlineStr">
        <is>
          <t>train_input_images</t>
        </is>
      </c>
      <c r="C415" t="n">
        <v>5900</v>
      </c>
      <c r="D415" t="inlineStr">
        <is>
          <t>[b'512' b'512'
 b'\x89PNG\r\n\x1a\n\x00\x00\x00\rIHDR\x00\x00\x02\x00\x00\x00\x02\x00\x08\x02\x00\x00\x00{\x1aC\xad\x00\x00 \x00IDATx\x9c\xec\xbdy\xbc\xfd\x7f5/\xbev\x88(iT\x86\xa2\x88d\x88[\\\x8at\xb9\x86\x8bD\x99\x92\xb9\x8b\x9fJ\xc6\xa2(*\xca\x14R\x19\xd3\x15\x92FC\x86J\x1a\x0c\x97J\xa2+\t\xa5dh\xa2\xc1\xd4\xc0\xfa\xfd\xb1\xdf\xaf\xd7k\r\xcf\xb5^\xeb\xfd\xde\xfb|&gt;\xe7\x9c\xcez|;\xbd\xf7\xeb\xbd\x86\xe7\x1a^\xeb\xb5\xde\xfb\xec\xb3?D\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tA\x174\'n\x04oI\x06\xc9\xc3\xe2\x82\x15Q\xe7b\xc6\xca\xbdZ\xc9%\xa522P\xb1BN\x15\xda\x080\xf33]X\x12\x04P\xdd\xfejXG\xaa||\xf8\xb3I\xde2z\xac~\x8f\x1f\xc1\x9e\x85E\x99K\xc3\xb8\xa4[\xfe\xec.(\xc0\xc6\x05\x9a\x93\xc7\xd0T\x99\x15\xacM\x15\x9b\xf3\xa5H\x1c\xc0\x98\xd2;G\nE\xe1\xb9[\xbf\xb9\xc1\x10\xe9P\xd7oI&lt;D\xf4\x8a\x8d\xa6A\xa9\x10\x11\xf3\xfd7\xe9[\x91\x9a\xaaBf\xe6\x7f&lt;\xb6\xd6\xb7\rj\x8d\x86\xd8%&amp;\xea\\9\x8fac~*-\x9bA\xf3w\x86R\xb7\x15\xcd\xa8\tG\xedF0\xff\xc4LYgF\xfdW\xd0\x9f\xcc:\xa9\x81\x97\x1b5R\xdeb\x12|\xb0\x82}\xff\xcf8A6z\xbd\x00\x88\x88\xbfL\x9f\xd02\x95Y#n~\x89\x15\xf9\xd2\xa7I\xb2\x19\x06k8\xe0T\xe6\x08\x14pD\xf6t9\xb8%\x851\x11\x11&gt;\\y\x14\x01\x19.\x93/\x8f\x04j\x9e\x00\x08\xc4\x0f\xa7\xba\xda\xb6k\x92\x89a&gt;y\xe4\xe6N\xc4\xc3S@\xbb\xfc63\xd3n\xb7k\xfe\xef\xcc-\xa9h\x87U\xe5l\xcclV^N\xf4\xde\xcc\x923\xd2\xb0\xc7\xb6\xec\xd7\xb6\xba_\xebR\xbb\xddn\x19\xb7\x1a\x0b3\xef/\xb3|/jw&amp;\xef\xc24\x89[\x996a\xb4F\r\xbd\xb2\xa75\xfc\xc9nw\xd3 ,r\xd1g\xc4\xc2\xd8gv,\xeeh\xa7\xfa_\xd3ID\xec\xf5\xb1\xad\x87k\xd0\xee\xb5\xbb\x98\xc1 \xd9\xedv&gt;\xfbN\'\xef3(\xe2@DV\x8aD\xde\x13m\x11\xf9\xda\xdeLP\xd5\x14F\x11\xe7j0-\xc8\xe1\xe6&lt;\x92\x15\x8a\xb7\xff\xb1m\x81,{&lt;\xd3&amp;S\x14TwO&amp;G\xa7\x9d\xd0h\xf9#\xcb\n\xd1\xbf.\xb7\xfa\t\x9c\xcc \xccD?\xd6\xf9\x17\xfa\xb0\xc8h\xb1cF\\\xc3\x84\x05\xcf\xfd\x89\xde\xcc\xbd?\xa4\xa12\xf33\xdb\x8ag\xe6o\x1c \xed\x83\x82\xb1\xb8\xee\tFK\xb9\x98\x08\x9f\xf4c\x13\xe4\x14+\xe6V\xbb\xb68e\xf0\xe5\x9bH\xf3D\xe8\x97\xbf=\x15\x88\xf4\xd8\x07D\xe0\xdd\x14F\xfa~\x08P\x90\xfbW?\xbb\xa5\xf2\x1e\xc3\x04\xb0\x0c\xfb\xd9%\x165\xb3Np\xef~\x91\xd3U\xf5*+\x17\xb4\x91\xf2\xce\xb2\xa7\xfb\xf8n2\x0bzg\xea-\x8cD\xaa\x8a9c\xf4r)\xc7\xfb\x8a\xeb\xd1\x17\x94bFpM\xbf6^\xf7\xbb\xaf\xd6 \xe56\xde_&lt;z[\xdf\x8f#h\xc1#\xfdI|\x14\xdf\xf7\x92\xd6\xf3\xc5^\x16\xda\x85\xc7\xfc\x92A\xa2G\x06PM|\xd6\x92\x11\xbcc|K\x9da\x83\xe7~S$^\x8f\xe2\x7f\x80e\xab\xfb2\r,L\\\x9d\x0e\x95\xcf4\xeb\x97\'`\xa2N0P\t$y\xae\x9cLx2\x00\xe7\xf6\xbc\xc9Kv\xda\x8f\x14\xf3\xc2\xff\xd7CV\x8f\x9ck\x83\xab\x9ac\xdf\xa8\xef#7\xad\x9cm\xb9Y\x14tmuNH?\x00\xff\xcf!\xf7_B@J\xc7by\xf92td\xa6\x01d\xe6O\xf4\x16\x9d\x80\xf0\x17\xd9\r\x1e\xd1V\x91WdOb\x04\x9eU\x826n\x12\x0e\x12\xdd\xd5\x0es\xfa\xc2\x801:s\x06\x88\xe1\xc0\xae\x02S\xb6I\xcf\x8ca\xa5\xf8\xe9\x9c\x96\xfb1|\xda\xe0A&lt;\x87\x16\xc7)\xa4\xbc\x8f\xf0\x97\xe2\xf5\x9bu\x86/\xca\x1a7\xb7\xa6,\xcd\xf9a\x93\x97&amp;\xfe\x0c!k\xdb\xe8@\x18\xd9\xfai\xbb\xf7\xfc~v\xddJ+Wx\xf0A\xd8\xef\x9a\xee,\x19\x8c\xb3\x16\x95\x8b\'\xf4\xca:\xf2\xf4\xc1f\x94$\xefE\xdcZ`\x86tG\xb7\xd2\xb10\xd1[\xe0\xdd\xd9\x94=%\x9cA?\x9e\x0b\xe5\xdd\xc4\x08Ba\xde\xf7F+P\x0f\xdf\xe2\xfc1\x93\xa3\xe8\xc9\x91`\x00\xef\xa7\x91\x92c\xf5\xa2\x0fpj\x8f\xd8\xe5\xd6\x9eR\xd1\xe2*\xb5\ts\xdcBj\xaa\xce\xdf\x01\xb0\'f\xfe\x16\xbc.;\xd1r}\xad\xb8\x03\x1a\x9d\x8b \\7\xf3\xac\xe8\xc2bZ\x1f\t\xbbr\xef\x05W\xb1\x9fJ\x94=k\xa8\xc2x0\x12\xe9H\xe2\x96i\xe8\xcd\xe2\x17%Ue\xcf\xb0\xe79\xd3\xdf\xa1|\x01\x1a\xda\x96PQJ\xdb:\x82\x91N\xbek\xb6\\\xe2\xe9\x11\x89\x89\xee\x81\xadpg\x988\xa5\xa4\x8e\xf3\\r,Jf\xa6\rRg\x85\xc0\x86\xda\x1a\xdb\x93HJ\xae\xf6\xac\x07\x1f\x90o\xcd4o\xd6\xfaV\xbb\x08M\xa0NjV\x94\xfer3\xe2\x8f\xed\xb2bQ\xbfL\x1d\x01\x90\xd0q\x00\x9dR\x9fA$t\x8d\xbd3\xd1\xe3\xa6mM5\'\xc04\xdb=%*v\xbfq\x1d\x9c\xaf6\x82\xe1\xd3O\x1c\x90v =N\xafOQjf\x9b2T\x0cw\x1e\xcf\x04k\xb4\xd7\xc0\xc0\x0e\xb5\xbdI\r\r1\xcf\xdf%`\x88\xf9\x81\xdbL\x9fN:\xa1\xae\x1d\x19Z5$M\xd9\xfa\xf0w\x18\xb4\xb3F\xb2\x172\x7f\xaa\xb9%xf\xe2JO\xeb\x17\xba\x1d\xc7c\x110Jf\xdew]\x9b\x99\x99_\xa4\xf4x\xcd)\xe0\x00\x0e\x06\x93\xb3\xf1\xef:\x13\xc2\xafzU\xc9G"Z\xdfa#x\x86-r\xbf\xa7\xc9\x1f\xae\xfd\xe2\x12or|\xcb\x1d\x0f\x0fJ\x0f\x0cST$\x1c\\{&lt;\xaf\xa5\xb7\xb5~BD\xcc\xd7P\r:\x98\xc9N!]\xca\xf2\xbeDTqI\xf6\xc4\x07\x12\xbd\x87\xba\x85g|\xf2&lt;Fa`(G\x98X\xf2\xab\xf2\xb0\xd1G\xc8\xe7Dh\x05\x7f\xa1\xfb_\x07\x7fT)\xd2\x9cX\xac\xf3S;n\xf9\xb3\x8e\xf6Y\x08\x7f\xbe\x82|\xb5\xa1\x9b\xbf\xd4\xe2T\xdd\xf3\xa8\xbbc\xb32\x08c3\xb6m\xc7\xed\x0c\x8c\xae\xc9\xb3\xd0\xfe\x8eE\xcb\x83\xefQ\xbd~\xe5Q\xb4\xbc\xadQ\xa5}\x13\x11\xbf\xc0\r\xf2\xa3\xbd\xae\xe8\x98\xd2n\xb0\xde\xdeS\x82\xb7DC\x87&lt;\x92m\xacl*2?\x12F\xb6J\xda\x88\x98\xef\xe6\x15&amp;\xa1c\xfe\xef\t6\x03\xef\xd0\x03\xc0)7\ns\x13\xd1s\xd5\xff;\x04\x93\xc0s\x0c5\xab,\x9e8\x06\xaf\xd0?T\x01\xa9\x9b\x9c\x93\xc7\x85\xb5\xed\xe2\xb2P2\xb1\x9d\x1f\xb2M]\xde\xea-\xdeK\xd9\xa9\xfcE\xb6_\xf8.\\K\xb8l\xeePD\x9c7\xe1\xe0\xcc\x0c:Z\xc1\xf8\xc2\x9cc\x86\x9e\xd64cs\x15y\xd0\x8e\xbfE\xdd:\xe2\x8e\x8a\xce$\x16\x17\xf5c\xefXt)\xfb\xc5\xd1"\xd9\xb4\x81`\xae|\xe6\xebR\x1f_\xb1\xbb\xe6\x8d\xef\x13\xa5\xd3\x80\xe1\xe8t\xfa\x8f\xae\x15d\xfa\xbfj\xaf\xfdI\r}&amp;\x0c\x0c\x89\xa2q\xb8\xee\xdf.\n`&amp;\x80\xcd!\x91iS\xcf\x13\xd5\x13\xc8\xe0\t\xd4:H\x9b\xb7\xf4\xbc\x9e|\xc3et}\xac\x13 :\x00\x0c\x0f\xd5vB\xcerjw\xd2I\xec\xf1\x03\xf3S\xaf\xe1\xaa\xc2\xf3\xd4\xc8.!\x9d\xad\xb0]\xa1\xcc\xb9\xdb\xed\xff\xf7\xe8\x1dQ\xff^\x8coZn\xb8\xad\xba\xdb\xed\xec\x17k\x88\x97\xe6^\xf5{D\n|;i\x1a\x1eMRY\x83\xb1\xb8TH\x9d\xfcz \xe7\xe1\xa2v\xa7#\xb2\x87B\xd1Xg\x8fI\x07r\xda\x07S\xb5\x1daG{\xe8\xc6N\xb3\xd0\x9533\xd1\x03\xf4-\xfb\xbe\xf6L\xd9\x8ao_\xb9\xc4\xdd*\x82\rg\xf9&gt;d\x1c\x9d\xa4\xce\x1d-\xdfa%\x17\xff\xf4\x00\xe5\xdb\xbe\xde\x07~R&lt;"1\x11\x12\x11\xddK\xde\xda`\xdb*\xbftU\xa1\x12q\x9e\xbe3\xc8\x8f{\xdc\xffS[]\xfcv4N\xde\x9b\x85\xda\xed\x90\x14&lt;{\xcb\x0c\xbf\x89\x1d\xbcWO\xacb*O\xfa\xc1#\xc5\x04\x17\xbc\xd3E\x98\xaf\x03\xefF C3\xe3\x81o\xfe\x04`\xb0E\x08+\x1a*\xfa\x8f\xa0g\xf6\xaeH\xdd\x10\xf3\xdfG&amp;V=\xe0\x82\xa7\xea\xa9\xe9\xb36\xb6\x9f\xe0~\xbb\xe4\xf4\xb2\xcb\r\xe0R\x10\x0f\xa2g\xc9\xc5v\xde\xfed,\xfb\\\xc1y \x06\t\xe6 ]Ns\xb5\xaf\t\xbe\x15"\xd3\x16PQ\x84\xa4\xd6\n\x86\x07@*\xb2ts\xf7\xe5\xd8\xdb\xe8\xb8\x07\x00\x7f\xde\xe1\xca\x94\xc2\xc3\xc5W9\xb8\x8fh\xe5\x19\xf1\x9c\x11\x7f\x81~y\xd6\xbc5\xc3\xf19$\xe3U{dcy\xd1:{o\xcd\xe1[\xde\x87\'xt\xa2c\xef\x8d\x15S^\x85\xe7R=al8S\x0fDR\x8f\xbc:)7\xdb\xab\xd1\x89\xc5v\xa3\xda\xe9s\x8f\xb9^\xf3du\x19h\xfa\xfc\xbaE\xe7\xb1\x15^2:CP\x8f@\xd1{\xe9}\xf07\xc5kJy9\x1e\x8e\x06\xc6\x18J0\xeb7X\xb6\x9a\xf3\xd6\xdfv\x92\x1fy\xca\xfe\x1b\x82"N~\xbf#a\x81\xca\xa3~z\x9c\xbf\x80\xdbLkk\x84\xdbG\x12\x98\xf9\xbb\x0f~J\xdeF\x97\xb7\xae\xcf\xd6\xc6\xda\xf0\x0c}V\x89\xf5\x9f\x14Q\x7f/x4\xfa\x87,\xeb\x83\xc1\x1e\x06\'\to\xae|-\xcfQ\x8e\xabK\xf9;\xa8f\xb1\xc5\xfc\xb8j\xdd\xcb\r~\x1dq\x02\x00\x9a\xdb\xc3\xa8\\\xbc\xbc\xb4\xb6\xe8\x8f\xb2_.\xbb\xd7\xab\xc8\xf8y\x86\x0e\x803\x03\xf4\x88\xd4\x1d\xbea\xbb\x96\x83?\xff\xbef\xfe\xbc=\xc3\xf8u\xf1\xe6xMEW\xbf\xfbq\x85\x89\xdaCR\xbb\x97\xbd^t\xf7$\xde\xa3@J\x8f{\xf6\xf8\xde\xbdv\xaf\x1e\xef\xe1/Th\x8e%~\xe2\xca\xb7\xe0\x95\x15,\xc9|\xa7\xba\xc2\r\xd4\x8e\xb1K\xd7_\xbe\xf1\x92X\x89\xe8\xc0\xa2\xba\xbct\xb6\xd0\x1e\x87X\xfc$s\x00\x98\xf1\xf9/\xd4\x87\x82.\x01\xaa\xd5R\xcc\xfc\xc89\x1b\xa1L\xc3\x07\x9d\xb5\xd67HaU\x81\xb6#F\x9e\xf9\x95]\xd9\x93\xba\xf2\xcbQ\xfd\xfd(b\xfeP\xbb~\xc2x\x8e\xab&gt;\xff\xf5\xc0QL]\xb7\x02\xe3\xeeh\xb1\xa6\xff\xc0\x80\xe3\xa9\xe22\xbd\xf7uD:o\xa7\x02n.\xfb\x9f\x7f\x06\xde\xfd\'\xf5\xd6\x1033?\xe180\xe2\xf7\xfa\xb3\x88Gu\x069C\r\x97/\xa9\x15\xcb\xf6QZ\xac\x9b\x8b\xad\x18Lr\xd7k\xd8\xffw\xa5u"\x11\x18\xef\xce\x81\x07\x92q\xb0h\xf4@\x8a\x8e\xed\x95J\xf4\xdb\xad}\xfd\x80\xa4\x17\x057\xe8\xb7\x83\x94x\xe3\x8eO\xf2M\xc2KI\xe7\xee\x00\x80\x8b\xfdI\x1c\x1d\x00t2\x1b&amp;"\xb5{\xd7\x7f\xacBn\x95\x88\x95\x99\x99\x7f\xe8p\xa8\x15\xb2\xc7\xd5\xa5\xb1\xeaH\xb5\x12s\xcb\x9d\xf7\x99\x9ec\x94\x81|\x9a\xc4\x1fF\xe0\xb7\x8f\xe0\x95\xf4\xcf\xd8u]\xad\xd2\xbd\x8e.q\xba{\x0b\xae&lt;|\x80=^P~\x86\xe8\x8c\xc1=\r\x94\x0c\x1a\xedQ\xfdR\xbfW0j\xda\xe1\x81crYm\xa8\xea\x88\xb4ap\x9b\xf2\xdft;\x9c\xd0b=\xadU\xb6\xb9\x1e\xdbyO\xb4\xb4\xbc^\xe6\xdfZ\xa7!\x85w\x94\xf1\xdf\x8a\x97\xd9\x92\x02N D\x1e\xa9\xadQ\xcb\xc9G\xaf4}\xb9H\xbc\xe5xq&lt;8JJ\\\xcck\x0b\xcfo\x8f\xf7\xf8V\xb4\x0f\xa5s3\xce"\x1bzc\xa1_\xc0\xa7\xd7SKvH\xaf\xa1\xdd\xff\xe3\x8e\xbd\xe2s\xe5\'\x17\x80\xe8\xa1\x13&amp;\x88\x99\xf9\x07=\xf3\xa1oy![[\x94\xd4\xdfP:&lt;\x9e\xa2\\\xfd-\xcb\x13*)\xe8?\x9cTq\xbeG\xc2xI\xe9\x84\xeb\xfa\xcc\x92\x7fN\xec\xebQ7\xf7\xf3\x1a\xf5\xce\xe28\xeb0\x8e\x92\x9dh3\xe8A\xc6I)\xce;F3\xd4\t=\x1c\xac}\x87ts\xa0.\xcd\x10\xbaE3_\x19\x94\x99Ob$\x9e\xbe\xbfWQ\x0b\x0b\x9d\x99\x99?a\x86\xbds\x8ay\xc2\xa1=%\xcd\xe7\xd2C\xb8\x8c^\x9b-\x7f\xc0\xae9\x0e\x9eSJ\xcb\xe4\xdeO\x82eq\xb9Eb{P\xa1\x8e\xfd\x16\xaa\xc2\xb0\x1b\x063\xe4\x1d\xa1AE\x9c\xb5\r\xd8\x1b\x01\xe4^;\xd9Ew\xc1[\x10sh\xc1\'\xe2U\xeb)h\x99\xe9_\xa5\xe3\x88[#x\xf7\x7f{\xdf\xf4\xb1\x1a\xb7"\x11o=P\x9b\xd8\x92\x9bE\xa9r\xea\x0cC\x00\xaa\x04\xe0(\xcc\'D\xc5\xd6qYh\n\x08N\xc6\'\x87\xe7\xf2S\x9e\xa7^\xc7O9\xc9ypb]\xafX\x9ee\xfdh\n/\x01q\xfa\x15\x8bG\x01\x04\x1b\xd9xZZc\xe8\xe4B\x04\xcf\xddz\xdb\xe8\xa3\xccj\xbb\xf1\xd9\x13\xc4M\xdd0\xafa\xaf\xa7t\x08=zs\xbcd\xdd\x96\xeb{\x8d\xe8\xb6\x97\xb6i\xac\rB\x91\xf9|\x1e\x00c\x8a\x9cy8\x9e\x97\xd3sbbn\x03D\xa4y\xfadw&amp;\x92u\xf4\xcd\xefW\xd8\xc5j\x9a\xc4X\xff\xa1\x08\'\xfa\xe3G\x9cDd\xb9x\x14\xfe\x98\xec\x86"\xf1Ro\x14\xeb\xfa\xdf\xc6&amp;\xe6\x9f\xb1\x95\xf9\xaf\n\x80\xb90\xe0\x0f)\x80\xecP\x91&amp;jR\xf9-\xc7\xb9\xee\x11\xff\x12\x939\x9c\xceB\'\xb8\xe44J\xe4\xceDD\xfc\xce\xa5\xed\xdd\x1a\x8a\x7f\x8f\xa5TU\x90\x89\x99\xf9G2\x86\x10I3{x\x82/\xe3i\xc1\xfc1\xc7V\xd8\xc2\xd2v)\xf3\xb5d\x8e\xae|\x04\x13\x07\xab\x085\xaf8\x00\xf2\xf7\xd3*#\xaa&gt;*\x86\xd1~p\n\xce\xf1Si\xf8"\xd5d\xe5\xa3U{$\xcdO\xa0\xa3\x85\xb2\xba\x07/U\xad\xfbT\xfe\xfce\x1d\xa2/\xd9\xb3\xd1\xd9 ?P\xf7uff~\x93\xe4\xdc\x87.l\xdf\x1b\x07J\xa5a\xc6\xa3\xdf\xf2\xd6cl\xe1\xed&lt;q\x9dM\xca\xab\x1e\x1b\x95\xcecQ\xe9\x18V\xfc\x81/\xaa\xbb\x1d\xa7\xfa\xfb\xfbE\x97f#\x15\xc7\xccp\x10\x16m\x1d\x8a$\x82\xd4d\x8b\x00\xea\'\xcd\x86\xbbE\x82\x95\x90\xebo{\xe8\xddO\x02\x9b)\xb9\rz\x8e^f\x17\xfd\x7f\xd0h\xeb\xf3\xf7\xfd\xb3\x1e\x7fh\xfb\x0f\x0e\x80\xe9\xbb\x01\t&amp;\xfe\x91\x15o\x02\xd0\x1a\x17\xd8]ov{\xd3~\x00HX?\xe6\x83h8\xef6g\xec\xa4\xb7\x0f\xbb\x08\xcfs\x97\xeej&amp;\xe2\xefE\xeb\xb5\xf3&gt;\x98\x15\xaer\x94\xd3\xd4\xe09\t\r\xdbp\xae\x15\t\xa2\xb4\xd6\xec\xa9\xa6K3\xf1\\\x1e\xe2\xe7\x1c\xb4\xb1\x0f\xdf\n\xf8\x00\x10\x8b\xb0A3\xc7\xeb\xf2\xe5K\xb6\xfc-\xd2\xd1\xe9\xc8\r\xa3\xab\x1doM0\xa1\xad\xc8\xfc\xe9\xe8\x008\xf4\xaf\xe7N\x88z_.\x9d\xd9~\xe5\x18\xefn+\xa9\xc8\xf4a\x07\xc0\xcd\x84\xfec\x1d%\xc1\x010\xe7O|\x89F\x1c&amp;b\xfe\xfa\xf5\x187\xd2\xe5-\xce\xf3\xdc\xfaO\t\xe5\x07@&gt;hOw#\xf3gmD\x15L\xd3k\x95\x98\x8b\r\xf4\xc4\x8a\xa1\xf6\x9e\x06\xeeY)\xf2K\xf6\x96\x8e\xb4\x98\xdf\xedo\xc2\x84&lt;A\xcd\x1c\x0bC.x\xc4\'\x80\xa3\xe9!\xfa\xfe\xad\x82\xcb\xb9\xbbIv\\\xeb\xb7\x9b.uE\x1d-\x1dGQs\xa6\xe8X&gt;\xc3_\x12Tt\xc3\x16.\x17_WPr\r\xaf\xf6\xeb\x86\xaa\x82\x02\'\xee\xf0P\x9b\xb8\xeb\n=#\x07\xfefJn\x0c5\xb7\xfd\x96\x9e\x82\xac\xa8`\xebr\x0f\\G\xa7p\xbc\x15\x111G`\xe1\x91q\x12\xccS\x15\xc3\x93\xeb\xc5\xcc\xcc?\xb1\xc2\xdc\x81\xe7\xa6y\xbb\xaf\xf2\x10\xb3N\xf9\x8b&amp;\xbf\x16:oT\xec\r\x85_p\x1d\n\x83P\x88\xdf\x8c&amp;\xc1\r\x99.\n\xf4G\r\x18\x93\xfeN\x0b3\xc3O\xd1\x88\xb9\xf58x\xbcf\x01\xa6=\x1e\xddl\xf2\x86\xbe&gt;\x00\x8e\x16\xbaU\x8a.\xf7#|r\xcb?C\xe4\xaa\x0ez\xe68%4\x9eJ\xebs\xcc\xe1F\xb9\xef\xac\x15"n%9\xcb\xd7\xe2q\xa9\x9c\xf1\xaf\x9a\xfc\xce\x06u\xaf`\x00Y\xfcSv\xb2\xfd\xb1~\xc4;\xf0\xf8\xad&gt;"\x08\xfe\xb5\xe6\xf8\r%\x8b\xc5^Y\xe9\xa5\xf9\x1c]A\xff\x0ce\xf1R\xf4P\xe3\xd5\x92\xfa\xa9\x94\xbe&gt;\x10\'\x8b\x9fsf\x01\xf8\x90\xcd9\x85-:f\xbb\xf8\xa4\x80\xf3\x9b\xb7A8YB[;|X\x9c\xa8\xaa\xfcn&amp;\x98\xe7 \x1e8i\x85\x8d~+\xaa\xb5t`O;\x1b\xc4D\xfcO\xe1\xbb\x07\xa6\x1b\x8a\xf1v\x1c\x00\xf2\xe2\xacD\xebp\xb0\x95\x03@\xf3\x03\r\xb9~(\xb5\x8a8\xfe\xdcg\xb4\xc1\xec\x01\x90\xec\xb7\xfb\x1d\x82\xaa\xd0D\xe6z\xb6\xf6\xfac\xd4\xe9\xa1\x87\xdc\xec1\x02b&lt;\xe2\x0ec"\xfe\xe3q-M\x1cq\x17\x1f\xbf)\xbbw\x02\xd4\xdbA\x1b\x14\x9e\x95\x9euB\x94\x0f\xbc\xe6\x96a3\xfd\xe5\xc8\xa5\xb3\x96\xbf \xd0\xc1\xda6\xb7\t\xf7\x81\xa7\xc8!\xb1\xf2\x0f@fW\x1c\xa0\xdbF\xc3\x1a\x9a\xc8\xceM/\x93\xc4q{YM\x1d\xcf\xc6R\xc9yiZ\x03&gt;\x86\xd3\xbbt@\xf1\xe4\xe6\xb6\x89\x17\x05\x8f\x15Q\xf3\x0b\x00f\xe6\xa7\x1c\xf9w\xf2\xb4\xb2\xec\xcf0}\xd5\x186\xed\xe8\xd7\x17U\x8b\xf7\x13b\xfc\xd2\xd0\x9f\xaf\xc4\xb6*\x9bI\xfa\xc5\x01v\x84S\xca?\x06\xad\x15?.\xe5\xefn\x1f\xb2c\xcdEE\xa4\xc8|"\x07@\xaa/o\xa9\xfb\x7f\xe3\x1a\xe8\xf4\x9c\x07\xcf\r\x15:!\xc5Q\xd8\xa7o\x7f\tq\xac\xe1\xe12\xc2\xfd"\x98\x14\'V\nO\xc6k\xa5\xea$\xc1\x9b\xbew\x14\xfdg\x86\\\xab\x9f|\xce\xa4\xa8\xf38\xe0\x02\xe5\xf9\xe8Z\xd5\xa3\xdd\xe4\xf4\x8f\x03\xd6\x9a\x80\xdc\xb7]\xc3\x9cX\x87\xef2\xad\x7f\x90\xb23\xf2Id\x8d\x99\xef\x1f\xdd\xda\xaap;\x9a\x82\xdd\xcb\x85\xea@:\x81i\x03w\x00y\xb4\x8c\xdf\x91\xb0\x96z\x13yZ1^\x1c{n\xc0V\x98\x99?\xa0_\x8b\xc5\xb7\xb1\x03\xc0\x93\t\xc1\xb7^.\x1c\x88\xe0["\xb2\xfe2Y}\xdb\x948\x0b\xf2\x82\x1bp\x16\x17\x8fE\x10\xe4\xbb\xa5\xfc\xfb`\xfe\xb3XY\x9b\xebK\xbf]\x0e\xdf\xa2x4fb\xfe\x94\xe5Z&lt;\xf9\x01\xceCl\x0bs\x07\xc8\xea\x8am\n+aa~6\xf3\xcf&amp;:\xe5\n\x07&lt;[\xb6\x03?~\xfafWn\x1d\xf1\xb4\x8b\xd5`\x94#\xffn\xec^\x1c\x00Q\x00NIt@\x13\'\xba\x92\xde\x0f\x92y\xbf\nN\x8e&gt;\x05\xeb\xde\x1f\x9d\x01G\x98=O\xfc\xc1\xe8\xa7\x92m\xb6\xefk\xb7\x93/\xfd\xafv\x8e\x8aPj\xbb4u\x93;\xb0\xae\x07\x1d\x05\x90Tx\x8c\xd8\xbe\x9f?\x00t\x06\x13\x8b\xf0T\x0b\xa7\x9e2M\xde\x91c\xe6\xfd\xd7O"\xeb\x89\xd4\x1a\x00\xa2\xccf`\xf2u\xbe\x1c3\xcd\x19\xa0\xa5\x87^\xee\x03`\xd5D\xc6\xcc\xd7T\x9b$\xfd\xa4Zs\x8d_9a\xf0t\xcf\x14sNG\x89\xa7\xc7\xa6\x9a\x82g\xd6\xd6\xcd\xf3\xfb\xe1x6\x13\x8b\xe9;\xe4I12\xdf\xdd\xdf\x84\xfc\x89\x963\xd1\x00X|h[,\xe2\xf3 z\xa3o[\xba\x93\xea\x82\xcc\xeb\x94\xc7j\xc3\xf6\xbd\xca\x00\xd6\\2t\xae\xa8\xf2\xcc\xd8\xab\xe9\xb2\xb7\x86m\xf4\x0f{7\xe3\x16Pwj[\x04\xd8]\x00\xb5\x07\x17\x9c\xc1\xe6\x07C\x89\'q\xe4\xb2g\xb9\x8f\xa8\x07L\xa3\xb6\xbbm\xd3v\xaf\xad\x00.\x19\xc1\x14W2x`\x82\x99\xffdLK\xc8\x1a:\x80\xb7\xdb&lt;JM\x86\xbb\xcf\xda:\xd0\xce\x99\xa2\xb0I \x1e\xbf\xbe\\\x9c\x18&lt;\x01\xe0\x98\x89\xe93\xa6\xf1\x0cn$\xc50\x9b=\x8d\x15\xbb2}L.).\xda\xb2iSm\x11qn5~\xd9\xa8\x8e8\xaa\x9f\xc4\xebS\x18\x0f\xd0\xeb#\xb6\xa9\xaa\x8a\xb9\x1a\x98\xfd\xcfO\x9b1\x17\x0c\x1e\x87lC\x0f\xd6;}Eg`\xe6\xd7\xbfm\x0c\xfe\x9d\x92\x03 \x8a\xe3\\\xe7\xa2\xf9j\x07![C\xab2&amp;]f~R\xd2\xfa\xda\xc1\xa38\xb6\xf5\xca\xa2\x08\xff\xe0Z\xc5DD\x8fG\xfaYz\xca\x1fan9x\xfd)$\xe4\x81\xc4L\xb7\xdc\x80\x18\xe8\xc9\x0c\xdagsqQ\r,3\xff\xf2\xc4\xae?\xfe+\x9a/%E\xfe\x9e\xdc\xf9]:\'b\xa6\xabn\xd2\\|zX\xbb\xeb\x8f\xc8v\xae\x88\xc5;n\xcb\x91\xde^*\xb6\xb8\xc8N(h\x87\xbf+\xa2\xb4\x99\xdf\xf0\xc4\xaaY\xcfP\xe6]\xb2U\xd32|4\xe6{L\xfb\xdd:\xaf\x8f\xb5\xff\xb7\x05|:\'n\xc6S\xb7\xc8\xcc\xccW\xccE\xb6D\xf5Z\x07\xa1:"\xe5\x8f\x9e\xe6y\xee C\x97\xbc\x03\xe6\'A{\xc8X\x01\xec]rs\x05=o\x13\xc7\x80od}0\xbef\xc8\x7f\x89\xb0\t0\xab7m|\x0b\xea_~= \x19TL\\{5\xc7\x03\xb6\xf5\'!\x86\x93\x08\xa1\x0fT%pV\xe4X`\xe4\x84\xbeI\xe9Z\xe4\x87\xd8\xca\xad\x9c\xc5F\x00A\xafzT\x9a\xf3\x14V\xac\xf5\x95&amp;\xb61\x17\x15\xb6\xfd\xee\xb6L\x9f\x11\xcff\xeaW\x90\xef\xae\x1c\xb46\x18\xac\x93\xa6\xe8M\xf9\xaa\xb8{\t\xb5\x14\xcf\x98=\x87\x7f\x08(Z/\xd2\x96\xe3n\xc8\x82\xe3m\x93\xa6\x83H\xee\x9f\x93\xb3\xf2M\x8b\x89\xd0zN\x1c\\\x03\xceCRr\xa9(x\x18*\xe1\xde0%P\x8b\xbc\xef\x9eSs\xa7\x9f\xc4\xe0r\xea\x13\x7f \xf9\x9e(\x9e\xb6F\t\xd5\x03\xc1L\xfc\t\'\x004\xb5\xd8.\xaa\x08\x83u\x06c\xfe\xac\xc5\xc3\xfb\x87\xd4\xcc\x86\x9a3\xcf%SU\x9ag\x1d\xbcKC\x95Au:lfwWGx\x15\xfb\xa5#v\x17\x96\xc16\xe8\xc1\x7f`o\x83\x07\xc0IPT\xde\x97\x80\xces\xff7\x13\xbd\xedz\xfa\x82\xca\x99&gt;b\xb8\x92.\xd0g\x9b\r;y:\xb3\xd7g\xc3\x86\xa4\xba\x976\x00\x1e\xb2\x7f\xd5-b\xcd\xa4\xb3\xc9\xcc\xcc\x8f\x93\xa7c;\xd7\xb7\xd9_G\x07\x1a\x81GW\xa2\x93\xf9-\xe7u\x9fB\x8a\x9ee\x01g&lt;\xa1W\x1eyW\x03;\x9b\r\xb3\x1e\xcf\xf3C\xbe\x1d\xa8f\xd1\x17/\xd5!\xbf\xf6}\x83\xfa\x13\xae\x14I\xf4\xfb\xf1\xbf\x0ec-\x06i\xb1\xad\x1b6+\xe2\xcd\x18\xc0v\xf6O\x8f\x8a\xe3\xd2%\xd8\xf4\x95 \x9f(\x8a%\x0b)\x92K\xd6D\xf2hTv\xd3\xaa\xaa-&gt;^L\x81U\x0c\x9d\x86\x13\x84\xf9\x1ec\xd3\x9d\x02&lt;\'BI7\x8cz+Z\x99\xcc\xd4\x1bP\xad\xa8\xcb5\xdc\xb6{\x06\xb2K\xeb\\\xa3\xcd\xb4\xe06\x8cO\xff\xcc\xca\xb6o\xe6\x97\x1b$\x919\x99 o"?\x19Y\x9c\x1c\x957\xd0\x8f\xbb\x01\xa6\x9d+\xbeU7\x91\x7f\xfac\x0b\xe9\xa3\xfa\x0ct\x04f\xfe\x83v!\x17\x8fk\xe2\xf0v\x7f \x80\xc3\x14d\n\xfd\x9e:\xae\xad\xcbO\xdd\xa1\x87\x99\xf5x\xb4\x86wb\xf6\x83P\x15\x99\xebv\xd1\x01p\x04\xcc\xb2\xcb\x9b\x86\xfe"\xdd\xac!\x00Xs\xfei\xc0\xb0\xe5\xbb\xda\x9b\x9b:*\xbb\x1b\x7f\xc3\x82\x9fVF\xb8B\x9fqD]\x97\x89\xf8Z\x97m0\xac\xbe\xed\x13\xad_\x12\xcc\x97&amp;.vS\x101?\xa6\x0ef&gt;\xe1\xd9\x1dt\xfe\x0e\x80\xe6\xd1\xbd\xc54:\x1d\xd0"\x9e\xcb\x15\xa0\xd1|s\xb6X\xf0\x08\x18\x84Bu\x06h\x9a\x02`uK\x9d\x07\xf0\x00\xe0\xf8\x81\t\x1a\x95\xaf\xc7C\xc0\xe9.\xee\r\xd0N\xa2;\xfb\xc3\xfb\xb8\xfaO\x9a\x8e\x15\x91\x8a\x12\xfe\xf5#\xc4\xe7(\x1a\xccf\xd4w\x819\xbd\xcb\xec;ig,\xe5S\n\xfa\x94b\xb8\x04^\xef-l3t\x08\xbe\xf0$\xdb\x0e\x06\xbf9\x93\x1f\x00q\x81\xf242\x1e*\x83\xb4bfv\xb4\xc1e\x8fg\x1d\x7fj\x95W~\xdb\xe0\x89V\xea%\xd8\xfc&gt;\x95D\xf4\xd5\x9b\xb5\x11\xf1\xbf(\xe5\x07fXV\t\xde8\x97\xf0\xad\xc2\xba\x12\xf9 \xeb\xeb\xdf\\\xa3=x\x96\xde\xf7[A\xbeS\x00\x9e\xc3\xfe\xa1\xed\xe2\xdd\xcc\xfa\xa6\x8dwiFZ\xd0\xd0\xddC@\xde^\xe5\xbd\xc3\x01\xcb\xa7\x87\xbe\xf8\xe3c\x11=p\x1c`\x947\xcd\xe6tX\'e\xfd\xd7s\x97fG&gt;3\xf6\x94\xf9]\xd7j+M\xd0ku\x82\xd9\x02\xb3\x1d\xa5\xcc\x0e|\x1b\xearQ\xe2\xfe\x11g\xa0\xb3D\xea\x00\xa8\xf1\xf3\xec\x8b\xd8X\x1f\xb6\xe2\xbd\x91-\xf0\xe4\xfb\x15\xa1\xb9\xd3\x946\xdf\xfd\x9f\x94\x9dp\xec\x07\x93\x83\xac\x8b\x0bFe}\xacH\xc1\rS\xf4\xe2\xe8\xd9Z\xf5\xa0 j~\x9b-,v\x87-\xca\xaa\xca\xe7\x82\x13\xb5j\xa7\x1fE\xe7\x11\xe9h5\xb9\xe6pZ\x8b\xa4\x97\xd7\xa9\xea6\x87\x92w\x05\xf6S\xf6\x04\xb5}\xc7r\xf1mD\xcf\xf5w\xdf\x01\xbc\xcb\x96a\xdb\x1f6%\xb6\x15\r\xd4?\xd3L\xa5\xd76\xe8b\xb8\xa8P\xaf,\xe0\xad\xaa\xbb\xfe\xdeQb\xdf\xdc\xcd\xaa\xff\xa5\x87\xd6\xfdIo\x9a\xa8h!\xe7!\xbe\xac\xad\xb7\x08\x1ed8\xb9\x16c\x1e\xd7\xceS\x13\x93\xd4F\x01b\xfegf\xfa\xf9#j&gt;\xc9\xec\x9c"b~\x13\x9c\xec\xca=\xad\x8bl\xb3\xce\xfc-\xe3\xba\xa8|\xeb\x9e\xb4o\x91\x1f\x91|\xa4\xc23 5o\xe0e=z\xe1w\xef\xfbg\x07\xc0\xc6n\xd8\x1e/\xfe\xdfZ\xc1\xa3S\xf2\xfcw\xac\x03\xc0\x7f\x8f\xed!%\xc3r\x96\x8cx"\x8f\xb6\x1a\xf5:\xb96\x8a]\x96\xc7k\xbe\xda\x16\xa3p\x02\xa0\ro\xa6\x05.\x8f9\xe9\xbc\x1f\x00`\x83\xb0b\xb8\xe6t\x0b\xf9\xdb\xfc\xeb\x13\x8b\xddP%\xbeG\xc9\x00|\x87d\x1b]92!\x0cDV\xfeW\x82\x90\x99\x9f\xe8\x16\x83\xca\x96n\xb4\xed=\xae\x9d\xe6\xd7JN\xa3|C8.\xe3\x9eH\xda\xa8\xf7\x0e\xb1\x89\xeb7b=u\x8b\xc1\x1d,e*\x7fJ\xbfY\xe0\xa9S1\xcf\xfe\xe4\xf8.\xc7p\xc4\x9e\xb8y\xca\xf6O\xf6\x87\xe89\xe7]\x1e\x12\x9b\x8a\xcc\x06\xf0\xf4=\r\x14\xbe\xd7L\x15\xae\x0fxu\x8a\xf9S\x0b\xf8\xfe\x87\xd9]E#\x9eo\x92F\xb7\x0f8]\xdc\xe8\xe9\xafXD&amp;\x9c%\xf5\x8d\xa7N\xad\x1fp\xf7\x10J\xcal\\G\xa3\x9f;\xdda@\xe6\xf5\x93\xb7\xf5\xc7\x03`\xb0\xd7\xe7V\xbc\x92\x04\xc9q\x06\xa0\xca\xa4\x15\xcf\x10\x92\xb2\xaf\xde^\x89\x81u\x01o\xd1\x89L\x04g\xff\x9e\xd4\x83,\x9b\x99\xa00C\x9cm\xf2\x9deyy\xc0\xc3N4\xec\xc4\x95}y\x1e\xac\x98\x88\xf9\x9b\xfd\xe2\xb8&gt;6\xa8(\x0e\xe9\xe9h\x0ff\x9e}8\xaa\xb4\xb7\xf5\xf5\x1f\xafW\xb2\xaaB6&lt;\x89\xe3u\xb6waO\xef\x83\xa4l\x9aQ\xe4\xc7\x81\xb1\x12$\x80WY\xd9\xda/\x8f[\x8c\xc5"a\xfe\xce\xe3\xee\xcdC\xb41\xff\xfbTxz\xe4\x9b\xbb\xfe\xfe\xf9o\xfa\x9ez,\xc4\xdb\x08\xdb\xb7w\x14\xf7\xae\x9f\x89\x98o\'\x98\xb7`\xaeb\x8b\xde\x08nH\xc6"\xd1\xcf\xb9\xa6_\x87\xb6\x04\x10\tp\xf9\xdb2D\xa3\xc7\xeb\x81\xdd\xf7ff\xe6\x8d\x1f\x19\xdf\xfc\xdc-1l\x96\x950\x1a\x92\xcc\x10\xbb\xbf\x89\x03z\xda\xdc\x97s\n\x9d\xd5*\x14\x07F\xca\x16\xaf\xdb\xfeR\x8e\\\x1dd\xaad\xf9\x19\xd5\xaab\x9e\x9d\xb5\xa7\x96\xc6\x04\x90\xf0\x04\x89G#\xc5q\xd1\x9d&gt;\xb2\xe3\xff\xf8G\x01\xd9\xdfE\xe2\xfae\x1cz\xaf\xd0\x9a\xde\x8a\x7fz\x8b\xdf\x1d\x94\xc58\x90$\xa7\xd30-\xfd\xfay)\xdb\x13\x00\xd9\x9a\xcb\xaa\xd3w[k\x10\r\xf7\xcc\x14\xb8\xef\x9e\xd0wy\x00\xc0\xc3\xc0\xf2WL\xc7\x90\xa2c\x1b3\x17lm\xa3\xe2\x84\xb1\xe6\xc89\x08\xcf6:\xd0fO:\xeb\x15\xcc\xcc\xc4\xfc\xb9n\xd1\xc6(jV\xe7\x93|\xfb.m\x0f\x1e\xb2$OW\x14J\x95\x1e{\xf6\x1c\'\xbe\xcb\x01&amp;W\x1c`\xd6\xa9U\xb2.\x02\xd6\x91\xc2\x90\x8e\x8f@9\x9e\xc87(r\x7fde?l\xcd\xf1Px\'\xe7\xe8T=\x0b\xcbO9\x92\xc7\x1c\x9c\xf9\x9e\xcc\x83\xcc\xfc\xba\n\xce:\xad|nc\xe6\xcf&lt;\xaa\xf5B\x00\xdd\xcb\xfcy\xebPL\xd5\xee\x91=T\x1d\xd8v\xa7\xe2\xa6\x8a\xce\x7f\x8bO\xc8\xb4Eu+\x17\xdc\xff|\x83b{\x13l\xac\xeeH8$\xdeQvA\x83.WR\xa5\x1d\x13&gt;\x128z\xe9e\xd7Vu\x7f,\xab\x80Q\x86\x84E\xc0\xb0\xf2\x0c`\xf7\xf82\xc5`\xd9n&gt;L\x8f\xc5\x17\xc3R\x01\x9c\xc6"3\xf3\x95\xf4J\x80\xca\xbc\xe9\xb1\xb9\xadL6B\xf5\xa1\x99}\x85\x1c\xd8z\x18\xfd\xddL\xf1X-\x9b\xd8\x880\xa9\xcf\xfd\xcf\x1f\xdd4\x8b\x80f\xa2#\xdf\xde\xec\xca6\x8e=\x00R\xd8\xe7\xfcx\xf0\xc1\x92\xa3\xba\xe6\\\x1a\x81\x14\xf1\xe1\xfeh\xad\x84\xd0\xf8\x7f\xd0\x01\xb0\xa6nV\x14\xba\x96*\xee\xea\x93&amp;\xdc\xc1\xab\xe3\xf6\xc9\x82\x0f7\x18B2 \xe9\x15\xc1cO\xd3*\x0c\xfe\x82\n\x7f1\x12\xd3\x88}\xdeJ\xfeUt\xdc\x94\xb1\xf89\xf4\xaf\x01s,$Es\xdb\xecy1\xd3\xe2\xd7\x1e\xba\xeeD9G\x07\x80;/\x89L\x89\xe8\xf0\x8d\xf7y\xdch\xeft&amp;s\xa2\xe7\x7f\xd51\xbc\x91&amp;\xe6i\xea\xfba\xed\xfc{\xac\n\xe0\xfeG[\x99-\xbb\x02\xd9&amp;\x86\x86\xb6|&amp;%\xe6\xf7\xc9\x19\xea\xc4\xc1\xbb\xf3U\xf1\xfc\xf9i\xe5zQ-\xe0_\xd5"7\xcd\xb0\xd2V\xbex\x94\xca\x9391\xf9\xb9\x04\xadmu\xf0\xdd#u\xf26\xd1Q \x15\xb6\xc99&lt;\x00\xa6\xefTT\x83\xf2\xee\xe6\x00\x08\x86\xb8\xe8\xa9\xc2\xa9\r\r\tx\x8e\'&lt;x\xf6\x90&gt;J\xc8\xce]\xdbL\xf5\x19s\x8f\xc0\xc3\xd8\x8c\xcd\xf8\x05ux\xd5\x07\xf5\xebM\xb3UE\'XOn\xcd\xd6\xe5\xf0\x91\xeaY\x075\xb7^\x17O\x9a\x11\xa7\x9f\x0b`~X\xdd:3\xf3\x7f\xb8\xc5\x15H\x17%\x1b\x18\x84;/\xc3R\x91\xb6Xsq\xbe\x89@\xf6\xc0\x9e\xa3\xbe^\xa6\xca\x98\xbc\xaaO\xf6^\xe6e\xa2\xee\xc0\x85/\xfc\x89\x94\x9c\x12\xf2\x9b\xd3\xf9\xde[\xe4\x16\xe5\x05\x9e/\xd7\xa6\xddc\xdc\x92\xca\xbbD\x08I4\xc4\xd5\xbd :\x00\xdc\xc5\xb8u=b\xbecq\xaa@\xe6~i\x95\x88\xe1I\xca\xb2B\xd1XS\x94\x8d\xf6\xd24\x1a\xf9q5\x13_\x01\x12k\xd8\xfc\xe7^\x91\xc2#\xaa:pT:\x1e\x923F\xad/L:\xf54J\x9d\xe1\x1b\xe5J|n\xcb\xe1+\xab\xec\xba\'k(\x1f\xa6$O:s1\xf3[W\x18\x15\x82\x05\x84\xeb\\OZC?\x0c\xbeS\xb4\xe914\x05 W\x99N{S\xb8\xce\xfc\xd8m\x16s\xb5+\x94\xac\x94\x02\xc7\x18\x11\x11\xdd`\x8d\x17\x93\x8a\x92\xd7\xe8\x890\x01\xb3\x8d.Y\xf3;QCQ\xb8z\x9d\x17\x05\xa3\x01\xe8$"\x7f*\xa8;\xac\x9a\x02&lt;\x00\x90\xe0r\xadU\xad2\x1d\xe9\x97\x9a\x8b\xda\xeeQ\xe6,\x1d\x00\x85\xbbRG\xbd\xf5\xf8\x9a3\xee\xcb\x05\x7f&lt;K\x0cG\x9c]\xf8C\xb7\n\xf2\xffM\xefn\x9a\xcb6"I\x8f"\xf7\xb20\xd8\x14,\xde\x18\xfcJ,\x17i\x173\xcd\x07\'w\x9c\xf7BYRN\'G\xb3Y\xca2\xaf\xd6\xff\x83\xfe\x03\xbe\xfb\xb7"\x88\x99\xf9\xa1\x8e\xbf\x06\x0c\xf2\x9c\xc3\x03\xa0_\xc3v\x03C\xc4k\xfe\xa9\x96\xbc\xe7\xb2 "z\xd0\n\xf8J\tM\xbb\xf6\x9foR}Ih\xecUx7\x95\x9a\xb2MM\xd7\x9b\x97\xe7\xcceM\x8f\xad\x98Qg\xe1\x95\xd4\xcb_\xd8\x84p\xc3z\x1d\xe1\x0c\xcf\x9a\xc9`\xae\r+\xb3\xef\xf8\xf9\xdd\xaa\x95P\xf0rmr)\xc5\xecg\x9a\xe9\x19\xd0vAns\x05\xf5\xb39\xd2\xe9\x811\xf8\x88\xca\xb9\xea\xf9\x83\x8ck\x1c\xe4\t\xaeW[\x86\x93=\xee\xdc:\x0c\xfd\xdb\x04\xc6\\\xc3\x94\xe1d\x9fa\x83\xe03\xddo\xdbL\x14K\xf8TV\xf4\x0f\x84\x9f27a\x94\x8f\xec\xf3}\xe72S\x9d\'\x9c\x8b9\x00f~F\x81\x8d\x88\x9fa\xe7$\xf4\xf6\x82P+\xb6Idz\x05\xd0\x1a\xf1\x15\xc6\xfc\xb1\xd6\xca\x86G\x1f\xb9R\x96]l\xa5\xda\xac\xe6A\x0f\xab\x18\xc9\x94G\x86\xce6\xa1vS=\x00\x9c\xd4\xdc\x90,\xf4C`S\xba\x8bV\xab:\x0c\xd5\xb16d\x14a&amp;b~\x7f\xb3\xb2\xa7\xef\xa8\xe8\x8c\x0cm\xf7\xd7\xaa\xda\xa0\xe4(T\xb4\xec\xde^8\xd8\xee\x8f\xae{g\xd2\xbe5a\x19\xcc\xbc\xf9\x97\x94\xa6\xe6$\xc2\xedKoUZ\xf9\x95\xc7\x87dM\xac\xc4\x96\xf7\xab\x8a\xf8\xe6\xbbg\x89|\x98\xa2\x98\xcd\x0e\x80o~;\xb8~n\xa5/\xd4\x00\x00 \x00IDAT\x0c\x90\xda\x90\xc0co\x95g\x96`\x12\xb1\xcf\xd13=\xc7\xfdL\xc4A\x05\x1b(l\x17\xc8\xd01L\x1dQ\xd5\xc1H~\xa5\xf8\x90\xe7\xe1\xde\x8e\x88\xf9\xcbN\x04\x16\xc4\xe0\x86!|\xeaG\xb2~\xf1\xc8\x00\x8fC\x1bP\xc18\xc0\xf5U\xa6\xdf\xd4\xd7\xc5oD6`\xe3\xf6&amp;\xf3i(\xf8\xa3\xd1*W\xf2\xe2[z\xa8\x98W\xd7F\xba\xd7=\xab\xfe5\xd4\xacz\'\xa7\xe7{(\xbf\x1c\xcd\xaa\xb2\xbd\xdb\xbb+\xf6\xe56\xb4\xcdq\xb8\x18\x9f\xe2[L\xadN\xf1Q\x08&gt;\xffmFrJ\xaa\x82ZaL\xdf\xbbK\xe0F\xc7\xc6\x06\x84\xab\xeczCE\x93kw\xf4\xec]\xa0{\xcbNM\xa2\x93$\x8d\xbb\xef\x17\xe3c\xce\x7fN\xc8t\xc9e\x11s\xce\x9f\xa6\xf3Ba\x95\xcb`\x0fp\xf6\xeeD\xa1\x04;\x867\x17E\xea\xc4\xcc\xcc?\x15\xc2\x0e\xe6\x97\x88\xd9\xc6\xbc-l\x9bP\xb4\xaa(5\xf8\xe9\xe7p\xa3\'\xba%\xcc\x89^\x95:\xcb\x9b\xb4\x9fg\xfe17:9"\xbajzH\xe7!\xb5\xfb]\x88\xb4k&lt;\xa8%PO\x88\xe0\xb3B\xdff\xfd\xe1\x1e\xd5\xff\xd8\x8f\xe6\xf00\xaaN\x04\xf7e\xa7\xdep\xdd,\x8f\xdb\x9c~\x89\xb4%\xe3Im\x88\xc8\x8e\x90\xb2x\xe5H\xab(\xffq\xa3y\xa5\xce:\x86\xe4n\xc9kq\xd1\x7f\x16\xf5\x9c\xc2\xa7Z\t\xa7\xb9\xf3Y\x13\x11\x1d\xc3\r\xfe\x1c%\x06\xc7Qr\xb0\x1eY\xab~\x83\xf7\xf5\x89\x86#&lt;:d\xfa\x0fU^S\x98\x9f\x9a\xec\x9a\xc6\xa5=\xb9N\x07\xc9\x181\x7fc|\x00\xccF\x86\xdc\xca\x01\xc1\xc5\x87\x8d\xd0\xfc\x1fr\xbdp\x00h\x97\xb3S\'\x864\x7fZDR\x07\xbdi\x0b\xdb\xba\xaf`\xf9\xd3\xd1\x01\xe6/\x07\xd9}\xde/xy\x99\'\xf78\x18\n\xca.Y|\xfd\x81\xdd_\xf5-\x96t\xc3\x15\x86\xdcD\x9f\xcc\x109`\xa3V\xed\xbe:\xa0\xc4D\nl\xd2\xb5\xce\xe8\xc68"\xb1\xd83\xe3\x02n-\xa2[C\xf1\xb2\x95\x12\x1e\xd4\xee\xfb\xf5\x877mRm\xcf\xa0\xcf&amp;\xffQ\xd87\x05\xff\xea\x02\x10\xcf\x95+:N\xc4Y|F\x81`\x19\x151j\xfd\x9a*p30\x97B\x04)q\xa9\x8co]}\xd3\x83\x9a\tc\x1d\xd8Q\x9aH\xa4ct\xcc4\xd7\x14\x0cj\xe8\xd8Xw\x188\xf1\xa19\x10\xc9\xeeB\xfa\xca\x05\xfc\x8dC\x9dk\xb4Q\x9a\x94\x81\x9f\x1f\x9ckXi\xf3\xccRo\x88\xfde\x14=V\x0cb\x12\x7f\xc7P\xad\xbf^\x03,\xdb\xf6\xe4\xb6\x84/\xf4\xfa\x90\xb8_\xf5\xbb\xe5\xe9\x9e\x13\xedI\x8f*\x912\x8ba\xa5\x06\xe0\x8d\xcb\xd0\xfa\x84\xa0\xbd\x02m\x93\x9eJAO!\x0f\xa7\xc7\x89|8P\xa3@\xa1\x8303\xf3Cf\\\x99\xf8f\x86\xe4\xe9\xd0\x84\xce\'0\xaf\xff\t\xe8\xa1\xa1\xc2\xb8\x9aV\xe1\xc9k\x13\xd4\x83\xeeZP\x9bz9\xe3y\xdb\xa5\x1e\x88i\x8f\x80\x1b\xe9o\\|\xf9\x07\x94\xf2\x03\xb1\xe9\x97\xd7\x13s\xdf\x96\xceB\xa8i\x92\xf6}\x15\xaaH\xca,\x04H\xd6Ua\x9e \xc6\xd4\x1a\xa2c(\x1a\xb5&amp;6\x88]\xaay*w,\x88\xd8\x91\xdey?@\xc5!\x191z\xb6\xf1\x1b\xeb\x91\x9eU\x85\xba\x02\xc6\x98,\xb1`\x1f\x9e6\x03\xc8\xa3\xfb\xb6x\n\x98\x99\xb1_4z\xceD\\D\xd4\x14/\xc7w\x93$\xc0\xa3\xc5\'^M\xdf7\xa7\xb6{\xd7\xd6}8\xa4G\xd8\x9c\x06S^\xc9$\xae^FH\xf0\xf3V\xbc?\x91*H\xc4D\xfc\xa9b|^y\xd4\xe5$\xb6n5\x98[\xac\xcc\xa0.E2+\xb0D\xf3\xe1h[\xa1^w\xce\x89\xdb\xd3\xa5nB\xb0\x03LD\xca]8K\x84\xa8\xbdb\x15\xf2-\xdb\xb3\xddA\xa7\xec\xfc\x11d\xb3\xf23F\x1c\x8cr7+\x0c#\xfc\x02\xd7\xe2\xff\xd3\xf1\xa0\x86%Z\xe1\x1a\xa8Z\x18\xb6.\xcb\xe3Z\xfc\xdf\xd6z\xe8\xb8\xbb\x02\xa0T\x98=\xf3F\x16\x93\x80\x8b\x88\xfd\xe4\xb4:\x19\x10\x1a\xfc\x7fV\xbd\xfc\x86\x82N\xb5\x920\xa7/\xeb\xc4D\xcc\xcf\xd6\x05\xc3\xea\xe0\xe7\xe7\x9b\x02\xf6\x17\x13\x13i\xf6\r}s\x91\xafk.s.\x17)\x9e\xc3\xc2\x88Oe1vT\'}&amp;z\xe8l\x8e\xce\xc0\xf0\xff1;42\x94*9Z\x87~\x9b\xe9\xf41e\xed\xef\xe07m\xfa\x8e\x9dZ\xa9\x94\x14\x1f\xe3\x19M\xf5\xc5\xc28p,\xea\x86\xa2f[|\x17h\x1aLLz\xb7C\x06\xa1\xe4ZP\xb3]I@\x9eX]\xf9s\x08\x00\xfb\xfeR\x94\xc2\xbb\x9b\xc1i\xfd\xb9\x9e\xe9\xbe\x00:\xd3\xbbuxT~\x04\x84\x8f\xbc\x90\xbfn\xbeX\xc0e}V\xdc\xbc\xbc\xc96EH\xdbt\xfd\xac\x92\xd9E\xe2X\xb6&lt;23\xa2\xb3\xb4\x0e\xfe\xffi\xb5A\x83af\xbe\x8a\x07\xb0\x06\xf0\x01]\xdb\x00\xda&lt;\xae\x9a8\xe4\xe2\xaf1l\xc9\x1f\xc1\x9d\xc4\x01\x806&lt;d[\xb0\x1d\xa3\xc4s\r\xec~\xdb)\x11\xaeR+\xa2\xaa\x8b3S\xf2D\xaf$\xd1\xbc\x8a\xd8\xd5\x18\x02\x80\xb3\x9f+\x84"r\x0f\xae\x00Y\xa8\xb4\x04\x0cT\xb8\xca\xfa\x94\xe1\xf0\n\xac\xc0\x10\xc5s\x8b\rR\xe7\x8a\x98\xaf\xd77\xbfw\xd2\xcf\x0b\xcc\xfc\xfc\xa0\xa74\x85$\x17\xd4Fu\x01\xb4\xe6\xda+\xdb&amp;x\x17\xed\xae\xe9\xb4bM|\xa3\x13\x08\xcf9 .-"\xef1\x98\xe8\xe5X\xc4\xd2\x92\'\x1d\xbd1EPq\xe2\xa6\xe07PE\x98\xb7N\xdf\xbeE\x9a#V\xb6-X\'\x9b\xcc\xc6x\xd2\x90\xfa\x1a\x1b\xebR\xc3r\xf1nIr\xb8=\xc5\xc6HP\x95O\xc0_K*\x1fx\n];Z\xf7\xa3\xe4\x1a&lt;\xc7\xc9\x8e\xf7\xc08XRr\x9e\x0f\x801\xfd\x05g@P\xd6\xfb\xd70$\xf5P\x19\xcd\x8bN\x16\x17\n\'3\x7f\xfaz\x9d\xa5\x9an\xfa\x85\xbf@m$uh\x0f}\xa7\xc0\x85\xcal\xcb9\x15\x1e\x02(\x9c\xef\xb6?\x9b\x1f}\xaf\xf8b\x83\xd0\x98\x7fO\xf9&gt;{"9&amp;B\x19\xcf\xb6\xe2-Z\xc0\xb1*\xb0\xa8W\xae\t\x04\x91\xb6\x04\xb4P\xbej\xbd\xa0\xf0Uu\x0cp\x93F\x13\xd86`\xd1\xe6]\xa5\xe4\xfc\x10./\xb7\xa5\xf2\x18\xd5\xa3\xc7\x8f\xcc\x0e^v\xeb\xf7\xef\x90:\x0c\xc7l@vY\xd6\xef\xaa\xcf\xbb\x00R\x15\xc5\'T\x92&gt;\x01\xa8F\xfc\x8btO\'\xebZ\x9b\xee&amp;\xe9\xef\t\x82\xaen\xec\x06l\x91?]\xf9\xea\xc1\xad\xcek]\x982\x14yX\xbc\x1cwO\xfe!\x00\x82T\xd5\x95\x7fL\xe0f\xb3\x1a\x0b\xed\xdeH\x16\xd8\x06\xe4\t\x1dE\x1d\xb7C\x91\xf9\x0b\x03\x06\x10\x99.e\x16\xe1\xc1\xa0"\xb95\n\xec\n\xf8\xdc\x1e\x12a7A\x91\x85\xcc\xd3r\xf7\x9a7\x90\xef\\\x08\xb0:\x03\xae\x1c\xcc\x86\x81~\xcb\xda\xaf\xef&amp;\xad\xc7\xe2\x91\x1eh%\x8d$\x91\xfc\xa7\x95\x83\x9e5\xd5oIjk+S\xbf\xb0\x95\xf0A\xe1\xd0\x1d\x02\xa73\x12\xee\xef\xa1~\xf7\x0c\x9bt:J\xeb\xc9\xd1\x08\xaf]W\x0c\x86\xdf*\xe9z&gt;(\xb2\xe2\xf8\xcb\xde\xe5l\'\x1a\xa1\xbc\x98\xf7\x91\x90\xe18V\xbe\x0e\xd4\xb2~\x97\x9cA\xb2\x1f\xd2\xd2.O\x9b\xda&amp;\x8bK\xd5~H\xce\xf6\xed\xa3(\xaf\x8c\x00\x90\x98\x1d\xe46\x90[q\x99\x17B$\xa2e@\x06\xf3x\x91="\xd8\x07\x91"%\x81\x9c\x04\x1f9bI&gt;\x01\x101\xd1\x8f\xb8a9\xb7;\xfa\xd7\x11\xb7\xa5\x0e\xe9\x11\x14&amp;yA\xe1:!\x02\xa5\xa8O_\x0f,D{\x0c\xc8\xd6b\\\xe7\x9e\xf9RR\x92\xbe\xcbK\xa39\x9c&gt;l\x07\x91nU[B\xef\xb9W\xb4&lt;\x84\xe1S&lt;\x1b?\xadG\x1f(1\x0f\x07Js\xe7Q\xf9\xfbr?@\xed\xe9\xeb\xca\xc8\xd3\xddi\x961l\xb4\xe27\xaay\xac\xd1\xbd\xbe\x9djn\x9c\x8c\xe9Oy\xfcY\x80&gt;\xf6\xd4?;\xd6\xf14\x9d\x93x\xcc}\xc1l"\x82\xd2\xca\xe6\x1d\xc6\xdf6N8d\xee\xf8\xbf\x93XK\xe8\xc9`\x1e\xe0Dd\xd5\x9e\xed;N\xaa\xf2\xfa7\x90\x87\xb1\xbe\x97\xecE\x1e\xbf\xca\xa3KC\xa7\x0c\xce\xc9\xd0\xf37m\xf5\x84|\x87dT\x16~\x80\x85z\xda\xb5\xb9\xf5\xab\xbe\xdbF^$\x86\x98\x7fcS\xb1\x0e-\xd3\xaa5;V\x12\xd4L\xfaa\xc2\xac\x181\x1e\x0c)\xb5&amp;\x88\xefi\x85\x07R\xe4]\xc46g-\xdb].\x90\xa1\xf1\x92\x88\xf9+$\xe7\x06\xeb\x89H\xd1!\xffLP\x8412^\xe3\xaf\x03Hl\xf9\xf5q}2=r\xad\xda&gt;\xf9\xc9\xed \xb5aG\xde&amp;\x1a\xfc\xb1i:\xaf\xf9}\xcd\xfc\xaey\xb5\xad\xed\x06\xf2\x1d\xc3\xfdD\x1c=Pc[\xdan\x8e*\x85\xa18&gt;\x030\xfc\x03@\xe5&gt;\xad\xe8\xcd\x19\xa9$&gt;Rd\x1b\r\xf1\xda\xf86\xe5\xa8&lt;\x070\xaa\x13\xc3 -B\xbeJ\xb1\xc0\xc0\xb1\xee\x0es-\xc7\xa3\xe9\xdcC+!\xedu\xd8\x82)H\xe5\x86|1\xfc\xebJ\x84I\xad\xb6\x97\xc3V\x9d\x82J\xc8\n\xd7\xef&amp;/\xbb6\x80\xe7\x84\x98\x99\xef\xbfR\xa4\xa2\xd3\x16z\xf8\xc18%Ui?\xe5m\xc3\xb5,N!\x85w\x07\xe6=s8\xd3\x1d\xdea\\\xbb\x96\x18\xfe\xc7\xbd\x85\xa1\xac\xd3k-}\x87K\xad\xd3\x8d\x947\xf7i\xeb\x977\x8b\xe9\x1eP\x11\x9e~\xf7\x9b\x1a\'\xc0\\6\x84\xad\x1f\xa9\x1903\xf3C\xabE^&gt;\x06z\x10\xda\xcb\xd0\xe5\xb5qP\xc5\xbc\xf2\xc8\x0c\xa7\xc3\xf6sUT\x0f\x19J\xfc\xf7\xd8{&lt;P!\xdc\xcb\xe7\x8ad\x0bK\xf6\x89\xc8Yu&lt;\'W1\xe6\xb9\x81]\xe1RY?\xe4\x84\xa2\xc6\xa7\xd0A\xdd\x07\x8b\x90\xba\x145)\xd8I\x8b\xfdg\xd1\x16\x94Z\x96\x1dS\xa9\x05\x02JR`)f&amp;\xa2\x1f\xa0q\xc0\xe7\xae\xaej@E\x9anTF\x9c\x13\x9d\xe2\xe2@\xcc&amp;\xf4\x97\xe0yC\xe4\x02}Q{]\xcfIb\xad(\xafl\x1d\xb9\xef\xf6\xec\x0f\xd317\xcc\x174h\xdf\xbf\x9e\xd8\x0ed\xd1\xb3:\x83zNLz\xd3x\xe9:#\xc5\xc9\xf6\x8f\xae\xc7\xa5^\x04\xf7\rFH\xeah\xd58yS\xcf\x1c\x8d\x9f\xc6\x96\xb1\xcbb7V\xc4\xe3@\xe1\xbb\xb8\xca\x01\x85v\x13H\x04\xbdv\x86\xe6j\xa3\x1b3\x9an\xfe\xd3C\'\x8aS\xc5y\xc5\x1c\xf6\xa0\xb0\x9cV\x96\xc1\xe1\x9c\x9d\xee\xb8\x08\x82\'f\to\x95\t\xc65\x0fv@\xb4\xc3\xfa\xde7\x16\xcfP\x05n!9o.\xdd\x8a_H\xb39\xcewF\xff\\o\x83\xa8;\xa3\x12_3\x94\xe5\xc0\x80\x88@\x13\xc9\x99g\x11y\x80m\xb0eV&gt;5\xe5\'_m\xb3\x03`\x8a\xc9&lt;\xcc\x1dX\xbe\xde\x9a\xcdfm\xa4\xdd\xb0\x8f\xf8\xd7N\xe6qA\xfc\xb4\xb7\xfc\x9f\xe9Jg\xb1\x88\xca\x88z\xd6\x8c\x00\xb8\xbc\x87P\xd5\x13\xa4\xac\xe4\xb9433?\x11\xee\xc4\xa8\x8ep\xae#\xfdS\xf4Zg\xf3\xc53\xfc\xb8\x17\xc9\xdd\xb3\xfdg\r\xe5 \xbd\xfe\xf3\xdc\xfdI7ks\x91\x04\x0cN\x85I\xce\xec\xd3\x80\xcd\xf8\x00S\x05\x9c0\x04N\xcdtj\xfd\x95\x1dV\xa34,\x00\xa1\xd80\x1ed\xb9\xa0\x898\xf9\xa3\xa9\xad\x94t\xb4\xa3\xc5\xab`.\xc4\xb0\\\xa8\xe3|\xb5\x9e5\xcc\x9d\xee\xd71\xa8\xc2\xc3#\xcb\xb6X\x19\xa9\xa2\x0eo\xabc\x84\xc0\x8082\xf4\x92L\xe4\xa1\xb0\x1e\x8e^#\xd2\x0b\xbf+\xd8Mr\x87Ti\xfd\xa9\xeb\x8c\x91\x0fM\x1f\xe8\xea\xe3\xf6\x08qj\xa8\x88D\xf2\x17\x87\x9d==(\xd2\\\x92\x96o\x9bb\xc7#\x1c\xb9\xebiL\x80fYjf\xc3/\x95\xbd\xa6\x98\xed\xc3\xd9\x8b\xa6\x12+\xc8`\x98\xa7\xf8@s5H\xaf\x92\xad\xff\xd0\x8d_\x03\xc6\xcc|\xf7v\xf1\x15E\x91q\x1d\xf0xE\xba\x1e\xfe67\xf1D\x8bPm.X\xde\xb6e\xffy\xf6\xb0\x92\xd5&lt;\x8a\xf9\xf7D\xcc\xe9Ki\xcb(\xe4\x88\x9c\xb6\x84!\x82t\x1e\x9b}@\x1c\x8f$\xf5\x9d\xa3\xca\x0b3\xac\xd0@f\x87\xac\xdc\xbeo.\xf00\x7f&gt;\xb7w!+:\x93\xce\xbb_\xa8\xabjRx\x9f\x08#\xffl\x83\xd0G\xcb\x15\x03\xa0\x96-\x89\xd8\xa7@\x8a+\xe1\x88}\xb5\xef\xd5\x8d\xe2\x10\xde!x\x92\xf3\xfe\xa9Y\x9fJd\xa1\xf2\x089\xac\r\xacmf\xa8\xbe\x91\xa5 33\xfff\x91\x19\xc8\xfeL\xaa9RUG\x88\xce\x80\xbbF\x9c\xe1\xb0\x8b\xe1l\xae\xc3\xf3I\xbd\x8c\x8a\xcc\xc9\xe6\xd9 u\x08\x85u\xc6\xcc\xac\xc6my+\xd4\x86\xee\xb5\x12\xbau\xd0"\x83\n\x0bn\x99\x826v[C\x0f\x87\xb2=g\xe2u\xe4ZN\'\x94\x9d\xa1\xffd\xb6\xdc6\x8d\xf3\t\x91\xdf\xa3s\xcag\xac\x11\xff\x95m7\xde/\x96-.?\\\xc6\xfb\xd5\x0f\xae\x80\x08\</t>
        </is>
      </c>
      <c r="E415" t="inlineStr">
        <is>
          <t>&lt;class 'numpy.ndarray'&gt;</t>
        </is>
      </c>
    </row>
    <row r="416">
      <c r="A416" s="1" t="n">
        <v>414</v>
      </c>
      <c r="B416" t="inlineStr">
        <is>
          <t>steps_per_sec</t>
        </is>
      </c>
      <c r="C416" t="n">
        <v>6000</v>
      </c>
      <c r="D416" t="inlineStr">
        <is>
          <t>10.375156</t>
        </is>
      </c>
      <c r="E416" t="inlineStr">
        <is>
          <t>&lt;class 'numpy.ndarray'&gt;</t>
        </is>
      </c>
    </row>
    <row r="417">
      <c r="A417" s="1" t="n">
        <v>415</v>
      </c>
      <c r="B417" t="inlineStr">
        <is>
          <t>Loss/object_center</t>
        </is>
      </c>
      <c r="C417" t="n">
        <v>6000</v>
      </c>
      <c r="D417" t="inlineStr">
        <is>
          <t>0.28749663</t>
        </is>
      </c>
      <c r="E417" t="inlineStr">
        <is>
          <t>&lt;class 'numpy.ndarray'&gt;</t>
        </is>
      </c>
    </row>
    <row r="418">
      <c r="A418" s="1" t="n">
        <v>416</v>
      </c>
      <c r="B418" t="inlineStr">
        <is>
          <t>Loss/box/scale</t>
        </is>
      </c>
      <c r="C418" t="n">
        <v>6000</v>
      </c>
      <c r="D418" t="inlineStr">
        <is>
          <t>0.059133876</t>
        </is>
      </c>
      <c r="E418" t="inlineStr">
        <is>
          <t>&lt;class 'numpy.ndarray'&gt;</t>
        </is>
      </c>
    </row>
    <row r="419">
      <c r="A419" s="1" t="n">
        <v>417</v>
      </c>
      <c r="B419" t="inlineStr">
        <is>
          <t>Loss/box/offset</t>
        </is>
      </c>
      <c r="C419" t="n">
        <v>6000</v>
      </c>
      <c r="D419" t="inlineStr">
        <is>
          <t>0.19446084</t>
        </is>
      </c>
      <c r="E419" t="inlineStr">
        <is>
          <t>&lt;class 'numpy.ndarray'&gt;</t>
        </is>
      </c>
    </row>
    <row r="420">
      <c r="A420" s="1" t="n">
        <v>418</v>
      </c>
      <c r="B420" t="inlineStr">
        <is>
          <t>Loss/total_loss</t>
        </is>
      </c>
      <c r="C420" t="n">
        <v>6000</v>
      </c>
      <c r="D420" t="inlineStr">
        <is>
          <t>0.5410913</t>
        </is>
      </c>
      <c r="E420" t="inlineStr">
        <is>
          <t>&lt;class 'numpy.ndarray'&gt;</t>
        </is>
      </c>
    </row>
    <row r="421">
      <c r="A421" s="1" t="n">
        <v>419</v>
      </c>
      <c r="B421" t="inlineStr">
        <is>
          <t>learning_rate</t>
        </is>
      </c>
      <c r="C421" t="n">
        <v>6000</v>
      </c>
      <c r="D421" t="inlineStr">
        <is>
          <t>0.000999959</t>
        </is>
      </c>
      <c r="E421" t="inlineStr">
        <is>
          <t>&lt;class 'numpy.ndarray'&gt;</t>
        </is>
      </c>
    </row>
    <row r="422">
      <c r="A422" s="1" t="n">
        <v>420</v>
      </c>
      <c r="B422" t="inlineStr">
        <is>
          <t>train_input_images</t>
        </is>
      </c>
      <c r="C422" t="n">
        <v>6000</v>
      </c>
      <c r="D422" t="inlineStr">
        <is>
          <t>[b'512' b'512'
 b'\x89PNG\r\n\x1a\n\x00\x00\x00\rIHDR\x00\x00\x02\x00\x00\x00\x02\x00\x08\x02\x00\x00\x00{\x1aC\xad\x00\x00 \x00IDATx\x9c\xec\xbdw\xdc6\xdfQ\x17&lt;\x9b\x84\x1a\x88 H\x150 \x10:\x824\x91\xde\x03H\x0f\x9d H\x13C/\x86\xde\xa4\x8bt\x08E \x10b\x80\x17\t-\x80\x94\x97H\xc0\x97N\xe8E\x10"\x9d\x98PB(\xea\xbc\x7f\xec\xee\xd9)\xdf\x993gw\xef\xfb\xb9\xae\x87g&gt;\xc9\xf3\xdb\xeb\x9c)\xdf)g\xce\xd9\xbd\xcaMt\x8f\xee\xd1=\xbaG\xf7\xe8\x1e\xdd\xa3{t\x8f\xee\xd1=\xbaG\xf7\xe8\x1e\xdd\xa3{t\x8f\xee\xd1=\xbaG\xf7\xe8\x1e\xdd\xa3{t\x8f\xee\xd1=\xbaG\xf7\xe8\x1e\xdd\xa3{t\x8f\xee\xd1=\xbaG\xf7\xe8\x1e\xdd\xa3{t\x8f\xee\xd1=\xbaG\xf7\xe8\x1e\xdd\xa3{t\x8f\xee\xd1=\xbaG\xf7\xe8\x1e\xdd\xa3{t\x8f\xee\xd1=\xbaG\xf7\xe8\x1e\xdd\xa3{t\x8f\xee\xd1=\xbaG\xf7\xe8\x1e\xdd\xa3\xbf{\xc4\xcc\xc3"7\x81#\xa6\xaf\xdd\x05\xd2\xd0\x11\r\xcc\xdc\xc4\x8f\xfb\xde\xb4\x15!\xcd\\\x15\xde!\x1f\x99\xbf4\x9c*\xeb\x97\x91\xd9\x8d\xa4\xe9\x91R\x91\x06\x16\xcc\x86"\x18\x91Hb\xda\xcf\x8a\x11%\xa2\x04\x17~rB\x08\x80\x1fw\xd1\x18 $[\x89X\x1e\x1c\x11\x93\x12\xaa\x04\xbf\xcfid.\x81\x11\xf1@\xce\xae\x92\xab\xa7\xdc\xb3w,*\t"\xb4#nC\xb1\x96kc\x1b\x0c\xb4\x1d\xcc"(2""\xfa3\xc7\x06d\xcf\xd8~H\xb86\xaf\xa5\xe3\n\x81\t\xbb\x90Fd%\xc2P?\x92\xf2\x83\x88\r\x8e\x98\xf1h\xb92+x\x86Y\xb5\x1e\xc7#\x99\x15\xfd \xf9)\xaf\xc4\xf7\xa2\xa8\xb5\xb1\x84\x84w\x8e\x9c\xc0v\x15I\xf9\xf1(,I\xf7G\xe0q\x0c\x9f\xb1\x84\x1f+o!]\xacH\x9cAN#%\x1b\xdb/8N\xcf#\xfc\xf2\x1a.\x93\xa6Q\x01Ne\xf2\xd9\x8d\x8d\x99\xa6i\xf2\x83D~\xfcDb\xe6\xa2\xfa\x19\xccMb\xd9\xf0\x14\x83\xb6G\x7fOs= 7\x04\xc0pz\xfe\x07\x12\xfd\x96\xe1\x8c\x8a\xa7\xe7\xc9\x12\xedz\r\x10\x11\x93\xe4\xf5\xf0\xe6fF\xa2T\xda\xe2\x9fG\x1a\xc3&lt;\xc2\xcfF\xf4\xe7\xaa;x0\xb2},J\x18\x88x6+&gt;MC\x1b2\xb4%g\xfb\x16\x11\'D"lM\xd3\xb46\xe55A\x82\x81hZb.tND\xec\x03n\x80EK\xd8\x17\x80s\x19\x17\x88L%\xe4k5L7\xbc\xacN\xa4\xfb\x8c\n\xe4n\x15\x9d\x9e\xa6\tF}J\xc3\x96o\xd1\x81H\xb8N.\x81f&lt;7\x87i\xea\x1dI\xc0Z%\xa2\xde}^\xbd\xab@\xd7\xa0\xf4\x14\xf0\xff\x96\x1b\x99\x8bD\x1f\x99\x81\xac\xf7k\x89v\xb9\x06&amp;"\xc3\xeb%\xa7\xb5n\x17\xa3\xb4\xc9\xd8B}\xc8\xc4\xcc\xf4\xe7\x0b\x14\xa3G\x9eR\r`\x89|\x9a&amp;\xa2\xfbz\xa88!&lt;v\xb4\xc8\xd7\x95\xe9\x9b\xe6\xa6\x81\\`\xbbq^\xc5\x88\xf9\xbe\xf3B\xfd"\xb7\xa9L\xd3\xe6\xc04\xb5\x0e\xa1\x90L\x9a$\x04h\xb7\xed=\r\xbcC\x8e\xd02ODD\xdfD/5[\xf9\xadI\'ze\xb8\xc1\xe5|W\xd1\xee\xbb\xa4\xd1=`\xa7\x95n\x13\xbcQ\xf3\xcd\xca\xe1;Jf\xe6\x07\x86\x0f:h&lt;\x9e\x8d\xd3_`~h\xd1\x8eX\xfd\x88\'\xb4r0&gt;\x00\x1e\x1a\xf4/e\x04rx\xbc&gt;i1\x83\x95\xe0\xb3\xa7\x14-\xe0\xaf=L\xdf"\xef\x1eL\xa9A&amp;\xc0\xa94\x90\xd2\xb8\xaa\x92`,\xe0M\xc92\xfb\x7f\xd2\xa8V\xf2\xad\xac\xab\x07V\xaf\xb7\x01~\xfd\x9e\x06\x17\x1c\x8f\xc4\xf9z\xdboX\x9e@Q\xa0/\xcd\xba\xaf\xbc\x8b"\x88\xa9w\x9a\xee8r\xc4S\xb3\xaa\x8f\x07\xad\xa2\xc4/\xef\x9c\x81\xd6U$/\x88\xe8\xed\x07\xd5\x16\tt%\xcf\x80\x10\x12\xe1\x86\xb8\x9bLs!\xed\xfef\xd4\x91\xd7\x93h\xee\x12\x14\x11#\xe1\x8e\xe8\x99\x9b\x0b\x1e\xab\x1dg^G\xc0F\x02]\xdb\x11n\xa9\xd6\xbc\x84N%&gt;2?\xb2\xcb3\x0e\xf0b\x08\xa2/:t\x0b\xce3\x7f\x96?\x08\xffN.\xe2.\x8e\x01\xd8\x1f\x9f\x1d\x9a\x13\xe6jR\x8c\xd4\x199\xea\xde\x15y\xd3X\t\xec&amp;n\xd6\xb0\xddP\x8dE\xad-\xe4Ow\x88\xba\x15?\x05[\xaa\xef\x9b]\xe5\xb6\xcf\x06\xe2\xf0\xa5\x06\x80\xef\xc6\xcc\xed\x9aB+X\xb1\xfeU[\x04L\x19r\xc1\xb9?\x0c \x1a48\xe5\xcbJ.\xe0T\x14|?\xf5\xda\x91\x96\x8b%s\xc0\x89\x18\xce\xb7\x8bc\xba_\xf6.&amp;~\r\xa2\xeb\xf1z\x08\xa7\\@\xb8\x17\xdc\x96\xd3\xedXz\x8e\xb6\x82"\xd3\x98LK].\x1e\x10j\xf3Gl\xa5Mt\xde\x08\x95\xec\xc1`\xa3ph%\x03\xbb\xa3}\xd7}\xd3\xd3\x89po\xd5\xf85\xceu\x8a\xf4vb&lt;\xf2\x81\x8a6\xef\x08\x8f\xbc;\x89\x02\xb3\x00\x80\x1a\xaf\x88\x9a\x93\x1d\xb6!\x9d\x84?\xb1wst\xb1\xcd\xf1\x85\xf6\n2\xd1\x0b\x9c\td\xd0:*\xf9\x1d\xb7 u\xfehy\xfa\xc1Sr\xcd\xcc\x7f\x10NUM\xa4\re/\xb2\xd1\x1dt\xb3\xc8\xfc\xa1V\x89\xech\xda\xc4&amp;\xeeo\x19#T\x90$`\xd3\xe2\xeb\xc7Jf\xe6\x87(\r\x94\xc6!i\xfa\xder\xde\xfd%Z\xa5\xc7\xcc\xa6\xb7\x86]\xc0\x97KW\x07z9\x14,\xd7\xd7\x86\xfe\xb6\xe8`\\z\xeb\xb7#kG~\x102\x86\xfcD\xc4\xfc\xd3t\x03\xc7+\xe9\x17?HM}\x86\xe4\xf1\x82\xb0\xb3\x04Q:\x12\xba\xa1\xb8+w\x98\xf8)\xfb\x9f\x9eu\xf9\x92\xf3~\x80\xed\x9b#0\xcc\xb6\xab\xe2\x98\xf3W\xc4\xca\xd5\xad\x80\x1a\x14\xdd\xdc\xefUX\xdb\x036\x1f\xa1\xad#\xcb\xe1\xd2\xe9\xea|{k].\xa7\x83\xbf\xf0X\x08\xc7\xdf\x95\xd2C\xe8!+\xe7n\x00\x17\x13Uf\xe6\x8f\x12/\xed\xac\xb9\xf1W\x9cm\xbc\r\xbesl\xa5\x8eG^\xec\x8bz\xf4\x8c{(\x89a\xaf\xb5\xb6\xfa\xdd\x10\x9c\xee\xd7\x8e,\x07%\xc2\x1c933\x7f2\x04\x83\x06\x9br\xac\xcd\xf1\x7fY4_\xdc?\xae\x9bD\x98\xee(\x8e\xbdt7%\xa6v\xb0\xbaD\x7fM\xaf&lt;O\xed\x99\x0b\x0f\x9d1\x07L\xfbFp\xfa.\xdbkU\xf8n#\x91\x19\xda\x8a\xba\xcc\xfc\x9d\xdb\xd1;\xb6\xd8\xd7\xdc5%Ex\xe9\xe9}C\xbbI\xde\xde\x99\r\xa9\xd8\xfd\xafx\x97\xb8&gt;\xc4#t!\x19a\xae~\x8a\xa6_j@9(\xbc\xe8l\xb5\x9bn9\x92w\xe4\xb9*\xf3\x1f&amp;vO_\xe3\xa83\x02\x9e\x8e\x92\xb4w\x17\xb12\x7f\x88\xef\xd15\xd1\x82\xf2\xf2\xad\xc9z\x07\xa6B\xcd\xfc\xcaF\x15\xa7J\x08\xdd\x82\xe4\xd6\xd7\x18n\xb3v?\x88\xb5m:\xaf\xf0i\n\xd1\xdd\xbe\x01DtV\x9a\x8a\xf9&gt;\x97\xed\x8e\xd0mo\x00\xe2\x00X\xe4\xdc\xcd\xd0\xac\xe4\x9c\xe7n\x00\xcc\xd8\xc7\x1d\xda\x8f\xa0\x8aO\x0f\x1d\xce\xa2\xc1\xf9\xf0\xde\xdah\xde\xb2Y\xf7\xdfB:\xe8\x89%\x14@V*1HB\xf7\xc5\x05\xbf\x91z\xb4U\xc4|\x8fn\x83\xa2\'\xb3\x97F\xf0Q\xe9\tj\xebw\xfd?\x02\x0eG\xc7\x01\x9cB\x03^\x0cB^\xce\x98?\xe6\x07+\x1d\x87\xb9\xf7\x19\xa1.\x9ed\xb3a~\x1fh\xb4\xa3\xb0P8\xe1\xb9\x15\t?\x01j\xd8\xbb9I\rE\xe6\xcaJ\x18\xba]\x86|\x91\xfbQ\xac\xe4\xc5*\xfaeF\xd5\xe5\xac\xa0=t\xcd\xd8-]]&amp;\xf6U\x8f\x7f\xb8T\xe9\x17\xa3V\xac\x86\xc2\xd4A+\xa7\xa7\xaf}\xd2#d\xe8j(\xaf\xf1\xa4W\x06\xcde\xd3\x0f\x8dv\x81\x01\x00\x85\xad\xdd+?1\xec\xb0A\'\xfa\x97\'?e0G\x90\x16\xb7\xa5\xd6\xeb\xff\xbe3\xcd\x0e\xc0uo\x00\rze_\xbd|b\xf1\xef\xb5Pi\xa9\x07\xd7fpw\x06\x8fg\xfe\xac\xe2y\xefS\xb4\x08:a\xdb\x13+&lt;\xbf\x0f\x88\x16Q\xf7\xbc\x89\xa5\xf6\xa1\x8d\xadH0\xc5\xb0\xec&lt;\x9a\x8cl\x00E\x18g-\xea\xed \x9f\x9b\xdb2n\xf7\x0c\x13\xbd\xbb\xa3s^+\xd9\x83\xcc\x9d\xc2q\xa7)_\xd5\'\xf6\x97D\xe1)t\x81K\x89\x99\xf9AG\x0f\x9e\xa3\xd27\x17\x06\xbc\x1b\xbd\xed\x1e\xa9\x84y\x07\xb0\x8a\xc2S\xce\xda\xd5\x9b9\xf1\xccGZ\xef&gt;\x0c\xbc\x1a\x1a\xea\x17\x1dU\x87\xc1\xec\xa6\xbbf\x0f\xc8o\x93sA\xffD\xe8\xdd{\x9a/\xf0\xe4rkx\xb8\xd6\x05\x16\xe6\xc3\xb0.\xe7\x01A\xf0|\xa6,~cnt\xcf\xe3\xfez\xbf-\xe6\xcf\x13\xd7\xc6P{\x8a\xc0\x82bU\x07\xb1\xdcQ\xea&gt;\x05\xbb\n\xf2\x19\xba\xc1\xf3\xe9\r\xe9\xddK\xea^u\xdc\xf1K\xc82\xf3\x0b\x8a\xebu\x9d_\x06\xb6F\xb7\t\xe5\x82\xdcvts\x87\xad\xb4\xc9v\x9e\x95\x1d\xb4\xcb\xf2\xda=\xf9\xe1\xb6\x19\xc4\xd8.9e\xc3\xe4op\xc2\x1b\x85[\xc1\xd3%\xbfK_T\xef\xb8i\x92\x1b\xc0\xb0\xec\xe9h\xc6\t\x1dHo6\x81{\x02u\xc3\x98\xcc!w\x1b\xbf9\x937@\x955\x98\xfe8\xc8\x1d .\xc0N\x8eY\xd7\xbd\x01\xdc\x1d\x8drhq\x169w\xc7\xc5\x1c\x1fn\x9a\xa2\xc6\xb11\x9cm\xeeT}@?\xdc\x0fn\xc7zD\xe8\x16\xf3\x040\xcf)\x15\x06v\x0f\x9a\xb0\n\xbf|\xbdx\xd9\x80\xe1&amp;a\xec_S\xf9\xec\x81\\\x88\xb3\xff\x0f23?\x10\x98cM\xfb\x0c](\xdd\x05\xfe\xf0s\x11\xb9\x1eq\xca\x03\x84\xeaV\xb1\xd7\xce\xb9\x1f\x96`~f?\xf8\x03\xfbteV\x98\x89\x98\xdf\xffl\xc5\xd6Jq\xf0N\xd1\xb9\x05\x96?^8\x8b\x0e\x9ei\xa0\x92\x9b8{\x01\xc1}bC&amp;VO\xec\x01\xbf\xf6N\xc0U\xd2\xdd\xe5\xcdF|\x86k\xe8\xd0\x17&lt;\x07;P\x17[\x0b\xd0#\xbd\xb7|\xbf#Q\xa5\x07\xf7"\xcb\xac\xf7=\x1e\r\x89\xd1\x99o\x00\x07\xd7\xe1\xee\x07,\xa0$\x8e\xe0\xe8\xe9a\xf438\x17E\xc9\x93q\x8a\xf3\xe5\xf9\xbb\xf5\x84\xe3s\xeas9\x9e\x03\x8e\x1e?\xfa\r\x00\xda\xbc\xdb\xb6\x87!\xba\xe3\xce\x1f\x01p\xe2\xe1\xabU\xc9,}#\xfd7\xb5~\xbe\xbdq+\xfb@DZ\xfd6&lt;\xd3o\xef\xb2\x92+\xcf9/\xf3\x04x\xe4H~\xd4t\xfc\xec\xa5\x82@\xf2\xac\xabf\xeb\xb0w$\xd6\x8c\xea\xb0x\x03p\x81\xb5q&amp;\x9du\xfe\xba!\xaa4\xf1J\xeb\xbc_\x8fa\x07\xd5O7\x07C;\xfa\xe4d_\xb3\xb8\xa1S02\xb4\xff\xe1\xfb\xd9\xef|&lt;\xe2&amp;6\x80\x8a\xc2\x8bZnh3\xfe\xea\x01\xf1\xb2\xfe\x9b\xf3Z&gt;\xd21\x83T\xae\xae{\xb4\x90\xd9\xb7\xef8\x12\xd2`\xf6t\xb7d\xea\x93\xf6H5$\xdc\xfb\xb4\xc0\xb9\x8f\x95\xbdio}GOC\x1d\xf9\x84\xde\xb8\xdc0\x15\xe0\x9d\xd2\x87w\xc833\xf3\x1f\x9f\xa8&lt;\xeaA\x17E&gt;#\xc9K+{sM|\xbcY\xcbG\xac\xdbbl\xeb\xe2}\xdb-{X\xccy\x9d_^\xea\xc6\xe9\xac\x84\xdd\xd9:\xbe!\xeb\xe1\x83\xceS\x94\x8fkIjt{)\x06\xdf{\x1d)\xc6\'i\xbe`\x03(#\x1c\xa2k\\lG\xa0\x89CL\xdf\n\xdf\xec\xbdWx+\xc9\xcc\xfc\xe2{\x94\xc8\xb6{\xf8\xb80\xacj\xd4\xa0&lt;P*\xb2l\xdf\xc0\xbc-\xb41\x1bw\x9c@\x86\xbe\n\xb1\xa5/\xef8\xb18\x0b\\H\x0e|\x17\xee\xf0\x0f)\x8f\x8d\xda\x84\xea\xf1d\xcdT\xb6\x93!\x12F\xf7)\x18\xc0y\x9bt\xbcy\x91=\x8d\xda\xf1\xfd\x11\x1b\x1cOf\x83\x1d}\xfe\x17\xe5\x05\xf3c\xb6Jf\x99\xf9\x0b0^u\x88\xa9gc(k\xce\x84G\xeb\x01\xd7\xd5\xdfu\xa4\xfa\xdd\x19+d\x0f\x862\xdb\xad\xc1\xbb\x89P$:\xf3S[\xa2\x81?\n\x9f\xe2#[\xfb\xbcb\xe6\xd7\x19\t\xbe\xb4\xd2N\xbbr\xe4t\x1a\xf2J\xf2\xe2(\x15F\x0e\xd2\x8e&lt;\x9cR\x90F\xc7\xc81\xbcT\xba]\x85\xb2;W\xec*\xd9\xe0\xba\xd9\x8d\x8f\xfb\x9b\xd4\x9d\xear\x17GW\x1a\x84J\xf2*\xbd\xc6\x9f\xb8ay\x19\r\xcf\xd3\xb5\x9d\x03\xf3\xe7\x91\x0f\x9a\xc7-\x03&lt;\x82\xc1\xc3W\xb2\x01\xec\xeb2yO\xecjd\xfd\xfb\xc0\xb7\xb3\xda^u\\D\xde}.#\xab\xef\x95s\xae\x9e\x1a\xb7~%\xcb\xafs\x0br\xea\xfb\xae\x7f\xdb\x05\x93\xa5\xa0Z\xf0\xcc&lt;W\xcbm\x1e(/\x8ev\xb6\x87&amp;~\x06\x00r+m7\xa2#\xe7\xa9\xbc\x0eF\x8e\xbd_X7\x9a\xcc\xea\xf3\xe96\xc5\xefT}\xb0\xeec;\x14\xe4\x83\xab\xc2\xe5\xf4\x88\xb2\xae\xad\x8f;O\x95j!\xf3E\xbb&gt;\xcb\xcab\xeb\\u\xa3\xd6Oz\x0e\xd6=n\xe7\x18r\xa9o\xee\x9c\xde\xec\xc1\x02nE\x91\x85\xbf\xbb}\xffF\xe9\x8c\xc6q\x83\xfd"\xbb1\\;\xef\xd0\xb9o\xd4:\xc55]&lt;\xb9T\xad\xe4\xdb\xcc\xbcZ\xe2\xe7N\x9dsV\x17\xc4-.\xb0m\x87\xfb\xc4s\xb4UvJ\x19\xba\xa2\xa7?~\x1c\\@C\x81\x8e\xfa\xf5\x81\x83\x17\x08ZeG8v\xfe\xec\x9c\xf7\xcd\xce4\xbf\xef\xdd\xe5\xdf\r\xe6\x1e\x9dI\x9f\x8a\x06\x8b\xe9\xe9&gt;\xdb\xed\x88\x07upJm\xe4\x1b\xc0\x0em\xd1J.5\xe8\x98\xf3\x84{;\x11\xfc\xd7YQ\x1d\xd6z#\x144\xafN\x8b\x0cCw\xec\xa1\xf6\xb0\xec\xae\xb0\xe6\xad\xd3\xb0\xc9\x97\x89*9\xe9\xc7\x12\xd9a\xf4\xceJ&gt;\x9b[\x99\'\x8b\x01\xb9h:\x0b\xfeuEa\xc7\xd9\xa7]\x0f\xe9&lt;%*\xcf*:c7\xce\xff\xa5\xa7-\xa9\xda\xec\xc69eK\xef\xb8\xad\xa5\xe2\x9a\x99\x99.\xa7\xaa\xbaH\xc2\r@0\xd0M\xae\x94[hFE\xed&gt;\xe3\xe6e\xb2Y\x9a\xe5\x86y\xea\x88#\x84\x07\x1f9\x1c\x06p\xb9tV\rE\x0f\nn\x8e\xd6\xc7\x8b\xef\x88gw\x9e\xeb\x0f\x9d\xce.p_&lt;z\x80\x1a\x1dw\x13\xdd\xb3\xd5n\x0c7J90v\x7f\x96\x07\xf0\xbc\xd8\x89pz\xb6F\xf9O-T\xe6\x07\xd9\x11m\xabb\x8d\x93\r\xe0\xf2\x96\xd5\xddC\xcc\xf4\xcdg\x14\x84\xc9St\xbdGs\xfaT\xe4\xf6\x8b\xe3\xd2\xca\xb1\xf2\x14\xb5\xc3\x10\xf3\x8f\xde\x03];\xf1\xb3\x16x\x88&gt;\xb7\xfelAH\x91\x0f\xf5\x10\xb63za\xf1\x06wH\xe1)\xdaf`\xaf\x8e\x06wk&gt;q\xa9&amp;-\xe8\xd2\xc9\xbf\xfdR\x94\x1a7\x84\xad\x04\x83e\xb5y\x1b\xba\xb1\x9c\x9c\xbbNn\x9f\xe0a*\xe3/\x8c\x14U]\x0e\xb1\xbb8Gm\xe1\x89\xb0Yw\xfbn.w\xc3\x8b\xa7\x14$?\xd5\xa6o\x0e\xab\\\xd1\xf9\xf1\xae\xf1\xdc(\x15\xdf\x88\xbe\xab\xeeEn\xc2\x99\x1d\x1a\xf7\xdd\xf1\xcd\xf3\xbc&gt;c\xad\x98-\xe8\x1c\xd8\xbd.\x99~\xd5\x8d\xec\xd8\xc9\x8ex\xad\x8e\xbd\xb7\xbefv\x183\'\x8c[\xc3|\xfa{\x1e9j\xa6\xca\xa6\xa5(\xd2\xa3^\xfe\xf2\x0e\x9c\xa7=\x1e(\x9a\xf3K\xc0\x0c&amp;.Wbr\x8f\x96\x8f\x0c\xaa\x11\xb3\xa8\x02\xa9#\x16\xcf%\x05X\\\x9ch(\\Tq\xe8r\xc1[&amp;\xe6\xef\xdd+x\x0e\xfeC;S\xa6V\x99\x08\x1a\x01\xee\xb0\xd1\xc3\xeb}\xf0r-\x95\xf7\x1eR\xf1\x13\x80^W\x1f\xe4\x0f\x07\x1b\xc0v\xdb!~\xe1\'j\xf1\xf2n\xefj\xdc\x8e\xc8\xb8p\xa2G2D&gt;V\'\xae\xff\xc5\xc47\x8c\xcb\x1e\xe6\xbc\x89\x02\xd8J\xf3t\xd5\xe3\x18\xce\xe5?7\\\xdb:&lt;\xdb\xf4\xe9Y\xcd\x8f\xd8\x9f}\xb2\xb5\x01\xda\xdd\xc4\xa4\x0c&lt;P_2\xd9\x93\xa8;\xf8Sz{\xa46\x80k\xdf\x05\xbc\xffG\x15\x06\xfa\xfd\x06\x90\xdb\xaa\xf7\x14\x93\xce\x8a*\x99\xbbZ\xfb\xc0\xe7\xdc\x1b\xcd\xfd\xcd)7\xc7[;;\xdc.\x8b\x99:\xdf\xa3z\xc52?\xb8n\xfd\x84U0\xd3\x9b\x1dTs\xe3\xd4\xc2wJj\xc4bOnm\xc7\x9a\xcc\xb9%c\x8c\xc3\x83\xe9\x16\x93`\x0fX7\x80\x85\xffL|\xb7Op\xf7\xbe\x9d\xb7\xa7\xba\x8d;\xe17\xe3\xd1\xd4\xab\xceY\xfc+\xf0\xdc\xe6\x86v\xefK(\x87}Nu\xa5\x8e\x87\xea\xf67\x80\x7f\xbcW-2t\\I\x9f\xe7\x08\xed\xd0\x95&gt;\x04\x03\xe7\xe2=\xa8\xd8~0\xfb\xa6{\xcb\t\xcf\xc4\xdc\xb3\xdf\xf3;\xc5\x85\x10L\xad\xdf\x12\x8e[)\x9a\xceew\xc0\xd9\x9e\xdd\x07\xf7\x01\x899\xc5Y\xb1\xd5\xce\x05\x91\xf2\x82\x12\xa8v\x97\xdc~\xf2\xf6\x8eo\x967\xb1\xdd\xde\x90Qs4\xd9q\x1e\xba\x9d#\x945z\x86\x14\xb7\xea\xed\xed\x01\xb9\x83\xc9\xf1\xee\x8eT\xc2\x10]6\xba\xf3\x88\xdd/\x1a\x06l7\x12\x8fz\x1d\x98=\xa0+v\xe8\xb42\xb2+\x98\x97\xbf\xac\x95\x9c\xbf\x8f\xde\xc0\x1dF5\x055Uw\xa4\xc5\x9f\xae\xd06&gt;\x9f\xeb\x14\xc9-\xc4\xe1\x14\xedQ\xa93o?w\xdax0\'\xd1\xb3\x05\xc7\xa3-t\x97\xda\xf1O8\xd3\x9c\x05\xe5\x8e\x90?\xa4\xdch\x92p\x0f=OU\xc4pd3\xc8\x95$\xe7\xa3\xb6f*;\xc7%\xd0S\xd2\xd9\x1d\xfb4\x9c\xed\'\xce\x8d\xdc\xe2\x97gW\x0c\xfe\xa8[\xbb\'\xf6\xee\x9d\xd5\xf6\xee\xd4\t\xac\xcf \x8a\xff\xf1\x08\xe7\x7f\xd8T}\xf7\xa8\xf2\x9b&amp;\x16\xeb\xf4\x87\xef \x8eK ~\xc6\xf3T\x15\xba\xf3\x91\xc4Wd\xe5\xb1\xa5R\xe5x|\x10\x95\xdfM\xefx\x89\x9fE\xfc\x8ahP\xac\x9fmp\xf7v+\x8e\x9c\xfb4\x9cE\t\x86\x96R|\x1c\xd6\x92\xa7\x9c|g\xf9\xc2\x9a\xda\xa9|\x0c\tb\xdf\x16\xda\x1e\x08w\x9eZ\xd6\x8a\xc9\xbaZGS\xf2+yL\xfcT0}s\xe5&lt;1\xff\xe9\r-\x9e"*p$\xbc\xb6\x02J6\xc8K\xf0\xe5F\x11\xd4\xf7\xa4\x9b\xd8\xef\xbb\x11&gt;t\x90r;7t\xa1\xbd4\xb3\xe7\x86\xfd\x96\xdf2\xc9\xf6\xef\xfc\x0e\xef.:\xd5)\xaa/\xe6Q\xdf\x8f\x87*K\xc9.\xa9\x8a\xf8A\x8a\xaa\xe4B\x9a&amp;\xa4\xe8 \x9f\x1c\x87\xf7h6Se\xc1#\xb4CK\xfdT\xc8\x9c\xb5\x86#\x19\xef\xca\xf1\nU\x88\x0c$\xc5n\x00\x9d\xbb\x9f\x7f\xd5&amp;w\xf4\xc1\x9c\xf9\xb9\xea\x8a\xaa\xe6\xb6\x7f\xab"}\x9dwk\xfb/\xd0\xa8\xd7\xf9F\xbaO\xe7-\xd0AHI\xa7\x13&lt;\x97x\xbf\xbc\x03P\xa13\xae\xfdb\x17\xa4\x01$7pR\x1e\xebn\x9d\xb3\xc8\xa8\xf1\x8e\xc8\xd2\xac\x85u9U\xd2\x8f6\x00\xc3\xd0\x01pcE|\xa3\x8b#^\x95\xfc\xa11\x9b\xba\r\xba\tXw\x90\xd4m\x9d\xf3\x8f\x05\xdb\xe9Fg\x9d\x15\xbd\xb7vp\xae\xdf\x06%\xcfC\xaf\x8e\xccj~\xd2ij\xab\x83\x17KQ#\xe8H\x99EtvY0\xff\xf1\x10\x1e\xa4\xc1\x1d\xff\x9d.\xbf\xf6\x19\xc9\xe60v\xde{\xddz\x95\xc4\xf7=\xc1\x8d\x1d\xf3\xbe\xaf\x98\\\x1c\xd9\r\xe0\xce\xa29\x89\x8c#\xa3\xb7nfm&lt;\xa1"r\x87\n\xf78\xd5\x83#y\xde\xa5\xa6\xd9\x8e\xbc:d&lt;\x93\xe4\xde|G\xd2\x01\xfb\xe3&gt;\x1c7w\xee\x01\x1b@\xd2\x04\xb5T\xd2+#\xc1Ql\xbb\xe4n\x8a\xcc\xfb\x13r\x17\xbc,\xa0\xfb\xe8\xf6\xdd\x18\xba\xd9&lt;\xd1"t\xb4\xeb\xbd\xbe=\xca\x9ek}\xd5\x01\x84w\x96\x98\xf9&gt;\xc3"\xfbg\x0b\xca\xcf\xa9\xca\'\x1f\x13\xdf\x8d 9 \x8f\xfau0\x14\xc9\x13\x8f\xba\xd1\xf62\x92z\xb9\xf3\x80\xddqj\x9b\xdc\xda\xe8\xc1\x1b-+\xe7-C\xfb;@\x1c\xd3\xa8\x1e7\xb2G*Q\x92,\xf2\x84\x1ePa\xba\x1e*f\x85\x89\xf8eF\xd4^\xdb\xe9\xca\x1e\x12\xf5\x81\xbay\x13\x1cA\x0e[\x1fx6U\x8a\xac\xe1a\xf1o\xa2\xb6\x02\xc0\x98\xc8\xf1\x9c[\x03\xef^c\x93\xa9\x14\xdb\x80\xde\x117\xe6k\xaaRLr{\xbf\x83\xde\x98f\xcf\xee\xf7\xf6l\xc3\xedi\xb3#\x98m\x1cd\xcfbw1\\Hw\xe3\xdb=\x85\xf9\xe7\xcbs\x18v\xed\xef;\xe9\x9f\xdd\x86\x91\x85\x92G\x82\xcc\xcc\xfct48/C\xa5\xc4\xe8\xdc\x94k\xd9\x01`\xcc\xcc\xfc\x94\xba@\xb3\x98\xde\xfe\xd2x9\xad\xa9\x7f\xde"\x00!5hi\x17E\'&lt;\xb05^\xc0r\xdeC\xb6\xbc\xd4\x11\xe6$\x13\xb5\xa7\xb1\xb0\xcdW\xb6\x81\x11$7[8r\x03\xb89+\'\x92?\xe6\xecQ\xb2\xd7\xf4\xb2\xcd\xff\xca\xd1\xf7NN\x0f68:8\x13\x1f\xb4\xad\xfc\x0c\x00\xf4\xab\x8d\xad\xed&gt;\xf4\xddO\x98C\xc6n\xdfwH\x86 wBXt\xd6\x91\xb4=\xafx\x90/)\xec5\xa5v\x91\xbb\xcf\xfc\xa7\'\x81\xba]R\x1d\xbf\xb0\x01\xdcPc\xcb\xfb;;\x86\xfd\xcd\xe20T\xab\x10E\x8cko\x90\xdeY\xba\xe9\xed\xb0kZ\xb6\xbf.\x98[\xbdSq7\x9a[#\xe8\xca\xea\x97\xaf\x8e\x8e\xab\xf0aQ\xf4R\xea\x94S\xe1b)$\xd5\x08\xdeZ\x07w\xb2;\xde\x0e\xd9g\xca\xeb\tK.\xde\xb3\xd9\xdf1\x8b\xd3\xed9\xc0n\x81\xee\xd7\xae\xd0-\xe4\xb4\r\x89K\xc9G\xd3$^1\x11M\xd3d\xae\x87\xc8\x84{\x9a\xa6ed\x9a\xa6\x19\xe4l\xd4\xdd\x8eE\xb6\x12$\xc3\xe0z\xd4|\x9f\xa6\xcd\xe0\xe9Vn\x88v$k\x88\x989\xce\xc3\xd8\x8a\xf1:\xf8\xc6\xe2\x0c\x10\xaf#\x93\xb0\xcb\xcc\x92\x95uE\xca\'"F\xdf4\x11\x1b\xeczY\x89a^l\xce\xb3(\x96@4\x0e\r\\5\xe7\x86q\x86\\\xd3\x19.\xe1\x88\xce-Xc}kD&gt;D\xeb\x08\xeb\x18nK\xfeZ\xd6&lt;\x91\xf8\xac\x87\xdb\xb6\x94\x1b\x85\xfbSs}\xa8\xa1\x88\x10+\xa5LD\xb6\xfb\xf74m\xcd\x18\xa2\xdf\x0et\xe5\x93]B\xf6\xc0x\x8b\x87\x81#\x96|\xb2\x98\xbf\xe0\x08\x18h\x02V\x84\x1c\x9c\xa6i~\xadR\xd6\x0b\xe2m\x9e\xb7&amp;\xd3"\xe5\xe1\xd1\x9c]\xec\x9d\x03\xd1vDP\x98\'\xbd\xb2d\x98\xa6i"~\x9bv\x06\n\xdb\xb9\xebAB\x153?\x94\xe5\x16\xa4,\xab\x05R$~l\x95s\xaav\xffC\xed\xe2\xe0*\x83\x11\x98\x1a\xc5\xb6\xda\xde\xaf\xeebow\xd5\x9fI\xbe\x156z\x85u\\\xf0,S\xdf3\xbf\xf4\xf7\x92\xbb\x1e,\xb6H\xca\xfb,\xe6ou\x0c\x80\xba\xfa\x1f\x1b4\x8b\xb3\x12\xc6\xfc\xbe\xd1\x8d\xa4\x1b\x19\xd4|\xebUu\xa7\xb6\xae+]&lt;\xee\x91iX\x93\xe7\xa6r}\xe8\xdcY\x02\xa8\x02KK&amp;1\xba\x9b\xf8-n\xe0\xe9\xeb`T\xf7\xb9\x1e\xe6T\xc7\xff\xfaj\x98{\x07|\xc1s\x83\x18\xf2\xc6\x9ew\xffh\xb1\x11\x11?\xfa\x00\xaaq\x17\xe8\xc6*@\xbe[xTUh\xe2\x96\x9aB\xd2\xb1ng\xf5\xb0\xbe\xae\x1f#\xaa\xfa\xc5\r\xa5\xd7\xccD\xcc/{\x82\x95\x9b\x01\x7fG\xa8\x88&gt;\xdeV\xb7\x97\xff\x0bH)\r\xf5p\xd5\xd9\xae~\x03\xb89\xe50\xe2\xfe%\xec\xea2\xac\xa3\x1b\xc0\x9d\xa2\x9b\x00\xa36\xc2\x9b\xc1\xc0\xfc\xc9\xc7\x91\';\xb1\x19\xe9\xda:z\xd2&lt;,\x9e#d\xcd\x1913\xf3g\x1d\xeb\xd1\\\xf3\xe5\xe6\x96@\x17\xb9\x9f\x1du\xb6\xc8?\xa4\xd4w\xe4\x1d\xe79\xd9_`\x19\'v/\x9f\xb6\'\xad\xed\xedV\xf08x\xef[C\x1c\xbf7\x0b\x99\x11@\xf5\xc6Z\xae\xe1\xa6\xdf\xc6\xf4\xd4"f&lt;\r\xde\xc6\xab\xeb\x04\xae8\x13\xc3o\x9a\x15\xec\x0e\xc4\x10V\x05T\xb2\xbd{3P\x0cw\xe0\x9d4\x18\xd2J\xf1\xb7\xca\x84\x0e\xf2\xfaN\xe8V\xc9\xb5\x05%\xf1t\xb3sz=\x18\xe5\xb9u\xa2\xf5\x03\x1a\xe2}\x8e:\x9c&lt;\x809\x98\xc4\xf1l\x8a:\xe9\x90-Q\x92Y\x83E\xcc\x17K\xcb\x9b\xc0\xd3\xfa\xce\x1bz3p\xd9\nGU3*\x81q-\x0b\x06f~\xc7\x1b\xe8w]\x9e\x9ci\x8e\xd8\xb9k/~\xb3t\x82/\x1b\xc8\xfa\x11S\xdd\x0e+\x85(\xfb\x11\xce`\x18\xbd\x9f6\xff\xf7w\xfb\xc8\xac\xc8\xadR\xfd\xa3b6\xcc\xeb\xc7r"\xbdD\xdb\x17\x04\xe4\x83T\x7f\x93!\x9f\xf2\xd9w\x83\xa7ix\xf9\xb8cl\xc8\x96*)\xbdQ\xac\x8f\xdbC\x19\xf4o\xb8r\\{\xe6c\x1d\x1b?\x11\xf3\x07\x1b\xce\x18\xad\xd8u"\x16\x85\xe0#f\x8dH\xd3\xddH\xf2\xee)\xb9\xb7=\xd7"\xa4\x8d\xa1\xf7\x14h\xc0Vp\xd3\xda\x1d\x89\x90\xd7M\xe7\xa8\xce\xd4\x86\xd4\xb0\xf8\xd7\xf1\xa3G7\xdd\xa74(\xf0\xe6fY&amp;hw\x90o\x88\xf6\x1cmz\nCC-\x08z\xd0\x8b\xcb\xf1=M_\xc3`\xfeKZOQ\xe3\xca\x06M#\x1b\\\xb6\xbe\xba?nw&lt;\x95\xdd\xa6Q\xdc2\x07{\xcfeQ\xfc\x93_\x9f\xd5&gt;Xf7\xff\xfc\x89\xe7\xc2\xa3\xe7\x0fDHl\xf5\xe7\x85y\xb2\xb7r\xf3\x1dk\xf0A\xe0\x11:\x82q6\xbf\xfbf\xc2\xad1\x00e\x12\xff\xda)x\xfeM\xbf]\x11\x1aB\xc9\x9a\xa6\x89\xf9\xed\xa0\xb6;H\xad\xb8K\xed\t\x0e\xea\x9e\x1e\x1d}\xdb!WV\xb2=\xf6\xba"\\\x0c\xa4\xd0\xd0\x0e\xac\xf7\xda\xe9Yg\\7\xfd\xb0b\xb6\xe8mLe\xeb\xeb\xa3\x88\x82-g\x1b\x9a&amp;\xbd\xf5z[yl\xb3\x87K\x8aG\x9dS\xaf\x88J\x05\xc1\xf0\xd9(\xaeV,Uy \x88\xca|QP&lt;\x15\x9c^\xdf\xd0q\xc5\xb0~\x88\xfb,\xd3\xcc\x8b\xca;\xf2`\xb1\xee\xc8\x9c}\xf9\xcc\xd7\xce\xa2\xa7\xb4Q!\x19\xceni\xd1\x1a\xf9\x834\x97T\xdb\x00v\xc4\xfc`\xea\x97\x9a\x9f&amp;\xea}\x93\x91\xfc;+\xbd\x08p\x90\x9d!%\'\xd2\x8d\xbe\xaf\xb3=\xc9\xc4\xa6m(*\xc1\xc9l\x89\x12\xdd\xba\xd3\x15\xbe\x1b\xb0\xdc\x01\xa8[NsO\x8a\xc4f\x9e\xcf\xcfu\xafk\x9ej[\xba\x88\xde\xb4&gt;T\xdd\xec\xf5\xe5o\x82\xa6\xe9\xc7\xf3\xf9\x85\xcb&gt;\x91&lt;`p:rR\x1b}\x14\xe6\xadW\x85W\x88\xd1\xfb\x15T\x8b\x89\x99m\xda\xba\xfe\x9f\xb2\xd2\xa4\x92}1\x87\xef\x13\x8e$`&gt;\xe0tv\x11\xff\xd4\xbb\x9d\xf0\x9fN\xc4\xfcMmJR\xd3\x9f\xa4`*\xde\xfa\xc4\x0fp\xe08\xff*\x0c\xc2\xce\xca\xac \\\x0e\xf3\xf2\xc1\xb5\xb8\xa8\xbc\x87\xd1\xb5\xc1\x1f\xb5\x01j\xa7\x1f\x92\x8f\x13\xae\xf7IP\x0e|\xa8\xa7\x98\x1e\x04\x9f\xb6\xe7\xb2\xcc\xeb[:D\xcf\xb5\xa6\x90]}{\xaa\x83\xbc!\xaa\xad\xa53qr\xf0`]0le\xd9e\x8e4\xec\x03\xb6$.M\r\xcc\xdd\xc1\x10\xdd\xa9:8\xcb\xeeR\xffa\xc3uG4~\x1a\xc5\xab\xa3\x8b\xb9X\xb4jQ\xf3\xc3\xf4K\xdbvIDC\xcc\xfe\xcdf\xd49\xb5\x8f\xd4\x83H\x01\xb2]{\xef\xe6\x01f\xfe\xeb\x11\xd3K4\x7f\x8c\xbev\xc5\xcf\xcc\xfc$\xc5\xb0\xcf\x85K\'6\tFUe\xaa\x012\x80\xac{[\xea\xc7&gt;\xe5\xb7\x1cW\r\xe8\xd7@\xefH\xf7\xe7\xc7\xed~\x93\xe0Xw\x83\x07\xae\xcaR\xbf\xb1\x08\xe5\x1d\x9c\x99\xcd\x9f\xc6\xf1\xd5R\x8c\x89\x12&lt;\x16If\xe6\xdf\xdb-\xed\xb4\xc5V6s\xe5\x13\xf4\xbe\xaa\xde\xb7.l\xe2\nwl^\xb3W\xb2]?\x08;\x88\x95o\x0c9\xea\x0c[&gt;\xd8\xa0\xcb\xd4$\x90RUwC\xd3\x07\x9f\xa5\xe5\xf59,\xbci\xe2\xf4\xa9\xb7\x8c\x88\x7f\xe2F\x85\x1bm\xa1a}\nT\x8d\xf2\xf6\x86\xc1\xbe\xe7\x03\xed\x19e\xe4\x9d\xc1\x99&lt;\xd7^xF\x90\x14\x99\xbd9\xae=\x7f\xe4\xf5\xa9e\xc5\xbb:\xed\x886\xbb/4P\xfc\tz\xf3\xe8\xa3+\xd8\xdc&lt;B]\xa7*^\'~!f\xfb\x98tnK\x03o\xc9\xac\xb4&lt;\xc7C+\xaeX*gQ}\xd5S\x9c\xcd:X\xa3\xa1\x05!\x7f\xefd[\xc8\xa4~\xdd\xafd10q}${l\xf7@gF\x14\'\xd1\x83\xe3\x03Q\x17C\xdb\x9cGi\x97\xc1=\x08\xdd\xc8\xf9\xb6\xf9\xe3\xad~t\xabt\xe8\xf0;\xca_\xbdMN\x03\xc2\x87\xefB\x12\x1c\xdbc\xae\xc8\xf4\xde\xb2\xdcM\xf5{\x14\x0e&gt;\xe06\x94)\xb9\x12NY\x1aR\xdcw\x80\x0b$\xe30\x131\xbf!\x89\x97\x90\xffg\xc5K\xc9\xacT\xad\x8a\xbb\xbe_hhN\xa7\xddE\x10\xdd7\x99R\xdd\xd7\xfd\xbd\xe6\x83\x0f\n\x02\x17\xf0\xeexV\x8b1\x0b\xcf/\xe3\xe3{\xdehg9]y\xc4\xc2\xe2_\xaf\xf66\xbd\xaeh\xeb\xb7\x03~\xfe"\xe7A\x8b\x95\xd51ln/\xbcZ\x01\x00lI\xf6\x8d,\x1ew\x07\xd9@\\a0/#\x91\xa0\xe1\x00l\xd7\xf5hh\xf4O\x7fo-u\xaf\x93L(\xc7\xf2Mz\x1e\xb8\xa5Z?X\x1dM\xcfw\xc4\x0fZ5\x97O\xb2\xb9I\x12\xd5\xb6A\x15\x1f\r\xee\xe8\x8f\x17\xa7\x19\x9c\xc4\xc7i\x0c\x00$[3?x\xc7Z\xba\x7f\x0f0\x84\x90"\x95\xcc\xc9=\xf8\xb97\xda\xc7\xca\x18+4I\x9d\xa6\xdf\'\xf7\x19\x9e}\x8d9\xbc\xafjUX\xfb\x1a\x07\xee\xbcH\xfbh\xac\xdb\x13Q\xf1\x01\xb0\r!\xeb\xb2\x87\x1f\xcb\xf1\x16a\x9c\xa22\x98\xe6\xcf\xd3"6\xff&amp;\xc5\x98\xe6 \x16~\xfcm\xfb\x9f6\xbaZ\xd2[\xdf\xce\xc3\xc5\xc8}\xf1\xdb\x91\\0\xe7\x1dmb\x8bg\xf6\x82#\xb2\xb9x\xb2y\xdcPdr\xd27\xdd%\x00;@\xb6\x87\x1b\x89\xce!\xb5\xdb\xd3\x92Q(\xab\xb8\xdf\xed\xd6Me\x1b!"~u\xf4\x91\x18%x\x83)\xab\x84\xa5\x0e`\xf7m.\xbb\xfa\xac\xe8\x19\xb2%\xfd4\x1e\xd9\x97\xe8~\xa5\xb2\xe8\xf2`^\xd7\xd9_\x91i\xeev\x96\x88\x88\xbe@\xf1\xf7\x97b\x14\xaf\x9b\x8e\xd1M&lt;\xf6Il\xf5y\x8a\x1b^\xaa\xf6t\x7f\x98\x88\xf9\xdb\x96\xeb\x93\x1eP\xd49#\xe6\x9bK\xdc\x89;GWO{\x94\x11\xdd\x18\x85\x1aR\xe5\xcaPO\x90\x99\x99\xdf\xa0d\x15\x08\xa6\xb1*\xa4I\xae\xfc\xf9\n\n\xec\x8b&lt;\xf3\xbb%F\xdb\xb5\x99\n\xb59\xc0\xb1]\xcb\xc5&gt;/g\xdfV\xde\x01\xf2\xa1\x08\xca\xab\x9a\xbcS\x82!\x97V\xae\xf3\xac\xf5\x1c\xea\xaf\xd95\xed`@\xff\xde[\xab[\xb0\x12\xa9\x1a\xda\xe9w$\xa8\xf2l7\x94\xad\xdcT\x15F\x02`g\x16[\x1c1\xddh\xf4r\x80\xf1\x1f\xd8\x8fwA-i\x16\x04-\xe2\xe9\xf3\x0cY\xb6\xf2 \xa1=\x1b\x16\x92\xdc\xe7\xe4`\x0f\xf2U\x11\xf09\x8d\xf5Ii\xd5\n\x05\x92N\x9a\xeb;\xd3\xae\x87\x15m\xe4h\xd5\x06\xe6\xba\xa8T7\xecZ\x19I\x04\xf3?.r\x1a\x13\xc3";\xcc\xec\xa5~\xb9\x8a\x7f\xdb\xc8,\xf2\xbc\x15\xfd\x07\x16|\xb5P\x03\xd9\xd9\xab\x1b\xed6Gt\xb3&amp;9\xde\x94\x9f\xd2*\xa2\x14\x8bgq&lt;\xfa|\x86AI\x80\\\xb7\x8et\xdd\x1b@\xb7\xa5\xeeP\xc8\xfcL\xe4B\x93\x89\x8c\xda8v\xfe\x92\xb2\xcc\xef\xd4aF\xf7zg\xed\x04\x06U\x85\x87\x1f\xb1\x01\xeb0\x9fm\xfdF\xe9\xccH\x8a\x8bZT\xd5\xe3\xe0\xa5\xb7V\x0c\xb9"L\x8ar\x9f\x83\xbc|\nE\r\xbe\xeeM\x9c\xb4\xf6I\x05b\xec\xc8\x9bKf\x8f\x93^\xe3\xc3F\x9c,\x90\x863w|\x1d\r\xd3Y\x88\xd1&amp;\\\xde\x00T\x87\xd5S\x87\x81\x1d$&amp;b~\x177rS\xb8\xa2\x13\x9f\x1f\x81\x83v\xe4OO\x03V\xa4}\x91\xb9\xa1p\xd6\x9a\xf89\x0fsf\x1d\x91\xaa\xae\xfed\xfa\x8b\x03\xfe\x937\x80]7sQ\x13O6\x00Ng\xe9l\xbf\xa8t\xaf\x9c%.\xda\x02\xee\xb6\r \x81\x9e\xf8\xd4B\x10\xe9\xe1\xf4X\x14)\x84M\xd6\x94Q]a\x99\xf7\x0e|iH\x99\x0e"U\xd9\x15N_6]\xda\xd7\xe9\x1a\xdb\x85,\x95\xd3\xdb(33\xbf\\4{\x96!\x12+\xe56\t\x1f\x84\xff\x9b\x1bI6\x80t6\xb2r\x16\x8d\x06\xac!|\x0f8\x8b\x1e\x0f\x1c\x03x\x01\xc4\xff\x81(~\xee\x11y\xe8c!\xc7\x8f4\x8b\x13\xa9\xbb\xc9\x9d\x95\xc0$J\x01\x7f\xb6\x9e\xe5\xe6\x1aDr\x0f\xc8;H\x97\xb0N\x98\x1f\xb0\\\xbc\xe5&gt;\xf1\xb0X\xda\t\xc6n\xd2\xc1\xf5n\xa3\xc0\x043\xf3k\r(\xdc\x05\xa3\xaf6\xee\xef\x95\r\x00+\x94/\xd7\xc1\xfd\x08o\xe01\xda]H[[t\t\x03\xf9H\xef\'\xc0\xd9\xe1|\xbc\xce\x04\xba\x1d\xc1S\xfc\x85\x1eX^\x1c\xd9v\xb2\xf3\xbd\x93h\xfc\xeakt\xc8\x81\xabp\xb8S\xedi\xef\xbb!\xbb;\x9e\x0be{XAU|\xa0\xd9\xa4\r\x8f\x7f\x04\x94`\xcb\xe0\x15\xeeA;\x1a\x98\x99\xf9\xcf\xec\xb8}p\x1aX\xd1/W\xb6k\xa8\xdc\x11z\xa9\xe6\x98L\xdb\x1b\x11\xc5\xcf%\x8am\xf1H\x9c\xfeH+\xc4\x19*k;\xde\xc7\x7f*5}95q\x16\x92\xe3j*H\xf8\xe2\xeflvt\xdb\xed\xfc\xb4\xb6\xb0~\x93\xbd\xc5(\x98S]\x17\\4\xffR\xda\xb5\xc5\xe5\xe7\xd8y\xfc\x87v\xf9\xd5jl\xe3g8\xd6\x0c\x95F\'\xd3\xda\x87u\xa5\xb4\xec\xe7y@\xdf\xbd\xf3\xec~\x199\r\x12\xae\xa1/\x80\xdc\xe3\xdaF\xcf\xad\x99Z9\xa2[\xdb\xeee0J\xf5\x13\xe2h_\xab\xf0|X\x00i\xb7\xdd\xab\xa39\xf6\xdb\x06\x10w\xc0\x83q\xa8\x8b3\x97\xeew{\'}\x96/\xd5\x14`\xf6\xdb\xc0\x17\x08\x1e\xf0x\xe7N\xd5D\xb2X\x8cw\xb7\xb6\x84o\x83z{\xe6z\x11\x8b\x9f\x18\x8bd\x91\xe4R\xe6\xa2\xcbY\xa1\x1f\x06\x0f\x8e\n\xbb\x9d\xf8\x9d\x00\xb0\xc7\x98%\xb4w\xf1\x9fr\xc7\xe3u\x9a\x8djcJ*Y\x00\x00 \x00IDAT\x0c\x13\xe17\xd5\xa5\xb3b\x10\x9b\xb8\xb5Uu\xee\n\xf6E\x9b\xe7}\x1d\xecl\x0c\xfbL\xb7q\xc8Y_,\x9e\x1e\xeeok\x80\x8f\xcb\'\xad\xfd\xc3\x9f\xdd\xce\x16\xf9\x0f\xe6\x14\x96\xaeo\xfa\xe7v\xbc\x0b\xa5\xb6&gt;\xbb\xb5\x95\x87#\xde6\xf0`\xa5&gt;n\xed\x14Y\xcf43\xff\x02\x82\xe4\xfb\xfb\xacq\xdbVS\x7f\x0f:v\xb0R\xab\xbe\x9fjz\x87\xccnCgUNE\x8f\xb9\x1b\x9b/\x87\xa2\x14\x95J\xe4\x88]&amp;\xbb6\x80\xb5\\\xc3&gt;\x00\xca\xfb\xad\xa2\xbe\xff\xd3\x9b\x17B\xc4\xff\x8a\xc5\xee\xbc\x98\xfb\x0f\x08\xd8\x80_z:\xd1\xe3\xa1B\x18\xf0\xbb\xbe\xfb\xe7t\xa4\xadt\xef\xa1\xf6k&gt;\xe3!\x86\xaf\x0f"z\x99qT\xa7\x94H\xfd\x01N\x02\xe38\x12\x0eN=\xb9\xea\xbais\xdbq\x9btVpvHI\x1a\x95\xda\x07\xc3K\xd7\xa4:\xf7.\x99,\x89\'&lt;\x16\x86\\h^\xeaP^\xcc*6S_6\xa8j\xa3\x0f\xbc\xd9\xaf\x04\xdd\x12u\xe1\xe3\n\xeb1\x0c\x00X\x1bJ\x97\xf3\xad\xd4m\x97\xb8\x0eN\xd6}\xd3+g\x97\xd9\x83\xbc#\x89g\x87\xa1\xdaU\xd7\x1b\xb8\xd3\x90\xecx\x1cT;i\x9e\xb2KU\x90\xf0\xc3:\xc5\x7f\n\x08\x9f/\xef\x1ej\x82\x9c\x87+\xb99V\xb2\xa1\xf2\xea&amp;\xd1\xe5Q.\x14\xb9\x15\xb6Y\\\rJ\x9d\x11\x8cN\xee\\\x97\xd8@\xea=O\xb5\x91\x82\x0br\x0b0\x80\xef\xd1\xcd\xd2\xbb\x12\x11:\x1eF+\xa1N\x91x\xa41Z\xc9\x8a\xe1\x00\x98\xc4h\xf42Sx|\x93N\xa6\xea=b\xbd\xf8i-\x9eo\xde\x90\xe1vh\xb4\xa8&lt;\xbfMYY\xa7\x91\x8alEEk\x02\xd8\xc5y\x9c\xf2\xe2\x84\xebe\x19\xf9\x007\xd2z+C\xb9\x1e\x92o]/\x06\x97\x8c\xb0\xfb?C\x9e\x91\xc8_\x07E!9\xda2\xce&gt;l\xa6\x99\xfb\xef\x03m\xe8\x8c\xcc\xc9\xca\xe4\xe0\x07oG1\x18\xe5CH:&lt;\xb7u\xac\xee\xae.?\x1d\xb4\xa7\xb3\xc15\xcd\xd9,\xe0\x8f\x94 G\xc2\r\x80\xe5\x01\xb3\x92\xaf2O\xce\x95\xf4\xa9\xd3\xe9`\xd76\xf43B\xed\x90\xe9"\xbc\xdd\xc0\xa8_E\xd7\xb8\x01\x8cw\xcf[h(uC;z\xb7\x1d&lt;\x90\xb9\x1d\xa1h\xe6"\xc9n3-\x0eJmGR\x06\xdb\xf4\x98\x06Y&lt;\xaa\x90\x00g\x8a\xe4S\xeb{\xc9\x90\xe6\n1\x7fg\xeb\xfe\xd1\x9d(\x92r\xd4\xb1R\xa9\xf9x\x7f\xb2O&lt;\x06zh\xc8\x80&gt;X\x1d\xde\xfe\x1e\xde\xc5G\xa5\xa3\xfd\xd8C\xc2\xcb\x9fY\x1e\x92\xb6\x8b6\xabE~UX\x91JF _\x0c\xcd\xee=\xad\xce,\xae\xfd\xeci\xa8\x86\x98\x9da~\xca\xa1\xaf\xda\xab\xd2\x11mkX[\xc1\\\x05\x86\xbav\x82\xf92?\xde\xfd\x87Hb\xb60\x1c\xaag\xdbo\xe5U\xf6\x8a\x0eY\xc9\x82\xb66\x8b\xed\xda\x0b\xee,\xc2\x9a X\x80\xb80:5f*\xcd\xf2\x08\xe6\x86-U\x8bA2?&lt;j\xbe\t0\xef\xa0\xb7\x02Oo\xf3\x97\xce\xa4\x14\xbc\x03cG\x1a3\x06\xc2\xe2\x87[\x8e\x9c\x1d\xaf\x8f\x98\x99\xf9G\xfc\xe0\xa0\x92gI\xf4S\x9c\xa7!\x9cC\x90\x84 8\xd9-S\x15\xf1@g\xc1\xae\xdb\xc3\xa2#\xdeG\xf4e\xe7\xc1\x9f\x91\x0c\x83\x01&lt;N&amp;\x95\xae\xb3\xa0\x07&amp;g\x1c\xd2O\xa1\xa4\x07\x91:\x18\x86]xk:A5\xa6=t\x9b\x82mk\xd0\x8b\x0e\x03\x18\x0f\xb6\xb4\xad\xeb\x15\x90\x93\xae\xe1|\xdb\x00z\xac\xda\xe5\xc2X\x19\rN\x90\x0b0%#\xef\xd6\xe66\xcc\xfc\t\x17R\xb4G\t\x94r\\\xfdC\xda\xe0"\xa1\xa4\xfe@\xbf\x083\xbc-\xb6\x93\x1a\xdcYz\xa4\xc2\xdc\xdf\x95-\x16\xef\xa5F\xbe\xf4_\xb8\xdd\xddAF\tv\r\t\x80\xdf\xbc#\xde\xc5y;\x8e\xac\x86\x06E\x948\x982\x8b"+i]3\xf0\\\x82F~M\xc4\xbc\xb3\xc7d\x8e\xa0i\x98\x9d&lt;BI\xa7\x0e\xd7\xbe\xf0K\x9c\xf7AC\x88,j\xeb)\xbe\x1a\x19\xeb,\xe8I)\x80+\xa3[[Z\x15\xf2K%k\x9d\xb7\x02)!\xe6\xffRc\x1b\xbdU\n\x1b\xa2\x8a\x8f;3*\xce_\xe9\xf4\x82\x13\xc9\xdf\xfe\xdb\r\xa0\x07\x82m\xea\xd1\xe3\xdd\xe38\xc3{\xb5\x1b\x8cQ\xc5},\x88F\xe2\xc2\x08\x1f\\\x18\x06\t,\x03\xcc\xfc=z\xd03\x94\xbc\x10\xcc\xe2p\xdda\xde\x1d\xb4!Zb\x12\xce\xaa\xb9\xe8\xd6\xbc1\x9f\x0c\xee\xa6\xc9\xac\xd2;\r\xc7\xd2\xedT@\x17C8\x85\x18\x8e\xe3\xe5\xdeO\x02\xf8A\xc8\xb9\xed\nz\xc3\xb8!\xca\x01\xdfD&amp;\xcf\xd5)u\xe95\x7f\x82\x8902\xbd\xa9!m\x15\x0c\xa8N\x82\xdb\xee\xc8z\xaa\r(G\x1b\x00\x99\x80\xa7\xb0s\x13\x8dg_\x9e6x\xc1\xac1\xb4\xdd\xa3\xdc\xf9\xe6t\x06\xf9{\xae\x0b!\xd9\x02w\x96\xbb|y"0w\x14\x1a\xd2o\x0e\x11`\xedUn\xd2\xedq\xbbl\xfe&amp;)nXGW\x8b~\xc0Rz\xaaV\x01\x96\xd0+\x10\xf1O/\xa6\x87\x92\x0b\x07q\xe7\r6\xe96\xb2tOt\xc8\xf0v\xde6\x84\xf4\xe6\x12\x06b\x90K\xadJx\xdb\x10\n\x8dE\xcb\xf9\xf0\xed\xe6&gt;A\xe5\x05%\x83\xe5\x1c\x01\xbf\x8f\xe4\x8ee\x90\xdf\r\x9bANy\x9e\xe4\xcb\xfcFi\x9f\xa1\xe3\xe47\xf3\x1d\xa6\xf7\xedF\xce\xcabk\x9f\xaa\xa1\xc6wz0\xe1\x9ao\xd7\x89\xc5\xb3\x90\xb0\xa6"\xf3\xb0\x15_0Hs\xd7z\x84\xc1\x87\xb1-\x1c\xf6\xb2\xdf\xdf,z\x138 \x1e\x99;4\xa8\x06\xba#J\xcc$\xff\xfc\x8cW\x11l\x87\x8a-\xdc\x1d%\xbc@Id\x08o\x99g\xaf\x85\x9bX\\\x17GQ\xed\xf2\xcb\x1b\x9e\xa7\xc6\xe2x\xfc,x\xe7j\xae\x9c\xbe+V\xfcb\xe3\xf8#F\x91!\xe8\xdd\x1d/;\xb92\xcdx\x1d^\xd2\x1a*\xb2#\x86\xfaL\xfc\xffv\xd5\x1cm(p\x11A\x1eff~2\xe4\x94J\xec-\x11\\\xa4i\xa1V\\\xc8Or\xb6\x0b\'\x8a\xbc\xddXOI&lt;\x15\xf1\x0c\x97\xb0p\xae\x80@\x19\x89\xa9L0\xd5y\x18\x17\xb6uD\xafZK\xee\x99\xcc&gt;=f\xd0,W\x7f\xa2\x1cU\x9b\xb0\xdd\x91\xba\x8e\xcee\xf9\xca\xa4x\x97\xad/\xd1\xa1\xd5\xcc?\xda\xdf\xd4K\xbdr{9\r\xf5\x13\xdc\x8fb\xb6\xe3K&amp;Z#\xbe\xecsK\x95lv\x90\xe0D\xef\xd56Vcj\xfc\xe7o\xa0\x17AC\xf7\xc8\xd2P/;E\xdbn:g\xf9\xf5\x1a\xca\x89\xd4l\x9d\xd6;\xb8]\x8cm\x84\x15\x91\x1b\nK\xb7#\xf8\xf9\x8eHb+\x85\x11[\x17\xfbGl\xbd\x92\xc4\xfajZ\x93\xa2\xc75O\xa20\x03\x19\xc4A\xe6\x97\x07\xd3]^\xfe\xf8\xe4!1\x80\xc1\x183\xb6\x92\x03pTV|\xa9d\x9ch\x95\xf1\x16\x87\x0fkU\x00\x95\xf6\xc1\xcc&lt;v\x94\xde\x83$x\xc4\x01y\xe0T\xc5\x11\xc3y\xd3N\xd1\x1d\xbaK\xd8G7\xb7\xa0drO,\xe0\xc2\xf6#\x9b\xd1\xce\r\x00\nz\xe6\xa6C\xb5\xaaX?\xf3\xb7\xe7\xde5\xd3J?\x11\xf3\xd7`\xce\xdaQ]IU\x980\xb0\xd2"\xe5\x16\xbd\x8fQ\x0cA\x16\xe4\n\x05P\xd5\xca=\xf6~\xe7\x05\x91\xdf\x00\xc4\xcb\x9e\xec\xb9\xcb)\xb9G\xd6lm\xdc\\\xec7\xbd:\x92D\x83Dq[H\xdb\xda\x1b\xb8\xe9\t\x94u\xc5_/\x9b\x95\xf1AFST`\xb0\x0e\xec\x14\xdaWQ\xddc\x84?\xffF\xb6\xc6r\x91L\x05\x99\xfd:\xcb\xf6\r\xdc{o\x03\xce\x15\xb2\xc9\xe6\xa5\x19I\xc4\xa5Q\xd7\x13\x98\xf9\x1fE"\xb4\xbf\xaa\x87\xf9#\xf1`m\x9a]a\x14\x1b\x89\x9d\xb5.z\xa9T\t\xf7\x117w\x14\xdcN\x13h0\xe2\xa7\xd8)X\x13\xb0\xc8\x98\x01s\xbd|\x99\x99\xf9/v\x08\xe6\xe6\xe4r5\xebpD\xed(\x90\x0eHx-\xe9/\xbd\xd4\xcd\xec:0\x107\xba\x94\xa3\xd3\xcc\x86G\xe4+\xcf\x95\x8edvJ\x95\xd6\x8f\x13\x84V\xbee\xb7\xf7\r\t\xd4z\xad&amp;\xf1\x84\xd6+\xb3\x999\xe7\xbfY_E=\x7f\xe7\xc8g\x94\xf9\xbd\x11\x9b\xfd4\xe1&amp;~\x86Q\xcf\x90\x08\x16\xc7Uq\x8fC=ke\x16\xd9n\xadXg\x0b\xde\x0c\xa7\xfb\xee\xad\xd1\xee\x16p\xc4P\xcaf\xdb\xab\x01\xf5\xd2D\xfc\x9f\x16\x85\xf6&lt;[\xd1\x7f\x18!\xb9\xa0\x91\xbe\xbf\xac\xcbVPy\xf1h\xe9U\xb6\x9f\xae\xe6\xd1\x15D\xc2w\x93\xb8\xbb\x87\x86"~\xa3\xbegG\x9b8\xec\x10m=I\xf0\\\x0f\xad\x18\x91\xddM\xd6\x9asG\'\xc1Ir\xbckGn\xa5\x91\xe9d\xaa\x07&lt;\xb4\xc8L\xdf\xa9\x01\xac:\xbfp\x87\xce\x1b\xa2\xc8\xc1\xa7\x0b\x06\xd9\x97\x0b\n;\x9a-\xff\xfao\xdb5\xc9eD\x0e\xe6uR$Q\xa8~\xea\xaf\xc8\xd5\x1eXG\xa6\x1b\xdeV\xf73a9\xbc\x01\xec\xdc\x02\xcd\xf8]\xd7\xfe\x11\x1d\x8c\xb5\xe6D\x83\x83ets\xfb\xeen\xadr\x03\xa0\xc0\x9d\x08\xb3\x1f\x8d\x0b\xae\x0cf\xbe\xd8\xdb&amp;\x88\x88\xf9\x89\xa3"\xb7@ad\xce\xd3\xbf\xbb\xae\xf2\xed\xb6\xbe\xd7\xbam\x1eoB,\xe7\xca\xe6X\x93\xb5+\x8b\xc71y\xc1\x15\xd8\x8dl\x03\xfb\xce\x7f\x946\x93\x81N%\xf8\xef\xfa\x0e\x7f&gt;\x15C\xf6j\xf0\x86\xe3_\x11\xf5\x9a\xdd\xcd\xed\xbc\x07\xd5Fw\xc7\xd1b\xe5\xf83!\x06\x8c\\u\x11T\xb3\xb8\x8dfF\x0c\xb9/\xbbgo\x88n\xc1\xe8\x89\x85U\xd1c\x92B\xfa\x14\xe2g7\xc1\xfb\']\xfe\x99\x94B=\xfb~\xe8X\xc0\xf2\x0e\xc6\x97\x8a\xa3\xa2\xa7\x8d\x97\x99_\xa9|\x829H\x12\xa6\xb1X\xcc\xad\xdc\x02+\xb6\x86\x94\xdf=$=\xff\xe5\x1ag\xbbN\x82\xc5\xcc\xfc[\x1d\xb6\xdb\xbc\xf7\xac\x13\xeb\x98$\xf8Z\xdf\xe7\xbf(\x17e\xbc\xfc \x0f\xa7\xeb\xad\x12\xc05\x05\xa1\x0b\xe7\x12\xdc;\x13\x7fW\x1f\xc7p\xc4Ms\xff^x\x10@\x92\xd6\xcaT\x14!3\xcdz\xe9\xd5\xd4\x86\x84\x04\xc5\xf5:\xa2\x96\xc3\xcb\xdc\xd2\x9a\xf5P\xe1\xcd\xd9\x11(\xea&amp;\t)\xbf\x9b\xa9m\xe9\xc7\x94\xd85\x10ME\xe2\xb2\x9awh\xe8jV\x83\x96\xa7\x7f\x9b\x1f\xae\xcb\x1e\xc2\x1d\xcb\xd2@\x1d\n`\x05\xc6\r\xdd\xe3c\xbb1\x0c\xc0,[\xcc;\x80%\xfd\xa1Zs\xd8\xbd4\x034\x04\xe1\rQ\xde@\xbb"Cw\x96\xcblk\xf7\xafd\x97L\x05\x89_b\x1ds\x05N\x9b\xdf\xc4|\x8f\xd4\x96\x83~c1_\x0bC\x89\xc8\x01\xb4\xfd\xe0\x88\xb6\x0b\xa2&lt;\xc7\xc5"\x96\xd3C\xa5\x0f\x9b\xda\x10\x03\xa1\rf\x143\x04\x96\xa3\x8d\xae\x8dr\xe6\xfb\xe70\x9c\t\xbf\x01l&amp;J~5T\x85C\x90\xe8\x14\x1b\xdb\xf1\xd2\x1e\xd2\xa0NX\xae\xad\x08\xa8\xf9\xc3\x87~\x03rR\x94\x87\x13\xf6\x14\xe67\x88\x15\xea\xae\x14\xfdhg\x8f\xac\xe3\xd18*\xfb\x05\xf6k\xda\xd6_Y\x8c$w\x91MVa\xf0\xd6\x1b\x7f\xc5\xaf\n\x86\xae\xact\x86\x89\xf8\x07J\xe2]\xe3x\xc9\x7f\x14\xb2\xce\xfc\xdf\xfb6\xefFB\xeb\xc1VX%\xcd\xba:\xf5T\xb9\x83\x1b\x0c\x91\x86\x0f\xd7=q\x08[\x85\xd3_+`\x05\x8bV\x04\xd9\x9e\x87\xba\n\xf9K1\xaa\xd1\xd6)\xc5\xf7y\xa1\xacWJB\x18\x92EU\xb9\xcba\xa2\x0f*\x17\x9e&gt;K\xf2\xfb\xa5&lt;C\xae\xe7\xb7\xcb2\x17\xb0\xa7\xdbk\xad6Q\x08\x914m\xdd\x83\x8e.\x98\xed]\x01\xc9\x00\x0b\xb2\xb9s\x0b\x14\xad\xaf\xfe\xc8\x1a\r"\xbc\xa3wM&lt;\xfb\x9a\x0e\xa9d|M\\\x12q\xf0\xa7\xadF\xbd\xda\x1d\x85\xa8\xaa\x8a\x82P\x15d\xfe\x85\xf9b\xd0\xc4v\x1dO\x91[\xc9#F2\xeb\xbb\xcb\xcb\xcbF\xd7^$Y`\t\x94\xe3^\'\xa8\x86\xacTB\xc6\xcc\xcc\xdf\xd4\xed\x1a2\x1c\x83\x1b\x00\x8e\xa3\xb9\xd5\x88:\x88\xcc\x04\xebqh\xabi\x0b\xc0\x98\xec\xf7\xdf\xbc\x8d\xf4\xd0\xc8!\xa0\x98\x88\x8a\x1e\xab\xb6W*\xec\x9e^\xd6\xd3\x17\xc1ft\x1c\xbc\xfe\r\xe0\xeb\x82qy\x9dl\x95\x8ama\xde\xb3Tv\x1d"\xe4\xca\x8c\x8c\x0e\xddF\x80\xec\xc2\x9d&amp;\x90M`\xe4\xb2\xa7\x13\xbbu^\xdf\x00\xb0\xc2j\x081\x98\x12[\x8d\xaf\xd0SJY\xf0\xfe\xb6\x97\xbe\xaai\xb0\xb0\xd5\xce!,z\xce\xe7@\x1dGm\x00\xe9m\xa8\xe4\xa4Z\xa877}\x97\xec\xca\x9e\xdd\xf2\xf6\xa9Z\\\xfe\x83aCO\xee\xf2e\x16\xfd\xe0\x9e{\xe2\xc</t>
        </is>
      </c>
      <c r="E422" t="inlineStr">
        <is>
          <t>&lt;class 'numpy.ndarray'&gt;</t>
        </is>
      </c>
    </row>
    <row r="423">
      <c r="A423" s="1" t="n">
        <v>421</v>
      </c>
      <c r="B423" t="inlineStr">
        <is>
          <t>steps_per_sec</t>
        </is>
      </c>
      <c r="C423" t="n">
        <v>6100</v>
      </c>
      <c r="D423" t="inlineStr">
        <is>
          <t>9.296006</t>
        </is>
      </c>
      <c r="E423" t="inlineStr">
        <is>
          <t>&lt;class 'numpy.ndarray'&gt;</t>
        </is>
      </c>
    </row>
    <row r="424">
      <c r="A424" s="1" t="n">
        <v>422</v>
      </c>
      <c r="B424" t="inlineStr">
        <is>
          <t>Loss/object_center</t>
        </is>
      </c>
      <c r="C424" t="n">
        <v>6100</v>
      </c>
      <c r="D424" t="inlineStr">
        <is>
          <t>0.44512454</t>
        </is>
      </c>
      <c r="E424" t="inlineStr">
        <is>
          <t>&lt;class 'numpy.ndarray'&gt;</t>
        </is>
      </c>
    </row>
    <row r="425">
      <c r="A425" s="1" t="n">
        <v>423</v>
      </c>
      <c r="B425" t="inlineStr">
        <is>
          <t>Loss/box/scale</t>
        </is>
      </c>
      <c r="C425" t="n">
        <v>6100</v>
      </c>
      <c r="D425" t="inlineStr">
        <is>
          <t>0.08656058</t>
        </is>
      </c>
      <c r="E425" t="inlineStr">
        <is>
          <t>&lt;class 'numpy.ndarray'&gt;</t>
        </is>
      </c>
    </row>
    <row r="426">
      <c r="A426" s="1" t="n">
        <v>424</v>
      </c>
      <c r="B426" t="inlineStr">
        <is>
          <t>Loss/box/offset</t>
        </is>
      </c>
      <c r="C426" t="n">
        <v>6100</v>
      </c>
      <c r="D426" t="inlineStr">
        <is>
          <t>0.31954098</t>
        </is>
      </c>
      <c r="E426" t="inlineStr">
        <is>
          <t>&lt;class 'numpy.ndarray'&gt;</t>
        </is>
      </c>
    </row>
    <row r="427">
      <c r="A427" s="1" t="n">
        <v>425</v>
      </c>
      <c r="B427" t="inlineStr">
        <is>
          <t>Loss/total_loss</t>
        </is>
      </c>
      <c r="C427" t="n">
        <v>6100</v>
      </c>
      <c r="D427" t="inlineStr">
        <is>
          <t>0.8512261</t>
        </is>
      </c>
      <c r="E427" t="inlineStr">
        <is>
          <t>&lt;class 'numpy.ndarray'&gt;</t>
        </is>
      </c>
    </row>
    <row r="428">
      <c r="A428" s="1" t="n">
        <v>426</v>
      </c>
      <c r="B428" t="inlineStr">
        <is>
          <t>learning_rate</t>
        </is>
      </c>
      <c r="C428" t="n">
        <v>6100</v>
      </c>
      <c r="D428" t="inlineStr">
        <is>
          <t>0.0009999503</t>
        </is>
      </c>
      <c r="E428" t="inlineStr">
        <is>
          <t>&lt;class 'numpy.ndarray'&gt;</t>
        </is>
      </c>
    </row>
    <row r="429">
      <c r="A429" s="1" t="n">
        <v>427</v>
      </c>
      <c r="B429" t="inlineStr">
        <is>
          <t>train_input_images</t>
        </is>
      </c>
      <c r="C429" t="n">
        <v>6100</v>
      </c>
      <c r="D429" t="inlineStr">
        <is>
          <t>[b'512' b'512'
 b'\x89PNG\r\n\x1a\n\x00\x00\x00\rIHDR\x00\x00\x02\x00\x00\x00\x02\x00\x08\x02\x00\x00\x00{\x1aC\xad\x00\x00 \x00IDATx\x9c\xed\xdd;\xc8u\xcf~\xd0\xf1\xb5B@\xd3XX)\x84t\tiDHca\xa1\xa5\t\x1cH\x1a\xc1&amp;E\x82v"\xc4\xc6p*\x0b\x8b\x98\xc6*\x81\x9c"\x89\x95\x08\x96i\x84\xa4\x08\x82\xad`\x9d\x14B\xc4\xb4\xc7F\x02a,\xf6\xf3\xecg=\xeb:\x97\xdf\xfc.3\xdf\x0f\xe4\xe4\xfd\xbf\xef\xde3\xbf\xb9\xaf5\xeb\xb2\x97\x05\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uRJ\xd6!`."].?\x91\x94\xd2_\xb7\xe7\x07T\xf3&lt;\xc9z\x8e\rh\'\xde\xc3\x191(\xc3$;&lt;\xe7M\xec:8\x00\x18\x89\xf3\xf5\x00\x98\xd6OX\x07\x80\xc11\xfb\x03\xf0\x82\xd9H\x19\x0b\x00\x00\x00\x00\x00\x00\x08d\xbb\x91\xf1WfQ\x00\x00\x00\x00\xe8\xa1\xf7\xa5\xcb\xb1/\x8dF)]\x948\x01\x0c%\xa5\xa43\xfb\xe8\xcfq\xfd\x8a\xe6|\xbev\x1d\x1c\x00\xe8\x18l\x01\xc8\xcc\xd7\xf9\xfa\x04\x00\xc0\xb2,K\xfau\xeb\x08\x00\x00&amp;8_\x01\xd0\x05\x93\x0b\x80\x02L\x19\x00\xaa\xb9\x9d&gt;\x98\xd9rQS\x00\x80\xc0Z\x96\xb1\xa9\x96\xc0\xa9\n\xeb\x01\xf5\x8d\xf0\xd2\xe1&amp;s\xe6\x91~\xa8\xdb\nT\x1aP\xe9W\xaf\xff)}\xa7\x17S\x89?\xb6\x0e\x00\xb2R\xfa\x1d\xeb\x10\x80\x8eV\xeb\x00\xb2\xecf\xfcuu\x1avJ\xc9ml\xe8\x84FG\\\xfc"\x98$\xdb\x89\xc0\xed\x89\xd1\xd8\x98\xfd\x81b\xbb\xd9\xea~\xee\xca\xdc\xf6\x19x\x06\x94-\xfe\xc0\x15\xf5\xe6y\xab\x10X\x96%%\xb1\x91\x18\xa9\xab\x1f\xf7\xf1c\x8d\xd4\x01f\x96\xe8\xf1\x03\x08,\xd6\x1c\x1a+Zl\xd1p\xc0\r\xae\x01`dl\xd0\x03\xbe\xa4\x94~\xcb:\x06\x0f88\x05pj\xe4]\x87\xbc\xeb\x99\xaa\xd9\x01\x004d\xff\xbcF\xaf\x941\x1b:\x06\x00LJp\x01H\xce\x96\x13W\xc1\xa0\x88\x87}\x9e\x18\x17\x81\xff\x81u\x00\x9ey\xe8F\xceI^\n\xf6\xf4\xdc\xef\xb7{\xa9\r\xe3\x00\x8a\x94NX&amp;\x13\x9c\xd6\x8f\xb6+dRo\x98\xa5e\x98\x82`\x183\x1e\xba\xbd\n\xbc{\n\xac\xf4\xeb\xfeE\x89\x13\xa5hY@\xd2\x90#j\xc8B\x8d\xaa\xec\x10\xa4_\x1c\xf8\xc4\xf0\x99H\xa7\xc6\xa6\x0f!SJ?\xb6\x0e\xc1\x11\x06\x8e+4F%\xfa1\xf0v:\x1c\x18#\x00\x10F\xfb\x94\xcd\xa4\x8f-\x83\xdb@g\xbc\xf6\r8\x90\xd2\x0f:&amp;\xde/i!L;\x00\x02c\n\x03`\x899H\x87~=\xd3\xb2\x00\x80/\xac\n\x907d\xaf\xf2\xf6\x96\x18@\x1c\x1d\xdc\xb9\x01\xa7\xa0\xae\x052\xbf"=`\x83}\x1a\xb7d\x00pP\xf8Z\x8b~\x81\x00\xc0pZ\xe6\xcc\x81\x8f\xb5\x11\x08\xfdp\x0cc\xb4\xa2\xd3\xd7A_\xed\xccxy\x0f/P\xe5\xfc\x89\\\xfd8J\x98o\x93~\x84a\x1d\xc0\x0esQGy?\x1b\xe9\xadK\x005\xba\xf6\xe4\xf6\x93f\x1f\xf3?\xe3=\xb8w\xfb99\xa0\x00\xdcr2@\x8e/o\xc7`l\xb6\x80^\xbf\xa9\xd4c%\xa0\xb3\x02\xb2\xfc\xfc\x02\x1a\xdeF\x98\xe86\'\x98r?\xd9:@\xbd\x04D\xb5\xeb\xa3\xce\x11\t\xfd\x15\xa8\xc6\xc6i#*\xcf\x18\xdd\x17\x00\x00\xcc\x88\xa3x@\x0cc\t\xd8bD \x98\x96.\xbb\xbd\xafT(\x1c\x00\x00\x80&gt;8^\x99\r-\x8e/c\xf4\x861J\xf1h\x92b\x02^0\xe4^|\xd6\x83\xcf\xa8fF\x8b\x00\x03bX#\x07\x0b\x00\xe0\x14\x83\x13\x00\x00\x00\xe8\x8f\x87m\x80N\x18Z\x88\x81U\x00\xe8\x8dg\x9b\x01\x00Ca]s\x84\xa6@D\xf4\xdb\xd08\xb9\x01\x040\x86\x00\xc0/\x8et^\xa8\x07tB\xcf\x82_L|\xe3q\xde\xa6\xce\xc3\x03\xe4\xb9\xed\xf4n\x03\xd3\xe4\xbc\x12\x9c\x87\x07\x00\x80G,\x9e\x00\xeaq\x00\x1e\x17m\x07\xc4\xc0X\x05\xd0$\xf9\xb8\x83\xf7\x15\x82\x8fX\x00\xc0\x87\xde\xf3\xa1\xab\xe9\x96\xc9\xdf\\J?e\x1d\x02\x80OS\x1d\x11OUX\x9f:5\x01-\xfb\xb6\xab\x8aajf\x98\x82@\x15\xfd\x06\x88\xe5t\xcc\xe6\x0fd\x86\xbc6\xea\x1b\xfa\x18\xe7\x8f\xe6\xac\xa29K\r\x00{\xb3\xcd\x86i\xbe"\x03\x97\x18\x0c/\x15\xf5@\xd5aX)\xd1\xbf\xa7p\xbc\xef5P\xab\x07\n\x15\x00?\xdd\xe0\xce\xee\xd1\x07\x9e\x84\x00\xdc\xfa\t\xeb\x00\x04\xac\xabu\x04\xd8\xa2=\xb2\xf5\xbaE\xb5G\xa2\xfe\xfc\x8au\x00(\xe0\xe4\x01](\xa3\xd9\xf3QQP\xa6~\x060\xd9t\xc0\x1d\x02\xeb\xba\xae\x9c\x13\x00.\xd9l\x01\xcd3\'\xae\xcb\xa2&lt;\xfd)\xd4\xed&lt;\xcd\xa7\x8c\x95\x12\xca\xcc\xae\x01\x8c7\x89\x8cW\xa2+C\xceS\xe6\xcdg\x1e\x80\xa6\x99\xcaZO\xa1\x92\xf4\x16\x80\xe3\xac1X\x1f\xf00-\xa6\x94&lt;\x84a(s\x1a=~l\xf2z+\xd5\xb8\\\xf9\xafl\xb5kW7\x19\xb9\xaf\xa4*)\xfd\xed\xf4\xc9:\x96\xd1L^\xa59\x9d\x8a\xbe\x87\x81\xc5\xe8\xdbi\xc3:\x96\x02!\xae\xe8\xfa\x8f\xb0\x9f\x94R\xfa\xdf]\x92\x95O\x14\xe8\xa0tR\xfd\xc9~\xa1d\n\xb4k\xb1.\x11\xce]\'f\xd8\x91\x02ucd\n\xdb\xa6\x051\xbb~\x10\xcc\xdb\x91\x97\xf8\xdb,z\x14p]Wg\xd5\x16^\xccY 6\xf3\xb1\x1ft\xf6/\xbd\xe9\xda\xc5\x02\x90\xd2\xff;\xfd{o\r\xe0,\x9cKQ\xe2\xdcR\x1b\xf0!\xf6\xf1`;\xf6\x93u\x00j\xb4\x17\x80\x8b-\xaa\xbf\x91\xfdu\xd9p$\xbd\xcb\x95\x1f\xe3$\x9d\xcc\x8f\xd4\xed\xc9\x0c\x9ar$\xf3\xb4\xa5\x8b3\x80\xfc\xc1\xa3?\xcav\xd7\xaboB\xfd\xfa\xa7\xebej\xe6cO\x17E\x0fx\xeb\xc1`l\xeb\x7f\x9e\xa6\xcf,\xa9\xeaE\xe0X\xb5\x7f\x8c\xf6\xf3o\xd6e)\xd8\x1f\xdcn&amp;\xce}\x9c\x98n\x0e\xadtjf]W\xcd\xbd\xa6\x99\x1b\xfb\x8a\xf5\x10\xf8U\xd3\xdc\x95\xe4wr\xbd\xc6\xb8\x89I\xb3O\xec\x86\xe5\xf1ROA\xdd\xe5\x85\xfd\xca"\xe85%\x87\x1ak\x92\x86\x98\xc1\xe4\xab\xefv\x12\xbb\xef\xed.\xb6\x80\xee\xc9\x1e\xb2\xed*\xa3q*\xc9\xcaq]\x1b3\xca\x14\xeb\x04\xabZcM2\xfb\x0fo\x92\x81 "\xc0\x02`m\xbd\xb9\xf2\xe0\xaa\xab1\xb5\xe1\xcdU\xcfT\xc6\xebg\x97\xe5\xf35\xbcO5a\xbf\x00&lt;\x86\xa8\xbaA\xf49l\xdeu\xb7\xae\xcb\x92\xde\x95y\x12\xc9\xbc\xe3lP\xa3L\x9d\xcc\x81\xf3Z\xd75\xf3\xa6\x0b\xfb\x05\xe0\x9e\xcd=\x03\xeb\xba|\xcc\xeckz\xbc\xf5H:\xbcN\xe5\x15L\xd6\xcf\x14)\x1eHJf\xbb\xc7\xc2[\x9d\xcc\xffs\xcb&lt;n6~\x15\x84\xab\xc3\xff\xafL_\xff\xefu\xdf\xe7f:\xf03\xf1U\x10\xacI\'g\xd8\x9b\x9b\xb2\x84\x12|%gT\xb8\x1e\xb5\x9a\x12+\x01\xeeX\xde\x05\xe4d\x1ey{\x8c\xf0\xf2\xad\xad]\x86\xee\xc3c\x07C**5\xb3\x1bL\x8ct#\x99\xc9\x16\xd0Z\xfc\xc6\x8ak]\x8e\xca\xd7\xf79@e\xea\xed1\xf5\xf8%\xc5\x10\xcf@\xe5\x94\xfas\x9d\xe8\x1fM\x7f\xfe[d\'\\\xc0W\xaa\x0b\x12h\xf6\x7f,\xa3\xf6\x02\xf0\x9a\xd6\x04\xebo\xddL\xd6b\x89n\xef\xa2\xdd\xfc\xf5\x8f\xf2\x9fX\x16\x0bE\xd2\x18?\xcf;\xd2\xf1WD3T\xfe0\x8b\x9c\xa3\xc6\xea}\xf0)\x92|\xfa&lt;x\xbf\xfa\xb9\x82tF*\x86\xde\xddN\xfc\x0c\xe0\x9d\x96\xdb\x01\xe360\xa8\xa1\x0f\xdcP\xfdI\xc8\xd7bT\xd4\x1eWsV\xef+\n_\'\x16\xff\xed#\xaf\x9c\xd9\xb3\xe0\xfd\x10\x87"D\xec\xa6\xef\xd2::\xd0\xf8\xcem`W\xaa;A\xc4\xfe\xa3#\\\x1f\xd0\x14\xa0j\x0cO\xf9_7\x05\xbe2\xdf\xbe\x08h\xf7\xb1\xf67\x13\xe8\\\xf2M)1\x1a\xc2\x99\xfc\xad\x06\xe8\xca\xfbs\x00\xcb\xc5\xb4\xa8s\xb4\xb3\xdd3_\xd7\xf5\xe3\xa9\xb0\xc3g\x1a\xb3hO\xa4 ;\x9dl\xfa\xa8&gt;\xc8\x8d}t\x1c\xe7\r\xa6!\x82\xec\x8d:\x18\xd6\xdd\xf6\x7f\x04\xe6\xf1\xc6\xaa.\xb40\xeflVRJ)\xfd\x85u\x14\xb9T\x8f\x08\xe3\xde\xbf\xf1\xba\n\xb0\xfb\xcb@ea\x1baZq\x07]o\x9d\x06\xc5v\xdf\xd8?\xd5-\xa00\xb5rp\x0c\xbc\xae,]O\x1b\xa6=\xe6\xc2\x8d\xb8\x83\xae\xb7n\xb3\xbf\xf6\x13*\x0c\xfc\xd9\xa5\xd33\x14\x1f\xfc\xdf*\x1a\x11\x95\t\x11\x01.\x02\x0f\xa3\xeb\xa0M)\xf9&lt;\xd23\x89j\xf8\xf9\x91\xe3z\x84\xd4i\x0fd\xf8\x01o\x82:\x05\x80\xc1\xb1|fzW\x14569:\x000\x9d\xf73\xe1\n\xb9\x00\x99\xe80\x96\xc2\xd5\xfe\xe9\x0b\x8eL"\x01\x9c\x8b54"\xc5:\x8c\xd2W\x1b\xf5\x8b\xa4%\x86\xab\xb8&lt;\x04\x0c\x00\xf6\xdagCfS&lt;\xca\xe9ft$\xbc\x05;J\x8b\xf7\n\x85\x0e&gt;_:]\xff\xf5\x80\xaf\xa2@\x16\x1a\x15E\xb87!\x9e\xba\xf7\tm_L\xad\xb3\x00\xa4\xf4\xdb\xbd\xb3\x00\x80\xb94\xce\xe0:\xb7\xa3\x04\xc2\xf9\x10&amp;7c\xff\x0fT\xe60\x81\xe2ZN#\x9a,E\x81\x06\xc2V\xd0\xb0}\xaa\xebx\xbc\nB\xcbX}\xdd\xff\xaf{\xf6\x90\xf9\xfa\x05\xe5\xf74\xb8\xad\xae\x1c\x81Cw\xc9{g\x90\x8d\xcf\xbc\xb4V\x01\x98\x17\xbc+Weck)\x07\x95d.\xe6o\x94\xa0\n\xcd,\x8b\xfaDtl\x01MDj\x93a\xda\x89\xcf\xd5\xb1\x92\x9fH\x00L\x84\xa9\xa7T\xd7\xdf\xf3\xb9O\x9c\xc6\xca\xe1\xa4\x96:\x85\xb1M\x96w\xba\x00\xc2\xb6\x03\x88\xe1\x14\x11\xad\xe6\xd7lm\xf3\xf3\xfd\xb3\xe0*t\x0fc\x97nB\x8d\x0f\xdc\xc0)\xe7\xads\x15\x9d\xab\r\xe89)7@\x8a6\x95\x9cvQ\xc3"4fmx\xf3\xe1\xee\xc3R\x91\xc4\xeaN\xf8Fj\x01\xa0\x13\\Q\xab\x18\x9a`B\x1e\xda\x9c\x8e\xb7G\x8d(\x88R\xc9\x0e\xe3t\x18\x12\xaa\xd9\xb6f\xc8-\x84x\x11\xdf\xaa+N\xf4\x875\xa2D\xde\xf5^\x9dN)\xfb7s\xd9\xb7\x06{\x9aU\xc9U9\xfd\xd7\xe6i\x9a\x93\xb4\x1av\xac\xd6o\x0f\xdd-\xa7\xec\xb3Lgr\xa81 \x8c\x99\x87\xab\xfe\xe27Cm\xcfP\xc6;g7\x1b\x98\x04ri\xf6\x16\x02\xaa\xb4\x0f\x9c\xd0\xfb\xa5\x18G\xa0^\x18&amp;P\x1f\xd2\xb2\xa4\xd4\xb7}\x03u\x1e)R\x05\x1e~\x01\x18\xbbt0F\xf7z\x14\xfd\xb2\xfc\xd8h\x97\x169\xb5\x17\xe6ept\x85\n\xca/\xa6\x8f\xe8]Et0oRJ\x8b\xe3\x0e\x1c\xa2\xc3\x04\x081S\x88\xea\x1e\x1e\xad \xc8Oez\x89#\x14?\xcdw\x85S[\xc0\xaf\xf7\xe04\x1f\xa5\xe6\x01\xe0Q]\x0b=\xb6\xac\xf1\x16P\xfaC\xdb\xfc\x1fx[B\x15\x82q\xf5\xd2\x15\x1d\xe61\x9b\xef\xd4\x1d\x030\xaf\x13\xec\x8d\xd7"\xbe&amp;\xd73\xde\x16\x00\xc0\xca_Y\x070\xb9\xc7\xb9\x88\x99\n\x91\xa4\x94R\xfaQ\xd1\xe7\xfb\x05SJ0\x98\xd2\x83\x8c\xf4\xfbR9#\x92\xe7\x05@-\x94QYM1\x11[\xce\xd5t\xbc\xc4\xac\xc3\x17\xd9\xb3Lo\xed\x02\x04\xc6pz\xe4d\x97\xccC\x0cG\x99/\xcf\xd1\t^\xbf\x82|6\n\xf0\x85\x1e\xdaN\xe4\xd7NrR\x18r&gt;\xd1\xfc\xad\x98!+\xf0\x14k\x8f_N\x8e\x19\xe1\xc7\xbbKTw\x0c\xfd\x1e5\xc0\xd6\x8d\x87Q\xe8!\x06h\x9bv\x01\x98\xb6\xe0V\xfaU\xb7mS6\xae\x97\xdbD\x00m\xe6\x83\x87\xae\xdf\x95\xc6\xf3\n\xbd3\xb8\xcf\xdd\xba\x0b\xc5\xed\xc0\xae"w\x15\x8c\t\xd5\x07\xc1\xde\xd5}\xf3\xe4\x8b\xc8\xa1\xcd\xbd\x8a\xe7n\xe8(\xf9RJ\xbd\x9flJ\xcbb\xf8\xe8\x94\x87\xce\xb0\xae\xab\x870v*BrX\ntQv\xb3s\x90n\xd1#\xce(e/\x92_(\xff\xc5\xf7\x1f\xa1\x95\xbc+\xf9_\'O\x9a\x17\xc0\x11\x86\xf9\xf95\xa6bt\x01v\xde\x1e\xbe]\x00\x00HbP\x15\xb9:\x08\x9dy\x82\x06\x02K\xd7\xe7\x103\x9cYLP\xc423\xbcA%}\xea\x9bK\xd7\xd4\xedD\xdcrHBw\xd0\x86\xf9A\x98\x02\xdf+fWKu\x17\x0f\x03\xf5\x0f\xf3WK\x06\x12\xa6Q\x9f\xad/}3\xb1\xbd\xf1\xc90\xef3-s\x82HY\x18\xe8\xe7\xee\xcf\x00\xf4\xe3\x99\x8a\xc3\nvu\x06\x10\xf1`\x13&gt;\x89t\xa4\x01\xcf\x00d\xd7\xc5p#\xd66\xda\xd2\xa3\x12\x85h\xe7&lt;%2~L\xc10\xefi\xcc\xd9\xb1\r\x14\xad\x00\xe1\x16\x8c\xc9\x99\xbcCB9G(\xa8\x7f\x8b\x89l\x1c0\xa4s-\x0e\x82\xbc5\x96\xb7x\x864v%\x8f]:\xef&amp;Y\x00\xc6(\xa6\xc3"8\x0c\t\x10F/\x1f\xc0\x18\x8dX\xfa\x80\xfa\x18\xa5\xc6\r\x9ax\x1c&gt;\xdb\xd2eP\xb3h\xd9\xab\x9dv\x8b\xef\xa6\xd4\xe6\xb5a\x1e\x00P\x86.k\xa8\xe9\xf6\xed\x89\x1b\xce\xed\x02\xe0\x04\xf5 \xe3\xb4\x16\xd3\xe7\xff\xde\xd4\xf1\xd3\xed\xde-A\xa1\xa3@\xc7\xd4Q\xe2\x14\'R\xf0@\r=\x8f\x18\xcf\x01\xac\xcb\x92\xfe\xc5\xe5\r\xfe\x8f\x1d+\xbd\xff\xc7\x93\x8a\xf1P1~\xfc\x0f9\x8dGX\x85D\x89\xd3\x8f\xaf\xf7\xbe\x19\xf5C\xfd\\Sb\xa9S\'R\xe3\xff\xf8:e\xb5\xe6\x94\xcdH!\xec\x9c,\x8e\x9fa\x80@A\xce\xc8\xed1\xba\xb7\t\xd2\xd15\x18.\xb9\xb2Y\x87\xeb.\xaf\x80\x83\x05\xed\x92\xdb\xa6o\x0f\xac_\xd1r\xe6\xf7NY\x8f!\xc6\x16\xd0\xd6\xcd\x8csz\xa4\xd9?\xa2b7QE\xdddpY\xcf\xb1Dm\xfa\'\xa7\xbd]j`\xbe+\xadk.p\'s\xae\xcf?&lt;\xcf\xda\xca\xc8IH(/\xa8\xd96F\xfa/fa\xd8\x92\xde{\xfcJ\xf6t\x0c&amp;7\xfb\x93\xe3e=\x85\xcc\xea}\xba5\xe8\xa3k\x0e\xd9ZC\x16\n!l\xaf\xfd\x1a\xee\xcd\x9a\xe4\xfb\xce\x9d\x01hO\xf0\xf0_\x9f\xc8\xdek\xa7\x8ehU_&gt;[\nW\x06;\x06\xa7\xfb\x85Q\xd4R\x19w\x91f}\xb2\x87\x96\x1c\xff(\xef~\x1b:5nD\xbc\xf9\xb8S\x00\x8c\x143N\xaa^\xa7g\x9f_\xcfp\xb3\xfc\x18\x0e\xef\xff#\x94\x8e\xf9\x0c\xd5\x95\xf9\xfe\x83y\x00\x1eP\t\x92\x9cT\xe4\xc0\xd7\x0cN]-EV\x18T!\xd0F\x0b\x95\x80Q\xd1\xb3qO\xaa\x87\x04\xediu\x87)\x1c\xdc\xc0\xc0\xfb\x9c\xa6\xa5\xf3U\x7f\xb7\xe8\x8b\xca\xc3cs+\x8bf\xb6\xf6\xb6\xf5\\=\x97\x89\x84\xe1pB|E\xf4x{\xa1R4\x10t\xb3\xdf=@\x8bf\xde\x11\x9b\x9b\xdaE\xe2]+\xaa1\xf1\xeao\x0f\xd0\xfa\x11\xe5W\xbaf\x03\xb9\\\x95\xb0\xa1s4z\x9f\xcex}\xe4\xbeP\xf9\x0b\xc0\xee\x03~\xaa\xe9\xe6\x1a\xfbx\xad\xb95v\xe9\x04\xa5A\x87\xf6h&lt;\xb4P\xf4\x87_\x8e\xc9\xa4\xf4\xcfo2\xd59\x03\xe8\xea\xe7"\x07\xdf\xb6}W\x93f\xdc\xba\x02\xa2\xca8\xbe\xd6\t$K\xfa\xcf}\x92\xedVFW\xb5W\xc4\xf0\x80#\xb5=(#\x12\xf7\xdd\xb9\xa9D"\xc0\x87\x8b\xeb\x04\x96\xb9_\xfd\xd3}P\xa7\xff\xfa[\xe5!U\xe8\xb1G\xe7|\xf4\xf6\x0eNj\xf3\xaa\xf4Y\x93\xe3\x152\x93\x86\xe8\x9d\xa9\xf3\xde\x85o\xfa\xb5\x95\xf9\x0e`~\x00\xaenD;\\1\x16\xcf!/\x8c\x8c\xd2\r6\xd4Kg\xf3\xf6\x0e`&gt;F\xfc\xa0\x1e\xf6\xf2kD\xa0\'\xb699\xa0\xce\x8b\xc8y\xab?^\xcb=\xfd@cs\x88\xd4Ij[\xda\xbb.\x9c!\xe4\x94J\xad\xe4\xa3V2.\xfd\xe0\xec/\xdd\xf6\x83\x8b\xad\x9e\xc2\x13jg\xa5K\x1b\x15\x1f0/N]\x00\xe6aCV\xdb\x15\xef\xdc\xe3\x80\xea,b\xd1\xfb\r\x8a\x94\xd2\xa8?y\x11\xc5\xb6[\x1f\xdbb\xd7\xe9\xfb5\xd6+\xa3\x8a\xf4\xab\xbf\xe80\x97\x811\xd2\x03\xd1\xfbE\xb0\xba&gt;\x91~(\x1eHH#\x1d\x92l\x7f\x05\xde\xe6\x9a\xe1\xfd?3y-\xcb\xe2\xb2\xcb9\x0c\t\x91\xbcw7v=\xa9\xd7\xc5O\xa9{3$\xae\xce-\x19;&lt;\x8f{D\xa5\xd9\t~\xac\xe8\x93-I5\x16\xbf1\xc4\x01\xae3\xc5UQ\xb1\xd1/\x1a\xc5\xfbM\xe0v\xeb\xe1td{L*\x99\xd1E\x9a\xa5y\x89\x85\xf7\x99\x88\xce\x19zN.\xa9$\x98\xfcO6\x8e\xc9u]\xabS\xd09}\x08=\xe9\xd4Q\x98jK\xc7\xc5\x84\xad\x00\xa7\xf2\x87GJ\xff\xee&gt;\x11\xf1\x91\x96\xfe\xd1\xb7,\x04S\xce\xca]\xe2\xccI0\xb5vE\rt\xffI\x0f\xc5\xc9\xd1\xa3[\xe6d\xaa\x99\x1d\xbeIO7\x8c\x07?\xf7\x12VT\x17W\x1fU\x18fN\xda\xccI\x18\x8b\xf5\xadM~\xea\xe1\x9e\xf2\xec\x9f\xfe\x97ZV\xa8brD\xa0\xe3X(\xf1b\x9ef\x91\xe2ohf:-f\xacr\xb3\x00T\xa7\xd3\x9e\x88\x08\x85A=\xac\x94RJ\xff\xb7\xbdOX=\xa0\x9f\xff\xad\xed\xa4|{\xdd\xb2"\x1fG:\x85\x7fUc\xa7K\xdd\xf1\xd6\x80\xde&amp;\x1a\xb1=E&lt;f\x99\xe4H\xab\x97w\xdd]\x8e\xf0Q*\xf7=U\xd9\x96h\x98\xfa|\xbb8\t\x18\xad\x98\xfd\xe4\xd7\x14u\x8a\x13N\x06[J\xbf\xdc-e\xb1\xf9\xe5j\x01\xb8Z\x08\x9d\xd4\xed\xa3(q\xaa\xa1Bl\xb5W?-\x98k\x80\x9aR+B\xd9\x05\xde\xeb\xd5\xc2[\x9d7\x06$^\x18o\xf5\xe3\x84\x87sP@^\x94n\xdd\xbe\x00D)\xa9\xad\xc7*\xa2\x0e\x81\x18zOy\xe1f\x82\xfbM$C\xe9?\n\xdf\xaa\xdf\x89\xce"j\xdf\x1e\xd3\xf3p\xb4d\x1e@w\xb6G[\x8f\x97\x91\x8b\x12\t$\xa5\xdf\x97N\xb0\xedF,\xb9\xdb\x19{7\x87Ns[\xcd&gt;&gt;\xbb\xb2\xc9\x08c\x01\x98\xc8T\x15\xed\xb0\xb0R\x83m\xb0]/\xcd\xc8=\xd7\x92\xe7\xd8`&amp;\xf0\xc8.1E\x19\xf3.0V4\xb8\xc8\x02p\x9f\xc2\x14\xbdPB\xc3\xfdo\xffP6\x12\'\xe6\x98\xc00\x90I\x16\xdd\x17\xe5\x92&gt;-3\x06\x17o\\\xb5\xb6\xab\x93\xb9\x94~\xda:\x04L\xa3\xb4\xdf7\xddUi\xb2\xf5\\\xf7\xb0\xb4x\x1cv\xf4\x9f@\xce\xe1g\xce\xf5v\x13\xea\xf3\xd9\xaaN\x1c\xd8\xea\xd7?l{\x9e\x9f~?\xad9\x9b\xa0h\xc6\xed}\xbf\x06WD0\xa6\x8c\xd7\x9dz\xef\x8e\xd5A\x16\x9f\xdc\x08]+~\xbc\rjw\x87\x98\xf9\xec\x93\xd2\x7fW\x0b\xa0\x8e\xff^\x9a)\xc0x\xdb\x08\x15\xac\x9d\xd0\xd5\xe4?\xf8\xfa\x05\xa0&lt;\xa3\x8a\\\x8e\x89\x98,&lt;\xf0/\xc4\xf1\x968\x8f\xbf\x08&amp;\xdb\x0c"\xbf~\xc5\xad\xd9\xa7^\xd5R\xf0C]\x9b\x9a\xdc}g\xc2\xb1\x07\x05\xf9\xfdj\xf7\xbb{\xe6g~(0^\r\x06=\x1e\xd9\xc6\xacp\xfb\xcao\x16~&gt;\xa5\xf4C\xc1\xec\xb1,\x8b\xd6c\xd8u\xd95\xdc\x81\x1ao\xf4a\x1c\x9e\x17\x80\x9c\xc0t\xe2/\x9d\x0bJ\xd7$\xcf\xad0\x95\xf4\xdd\xe3\x87_\x7f\xf8MZ\x10\x03\xa0\x13\x8b\xa8\xa8C*\xde\t\x9d\xa3~\xc4CS\xc7\xa5?P}\xdet?\x1b\xc3&amp;h\xcfz\xb0\xde\xe3\xf1"p\x11\x81+\xbc\x1c\xe8]K\xa9\xe3p\xad\xbe&gt;_\x1fRJB]f(\xea\xbd?r\x130S\x0cIy\x0c\x14me\xda\x1ac\x03*}\x1e\xfe\x87/\t|\xcb\xefbc\x8c,\x19&gt;+\xa2\xdf\xa3@\x99\xd7Q\xab\xbf\xdb\xfe\x95\x8f/\x8e\xd2M\xbb\x9e\xca\x0c\xc0\xb6r\xc6\xe8c\xa8g\xde\xff\x0cs\xb7\x95s"\xf2\xfe\xcc\xc7\x8a\xd8=(h\x0b1\x003\xef\x02\x02\x90\xa5t8\x85\x1b{\xe1\x02n\xd7\xe5\x84\xb5s"\x8f\xfd\xf0\xfd\x8f\x19\x9f\x9c\xaf\xc9c)\xbd\x17\xdb\xb9~\x91\xeb\x1f\xec\xc4m\x85+\xc7\x12\xb9:\x8at\x13\xc8\x03\x91(o\xaa]\xb0\x0e\xa2T\xe9\x9b\x9f\xde8\x02\xfd\xbaL\xe9/u3,VzUJ\xf6\xea\xf4n\xfb\xa8\xf4[\xe2\\\r6\xf3`\xdeW\xb9n"\xb1\x8e\x11\xcb\xe2\xa0\xab\x08\xb8/\x81\xdb\x12\xba\r\xacN~a\xa4\x8e\xfb\xde\x7f(Z\x8a\xda\xb3V\x10#J\xf7d\x9b;D\xe7I\xa9\xac\xf3\x84(T_\xde\xaa@&lt;\x9e\xd3\xfd\n\xd9,\x8a\xd2\x94\xcd&lt;\xee\x02 \xb3\x03\xaex\xef\x96Z\x82"\xd8\x03AH\xe2}v\xecaP\xb4\xbc\x8dW\x15E7\xba\x94~K0\x00\x00Y\x18Q\xf98\xca\x1b\xe0NG\xb7\x81!\x00\xba\x8es\xaf\xd1\xfd\xbe*\xb8\x986\xd9\xee(x\xaa\xae#;\xcf^\xdexS\x9e\xc9$W\xe6\x17\x7f\xf1\x8c\xa0\xaeN\x93\xe2M\x08\xb4\xb9O\x8c\xc6\xde\x0c\xeb\xd7a\xd36.\xc0tW1\xea7t\xd2rc\xa2eO\xb1\xa5\xb3\x936Z\x12\x11\x0cij\xae:\xa8\x9fH\x80y\xa4\x94\xfe\x96b^\xeds\x0e\x13\x85\x8c\xf4?\xc4\xaa2\xd1*yD\x8e\x80L\x98_\xb4\xc8\x17"\xc8{\x9a=\xe4\x9d\x97\xc3zS\x0e\xc9a\r\xd8\xf3S)\xf2wm\xcb&amp;\x97\x93\xe3w\xea\xf9\x7f\x0b\xa3_\xe2\x9dR\xae\xf3\xba\xf0\x9e\x13\x95\x9f}\x89\xfc\xd4\xaa\xf3M\x1f_w\xd7^"\xfc\x14*\xf6\x0f\xc2\xf8\xa9\xc7\xa5\xe1\xe7M.\x13\x94M.3S\xe9R\xdc\xbbjA\xb50\xcc\xbb\xd0\xba\xbe\xfe/\xe7\x93\x97\x1fS.\x83F\xeb|\xb4\x8b\xa3\x01\x9e\xef\xb1S)\x8f\xb2xB6{|\xbd\x0f\xfbs\xce-^\xff,\xb6\xfbwH\xc6|\xc6\x9fP\xd3\xb9\xcbC\xca\xd5\t\xcb8\xed\xcf\xf4\xb1V\x7fm\x91\xa9I\xb3\xfd\xa2~\x96Z*\xea\xf3\xbd\xdb+\xb7\x00\xd4\x0fN\xf9=\xbdn\xfd\xab(\xd4\xd2r\xb5G}\x93cQs\x9c\xb5f}\x82p$\xfd\xec\xe1oh\xc8n:\xbc\xc4\xe2\xe4\xc1\xa2\xd40\x95\x9b\xb7\xbe\xec"d^\x1ce\xbb\xf2\xb6\xdeW3e\x1d\xce\xe8\xd5\xc4\x9d\x1a\xdb\xf6\xaa\xa6\x93D\x04\xd3\xd9\xa5\xc9\xf8\xc4\xdb\xbb3L\xd5+l\x0b\xbb\xcd=j\xfd\xeb\xdc\xef\xe5\xa4R\x983s\x9cvk\x9f\xc4Vh\xf7%}\x14=\xfe:7\x87A\x1c!\x8d\xe6\xd8\xa2V\r\xfcy\xc3\x1c\xddk\x1c]\xf7\xf4\xfd(\x9a.\xfd\x17Sy\x96\xf7^\x1dG\xfd*\xc8C\xe7\x10/\x9d\xe0\x11\xe5\x00&lt;4\xb1\xbe\xe8\xa5\xae\xb8\xe0\x9c\xf3\x15\x9f\xd5\xa2\x1c\x95\xcfJ\xb8\x13"\xe0\x081~S&lt;\xc6\xe4on\t\xd1\xb0!\xfd\x1b\xeb\x00\x8e\xcc\x1b\xdbx\xab\xdd0\xef\x0c\xae\xc7b\xf5}\x819\x1f\xbb?g\xac\xc9\xba\xf4\x0b\xb3R8\xf3\xd5&gt;\xb6\xea\x97rv\x7f\xee\x16\x02BJ\x9f\xac\x03\xf1\xe4\xf3\xa2\xf1\xd7\x9f\xaf&gt;S\x9d\xf8\xd7\x7f2,\xed\xe8\xec\xadU\xdc;Q\xbaY\x9f\xbb\x00\xe4\'\x8aO)\xfdY\xde\xc7|\xd5n\xd11\xae\xb7\xe0k\xf8/\xc6\xeef\xa4\xfb\xaa?\xfd\xeb\xa7\xc7\x17]\x17?\x87\xdb"\xe4\xf4\xae\xc7\xd8{,\x00\xce\xbb\xbd\xe3\xd0re\x96\xa0_3\xd45q\xa7\x8e\xe1\xb9\xb3u\xdc\x0b\x12\xb1\xdb;z\\{K\xefXh\xf9W\xf4\x96n_@\x16\xb7ml{\xddU\xea\xe9g\xc6\xd9\x16s\xbe\xc6;\x12\xa8\x9a\xd2w\x1f\x7f\xd9\x9af{\\.\xecN\x95\x06\xf0X\x12\x9dA\xae&lt;\x95\xa8m.\x9cf2L\xef\x89\xb8\x00h\xbf\r\xf4]G\x19\xe7\xe9\xf6Uy\x15\xc3\xf1U~\xe5w\xbb\xd9H\xe9\xef\x8a\xa7\x99\xf9j\xc3\xe3\xf0(\xdd?Q\xe8\x129%Qy\x95\xe3\xaa\xf9\xc2\xc8\x8f\xbc\xe4.\x8d\x94\xe5~\x9bi\x14\xe1\x02F\x96\xd33\x80\xcd\xdf\x7f\xfbO\x9dx"\xa6vZ?\xa5\xb93\xc6\xba\x12\xaf^\xab#b\xa3L\xe9\x9f\xa2&lt;\xd4\xe6\xf7\xc9\xffOO\xa7\xb0\x14\xf9\x02\xbd`\xcc\xfd\x8a\x1f\xb1b\xf1\xf2y\xba_\xf9E+\x15\xb9\xd3K\xedU\xcc\xc2\xf7\x9f\xdfo\xfd\x1fv0\xae\xce\x0fP\xe7\xb1\x1a\x1b\xeb\x99\x16R\x16\xb4\xc2w\xe7\xfa9\x9f\xef1\xfc\x15\xaeH\xb9\xf8E\xb0\xba2\x1c\xa7\xddu]3\x7f\\\xe9\xdbW\xb2\xff\xf5\xfe?\x1f\xb1Bl\xa5\xf4\x1f\x8e\x7f\xb9\xae\xcf{\xdf\xa7\x1f\xc8\xad[\x9a@\x97\xd5\x0f_5\x8e\xb5w\x1f+H\xa7\xc35\x9bm\x8a#\xcf\x1e\xfb#\xeb\xc2\xef\xa6\x9e\x07\x1a\xdb\xad\xbd]\x13\xd4\x9d\x01d\x1eP\x94G:\xa9\xd2\xde\xf2\xf8\x01*\xdfD\xefJ\x1fr\x8b2dw\x15\x8f\xb7w\x15\xdc\xd4r\xa7\xfd\x9f\xab\xe4\xe25v(\xa9O\rwj5:\x03\x96\xe6n`\xb1\x05$=]^\xec\t\x08\x8e\x10\xed\x13\xd9\xab}\x10\xb5M\'\xd9K)\xde\\E\xbb\xf6\xba\xc5\xb3W\xffqX\xed!\x8fI\xa5i\xd6\xc0\xab\xc7NW\xe9\xfa\x0f\xec\xec\x12L\x9b\xbfl\xcf\xc8[\xf3\xa5\xfeOxI%\xde)F_\xedq\xc1g\xb7\x19L\xe9\xf8V[\x02or\x19\x7f\x196)^\xdd\xa6\xbf\x95\x96\xf0&gt;\x17\x00\xb9h.\xb2\xf0\xac\xbd\x021\x00\xe7#\xddqh=yn\x12\'\x14\xaaH6\x83\x91\xda\xf4\xefY\x07\x80G#\xf5\xb7Hn\xcf\\4\x03\x19\x19\x9d\xbb]\xfb\xa1\x9f\xf3\x83\xc7\x1c\xa7\xf1\x9f\xff\xe5\x9f+\xf5:\xf1\xad]\xc1\xd4\xd0Da\xd3\xf9\x9d\x05\r?*?\xd3\xae\xc2\xa5\x94\xfc0\xbe\xfd\xcd\xe1?+\x82\x14)\x96y\xe5\x00\x8e\xf8\x99\xbc\x82ruy\xa6=\x92_\x93\n\xe5\x89U\xa59i)\x05\xb3\x94\x13[\xb4\xba\xb2\xe3D6\xcf\x14c\xeb\xb1\x9ey\xb4\x052\xe83\xde\xdc\xb7\x88\xedQ9S\xcc\x15\xa9zq\xb2\xd3\x851\x9d_q:\xbe@\xe2\xb8\xd1\xe9\xa0Gz\x88\xc1\x03\xfdz\xd8^\xec\xa1\x15NI\xd5\xcc\xfb\x99\x98\xf6\xa4\x9c\x9b\xa1\x8caDi\x0c\xb1\'\x9eDRq\xa3\xf7\x05\xff\xf7a)\x0b\xc0\r*\xc7\xb3\x19\x1bGp\xc4\xde\'\xa1\xd6\xf5\'l\xc4|\xbd\x9e\xe3\xad\x9a\xfd\xeb^\x1fB\xf3\xbe\xe4\xdf0\xaa\xcfI\x18R\x06+\xce\x97\x96+x\xa5\x95\xa2V\x89n\x03sE\xb0\xd4cT`\xacRp&amp;\xa1\xe3U\xcdT\xf5\t\xe6Y\x11\xbdwf\xae\xfe^v\x01\xd8^\x00\x90JV\x8a\x87\x90\xc4c`\x01\x80\xbd\xfb.x3\xfb\xf4\t\xa7Rc4\xbe\n\xf3\xa4\xd3\xc4\x91R\xfa\xa3\x9e\xe9W\xab{\xe4*7\xf1n\xa7\xcb\x8f\xa9y\xde\xff\x81_\xe2\x1dQ6#o\xd3\xc7\x90f\xaba\xf3\xf2j^\xfdR\xc8\x05\x81\x95v\x10\xba\xd4&lt;\xc6kk\'%\x12\xbf3\xcaI\xb9\x06\xc6\x91(Z)t\x1f\xd19\xc5~Z\x19{\xd4\x85.Z\xd2\xda\xea|\xf5C\xf3\xba\xea\x17\x83\x8b\x1f\x85\xafp\xf5XyK5\xf5n\xe6\xb4\xd15\xa3SV?\xcf]\xcb~zj\xffu\xb0\xc7\xb6\xb6\x9aY\xccg\xb4F\xab^\x7fNK\xaf\xdf\x89+`\x1e\x80w\xa9\xf3\xc3\xe8\xd1\x07\x0cN),\xc6\x1e\x8e\x1f1\x89)zZ\xe3\xfd\x06&amp;\x03r\x8a\x86)\xd1v\xa2&amp;\x18\xc8c^\xc5gl\xbb\xafd~]\xadL&amp;\x1d\x91UP\xc7\xe7q\xb0\xfb\t\xe7\xf1\xbc\xd8\xe4\xa6\x9d\xed\xa0\xadN\x04\x8f\x9c\xef\xd45\xe6\xb5+\x1ds\x9f\x93mt}\xca\x97\xd9\x8f\x95&lt;~\xb5\x1f\x8bWT\xe6\x8f\x05sY\xd2/,\xbbA+\x15ah\xbd7\xd6\xfc\xb8*\xa3y\xd9\xcd\x03x\xe4?\xc2\x01\xd4\x9dD\x06h\x1a\xc1\x00m/\xb1\x0e\x89\x9a\xccA-A\xd9\xc8s\\\xcb\x0c\xeev\x01p\x18R;\x91\xf3\x83\xd3s\xb8\x7f\xd2\x92\xa2\xba@M;p?\x8c\x9b~\x0f\x01b&gt;F\xd8&gt;w\xcb\xce\xfe\xa5\x1bj\xfaUn\xd8\xf5Og\xff\xca\x1d\xf3\xdd\xdf\x94&amp;\xd1\x8d\xcf\x83\x89v\xed\x85\x1a\xb5fN\xc5-l\x80\xb0\xdd\x07\xf8%\xe7\x807\xfd\xcf\x87\x14d\x9b\xa4k\xfb\xe6\x9fN\xb9\xba\xa2+\x98\x9e\xdb\x13\xcaj\xe9\xbb\x96Dd\x03s\xceUyK\xafq\xfaU\x17\x9em\xa9N\xb7,\x96\xbcQ\x91\xac\x83/\xa50\x03J\xaf\x88\xf2\xa9\xe97Y\xd7\xfc\xda;\xa1\xfcq\x8c`Z\xd3\x885\x93X\x92\xea\xafsV\xf8\xcc\x0b\x00\xae\xb0\x00\xf4\xd3X\x1b\x0c\x81e\xf9~T\x1e\xfdD&gt;\xff8\xb4\xae\x8c\xe1jF9`\'\xf5\xd3~\xd8.\x15\xc9&amp;M\xf1$\xd1$\xfa\\w\xa9\xba`\xaf\xef\xe4\x7fW\xb6\xfa\x8e\xa9\x85h\x1b\xe7A:\x0f\xcf\'\x93J\xa3\xa5\x94\x8d\xbc\x00,\xcb\xf2\x07\xfd\xb3(\xaa\xbe\xc7\x0f\xa7\x98w\xec\xbeCV\xebL\xcf\x97O\xa4w\x8a\xcc\xc7I\xc0~Ql\x862\xbab\xde\xab\xb5\xb5\x97\xb6\xf7\x99u\xfe\xd6\x8d\xb7\xc6\xcb\x9f%\x15"/J\xff\xea\xb3\xbb\x85\xcdUm\xeb\xbb\xaa\x81\xfc-\xc7\x9c,\xda\x13qk\x8c\xd2E}\x1d\xf4N\xcb\x90ni\xc8\xf7kZ\xff\xfd\xf7\xab7\xef`r\xde\xe3\xfa\xfe\x8c\xc3\x97\xbe\xe6\x87T\xb7AW\xfa\x95\x1c7!\xa7\x8f\x0f\xdc\x15*\xa9\xbfK\xcbd5Z\xd7\xf5\xb4\x1e\xd6u=\xee[\xd6Eh\xdb\x9f\xc7\x98\xa0\xc7\xd4\xa3m\\\x1d\xd3\x89\x07\xe3\xa7hG\xdb\xd8\x8eqz\x8e\xfc\xd4M\xdb\xdd\x97\xb41S\xc1\xd4\xc4\xe9/\x8a(\x12\xacu\xf2O3SJ)\xfd\xb3\xb3\xbf\xf4^\xe2\xf6\xf8*\xa6\x1b\xf7\xb5\xe2E\xe5\xc9\xe2\x8fj\x9a\xf5|\xa7\xa5"\xfb\x86\xec\x1c\xa6\tA!\x1b\xa8:\xe8I\xf6pu\n\xa8_\x8d\xe6\r\xd7\xb2[X\xbd\xd3\xd5\xa9\xd0\xe6\x95\x19\x82B%Y5D\xe0\x0e0\xc3$\xae\xac\xb1&gt;uZ\xa44\x8b\x1e\xfbi\x95\x0b\xc0@\x07\x1f\xe1\x0bp\xd0\xafQ\x04/\x8c\x8bs\x19T\x89\xf69K*\x92N4\xf7OC,\x00\xe6R\xed\xf47\xd2\x02P$\xe7\xa2\x88\xb9\x8e\x0b@\xa7t\xb1\x14V\xeen\xec5\x0e\xc5\xa4\xd2\x835\xe7\x8b\xde\x0b\x80\xab\x01\xff\xd6\xd4\x07\\\x96H\x99x%P\xab\xb8\xe3\x7f\xc4\n\x9e\xf4)\x1f/6\xd6\xed\xcd\x97w\xeb\xa5\xe7ca\xcf\xb1\xbd8\x0f\xaf\xd1\xc0E\x0b$\xa7\x8f\xb9\xbb\xf1\xfcJ\xca\xbe\xad\xfe\xea\xeb\xe2w%?\xa6\xf9\xae\xfd\x8a\xac{\x04,\xab\xa5t7i\xb6\xa7\xb6\xbd\xe4\xea\xad\x0e\xb7\x03\xd2[lA\xf9\x1f)]\xddL\x8c\x8dsf\x179\xbb.&amp;\x1b\x8e\x9d\x0e\x19oRl\xd9l\xa9\xbc\x86\xd9p\xdb\xd5\xfb\x0f\xbbD|\x1e\xeby&gt;\x03\xc8\t\xccm\xf0\x8b\xd7\x16\x9f\xd6}W\x89\xd1X\xbb\x8brW!\x8blp\xf7\xae\x91\xcc\xf4\x1b\x03\xb1\x9a \x8e\x99\xc6\xe8a\xcb\xb2\xa8\x87\xda\xd2B\x9e\x17\x80j\xe3\x95\xa8\xb7\x9c\x1a\x1b\xb0V{\x14\xe8sO\xbf\xfe\xfcC*\x06\x91,:-f\x15i\xea\xf4?\xdb&gt;\xae?\xc6\x06\x1c\xd5P\x973\x9c]\xbe\x0b\xa8\xc3\xd4\xf6\xda\x08\xbb\xda\r\xdbL\xcd\xffJ6\xdf\xeb\x8c\x9a\nx\xf5"\x97V\xe5i\xea\xec0\x1a\xeeb\xb6l1\x9f\x9c0\xe5}\xd1\xd5\xbe-k\x11\x8c\rvF\x9c~\xf9\xf3\x0f\xfe\nUW\xd5\xe9Oz\xc4\x92\x97\xf5\xf7\x80u*T\xe4\x04\xcc\xbc\xf53o\x83\x1el\xf4\xc1\x85W\xa7\xca\xef\x7fq\xbb\xe0\xfd%\x9a\xcf\xbd)G\xa5;\r\xc6U\x84N\xa4o\xa7t\xcd\xa9\xb5u\xf2\xdf\xee\xd6F\xdeF_\xe6U\xf4\x9ct*\x03`8\xb4\x8b&gt;\xad/\xdb\xc1\x7f\xf7\x99}_\xd9\x1f\xb1\x96\xd4\x83\xd2\x86{\xe7\xbb\xad\xfa%n\xe5\xa6\x05\x87,\xaf-\xa9\x05`xa\xaf\x01t&amp;\xdf7\xae+z]\x1f\xf6s\xd7O9\xf9\xbc&gt;\xd6\xbbk\xcbn@\xefV8\x85\xddm\x0f\x07h\x9a\xe5\x8d\xc2\xbaM\xe0I\xdaM\x0c\xea\xb9\x8b%%\x95\xd06\xcd\xe1\xc6\x8ar\x89\xf2\xb3\x93\n\xecx\x9e\'\x92,P$\xcc\xceJ{\xa0\xf7{\xeb\xd5\xc9\x8a+\rF\xa1\t]\xd5\x8f[a\xc6\x12\xf0\xa9\xb4\xcb\x06\xde\x02j9\xb9\xbe\xaf\xa5\xf4c\xc9)\xf2\x18\xe7}\xee\xbdn\xf1|\xe7\xdes_\xe2U\xaa\x91&amp;\xcd\xc6\xbar^\x15\xce\xc3\x137|y?\xeew\xb7\x0e\xe3\x9c\x9f\xd3\xe4\x9cu\xd2\xc9V\xb2\xc9!\xa8y\xc1O\xd5]\xfa\xb3*\x89\xcb*\x0c\xcfg\xcf\xc43\xd9\xa9\xac1\xa1@{,#\xedB\xdc\x17\xa4S!\xc3\xd5^\xb4xU\x85kM\x05ww!\xeaE\xf1\xa4\xb1\xe5d\x1b\xbe\xf4\xbe\xbd\xea\xdc\xe9\xaf\x00\xac8\x9a\x7f\x1c\x85"qX\x9d\xb3\x1d\xe1\xaa\xc8\x8f\xba\x06\xdc\xe9j\xff\xe9\x87uj&gt;}&gt;\xc1\'v\x1f\x91H*\x130\x1fV\xe6\x01\x9c\xf2\x19\xd5\xa5\xab\x1d\xf6\xc7\x01,6\xde\xfaL\x13\xe9;\xf1\xf4\xfb\xd9\x06\xdcu%\x88U-WR\xfa\xb7K\xb8Q\x87A\xc5\x9bpnv`t\x8a\xd1o\x01\xf8\xd7\x9f\x7f\x10O\x1c\xae\x08\x1e\xa9\xd0[\xd0\xc2\xc3\x1d+\xb9\x1e\xae\x04\x1e_\xa0\xd8\xed\r\'j\xc9\xbe\x9a\'\xfd\xb0W\xbea\xda\xbe\x9c\xe7\xa3\x9a\xd2\xd0\x82\x1d\xa3\x05\xa1_\xa54b/\xf9#$\xa5?n\xcc\xa8\xe5\xeb7\xc9&gt;\xeek5\xce\x02t&gt;\xccl\xd7\xfdM\xd6T\x876\xc1[\xb3\x00\x00\t1IDATC\xf0X\x0f\xf1&amp;\x8a\x92\xd9\xdfE\xd9nv\xb1n\xfe\xbe\xa5\xcbj\x16\xdcE\x15\xbb\xc7A\xbd\xbem\x85\x9b\x1c\xfe;l\xf1\xe35\x00w!\xa2\x9dZ\xcf\xcb\xe9\xe5\x0e\x87\x01fc\xb5\x00\xb8\xea\xfcic\xfb79\xdf\xd5{\x15D\xcd\x86i\xa7P\\z,\xafn}\xac\x199:}\xe0\\\x8d\xb7\x89`&lt;\x8f5\xac\xff\xb2\xd5\xa2\xd7\xf7\xeax\x07\xe3*\xaaV\xe3\xbdU\xe6\x9e\xcel\x92\x9f\xc5&lt;5\xef\xc1\xd5\xbd\x03@\x8e\xfd\xfeO\x94C\x13\xf3(\xad^\xb3s,x\x986\xbb6@\x11\xba\xba{d\x9fz\xfbDU\xbc\xb5\\,\x9c\xab\x1a\xa5\n\xdc\xb5\xd6\xee\x13\x7f\xbc\x93\xb7\xe4\xe0\xfd\xeb\x7f5M\xd7\xed\xca\xee\\h\xcd\xa8\xe9\xfbAL\xd8\x85\xae4^l\x88W\x8d\x7f\xa9\x9e\xe3\xd9a\xb8^^\xa5\x9f\x8c\xd7\xa2\xcb\xb2\x84\r;GJ\xbf\xc7\x84\x85~\xe8]}\x99Tn]\xa6!\xfa\xc1l\x1b\xd9!\x1a\x05q\xcd\xb2\x00\xec\n\xa9_l\xa9\xbd\x97\x9c\\\x1eS;\x9fF;\xd4\xc9\x14}\xcb\x13*\x1c8q\\\x00\xac"\x91"[\x84Y\x0e\x04\xa4QkC\xa2U\x05\'\x04\x17?\t\xb9\xbb}\xb5\xf1\xb7\x1e\x9b\xc3\x110\xd4\r\xb9\xa2\xb4\x1b\xa8sv\x1foyJ#\xefty3\xc0\xfc\xd0\x95\xd32\xbe\xc3\xda\xfe\xe1\xfcnH\x89\\\x94SpZ\xe9m\x86,T\')u\xac.N\x01\xc5Q\x9f\xdaR\xfa\xdd\xdb\x7f\xdd/\x0fyi\x96\xc6P\xfa4rY\xfa\x83\xf9j\x94\x8f\xff\xfc\xb1a0\xce\xf5\x9e\xa1\x99\xb0\x16\xf6\xf4\x96eQ\xbcF\x88^r\x9a\x8a\xe6\xc4V\xe8\xde\x10:x\xe0\xc1\xe3\xe2\xbb\xfd\xf7\xb83\xbb\xe1Sr\xca\\\x05\xb3\xf8\x8b\xa7T\xfbC0\xad\x01\xf4H\xb4\xb3\xe8\x8dn\xa6\xf4l\x88\x8a\x8e\x88V\xc3\xd8\x8a:x\xf5ppq\x17P\x9d\x9b"\xaf\xeb\xda\xf8 \xf5S\xd6\xcc&gt;\x0f\xe6\xac\xa29K\xdd\x83\xf8\x8d\xd4N"\xc9Wt\xaf\xd3\xec\xb7\x1d\x9e\xdfM\x14|4&gt;\xbe\x1d\x08c\xa0\x95O\tV\x8b\xec\x020\xc0\xdcbI\xf6\xc1\xda\xf6\xaf\xd0\x98\xd8\xa1G\x14\x99\xad\xba\xfc\x94\xb7\xeb&gt;\xc7\x80\x02U\x94\x87F\xf5\x10\x03&lt;\xcb|\xbb\tzH\x1b\xd6\xb1@\xdaM\xa3\xd2\xdc\n\xa8c\x13Lg\xf7\xae\xaa&amp;\xeaJ\x10/\xe2i$\xf7\xa3\xd1sl\xa8p\xff4\xb5mo\x14\xcfZ\xbc8\xceG\xab\x18\xd9"\xbe\xaa\xec\xbf\x8a\xa6\t\x05=z\xfa\x14\xe3\'\xb2\x91\x1ah\x9c\x92(;\xbd(o\x92\xe6$\x8f\xfeWG\xe2\xa7\x08\x00N\x05{\x0e\xe0=\xa7\xc8N.\xc7\xbbhs\xee\xab\xedz\xe7\xad\xb7\x1b{\xeb*\x9c5\x00\xd1\xd1\x87\xd1\x8b\xce\xc3~\x8dZ\xce\x00"\x0e\x9e\xac\x93?\xde\xe6\x04\x007"&gt;\xc8&amp;\x1es\xccE\x10.&lt;\xde\xdbC\xcf\x9a\x0bsI84\x18\x1a\xe5\x8f\xfa\x8a\x9bAc\\\x03p\xf2P\xb8B\x0c\xf7w\xc2y\xbb0p\xc3\xbe\x96}\x08\xd3`^y\x18\xb0\xb6\x02\x8dz\x8f\xdeK\xa2\xfe\xa3\x12=2\x8b\xb2\xb1\x1e%\xce\xa9\xa85J\xa7\x9e/\x9e\xa6x\xd6\xe6\x0f+0\xe8\xce\x8dT5\x9e\xcb\xf2\xf9\xdba1\x9fK&lt;\xf3X\x90@\xc5,\n\xd4[\xb94\xe3\xd9\xe5U\x94\xf5\xd7\x9d\x8a&lt;^4\x9e\xe3t\x90\xfe\xfc\xf6\xf3\x8dy\x9d\xff\xbd\xbb\xc1\xb93\xcc\xec\xbf\x8c\xb5\x98\x151/x\xcb,\xdc\x9e\xf5|\r\xaeH\xbfc\x85k\xcf\xdb\xeb\x04\xc1\xca\xf2R\xd7\xe6\xb6\x85\x1df"\xa8.\x86\x9f\x05@\xfc\xf3\xf7I\r\xd2\xf0\x11)\xd4\xbe\x9f\xd6\xf5\x13Io\x11K:\xcc4\x90y4\xef\xa1\xb0\x11\xd7*H\x8a\xb8\xfa\x8aD\x1c\xa8\xd8\x81B\xc5\xc2!-0\x06\'\xc3x\xb0\xdb&lt;0&lt;\xfa\xd6\xd44\x9b\x7f;\x91\xdd\x9fy\xd3)\xb7\xbc-\x00\xde\xe2\x01\x8e\xb6\xd3KE\x8f\x8d\xf1 X\xbb\xd7\xa3\x14:C\xfa\xe4\xc1\x8d\x8bU\xa0\xfa\x01\x8f\xf6\x82\xfc\'\xa1t\x066\xc6\x038\xd1\x9b8z\xfc\xf9\xeaJ\xba~\xef\xa6\xf3TW$\xe2\xadB3w5L\xf5\xba}\x1dS~T&amp;\xf1\xfb\xac4twl\xf8\x8b;\xf1\xe9\x1f\'\xa8\x16&lt;\xca\x7f\xbc \xd0\x1d\xa8qy\xd9\x02\xf2P\xdf\xf9\xbb4\xbb\xcd\x01\xf1[,\xeaR\x0b\xdak\x7f\xc9:\x80vA\xef\xb0I&gt;\xc6\xdd\x95u]\xad\xc2\xf3\xb0\xfb\x17\xb3O\x15z\x17\xd2\xbc\xb4~\xee\x93\xbb\x8a\xc4Ix\x9d\x8cZ:\xcf\xa52\xe9\xf3\xf9g\x00\xc7/\xf6\x88\xc7\xad\xd9\xca\x8b\x0f\x9d\x1e\x84\xa1?\xe1\xdeU\x0f\xf1pvk\xc2\xfc)\xf4\xb6\xaf\xff\x85T$\x1d\xc5\xba\xc2s\xbc\xa4V}8\xd3(\xa5\xf4/+\xbeU\x9e\x8bT\xfa~\x86\xbd\x9fH\xbc\xa1f\xeei\xd6O\xe9\xac2`\xdb\xd9\xac\r\x15_\x89S\xf5\xc5\x13\xba\xd0\x95:W\xf7\xa2\x14\xdd\x7f\xe2\'\xec\x91\x14\x1d6\x1d?\x19\xbaQ2\xc7\x14}\xafW3\xcf]\xa9e\xa6\xed\x85s\x96Z\x93\xdbe\xd8\xc3a~\xce\xfc\x7f\xf3\x89\x00\x83\xd6\x7f\x84&amp;\xbcM\xb8\xb9\xc7h*\xb9\xa07\x9f\r\xe1mP\x08\xba\x9b\xc1\x1ff\xff\x1f\x8cZ\'#\xe8t\x15wT\x03\x8fpCn\xab\xb4tk\xbbGA\xdcV\x8e&gt;/\xcf\x01\x0c\xa3\xaeo\xbd\xbe\xa5|\xf7\xb1\x93a\xb0\xae\xabT\xc1YK\xde&lt;\xdc\xc9~\xc5C\x1b\x8d\xba\xcf^Z(\xbf\xbdd*\xef6\xf30nSJ\x8da\xb4\xa7\x90\x93\xc5\xc3\'&lt;T%\xce\x14u\x8f\x1e}\xc9\xd5p\x93Uz(9\xef\x19@JK\xc4\xe5_\xe1\x98\xa5u\xf6\xef?\xae\xb2*a\xac\xbbG\x86R\xd4=\xd6U\xb6\xe1\xd2G\xaa\x1f\xe7\x9d)9\xbd1\xa4\xa2\xd4\x1f_)\xa9\xdey\x17\x80u-\xeb\x87"\xee\x1b5g\xde\x14\xdc-\x11I\xe7\xa8w\xa5\xee"_?=~x\xbc\xc3\xbd{~\xe6\xb5]_+j\x06\xf9\xf7\xf8~?\xa5X\xd7\xdcx\xa4b\xc8\xd9\xa5i\xc9k\xae^^\xc7\xe4\xce\xf4\x9b\xbb\xbe\xb4#y\xfc@\xc9m\xda\xed\xf1d\xca\xdc\xb7M\'~\xa3{l\xbd3\x98\x98\xe0f}KJ"a\x88_{\xd8&amp;X\x91\xea\xa4\xab\x85\xc9E\xd7\x01(l\xee\xdfd\xfd\xfaCf\x00\xc7\x13\x05\xf9\x98\xbegGw\xc2\xa3\x96\x99\xe7\xf8\xdd\xf6\x8b\x193o\x01u\x1c\xae\x03l7\x9f\x16\xc1|\xf6\xcfw|c\xab\\8\xe7\xf9]e1@g\x80\x94\xf6{\xde\x0e\xbb\x9ab7\xd1\xc1\x9e\xf8dQ\x9d\xa0\xabi\xab\xee\xc4y\xb7\r\xd4)\xb6\xe1\x8dTu9e\x89\xd8[\xaaC\x9e\xf7\x0c \xf3F\x92\xfe\x81\xf4U}t`{X\xb1\xad\xf7\xafV\xe0H\x07\x85\xc68\x00zT}^\xe1e\x01\xd0\xaf\xedW}\xb5\xdf\x96#K\xfe\x96g\xd9\xe4\xb4\\\xdd\xd3\xd3\x92f\xac!\xed\x88\xca(\xe8\xd16\xc7\x16\xcf\xbf\xd1\xce\xd5\xbeJ\xdd-\xa19\xa72^\x16\x00\x8b;2\x97\xbf\xa9\x9d\xa7\x85\xe0\xb3\xdei\x0f\xfe\xa7\xb7\x9f\x8fw\x02\xef\x9b\xce\xd0\xec\x94K\xdd&lt;\xeej\xf6\xaf\x93Y\x84\xf0\xe5l1\xc3\xbd@\xd1\xefN\xb9\x99\xccO\xcb\xe5\xed\x94.\xa2\x94\xd8l\xf3\xa5n\xa6\xca\xf9\xd6O\xb6\x84\x15\xdd\x0c\xd3\xc1\x0ce\xdc\xfa|\xbc\x93s\x80z\xeb:\xc5\xb1Q \xfd\x1a\xc2\xcb\x16\x90+~\xa6\x0f?\x91\x04B\x9d\x01\x99\xa6&gt;\x03\xf0\x8fC\xb0R,\x99"\xe8xK\xfc\xed\xd3\x9c\xe09\x038\xe1\xa7\xd5\x99\xce\xae&lt;\xb4\x91\x8f\x16\xa4\xf9\xe0\x1c\x0b\x80k~\x96"+\xc7\x1ax\xaa\x13\xb9\x9f\x17h\xe6&amp;\x10\xd4\x88\xd5|uG\x1b,\x00\x88\xe4\xf1\x1e\xed\xfb1\xfb~\t\xe0\xe4\xc7\xe6&lt;\x1d=\x9e\xba\xe5\x8a\x05`\x96\xb9 n17=\xbb\xf5\x88\xec\xf5\xe6\x94\xb8U!\xe5\xfe\x1d\xda\xe8\xc7\xdb\xba\xcb\x02\x10\xecD\xaf\x85\xa3~Wj}\xbf\x16&gt;\xb7\x10W{G\xd1\xaf\xecA\x9c\xe6\x8c\xecm\xdde\x01x\xe6m\xd1\xae\xe6\xa8\xdf\x15Z\x9b\xd7\xe9\xf7\xd7w\x9bH\x15/\x98k\t\x03\x0e\xb9\x9a\x91w\xe8o\xf6d\xdb`\x98\xe5\xc4\xbf\x9c\x9dn\x9a\xe3\xca\x1fZ\x07\x80eYR\xfa\xfb\xd6!\xf4\xc7 D\xbe\x9c\xde\xc2[\xa0\xe1\xcd\xbb7\x8a\xf4I\xa9\x8e\xedb\x0b\x88\xc7\xf7_2_V\xae\x10\x89[\xef\xc2\xe7L\xee\xde\xf6[\'o;\x0fl\x9b@\xea=\xa3t\xa4\x01=\xeeT\xa8E\xe2\\\xbaCE}\xe9Q\x15\xd1O\xaaB\x07\xff\x96\xfe\x8eXA\xcc~\xe1\xcf\xd5\xa1Y\x85]\x11\xb6\xff\xf9\xfa\xf3\x00et\xeb\xaa\xf7S\xe1=\xf0b8L\xaa\xdf\xf1\xc2\x18G"\x9eQ\xc3R\xa2\x1f\xf5\x03\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0\xb5\xff\x0f1\xb0Z\xa0\xd4\xc2\x93\xb6\x00\x00\x00\x00IEND\xaeB`\x82']</t>
        </is>
      </c>
      <c r="E429" t="inlineStr">
        <is>
          <t>&lt;class 'numpy.ndarray'&gt;</t>
        </is>
      </c>
    </row>
    <row r="430">
      <c r="A430" s="1" t="n">
        <v>428</v>
      </c>
      <c r="B430" t="inlineStr">
        <is>
          <t>steps_per_sec</t>
        </is>
      </c>
      <c r="C430" t="n">
        <v>6200</v>
      </c>
      <c r="D430" t="inlineStr">
        <is>
          <t>9.976445</t>
        </is>
      </c>
      <c r="E430" t="inlineStr">
        <is>
          <t>&lt;class 'numpy.ndarray'&gt;</t>
        </is>
      </c>
    </row>
    <row r="431">
      <c r="A431" s="1" t="n">
        <v>429</v>
      </c>
      <c r="B431" t="inlineStr">
        <is>
          <t>Loss/object_center</t>
        </is>
      </c>
      <c r="C431" t="n">
        <v>6200</v>
      </c>
      <c r="D431" t="inlineStr">
        <is>
          <t>0.27398002</t>
        </is>
      </c>
      <c r="E431" t="inlineStr">
        <is>
          <t>&lt;class 'numpy.ndarray'&gt;</t>
        </is>
      </c>
    </row>
    <row r="432">
      <c r="A432" s="1" t="n">
        <v>430</v>
      </c>
      <c r="B432" t="inlineStr">
        <is>
          <t>Loss/box/scale</t>
        </is>
      </c>
      <c r="C432" t="n">
        <v>6200</v>
      </c>
      <c r="D432" t="inlineStr">
        <is>
          <t>0.08963874</t>
        </is>
      </c>
      <c r="E432" t="inlineStr">
        <is>
          <t>&lt;class 'numpy.ndarray'&gt;</t>
        </is>
      </c>
    </row>
    <row r="433">
      <c r="A433" s="1" t="n">
        <v>431</v>
      </c>
      <c r="B433" t="inlineStr">
        <is>
          <t>Loss/box/offset</t>
        </is>
      </c>
      <c r="C433" t="n">
        <v>6200</v>
      </c>
      <c r="D433" t="inlineStr">
        <is>
          <t>0.2334601</t>
        </is>
      </c>
      <c r="E433" t="inlineStr">
        <is>
          <t>&lt;class 'numpy.ndarray'&gt;</t>
        </is>
      </c>
    </row>
    <row r="434">
      <c r="A434" s="1" t="n">
        <v>432</v>
      </c>
      <c r="B434" t="inlineStr">
        <is>
          <t>Loss/total_loss</t>
        </is>
      </c>
      <c r="C434" t="n">
        <v>6200</v>
      </c>
      <c r="D434" t="inlineStr">
        <is>
          <t>0.59707886</t>
        </is>
      </c>
      <c r="E434" t="inlineStr">
        <is>
          <t>&lt;class 'numpy.ndarray'&gt;</t>
        </is>
      </c>
    </row>
    <row r="435">
      <c r="A435" s="1" t="n">
        <v>433</v>
      </c>
      <c r="B435" t="inlineStr">
        <is>
          <t>learning_rate</t>
        </is>
      </c>
      <c r="C435" t="n">
        <v>6200</v>
      </c>
      <c r="D435" t="inlineStr">
        <is>
          <t>0.0009999409</t>
        </is>
      </c>
      <c r="E435" t="inlineStr">
        <is>
          <t>&lt;class 'numpy.ndarray'&gt;</t>
        </is>
      </c>
    </row>
    <row r="436">
      <c r="A436" s="1" t="n">
        <v>434</v>
      </c>
      <c r="B436" t="inlineStr">
        <is>
          <t>train_input_images</t>
        </is>
      </c>
      <c r="C436" t="n">
        <v>6200</v>
      </c>
      <c r="D436" t="inlineStr">
        <is>
          <t>[b'512' b'512'
 b'\x89PNG\r\n\x1a\n\x00\x00\x00\rIHDR\x00\x00\x02\x00\x00\x00\x02\x00\x08\x02\x00\x00\x00{\x1aC\xad\x00\x00\x1dmIDATx\x9c\xed\xdd\xbd\xcb4\xcf\x9a\x10\xe0\x9e\xc3\xc21\xf1+\xf0+\x17738\x98\xb8\x82`\xa4\xcb\x06n.\x82\xba(\xca\xb2&amp;\x06\x06\xa6+\x8b\x81\x89\x81\xfe\tF\xaeh\xb4 h$\x18\x88\xb0nd&amp;\x18\x9d\xc3&amp;\x06\xc6e0\xf3\xcc3\xefLOO\x7f\xd4\xc7]\xd5\xd7\xc5\xe1=\xef\xefyg\xaa\xee\xae~\xfa\xae\xee\xea\xea\xeai\x02\x00\x00\x00\x00\x00\x00\x00\x00\x00\x00\x00\x00\x00\x00\x00\x00\x00\x00\x00\x00\x00\x00\x00\x00\x00\x00\x00\x00\x00\x00\x00\x00\x00\x00\x00\x00\x00\x00\x00\x00\x00\x00\x00\x00\x00\x00\x00\x00\x00\x00\x00\x00\x00\x00\x00\x00\x00\x00\x00\x00\x00\x00\x00 \x88\x94~\x7f\xf1_S\xb5H\x00\x00\x00\x00\xa8\xc9\xc8\x0f\x00\xb4\xa1\x07\x06\x00\x00\x00(-\xa5\xe4F\x08\x00\x00\x00\x00\x00\x00\xd0\x1bw9\x01\x98&amp;\x0f\x00\x03\x00\x00\x00\x00@\xef\x8c\xf5\x03]\xf8I\xeb\x00\x00\xe0\x04\\\x1a\x00\x8c\xc9\xe0\x0f\x00\x00\xc04M.\x8f\x00\x00\xe8\x9b\xd3Y\x00\x00\x08\xc0@3\x00\x00\x00\x00\x00\x00\x00\x0c-Y\x85\t\xe6X\r4\x9b_\xb4\x0e\x80\xb7R\xd2\x03\x00\x9c\xd1\xa6\xc9\xc1f\x12\x03\x9c\x94\x0e\x00`\xdeH\xf9qvK\xc6\xd9&lt;\x00\x00\x00\x80\x11\x8d4&lt;\x05\x15\x98\x06z\n\x12#\x00\x00\x00\x00\x00\x00\xd0\x9a\x19\x1dT\xe0\xd7\x0c\xc2I)92\x01\x00\x00\x00\x00\x00\xb8q\xeb\x08\xd6\xb3\x14\x04\xa7\xa0c\x008)\x1d\x00\xd07Y\x0c\x00\x00\x00\x00\x00\x86\x92\x92\xd1\x7f ?\xd3@\xbb\x10=\xfb\xeb\x9f\xa0G:\x80@6\xa5\xd1P9\xf7r\xb9\xb4\x0e\x01\xe04Bu\x00\x00\x9c\x8e^\x08\x00\x00\x00\xd8\xc4\xa06\x00\xa5\xe8b\x00NJ\xfe\x07\x80\xa3\xf4\xa6\xd0;\x0f\x82\xf5-\xa5v\xb7N\xf4\x00\x00\r%7\xcf\x01N\xae~\'\xa0\xe3\x81\xde\x19\x02\x1aD\xe5\xb5xd\x7f\x80\x93\x92\xfe\x01\x00\x00\x00\x00\x80\xb8\xdc\xca\xe6\xe4\xcc\x02\x02\x00Vp\xd6\x0c@P\xa9\xe5\xfa\x18\xd0\x13C@\x0cE\xea\x07"\x92\x9b\xea\xd8z\xfeo\xbf\x00e\xc92\x00\x00p\x02N\xfb\x01\x00\xe04\x8c\xfb\x03\x91\x99\x06\n\x00\x00\x00\x00\xdb\x18\xf6\x07X\xc5mR\x80V\xda\xdf\x04\xd6\x07\x00\x9c\x91\xec\x0f\x00\x11\xe9\xa1a`\xed\x87\x80\x008\x9d\xae_\xdb\xd1s\xec7^\x9c\x02\x90GJ\xff\xbcu\x08\x00\xe3r\xc6\n\x90\x8b{\x00\x00\x00@\xbf\x8c\x10\x01\x00@\x18N\xcf;\xf2x\xbf\xdd\xadw\x00\x00\x18K\x85\xf9\xb5\xa6\xf0\x02\x9c\x94\xe7\x8e\x01(NO\x03k\\Z\x07\xb0\xd3\xfdd\xf2r\xe9u\x13\xd6K\xfd\xee\'\x80\x8f^G\x07\x96\xcf\xe1R\xe7k\xc9\x01p3\xd3\x01lO\xefz\x04\x80\xf5\xe2\xae\x05\xb4ol\xe7\xb7\xb3\xc7\x01@/\x82_\x07X\x85\xff\xea7Z\x07\x00\xf4\xaa\xeb\x1c\xdau\xf0\x00\x90\x81\xbe\x10\xe0Y\xfa\xf2\xf4\xc3V\xf1\x9c\x8af\xe6$\xcc/\x0f\xe7)\xcb\x9f\xe1A\x07\xa0\x89\xb8\xb3\x80\xce\xc99&gt;P\x8d\x0e 4\xa7\xff\x1f\xe90\x81\xe2\xf6%\x9a\xd7\x13\xfa\x8f\xe7\xf8+\xe7\x89\xfe\xd1]\xf1\x8c\xc75\x13\x10\xd4\xeb]\xdc\xee\xf2\x95\x07\x17\x00\xf6\xe81{v\x170\xb0\x8f{\x00\x05\xf5\x98I{\x8c\x19 \x9cN\x93i\xb9\xb0;m\x10\x80\xcd\xd6\xe4\xbb\xbc\x19Q~\x05\x08\xc1\xf9.\xc0fG\xc6\n\x1e\xbf[3\x03W\x1e\xdf0\x9c\x020Ov\x1c[r\x81\x05\xecP\xf3\xdcykUg\xc8i]l\xa3\x0b,\xe0\x90\xa7\x87\x006\xe5\x94\xbe\x12P_\xd1\x02W\x9e\x03(%\xa5t\xb9\\\xee\x8b\xf9\xa4?\xd96\x9c\xd2.\xfa\x00\xa0W\xa5\xf3WJE\xe7\xd7\x17*xK\x0c\xad\x03\x00\x88\xcb\x03V\x00\x05\xed[{\xa7\xf7\x04\xdaw\xf4@#\xee\x01\xdc\x06\xeb[Gq\xc8r\xf4\x03t\x0f\xe9\xa1\x93\xeeq}=\x88\xe9\x97ZU\x9c\xca\xbc\x8e\xf2r\xb9\xc4\xc9\rA\xba\x96\xf6\x11\x1c\xf3\x98\xfa\xdbF\x02\xe4\xe1`.a\xc86M_Z\x07\x02\x84\x97R\xfa\x7f\xadc \x97k\xe2_\xf3\x1a\xb5:\xf1\xc0Hz\x1f\x1e`X\xf7\x9c\xber\x18\xed\xfa\xf9\x08cn\xd0\x0b7\x81Od\xf4\xd3\xe4\xcbt\x1f/j\x1d\nt\xe1\x8c\x1d\xc0\x89\xb3\xc3%\xfb\x1aj\xeb\x93mJ\xb7\x96_\xf5\x9a\x84=A&gt;|G\x17\x00+\x9c\xeez9\xa5i\x9a~\x98\x9c\x13d\xaeN\x8f\nM\xe5\xba\x15\xbeeH\xe7\xb5S\xb1O\xe1\xa3\x96W\x00G\x16G[\xfe\xee\xc2\xbf\x96N\x0b\xd5\xce&lt;\x97\xcf\xa6\xeb\x8c\x82\x94\xce\xfe\xcb?y\xf8\xa7?(\x16\x08P\xc6\xc6\x0e`\xc3w\xb7v-k&amp;\x99\x14J\xa9\x85J\xee}\x18&lt;=\x98\xbe\x1e\x04\xfb\xd5O\x9f|\xfa\x16\x10W\x9c\xb5qru\x00\xaf\x13\x16\xb3\xcc_\\3\x0f2\xbb\xb6\x19\xf4MV\xff\xa7\xab?\xa9\x03\x80\xd8\xb2\xa7\xe9\xdd%\xe7*\xf01\xf5\\\xff\xbf\xdcu\xc3\xed/%J\x0f\xe0]ZO\xff~\xed\x87\xab\x87\x0c\xfd\xe9\xecFYZw\xc365\x9a\x12\xfeXoJ\xe9\x1e\xc1\xca\xb0wT7\xea\xad\xce\x85\x0c&gt;\xbb\xc9\xaf\x9f\x1f\xb5e \xa3\xce\xa6\x81^.\xab^&lt;\xb2\xf5\xe0\xcfw\xc2\xf8]\xefe.\x88\xf5W\x12\x99\xe2\xe9\xd5\x9b=8\xdb\xa8\xf3\x1f\xcc\x1a\x0e\xd0\x95\\9t\xc78\xd5\x7f\xcaR\xf1\xe9m\x1d\xcf1\x04\x04\xb4\x17*\xfb\x04\ne\xbbm\x1d\xc0\x7f\xb6l\x1c\xd0:\x05\x9f&lt;\x01e\xdc\xf8M\xe9\\\xea\x87&gt;49P\xfb\xcd\r}\xe5\xb5\xec\xb1\xae\xc9\xec\xce\xfd\xa1\x03\xad\x0e\xd4\xd2S\xe9\x0b\x17~\x8a\x97\xa2\xec\xdb\xb0\x81\x1b\x04F\xb6\xe3\xd0\xed\xf4h\xef4\xec\x80\xee\x0b`\xb8\xdf\x0b\xc75\x9b\x06z\xe4\xb8\xed\xee\x88?\xe7\x9c\xf4\x12\xbb\xe9\x8c\xed\x08\xe3I)\xa5\xf4\x8f\x0e\x96\x90+\x98&amp;z\x8f?;\xcd\x01\xac\xd2\xc5\xb5\xffr\x84\xf1\xe3\x07\xc8/x\xee\x0b\x1e^d\x9a\x0e\xf8\xe0\x9a&amp;\xbaN\x16\xb3\xa1w\xbc=\x00ut\x9d\xfa\x01\xc6\xd0\xd9bp%\xf4\xdb\x1b\xddV\x9cn\x1d\x06\xd0\xa9\x86\xd3@\xf3\x96v\xa8\xb8Ns\xe8ur\xe9\xe5&gt;;\xbei0\x00\r\x1c|\xca7\xc8\x15@\x88 ZH\xbf\xdb\xe6\x95g@q\x15\x0e\xeb.\xa6\x84\xae1\xc6V\x00T\x15!u\xb6\x8f\x00`\x8b\x11n\x02\xd7\xcc\xfe\x0bu]b\xf4C\xf5\xf5\xbb\xcd\xe7\xdc_0\x9a,\xc7\xf10CIA\xfcN\xeb\x00\x9e&lt;\xee\xdb\xdb\x04*\xbb\x1b\xb8z\\u\x99\xe3\xa2u\xa8\xaf\xa1D\x8a\x0e\xe8YJ\xbf\xd7:\x04\x00\x00h\xab\xe1 @\xa8\xc1\x87\xf3\x885\xe8\x03,*&lt;\x0b\xe8\xcd\x8bP*d\x89\xf3\xbc\x83%\xceP{\xfa\xba\xb5\xda:\x10\x802V\xa6\xb7\ni0`\xa2\x95\xfc\x01\x8cA\x01\x00@^\'9\xc5&gt;\xc9f\x02\xf5E_\n"\xce\x1d\xce\xad:\r\x1b \x90\x8e&amp;\x92J\xfa\x00#\xd8\x9d\xcd\xfb\xbdj\xd9g\xcd\xc6\x9e\xa89\x80\x93\xa8\x9c\xd7N\xd5\xaf\x00\xa5U\xbd\x070^\xfe:\xcb\xc3f\x00;\x0c\x97\xf3\x19\xd6x\'(08\x07mv\xe9\xa7\xc7\xben\x8f\x00\xf5I=\x07uz\xfb\xba\xbf\x88\x81\xf8\xa9\xe6\x9a\r{\xcc\x89;l\xdd\xccP\xcd\x12*\x18\xa0o\xf1\x13J\xde\x08\xd3\xe2\xe9\x7f\x8a\xdd \x91c\x83\xc8Lca\x9a^r\xe8\xe3b\xda\x8f\xff\x14s\x91\xed\x94R\xcc\xc0 \xb8\xe8KA\xf0\x8e\xd3\xde\xbbw\xdd\x15\xb0\xec,\x1d\xc0xi!\xf39\xefCi=\x9eM\xdf\xf3~\x8f\xc1C+g\xe9\x00.\x97\xd0\xe7\x86\xcdc\xbbg\xcd\xd7\x04\xfa\xaf\xa4T`&lt;\xcd\xd3\xee\xa3@\xa1\xfch\xf9\xfe\xf0\xe6\xd2\x8amg\xa8\xbd\t]pr\xc7\x07\xb7\xc4jl\x05\xa0\x8e\x08\xe7\xb3\xcb1&lt;\xfek\x84h\x01N\'B\xee}\xfb\x00\x81\x9e\x01\xa0\xa1\n)\xf8)\xcfK\xfb\xc0\xe9DK{OKY\xcc\xe6\xe5\x12\xc9:\xa5)\xc5k\r\xa0o\xc1W+\x8b\x1c\x1b\xc0\x93\x9efvx\xd8\x07 \xa3\x0e\x1e\x04{:\xa9&gt;\x98\xfd\x7fv\xe4\xcb\x00\xd4\x97k\xf0\'\xf2 R\xe4\xd8\x8a*\xb7\xd5glMX\xad\x83+\x80\xf52v\x12\xbb\xff\xf5\x88\xcb\xe5r\xf2\xd1\xad\xec/`8uk\xc2\'\xddt\x00\xe52\xe3S\xb6\xb9\xe7\xa0wi\xe8\xe49\xba\x84k\x93\xba\xc7\x03\x14\xf1\x98\xd6\x9f\'\xad\xcf}8\xe6hL\x85\x88\xe2m\xf4Q1w%\x9c\xce\xa6\xe3\xb0\xc8\xfc\xf4-U\x9f0k\x8c\x9a+\x87\xdc(8\xae\xea\x10P\xf3K\xfb5\xd5w\x91,\n\x05Y\xff&amp;D\x85\xd6\xeeb\x87\x02\x95\xfc\x83c_O\xffp\xee\x87/Y&amp;\xa5_\xdbVlz\xf7\xa4\xee\xa6b\xe2z\xbd\xb8\xa8s\xc1\x11t8\x0fhb&amp;Yo\xfbz\xc6X~\x88\xa1~\x9a\xaaY\xe3\xd3\x8a\x14\xd5\xd2\xb2\xfc\x0f|+\xb3\xfaM\x8d\x99\xec#\xcd\x97\xaf\xd6\xe1\xc9\xfe\xd0\x81\xe7\xf1\x81\x95\xdfrx\xe7\xf0\xe3\xe2\xfe\r\x03\xc9\xcfo\x08\x0cbn\xa8\xbd\xc8\xe1\xfd\xdf\xb7\x7f\xe5q\xa0\xa1\xeb\xa4\xd3u\xf0\x00ke\x9c\xf1\xf98\xd6,\x87^]\xefl\x17j\x8b\xf4\xf0\xe7\x9b\xda\xed\x05`\xd1\x19V\x19j\xa8h\x9b\xcc\xb6\xb9}\x00\x1dX\xb8\r\x98\xf7\x18\xae9\xdd\xb0t-\xdc\x1dlo\xfb\n\xc8c\xf6\xe6\x84\xfe\x00\xa0\xb1\xd2\xb9x\xe6\x11\xa7\xaf\x9f\x97\xab\x14\xa0\x03mo\x8d\xee\xc8\xfe\x12w\x1c\xf6\x05P\xc4\xb5g\x90`\xce@G\x02\xaf\xbay\x1f@!\x17\xef\x0c\xd9h\xa4L:\xd2\xb6\x005\x04\xbf\xbb[:\xb6\x91\xc6\xd3&lt;C\x00\xcdD8\xc6^\xd7\xa7|\xfa\xcb\xa1\xc2\x03l\xe0\x11\xbd\xc7\x0f\x9c\xcb\xc1\x8c\xb5\x9c\xf2\xde&gt;\xb5\xf0\xe6\x1f\xa4\xcfG\xe9\xee\x1f\x1f-!k\\\x00\xd34m\x1c\xde\x91\x896I\x0f6}k\xba\xdf\xae\xaf\xd8\x01\xd8\xb9P\xd0\xc1\x03\xcc\xd1\xd9\x9d#\xb9\xfb\xf1\x8bR3p:G\x12_\xfd\x9c)M\x03_\x97\xf0\xad\xc3x\x14*\x98\xf5"\xa4\xd4\xf5\x11\xfc\xa5\x18\x01\x03-\x9d\xf6\xc6\xdd\x90[\xdcv?\x9e\xf0\xb7\x08\x8a\x1a\xf0A\xb0\xecY\xe2{n\xe8\x96o]F|\xc0\xec\xd2t\xab\xda\xd6\x0e\xe3){D=\x9d\xb2=\x1d\xc0)M\x97\xcb\x94&lt;\x8b\x0b\xd0B\x9d+\x80\xcb\xd5\xcb\xcf\xd3$\xfb\xd3\x82\xd1$`\xad\xf42\xb2t\x9e\xfb\x1a\xe7\xd8J\xe0\xf4\x96\x9e\xf5}H\xf9g\xc9\xfd\x1b\xd5i\x95\x85\x17\xc9\x01\xe7U4+\xa4\x94\xd2\xcfn\xb5\xd4O@\xbd\xcc\xa4Z\xeeA+\x07\x03\xb0\x8d&lt;UB\xc6\x0e\xc0\xee\x811I\xbe\xa3\xca\xb5g\xffg\x96R\x00\xde9\xb6\xe8\xc2\x98}\xd8\x81e|\x8c\xff\x00\xb1\x1dOP\xf7\x15+\x17&gt;p\xb4\x8e\xc2\x05~\x15\x9b\xbf\xae\x9f\x1f\xf92@pNs\x01\xe6u\x91\x1d\xf7\xad\xfa\xb0\xb2\xe4\xd7\x16\x08\xb8R\xde\xd4\xc9\x9e\x02z2\x97\xfe\x9a\x04\xc2\x80\xfc*\xc1\x0e-\x17\x83\xb3\xb4WL\xbd_\x01\xf4\x1e?\x9c\x91\xa36\x08\t\x14\xa0\r\xf9\x17\x18V\xcd\x04\x97\xe5%\xb4\x00@\x03:c`F\x17\xa9\xa1\xa3\xe7`;\n\x15\xe8\xd2\x00)f\xeb&amp;\xf4\xb2\xc9\xd2?@mM\xd6\x97\x8e\x10\x06\x00\xb5\xc9\xf5\xc0\x89Hy\x00\x8fZ&gt;\tLe\xcb]\xa0\x0e\x12\x08\xe1)\x19\xa57?\x0f\xce\xa4\x1a\x80\x19\x1f\xceFW\x7f\xb2\xb2M\xc1\x84\x8a\xbc\x95\xdfj\x1d\x00\x10N\xc6\xe4X\xf3D{vM\xd3wu\xdfV{n\xda\r\xa4/\rc\x00\x18\xd0\xbbU\xfe\xd7$\xdcj\xdd\xc3\xa8O-\x00\xb4t|6}_\xd9\xb6\xd8K({j\x04`\x95\xf1\x0e\xeb\xe7\xbb\xd3\xc7R\x97\xc1\x19\x80\xdaf\xdf\xde\xber\xdc&amp;Z\xcaN#v\xb4[i\x01\xd8!\xdcs\x00\xb3\xa99{\x15\xb3\xaf\xa3\xbclyEY\x90\x8c\x93R\x9a\xae\xff{\xf7\xaf\'q\x9e-\x85|~\xa9u\x00\xd3t;x\xbf\x0f\xe0m\x898\xa5\xad\x89\xfb2ex\x1de\xcc\xd7Y\xa6\x87\xc0\xb6\xb6\xcc\x0f\xe5\x1c\xf8ne\xd7M\xee%Z\x08%\xc4\x15\xc0\xf5\xe0\xbd|Y\xff\xc5k\xa7\xb1\xed&lt;\xf7\xf0\xa9b\xe8\\\x93\xe3D\xb8\xafs\xe9\xc0;\x03\xa2\x0b\xd1\x01L\xbb\xb3\xea\xf6|w0}\x87\xcb\xfe\xbf\xf8!\x9e\xe3\xe1\xa5\x94\xba;\xa1\x0exc\x06\xf8 \xcb!{}\x0e\xeb\xcc\xc7\x7f\xde\xf4\x97\xd2\xb6\xc6\xfc_\x86\xdf\x81w\x16\xb2IJ\xbf\xd8Q\xd4\x1f\xffT,\x07m}\x8e\xc1\t8PI\xa8L#\xf1\xe9\x00\x00\xe6\xc9\x8c\x00;\xf5&gt;\xbe_3\xf4\xc8\ru0\xb2\xb8\x1b\x06\x10A\xd8,i\x8c\x08`\x95\xde/z\x00v\xda\x91\xfb:=\xc1|\x17\xf3\xf2\x96\xac\xb9\xe9\xdack,\x18xuUh+\xca\x83`\xd1T\xc8#\xef\x1e\xb6Z\xf3\x08\xd6\xdf&lt;\xf6\xa0Vz\xf8\xf3\xe9\xe7\xa9p\x87\xfa\x7f_+\xfdT\xd7\xa6\xa7\xd2.\x97\x8b\xd5\xf1\x80C\xd2\xcf[G\xf0\xc65;\xff\x8f\xa6\x01D/0oq@\x13\x7f\xafVE}\x8d\xa8\xb4\x1d\xf0\xca&gt;\xf1?Z\xf3\x02\xed\xc5\xcf\x0bu\xee=\xcc\xbc\xb7\xe0V\xf5/o\x8a\xe7\xe9_\x8e\x04\xbe\xe3\xab\xe1w&amp;P\xcc\xee[\xbbq\xf2\xc6=\x96{L\xfb^)\xb3\xbb\xde5\x9f\\\x7f)\x13\xa9is\x1au\xbb\xa0\x84\xc07\x81\xbf\xd6\x86\x0e\xd6\x11,\xbdJ\xa0\xf9"\x9ak\x02H\xbf\xb5\xf6\x93\xf5e\xd9\xd1)\xa5\xbfz\xbc\x14\xa0\xa1hy\x7f\x18\x1b\xdf\x9ePu\x17\xe4\xea\x00\xfc\xf2@\xf7\x1c\xc3k\x14m\xa5\x9a\xbb\xe0a\x90-\xcd\xfe\xbc@\x8d\x85\n\x06N\xe9xJ\xd9z\xf6\x9a7?&gt;\xbd\x0f\xe0\xb4}\xf0i7\x1c\xda\xc8\x9d\xc8\x1a\x1c\xc0\x9d\x0e&lt;&lt;e\xfc\xd7\x0e\xa0\xc7\x8d\x02\x02\xf94I\xd1\xb8\xed\x0f4\x05PZ\x94\xa9 \xf7|Wav\xca\xed\x9c6\xe6&lt;\x98\xdcR\x9c}\x1c\xd2\xf5\x17\xef\x1c\xbf\x0b\x00\xd34}Z\x8an\x98\xeb\x8f\x8f\x1b2\xcc\x96\x02\xb5\xb5M\x1fGj\xcf;\xde&amp;\x8d\x02\xd4\x16$\xf3\xf6\xdb\x11&gt;\x17\x95\xab `\xeam\x9d5\xa213\x00\xe8\xc0\x90\x89\xaa\xf9F\xa5\xb4\xed\xac|\xc0}\x00\x94\xf0zr\xd9\xddT\xd4\xd2\x8f\x01Gh\x8d\x8c\xcb\xe1\x01\x94\xb5)\r\x05y\x00bve\xd3=k\xb8f\x8ag\x9f\xb7S\x9b\xf6\xb6p\xf3\xfd\x02#(\x97\xe3\x02\x1e\xa0\xb3[\x1a&lt;\x95d\x899BO6+l`\xc0!\x07\x8f\xeb\xecYA\xa2\t\xe8\xb1\x03\xb0\x83`\x1c\x07\x8f\xe7\xf4\x9b\xb9\x02!4y\x1f\x06\xe4Q\xcfW\xf7\xa7yg\x07&gt;\xd2\xae\xb1\x9d,\x81m\xad\xf4\x84\xfb\x0eXk!?\xac\xc9\x1c\xe9\xeb\xcf!\x13\xcdB\x02\xad\xbf\xb5_}\xd2\x96\xaf\xbc\xb9=\xfew\xb3\x05\x05\xf4,K\xe2\x1e2\xfb\x0fcy\xdf\xa4\x94\xd2\xbf\xad\x14\t\x90Y\x85\xd4\xdbEv\xff\xd8\x07\xe9\xa5fi\x16\x88\xebz\x01\x9f\xf1\x18}W\xd4\xc0\x89\xe0\xfa\x8a\xae\x817p\x9a\xdb\xad57w\xec\xb6\x85f\x1e\xe6\xde\xed\xff\xfa\xed\xcfM_\xdcS[K\x0b\x01\xdf\x1b!~\x9e\xfac{\x93\xe9\xe3\xb7~\xd8\xe9\xe17\x19\xba\xf6\x93\xa2\xa5\xdf\xdf\xb3\xb1\xef}\x1b\xd7\xaf\xdf\xfe\xdc\xf4\xc5=\xb5\xb5\xf4.\xe05\x19pe\x8e\xac\x90L\xff\xf4\xeeo\xce\xfd~\xac\x0c\xb8\xe8V\xe9\x7f\x80f\xfe]\xeb\x00\xd6\x9bYLb\xc5g\xde\xfd\xeb\xbb)@\x0b\x17B%z8W \xc0!\xc3\x8cc|H\xdf\xb9\xeb\xda\xd4n\xd7;%\xef\x8a\xca\x14\x14\x8c\xa6\xec\x10\x10\xd34\xc5\x19\x91J\xe9?\x96+\xbc\xf5F\xce\xafe$\xfb\xc3y\xbd\xde]\x8c\xact\x84\xf1[`\xb7\xf9\xf1"c8\xd0\x97\x13\x9e\xb5\x1d\xdf\xde:m6\xcc~\x19fC\xa0\x0f\x0e\xb9\x05\xd5N\xfcO\xbb\x0f\xfc\xfaAKc\x1f\x7f\xd2Kd\xb2?\xc45;Y\xb0\xdc!\xdbW:x\x1a\x10\xeb*v\x80L\xa4&gt;f\xa5\x94\xf6?\x80\x06\x94S\xeet\xfb\xf1\x05OEO\xea?\x16\x9d\xfeCgW\x15\xc1m\x7f\x02\xe0h\xeb\xdb}\xd0\x8d8\x87k\xf69\xa6k\x17?(\xd6\x00\x11f`U\x98\x06\xd6~#!\x86\xd6\x8f\xefp2i\xf1w\xee\x9e\x9a/\xfbV\x8f\x02\xb6\xf0$\xf0P\xe2\x9f\xda.\xe7uy\x1f\x06qMFq.\xb7\xe3Dr\x170\xa4\xe9\xba\xaeN\xcb\xda\xdfV\x1e\xb3\xb9\x80y\xb9\xd6\xf3\xe2\xd1\xa8\xad\xf4n\x05P\x00\x06\'\xfb\xc3\xb9\xe4}a\xe4\xe7\xea\xf2\xac\xba#I\x15\xa7\x9d\x81\x9b8\xb9\xa0m$QZ\x01 \x825/\xa2\xe2QJ\xff:N\x87\x1a\xc7k\x9b\xfc\x85&amp;q\x00\xeb\r\x9f\xcb\xb2o^j4\xc0\x92R\xfa\xdf\x95\xab&lt;\xc0\xfdh\xe8\xcf\xc1\x99$V\xd5\x9f\x8aE\xb8\xa6\xd8\xbcs@\x8fl\x88)IP[\xaeC.\xa5\x94~c\xe7\x17o\x7f9\x1e\xc4\xa7*(\xed`S\xeb\x00\xa0\x92\xeb\x91\x16\xe7p\xab|\xe4\xd7\xacNR\x9b\xd6%w\r\x05\x87\xac?\x82V\x9emU[&amp;\xac\xdc\xf3\xa8\xdd\xa5\x95\xbe\xe6\xe9\xee\xa9\xb4~\x95\xc0\x0e\xdde\xcf\xf1\xf4\xb2\x0b\xd6\xc7y}\x04\xdd\x98?\xc4\xb5\xe7\x1e`\x898r\x90f\x9aXnt;\x05\x86\x15\xea\xe0\x0e\x9ek\xde\x05W\'\xe8\x85\xc6\xf9\x13G\x8a\xddvM\x10z\x07\x01\xd4V"+\xce&lt;\xc7\xd7n\x12*@\x11\xe9\xe1\xcfN\x95\xc8\xa1\xf22\x9cEJ\xff5w\x81\xd2G=c\xb7\xf5\x00=4\xd0\xd8\x91\x89$\xfa\xb3&amp;n\xcf\xa0\xb4\x0e\x03\x06\xd7\xd71\xd6d\xb5\x9czuU\xab\t`xG\xb2\xb7s\x7f\xa0&gt;/\x85\xdfc6_\x1f|\x9fy\xc6&gt;@o\xb2\x95\x0e\x98s\xd2\x01lVb\x9a\xfc\xe5r\xb9|\xea@\xb6\x94_#\x9d\xfd\xea\xb5\xa6QR\xe7\xf59\xe0\xbf\xd1:\x0c\xa8\xe9\xd8Y\xeb:)\xa5kv\xbb\'\x8b\x8f\xc9n]\xb1GO\xba\xab\xb9\xb7@\xf3B2\xba\xee\xcdP!\xed\xf6\xd4\x8d\x8d\xb1Q0\xbea\xce@?\xba\xce/:\xcb\xd6\xd6\xf5\xb5\x18\xad\xf5\x80\xe0d\xda\x1e\xf6\x8fUK&lt;\xadH\xfap^\xef\x8e\xffU+T\x1f\xaf\xfd\x0f\x0f\x17\xb1\xaf\xde\x92YOJ\x05&gt;\xdb\x97)\xfa\xcd/\xe5V\xbfI\x7f+K1\xd3TnA\x9e?W\xa2\xd4\xd5\xb5/\xbd\xe3\xa1f \xc0\x1b+\x8f\xc4~;\x80\xab\xdb\xc2\x03\xc5\x86\x9e\x9a\xb7N\xaeW{\x1e/${Q@\x1bm\x0f\xe2\x8c\xb5\xdf\xef:\xe6+r\xa9\xa2 B\x05\x03\x9c\xdd\xc1\x8ct\x9e\x8cv}m\xd6\xe3O\xfe\xa0U(\xd34}_B5\r\x02\xc8\xab\xe6!}|\x00\xe6\xc8\xdd\xe3\xdd\xb5\xc4Iz\xd9\xfb\xbf\xf3t\xa8\xc0\xb0:Jd\x1d\x85\xfahk\xd8\x9dn&amp;\xb0$\xe0\x81\xbd\xef\xd6\xee\xfao\xcc\x96\xff\xf8\x93\x91\xde\x9f\x0ct,`\x82~\xd5I\x90\xb7?\xe7;\x80\xdbgvn\x88\'`\xe1\x84\xca.\x06Wm\xae\xcb\x11\xe5\xc2\xcb[\xf2u}\x9a\xcbe~\xe5\xb8\x8f\x8b\xd74\x9e@\x15\xfbw\x00(b\xd5\xc3\xb4\xbf\xdc\xb2\xab8x\xf2\xbb\xf8x\xd1\xaeg\xdcv\x87\xb2K\x96s\xff\x8f%,\x7f\xe0\xd7\xf7\xd7\xbb\xf7\x9b@i\r3`Z]{\xc1\xa7\xb1:\xc9O\x19V\xb3\xf8\xf8\x81\xb4t\x89\xb2\xdcP\xbd4#\xd0\xc6\xa7\x0c2\xf3\x99\xc7\x05 \xb7\x96\xbcr\xfd8\x03\xebwk\x9a\xa1\xe4X\\\xa1\x82\x81\x03\xb2-\x83S`B\xfa\xc1Q\xa9\xb6\x8b\x8c\x8e$\xe3\x05\xca\xda\x8b\xc2\xc35\x02\x1d\xd81\x9d\xbc\xd0\xd3O\xba\x8a\x9a\xb46`\x94\xe6\xa4\xect\x98\xfaz\'\xf0\x00\xc9\xfa\xc8\x80\xd2\xebO\xfan\x8b\xa6\xbc\xf4\x11B{\xcdn\xbdw\x00\xeb\'&amp;\xcd\x7f\xbd\xc3\x8d\xbf\x8dn\xb5\x0e\x03\xe8\xcfS\xe2x\xf7\x10lGfg"}\xfd}\xd5\xd7\xbb\xde\xfc\x05\x03o\x1aps\xf0 _\xff\xe5\x9a\x93p\x96\xa6\x8aV\xa9\x8b\\\xfeH\xeb\x00\x80i\xba\r\x98\x1c\xf8z\x80DY-\x06\xa7\xcf\xb9hF\x88\xe2\xf6\x00\xd7\x86\xcf\xaf}8\xeb\xdd\'\x0f\x0e\xd3\x1f\xb7\xa3\xf6P\xd9?J\x1c{\xc5iI`\x9a\xb6$\xb8,Go\xa8|:\xc5\x8b\'\xb8jc\x8c\xc0\x07\xd7\xa3\xf1\xaf\xb4\x0ec\xb7\x83\xe9@\xde\xae\xac\xf9\x05\x1c\xf0YJ?k\x1d\xc2\x1e[S\xcb\xc2\xe7K\xe7\xa9\xdb\xeb\x01\xfe\xfa\xaa`\x00\xca\xfaq\xca\xe3\xed\xef}e\xa5?\x9f\xaf\xa8\xd2\x1b\xfe:\x01?\xf2\xa9q\xe4\xd8\x80\x0c\xe2\x1f\xe4=\x8e\xb6w\x16\xee\x1c\xe36@{\xfb\xd2\x90\xd4\xf5(c*\xd7+@\xc7\xdeN\xb5t`oqp\xf5\x88\x8c\x91\x00l0;\xe3\xfe\xbf\x1c/\xf6p\t1\xbd\xcb\xd7\xafm8\xbb6\\\xa9\xb0\xb60\x9e\x03\xfc\xa0\xe6\xaa\x0cC\xea\xae\xe9\xba\x0b\x18\xc8o\xcdl\x9f\xc8]C\xd1\xc8\xf2\xf6\x8b\x1f\xa7\x9c\xd6l\xe5\xb8{\x14\xa8cev;g\xb2\x98m\x9c\xf5\x0f&lt;\xefx"!r\x07p\xce\xdf\x01\x18\xd9\xa6\xd3\xdb\xbc\xb3G2\xa6\x93\x80\xb9i\xc7uC\xf3!\xb8\xe5\xda\xc351pP\xc3\x8c\xb3|75^J\xdf\xec\xe3\x19\xfd\xdb\x16\x08\xd9\xa5\x1d4\xda\xf6\xc09=\xcfu)\\~M\xd9\xab^(pw]\x83t\x8f9h\x06\xa8-\xa5\x94\xd2_|\xfc\xcf\x86\xc1\xe4\x95\xfel\xeb\x08\xd8\xe2\x9f\xb4\x0e\x00\xce\xe2&gt;.\xf1\xf2\x0e\xc8\xee;\x80\x016\x01\x18\xd5OZ\x070M\xd3\xf7\xf5\xf6\xa5m\x18o\x1cI\xe2\x97K\x91mz\x1c\xab92\xe0\x93/\xa2\xb9\xf2\x1f*\xd2\r\xc2\xb9l:\xeaw\xae\xc3\xd3:\xb1&lt;\xdeS\xbd\xbe\xb3&gt;c\xc9K\xffZx\xb0&gt;\xa5\x9f\xe6(\xe4\xf6\xfc\xc1o\x1f/\x0b\x18U\xcc\xa9)O\xcfO\xbd\x9fYT,\x807Q\x15?s\xcf\xf3b\xb5\xe3e\x00C\x18czI\x89M(\xd7,\xeb\x9f4\x1e`\xd7\x00\xe7\xb2\xedA\xb37%l\xadq\xd3\xe7\x8b\x16\xf8\x95\xde\x7fs\xe7\xd7\x7f\x1c\xa3\xdf\x1d\xc6\x90\xee\x17\x7f\xda\x85\xb1\xc5\xbc\xed\xba\xca\xf5\xf0\\\xb8\xcbz?~\x0b\xdd\x89\x9d\xa6)\xadn\xc1\x94R\xae0\xae\xc9\xe9\xfe\x9f;\x8a\xcd\x18\xccx\xae\xcd\xab}\xa0o\xc1\xc7\x9d\xd6\x0f\xd1\x94\xf8:\x0b\xd2\xdfo\x1d\x01\x90Q\xf34\xf9\x98\xa9\xb3\x04\xf3\x9a\xfd\xf3\x8fP\xe5-.\x13}\x1e\xe4\x12\xe39\x80\xf2\xee\xd7\xf3!\xd2G\x993\xf7\x8c\xa3\x16\xb7\x00\x17\xe3\\\xb3\x01=\xf6I\xd7\xe9\xbc\x01~K`D\xe7&lt;\xb8:\xdd\xe8\xd7\x9d\x95\x1e\xfe\xf2qW\xf68Hel\r\xe8R\x85\xe5\xf3\xb6=\xdf\xf7\xbbA\xc7\x91\x96\xe9\x03\xa0\x06\xc7X.\xd7v\xcc\x95\xb6\xec\x16\xbf\x99\x9cA\xe3\xb9n\xeb\xa7Q\xf6^i!\xf7\xb9\xb0O\t\xab\xebY\x8c\x9bf\xa9\xe6\x9a\xd2zm\xbe\x8e[\r"\x1b\xec\x84\xaa\xd0\t\xe2}\xe8a\xc7\x19\xe8\xf7\xe3K[^\xc4\x96\xf7T\xb7\xeb\x81\x93\x8eC\x87\xe0\xeeGW\xcc\x83\xac\xf9S\xc1E\x8b}\xa9\xe5\xbb\xae\xbc\xbdE\xd7C\xe7\xe9kM\xf2\xae\xb7\x02N$\xcbq\x1a\xff\x80\xcf\x12\xe1\xbd\x905E\xad_&lt;ckG\xf2.\xaa\xe6\xee\xa9?NHPT\xf7\xcf\x01\x1c\x1c\xfe\xbd\x1f\xe7=\x0c\x9a\xdf"&lt;\x9e\xa1vo\xec\xe3\x17_\x9bneH\x8f\xe1/\x7f\xa3r\x16\xbe|o\xcb\xa5\x87\xdf\x078\xbd\x83\xa9\xb0h\x8a)\xf7HQ\xc0S\xd4\rCI?^^\xbc\xdb\x96\x95\xdb\x18\xad\x1d\x80\xfc\x16\x8e\xf2\xb0)`\xd3]\xd9w\x9f\xe9e&lt;\xe2\xc8\x10\xd0\xbbB\xd6\xb5\xdb\xbej\x81QDN\x02\xc7\xafQJw\x01\r\xfb\x97\xf4\xd7~\xfc\xcf\x8a\x91\xec\xe8l\x80J:9\xf1\xfd\xec6\x10\x14x["\xc7\xf6QJ\x19\xba\xff\xe0;\x08\x86u?\xee^\x8f\xc0\x95#\'\xcbG\xef\xeb\xabz[\x1d\xea\xc7\xeb\xfd7Y\xe2(\xafr&gt;\xcd8?\nh\xe3\xe7\xbb\xbeU\xf4\xd0\xcd[\xf0\xd68_\xfb\xad\x83[\x9aR\xfa\x17G\xbe\xbf\xb2\x96\xea]\xac\x0e\x00:s\xe4\x88\xfb\xbeh\xd8\xf8\x1c\xd3\xce\xfa\x0e8&gt;\xfa\x9f1\x98\xc5\xban5f)\xaa~S\x1f\xa9\xb0~\x8f\x05\xec\xf7~\xe2\xe0\x87o=\xfd\xa5\x9c\x83\x15\x1c\xcc\xfc\x856\xf0c\xb1\xe9A\x89\xf2\x01\x8e\xaa\x90fV\xde\x99\\\x9e\xfa\x997\xa4\xd9*\xb2\xd7\xb1t3\xe6S\x8a/\xd6o\xfd\xca\xce/\xc6\x9e]\x06t\xe6)\xe7\xbe\xeb\'\xb2\x0c\xf7\x7f\xb87~\xa4\xf4]&gt;n\xd3Bw8}oQ\x89\xd0\x00V\xfb\xb5\xd6\x01,K\x0f\x8b\x9a}\xfad\xd9\x9e\xe0\x9e\xb2s\xdd\xa7m5\xba\x05\xb0\xcd\xcaA\xf3"U\xbf\x0f\xe0\xb1\xd2\xd2\xa7\xd4\xf7\xba2t\x00_\x7f\x96\x08\xd9\xc5\x05\x84\xd6\xfc\x10\xad8!\'[E\xef:\x80\\\xe5\xaf\t W\x07PT\xf3\xdf.`I\x17\xc7\xe7\xe1\xc9?;\x07:\xbah\x9c\xabw]B\x84MH\xd3\x94~\xbfu\x10@.\x0fc\x1d\xcd\x02X\xce\xe9\x01\xf3\xe0;+C{\xdd\x84\xe7A\xa7\x1f\x1b$\xc8&amp;{\x1a\x80\x13\xaa\xf1&gt;\x80\xec\xd7\xd7;N\x90\xc3\xae\xee\xfe\xb4\xee|\xf6e\xe8\xb3\xb6\xfc\x81\x94\xfd\xb5]\xb7\r\xbc|/\xb8\xbfr\x93Kg\xe7K\x1f\xef\x84\x80~\x049\xa5J\xe9/\xb7\xab\xfa\xc3\x15@\x9d\x18J\x94\xb9\xfe\x82 \xc8\xaf\x01P\xcf\xc2a\x7f\xaa\x8cp\xbc\x03H\xe9\x9f\x1d\xfbz\xf4\xd6\xae\xd3G\xc6o\x07\x18\xc7\xc2\xa8\xf7`\xa7\xc3\x1fk,\xb7\xc9+K^\xfeL\xf6\xe0^K\xfb\x1c\x80\x0e\x00(-\xf3\xdd\x88\x153\x7fJ\xa7\xb6\x8f\x85\x7fL\xaf\x19W\x82[\x8aa\xfd\'\x1be\xea\x7f\xa9\x93\x80\\\x8e\x1fK\xc7\xcfm_?\\\xe1\x08\x0f8\xe6\xbdf\xc3+\x9c\x80\xc7\xef\x03\x80&lt;\xea\x1c\xc3\x87\x87\xd7\xdf\x16{\xa0\xccC\xdf-t\xcf6{\x99Eu\x170PV\xa1u\xd3\xf2\x8a\x16\xcf\xd5\xd2\xfd\x98\xb9\x9f\xff\xb7\x03\x15\x05\xdc|`L\xf1\xd3\xcd\xc7\xfb\x9fub8X\xd1\xd2-\x84\x87*\xe2\xef\x8e\'\x9d\x86\rY\xd4x\x10\xac\xb4\xc7\xa3w\xf98\xceu\x9c\xaf,g\xf6S\xe9o\x7f\x17\x12\xa1oX\xe9\xddCR)\xfd\xf0P@\xa7\xcfR\xdd\xc3\x0e\xd4\xe2\xc0\xdd\xf5\xc8\xfc\xc3\x1c\x85T\xb68\xfdff\xd5\x84B1d)yv~g\xeaa\xb97 \x8a\xdd\xc9\xa2\xaf\xab\xf5:\x97#m\xbd\xdb#\xdf\x1dC\xc9^\xadD\xb1p\x1em\x86\x80\xca\r\x14\x84J\t\xef6rSN\xac3\x9b\xb6\x90\xeb\x00\xd1\xf1\x18\xe4z\xe0\xb3#\xd7\x16y#Y\xaek\xed]\x84H\xb9oa*\xd1\xc2W\xd2\xb1\xeb\xb6\xca\xd7|=]`\x02\x8f\xeeG\xef\x8ec\xb8\xed\x81\x1f\'\xe9D\xcb\x7f\x95\xf7K_c\x8cp\xd0\x08\xb3\x80\xaeRJ\xf7E\x87\x1b\xceD\xf90\xb1gn\x82}J)N\xde\xad9\x8b\xa7Z\xb6\xddZ\x87&gt;\x00\xeai|\xf6\xbded\xe3~cs\xda\x95\xbf\xe6\x9fe\xfbSKa\x0c\xac^\x07\xb0q\xbd\x90r\x91\x00\xcf\x1e\xb3\xea\xec\xbff\xcc\x1433/\xb3\x94\xbb\xbd\xde&amp;\x9aD\xf15Ot\xe6\xe7A\x9a\x05hl!\x13\x14J\x12\xf7\xecs/\xbf\x8bl\xd4Q\xd2\xfc\xe1\x82i\xee_?&gt;\n\xb7uc\x7fe\xd3\xa7\x81\x86Z\xceP\xdc\x92\xeeC\x9d\xab\xe6\x8a#\xca\xf6\xec\x9a_\x04PO\xef\xa9\xa8~2\xdd\xd4\xc5\xce|=R\xa7\x0bCj6\x0bhGv8\x9e\x11\x8e|;\xcb\xec\x98\xa7\xf8\xd7\x84\x93-\x05\xde\x97\xbbY\x1eu\xc9\xd8U|\xcdn\xfaX`\xe5\x99\xfe\xd5\xea\x02nv\xe4\xbe\xb9B2T\xfd\xf1\xe7\xd34\xfd\x9d=\xf5l\x8ed\xa4S\xdc\x99\xbb\xeb\xc7\xb6\xcd\x15\x00\x0c\xe5\xf5\xa6k+)\xe5\xcc/\xf7\xab\x99\x8f\xe5\xa5\xb9\xff\xdc\x1d\xc5\xd8\xf9Q\x07\x00\xdc|w\x1eu\x97t^S\xcec\xaaz\xf7\xf4\xc0\xdc\t\xf2\xf1\x11\xad\x0c\x9b\xb0\xaf\x90B\xa99B\xc2\x0f\x10\x02P@\xb1\xb4\xf5\xdd\x07\xac\x1f\xef\xce\xd7\x03e)&amp;D\xa5\x11N\xf9S\xa4KU\xe0\x83\x12Ic\xdf\xc9y\x89Q\x8b\xdd\x05\xb6J\xa6\xdd\x05\x0c\xf4mS\xe6]\xff\xd1\xcd+=\x9c#\x87m}\x80\xeb\xe9\xd3gh"`\x95\\g\xcd\x1fg7\x0e)\xe7\xac\xcd\xf5\x95\xe6\xbe\xd09G\xbf\t\xe1\x0c\xb2\x1a\xe8\xc7\x13\xd2\x1d\xb3\xf8#g\xa5\xef\xd8\x16\xd6\xe2_\xfe\xe2\xbe\xea\xa6i\x9a\xa6\xcb\xe5\x92\xf7\x95&gt;\x9d\xbeI\x18\x18V\xa8\x0e\xe0\x87!\x947\xab\xaa\x85\nx\xb71\xb6\x02\xba\xd0\xf7\x15\xc0\xf3\xe0r\xbe\xdc\xf1qJ\xcf\x9a\xba\xb2\xcd\xf3\xf9\xe9\x0fY\x7f\xf6t\xf9\xf5\xac\\&amp;\x05\xc61{\x9e\xfb8\xab2\xe7\xb3]\xefg\xee79\xd7\xdeQ\xe3\xfa\'\x12:R\'\xfa\x9e[\x08\x06\xb5|&gt;\xbe&gt;5;\xbcc\xfax#\xa7Z$@\x7f\xae\x0b&lt;|\xfaL\xdf\xa7\xc0uTk\xa2\xa7\xd9\xa2u*]\xb6\xe6\xb7\x08\xc8\xe9`^^\xff\xcd\x1dS\xfb\xb7\x06S\xb4\x1c\x00\xbem\x1a\x97\xef\xe8\xfc\xbf\xc9\x1c\x7f\xe0&lt;\xfa\x9e\x05t\xb5i\x16\xf9\xc1\x19\xec\xd5\x92r\xba-\xa6\xff\x1cl\x89\x87\xe6VnT\xe9\r\x8f\xd6\xdbE\x8b\x07\xce(\xcb\xa8}\xaeC\xb9\xe6\xe0\xf8\xc7\xa9\xa8\x14\xa5\xe5!\xbf\xad\xf7i\x8f\xde\x1e\x08\xb3:\x1b\xd34\xfd\x9f-\x1fn\xdb\xd2\xf63\xe4W3\x81f\x9f\xf3s\x7f\x85K\xc0\xe9+\x00\xd1EN\x97\xfb\xee$\x87\xda\xa2@\xa1\x00&lt;i2\xc7|e\xed\x8b\xcf\x9a\x85\xb8S\xbaI\xa8`\x16\xf4\x12\'\x90AJ)\xa5?\xb3\xfe\xc3\xb9\xab\xceX^,\xf7\t\xb1)\xebK\x8f7\x05P\xa8\xd8\x91w\x1b\x9c\x8a\x87\xfe\x8b\x1a/]\xa6\xf4\xeb\xe3m\x140\xe3\xf1Pw\xc4\xb7\xb5\xe9\t\xbb\xaf\xbf\x14\xa9N\xfa\x87\xf1=&gt;\xd6\x1b\xe4\xa4o\xd5\xd0\xff\x9b/\xb6\x19\x87\xa9\\_&amp;\x8b7`\x92%z\xe0D\x82d\xff\xe3\x16\xb6\xa1PR{-1TK\x86\n\x06\x08\xe1y}\x82bi"\xa5_\x14*y\xab\xd2\x9d\\\xfcD\xab3\x00\xf2H\xeb\xce\xa9\x7f\'Sf&lt;y\xf2\xaa\xb6\xf1\'og\x00\x00\x00\x00\x00\x00\x00\x00\x00\x00\x00\x00\x00\x00\x00\x00\x00\x00\x00\x00\x00\xfa\xf7\xff\x01\xd7T\x87\xeb\x871\x9eW\x00\x00\x00\x00IEND\xaeB`\x82']</t>
        </is>
      </c>
      <c r="E436" t="inlineStr">
        <is>
          <t>&lt;class 'numpy.ndarray'&gt;</t>
        </is>
      </c>
    </row>
    <row r="437">
      <c r="A437" s="1" t="n">
        <v>435</v>
      </c>
      <c r="B437" t="inlineStr">
        <is>
          <t>steps_per_sec</t>
        </is>
      </c>
      <c r="C437" t="n">
        <v>6300</v>
      </c>
      <c r="D437" t="inlineStr">
        <is>
          <t>9.989167</t>
        </is>
      </c>
      <c r="E437" t="inlineStr">
        <is>
          <t>&lt;class 'numpy.ndarray'&gt;</t>
        </is>
      </c>
    </row>
    <row r="438">
      <c r="A438" s="1" t="n">
        <v>436</v>
      </c>
      <c r="B438" t="inlineStr">
        <is>
          <t>Loss/object_center</t>
        </is>
      </c>
      <c r="C438" t="n">
        <v>6300</v>
      </c>
      <c r="D438" t="inlineStr">
        <is>
          <t>0.20379142</t>
        </is>
      </c>
      <c r="E438" t="inlineStr">
        <is>
          <t>&lt;class 'numpy.ndarray'&gt;</t>
        </is>
      </c>
    </row>
    <row r="439">
      <c r="A439" s="1" t="n">
        <v>437</v>
      </c>
      <c r="B439" t="inlineStr">
        <is>
          <t>Loss/box/scale</t>
        </is>
      </c>
      <c r="C439" t="n">
        <v>6300</v>
      </c>
      <c r="D439" t="inlineStr">
        <is>
          <t>0.094934605</t>
        </is>
      </c>
      <c r="E439" t="inlineStr">
        <is>
          <t>&lt;class 'numpy.ndarray'&gt;</t>
        </is>
      </c>
    </row>
    <row r="440">
      <c r="A440" s="1" t="n">
        <v>438</v>
      </c>
      <c r="B440" t="inlineStr">
        <is>
          <t>Loss/box/offset</t>
        </is>
      </c>
      <c r="C440" t="n">
        <v>6300</v>
      </c>
      <c r="D440" t="inlineStr">
        <is>
          <t>0.2736046</t>
        </is>
      </c>
      <c r="E440" t="inlineStr">
        <is>
          <t>&lt;class 'numpy.ndarray'&gt;</t>
        </is>
      </c>
    </row>
    <row r="441">
      <c r="A441" s="1" t="n">
        <v>439</v>
      </c>
      <c r="B441" t="inlineStr">
        <is>
          <t>Loss/total_loss</t>
        </is>
      </c>
      <c r="C441" t="n">
        <v>6300</v>
      </c>
      <c r="D441" t="inlineStr">
        <is>
          <t>0.5723306</t>
        </is>
      </c>
      <c r="E441" t="inlineStr">
        <is>
          <t>&lt;class 'numpy.ndarray'&gt;</t>
        </is>
      </c>
    </row>
    <row r="442">
      <c r="A442" s="1" t="n">
        <v>440</v>
      </c>
      <c r="B442" t="inlineStr">
        <is>
          <t>learning_rate</t>
        </is>
      </c>
      <c r="C442" t="n">
        <v>6300</v>
      </c>
      <c r="D442" t="inlineStr">
        <is>
          <t>0.0009999305</t>
        </is>
      </c>
      <c r="E442" t="inlineStr">
        <is>
          <t>&lt;class 'numpy.ndarray'&gt;</t>
        </is>
      </c>
    </row>
    <row r="443">
      <c r="A443" s="1" t="n">
        <v>441</v>
      </c>
      <c r="B443" t="inlineStr">
        <is>
          <t>train_input_images</t>
        </is>
      </c>
      <c r="C443" t="n">
        <v>6300</v>
      </c>
      <c r="D443" t="inlineStr">
        <is>
          <t>[b'512' b'512'
 b'\x89PNG\r\n\x1a\n\x00\x00\x00\rIHDR\x00\x00\x02\x00\x00\x00\x02\x00\x08\x02\x00\x00\x00{\x1aC\xad\x00\x00 \x00IDATx\x9c\xed\xbd{\xdc~_9 \xbc\xbe9T\x98I\xe4\x94D51\xe5\\2"\xf2"\xe5P*\x91CHC\x98D\xf2\x162\x8eI)\xca\xd08\x0eS\x0e9+r&amp;\x87)!*\xa1\xa2\xa6\x14\xbd\x14\xd5h\x8aa\xc8\xf5\xfeq\xef\xbd\xd6u^\xd7Z{\xed\xfb\xde\xf7\xfd\xec\xeb\xf3\xfb|\x7f\xfb^\xeb:\xadk]\xa7\xb5\xf6\xfd&lt;OJ;\xec\xb0\xc3\x0e;\xec\xb0\xc3\x0e;\xec\xb0\xc3\x0e;\xec\xb0\xc3\x0e;\xec\xb0\xc3\x0e;\xec\xb0\xc3\x0e;\xec\xb0\xc3\x0e;\\Q\x00X\x8a\xd0)w\xc1\xac\x8ao\xe9\x99\xc7\x9d\x85\xc8)6\xa2\xd2V%\x0e\x07g\x99Yt\xb7\xf4\x03\xed\xf4_\'\x8f\x1d.\x07\xd6s\xe3\x1dV\x85\xeb4\xe2\x9b\xfb\\2\xe7\x0c*\x0e`\x08\xb2N\xe9\x9a%\xf4\xc0f\xe6\x06\x1c\x92\xaa\xc6\xb5YZ&amp;Eh\xd3\xc7\xf7\xbd&amp;\xa727:x\x18\xc9\xca \x84L\x0f\t\x7fR\x161\x1b\'\x01$\xb8\xab\xa26\xce\xb3lv"\x7f\xdb\xa4q\xd77b\xa6\x82l\xf5Y\x7fbCU\xdc\x04\xd7\xd2L\x0e\t\x00\xee\xa9\n\x19\x06\xea\x1a\x14S\xd6\xc8\x97\xa4)x\xe9\x02b\xc9\xed\xd2R\xe6\xa6\x97sq\xd6\xde\x1e\x90\x94gv\xbbe^ESC\x9a\xa5`\x9c\xa0\xde\xbf\x8c\x93YK=E\x1fM\xb7\x84\x12b\xd6\nO\x8b\x96\xbf\xa4\xce\x8c9?\xdcE\x08%z2\x9b\x14\xd1\x14_\x88\x03x\x7f\xbej\x00\x00\xf8Li+\xb9\xf02+\xac\xd1\x11(\x8b\xb2\xea\x02\xb4\xd7\x0c\xd5\xe4\xb2am\xcb\xac\x94a\x9b\x0f\xf7\x86\xc7\xaf\xa4\xde\x0e\x05`\xeeR}[C\xe2\xa9\xb6\xceYkx5\xb4\x07G\x98X\xbd$p\xc0y&lt;aZ\xb9F\x00\x807\xd1\xb9%\x91\x88sB/\x08\x8at\xc0\xaa*\xe2\x9c\xde^\xa2\xa9\xe7\x82Y\x0c\xc0\x9f\x03%\xa1\xab\xd8\xc4\xe9~\x03*\x9c%\xe4\x8a\xfe\xf3k\x0bZ\x90b\x9b\x08wO\xd8\n\xc4\xb3\xb8\x7fT\xa7\x97\'\n\xce\x1b;\x15\xe4\xf0l\xc4V\x11Gs.U\xefQ\xaab\x98\x9b\x95\xac\xe7\xc12+3=\xbdx\xc9hJ\x05\xb2DXW\x1c\xce\xfe\xb0)\xcb,\x84\xe4?;\x93\x83a\xed&amp;n,\xb7\xaa,G\x9c\xba\xc5g\x07\xd5\xceo)\x7f\xe8\xaf1\xc7\xdc\xeb\xab\x05U\xcf\xce\xadn\x95\x8f6\xf8\xd0\x85\xea1\xce\xb2\xeaPL\xf5\xb2\x85\x1f*\xf3]&lt;LL\x9e\xe5\x08\xa5y\x7f\x12\xfaE\t\x0f\xaa\xc5`\x9e\xb5J\xa36\xe2\xe0\x13\xcc\xc2\xd9\xc1\nA\xef\xb6\x8e\x8fF\x80\x8f\xd6\xc7\xe7\x87\xdb\x0f\x179h!\xf8\xdeo\xe3pZ\r\xbb\xb3\xff\xf1\xe1\\\xf4\\\n\x00_\t\xf67@\x06\xeeW\xf3=\xa0}y\x92\xb4\xf1\x9c:\x93q\xbdC8\xa3\xaa\x06\x7f\x19\xd5\xa4P\xb1Y\xc1&lt;!|t\x0ex\xb9\xa5\x92\\EV\xef\xd7\xf1\x14T\xc8;\x00\xe0y\xf5;(\xe5\xf6i\x88p\xca\xb36\xae"l$\xa5\x00\xdcqmE6\xb2\xd2Q\xb0\xf1\xc5\\\x98\xb5{\xa0z2\xf8u{\xca\x0c\xe6\x07\xb0\xac\xfd&amp;/\xa6\x08\xbf*\xee1 \xe0+jjf\x08\x0cYi\xc0\xab\x97\'HJ]%Z\tj\xe8\x15\x89\x92\t\xbc\xa1\x8fe\xbb\x0e\xa7\x8eU\xbf\x00\x98T\xf7\x1b\xaf\xc9\x0e\'\x81\x93\xe4\xe2+\x9f\xfei\xeb\xc7z\xde\xff/v%\xaa0\xa4\x1f\xff\x1b\xe2i\xb2\xfa\xd1\xa0\xbe6\x07M\x93\x84\xaf\x86\xc8[\\\x9d\xc9\xa3Z|"_\xce0\x92\x8e#\xf0\xde\x89\x1cs\xfd\x90\x12\xc0\xcd\x8f(\xf0bAm\xb0:Y-T\xa5K\xdc\x1eu\xf5\x9bh\x07~$\xdff\xd879KR\x1b\xea\x8b{J\x91\xc09\xac\xf7W\x07\xdeQ\xf2\xd4/\xb4j\xebg\xbb\xf4\xb2\x9aw\xab"jrk"\xd6\xafO\xef\xdaE\xd5\xa7V\xf5\x14X\xe7\xf0wK\xa8/\x10\xe0\xb7N\xadA\x17\xec\x8d\x17\xba\xc26\x11lZ\xad~,\xb9\tq\xa40\x04\xff.\xc8\xe6\xf3\xca\xc7\xf4)g\xf3\xac\x8e4p[\xff\xcb3~\xc5\xb2Y-Wg\x15\xe8\xef77\xbb\xa4\x1d\x8e\x08\x17\xee\x05\xc1NG\xb6\x90V;\xbf*t\x9cEVR\x0f\xfey\x04\x93\x0e\x12^J\x9f7@\x8f\x89\xd5\x86^\xae^v\xd0\xed\xb0\xc3&amp;\x00\xf2\xfd\x0c\xbcO\x07\xed\xf40\xf0\x8e\x0f\xbd\xef\xb5\x10j\xafg\x1f4J\x99*\xc0\x13\x97\x91/\xb8X+L\xc6-0\xdf\xd4I\x11W\x04\x06\xae\x14~Z\x1b\xbc\xf0fr\x87s\x83\xf2\xdaS{\xc7k\x8d`|\x83\xedb\xcd,\xce\xedQ\xd4}i\x1ea\xb5\xec2g[\xb9\xd5*\x00\x14g\x90\xac8\xe6\x95O\x9a\xbb\x05vX\x0b\x0e\xf9\xbf\xa3\x8bT\xeb\xc4\xc2\x866\xd8\x11\xe3\x9f\xc6\xaa`\x1a\xcf\xc3\xa1\xff\x95\xc6 \xce\x03SD\xed\x80\xb5\'\xa3\x94\xda\n\xd8\xd2\xbb\xc2\x81\x87\xbc\x1dv \xd0\x94\xb5\xbf\xb5\x85m\x1f\xac\xf7}\x98\xb5\x0b\x80\xf6u\x9a\xba\x02\xf5\x1a&amp;\xe6\x87\\\x1c\xe9\xb2\x0e\xcc\x1f\xb8\x06\xef~\xb8\xb0\xdc\xd7\xb7w\xff2\\\x8f\xd5\x00\xe0\t\x17\xb6eW\x1dp\xc7\x1d\xd9\xda\x81W\xd2\x838\xa5\xd4\xfb\xad\xbe\xf0\x17`\x14\xdbl*\x0c\x82K\x87m\xfc\xaa\xb8\x1dv\xd8\x02\\\xc5P\x90_\xa6DS\xc7S\xc0\xd2a\x9b\xb0\xfc;\xe3\x03a\xa1\x1e\xdbY\xc8\x19\x81c20\xfe\x88\xc5\xd5\x81+\xbd\xf8\x0b\x00\xf8\xf4\xfc\x8b\xd2\xe6\x11\xda\xf0\x8e\xbdj\xa7_\xe4_\xcc\xee\xea\xc1B\xa3\xed6\x1f\x0eW\xea\x12\x9f\x7fY|\xf7\xa7\xf3\x05\xcbq\xd9\x85\xc7\xbe\xc7;\x0c\x87\xcbp\xa9s&lt;\xce\x0e\x04\x80\x8f\xbf\x9a\x0b??P\xbb\xf8\xca\x8f\xfff\x9c\xd5\xb4\xdaA\xc26\xbf\xcet4\xd8\xbe\x86*\xac\xf7\xea~\xcbp^K&gt;+e\xd7\x07xX\xfe\x191\xddw\xc7\xfc\x1c\xd3\x86\x8d\xfeY\xa7V\xe0\x08\xa0\xbc\xbb&gt;\xc9\xcf\xfd\xbe\xc8\x9cz\xc2\xda5oM\xe6\t\x1f\x02V\x16\xb4A\x00\x80\xa7\x9cZ\x87\x1d\xfa\x01\xc0;\x03l\xea\xcdg7\xc0\xf5\xed\xa9#\xaaa\x01&lt;U\x1b\x1cg\xf6-\xac\xd1\x81\x0bp\xb0\xd4k\xe4\xd1?ux\x0cK^\xc6~a\xb8\xb8\x05Q\xa8\xfd\xd8\xa7\x9e\xff\xef}\\5&lt;\xc2\x1a%\xc0\x7f\xac!\\\xf8\x16\xc7a\x83\x96X\xfb\x1b\x01\xc7Y\xf0\x06\r\xbb\xc3\x0euX\xfe\xc3\xbd+\xc1\x06U\xaa\xc2\xf6\xbf\n\x12x\xe3C\x90G\t]\x89s\n\x18\xfc\x08;\xb2\xc9\x00\xdaa\x87\x05\x90\x13\x05\xcb\x17\xeft\x11?ItF\xea\x8fU\xb5\xa9\x00\x8c\x95[\x1d\xd9\x0elP\xb7EWC\xa3t\x80\x9f\x19\xc4i]\x80\xeb\xba\xb3\xc7RcC`\xad\xd9\xc9\x06\x00\xaf\x1e\x1e\x06\xdb\x0b\xab\xf3\x80\xc15`(\xb7\x90D\x00x\xb168\\\x90\xb6\xba\xe5?\x1c^\xb9Dm\xe5\xdeN\xbe\xc5\x82\xb49\x8dvh\x07H\t\xe0\x06\xe5\xb9\x97\xc91!\'\x8e\xee\xa8\x98O6\xdaT\xb7Z\xe3\x00~\x85~&lt;\x91\x1aG\x80\xa5?\xce\xd6&amp;\xeb\x1b\x96K\x01Mg\xfdw\x84\xec\tr\xdbp\xa5\xf7\xa7\xfeZ\xf8H\x8a\xe8\xd2\xc9G\x15\xc7\xa2\x8d\x8d\\\xd9\xbd?\xed\xba\xb5\xde\xfc\xfb\x17\xfa\xda\x92o\x16\x04\xb36}Gm\xeakM\xbc\xbaSAS\xcav\x9c\x17\xd0\xbfG\x95\xbb\xc2\xafX\xdf\x8eU\x8f\x04/wg\xe1F\xf5\x8b\xfe\x95L&amp;]\xfc\x02\xf6\xe6$K\x00x\xdd)\xc4\xd6\x81\xa5\xd4(U\xb78m\xc4\xfc\xa9\x17\x15\x99\xa3iR\xac\xab\xd4\x88\x8a-p\x01\xe1\xb0\x10\xb6T\x04\xcf\n&gt;\xa5\x9dd\x0b\xb6\xde\x82\x0e[\x06\xfcSHgg\xab\xe5\'\x80 \x07\xdc6\x1e\xf3=\xf8\x917\xe4\xec\x1c`\x14\\\xd1e\x8f\x85\xea\xcb\xae\x85\x81\xd3\xf7:\xee\xaa\xbat\x81\xf8\xb76\xcf\xee\xc7\xc7\x96\x16\x00\xf8\x9e\x1e\xaa\x9b\xcc\x0fA\xfc\x8a\x0e\x1d*\x0c\x00\xf2rb\x81\x12o\xdb\'\x1d\xd8\xc7+\x1f\xa5\x9b\x05\x00\x90\x7fD\x97\xe3L\x98\x19_\xc9&amp;\xee\x8f\x0cG5\xa9\xe3\xc8\xd7n\xdd\xf2T\xe6\x97\xeb\xa8\x9b\xba &gt;\x1a\x18\x172q\xf2c\xd8l%)Wr\xc3w\xe8\x85j#c\xe5w\xe7k3m\n\xb8/\xd9\xc08\xd1\x07\x0bO\xb0\xba\x9c#T\xd5\x06\x80\xc7i\xef\xcf7\xb8\xde%o\x0e\x8f\x96\xef&gt;v\x9c\xacUu\x8e\xb0vp\xb6\xe9!;\x9c\x00\xaaIv\x88\x1f7\xbd=c8\'\xfa\x01\xa66\x80\x87\x9fZ\x03\x036k8gK\xadV`]\x85l\xe9\xbd|\xc6\xfc\xf9\xcd&amp;m\xfa^\xb3G\xe0\x83\x06\xf2\xdaa#0\xb0\xc5\xee\xe00*\xa6OX\x1d\x8e&amp;\xd9\x12\xf4\'{7\xa7\xc1\xb2\xeb\xca\x81\x8a\x9c%l\xa4\xdfZ\xe3K\x9fW\x0e\xe6+~#\xff\x86\x0b\xc0\xe2Wv\xc6W\xe5\xb6\xb7\xc3\'\xf8v\xb33\x05\x95/\xae\x9c\xcb\t\xe9\xc8\xd0j\x8e\xdd|K`\xf9\x17\xba\x9a\xc6\x870\xbf*0_\xe2+{\x04\xf1\np\xdc3\xf8J\x10\xfc.\xe0\xb9/\xd3\x02z9pBEB\x00\xc6\xf3\x0e\x0e\xac\xba\xad\'h\x8c\x86\xffB\x9a\xb1\xecN\x01\xd7i%\xb8v\xed\xda\xfc\xe4\xe2]\x80mj\x90\rp\xedZ\xb1\x8a\n\x97W\x03\xd8z\xfc\xe5\x9f\x16\x0e\xaab\x057\xac\xec\x00\x18\xe8l\xea\xb6\x8e\xbaH9\xf0\x86\xb7\x19\xc1+(q\xb4\x9b^\xb6#\x99`}\xc9\x07\x04\xa8\x08\x0c\xf3HJ7\x02\xa0\x87\x95\xdeX\x1c\x07\x8ev\xa1?\\\n\xfe&gt;\xf1\x0e\'\x873\xdd\x07\x9cd\x00\x00&gt;\xf4\xb4\xea\x9c?\xe4w\x00,\xa9A\xb8\x00\xf88\'\x87\xac\xd1@\xdd\xfei\x14\xa3\r\xc3\xbb\xb5 \x9fj\xd77\xe7m\xdb\x83\x93\xfd0\x1a|\xf0\xa0opXo\x07\x07/\xec\xad\xd6d~f\x10\xc9\xfei\xc3\x05\xe0\x08J\x9cp\x9dk\x88\x96&lt;\xe1i\xc7\x90\xb2\xc3\xc6\xe1pA\xa4\xb8\x87VZ~\x89\x10\xea\xb9`\xb3\xaf\xdf\xc9[\xa5m\xe4\xb1\x13C$\xb3o0\xfb?f\x81\xd3\x04W\xb1\x89u\x0e\x05\xf5+\x00\xcdL\xc6\xe8r&lt;\xd8\x88\xc7n\x19\x14\xc7\xb0\xa7V\x90~\x9a\r\xda\x1d#\xa5\xf0\xcd\xfe\xd6\n@\xd6\xe2\xba\xb5\x1b\xf3\xb8\xbaj\x07\xb4}h\x8dUH\t\xe0\x0ff\x92\xc1\x1b\xba\x7fi/\xc3\xf0@a_\xe6\x8e\xb0\xff\xaf\x92\xc9\xb2\x1d\xf7)\xfb8\xabT7\xef`\xd4.\xf72&lt;m\x11\x94\x8b \x1f\xedt\x05@\xff\xf9\xe1:U]\xd5\x10\x93\x1a\xcev \xa2*[\xd0f\n\xba\x07\x95\xd6\xe4hz\x9c\x14T\x7f\xde\xda\xe6\xb5\xea\x03\xe8\xdf\xe3\x00\x88\x8f\xdb\xb2`\x0c\x9a\xbf\x06\xea@\xf9RTl\xf3\x86\x7f++ Q\x1b\x0c\xd0U\xbf\xe7\x18`\xf21k\xacv\x8d\xf7f\x00\xe6\x1fp\xc0\xa9\x83o\xdf\xb7_;\xed\xd7\xe2 %\x80\xf7\xf3q|\x97\xbb\xa2\xdf\xea;\x16\x00\x00\xc0\x17\x07\x91\xaf]\xbb\xd6\xe4\xdb\xd7\xd0\xbf\xe9(\xfd\xd65\xf1\xf1\xca\xf9\x8f\xd5\x1a\xfb\xe3\xdb\xb9\xfcY\x08\x91\xae\xbf\t\x7f#\x10\xff\xe6\xebEl\xe3\x85Cp\x8b\x8e\xf4]\xe1\xf9[\xe0G\x91v\x0c\xb8\xa0\xa5\xb4\x83\xf5{\x05X\xa2\x87KI\xfc\x00\x00\xf0\x94\xd0\xf5\xc8\xfc\xef\xc6\xd7\xab\x7f\xef\xa2e\xaf6\xbe\xc0#\xc3\x19Y\xe3\xecbq\x9b\xea\x9e\x9d\x19W\x04~)vR\xdb\xac$\x1a\xb4?\x00\x1bTcH\x05\xdc\xa6\xbb\x1d\xef\xbbw\xb2\xa5h\xdc\x11\xc9\xcdC\xe8\xe3\xbb\x198B\x08n6\x03nT\xad\x0b\x06\xc7\x15\xe0G\x8f\xa9HJC\xfdR\xf9JO\x989\xc0=\xfa\x08\x8f\x03\xdb\xd2&amp;\x00\xea\xe9d;V=\xfbC\xee&amp;\xa1\xad\xe5\x1a\x18\xf8\xf8\x1a\x83M\xa5\x04\xcf"h\xa3\x84\x9e\x01|\xa5\xf5u\x9a-Ya\x942\xde%I\xbb&amp;+\x99\xa8\x9b\xa98\xb4-\xd5d\x89\x0e\xd5_\x0b\xe3\xdfMu\x84\xe1\xf0\xed\x88\xbf&gt;\xd9\x14444\xfd":%\x9e\n\xf2/\xbc\xb1\\.\x0f\xc2\x15\x7f\x13p\x00\xedM\xc0\x19l\xf3\x12\xb0\xdc\xe2\xc8k^\xf5\xac\xb3\x1d\xf0B\x11\xe1\x1cS%\x15N\xafA\x178j\xe3\xdf\xfev.\xab[\xee\x08\xd5\x02@\x90\x97J;+\xb0\x9abg\xf6h\xe0\xf9q7\xcf\x15\xd2\xcaF&lt;\xa6\x04\xf6\xfdR\xdaF\x02\xb5\x00\xecp,\xe7\xf4\xabv\x18\x1f\x07K\xecv\xa9\x16\x97\xeev\xa9+=K\xe8pY\x80_\x1a\x9b\x1f:\x98\xb5\xde\x12,x\xc3\xd9\xc0m\xe3\x9e\r\xfc\xc5/\x7f\x07\x80\xfb\xb5S)\xb9A\xa8\x7fS9\x80\xbc\x86A/c\x93\xa6/\xfb\xed&gt;w\x80\xed\xdb\xe1\xdc\x13DG3\x92\xeb\x8dsD\xdb\xfe\xd7U\x93]\x00@\xc0\t\x95\xcc*\x9dZ\x85(\x80\xeb\x18\xc3\xa4\x9c\x8fAZ\xe1\xdc\x176\xf2\'\x81\xd5\x1f\x975/\xcaO\x11\xab\x0b\x7f\xf6x\x94\xba\x91\x85K\x1c\x00\xc0?l\xe8\xac\x04\xd3^K\xd3\xbe\xe4\xb5\xab\x9b4\xea\x87\x18W\xdaS\xc6\x16\xef\xe3\xf1\x7f\x9e\xbc\nX\xa5\x8d\xe7\xbek\xb3\xb6@\x1dc\xac\xd2\x1b\xdc\xa3\x1d\x86A\xfd\r\xc9\x87l+\x0c\xfat\x19\xfe\xae\xbf\xd5&amp;\x0e\xbe_K\x83\xf5\x86\xdf\xab0\x84*\x8b5\x81]\x01)\x08\xf0^}]\xc5\x86\xfcr\x1bp\xccP].\xe9)\xcbu@\xdfU\x91\xbf\x03\xa5~\x87\x06%\xfa.\xdf\x97\xb2u\x9ch\xdcT\xae\x1f\x0b\xa7]Y0\xbb5\xe9\x88\xbf\xddQ)\x00\xb3\xf4S}\xd3\xb1z\xc9\xb3\x99\x1b\xa0\xf3\x86\xb5-8\xba\x8b\x1a\xcb\xcd\xcbf\x8e\xe3\x8dTb\xcb\x80J\xa5\xb9\xe8#\x98\xe3b,\xde\x96\xac\x01`\xd0\x9fc-&lt;o\xe5\xc9"#C\xe5v@\xf5\x8e\x7fO\xff\x1d\xe0\x7f\xa3\xef\xaa\xc1a\xdd~f\x83o&gt;\x9e&gt;g\x0fM\x9e\x14\xf9BB\x9c\xc3\x12\x9cm\xc2\xda\xc7\xcc\x958\x8fR\x9b\x7f\x11\x88\xcd\x86\x8fG\xc7In\xe7\x98B\xc9M\xc8iU\xd9\xe1\xac\x01\xfe(\xff\x18EJ)\xdd\xae\x8f\xc9:$\xad}b\xab\x1ag\xda=\x05\xee:7\xb100`\xbc\xa0\xe5\x1c\xda\xf5\xea\xbb\xbe\xdb\xa1\x15Vu\xe5m\x04\xca\x11\xc1j\xc7\xf0\xad\xf1j\xa2\xd1s\x03U\xcf\x16m\xe1\x86\xe1\xe5\xa7\x13}\xfa\xc5\x0b\x18U\x00\xcc\xbb\xdd%L\xd7O\xd0k\xf0\x97&lt;#\xa6\xdd\x9ac\xc4\xa1\xcfs,\xa2\xf3\xb5\xc3\xbaP5r\xd3.\xb0\x9b\xa2\xa3\x19\xdd\xbf\x1f\x1c\xc1\x1f\x00`\xec\x9f\xaf\xd3\x7f\x16l\xf7T\nCJ[K\xff\xb1\\\xda\xb6 T$\xb6\xba\xec\x0e\xc5\xe0\xd2\x7f\xc9M\x14\x82\xa9\xc47V\xab)\xfb\xbe\x85\x12\xbf\x89&gt;\xe1\xcbmE\xe8\xb2dm\x7fo\xe1\xd32\x7f\xf6p\x05A\x9e!\x94F\xf8\xa6G\xd1d\x08\x93q\x8e\x1adtB\xe7Y\xfd\x98\xa5Y\x93\xf4\xa0W-r\x1e2?\xac\xdaH\xfa\xe7\xfa+b\xf4\xbeF\x83\\\x8bm\xc6R[\xd1\x83By\xed\xc9\xc6}\xe4\xcdXum\x08.t\xf8\xf5\xe0\xda\x06\xc6\xfa\x02\xdc\xa2\x82\xac\r\xfe\xe3P}\xce\x0f\xd4\xfc\xdc\xbdk\x1b\xb8]\x9f`\x0bZ\xbc_JiA\x96\xf1\xc9\x86|\'g\xc9n\x1d\xc7\xc2F\x06\x97#`Mi\xe4\xbf\xdf\xf6\xf5\x81\xd3\xf9\xf4(\xc1\xf1\x020H\xe0\t\xa0\xaa&lt;&lt;L\xa5ZE\x99s\x02\xff{\xe2\xc3\\Pp[\xd5\xf2\x83\xbe\xfb\x11\xfa&gt;b\x88\xdb \x9cQpFn\xaf\xbd\xcf\xe4c\xb8\xa9\xb7N\x03#U:\x93\xb4\xd1w\xcbzv@\xcf\x01\xce}\x832\xd5\x8a\xbfC\x05\xa6\xef\x0b\xc5~i\xc1J\xd2\xebh\xcfXD\xbe\x04\xba\xee\x82\xae\xd3t\xb2\xba0\xb7%\xe1\x1d(\xcc\'&lt;\x85:r\xafH.&gt;9\x00\xaf\x077V\x10\x8e\xab\xd29\xc1J.\xaa\x7f\x89\x05\x9e4\x9c\xa7\x85\xb9\xea\xfb\xb4\x16M\x00\xbe\xb6Q\\\xfb\xb5\x1a}\xb5u6\xde\xdepO\xcd\xde\xf4\xc2\xaf\x8c\x15\xd1\x04\xd3\xd1\x16\x00\xee\xe6\x8b\x86\x94\x12\xfc\xbc2xyp\x84UY\xad\x00\xc0S\xea\xfd\x01y\xbb\xb6\x86v\x17\r\xd8bO\xb4\xa7*L\x8e\xe8\xfb\xfd\xaf4Fj\xd1\x0f\x1bQc\x07\t\xc3\xb7f#{}\xe4\xb48\xf6=\xd9\x92\xc3\xd6F\xec\xbf\t8\xe4h\xa8\xbd$ \xf8\xd5\xf70\x01&gt;\x1b\x84\x81\xf1\x00\xf0x\xdfLg\xfaRa\xb3\xd0\xf6\xbew==\x82\n\\PG\xda\xfdSA\xfe`Z\x92\xdfk\xdf\x12\xbe*\x10J\x1f\x81\x1f\xce\x94\xb7\r\xc79\xfd-\xa1\xdd\xc27\x95\xb2\x02\xce\x17Z\x96\xb0\x8d\xcf\x8e\xb5\xc5{\x8ed6\x06\xd8+\x84\xed\x80\xbf\x1d\xfeU\xf5\x91\xbf\xbcX\xb5\x9b\xb1\x96\xb5\xec\xbd\xa9}\xbcX\x88\xbcp\xe3$-\xf8\x17\xb0\x8b\x1d\twU\xa8\x07\xaa\xfd\xfd\x99fY\x8f\xef\xa3;6\x04\xcf\xafkI\xb7o$|\xc3\xcb\x93w\x93\xd0\x0b\x86/\xed%\xecx\x9dv\xe1\x00\xee/\x0b\x1c\xf5%Hv\xed\x03\xda\xf8q\x00\x9e\x17C[\xedUaM\xee\x16\xbf\x83\xa4B\xf4\xad+\x16\xbdL\xe2\xc5\x07\xee\xc5/p\x14x_\x02v=|\xcf\xfe\x05"?\xfc\x05\xe2\xaf\xea\x0c\xd6\xe1\x13G0\t~ud\x80\xa8E /\x1f\xc1G0\x7f\xf7\xc3`\xc5\x86\xc31\xc3\xac\xed\xc49\xf6\xcb`\x1b\xdb\x08\xebR\xf1\xf8Y\xef\xf8\x8dv\xf0K\xe7\xa7\xfan\xfa\x16A}\x19\xfb\xce\xc3\xa5T\xbe\x8f\xf5\xf4%\xe7\xdc\x89\xc9"\xeaM\xc0z\x97\xfek\x10\xd69o;\x86\xd6\xd6n \xf75\x14u\xce\xdf?;JD0\xd5\x0e\x12\x17\xe4\t\xef\xb0_\x01\xd9`\x99\xa5\xe35\x00\xa1\x15\xacz\x94\xbbhP\xdf\xf5\x1dF\x16\xfd\x94\x84\xc1\xb3|\x8c7\xcewh\x144\x7fyl\x87\xcd\x82\xda\xff\x85\x08\xfb\xbf~s\xfb&gt;\xc2\x00\xe7\xf2\xf5\x93V\xe5\xae\xae\x97\x8a\x0b\x07\xf3=\xbeS\x00b\xbfw\xa5C\xbb\xab\x02\x96mV\xb2\xd9r\xb6g\xd7CmM\xdb-h\xb3\x05\x1d\x06\xc2z&gt;\xb95\xe7\xf1\xe1:\x8b\xa8\xaf\xa5k\xda\xf0k\xae\xa9\xc33\x917\xd9\x80s*\xd8\xc2\xfe\xaa*\xf4\xd9\xcc;\xff\xa6\x04\xbdl1\\\xbbv\xcd\x17t48\xc9\xbdY\x8f\xac\xc7\xc9K\xf90\xedpmRJ#\xdc`9X\xef ;\xb6\xf5\xda\xb5k\xd7\xe6,\xf3\xc1\x94\x7f\x9f\x01\xcf+\xefo\x02\x16\x1e\xf9\x8d\xc3\xc7\x02\x8e+\xf0\x19\x0e\x00\xe9Y+\xf3\x9f\x82j,\xdb\xa1\xdcv\xf0\xa1#\x19m\xd6\xe1\xc7\x02k\xfc\xdb.\xb2R\x02\x80\x7f\x18\xae\xd3\x19\xc1\x92\n\xa9q\x03\x80\xbf\x8f\xcb\xd5\xa7\xacJ\x10\xd0\x93\xfd\x0c\xda\xf0/{\xe8\xdf\xe3n\xe2\xa31Y5T\xad\xbb\xf8+\x92 \xce\x08&lt;\xcf?i\x01\x10\xef\x8dBh\'\x81\xe0\xcf\xabN\x89\x02\xd2g\xac\xaf\xd2\xa6A=pY\xdf\xfb\x0c\xe6\xdf\xbe\xd9\xb8\x14_D\xdfU`}i}\n\x1d\x17:b\xfe\xdc\xcf\xb9\xe7\xad\xfdh\xe8~\xa9[\xa8\xce\xc7\x1f\xaaW\x9d\xdelo\xa2\xb8L`\x96\xf0m\xb7e\x98\xb76\x80I\x7ff\xe4\x8d\xed\x82:`\xb8\xf5\xa6\xee\xfej\xfcE\xd3\x8f\x0c\xe0\x1c\xdf\n\xf0\xe8#\x19\xff\x04_\xab?\xb8\xd6\x9f\rb\xb5\x99C\xe7v4\xd9"\x00|\xc3\xa9Uh\x839\x03\xce\x1f\x1b\xa3dyX\xc5\xa9\xfd\x9f\xb8\xae\x8a`\x17\\3O\xde\xcb(WL\x17\xe1\xef\xe6\x97\xd0\xd6\x90\xb5\x02f\x07\xb0m\x95\x1b\x8dGTM\xfep\xb0&gt;C\xd9\xad\xc3yo\xed\x87A\xd5\x8e\xec\xa8uB\xab;\xaaZ\xf7\xaa\x1e\xb7q\xd2\xeb\xb4\x8d\xe4\xf3\xf5\xe5i\x8c\xbd\x87\x96\n+Y\xa5;\x93\x9d|\x97\x1a\x9b0o\xa5\xad\x85_vH-\xba\\m\xc8\xefF\xfa\xee\xc8Nrw\x04\x90\x00&gt;\xaa\x8bPY^|\xc9\xb4\x17\xeb\x90?\xc1;4\x92\xc3\x1d\x1an\xba.\x03\x82\x0b\xed:\xfc\xbd \xce\xdf\xe4\xb3\xb0\x038\xc5F\x82x\x98&gt;~u\x05?\xce\xb9\x15:\x1a\xb5(\xe7+\x13)\x8b\xa0\x9c%\xc3\xd9?\xfe\xd6\x17\xe0i\x96\xcf\x05\xa4p*)\xf6\x07\x1ay\xa6\x94\xe0\x85\xe3c\xef\x16L\x84x\xb9\xa2\x94\x1c\xfb\xd0\x8a\xdfL\x88\x17\xf5Z\xf5\xaa\xbd\xfeZ\x0f\x8ev\x13\xe2\x88&gt;\x970?\xb9\x9e\x1d\n\xc4I\xee\x15#ou\xd4%\x91\xea\xdfR@J\xef\xdd\xcf\xfb\xcc\xc1&gt;v\r\xf8\xd2\xce\xa8\xf4\x8ao\xc0\x1d\xceVnuT:r(\x9a\xdf\x9f\x03\xb3\x06Ti)\x0e\xe7\xb1\xfc}\xc0\xa9\xb2U%h{\xdf\xa6L\xe4\x0f[@\xec\xb0\xed:&gt;&amp;/\x0c;W\xe9\xd3u\xdc:.\xca\xbf\x7f\xba\xdf\xc3\\=@\xe7\x89\x00\xf2\xba\xba A\xb5\xf7\xa5k\xc0\xd7D\xde\xa6\x04T\xa9b\xb0\x93\x9b\xfa\xb6 \xd8Mw\xc3\x1a\x06\xf5\xbf\x94\xec\x1f\r)\x9f\x15\xb7;\x98$\xdb2\xef\x82YMt\xa1j\xbd+k\x14\xd5\x06\x0b\xef\xd0\x08\xab%\x85\xcaz\xd9\xb0W\xaf$o3\xe6o\xa4X\xef$\xe1\x9a\x11\xb7\x8b\xad\xb9\x9d\xfd\x80{\xa2g\x07\r\x7fU\xc3\xfemK\xc3\xb4\x9a\xff\x05\xedo\xb5\x9c\xd6z\x03e\x1fX=\xdb\xe5\xdfs\xd7\xd1\xabb\xfd\x0c7\x88\xdb\x14q\x7f\xdd\xc2\xae]\x81!\x84[\x83\x0e\xe7\x1fX\x9c\xce\x06T\xe7S\xef\x97a.\x0c\xf0\xbf\x05\x93\xa6\x13q\x18\xed\x90@\xab\xf8/`i7&amp;\x82\x9f\x0f\x82$o\xa8\x04\x7f\xe8mJ@\xd6\x12\xf0\xea\x93O\xb8m\xef?a\xcb/eM\xb1\xd0\xcf\x81\xb2:\xba\xe1\xd7\x13\x18_\xcbq\x96\xdd\xa0\xcf\xe6C`&lt;\x80\xe6\x80]\'\xc7\x81J5C\xedJ\xbd2\xabF\xb2\xd9\x94\xd54\xe9\xb3\x04s\xbe\xd6\x1a\x13*&lt;\x91\xbb\xa9mD\x80\xd4\xe1\x0b\r\xcb\x9fD\xdb\x88\x9d\x96(\x06\xef\xb1\x80x\xdb\x80\xcdF\xee0\x03\xf8|**\xf1&gt;l\xe4cb\x84\x97\x06\xf1\x9c\xb2F\x0e\x08\xf2To{-\x86\xf0\x88\xfc\xdc\x90\xb8\xf8\xc9\xa6\xeb\x8f\xa0\x99\xfe\x9a\x12\xc0\x83!s\x0e\xd3B\r\xa1\xcc\xae\xf9b\xe3\x08\xf9tH\xea\xc4\xdf\\\x90\x8d\xdb\xeag\xac\x9a\xc3\x81px\x11b\xffy\x15\xcdN\n\xf2+|\x01\x92S\x9c~\xe0\xe3\x8e-\xf2b`\xc8~\x05\xdb\xd5\xb8\xac8\xaez\xe2\x89\xab\x17\xbcw\x9eN\x15\xeb\xbfhZ\xb5e?f`\xde\xa3\x11\xff\xe4\xa7\xf5\xda}\x14\xfb\x08\xf0*\x81\xb3\x81U\x1c\x19\xa6\n\xb1\xbd%oP\xa5\xd5\x01\xda\x7f\xab\xcc\x90\xd4\xaf&amp;\xe0&lt;\x16\xcd\xe35\xc5\xbc\xd4\xdc\x983\xd57"3\xb7\x04\xf0o\x1bx\x15\x1dLYm\xe3#\n@\xab2\xed\xfc\x07W)\xbf\xd3&lt;y0\xb7\xaew\xb8\xba\xbf2\x9a\xe1@\x80\x95\xbb\x96&gt;\xc8\xc9gk\x8a\r\x06q\x01\xf7\x86\xe3J\xafd_\x8c\xa0\xa2ej\xff\xf4\x9d\xe6\xf2&amp;O\xe2\x16g\x87\xdbAh\x87gdM\x86#\x17\xaaq.\xdb\xf9\xea"t\x98#\xd75\xcb\xe1\xec\x02U\xf5\xc3\n\t\xb9\xe8\x1b\xacO\x07(q\xd4\xcfj\x0b\x0b\xba\xf20v\x0f\xe4\x9e*\xa7\xe0\xd8\xf5\x8b\x853\xea\xbc\xbc0\xd3\xd5_N\xa0\x07\xf0W\x94yj\xd3\x00\t\xe0NU\xad\xe26Y#oN\xdf\xd4\n\xbc^\x9e\x15\x18+\x9fJ9nm\x18"\xe9{\x06(R\x81\xd0;\x95\xd5\xb50\xe4.3\xa1\xbcHX\xc2m\x87~P\n\x80\xf8\x88\x83S&gt;\xe4\x8f\x91:\xd1\xa6\xdb\x1f{\x8a\t\xe9.\xabc\xbdl\x0c\x1a\xa1\xc9N\x12\xd9zMMp\xa2\xec\xab\xd2\xe3_\xdb\xd0\xd7TW\xb5\xf6\x8b\xadN\x98\x1e\x06\x1e\xd4\x86g\xb9\xa5Y\xf8\x88f\xf5\x83\x97~\\[\x97\xb3\x05\x80\x04\xff\xe1\xf8B\xcd\xc0\x04\xfa}\x7f5\x86\x8f\xb3\x9d\xd5f\xf6K\xa9\x0b\xae\xa7\x15\x00\xc0O\x98\xf7`\x1c\xb3[J/\xe1@\x0e\xadl\x03\'\xc8U\xe4v\xf0Y\xdbg\xad\x90\x1a\xb6\x8a?\x1c\xc1d\x00\x0f\xc4mc\xc5\xef,!{\xcd\xe1\xff\x95\x88\xea\x96\xa2\x08U\xfc\x15l\xe8\x13*\xf8+h\xff\x95jHrz@D\x91\xf5^\x8a\xe8\x88\xea\xd9\xec\x16\xa6\xd9\x05\x8b_%t\x9c\\\x93R\x02\xf8\x0f\xadR\xaeZlI\xf7;\x92\xdc\rg\xb1\xc7\x06p\x86\xdb\xcd1\xc8v-u\x12\xe8;Q\xca\xf6&lt;\xd0\x97\x99\xc9\x1d\x00\x00&gt;fL\x01\x88\xdd3\x0c\x89\x17\xacd\xe4\xf6Y\xad|&gt;s\xfd\xc5\x80`\xdbm._\xc3\x94\xd2\x17\x10\xd1\x1f\xb4j\xf0l9\x8b\x1d\x07\xe6\xad$#!B\xdbv\x91T\x08_[\xe3\x7f\x9b\x98\x1e\x1a\xf34\xe5\x07\rg\xe05o#\xab+\xedl\x00\xbf5?\xa0FrA\x12\x91\xc7\x08\xe7\r\xb0^\x03\x8c"\xd1Z\n\x0e\xd8\xcd\xdf\xb8@\xff\xae\x07\xf3\xa9\x0b\x8f\x98\x8bk*\x84\x83\xf2\xbf\xc9|-\xd6X\xca\x11d\x0c\x05\xf8\x91\xc0a\xf1\x1d\xdb\xd9\x1e\x1c8\x7f\x8c\x90h\x8e\xe4p\x00\x91\xce\xfdF$\xa0\x02=\x16\x87\xf7\xf2\xec6\xfdB\x00\xbb\xcb\x9f\x8b\xa9(\x93\x96\xfd\x8bt\xf7\x11\x1c_\x1f\xf6\x10\xa4\x92m\xd7\xaa\xc0\x04\xfd\x94\x89\x06\xf9B)\x1dW\xc3\x8d\x03\xc0\xaf\x9dR\xba}iyB\xadT(.\xb4\x84\x89\xcb\x7f\x01\xe3\xb0\x02\xf4\xb6s\x8b\x86&gt;;pR^\xdc\xbe\r\xa5\x02\xa2\xc9}\xed\x88j\xab\r\xc3\xbf1i\x8c\xff\x89-=\xefT\x932=wz\xcd\x14\x15\xf8\xaa\xd1\x0c\xab0\x1d\xb0\x062\xd4F\xac\xeco\xb65\xedR"T&amp;7\x00\xfc\xabo\x8cN\xab\x97\xbb\xc6g`\x94\x1c9\xb5\xef\x85d\x18\xd4\xbd&lt;\x9c\xd9W*\x00\x1do\x99$IV)\xbfBoc(\x16\x05\xf3\x9d&gt;\xb8\x1a:\x82\xacoU\xb5\xc2s\xf0\x11j\x93\xfd\xec\xc9\xc1O\xfd1\xdf~\xb25uK!\xab[\xc9&gt;\xc2\xe1\xb0\x1d/:\xdc\toB\x953\x82\xc6\x963xO]\x82\xc4"\xe9\xc8\xfe\xf4uS\xf3F\xffBD\x04RI\xbe\xf0\xb00\xe5\x94\x8e/\xa8x\xe1\th8\x106\x13\xb9\xa7\x07V\x14\x9d\x8c\x0f\xc6\x8f \xf0\x97aA\xb96\xde\x1a;\xb3\n\xcf\xdd\x8d\xb6\x06\xeb\xb5x\xb2S\xce\xa1`\x84\x90N\xdb\x91\xfdSJ\xf0\x12S\x93n\xc0Z\xf0\xecl(\t\x9f\x182\xac~\xe4w\xcb\xc6\x05\x04\xd2\x96\x97P\xdf\xb2J\xf2W\xd0\x86\xa8T\xe5\xf2\x1b\x84d\xa1\xcc\xc1\xe0\x18!\xbf\x99\xd8\x98\xca\x97\x0ec\xcd\xedo\xb0\xd5&amp;;A2&amp;tj\xbaE9PnX5\xf1\xb1\x90\xd8w8\xa1/\xfcDu\x03\x80W\xae\x1b?\xbe2\xfe\x19H\xc5\xef\x96\xb5\x05\xb0R\xbf\xe6\xc3e\xa3\xe1\xc7\xd13\xdc0\xbf\xc8\x19zi^?\x95\xaao2\x8e\x03\x91\x9d5Cf/\x0f\x17\x06\xd8\x1bb\x1dU\x9d\x8f\x87&amp;\x1e\xba\xc1)\x00\xb9\x97I)\x01\xbc\x9d#\xcb\xc9\xfe\xfd\x8auS\xfal\x03:)g&gt;\x1b\xe1gj\xe2\xa2\x9a\x8d\x83xZ\x0c\xfa\xe9t\xd1,\x10\x89\x9fL#\x9c\xbf\xaf\x80\xb7\n\xa3\x00\xacd\xd2V\xa6\xd5\x98\x0e\xc6;\xc4|\x12\xc3{\xd6NQ\x8fn\xe1v9\x80\xdb\xd5\x94\x12\xc0\'V1m\x84\xb6D\x8c\t\xd5\xef\x05\xad\x94\x07$\xdb\xf9\x80\x12\xe7\xc0\xb5;|R\xfe\x08\xaf\x10\xd4\x07M\xb6h\x0e\xcb\x1f\x1d)=B\x02\xf4\x99g\xabVa]0;\xbc9{;\x8b0\xe0\xa9P\xd0\x94v\x81cR\x95\x1c\xadT*\xa6[\x85\x92 \xc7q\r\x1d\xf8\xeb\x8d\x863\xab\x8a\x0f\xda\xd7\xdb\xccJ|\xf3\n\xc2\x0e\x15\x807\xf0P\xf4\x90\xbb\xa5\xe0\xd8\xbe\xc5\x00\xc7\x8d\xca\x1d\x8a)}]\xef\xfb\xbad\x89\x1eP\x91\xa8\xab\xd1"\xa5\n\x90\x12\xc0\xbb\xfa|\x82\x9c\x1f\x10\x11\'\x8e\x801\xde\xc7\x00\xd9\x98\xa3)\x15^`\xa1}xmuyv\xc0\xd9\xf4\x97\xe7\x07!b\x11\xdb\xb0\xd7\xc5\xd3\xb7/\xeb8\xce\xb0)\x97;\r\xac\x92y\x1b\xdbUH\xe9\x8f\xeb\x88\n\xe1\x10Xx\xb78\xaa;&gt;\x8c\xbd{J\x90\xd2\x83\x1a9+g\x1aH?\xb4L\x1fk\n\xa2\xbfZc\xcc\xfe\xac\x1d\xa0z=\xb6O\x84\xc6Q\x954\xf9\x007J8\xad\x1b\xa7\x84U!\xb4G\x02\x13\xde)\xc6\xdc]Qf\xdb\xdf26\x1fe\xf6L\xde\x0bf1_\xcd\xa2\xa2\x95\xf6\xba\xad\xcdB\x8e\x80\xe0i\xbdi}s\x1e\x89\xfa\xf5\xd16k\x08|\xd9\xe2\xa2;\n\xbc,f\xebW\xcb\xff\x04\xe7\xf1Z\xba\xec?\x9fi\x83\x8e\x9e\xce\xc7\xcc\xb0\xb5]\x8bb\x1a\xe7\xe3R\x14\xe3R\x03j\xc0\x8d+\x08m\xfc\xcf.\x1f\xf5\xc11{\x93\xc3_]V\xef\xf8\xb6\x03\xf0\x97\x83K\x91\xbc\xdeU?\xcaA\xe7n:\x1d\xd1Ay\x12\x19\xc5\xd6^\xc21\x9b\xe5\xa6\xda\x0c\x00?6?\xd4\x0b@\xc6D\x87\x06\xcc\xaaU\xcf\xa4\xe9y\xdd\x18a7\x1c\xf4\xfcv&gt;X\x89\x91\x9c\xe2\xb5\xa9e\n\x99\x12\xdb8o8\x03\x1d\x17\xcay\xb6\x95\xd0dhG\xf5/\xab3\xdb\x02\xdf\x18@;\x97\xa0\xd5\xf4\x9b\x04\xad$D\xf6!x\xecP%:\x83n:\x96\x83\xf7\xb6XM\xff~UO\x1e\xcfo&gt;\xc6\x16\x80*7\xd6&lt;ZL2\x9fj\xf6\xb7\xc8\xe7\xc3n\xfcf\xaf\xc7\x0e\xb2\xe7\x00\xf8\xa3\x06\xa1\x1d"[\x00\xf3\xff\xf3A|:h\xf7\x120A\xddw\x07I\x19\xc1\xa6I\xe2JlQ\x1f\xf7\x8aX\xca\xd6F\x00\xee\x15\xc1\x1c\x08N\xea\x11\xfdi\x8dU]V )\xba\xb4\xdd\xa2\x0b\xe6/\x8e|\x9d\xc8z\xccj\x01P\x91S \xdc\x08\x93\xf9\xdf\xf8Bb\xa5((_\'\xd7\x06;\xcb\xf6pM\xa2\xb4\xfdb/\x0b\xa0\x1ao\xd3\xd6\xdeaa_\x06\xdf\xe6)\xd0\xcd63\x99\x1eJ\x8f\xb6\xe9\xf7B\xcbu\xf3\xa9\xf5\x94\x14c;\xec\x92\x07&gt;*Y\xf9\xa2\xa6\xc3\xf6!~\x04\xe8(\x85r\xe3\xec\xca\x8d}\x1e2~+t\xf8#\x90pS\xea\x1f\xbd\xcf4;\x8fF\xb1\x85\xbf\xa3X\x9d&lt;%\xe8\xf8\xc5\xdc\x97\x07@\x7f,E\xc7\xe9:\x95G\xefU\xbb"$(\x143\x85\x8f\x1f\xc3\x93\xf3w\xf5~QJ\xafR\xa8\xa2-\xe1\xc2\x1e\xa7\xe3\x8a)\xb8\x0f7\x88\xab\xd1\xd3\x15\xae[\xba\x9b3\x9dA`\x95\x00|C\xd8\xe7\xdb\x11\x02+\xef\xfb%\xfc\xa0\xcbr\xe3\xfa\x8bR\x8e\xbc\xa3\xb7\xd4\xaa\xb5A\xcc\x1d&amp;\xa8\xb5/q&gt;\xc3\x14X)\xf8\xe7lk7#wk\x13\r\x81@\xcd\xcbr*S\x95\xfc\xc9q\x9dF\x83S\x99\xf2\xcc\xb9\x04\x18\xd1\x19)\xfd}u*\xf3rL\xad\x01jU\xf0EX#M\xb6\xb5$.=k\xeaw&gt;m\x19\xe38\x05\xc0\xc1\xdc\xece\xc0\x89aN\x8b\x00\xe8c7\x9fNZ\xce\xaa\x9bS\\\x84\x16\'\xed&lt;\x01\xe0\xe5\xce,\x16\xa7\xe9\x03\xb9I\xb4\x15Xb\x0c\xa0\xcf\xdd\xac\xfc\x8e\xd2#\x8c\xfc\xbe\xa3^\xad\xb0b\xff\xb5\x950&amp;\xf5\xa0\x1e&lt;]\x9f"h\xe1\xc4\xef\xec5\xc3i\x05xM#\xfe\xd0\xe2\xdd\xba\x93KD\xdf\xb2\x8e\xb2C\x0c\x00\xe0S\xe8\xc7n&gt;\xe4\xa3\xd3&lt;\xf6\t\xe8\x85\xee$\x13\t\xd4\xaa\xe8\xaa\x08\xab\xbdjeu\x80\xcf\xe6T\xb4\x08\xb9&lt;"\x17D\x1d\xe0\xf0,7$O\x8a\x920\xb4\xb5\xdb\xba\x86.\x9e&gt;\x83\xe1x\xfd5\x98\xde\xb6\x07\xddf,l\xbf\x87\xb6J\xda\xea\x8er\xbeP\x9aPy\xb6]\xd6\x8c\xc3\xd7i\x83[\xfd#\x0c\xe0f\xc0hJ\x9a\x90\x17+#\xab\xe9\xf3t\xbb]_\xa1}\x14\xe3\xa3^\xc8F\xe4\xae\x04\xa3\x1a\xcf\xb1\xdd\xab\x958\x82U\x06c&gt;\xec0"\xf7q\xc8[.\xbb&amp;-&lt;\xd1\xb6(\xa0\x8f\xaf#\xb0\r\xacS\x17\xcc7\xc0;\x10\xb0\x9di\xc0\t\x9d0\\\xd0\x8cc&amp;\x11\x84\x0e)\xbenmW\xb1\xad\xb2k\x1c\x9a\x96\x93Q\xff\xa0\xe3T\xde~\xab\x1b\xee\xd6=)M\xf5u9\x18\xeds\xf4\x14\x1b\xaa\x07k&amp;D\xff\x10P\xce\n!V\x13\x95\x89\x908B|]\x1d\xeb\xb7Z\x96\x81\x12\x0f\xbf\xa5c\x87\t\xe2y\xd9)\x12!\xe4\x19\xff\xc7\xbbu\rCG\x8f\xb9\xcd\xa3\t\xc0\x1f\xe2TR\x8dCq\xe7\xd3pqa!H\xcb,\xac\xe5ku\xa6\xf9\xa1\xd6\xbb8\x07\xa0\x90\xd1\x02+WK#\xd9&gt;\x8dD\x95e\x91(\x1cX\x01\xa8-\xc7\x99\xccgY5\xc6\xfb\xb7\xdep\xe0UCo\x8ds\xd8EA\xbc\x004\xdd\xaf\xad\x9a \x00\xe0i\xb6\x94S\xed\xf1\xbf\x1f\xd2\xfe\xcf\x86\x96]3\xc0W\xb2\x11A\xcb\xe3\xca\xd7\xc7\xbb\xf7\x80\x82\xc3C\xe8\xc1\xa1$h\n]\xf9\x14\xe8\xe3\xf8\xd2Gu\xf7\xb2\x12/\xa8\x98Q \xbd\x82\x9b\xdf}&amp;|\x04i/W\xa2v\'\x0c\xde\xea\x80\xf0\x87|\xfcc\x82*A)HL\x10\x88\x87\x1d\x9a\x81m\xaa\x99\xd0c\xa1\x8bz\x07\xd18\x88_]\x923\xd4\xa9\xb2\tW\xc3j\x88r6\\\xff\xb2B\xb5\xf3\xc1\x94\xf0\xb6\x01r\x1c\xabU\xe4WL$5\x86Q\xa1\xfalU\x8d\x1a\x02\x95\xd5\x82=\x08\x96d\xf0 i0\xbeZ\xe5\xb2\x11K\xb4\xfa\xac\xf2\xe1\x1f\xfb\xd5k\x1bo\x95\x05\xf0\x83M\xfa\xb8\xacFq\xda*D\nkD\xfd&gt;\x00\x00 \x00IDAT\x80?5!0g\x12\x04\xf0e\xc4\x9a\x9f\xd7\xa8g70\x17o\xdd\xd1#7\x1a\xea\xfd@\xab\xce\xdf\xceZB{\xf3\xc0\xb8x\xd5\xcf\x071\xe9\xcc\rZ\xc9\xe30\xa0\xa3\x0f\xbc\xc9\x18\xdb\xc0W\x8ee$\xdb~B\xf0@,]\x14\x80\xef&gt;\x8b\x02\xfa\xdd+S\xb1J\x01X\xb9hI\x84\xf2\xec\xa1\xedg\x82\x16`\x87G25\xce\xf3\xe7c\xe97-\xe5\x13\xd6\x07\x9f[\x870\xec\x86\x8f\xeb\xca}\xcb\x8d\xef\xf7\x80\xf2D_\xe3\x16\xb8Y\xce\x1bm\x08\xb5\xc0\xfcCt\xae&gt;}pH\x10\x90WT\xc7o\xfc\x8e\xbd\xc3*\x80\x80MWm\xc8\xf2~\xf0\x0b@V\x00(\xa3\xc6}\xcf"\xa6\xa7 m\xe4\xcc!H\x82J5\x0bup\xaen\xb5P\x1b\x7f\x10\x1fG\x08\xfa~\x80\xbbttRA\xfc\xa7\x84\x99\x1c\x7f\xb3[W\x9d\xf1\x977\x9e"\xe6\x07(V\xcdJ\xe2 \x18\x97`\xf0\x8c\x0f\x06dA\xd7\xc2\xab\xa2\x07B\xa0 \x01.\xc6j\xc3;JI\xad#\xe4\xd6h\xba#]\xee\xd5\xcb\xa1\xee\xc7W\x04\x94\x93cJ)\xa5\xebh8i\x81W\x95nK\xe4b\x7f\x13\x86\xec\x11\xa4\x04\xef\xcdG\x84\x1a=\x82r\xf3\xe5\xceV&lt;M\xcd\xcb\xe8\xdd\x97\xe7\xab-\xed\xd8\xdf\xf3\xd0m\xcd\x83\xb4\xb5\x0f\x92\xac\x010\xc81\xa2\xe2\xa6z\xbc\xec\xed\xce\x82\xcbU\x82L=Dq\x9e\xfc\xb0\xd8D\x90\x12\xdc\xde\x9e]\x1221\xccQB\x9b\xe0\n\xd5\x85j\n\xfer\xd1\xcdU\x8d\xd3\x11\x9cc-\x0e\xf0F\xc9\xdf;uN8\xec]H\\\x9c\x8e\x8c\x02\x15\xa4\r\x0fC\x18G\'\x940\xaf\x08+\x8fWj.P\xd1\x9c\x1b\xe6\x17$\x82\xb6d\x95\x7f\x04\xfew\x18\xb3\x8f\xffJ\xe0^Y\xd4\x8dT\xcdw\x92\x81\x91\xfb\xb8D\x19\xbfyV\xedK\xca\xec\xa0j\x94\x02\xbb\xd3\xc4O?\xd8= \xc1\xfb\x1c\xe3\xaav\x07\x0eZ\xd6\x08\xd4\x80`O*r\xd3\x1a[\x8c\xbb\xe9T\xd3\xadO\x01\x8b*\x07\x1b\xaa+\x00\x00\x9f\x8e\xfa\xa0\xb9\xf0\xa8j+3\x13\xa1y \x00x\xb2ygR\xad\xcd\xbc\x14\xe1\xcc\xd2\x18\xc9\x06\x7f\xf4\xfc\xd2\x18I@.^W\xb0\xbb\xac2\xb4F\xba\xfa\x9bf\xd1^!\x07\x82 \xb6\x8c\xbb\x0c\x9b\rh[A\x02x\xf7*\x13G\x1f\x8e\xf0W5\x0eZ\x934\x04\xc6s\xbc\x00\x18b\x93H\x85\x90\x81\x1a\xbf\xcd\xe8\xd0\xe7$;-\x97s\xf0\xe3\x17\xb2\x1e_#\xf4\x9d\xbeu\xbc 4nq.\x1bq\x9a\x85\xa6\x06\xe0I\xdc\xc9\x86\x16\x8eVP\x13\xc0\xb5\x80t^\xb3\x19s\x80\xf7\xaf3\t\x8c`\xe6XZ\xc4\xdaz\x81\x87:N\x04\xaa\xc9\x16{&amp;k\x17:\xd2\xb4\xb8\xc22?\xfamV]\x90\x8d\xec\xeeN\x84\xf7\x99\xc3\x90\xe6n#0\xfb\xe5Hn\xc9nd\xb4\x14\x7fM\x1d\x17\x1aV\xf2;.\x01\x19\xed\xc5\xb6\\B\xf8=\xe6\x8aZa&gt;\xa3\xac\xee!4\xe3\'\xf2K\n%\x82$\xafV\xbe\x96%8\x05\xc0\xe1\xdf\x84o\xf2Y@\xcet\xae:\xa13\xeb\'\xe2`\xff\xa1\x16B\xf5D+eY\xda\xc3C\x07}-E{^\xa9\x01=\x03\x88\xaf\xbc\xb9\xc2\xd7\x9a\xb5-C\xb5\x00\x14L\x91\xd3e4\xc6\xdb#\xbb\xc9\xd2\xf9\x1f\x1f\x8e,\x1b\x00\x00~\xa2o\xc9\xf0I!\xfe\xf8\xa1CN\x9fA\xe2\x95\xac\x95?[H&gt;\xc9\xb5p0\xe5F\xb8X\xa2\xea\xa5z\xfe\xb7-f4&amp;Y\xa2z\xc5\x8a\x9e\x9f\xdc\xa4\xe1%\x03\xeaO\x13\xc0/*\x08\xadnT\xba\xc81\x9e\xdd\x01K\xba\xaafYV\x01h\xe0\xe0\x15\x0c\xd4\xad\x04\xd5\xe0\x16~\xb7\xb0&amp;\xc3a\xc9&amp;\xf06b\x99&amp;\x9c\xf9\x92\x9e\x1d\x12\xc0\xa3\xd6v\xb0*\xf7\xf5\xe4\xf3\xbe^\xf3KyfZrc\xd3z\xfc2\xf9\x14&amp;\xae\x88n\x01\x97\x01\xf3\xed\xd8\x17\x90\x06\xd3mFds\x8aY\xe9T\x81&amp;\xba\x0f\xe0\xc9u\xef\xef\xb84\xe8Tf1WZ\x00t\xab\xc9s\x95DP\x9fO\x08\xb2\x14i8\x1bQ6\xa5$v\xc1P\x0e\x9e\xd2P\xe0\xe1;\x08\xf3\n\xb2\xa1\x15{h\x85\xe1&amp;\x86\xd8r\x1a\x18\x8e\xe0\x16\xac4#\xf5&gt;w\xd8\x941\xe2[\x03\xf0i\xf5X\xd2\xdb\x16\xf4l\xc7\xdbB\xa3t\x10\xb3\xb4#\x7f\t\x90\xa3\x14\xa0\x97\xa8\xc7&lt;\xfa\x14\x05\x8e,o\x05\xc0\xc6\xff\xcb\xc3\xc8\xdc\xd5J\xcb\xcb\xea\xd0y\x1d\x14{K1*FK\x1b\xa7\x8a@o\xaa\x82\xdcBh\xed\xba\xcb^\xd3\xaa\xc6K\xce\x1cW\x1aJ\xcb9\x86\xdb\x18s/\xe7\xc2\xee\x01\x15\x04\xecUog\x9fx\xe8\xd7\xd7\xe3\x9dE\x8a\x1d\x08\xac\x08d\x99\x05\x00\xe0\xa6I\x1f\x97\xb4B[\xbd\xbc\xb9j\xf4\xc1\t\xbb\x08\xcd\x92]|T#k\x9b\x92\xecK\xbf\x1e\xa1\\\x07\xa1\x92\xbc\n\x13\x81\xfb\xfd5\x04\xc2\x10\x00\x00\x1e\xa2L\x95g\x83\xd0\xe4f&amp;b\xed6\xc9\xc0\x95\xda\xb6!\x871\xf7\xda\xa0\xb50W\x04d\x8c\xf50\xa9epW\x81\x04\xf0D\x89&amp;n\x81\xc8;1\x9e\x9b\xb4\xdc\x11W~8\xdc\xfa\x88\xb2\x1c\xe8\xbfQ\xe4\xa6\x16\x08\x91\x9d\x9d1Sx;j\xae\xe2\xe5q2rs\xa4d\xa8\x00\xe8j3\xb8\x0f\x9a\xb5\xd6\x0f\xb5\xdf\xad\x14\x88\x88\xb6\x0b.\xe3\xd4\x1e!\xad\x1f\xb9\xaeJJt\xd6Y5\x00 W[\xac\xc6;\xf5\xe9 \xf5\xe9\xd7\xa1\x1d\x07\x00\xe0\xcf\xcdF\xa9\xc2\xca\xc8/)\xb1\x1c\xa4C\xa2\x17&gt;\xbe\xce&lt;M\xac\xe6\xdb\xad\xf6G\xe5M\x9fm\xe3f&lt;\x87\x95Qr?\xdbJ\x89\x80\xa7\xea\xfc\x1b5\xf1q\xc8\xc7\x99\xbf\xea*\x9c\x16\xfd\xdb\x04\xce\xda\xab\x1a\x07\xecS\xbe6\xf2&lt;\xaa\xearx*\xd5aP\xde\xba8@\x06\x9aG\xfc"\x81C\xa5\xbd\x86K\xb9|\xbce\xab\xfe\xdf\xa3\xd7mY\x0f\x960\xf9@\xc1-\x92\x92\xfa`;\xce\x0f\x00\x00\xdfb\xe5\x1498T\xf4\xaf0qY\xa8\x94nn\x87\xc5\\\x97\xc8&gt;\x1an\xef|q\x0e\x00^\xaa\x94L\x9a\xfaI\'a(\xe8\xb5 6\xbeY\x00,*\x85\xc9\xfb\x10\xb5\x1d\xe6j\x9f\xbe\xc4\x07\x9c\xfd\xd5\x91\xbb%\x9d/\xf8\xa1\xa8%\xa3\x11B\x07\xa1\x9dj\xcb\xe6\xa8[\x89\xb3\x1eu\n2\xa5\xf2\xd9\x8e\xd0.\n\xe5\x02\xa1\x89j\x9c\x96\x11\xcfa\xa6f\xd2\xad\x02\x90\xf9O&gt;\x10\x96\xde\xd4\xdc\x14\x1dR\xca\xff\xb1)\x95\x7f\x9daX&gt;\xcf\xceQ\xba8\xff\x04p\x17)4\x8dsW\x00\x00x\xb7\xb8&gt;\x97\x0f|S__\xb1\xb8\xe3\xb2\x81\xa4C?~Q\xcf\xben\xb3*;\xc1/0u\xf2\x16Y)9\x8d\'@\x12\x7f\x7fm\x83\xb0\xa9m|\x9a\xcc\xef\xe8\x9e\xa4\xd4\x03Y$f\x0e\xd9\xf7\x9b\x96\xf5\xfb\xf2&amp;\xc7\xe8\xfd1\xf3`+0\xb0|\x16\xb6\xb7\xcc\xfa\xf43\xa7e\xb5\x93!.\x9f\x1d\x8dE\x0b\xfaE\x03/\x00\xb5,\xee\xcc\xd6\x9b,\xce*\xa2`\xa1U\xbd\x1f\xe0+\x1a\xb8\x8c\x00_\xebz\xcf5\xff\x0bb0\xb9g\xffU\xe1\xf8"W\xe9\x1f}\xff\xd4:w9k\xa1I\x84\xe0N\x01$x\xd3\xf8*\x08W\\{\xa2,RJ)\xbd\r\xe5\xd9D\xab\xa9\xa4\x1ew\xcap\xf4\x04\x7f\x80oS\xc6\x9b\xf80\x1d\x967U;\x84\xaa(\xc0M\x12\xceV\x16\x9a1H&lt;[\xab=\x8e\xe8\x8f\xae\xe9\xe6\xe83\x16*\x05 \xc8\x04\x12\xc0\xeb\xe5\xe0\x12\xd1\xc9;\xb7\xf9T\xef\xb1\xdct0\xa7\xe08\xbe\xfa\\\x06{\x03\xb8I\r\xacC0\xb97e\xff\x14kt*\x1b\x14\x94d\x18\xcd-{a\xd6*[\xc4\xbf\xde\xfa\xd03S|\xb6\xd5\x13\xaa\xe7\xa4\xbd6\xa4\xa4\xfd]P\t\xf0\x99\x86K\xf9T\xc6 \xd0\xdf\x02LO\x82\xa2\xcb\xd8\xc6\xed\x10\xcbS`\xc7L\xdb]\xaa`\xce\xc4\xa9\xadM\xec\x8a\xa91Z \xc1\x93\xfch\x19\xf8S\x02\x9e\x95\xbc\xce}\xd0\xe6\x96N\xd3N\x94\xb8\x02\xb0\x06\xa5\x9c\xdej\x15\xa2C\xb1\x05\x05\x8f6R}\\l\xe6\x11\xe9\x00\x00\xf0\xfb\x11L\xf4\x91N\xd5d\xb1\nm\xe1T5_b\xea\x8b\x02\x9e\xda\xcc\xbc\xe6\xf9\x96~\xf8j\xd5\x04m\x89\x1arG\x06?\x13i\xe3\x13\xd5\x90&gt;\xba\xc8\x02\x80\xc0\xef__(\xf4\x90\x94\xb7\x10\x10\xd2\xb8\xe4\x82x\x81/8\xbb\x86?\xf2\x02\xe0d\x90c\x1d7#pP\xf5\xfdR:\xfc\xd8\xb8U\x9f:t\xb6\x03\x81K\x8f\xeb\x89?\x86\xc5\x01\xc9\xfeaY*n\x93/mg\x97\xc7\x03\xc0\xc7\xd0\x8f\xfc^\x0fM\x99\xb9\x08\xe6\x83[G|\xe6\xbc3d\xab\x9a\xe4\x0ed\x05\xbf\x97/j\x07\x1fA\xa0\xd62\x1f\x07\xf2\xea\xd8H\x94\x9c\xb2:~M\x8f\xefK\xa8\xc7\x9c\xa7\x1c\x9e\xdd\xb6J\x8d\xceY\xc2\xc7\xe6VZ\xab\xb7\xf0\x9ab9\xf8\x1d\x95&amp;\xbaA\xcf?.T\x9c\x8eu&lt;\rL\x11\xa19e\xe0T.0N\x1dq\'\x00\xab\xf1Q\x0bo\xec\x9c\x15\x12\x9a\xec\x90\xf3kx\x9d{E\xf4B\x06\x99OQQ\xad\x82\xdc\x9e\x1fP;\xe7r#\x1c\xe3\xbe2\xbeYM$I\xb3\t\x00|j\x8b\xa0&amp;P\x1d&amp;\xf0G\\\x14&amp;\xdc\xe7\xc1\xe4\xafqh\x938Q\x95\x92\xefU $\xe5\xb7Jr\x8fnb\x08\xa7*\xbdZ&amp;\x15\x127\xa2\x13j\x07\xe3\x10Q\xb5\x8d\xe1(Fg\x07f\x01x)\xbd\x9fA\xf1Y\xab\xa2\xd1\xc4]-&lt;d\xf0\xf9\xa4\xfb\x08\x1d\x06o\x12\xc0\xc9\xcdT\x80!!\x846}\x82\xa1\xa5\x8e7\xaa\xb6\thU\x1b^\xb9\x89\x95\x82\x065\x92\xfa\x97#tBC\xaeO\x02\x00\xd372\x00\xc6v\t!\x05\xd0m\x81\xd5\xd1K\xb8\x898:\xe4\x03.\x00\xc0\x1d\x8c\x9b\xbaG\xf7\xdd.\xe8\xf7K\xb1\xad&lt;\xbd\x07\x1e\x0f\x9aV\x9b\xf7\xfb\xefj\xc7\xc0\x85\x05\x00OI\xcc\xb8\xc2A\x90\x95\xe6\x98\x00\xf0q\xd0\xf7\x17\xd3\'r\xb3z-\xb1U\x90\x92\xc7\x7fG\xac\xb6\x88;\x02\x8cu\xb3j*\xaf\xe2\xa8T24\xf2\xf8\xe1#P|F\xeb+\x1c&lt;\x11.\xb7R\xe6\x10-\xb3-\x9c\xc9G\xe3\xf4\x03F\xd4\xac\x93f6\tMk\xcd\x98u7\xfa;mP\x93\x8b\xf3?\xdf6\xe1\xc7\x95c\x87;\xdb\n\xcb] N\xdf\xedo@\xf7\x02R\x82\x1f\x1f\xa0L\x9cDnY\x13\xed\xd4\x00.\xacU\x82\xb4;\x82\x99\x8b\xf6\xe9s\xf7\x18\xff,"w\xc1\x16\xd5\xab\x1a\x15\xc0\xcb\xc7\xd9\x0c\x00\x00n\x99m\xee\x91\xc7DT\x11\x1d\x1c\x94\x01\xd0sMn\x04\xe4Q\x0c\xe0~Jn\xa9\xe9\x7f\xe1E`\xa5:\x17j\x1fT\x1f]\xa0L\xb56\x98\x84\xb6\xd4\xf8\r\xe3\xf5\xb3\x0e\xf9.\x08g\xe4\xc4\x07\xf1\x14\x90\x03\xf5\x80\xddP\xb3a\xea*\x00\xc9\x08`+\xe9\xe3\xe7\xa6\xc5D[N\x7f\x16\x89\xce\xe3\xf7!*\xb5\xb6;b\xa5w;\x0c\xfe\x85*w\x1a\t2W\xc4\x81\xd5\xa8\xb6\x02VJ\xae\xf80bw\xbe\xf0\xf8@\xee\x8b8\xec\xbc\xa2b\x7f\x03M1\xb5\xc5\xb0\x8a\x13\x84\xa0\'\\r\x058X\xe0\xb7\x95A%\xe0y\xe7\xd2#\xce\xba\xee|\xf8\xf0K\xcc\x06d\x1b\xbf\xb5-%y\xf0\xe1:\x02\xb7@\x11Ta(?Vu\x98F\xbe\x7f\x12\xd1\x04\x91\xf8\x97\x83/l\x94\x12\x94\x95\xd1"\x05\xe0\xe0K\xd7\xb3\xf9wx\x1aM\xa6\xab\xd5\xe9\x94\x9e\xdd\xcc$\xaa\x0c\xd0\xaf\x93\xa9\xd2\x1bJ\xa3\x99(\x82\x0c\x16\x81\x92\x8el\xc1\xa3\xf6\xeb\x02\x01\x1b\xc61Q\x93\xd37YZ\x9e\xd4:\xf8sWx\nm\x7fZ\xf4\xf1\xe4Bz\x9f:\x0et\xac\xc8c\xb8\x18!$\xc5&lt;\xa1wq3\x06-f\xf0\xf4\x902\xdd\x00\xe2{\xb4\xa4Nw1\x1c\x02\x1d|\x00\xe0\x8b\xc4\x08\xcc\x0fl\\}n\x978KyRJ\xf8\xccZ\xd33\x93\x0f\xdcN\xc4V)\x00\xa4\xbciT.\xe7\x8f\xaf.\xea\x02a:\t\x02\xfc%?A\xcf\x08\xc4\xc3j\xdc\x10\x1a\xccw\x0e\xdd6\x05x\x81\xd3\x98;\x1f\x13\xf2\x86\xd6\x16\x9e\xb1\x1d\x9b\x8c\xd6\x88\x84U\xb9\x95\x13Z\x1e\xe9`N\xb9u\xa8\xb7\x10\xd4\x0b\xb1J\xc3xxpx\xb6v</t>
        </is>
      </c>
      <c r="E443" t="inlineStr">
        <is>
          <t>&lt;class 'numpy.ndarray'&gt;</t>
        </is>
      </c>
    </row>
    <row r="444">
      <c r="A444" s="1" t="n">
        <v>442</v>
      </c>
      <c r="B444" t="inlineStr">
        <is>
          <t>steps_per_sec</t>
        </is>
      </c>
      <c r="C444" t="n">
        <v>6400</v>
      </c>
      <c r="D444" t="inlineStr">
        <is>
          <t>10.198062</t>
        </is>
      </c>
      <c r="E444" t="inlineStr">
        <is>
          <t>&lt;class 'numpy.ndarray'&gt;</t>
        </is>
      </c>
    </row>
    <row r="445">
      <c r="A445" s="1" t="n">
        <v>443</v>
      </c>
      <c r="B445" t="inlineStr">
        <is>
          <t>Loss/object_center</t>
        </is>
      </c>
      <c r="C445" t="n">
        <v>6400</v>
      </c>
      <c r="D445" t="inlineStr">
        <is>
          <t>0.25445965</t>
        </is>
      </c>
      <c r="E445" t="inlineStr">
        <is>
          <t>&lt;class 'numpy.ndarray'&gt;</t>
        </is>
      </c>
    </row>
    <row r="446">
      <c r="A446" s="1" t="n">
        <v>444</v>
      </c>
      <c r="B446" t="inlineStr">
        <is>
          <t>Loss/box/scale</t>
        </is>
      </c>
      <c r="C446" t="n">
        <v>6400</v>
      </c>
      <c r="D446" t="inlineStr">
        <is>
          <t>0.049261075</t>
        </is>
      </c>
      <c r="E446" t="inlineStr">
        <is>
          <t>&lt;class 'numpy.ndarray'&gt;</t>
        </is>
      </c>
    </row>
    <row r="447">
      <c r="A447" s="1" t="n">
        <v>445</v>
      </c>
      <c r="B447" t="inlineStr">
        <is>
          <t>Loss/box/offset</t>
        </is>
      </c>
      <c r="C447" t="n">
        <v>6400</v>
      </c>
      <c r="D447" t="inlineStr">
        <is>
          <t>0.11388445</t>
        </is>
      </c>
      <c r="E447" t="inlineStr">
        <is>
          <t>&lt;class 'numpy.ndarray'&gt;</t>
        </is>
      </c>
    </row>
    <row r="448">
      <c r="A448" s="1" t="n">
        <v>446</v>
      </c>
      <c r="B448" t="inlineStr">
        <is>
          <t>Loss/total_loss</t>
        </is>
      </c>
      <c r="C448" t="n">
        <v>6400</v>
      </c>
      <c r="D448" t="inlineStr">
        <is>
          <t>0.41760516</t>
        </is>
      </c>
      <c r="E448" t="inlineStr">
        <is>
          <t>&lt;class 'numpy.ndarray'&gt;</t>
        </is>
      </c>
    </row>
    <row r="449">
      <c r="A449" s="1" t="n">
        <v>447</v>
      </c>
      <c r="B449" t="inlineStr">
        <is>
          <t>learning_rate</t>
        </is>
      </c>
      <c r="C449" t="n">
        <v>6400</v>
      </c>
      <c r="D449" t="inlineStr">
        <is>
          <t>0.0009999195</t>
        </is>
      </c>
      <c r="E449" t="inlineStr">
        <is>
          <t>&lt;class 'numpy.ndarray'&gt;</t>
        </is>
      </c>
    </row>
    <row r="450">
      <c r="A450" s="1" t="n">
        <v>448</v>
      </c>
      <c r="B450" t="inlineStr">
        <is>
          <t>train_input_images</t>
        </is>
      </c>
      <c r="C450" t="n">
        <v>6400</v>
      </c>
      <c r="D450" t="inlineStr">
        <is>
          <t>[b'512' b'512'
 b'\x89PNG\r\n\x1a\n\x00\x00\x00\rIHDR\x00\x00\x02\x00\x00\x00\x02\x00\x08\x02\x00\x00\x00{\x1aC\xad\x00\x00 \x00IDATx\x9c\xed\xdd{\xe8?_^\xd0\xf13\xdb/\xb6\xfcEk\x92h\xea\xb6B\x92\x976\xdd\xd4B\xda\xa4r1\xdc\x9f]\x91\xa5\xa0\x1b\x8b Z\xbfU\x0b\x85\x8c\xee7h%\xff\x88\xad$74I"\x88\xb4\xed\xe2\xb6\xe5.Z\xa9\xab\x94\xbble\x17\xe9\x87[\x14T\xb0P\xdb\x12\xad\xf1\xea\x8fy\xcf\xbc\xcf\xcc\x9cs\xe6\xdc/3\xcf\x07\xab\xbf\xcf\xf7\xfd\x9e9\xe7\xcc\x99s\x9f\xcb[)\x00\x00\x00\x00\x00\x00\x00\x00\x00\x00\x00\x00\x00\x00\x00\x00\x00\x00\x00\x00\x00\x00\x00\x00\x00\x00\x00\x00\x00\x00\x00\x00\x00\x00\x00\x00\x00\x00\x00\x00\xf1\xa6\xd6\t\xb8/\x11\x99\xa6\xc6\xf9/\x94\x80\xeb\x12QJ\xe5)c\x15\xca\x89\x88(eN\xac\x88(e\xfb\xd2\xb2\xb1R\xd34\x1d\xab\xd8\x1a\xcb\xba\xd9j\xddr\xddK\x0fj\x1f\x8bz\xe4\xef\xf1\xcb\xdd^\xda\x96{z\x8c\xcf\xed\xcf\x9a\x85g\xca\xa7iZ\xce\xb21\xba9\x07\x8c\xe9_\x83z\x95#&amp;D\xf8\xf5\xde[6o\xfd\x15\xad\xff\xf8\xccM\x8bRJ\xa9i\xcaV\xc6\xd2C\x91c\x8b;\x7f\xbeF1m\x12+J\xfd\xb0R"Z{\xaa\x0c\xad\xb6\xcd\x1c\xd6\xda\x02\x1e\xbeY\xfeZ\xfeq\xec\'\xdcq\xad[\x9fg\xf0\xd2\x04\xebQ\xcc\xff&lt;\xc60G\xea&gt;\xca5\x9c%\xb8\xcd\xd6\xd3s\x83/;KY\x17M\xd0\x95\xf9\x97W\xe0\xaa\xe6: \x0b\xf36\x96\xa6p\xde]4\xa7q\x89\x88\xfc\xdd\xf3\x18\xcf\x03y\xb4\xc5\xd6@\xc4\xde\xfb\xca\x99\xedf\xcfv\xdf\x18\x97mG\xe5\xec\xa8\xd6\x8f\x1d]\xaf\x88\xd0\x03\xdc]\xd0J\x14KF\xb9\xb8sr\x9e\xd6_x|\xa6\x1f\xbeq\xf1\xe7\xb0\x81R\xea|\xc8\xba.\x16\xa9\xed\xc2Hh\xda\xd4\xbaR\xa4\x9eCxct\xc6\xc5\xa2\x93a\xfc\x12\xd6\xb6e\x9e\x9e\x1d\xca4)\x11\xe3f\x8e\xc39\xae\xf6\xc82m:\xaen\xad\xdf\xb2\x04\x84\x90\x99\xca2`\x19tr#\xe2Z31\xefR$!\'\xf3\xfc\xc9gm\xa1K\x9e\x05c\x7fp\x87\x83\xd5?8,z\xd8\x83]\x96Z\xe6=\xcc\xad\xb6G\xda\x9e\x0b6\x8f\xc3\xf9F\xfb\xb6\xdb\xc0\x97!\xfd4\xadi\xf1L\x81\xf6\xe9\x1c\xa9\xde\xa9L\x93z\x93%4{z\xa6\xe3\x87\xfa2\xd4YX\xb8\xbe\xf8ir\x8e\x0e`\xd0^\xc4\xa8\xc3C\x91\x8f\x9fm\x10\x9bh[?\x1a\x11\x9c\xf8%C\xb4\xa5\x0c\xcf]\x0c\x81l\x8b\xbb|\xcd\xf9P&amp;h\x83g\xf8\xdf\xb3\xdb\xe0\xb0(\xf4Ae\xf8\xf0\x98N=\xe4\x88\x036\xa56G0\x18\x9c^\x0eL%\xb0N\x1anQ\x1cE\xfeK\xbb\xa8\xcfV\xccc\xcfy\xdb)`\xe4\x90\xe5P\xd4\xe7\xff$\x1e\xc8\xbe\x11_\x03\x7fn\xb0\xd9L-\xdd\xa7l\x93\xe48F\x9f\xca\xe9y\x0c\xcf\x03_\xc2{\xc1oG\\\xcan.\xd9\xe4f\x80\xf96\x8d\x9a1\x8a\xb6\xae\x1a\xb0WZ*\xa7\xe9\xd3\x12\xf6.hi\x02\xa2\x8f\xaf\xed\x12\xc2\x7f=~d\xbb\xedu&gt;\xc2i\xdbJ\xae\x97\x98O\xee\xb9t_\xaay^rx\x86\xfd\x19\xd3$\xda\xf5\x9b\xe7-\xa7KL\xbb\x9b\x9d\x94\xb9\x02&gt;&gt;[[\xea\xbf\xe1L\x9b\xe7\xc9\x98\xa6\xe9\xfac\xae\x1ed\xcceNX5\xe6e\x8daO\x80\xfc\x01\xe7\xb7\xc3^\xcbq\xa4xwD\xc7\xf1\xf5\xe6\xef\xc4d\xd8n\xbf\t\x99\xa3x\xcc\xd2\xe2\xd7i\xa3#\x05\x86Q\xba\xaf\xbdp]ixh\x85\xa26v\x00e\xa2\xda\xc6\xbb\xfd;{{\x1d\x11\xe0\xb8\x1d&lt;\x10\x80\x02&gt;\xa2R\x1d\xc0\xa7h\x7f\xe7\x1e8?\x82m1\x82\x8e;\x10\xc7^\xb2\xae&gt;\xa5%\x0cp\x11\xe7\x93\xe8\x9d\x9b\xaf\xe5\x8d\x99v\x94r\xf2d\xc0\xe1\xf1\x85&amp;\x85\x7f\xbe\xdc\xb5K\xe7\xb13\x18\xb4bb\x18COAo2\x83\xf6?\xc2,\xb9Q!C\xf3\x8f\xfa\xffXL\x14\x9f\x997\x11!6\xb7\x18\xad\x1f\xde\xa3&lt;\xa3#5j{\xf9(\x86\x10]\xbd3v\x00\xf2\xe1\x88\xf83+\xb2\xecc\x0f\xb0\xe7&amp;u\xed\x00\xfaM"\xae\xadB\xf5\xa0p\xcfJ\xb7\xfe\xa3\xa8\xb9F\xef\xba\x1f\xe9\x1b\xeb$\xc1K\xc4\x03\xf0\x18O\x87\xe7\x98\x19\xc0X\xdcC]\xfd\xfdb\x95\x12\x14\xe5\x0f\xb7N@\x9f\xba&gt;g\xf7\x91z\xf7q\x9eT \x1b\xf9\xb3\xadS\x90\x8fO\xcb\xde\xe46\x18C\x1a\x1c\xdf\x96I^\xabcn\x9e\xdb\x18\xc9(\x17z\x86H\xe4\xa9k\x1cE\x10\xe9\xa0\x8c\x9d\xbc\x17\xa1P\x07\xb0\xbcG\xc1\x7f\xe3\xfe\xf16\xd0+J{\xbfU%\xf2R\xeb\x14dp\xc3\xdb\xe8\xfa?\xe4rw7\xfaW\x9c&lt;?\xc4\xd6A5E~E\xcf\xab\xc7\xc3\xe5}t\x00\xc3"\xf7\xeeY\x82\x1e\xefN\x12\xf9\xea\xc6\t\xa1\n\x0f\x8e\x93\x87\xe6"\xca\xe0\xda\xee4,\xc0\x97\xaf:\xf2\x11\x8fm|\x97\xa1R\x13\x83\x8b\xa0$@\x17w!\xb7\x87\x81gb\x02z8\x04\x87\xae\x13\x87\xa1Q\xb02\xea\xb3\x9e\xfa7\x1f\x17nh\xdcG\x96\xd2\x01\x94\xce\xb1B//B_\xca\x9d\xe0\xc7\x8fa\x03\xc5&lt;W\x81Z\xa7\xc4\xe8\xb4\x05M\xa9|\xe9\x93\x8f\xd3\r\xe8\x00\xae\x8f\x13\x8cq\xc9w\xaa\xf4\x0e\xc0w\x9a\xa2\x94\xc8\xcba!w\xdc\x80\xfaLM\xbaM&lt;\x80\xbb{G\xeb\x04\\\x18\x1d\x00J\xa1L!\x0b\x9a\xa7r\xe6\xd6\xff\x95b\x81\x97\t\x18\xdd\x8b\x18T0\x0e\x81Q\xe5rq\xabB8\xff\x80W\xf0^\xff\xe8^\xb9\x840L*1\xcbR\n*\x97$\n\xae\xcex\xe7nz\x05\xe7U\x10W\xc7\x8f\xfe S)\xa8\\\x92(\xb8\x1b\x87G\xf0\xf4_z\xf1\n\xc0\xf4!\x1d\xc0e\xcd\xc5b:|\x92-\xfc[\xae-\xea\x07|\xc3\xc3GcZO\x1e\xdaA\x1a\xb7\xa7\x03\xb8&amp;c\xdb\x94\xf7%Y\xd3\xa5\x7fS\xd4\xd6\xb4\xef~\xf1\xf5nD)\xf9\x83\xad\x13qKs]3\xd6\xb7\x0bWCDb\xed?\x11\xf9w\xf4\xce\x11\xae*\xf5\x9d\xba\xcc\xeet\xacH\xd0y\xa5\x1d\xc5=W\xbdV\xa7\xad\xff\x9d3gP,\x01\x01\xbe\xae\xbd\xea\xe5\xc1u\xec=\xb4\xfe\x1d$\xa1\x0b\xfdO\xd4n\xc4\xe7\x1d m\x13\x80P7\x9f\n\xd84\xff\x990\x9f\x93\xf2\xfa\xd6\xe9\xc4\xbd\x9c\x96\xc9\xa2M\xc9pM\xd5\xcfM\x18\xc7U;\xd2\xb8\xc7v\xaed\xdc\xc3\x1f5\xdd@\x9c\xe1\xeajW\t\x961\x9f\xa2*\x8a\xfe\x0f\x00\xc2\xe4\xeaK"c\xcf\x117\xef,\xbb\x98\x17Z\'\x005&lt;\x1e\n\xcbz\x01SxVS\xf3l\x13\xed\xb9l\xbd\x91{@"r\xef\xeb\xe1\xc0\x8d1\x0c\xd4\xad\xe3\xe2ornS/A\xc5\xcc\x8b?\x9c\xfb\xcb`\x06\x80\x91\xf4&lt;\xf0&lt;MX\xcf\x89\x0f\xd2\xc9Q\\&amp;?KsL\xd6\xe9\x00n$n\xd1\xc6\xbcW\x99\x9aWb\xa9\n\x19\xd9\xdfG\xd0\x00\xe5\xc4\x13\xd9tw)\xd7\xeerM\xf7}\xc2au\xe1\x0e*\x9c`\xca\xd0\x8a\xfa\x04\xaf\x0e@\xec\xd5f\xacF\xb9fj\xef|Cd\x0f\x87}\xdb\xcc\xf7\'\xdf\xa9\x94v\xf1\xa6urP\x9d\xe7\x89\x17\xfb\x96&gt;!\xf8lp\xbd\xd2\xe7\xd3\xad^\x98\xc8[\x1b\'\xa0m\xf4\xe3\xf8\xc7\x17\xad\x807\xe5\x7f*\x83\xba\xfd\xe8\x0e\xc0\xb3\x87\xe8g\x0c\x92q]\xcb\x1dP\x17G\xdbH?\xa7\x1b\xb8\x1a\x11\xaf\xc6\xc5\xb1\xb0\xe3\x1d\x91\xef\xec\xc1g\x1b\xcf+\x01\xbe\x89k\xcd\xd6_\xd6OI\x87h\xff\x81R\xe2_\x98\x13\x1cQ\xb6J\\t\x12\xd0\xcf\x0c\xa3}\n\xfa\x90\xe5\\tqF\x01dql\xa3\xdf\x92\xab\xa5H\x0f"4\xc6&gt;\xfa\x9b\x81\x18g\x8a\xe4!PC\xab\x9a\xa6/C\x19\x1b\xcdA\x9b\x00\x9a\xffP\xcb$\xed\xe5\xd6\t\x01PK\xdcH9\xa2m\xad&lt;$\x1f\xb1\xfdo\x9eb\xa6M@\xa4\xb1\xeaN\xae\xaa\xee\xf9\x93\x06\x11\xbf|0Pf^\xc6\xe3\x86\xf4\xd6\xc9\xb8-r~`\x9dT\x9c\xca\xfdP\'G}\xe4HV\xa7)\xee\x00O$\x01\xa9\xd2o\xeeL\x8a}\xd8\n\\4\xddC\xe6HI\x7f\xc4\xf2\xf9:W\x1b\xb7 \x8d\x8eL\x1f\x9e\xc8_\xd0\xae\xacV\x8ez\xc8z\xebs\x9f\xe8\xa0\x876\xa8K\xe6\xf6\xe5\x0e\x08]b\x06\x10\xea\xbc\xf5\x8fxH"%A@\x14J\x1dZ\x1a\xb4\x03\x00\x00\xf4\xc8\xd8\x9f\xd0\xcd\\\xd8r\x19 p\xfbr\t\x02\x00\x946O \xe7Yd\xe8\\r~\x05\xd6m\x07\x06w=n\x00\xd7\x922\xbd\x93\x1f\xc8\x98\x90aD\xf4|\xdf@\x9f\x01\xf8\xa0\x9e\x18\xd9\x9aiV\xe7*\xf3\x7f\x99\xee\xea+\x95\x92\xbf\xcd\x99\x02\xb6\x8c5\x82Zbdl&gt;|n\xa8EF\xf2\xd7\x149~\x1d\x9c\xc7\xceqzV\x96\x8b\xf3\xbc\xce\xa1*z\\\xe0\xca\xa8\xd9\xb9\\2\'\xcb\xb5\xff\xaf\xca\x1f$PQz\xa5\xe8\xa2\xc9\xc8\xf5\x13\x95YB\xe9\t\xa3^\xa5\x94R\x93Rj\x9aZ\xa7\x02H\xc44\xd6(W\xa6\\ w\xc7?\x82\xfc\xc8\x13\xa0\x88\xde\xaa\xd6O\xb6N\x80\xaeIw\xc2\x10a\x87\x9f\xcf\x01na\xac\xeb|\x85R:R\x16\x00\xc8K\xfew\xeb\x14`q\xfa\xe6\xd4j)A\x8a\x88g\x08\x806(\xa6\xa1\n\xe5\x18M\xc6\x95p6\x81k*Q\xb1\xe5\xdb\rM\xc6W\xf6w\xc9\x04F\x9c&amp;\xdc\xd1\x05\xca}\'\xc34\xe3\xa2\x81\xfcp\xab\xe4\xdc\x97\x88\xc8\xfbb\xf7\xcd\x9a\x12\xe0\x82:ip;\xe4^4 \xdf\xea(\xbdt\xc3\x83`\x00L\x9c\xcf\x1dM\tO%\x9d6i\xadz\x17z5\x00\xe7\xee\xd0N\xf8\xb7\x86\xa1\xed\xe6\xe9\x9bmh\x88Wd\x05\x80K\xe1\xc5f\xfe\xf2\xe6\xd310\x96\x80\x8a\x90\xa8_o\xb8-Z\x83\x81$\x9e\xac\x0e\xcft\x87Ir\x8b\xee@\x8f\xebvt\x00EL\xf3\xffn\xfc\xf2&amp;y\xce\xf4\x1f\xdd\xe1}d?\xd8\xb9\xb2\xebU~\xfd=\xc5\xdcQ\x9d\xa5$q\xf5_i\x87\xe1\x91\xf8:\x07\xd8s5\xb5\xe6v\xa6\xc6\xa5\xe7c\xbf\x02\xb9_\x16\x9fV\xda\x94\x16$\x0b\x91a\xfa\xe693\x8f9\xf6\xc8\xe4\xe6Y\x19h-\x1b\xa3%\xbc\x01Q\x8f\xe6\xa3hNq\x1a\xca\x12\x91;\x94\xf5\xcd\xc8\xceO\xcdl\x19\xf1,\x9c\xb6\x95\xb6\xbe\x01\xd7P\xa7\xb3d\t\xa8\xac;\xd4O\x11\x89\xb8\xdcQ\xf32\xe05\xce\x02\xbfd\xd9J\xc3L6L\xfe\xb2\x86O\x07\x80$I\xcd87\x83\x840\xf7b\x1d\xe4ab\xf4\xcd\xd3\x7f\xaa\xfe\xf0ADM\xd3Tt\xe02\x97\x1b:\x00\xc4\xcbRuK\xd7\xffQ\xef9tV\xfe\xae\x8e\xa8\\+\xd5\xd3QVf&gt;t\x11I\xcfm\xfd\xf6\x01:\x00D2\xb7A\xd3\xf4\xf8_H\xb3P\xbc9\x1bv\t\xe8\x1a\x8bW\xd1*\x1c}\xa7]L\xb1\x13/\xdf\xbav.\xf7.[H!\x06\x9b\xba$J\xc9\xdb\x95|\x81qK\xd3\xce#\xab\xff\xd3(\x97\xc9\xba\x1et\xf8\xba\xfc\x88\xc4x\x1e\xc2n\x1bf\x00\xc8d\xb9_\xed\xf1\x04\x9c(\xf5\x7f\x95\xfa\x80l\xb6\xb0\xeb\xa8\xf2E(\x93\xfa\xfb\x0c\xff\xdb\xb6\xbe\x93*\xbe\xe0\x1e*21\xb6\x1b\xc6\xd2C\x06t\x861\xfc{\xd7\xe7\x9f\x9f\x13\x02}\x98*\xe6y\xc3\x15\xc6\xb1\xf5\x93\x7f\x95\x9c\xdb;&gt;\xdd\xd6\xff\x01v\x92\xbe\xb8\x8c\xa27(k\xa0g\x8e\xfc\x99\xee\xfa\x9f\xf6\x15a\x9a&amp;\xa5\xe4\x17+\xf5\xd3\xdb,p\x14S\x06\'~v\xf9\x7f\xa5l\x9b\x0f-\xd7\x11Ux\x0cS\xb2&gt;\x8d\x91\xf7\xf0}\xb0\x04T\xd6\x85\xea\xa6\xc6\xd0\x88\x7f\xc5\xf6\x9f\x93z\xb3RJM\x1fV\xcf\xa9u\'#\xa5\xd1\x18\x06\xf9Z\xa3s\xa5\xd6_\x85\xb4\xd7&gt;\x03\xde\nY\x93\x7f\xed\xe8Z\'\x14\x17tvA\xd7\xbc0!\xe2\xb1c\x83\xa3\x19\x80-\x93D&gt;\xafa\xaaJH,\x02\xa2\x94\xbc\x94#\x19\xc6\x0f)\x9e\x80\xf2\xec\x00\xe6\xe6\xfe\xcd\xcb.\xbe{}\xa8\xe9\x91\xf5\xaeB\x0b\xd4\xbc\x99Kyu\xa0m\x14\x91\xe5\x90\x9a\xe7L\tL7\x10\xc6T\r\x0e\x17\x00\xd42\x93\r\xaf3\x17[\xd3\x18\x8e\xb4~o\x92x\xbc\xe7.tq?\xfd\xa0d~6\xf7,\xa8u\xb3\xc8(\xaa\x97\x7f\xae\x01 \x99\xed\x85\xb5si\xee\xa15\x81\xb7\x86\xad\xff&lt;\xf6\x9f&lt;\x96\xd5\xcd/\xc5(z\xba\x97\xd6_\x9d\xcd\'\x12\xb3\xafr\x89e\xb4\x850\xe6\x19\xc0\xb4\x1d\xec?k\x8bir\xe0\x94e\xa4\xb6\x9fy0\xad\xa8\xcb6Bw\xdc\x14\xb74\xad\xf3\x95\xed\xa8H\xa3^\x91=\xc7\xeb\xb9\xd3Z\xf83\x16\xa8\xb6S.f\x00H7\xbf\rt\xfa\x96e\xe8\xf6\xdb\x94R\xd5_\xf8,\xda\x14z\x19DN\xfa\xd7\xd5\x12s+\xbbq\xf7#\xa3\xad\x19\xfe\xe9\xe6@&amp;\xb5\x0c\x14~\x85\x7f\xa9\xd9G0\xdf\x16\xe5\xbb\xb7\xbe_\xe0N\xaf\xcdY\xb0\x19\x9c`$\x96\xeb\xbd\xcf\xbb\x15w\x17\xf1\xfc\xae\xfdja\xa5%i\xf7\xd5\x7f+\xfc\xccTt\x90\x97\xe9\x8ed\x9b\tk\xfb\x1f\x17\xd4\xfe\x93\xbf\x13\x9d\xae\xcc\x8a\x96\xa2\x86\xe8|\x10l_\x07\x961\xccc\xc5g\xbb\x164\xef\xe0\x1fx\xc4\x80\xe8\xf4\xea\xd9\xf3\xc9)\x86[U\xd8\x965\xe4\xf9\x7f^g\xa2\xed\xf2\x88N/\xd5\x9d$)\x8b\xeb\x1c\t\xaa9&lt;\t\xfc\xa8\x11\x8f\x8f\x12\x86H\x91\xad\xbf\xc7nk\x9a\xafT{Gt\xda[\xa3&amp;\xae\x01 \xd8\xe1:\xdd\xf2z\xd9\x94KxQ\x1e\xad\x89\xc7\x96\xd3\xd2\xe8\xac\xbd\xd3\xb5\xa6\xf2\'\xc4\xf2w}\xb6{|\xeet6:B\x07p#\x19\xeb\x98\xf1G\xca\x1f\xab\xff\xf2\xfb\xf2\xc5\x93\xc1~\xc1j\xfd\xe7t\xa3Fg\xb2\xfc\xdd\x0f=U\xdf\xd1,\x15\xb7\xd3ga\xc0\x00L\xaf\x84Ku\xba2\xb0\xdeX:\xf9-&amp;\xd8.\xd9\xb1\x04Q\xc8?W\xea\x8d\xdd\xaf\xf3TxI\\}qy\xce\x0c\x00\x91\xf2\xae\xf6|\x92\xe7K\xb5d\x89z\xfd`\xbd\xfb\xe8Vk:\xbd\xfa9\xe1\xbb\xbc5\x7f*n*\xa2\xc7\xbd^G\x88\xe7\xcaF\x85\xb3\x9bk\x1e\xe0_v\xd7\xe1\xdb\xb1\xc5\xb7\x05rLd\xb7\x83\xd3\xd1\xad\x933rx\x08\xcc\x00\xae`\xd7\x14N\xeb\xf5\xd8\xf2\x96y@\xbd\xdan\x8d\xc9\xd6\xfa\xcf\xcf)\xd87@F\x8f,.\x96\xd5&gt;w\xe2\xff\xf5n\xae\xf0\xafs\xd3n\x1f \xa0J4p\xc9\xf1\x91w\xf9\x9e\x9e\x85\xceyo\xfe\xe9B\xad1\xc6c`\xda\x05\x83\xf5\xbd\x14\xd7\xcb\xfe\xebp\xd7\x0e\xff\xbb~\xbb:\xc3\xddVyf\x00\xc8\xc3\xeb\x971\xfe\xde4M\xcf\t\xca\xc9k\xbf2\xbdI\xf4\xf1\xd1?|\xbe\x95\xe8\xb8U\x9f\xa3\xb3k\xf8\xde\x84}\x8fg\xe5m~\xed\xe8\xfe\x81\xc4\x92\x8c\xd1\xec&gt;\xec\xb3\xf5\x07\x8a\x90\xcd\xa3\xf3\xcf\x17\xf5\xfc9\xc7.\x87\xfazZ\x81\xb7\xb1\x9cO\xb1{\x9e\x89W0\xdc\x81\xa7\xbc\xdd\xf3x\xa2\xcb\x1d|\xd9\xb7\x90\x16\xf6B\xeb\x04\xe0\x82\x0e7\x08\x85\r\x7f\x1e\xd5\xe9\x97\x9d\xec\xe5\xff\xa2Q\xfd"\xf0}\xc7b\xa3\x1dx\xcamf\x86\xb3\\\xec\xd6\xd4I)\x99\xa6n\x17y\xd0\x97\x94\xb7e\xf5)\xd7\xb1\xac9\xe3?N\xdfM\x02\x1c!\xbb\xb71~.g\x1b@\xf9]\x95-\x15u\xe8\xf6\xe5\xd3I9\x01\x92\xc45(z\xf3.\xcf\xbe\xc4k\x8d\xc8o\xf9(4E\xb8\xb5\x9e\xcb\xcb\x8b\xda\xdf\xccYpn\x88\xe9m\xc4\xf3\x01J\xdb\xbe\xff\x03\xec\\o7\xdeT\x93\xeb\xc0S\xc2Y\xde\xc38\xdc:\x1f\xd0\xda&lt;\x03p\xfc\x1a=\xf3z8\xe4*\x1c)\xc5\x8c\x02zww\xbe\xbfe%\x1e?\xd9j\xdc\xcb}\r\xe1\xee\xd9:\x94\xe5\xd9\xab\x82\xbf\x027VEs\xa7\x96\xe7\x00\xc6pZ\xe6\xae\xba\x82\x11X\xd9&amp;\xf9*\xd7&lt;\xfaK\xcf"3\x07\x1a\x92\x02\xefPo\xedxZse\xd2|\xb2\xa6i\xfd]\xea"\xb9\x9f\xf7\xd6\xcf\xa2\x05d\x9a\xa6\xb1z,\x18\xb8oq9\xdd\xe64\xf0;\x14\x11\xebE\xe0L9p\xfd\x1c\xcc\xa4Zy\x0b\xb8\x9f,*\xf02\x01\x03\xc0uI\xa6Y\xd1i\x18C?\xa2\x85{\xb9v9\xbd\xf6\xd1\xadhmP\xc7nnC?7&lt;\xdfG\x9f8\xd3\xaa\xe0\xf5\xbdQ\x8c~\xfc\x83\x9e\xc0\xb9\xe05O\xbb\xc8+#\xe6\x1e\\z\xeb\x00\x9a\x97r\x87&gt;/Z\xd4LR\x0f\x87\xdfC\x1a\x12\x05\x1d\x80\xbc\xa7T2p;)\x17l\xf3\xa6dD\x9dv\x00\xad\x13PY\xb9SP\'\'\xe5,\xa2\xbb\x9dPT\xf2\xdd\tS\xe0\xf3\x0b_\xfd\xb5\x8c\xd9\x89\xc8\x1bZ\xa7\x01n\\\x80\x05\xcc\xa2\xef\x82\x08\xda\xab\xc7Ar&amp;W=\xae\x8b\xb9n\x01&lt;w\xe7c\xc7\xb9\xb8\xf2A\xa1\xba\xaaK\x9e\xd8\x81\x1a\xc1\x81\x92\xea\xe3\xc2\x83?\xb4W\xbfp\xe5*\xcf\xb9\xee@o\x88\xaa]B\xd2{x&gt;J\x83\x8b\xebj^\xb23^\xf2={\xebO\xef\x86N|Q\xfe\xd9"b-\xd2\xb1\xf3r\xce\nP\x86O\xcd\x92W\x02B\x1b\xba\xaa\x8e\x9e\xfeB\xc8\x11\x0c\x83\xc2\xea\x8f\xd6N\x97\xeb\x9dE8u\x9f\\\xe6m\xa0\xe8\xd7\xe7^\xf5\x1d\xa7\x81D\xf4\xff\xe4\xcc\x92\x8ff\xbd(r\xa1f\xf3\xf7\xb7N\x000\x02\x91\x97[\'\xe1F\xb2\xb7\xafy_lp\xa1\x0e\x00\x00.\x84\xe5\xa3\x08\x97\xcf/\x96\x80\x86w\xcfJMs\x16\x84\x9c\x8a\xf6\x97Z\'\x00\x83\xf1\xa9l\xb9\xda.[8\xe2\x9d\x92A\xe5z\xd3\xc0M:\x11\xfa\xcb8d\x19r\xa2\x1ef\x94\x9e\x8f\xdfp\x9bek\n^\n\xb2\x0eyP\x0fqs\xfa;8G\xa9\r#\xa41\x12\xd7\x00\x1a8}\x0f-pU\x93\xda\xad\xbb\rP\x15l7\xde\xce\xf7P\x89\xfc`\xc6\xb8&lt;\xb3c\x8c\x9e\x13)x\xa1n\x878\x1f\x19y=\xe6\xddq\x1dh\x9e\xb0_\xdaw\xfe\x00\xb8\x8bB\r\x91\xa3\x81\xa3\xe1S\xc9\x99\xc0\x12\x10\x0c\x18U T\xe5\xa7\xb6\xe5\x02ov\xf5\xe68N\x1e\x95\x1f\xc0\x88\xd7~y\xf3\x0cz\xa0\x97\xc0\xf5\xef\xf9\xbf]\x15\xce\x9e\xd2\x12\x80\x19@\x1e\x8e\xb6R\xbf\xe7\xa1Zz\xd21\xb2X\x8du\xe2F\xe1\x1e]\xac\xdf\xed&amp;\x16\xcb\x8519~e\x08\xa4\xea\xb9\x1b\xaf\x90\x88|m\xeb$\\\x85\xad\x03\x10\x9d\xf1\xabrI*\x16\xf2\xdd\xd0\x01\x94\xe0.\xfe\xd6\xda\xf4\xacS\xd6Gt\xb5\x89\xc2#\x8a\n\'\x90Brk\x11\xa7\xdf\xd2/\xa0\x0b\xd7&gt;+\xa3\x17\xbcc\xe2\x9f\x8d\xbeR"\xf2;\xf2ET\xf3\xbe\xcc\xa1O\n\xae\xa3m\x03\x917j\x91\xcc\xef\xbcDo\xf4\x91\xd4\xe3\xde\xfc\x8c!g\n\xca3\xba\xa2!\x1f\xc3\xe7\x1a\xc0H\xea\xb4\xcb\xeb\xe2k\xe9\x88\\i\xc8w\x98\xd3\xd4\xf6Pzt\xcd\xeePD\x96b\x9b\xed\x84W\xb9\xb7I\xfb\xb9\x07Cly\xea\xfc4]\xf1\x94\xdfL\xb5\x8bZ\r\xcbJ\xa1cL\xafE\xa3/\x9b\x0c\xcd\x9d\xef\x85VS\xd7P\xd3K\xceyD\xaeo\xd3\xa2\x07\xb0\x13\xd7X\xd0\x01\xd4\xe7\xf3\xde\x14\xd7=x\t\x1d\x83\xed\xf6\r\xcb\xc6\xc1i{n\x13\x9c4\xdc\x8cs\x80\x90\xa7\xfc\xf4Y\ny\x1fFeMr\xdb};PJ\x92\xe2v\x7f\xb5\xde\xfa\xff\x94\xd7.\xff14a}\xd48\x16G[\x9a\x8bf\x0f?|;_!\xea!%\x85\x08e\xdd\xcf\xa3\xb9\xccW\x14\xdc\x85|^\xb7W\xcaZ\xf6\x9a\xd4\x11\xbd\xcf\xb8p\xa5@fq7\x83f\x8b=y\xf7!\x86\xdb1\x99\x9c\xe3\xb8\xee\xf4\xea\x81\xfc\xe4\xeb,\x9fk\xb7on?_\xdf\xb5\x99\xb0\x86\x13\xb7\x9b\xd2\xa2\x8e\xdd\x1dw4\xee\xca\xf2z\x97X\x0fW:O\xae\xf8\xc5\x85\x99\xde\x01$_\x0c,\xa1\xfe\xc9\xd2s2\xe3=\xf2\xbb\xec\x95\xad\xc04f\x90z\xf1@)Q\xeaS3\xa4!-\x08\xb4\xe2Y\x80\xb4aN\x85D9SR\xeb\xd9\xb4&amp;\x07j&lt;\xa8\xe6y~\x13^\x15\xc1\xb0W\x89\xb4\x04\xf0\xac\x08\xc7\xcdr\xd5\xa3\n\x19\xc0s\x00\xa5x.\x1dj[eky\xe5\x13\x83w\xf9,\xa5U\xb8\xc2\x8b\x9e\xf5\x97T?\xc9r:X\xdd5\xca&gt;\xd7\xf1\xa9\x0b\xc7-\xfa?;s.Y\x8e.,\xf5k\x87!K\xc8"\x92=\x03\x9a\xf7\xa90k8\xdb\xd5\x0b\\\x173\x91X""?\x1e\xb3W\x81\xb4\x8cJ\xa2\x86!\xeb\xf6\x9e\xabCw\xc8\xf1\xd0\xaa\xb4k\x01R\xb2\xe8\xd3-\xbb\x8f]\xbd/\xe04\xf3\x1b\x9e\x9c\xc7\xaa\xe5\xc8%\xe4p\x151`\xfe&gt;\xecAg\x968\x06H)&lt;\x19/\'\xe4\x8a+)\x8a\xa8|\xccU\x01\xd7 ^\xdet\xcf\xe9\x01\xe3\xbaF\x9f\x01\x14r\xab\x0c\x99\xcf\x7f\xa3\x8b4&gt;\xdb\x04\x94O\xe3\xb6\xd5F9\xa5_?\xe53\x9a\xa4B\x8f\xcd\xfd\xa8\x88\xe3\xc4\xc6\x9d\xf3\x0bt\x00\xa2\x94\xbc\xc1~Q\xaeU\x92\xc6\xc9\xd2~\x12j,\xfc}\x96\xcf]\x8aB\xd3X\xeex\x96i\xbdk\x9b\xee\xaf\xb3\xc0B\xec\x0f\xc8\x84&gt;\xf4$\xcb#`2\xbfMk\xe4Ba\xcc\x16\x11\x99/)\x8e|d\xf7\xe2(\xde\xbd%`\xddr]L\xf4O\xf6\xf2\xd4]l*c\xad}\x14w\x01u$\xd7U\xa0)pw\xbd\xbc\x8e\xd2\xfa\xbf\xce\xf2\xf94M\xb6\xea7\xc8\x91U\xd2\xdd@Z\xd3\xc50\xdf\xbb&amp;\xec\xca[P\xa7\x95\xfe\xaa\xda\x88YQ\x17\xd9\x8b\x9d\xd0\xfbp\xdc[\xf9\x843t1\xc8\x98WM\x88\xbcB=\xb4\t;\xb9!\x9d\x99\x7f\x81)\xb7\x88\x1f\xb1\x8ce\x7f\xd3\xdc}\xd7{\xe1"""\x1fi\x9d\x8a\xb2&lt;K\xf0\xbaI?\xcb\xf1T?\xb7\xe6\xf9\xf3o\xca_o\x90\x17\xbd\xfa\xad\xf9\x9a|\xf6\x944\xcf\xe1{\x11\x11\x91\x17[\xa7\xe2\xee\xda\x96y\xd9\xfe\x9d\x9e\x94\xabV_\xd1\x9cl\xf9\xcduR\xd4\xcc\xa3\xf5\x9f\xff\xf7\x9e\xec\x81_\xb5\x045\xb5\xa9\xe7EG\x10\xe5\x82\xbe\xa8\xb6%^\x8fZ\x92\x7f\xb6\xb0\xcf\xda\x9b%A\xfe\x1d@|\x14J)\xa5\xde\x1f\xb7\xef\xf2\xe0\x88\xe4N\xa8\xed\xae\xa7\xe2\xd9\x81\x9b\x1b\xb4tI\xebA}\x90GJ?\xf0\xfc;:\x9c\xc4\x10J\xc8\xd8F\xa5\xb7x\xa2\xfd\x7f\xc76\xc7\xf0}\x9fE\xd0\x13\x99\xef\n\x93\xa9\x03P\x7ft\x894O\x1c\xe8\x9c\xe7\x89\x0e\xba\xf0uI\xc3\x8d\x8d\xf4d&amp;\x8e\xfds$\'\xbf\x8c\'"\xe5\xb4z\xee\xfb\xf5\xe6\x0e\xc0\xe7\x92R\xd9\xfc\x9f\xaf?W\xc3\xadqC\x9aK\xc8\x9dO\xde\xb6\x1e\xc6\xdf/\xee\x99\x93\x92\xe9\xb6t\x11QjR\xd3\x90\xe7\xce\xf1|I\xc4-\xf0\xae\x88\x12\x82z\x16\x8ciR\x1d\xff\xc6\x91-3\xe3\x8e}\xbdu&lt;hG\xe19\x80AM\xa6\xd2\xf3i\x1d\x0f\x0f\xb3\x9bb\xef\xa0\xde\r\x0f}\x82\x10\x11\xc7\xe3\x05A\xe6`:m\x93N\xd9K\xd7\xe4|\x02#0\x92\xc42\xbc\xa4\xa1\xe3\xba \xce\xfb7\xa3\xb21\xe6\x89\xb2Q\xcb!l\xee\xd3\x01\xcc\xe2W\t\xb2\'\xa5\xba\xd2o\x9b\xc9+\xe8V}\x11\x91\xbf\x19\x1fN\x9f\x97It\x8edE$y\xa0\x85PT\xd5\xcf\x9d\xefp\x8b8M\xa7\'7\xe3\xf5\xc9t\xfe\r\xb7\xb2$[\x96\xdb"}c\x8cj\x16\xb34\xa5IW\xb0\xffLd\x8cq\xd1\x01\xb8\x88\xcb\xb4\x02\xa77\xf0x\x05\x12\xde\x96\'\xdeT`\xdcK\xe4\xcf\x1bo\xd9\x10y\x1d\xc3\xf6;b\xbev\r\xfd\x9f\xc1\xaef\x00\xa7\x9e\xf7V\xbe\xcd\xb5\xd9o\xf4\xe8\x00$\xaa\x96\x89\xc6\x7f/\xff`\xad\xd1e\x8c,$U\xf3\x1f\\\x06\xa8d^\x95\x9c\xa6\xe9\x99\xf5\xbd\xde\x9f\xb0#\x1d\xdfJ\xd1P\xae\xfb\x82\x8a\xda\x9d;\xcf{u\x9a\x9c\xf1\xcd\x95\xf9\xb4\xd8\xe3\x82:\xad\x98\x8e\x9b\xa0"\xe4\xbdoj\r\xb3\xeb\xe2\x08\xb5\xbd\x1f&lt;s\xc8\x89\xbb\x8f3Z\x84\xd1\xf9\xd0\xb8\xef\xa9g\x96\x07\xa4U\xd4X\xde\xb1q\xcf9\x86N\xb5\x9d\xd6\x99\xbf\xdd6\xf1\xbb\x12/\xda#\x8e\xe5R\xd8\x89\xab\x1e\xe1\x1d\xce\x9dN\x8e\xc5x\xbd\x1f&gt;\xd3\x1d\x10"\x9f&lt;h\xae\x9ev\x81C\x1e\x15\xca\x91K\xdf5$\x96\xbf\xaf\xe4\xa2\xa7\xcee}\'\xcf\xf2\xcfM\x1ex\x16fW+9l\x9e\xee\xda\xffQ\x0f\xe3V\xc6-m@+zKw\x9c\x10\x04\xdd~:\x8a\x8c\x03\xb5\x17\xb2\x84\x02\x1f\xb9\xae\xad\x1d\xc3q_\xfcY/7\xed-\x81p\xe1\x08GK\x13\x93\xffzp\xde\xeb\xe7\xdao1Nj\xff\x92\r\xaf8\xd6\xdfCu\\\xfe\xcd~\xc1\xf6\x11r\xeb;,\xe8\x00F\xb4/1\xa7oh\xb1|-\xcf\xcdT\xf7w\xb4\xa0\x0c\xeb\xdd/\xc5\xca\xc34My\xc7\xdc\xebo\xa0\x1e\x8e\xc0\xba\xcb\xdc]\x88\xc8|\x98\'k\xe5\xda\x12S\xa1\\\x11\tx\x8f\xc3\xa4\xb2\xfdv+\xef\x02\xea\x88g\xd9\xf2&lt;\xf5\'\xad\xbfa\x87\x86\xf7%_V\xe7\xf9\xe9H^\xd1\xd1\x80O\x19\x0e\xcc\xb8\xb0\x97\xa0=\xef\xc6;\x8bf*94z\x86\xfc~^\xf1;2\x9f\x87S\x8a\xc6hX\xfd\x8c\xa5G!\xbb\xd0\xb4\xf0s\x1f\x10\x9ay\x9c\xe5\x97\x1a\'\xa3\xa6]\x91&gt;-\xcf\xfe\x83#cU\xea\x16\x93\xfe&lt;N\x1f\xc1\xb0N\xb4K$f[\xf2\xfe\xdf4\xbd\xb0\xcc1\xd7\xa9\xack\x7fK\x12?A\xa9\x8f\xadQPt\xd0\x13\xd1\x9e\xb2\xf4\xa9b\xfe\xf51\xa2\xa8\xeb\x15p\xb9\xc0\xe07\xe9\tYb\xca\xb2\x1e\xc5\x12P\x1e\xd6Ux\xad\x9cey_\xae{X\xb1\xbf=`\x9a\xa6iz\xe1\xf1\xe7#\x9d\xe7\x0b\x88\x96(&gt;\xa6\xfd\x1d\xf3\xbe\xda\x01\xc6CVygx"\xdf;\xc4\xf0\xb07%\xb2\xcckP\xbf\xfe\xe1w\xda\x1e5\xfd\xff&lt;\xae-\xcb\xbf\xdc\xc7#\xf2Z\xdb\x8e\x9e\xc7\x98\xab\xf80\x8c\xeb\x82\xff(\xe3Q\x02\xa7iw[\xc2\xb1d\x9e&lt;\xee\xaf\xdc\x85\xc8\xbc\xb7\xff\x08\xebn\xe2\x86c\x19\'RsP\xffC\xa9_\x18\xba\xa3\xf7\xe5\xc7\xa0\x0b\x95\xb9\xac\x19\x9b\xb7\xec\x1d\x07\xe9%vq\x04e\x0c\xe1Q++V0f\x00E\xf8w\xcf\x8f\xbb\x17\xd6\x7f\xda\x9fG\x7f~u(\x1f\xa6\xbd~\xc8;\t\x8et\x19\xd0\xfa\x1f\xfdD\xec\x8e\xe6\xdf\x84\x8a\x0bKD\x85\xb7\xfek\x8c~\x03\xdb\xa8\xd0\x93=~\xf9`2\xfe\x0cR\xbaI\xe4\x9d\x9e[\xa6G\xe6\xba)o\xfd\x9a\xd9\xe1}\xf8/\x05\xacO\xea\xca\xfa\xc2\x93m8A\xd7\x9e\xd6G(O\xaf\x05\x8b\xc8o\x0f9"=\xc1\x89\x1b\x8c\xa2\xda%?\xc7\x13@)\xb1\x8b|&lt;.\xf9\x15\x0e\xbaN\x14\xfe\xb5&amp;.\xf0\xe3\x87\xd6d\xd0\xfa\x8f\xab\xc4\xe9[\xc7\x04\'\xab\xff\xde\xed\xbf\xa8\xb3\xa6\xff\x10N\xdc1\xdd\xa7 \xdbr^\xbe\xe7|\xc7\xc0\x88J5\x88\x9dt\x00_\x9278\xa5\x94_\xab]\xae\xdd5\x06k(*\xdcYw\x01\rO`X\x07\xe0\xd7\x07\xe8!\xc7$\xe9\xcb\x96\xdd\xfdw\xf91-\x91\x83\xd7\x87;\x0c\xe7\xfa?\xc2&gt;\x0b\x92h\xff\xbfI\xd4+\xae\x01\xe4Tb\x85\xd2\xbfe7\xef{8\xe5^7\x02e\xf1+\xf7W8NM\xbfj\xf9C\xb5[r\xcea=Y\xc7c\xe8\xb0=\xf2alI3\xfd\x0e|fz:\x8d\x8fqm\xc67\x8ep\x8a\x9d\xac\xf5\xce\x8d\xc4p"\x1a\x85\xe7\xe5\xc6\xed?\xd1\xaf\xf5\xea\x90\xa3\xb6=K\xc2\xb2\xd1\xb3\r\xb2\xbd\xe1\xe4\xac\xf0\xe8\xb7\x18\x1d\xdf&gt;\xa4\n\xdc\xda&lt;\x04\x9f\x9ba\xc4~\xbeR\xee\xfc\xc9r\xd7\xd0i \x8e\x03&lt;\xee+\xf2\xf1i\xfa\xd9\xc9\x89\xb2\x87\x1fs\x1b\xfe\xe9}\xce\x8f\xb33\xd7\xac\xae\xca\xa7\x7f\xcdR\xea\xf9*\x8bh\xcc\x00\x060\xadw\x16\xfb\xf0\xb8\xe2\xf4Y~\xd3OG\x17\xe2{\xd3\xaa\x1a{ \x1f\xcdq\xbeR\xb2\xc3\xfd\xd6\x1a\x1f^\xbb\xdb\x93h\xba\xfd\xec\x85\\\xc3\xe4\\\x0b#q/\xd5Y\xe3\xfd[~\xb7E\x95\x9a\xc9\x19&amp;\xedV]N\xc0\xd0\xc2q\xf1\xde\xb0\x9c\xbfn\xfc\x85\x8f\xdf\x87\xf1\xbc\x0cP\xf5@\xeaGi2\xe8BM\x8a\xddmf\x01;\xd6\xca\xab,%\xf2/&amp;\\\xd6\xda\xa7\'\xea\xab\x930\xb75\xef\xcd\x85\xb3\x97\xfe\xa3\xb8,\xd3\xf6\xf3Xv\xa5dyRL\xfb\xe0\x99\n\xed\xfe\x1e\xdfU\xa0\xf8\x84\x85&gt;\xe3v\x8fG\r\xba]\x19\x13\x91n\xcf@\x9e\x150\xad\x98\x95[\x07O9\xbf\xcf\x15\xaae1\xab\xdc\xd9`\t\xa8\xb8\xd2U\xc9:@x\x96\xbfI\xbd2\xe9\x9bM\xeb\xa5`\xb7\x1c\xcd\x80g\x10_\xb7.\x9b\xf4\xd9\xf6x\x10\x91o\x0b\xda\xbeTB\x12M\xdd&amp;-[\xc9X\x17\xe8D\xf2&gt;u\xb5\x0e\xdeS\xba\xd0\xb5\x16\xcc\xa9\x1c\xb5&gt;`\xa7\xd0M\x05s\x993\xae\xdd\xfc\xd4\x12\xa31\xea\\\xeb?\xad\x16\x8bj\xfa\x17g\x1bDdZ\\J2f\xb51\xa8A\xcf\xe6\x9a\xe6\x80\x15\xf4\xa8\xdbp\xfa\xbc\xaf\xd4M\xec\xc9\xa6wi)\xd7M\x08\xc7[\xda&amp;\xfd\xd2\x96iL\xe2S\x88\xcd7\xb1\x1c\xef\x08J\x1f\xf3\x94Tg\xb1\xe5\xb8~\x957\xde\xb5\xa8\xc8\xf6\xc6\x0f}U\xc4\xe7\xf6\xa4\x93XD)\xe5\x9b\xec\xaeV\xb1D{\x1b\xa8J+\x8c\xeeE0\xcf,*\xb4\xf0\x1bw\x80\x8e\xdb\x08Y\x02j\xe9\xaf&lt;\xdf\x16\x1b3\xa6\xd0J\xc3\xf1+\xfdu\x83\xa6\xb2\xf2\xd8\xc7Q\x8c\x02n\xdf\x7f\xa4&amp;a`\x14\xb7\xab~\xd1\xd2\x16B\x93F*\xff Q\x0fp\xf3w\xc0\xb2\xd3y\xaa\xa6\xc0\x96%\xe48\x8b\x8e\x9d\xa7e\xcdD\xe58\xe3\x8e\x00\xa6\xc9oi4\xf1f-\xa5~S\xbe\xecz\xdc\xec\xf4?{\xe9\xado\xe79?\xb5,9\xa6\x9fi\xdb\x02\x8e\x88uR\x1c\xb7\xf8c^7H-\xf0\xf1\x9e\x1d\xc0;r&gt;\xd0\x1f\x1aN\xe9\x95\x93\xe7a\xb6X\xa2q\x97\x1f\xdf@\xaa\xa4\\\xfem\xe9\x18\x8a/\x01}\xd0\x9e\xb7\xa1y\x8e\xf6~\xcb\xa6\x03p\x9d\xbf\xc4\xb3j\xb8\xfb\xf3\x10\xd5:\ns4\xfe\xf2\xc5\xae\xf0;W:\x91\xd6s\x17[-O\xf7\xda\x9d\xc8\xae\xea\x7f\xde\x94\x8c\xb2\xbc.\xf2\xbe\xf5\xaa[\x99\xf0\xad\x81wt\xee\xa1\xcbrZr\x15)S\xab&gt;\x7f~v\xe1w\xd9\xcc\x16lz\xda.\xacXs\xb0)\x15mO\x82|_\xdakG\x1d_\xe9C\x90\xee\x8bZ\xd1\x0e\x00\xe3Y\x0bBJ\x99\xc8X\xa0N\x1azk\xe3\xffL\xc61%\x14v\x87}&amp;\xe6\x0e\xb9@\xc0\xc1\xbe?m\xa2\xe3\x1e\xe0\x97\xcb@kt\xdf\xef\xb1\xd9q\x06\xf6\xd8=,\xc1q+\x8a\x9d\x9cwT\x92\xf7\x94\xc75\xff"J\xde\xbc\x96\xfb\xd8\xa8\x95\xfaw\x99\x8e\xc2\x10x\x97\x95Bo\xdd"j{\xe2\x06\x19\xe3:\xdd=\xba\x03P=\x8d!\x82\x0ec=\xea\xf5Z\x97a\xdct\x16BL\n\xe9\x03\xee\xc6}\xbeC\x0bDP\xd3\xaf\xed\xf5\xed\xe1\tOJ\xa7;\xa8r\x81w\xa2\xc2\xc1\xcc\xf7\x02(\xef\x96\xe8\x13K&amp;&amp;H\xa1S\x9dX\x86\xfc\x0b\xe1\xbca\'\x1d\x00+W}\xa9s\x1e67\r~\xd1\xf9\xe0%\xbd\x80d\xed\x00\xb2\x04SC\x89\xa4\xe6\xca\xc89\x94\x9f\xf1\xdf&gt;C\x9cy\xe4\xcd\xd5\xf5\x02\x83\x7f\xb6&gt;\xb67|\xfe\x9e\x80\xdd\xc3\'@z5\xfdP\xc8\x8e\xe6\xd0^\xda\x04\x9b\x1c\x1e\xfa \x9f_ Lg\x07\xe1Sv\xe6\xbb]\xb3\x14\xb5\x8b\x15V\xe7\xd4\xcb\xb2K\xd2\xc2K\xc4Ne\x85\xaf\x8f\x15IF`\x1a\x0cg\xc0\x9d\xae\xdd\xe6\xeb\xc2Qx\xa4}-\x9d\xc1\x97\xb1\xde\x86V\xfb\xf3\xcd\xc2\xc3\x977(w\xc1J\x99{.\xed~\x9e\tl\xdc\xdc\xd9/\xe4]\xbee\xa8c\xee\xa4\xae\x19\x1e\x943\xd2\xeb\xb4=\xa1\x84\x04\xf6\x7f"\xff "\x9a] \xe9!,\x89\x96\x1f\x8a\xdc=x\x97\xcb\x8d~n\xe1x\xab\xe5\xf6[\x11\xf9\x8c\nip}\xab_\xd42\xf5\x1f)-\xb7\x1cD\x05S[\x96\xa4\xfa\xb6\xe9\xe1Qu\x98\x8d\xd9;\x00\xf9\xdd\xe6\xc3\xccr\xec\xee\xb4z\x0f\xb6\xd2\x12\xd0\xdfIT\xbc\x0b(/\xe39\xae\xff*\x829\x19\xd6\x1f\x02[\xfe\x98\x7f]d\xf3\x9ah-\xfd\xf1/\xb3U\xfb\xba\xe2\x13\x94$\xbf\xc7&amp;\x91P\x19B\x88\xf7\x8b\x80&lt;\xb7\xb4\x15Z\xff\x88\xa2\xd3\xb0\x96\xd8~^m\x14\xca\xbf\xf4\xceY\xb1n\xcf\xbb\x80\nkQ\xa4N~&gt;lYVPeJ\xfc\xfe\xf7\xcb&lt;^\x9b%\xc7N#\x9f\xd4\x0b\xda\xe5\x07\xe0\xdd\x0e\x0f]\xf2\x97\x9c\x825\xc5]\xce\xc3~q/\x93\xf5\x8cW\xbeYbZ~``\xde\x83\x0e\xa0\xac\xb1F\x14\x9f==\xa5\x87\xb6\xbcr\xdd\xb5\x8d\x88\xcc/\xd7rG\x99\xd2Dz\x1e\x89m\xb3)S7y\x96|\xc3\xc8\xd7x\xf3IX\xa4\xda](\xb2|\x92N\xbe+\xb8\xc5\xf1\t\xd5\xf1\xddK\x8e\xef\xbc\xa5\xe7gN\xd3\xf4\xe1\xf9\xbf\x99B\x0b\xda&lt;G\xe1\xc2A\xd0\xf2\xb7\xff\xd02\xfb\x89\x9a\x93\xf7\xa5\xc9\x81\x9cocJ\xfc5\x17\xf3\xe8\x00\x00\x12aIDAT\xfa\xa1\xff5\xde\xa0\x0e`w\x0e:)\xe6\x11\xeb\xfe\x19S\xae_\xf5\x91\xd7\x9cm\x9c/^\x7f\xb6S\\"\x1f\xba)\x12\xcd\x12\xd2S6\xdc\x98\x7f\xf3g\xfd*b\x97\xc0\xa7\xd8\x8f!\xcb\xfaG\xdae@\xcf\x10\x8c\xf7Sy\x86\xaf*6g)\x11\x95NdP\x8e\xb7\xe9\x00,g\xd9\xf3\xc4\x1b7\xdb}\xf6\x9a\xec\x0b/\xc3\x12y\x91\x0e\xe0\xca\xb4\xb9\xff\xbb\xcd\x95*a\x08\xb0\xde\xd4\x9c\xdc\x01\x84\xec\xf5\x15\xc1\xb1\xbc&gt;l\x8f\x96J\x8f\xc8D&gt;$\xff\xec\xbc\xe3?M\xc3\xf9\x061i[\x1a\xe5\xc3\xcd\xb8\x9esD[y\xd2?1\xceDw\xff\xac\xdc"\xd2\x00\xc3%\xa5I\x90\x83\xbc\t\xb3~\x951\x9aC\xc85\xc7,\xcb\xa5\xe9Z\xd1U96wQ\xb0})\xda\x8eE:\x00-\x01\xc7\xf4\x88\x88\xc8\xa7\x9c\x07\xe2~\x08\xe3\xcb\xcf\x9f\xd2`D\x8c\xbe$\x0e\xd2\xcbu\x00\xee\x18KGTG\xde\xc3\xa8\xbc:\x94Pl\xac}\x80g\x8cIG\xaa\xc5\x9d\xb7\xe8\x9e\xce$\xc6*\xb8s\xb6\xfc:\xff\xed\xb5?\x06:\xcc\xeb\xab\xd1.\'/\xf8x\xc5\xa2\xf9=\xe5\xa2\xb94\xdb\x19\n:q\xe9\':.\x84\xd0Dn\xfe\xb9\x8d\xfa\xd9\x97\xa4?\x9a\xe7=\x8d\x1b\xac\x03\xd8\xadn\xc5\xbel.k\xa2\x10\xcex\x0e~t\xc0s\xa3/\x11\xc4_[\xfe\xe9\xb44\xc4\xc6\x9b\x14k&gt;\xd6\xe5\x17\xe3\xc6\x96@~,gz\xbc\xb7\x0c\xc9\xc6\x8fk}\xcc\xf3n\x82%\xc6\xec\'\xc33a\xbd\x14\x02o\xc7\x0b\x18h\xcf\xbf\x1a8F\xe5\x11C\xb0n\x1a\xb1\xf8\xa5\xf3\xe3L%e5\xb9\xc2^u\xd8JB\\G\xfblp\xb3N\n=\x83\xda\x0eZ\xf5\x0e\xa0`7l\x0c\xb8\xf4\x84x &lt;\x08\x96MP\xcb\xe5x:&amp;\xe29\xacu\xf3\xf6\xc5:)\x01\x93\xfeX\xcc\xfcW\xd0\xe82\xe2\x99\x1aQ=\xf5\x9f~\xe6\xe4N\xda\xdf\xde{\x16l\xf8\x82\xfa\x95\xf5y\xd4y\xd7BIR\xa6\x07\xa4\x8a\x9e\xec\xc1J\x12\x1d@\x11\xf2W=\xeb@\xf6\xa7\xcf\xeb&lt;\xce~V\xc5cj\xc1\xf4\xa8\xab\x9b\xfb\xf6D$K\xeb\xecH\xf0\xb4\xfe\xbf&gt;\x19O\xe8\xe3\x91\xae7\xad\x7fG\x87\x96\xa5\xc1z\x94\xe4\xd3\x97\x7fL\x93u\xb0_\xf35\x0c\x87{\x8d2\x86=\xe9\x0b\\u\x87c1\x97\x01J\xa4\xe3\x9eDD\xe4\xc7\xb3O\xae\x87\x93saA\x1fTf\t\xf1\x18\x85l\xfe\xee\xed\xac9f?\xd1)\x95\xad\xf8\xc4\xd9\x03\xb7\x7f\x9bm\xae\x95z\xaf\x91\x88\x88|L)\x91\xd7g\xcf\x8a\x82\xf9\x8b\x9e\xc97\xaf\xcf^\xe5?\xfb\xa1\xa1eI@\xcc\x98b\xa8b\xaf\'tN\xf9\x8b\xcd\xd2R\xc9|\xa1\xb5Q\x07\x90-\xca\xf4p\x9e\x83\xf4\x02y\xa1\x07\x19\xb4\x86\xf9\x0c!_b\x8c\x81\x0fSE\xc72\x9f\xe82\x1d@\xc6\xc0\xfc#=?\x8a\xfd\xdd\x08\xf2\xa7\xca\xa5\x07\xb9H\x99\xae\xfa\xb4\x03P\x99\x9a\x9e\xb8V\xd5\x1c\x94\xbd\xba\xae\xb9\xf4\xd9\xf6}\xed\xc1&gt;.\xb8D\xe4s\xd1\xd9C\x873\xdd\xab9\x8e*|2&lt;\xb4\xa9=\xf5\xa9\x81\xdb\x1f\xa3c"{O\xd1\'\xddk\xc4\x10r\xaf\xa7\x7fJ\xa2K\xe9\xf9\x94\xe5\xdf\x1f\x1e\\\x10m\x03\xc7\xbe\xe17\\\xad\xb7E\xed&gt;\x89s\x18\x9c\x95\x98\xed\xc0d\x97\xd5&gt;9^\xe8\xc4\xa4\x04{2\xa0\x8bMR[\xdd&amp;\xbb\x9fz\xe9h&amp;N\xc7\xf8\xb6/\xb5\xc1P\xc0\x81\x8a\xf7\xdc7{\xe6\x89\xa9\x16/\r\xb4v,\xa6\xe9\x94\x9e}A\x93\xad\xe3f\x19\xc7\x85\xb4\xfe5\xc8cm1\xb8\xa1\x19\xe5\xdc\xc4\xcdj\x8f\x81\xa4x\xd93\x16\xd3\'\xa9)O\xd9\xb9?A\x87\x93\xb2p$\xe1\xeb?ac\xe7m\xa3\x1c\x1a\x975\xd8\xed!\xaf\xb5{\x97\xc2]"M\xfdAj20\x92\x88\x13~6\xb6\xea\xab\x03\xb7%\xc3\xf8\xa9q|\x94\x10\xf5\x0f\xf8\xecn\x19\xc0&amp;\xac\x15\xf4t\xf5,o2\xa4\xe4\xfcci4#k\x84\x7f\x07\xb0\x0e\xcfwB\xe3\xb5%\xe3\x18\xa0g,\xfdT[tm.&amp;\xfb\x95\xbbb\xd7\x96\x8f!\x85\x06n\x18b\xdb\xd6\rv\xffLi\x85=v\xb6\xf6O\xf6}\xa3\xb3u&gt;\x9a\xfa\xdds\xc6\x98\xd6\xb4g\xbc\xb8\x9a\x85\x7fb\xd6\xbc?\xb6\xd7%\xfa\x809\xcc\x9f\xf0.\x8d\x1d\xe5)\xba%\xce\x1b\xa5E\xd4\x7f\xca\x1d\xdd\xce/O^\x9c\xb1v\x00r\xbe\x99\x7f\x14\xbb\xdd\xfd\x03+T\x13\xab7\xfe1\x1c\xa9[\xfa\xb0\xbe\xc6\xaaA\x89Y7\xd6\x17\xe5\xf5\xc6:\xf1\xb8l}JP\xb0\xfe\xfd\xab\xe7TUDD~\xc3.\x8a \x1d?\x03y?"2?K\xa8\xaa&lt;\xd3+"\xd9c\xb1\x85\xe9\x88k\xae\x9e\xd1)\x99\xebI\xb9\xecZS.\x12\xf6\xbcj\xe8\xf6\xa5\x89\x88-\x9b\xa4\xcb\x86\xc0\xf3\xcc\xea\xab\xf2\xeb\xc6\xc6+\x0e\xe9\x85\xc4\x96Q\xcf4\x9c\xc5\xa1\x15\xa750C\xe1_\x02;K\xcf\xf6\xc0\xd7d\xf8\x1f)\xaf\x82\xe8\x88\xe7\xbb!r]\xe3*\xd1h\xda\xc2\xfc\xfag\xcd&lt;\x0c\xeb\xfcRa;\xde\xcdK\x08r\xd3\xb3:4\x92\xaeZ\xff\x99\xe3\x87\xef;\x94\xf2\xae\x94y?}\xf7,\xa5\xdd\x1a\xc4Z:-\x93\xc1\xf5\xc3m2d\xf3\x1f="\xdfB\xfd8N=yu\xde\x07\x03\xc48V\x8e~\xae\xac\x1a\xe5YD\xce\x92\x94\xcb\x91\xb7\x1d&gt;\x89\x0b\xc7y\x8e\xea\xack\xe9\x0bh\xa6U\xca\xc3\'A\x81gH Z\x1b\xe2,\x9a\xd69K\xc7X%\x9a\xeeu\xde\x11\x1a\xa5.\xacg\n\xb0\xabK\x17\xca8\xca\xd9~\xf0\xda\xfe\xd2\x8cT\x87&gt;\xbfl\\\xb3\xaf\xd6?\xcc\x19\xf2w\xa8\xa8\xdaH\x99\x96?\x1e\xbb\xe3z\xb3y\xb6\xb4\x14\x17}\xba\xdf\x95;\xc0\xb1\x08\x1d\xc0\xf5\x88\x88|\xd1\xe6\x9f1\x81(%\xf2\x93^7\x96\x15+@\xfaL\xd6/\x19jM\r\xc5:\xc3z\xd1\r2P\n\xfc\xf8\x17\xd0\x91,\xd5\xd8\x1dD\x89*\xa4w-\xeeCX6\xfc\x0fr\xec\tn\xd0\x84!\x8bcQ\x11ycb\x98/%\xee\x9fC\xe5*\xb0\xd4\xc1\x9aq\xc2\xe29\x16\xde\xde\x1d`\xd8\xcc\xde\xce\xae\x81\x18\xbe\xca\x97\xce\x94\r\xc4\xb4\xcc\x95\xab\xf5\xa7(\xbb]\xa3\x975\x96\xf0\xb5RX\xeb\xc5i\xb9\xcd\x95\xbeqx\x96\x07\xfd\t\x89\n\xa9\xc2\x83-\xcf\xdd\x03m\xcf\x87A\xc2R\xb2\x84l\x8an\xf3\xf1\x87/\xb4\x16q\x91\xc3\xd0\xac\xf3-\xc3W\xf5S\x13\xcb\xd6\x018\x1a\xa9\x81\x1a/\xf9\xfc\xcd\xd1\xa5\xb7\xbb\xb6\x11aX \xa3d\xdf\x88\xecMy\xcc\xd9\xcf\xdb\x01\xb8\xa7#\xbb\x0f\x8d\xa3\xfbn\xe9)\x15y\xf7\xee\xdb\xb7\xd4LJ]\xa7\xe7\xb1B\x02\xb2\xc7\xe6h\xfe\x8d\xdf\x94k\xd1v]Qh,\xb2=\x96c\xd2\x9bT1\xda\xff\x06\x8e\x05W\xef\xcc\x1d\xf7\xff9\xce\x96g\xb9\xd7\x1b}\xce}\xff\xd2\xcfP\xabs,\xf29A\x052&lt;|C\xd7P\xf4\xbe\x83]\x84\x11\x03p\xfd\xaa\xd8i:\x97\xd9\xf9?-z\x06i\x04\x8a\xf0\xc9\xd6m\xe7\xbf\x97%\r\xd1\xe1\\\xb8s\xa8\x7f`\xb6\xd1\xab\xcf\xbe_\x12\x14Q\xc8\xc6\x959\xc64qe\xcdVW\xb2T\x1f\xc7\xfe\xefVJ\x94\xfa\xdc\xd8\x88&lt;\xab\xf9\xa3\xabp\xce\xfb\xaf[G\xaf\xc5\xf3,en\xfe\xd3\xaa\xd6\xe9\'\x15H\xbe\x1f\r\x8fN\x80\xda\xcc\x99\x8c\xdb\x9cg\xb2|\xabv#@\xd6S\xbcM\xc9\xbb\xf2\x06\x9a10GP\x11\x0b)\x86\x0f\x8fk\xeb\x89\x8f\xa4\x05\x0e\xe0\x02B\xf6\x1b]\xe9\xed\xfe\x85Gc\x97\xb5\x96\xc1\xa5\xda\xbf)`/\xef\xb3\xed\xaaWY\x1b\x99V%\xb0\x87\xa2\x7f6R\xf3j\xd2E\xbb\x95\xa5H\xf3\x8f\x85-\x8b\x8f\x8f\x1atu2\x1c\xa9\xe8$\x85\x08\xa0\xd7\xf4\xe7T\xceo/\xef(\xce\x82\xf2\x0c(*\xf6:D\xe4\x93[\xa7A\x9d\xd5\xc0\xec\xedH\\X=\x9c;\xc3JW\\8\xb9\x8b\xa2\xad\x9f\xf6\x8fHDI\xf4S\xdd\xee\x90\x1f\xc9\xf8\x9cg\x92JD\x83\xfa\xf4S\x99\xbf\x8dXz\x97\\a&gt;B\xd6\x92z\xd2\xf0y\xc4\xbe\x1fs\xa5\xa6\xee&lt;\x8a\xca\x96\xec\xfaY9\xc3\xd4\xb2\xf5\x02mA\xdc@dW_\x12\xcb\xb9\xe7D\xad!y\xfc\xfc\xce{ED\xe4\x9bZ\'\x079\xe8\x05n]\xd4\xcbR\x04=\xdbh\xcb\xbeg\x1b\xf8\x8dj#\xaa\xd3cU\xdd\xb4\xdb\x1f\n\nh\x17l\xc2\xbe\x8f\x10zZ\xe3\xea\xb6\x91\xaaf\xbd\x04\xaa:[\xa8)G\xb6Z\'\x07\x99\x1c\xcf\xa5\x7f\xdb\x9a\xf7\xc6\xffP\xee\x01~\\1},\x85\xbd\xdf\x1c\xa0\x7f \x17C}w\x98K\xdaG\x82\xf7J\x881*\xb4\\U\xb5\xc0\xdd\x01\x14\xaf\xa6l}\xc0\xf1\xef\xed6_\x98&gt;\x16\xd0g\t\x19\xef,\x8aN\xd8\xbc\xdb\xe6\xd8\xa3\xd3\x10X\xb2\xb5\x19Xw]Ho\xe9\xb9\xb9G\xe9\xf2\xdb\xd2\xf8whtq;bTz\x1b\xeahL}\xdaG\x9f\xd23o\xf1[\x83\x92X\x86\xc8_\xde\xfeS$\xfc\xd7\x8a\xa2\x96\x9eD\xff\xff%j\xdci\x90\xefT\xe6G\xfc\xe4_eMF\xb1\xe6\xe4&gt;\xed\xd4\xe9\xe0\xec\xb8eRt\xef\r\xdf%=V\xb4\xf5,d\xfe\xbb\xa4\x9d\xf8\xa2\xf5W~$j\xafZmJ\xe9x\xfaY\xb5m\xb5\x80\x9c2),\x1a~\nw\x94\xc79ht\xfa\x82\xaf\x93\xc7F\x84Q%\xae\xbd\x14\x15}\xc5b\xdcY\xf3\xbe\xe6;.\x96(\xf5\x9a\xf2\xe9i\xaeh\xc9\\\nX\xf0{\x9d}*M\\\xa2\xd7\x0b\xd4*ki\xf4\x0ch\x8d\xb0\xbb\xb6\x00\xe5\x88\xfcL\xb9j\x16;|{&gt;\xe5\xa0\xc2\x07\xc2"\xf2v\x9f\xcd:h\xf1\xd5\xf6\xce+\xff\x0e &lt;\x8a\xa6W\xfe\x97\xe5\xef\xa0$\x88\x96\'?X"U\x05\xc2T\xcb\xd5 9\x9c\xd0j\xe3\x18CP![\x8a\xbd\xc6\xb5\xaf-\xb8\x83\xc4\xee\xc8\xbf\xd6\xfd\xbc\x84Xr\xb1u\x00\xee\xe6\xd2\xf8\x95m\xfb\xe6\xfd\x9c\x1c\xfe\xf0\xdd\xb1\xd1\x12M\xe2\xee\xcb\xf0e\xdf\x01\xf8\x8e\xc4S\xa2O\x0e\xd01\xbb\xa1W@AYj{\xde\xa1n\xb5\xd6\xe7\xd1^x\xffJUX\x95\x0eOO^)\r\x87|_\xc0\xc6m\xe9\xed\xbe\xad\x19\xad| s\n\xde\xa8\xff\xd3\xa3H\x7fW\xc9$\xa1\xbd\xec\xed\x9a\xb1X\x85^^\xce5\xdc\xcbxl5G\xa0\xe5\xa2\x91\xe7\xd4\xbeX\x1csD\xc6b \xfa\xdfo\r\x0e3)EUi+]\xd6\xfb\x89kNh\x1e]\xd0\x9fx\xe4\xe1\xd7t0\x17\xc4e\x19\x8b\xd6\xbb\xaa\'#/\xebdx(\xaeI}\xf9\xe3\xcbv%\xe3\xa3\xbdw\x06\x8e\x81\x7f\xc1\x18\xbd\xd3\xb3\x9d\x9d\xd0\x19\x0c(\xfe\x86\xb0]Q\xa8\xf2\xd4R\x9d\xab\xacmKq\xfd\n\x1f\xb5\x97\xf3\x86\xa2\xc2\x13\xaf\xc4\xd0\x07j\xa7D\\\x999\x7f\xf5U\xc1aZC&lt;-{\xc6\r\xe8\x00\x06\x16]W\xc5"{\n\x8f\x91\x1a?\xcf\x1dQ\xde\xf0B\xa2\xfe\xf9U\xef\xd6/q\xd6D\xaa\x1eB\xa8n\x13\xb6\xd2\xc6U\xd6l\\\xfb\x86\xe0\xcb\xe0)\xb5\xdeT\xd7\xd6d\xf4\x9f\xb1\xd8{\x16\xb5\x84\xdd}:\x80\xdf\x19\x17~\xd6\xcdb\x12p\xf5B]s\xb6\x01O&gt;\'\xe5Q\xdf^\x1d\x1b~\xcc~\xce\x94\xe4\x0bP\x0f\xf9\xf9\xf7PS\xb7a$v\x00\x8f@\x02?\xf7\n\xf3\xd7*\xd5\xf4\x94\xd7\x99\xd34g\x1b\xb8\xc9gVN\xc8\x12oB\x86W\x9c6\x9dn\x90v\xdf\xa7\xc7\xb1\x94\xa8t\xbd\xd9^\xed\xbf~el\xa0\xdc\xea\x8dl\x7f+.b\xf7VD{!\xf6\xdd\xca\\\x85q\x96#\xfc\xc4\x0c\xaf\xb9n\x16\xb4q\xb5\x82T\xfa\xf4\xbdR.\xe83\xb7\x18\x8e5!J}A\xb1\x90\x1f\x7f\x8cs\xea*/e\xae5\xb6\x93\xfc9\xd6\xb2\xbc\xf5n\x0e\xedG\x1d\xdff\x8d\xa8P\xa6\xda\x02~\xdf\xa1\xf0\xa4,\xb8G\xc8\x15S\xfd\xc2\xe8sK\xf10\x8d\xc8mU-\xeb\xc6\xd8\xd3g\xdf\xde\xcf+&amp;\xc5\xb2\xfd;\xefM5\xe9\xe3\xe8\xcd\xdak\x86\xd0\xf4\xb4\x99\x03t,h\x88\xfc\xc9\xafu\x84oI_\xc6\xa2\xd8\xfcB\x94O\xd4""\xf2-"\xf2\xdf\x93\x83Rg\xc7\xf2\tiQ\x98\xe3\xa5q\x1f\x97h\x7f\xb8Od\xe9\x93\xbc\xd4\x84\xc3\xe7r\xde=d\x1c\xfb?\xef\xd00\xb5C\x8e\xb6i\xf7\xb1=\x</t>
        </is>
      </c>
      <c r="E450" t="inlineStr">
        <is>
          <t>&lt;class 'numpy.ndarray'&gt;</t>
        </is>
      </c>
    </row>
    <row r="451">
      <c r="A451" s="1" t="n">
        <v>449</v>
      </c>
      <c r="B451" t="inlineStr">
        <is>
          <t>steps_per_sec</t>
        </is>
      </c>
      <c r="C451" t="n">
        <v>6500</v>
      </c>
      <c r="D451" t="inlineStr">
        <is>
          <t>10.486738</t>
        </is>
      </c>
      <c r="E451" t="inlineStr">
        <is>
          <t>&lt;class 'numpy.ndarray'&gt;</t>
        </is>
      </c>
    </row>
    <row r="452">
      <c r="A452" s="1" t="n">
        <v>450</v>
      </c>
      <c r="B452" t="inlineStr">
        <is>
          <t>Loss/object_center</t>
        </is>
      </c>
      <c r="C452" t="n">
        <v>6500</v>
      </c>
      <c r="D452" t="inlineStr">
        <is>
          <t>0.3867738</t>
        </is>
      </c>
      <c r="E452" t="inlineStr">
        <is>
          <t>&lt;class 'numpy.ndarray'&gt;</t>
        </is>
      </c>
    </row>
    <row r="453">
      <c r="A453" s="1" t="n">
        <v>451</v>
      </c>
      <c r="B453" t="inlineStr">
        <is>
          <t>Loss/box/scale</t>
        </is>
      </c>
      <c r="C453" t="n">
        <v>6500</v>
      </c>
      <c r="D453" t="inlineStr">
        <is>
          <t>0.107692815</t>
        </is>
      </c>
      <c r="E453" t="inlineStr">
        <is>
          <t>&lt;class 'numpy.ndarray'&gt;</t>
        </is>
      </c>
    </row>
    <row r="454">
      <c r="A454" s="1" t="n">
        <v>452</v>
      </c>
      <c r="B454" t="inlineStr">
        <is>
          <t>Loss/box/offset</t>
        </is>
      </c>
      <c r="C454" t="n">
        <v>6500</v>
      </c>
      <c r="D454" t="inlineStr">
        <is>
          <t>0.27327314</t>
        </is>
      </c>
      <c r="E454" t="inlineStr">
        <is>
          <t>&lt;class 'numpy.ndarray'&gt;</t>
        </is>
      </c>
    </row>
    <row r="455">
      <c r="A455" s="1" t="n">
        <v>453</v>
      </c>
      <c r="B455" t="inlineStr">
        <is>
          <t>Loss/total_loss</t>
        </is>
      </c>
      <c r="C455" t="n">
        <v>6500</v>
      </c>
      <c r="D455" t="inlineStr">
        <is>
          <t>0.7677398</t>
        </is>
      </c>
      <c r="E455" t="inlineStr">
        <is>
          <t>&lt;class 'numpy.ndarray'&gt;</t>
        </is>
      </c>
    </row>
    <row r="456">
      <c r="A456" s="1" t="n">
        <v>454</v>
      </c>
      <c r="B456" t="inlineStr">
        <is>
          <t>learning_rate</t>
        </is>
      </c>
      <c r="C456" t="n">
        <v>6500</v>
      </c>
      <c r="D456" t="inlineStr">
        <is>
          <t>0.0009999075</t>
        </is>
      </c>
      <c r="E456" t="inlineStr">
        <is>
          <t>&lt;class 'numpy.ndarray'&gt;</t>
        </is>
      </c>
    </row>
    <row r="457">
      <c r="A457" s="1" t="n">
        <v>455</v>
      </c>
      <c r="B457" t="inlineStr">
        <is>
          <t>train_input_images</t>
        </is>
      </c>
      <c r="C457" t="n">
        <v>6500</v>
      </c>
      <c r="D457" t="inlineStr">
        <is>
          <t>[b'512' b'512'
 b'\x89PNG\r\n\x1a\n\x00\x00\x00\rIHDR\x00\x00\x02\x00\x00\x00\x02\x00\x08\x02\x00\x00\x00{\x1aC\xad\x00\x00 \x00IDATx\x9c\xed\x9d{\xf0\x7fO]\xd7w\xf5\'\xa6\xa5\xfc~\x10\x02\xa6N\x1aec\xa6\x91\x13\xd9\x05o\x7f\x14\xa5\x92T&amp;ci\x8a:\xde\xa6B\xc5\x9f\x9a\xe3\x94\xd8\xe8\xa8\x18\xe64\x940\x198\xe4\x94\xe2%/i6\x83f\xd2\x05\x15\x95\xb4(\x03\x15\xc5q@Q\x91\xac\xe1\xd2\xab?\xcem\xcf\x9e\xbd\xbcv\xf7\xb5\x97s\xce\xf31\xf0\xfd\xbd?\xef\xf7\xeek_\xbb\xfb\xda\xd7^\xcf\x1e\xa5\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xf1\xd1\xbd\x15\xa8\x08\xd1\x03J\xbdUi}\xe5L\x82\xe6\x90D\xb3!\x9a$M\xe8Ib\x92X\xa25\xba\xd7\xc6iI\x89\x07\x9a\xca\xedx\x87\xde\nT\xe5\xad\xea\xda]\x1c\xe8\x81\x8cEi\xa5\xd4cMy\xa9b\xb5\x813\xc0\xdbU\x92\xf7WF\x87\x04\xee\xc2\x95\xdd\xa3\xc8H\r\x04@\tgC\xc6\xe8\x7f\xff_\x7f\x94\x94\xd2\xa64\xd7\xbf\x81Y\xc0\xad\xb8\xf2\x0c\xe0,\x86\x9c\xddV\xbbs\x96\x12\x1e\x8d?\xa8\x94\xfa\x80\xf5\x93R\x9e\x92$R\xf4?\x96\xcf)\xf2\xcfjO\x00\xdc\x90\xf3v\x00ah\x8c\x8c\x8d\xa0\x83\x05}\xa2"R\xf4\x03\x8a\xfc\xea\xd1\xd4\x01|Z\xb2\xfeD\xd3\xffr\xc9\xc8\xce\x10\xf5\x0cr\xc0\x18\xae?D\x84yw\x03&amp;/\xd5\xbd\xa0\xf7\x1b\xb3z\xd9\x00\xf6\x05P\xe1U\x99c\xa6\xca\xdd1\xac\xf1&gt;\\y\t\xe8,0\xdb\x1b\xd1\xd7c\xa0U\x82\x1e\xc0\xfb+e9wR\x1f\x16\x0e\x10\xc1\x91\xa9b\xf7\x8d\x11=\x00\xc3\x11n\x94h\xb4\xa7\x80\xfe\xf8qq\xe6cv\x01\x94c\xf5&amp;\'\xa12\x84\xb2\x0bFg\x88!\x11\xe0@D\xea\x03\xb5\xfe\xd9\xe5\xcf\xe3\xc4\x1fS\xf7\xaeL~3\\\t\xee\x83\xf9F\x1c\xdf\xc9\xfd\xd4\xba-t\xe20\xa5\x9b\x80%\xa0\xd3\xa0\xf5\xe6\xfd\x95\xda\x1e%\xa2\x7f\xba\xfc\xdaG\xaf{\x11\x1e#G+\xc1\xfd\xf3\xcf\x94je\x81\x01&lt;`\x02\xa7\xd1\x93\xc9\x87G\xc6\x8c\xae-\xe2i\x9c\xa8\xb5\x9e=\x11\xdb\xfbsF\xa9 \xc0:\xf1"\xca\\lwt\x1e\xe6\x0c`\xf7\x84\xb03HV\x12\x89\xc0Bn\xc2\xbdf\x00\xc3\xadm2Z\x99\xb3)j\xb5\xdb\xeb\x0b\x8b1\xddA\xe0\xc1\xd1\xaa\\fYy-\xbb\x82Rt\xc4$\xb5\x1e\tu\x17\xd4\x87d\xa7\x96\xc5Ej\x0b\xc4\xb8W\x070\x9a#\xd2\x05C\xad)\x9a\xcf\xa1[\xf9\x14\xcft\xeaF!F\x94\x1bZ-\x87w\x962\xa1g\xaa\x07#\x91~\xbc\xaeN\x07Fj&amp;\xa0\x1e\x0f\xf4V\xa0)7qC\x0e\xe7\x9c\xbd`\xe1\xa7WQ\xfe\x86R\x0fuJZ\x04\xad\x14\xcd\xabHj)\xc5\x87\xd4\xbb*\xf5\x9b\xc1)j\xeb\xa7Ep\xcd\xc7-\xb8\xdb\x0c\xe0\x8e\xd4X\xf6\xe9\xd8\x95&gt;\xe8\xffI|~G\xf4\x1d\x8c0\x05\xe7&amp;\xb5R\x7fL)\xfd\x1b\xeaWX\xda0\x93\xb9\xc9@\x07\x00`\xd3\xe64w\x97\xa5\xb4\x01\x97%\xf2\x8a\x9a\xd6\x9b\x1e\xfe\xbb\xa2W\xec\xf2\x159\x9f\xff\x19|\xc5F\x7f\x14`\xc0\xda\xbc!\x98\x01\x9c\x8cG\xc5\x02\xac\xa3?\xef\x1d\xf1\xaf)\xd5\x81|GU\xca\x04F\x19vX\x9b:\xe2\xde.\x80~\xa2R)\xd5\xa1_\x90\x9aF.Bs\x08_\xcd\xd2\xd2A\x89\xa4\x02\xb2\x19\xb6M\x01\x07"\xeb\xc0T\xf6\xc8\xd8\xf6\xa4\x12\x16\x1a\n\x98\xbb\xd0\xc3]\xd0\x81W\xb8\xf0\xcb;\xf1=0EiE5\xf1\\t\x8a\xe3\xc8C\x80\x19\xc0\x8eJ\x03\x12\xe6H\'\x1cLj\xb8T\xb2!0\r\xdcf9"\xda\\\x1a\xef\xf8w\xfd\xff\xf1\x91\x00\xa5\xd4{\xb8\x0e\xfer/\x8c\xda\xd5Q&amp;r~\x19F28\xe8\x00\x86\x00\x03\xa2\x93R\xe8hg\x11{)\xfa\rv\xb8\xdf\xcb\xf4\xfeE\xca\x18\n\x08\xc9\t%\xd1\xe9y\x14`\x81\x0e`G%\x93\x8c\xdf\x10`\x048\x0e\x1bi\x98\xe7\x17\xa2\x1b\x0c\xb7"0\xd6^\xf6Q\x83k\xf6\x1f:\xfd\xe7\xd9\xc7_\x16\xff8\xbd)X\xffz\x8aR\ta}"\xea\x18\xdbQ\xe8 V\r@u\xf2l}9.2\xd0~Yyo\xb4\x0ey?ID\xa1E\xe6P|a,\x00)\xe3,\x90P\xa2D\x9f^x\xf2\xa7\xb1\xa1\rc\xd4\xf7\x05\xe3\xb8F\\\xe9\xb9\x9a\xa4\xbdhg\xc6\x89\xc8\xf9.\x94[\xb1{\xe7KV\xf4\xd8\x9bd2)\x99\xde\xad\xb7T\xb1\x02\xe3UH\xbd\xc1\x12P#nk\xe6\x9e\x8ck\x9d\xee\xfd\xe7\x1dN\xfb\xcb\xb3\x8e"\xe7\xec\xcf\x07"\xd3\xe2\xd2\xf2\xaf\xfc\x8d\x1fe\x1e\x99\x7f\xbb\xc9y+\xeeJ\xa0\x03\x98\x111F\xa2WI\x88\x19\x9d\xf2Q\x9b\xd69o\x0c\xd6\xeb\xa6\xa9\xb1RQu\x08Y\xddI\xfd\x9c\x99T\xd6\xe3d&amp;\x12%\xd1v\xa4r\xdbq\xd1(\xa0\x02\x942\xe6\xce\x85\xde\x04SZ&amp;%\xa7\x9e\x96\xca\xaa^\xd2\xa9\xabvI\xab\x1fs\x14\xd7\x13uE+0\xa5=\x967\xf1+\xada\x82\x15\xd4\xe9\xc6\xb9L&lt;\xc3\x87z\x9f\xcaQ\xc9\x9e\xab\x9cf\x9deR\xb56\xb6\x01\xf7#\xd5\x85\x0fj\x94\x81\x11\xcc\xad\xb8\xd7m\xa0&gt;h\x9c7\x86\xd7\xc4\x97A\xeb\xed\x02mxl\xab\x14\xb9\xaf\xcaI\t,\x86\x96&lt;\xc0T\xfc\xf8\xd7\xe5[\x00\xb0\x91\xd9\x03\xa0\xff "\xa6\x1b#\x1b~`ix\xfc\x16\xfbT\xa5\xe8_\xed\xbeYs\xf3\xfa\x149\r\xb6\x0b\xa3#\x80Fg\xe3\x8b\x8c1_\xc7\xf1m\t\xd4\x00\xb5&gt;4R\x9b\x13\x82\xa4.=\x99K=\xe7}\xe0\xd9\xea\x85\xc5\xae\xca\t\xbe\x1e2A\x8eR\x8a~\xb7Ro\xceS\xe3\x8c5\x02D\xc0)\xa0\xb1\x19\xef\xa8\\\xf2\xcd\x97\xe6\xab+\xbb^\x00\xe0&lt;E:\x02s\xb1h\xed+\\R\x8a\xe8#\xe9\xc5\xea\xcb\xec/\x97\x03QD\xf0\xfe \x83\xeau\x8f\x831%\xd0\xf4&amp;/\xf9\xd7y\xed\x92H\xddIn\xb0c&lt;\xe0\x86\xbc\xd9y\xc8\xcd\x00T\xf8i8\xda\xc2U!5#\xe7\x9d\xc3\x01\'ug\x00\x93\xb9\x0c9\xea:\x01\xb3\xc7!\xaa\xda\xdc\x92\x1bs\x93\xeaL~Fl\xfa\xb7\x91\xa5%\x1d\xf4\x0c\xe9\x94\xf14\x9c \xc9\xde\xbf\x92\x1e\xa0\x1f-\x96\x80D\xfc\x17\xfd}\x01!\xa0\x9c1\xefq\x9c\x14j\xd3S\xf2S\x118\x94Y\x18? y\xbcJ\x04\xed\x116\x02k=Aj\xb9`\xc0\x05\x81\x06\xd4Xsh\x03\x19\xef\x9c\xa9\xf0:\xfacrJ)\xd2Zw\xdf3\xaf\xb1\xe0)\xfd\xfa5V\xe1\xf8\x96z\xb0\xa2{1$g\x00\x0e#\x952\x9717\xef\x0c\xda\xdf\xa4X\x83\xc2\x9b&gt;\x97\x15\xbfy\xe5j\x11U\xbdL6\x13\xeb\xbdB=\xbes,\xf1\xfe\xcc\xe8\xe0DH&gt;\x08\xa6\x97\xebIV\x1b)\xbeYAM#\xbb\x13\x98\x9d\xd6\x15W\xa0\x8b/\xa8P\xcc\xbape!y\xfa\xb5\x14\xc5\x94b\x9b\xbak\x99Vc\xa6\x9c-\xd3\x80L\x1b\x1b\xadd\xfa&lt;v\x07\x0e\xa0\n\xc4\xa83\xfd/\x1d\xd2\xae\x0b\x08\xa3\xb9\x80B\xccU\xa6\xa6\xe9\xf6n3\xd1sA2o\x8dnq\xcb\xde\xc5L\x12,\x9c{\x1d\xc4CtmD|\xfdg:\xde](v;*~\xb6\xe3XD\xa1\xb7\xaa\x14\x17\xcb\xb9\n\xa3)(\x19\x00:#\xb8\xa9`t\x00g\xf2z\xf5\x94\xbd\xc0n\r\x00"\x9c\xe9I\xe0\x9b5Zm\xfc\xeb\x80_\x16\xe7\xd8D9PI\xe7\x9bY\x11\x00\xe0\x8ad\xb8\xb1\x92\x91\xaf\xec\xa8\xb9\xaf\x17\xee\xdb\x03\xa0\xff\x01\xe3\x80\xeb\xa0\xcfJ\xb3!}\rg\x9d\xf4Ja%\x9d\xd9\x8e\xb3\xa1\xb90O5!\xc3\x89\x9d\x0bs\xa6%\xa0\xfb \xeeq\xb7\xf1{\x81\xeb\xa9\xb7&amp;C\x9e\rjZ\xf6\xc1k\xa4\x9b\x8aLGx*\xd7_\x15l\xc4\x8c\xc0-:\x00\xa6\xa9\rb\x8d\xb4\x1c\xdc\x11\x13h\xfe\xf1\xb8Te\xe6\x0f\xf5v\x11\xa6\r\n\xb7\xf8O\x1a\xe8=="%\xd0\xe5\xdd;\x85\xd4\xa8\x83f\x0f\t\x82\xbbs\xba#\x1f\xf4&lt;1\x9d\x97+\xd26\x92%\x9c\xad\xf4\xc6\xa7Ry\x9e\xcb\xa1^\xe2\xc1y\x00\xaa\x91\xd78\xacX\xdb\xe9O\xff2K\xb6\x1a\xf4\xa2t\xfd\xc0\x01A/\xf8T)A\x00\x803BD\xf4\xe1\xbb?\xad_[+t\x1e\xa6^\xf2\'{\xab\x01\x00\x00\x99XK=E7\xbb\t\xa9t\n\no\xc1\x03\x00\x80!0o\x8f8\xae\xb3\xde\xd0\xcb\xdd/\xc7\x02\x10\x11\x11\x96\x94\xc0-i\xb3?U\xf5\xaa\x031Q\xbc\xe4\xaa\x16W\xe9\xb5?Rz\xdc\t\x14\x1a\xb88\x82\x97\xed\\\x0c\xb3L\xc2\xe5C\xcb\xe2\xc9\xc8\x1d\x00\x00\xc0\x87\xc0s\x00gl\x9d\xf0)G\x8e=b\xb4\x94\xcc\x13\xe25\xdf\x86\xb0;\x86\xfe\x03\xb5\xd2\xc9\xe4\x92\xa6\xd4fS\x04[/\xa0\'\x18\xff[\xe4\xed!\xa7\xce\x00\xd6\xc3\xa9\x19\x1a\x82+\x81)xwN\xf6P"H%\xe9\x05&amp;kk\xac\xfb2\x10\xb5\r\x9b\xcfxMi!\x84\xd7\xea\x82a\xa8{\x15\x04:\xf7\xbeP\xcaE:\xcd*K\x1b~\xbf\xcd\x00p\xa8a\xe6\xe5\xbd\xff\xff]w\x86zk\x02\xa2\\\xdc\x16\xaf\nUx!\xa2\xd9`SegO\x1d\xda\x0c\x87\xbb\xbf\xc7\xf1V\xac3\xbc\xcbwu\x17\xe0\xc4\x97\xc1\x95\x8c/\xe8\x84\xb3\x13{@%?\xc0\xda\x9ak\xf6\xe8-5b\xc0G\x04\x04\xa5\xae\x1dw\xf7C\xf4\xcc\xb1f!u\xb9MFAOD\xcc\xecD\xcdr\xb9\xd9\xadz*\xd9w\xc65Z\xcf9\xe7\xe6\xe1\xc9\xd4\x8dAD\xbf\xab\xb7\x0e\xe0\xe24h\xe5E\x97%\\\xacM\xefi\xb6\x8c\xebK$\x90\xf6\x89J\xfeD\xaa&amp;q\xba\x0e\x18t#\xdbR\x1a\x0c\xf4`\xc7\xe7\x02\xb5\x05\xc0(\xe0Q\xda3f\xfe\x8c\xfb\x1f\x00\x80\x1a\xe4o\x02o\xef\x8ar\xffz)\'\xe3\xcb\xcc\x19\x8f9\xf8^\xf0\x94\xf60\x97\x946\xd1\x84\xae\xf2&amp;\xfa\x9b\x83\xc2\x1f\x93\x92S@\xffOL\x8b\xe19\xa1\x9f\xdf\xa0\xd7\xa6G\x19\xa6\xb9J\x1d%\x1c%?\'d\x1cc\x00\x03A\x0fU\xb7\x8c\xf1\xed\xae\xea\x12X\xe3\xec\x9f\xab\x9d\xdf~\xf5\x11\x00 J\x86;\xe9\xe8\x86\xbeAZ\xe0\x89\x1c\xeaIO\x82\x9e\x1a\x148\xb82\xa7\xbb\x98\x90\xe8\x13D\xa5\x9d\xac}\x1f\xeb\x8b\xe8\xcd\xbd\x94\xb9\x03g3\x100\x000\x98S`y\x7f\xa2GWLKP\x14\x1c\xd2H\xa0\x83\xb8&gt;\xa95|\xaeQ\xc3\x89T\xad\n\xca\x01dp\xae\xc6\x0e&amp;\x92O\x01%\xd5\xb0\xd6\xba\xf0\x14\x87\xb8A\xf9\x9f;\xbd\x8e\xed~DYvJ\xaa\xec:\x85x\xad\xbc\x00 @\xb3.\x9e\xf3N\x12YM\xf2\xdej28\xb2\x9b\xa5Q9C=bF\xa4\x88\x88^\x99\x1d\x1d\xe3Y\x00\xf6\x98M\xa2\xea\xae\xe9$Y\xc4\x7fU\xd21;\xfb\x8d\xdd\x8aTb#o\x92;\xf5*\xbf\x9fn\xd8\xfc\x9e\x0b\x94\xe2\xc8\xe4?\x08\xa6\x1b\xdc\xf7=\xd9\xceS\x8aR\xa9\xa5c\xd6{\r\xcf\xebSZTw:\xb3\x83\xaf\xa3\xd7\x80\xf9=\x1d\xb4\xfe\x03@*#\x8f:U\xee\xecd\xe0\x0c\t@\x87\x0f\x15\xd3Z\x86\xf8\x8f\xf1\xffZ_\x0b\x01\xce\xa3)\x0059N\xdb\xef\xd62\xe8=\x9b\xde\xad_\x89\xb3\xeb\xdf\x12:O\x07@J\x11=\xd4[\x0b\xd0\x8f\x06\xb7\xf3\x0f\xdb\x14\xa8\xc9\x8cdu\xfem^\xffR\x02\xd1\xcf\xfb\x7f\x1a\xb7\x1e\x87\x82\xe6\xcd\xea\xdb\rt\xc0)\xb9\xb3\x99\xce\xa7J\x8a7\x15\xa3\xf1;\x16q\xea9(ruQ\xeb\xd6}\xb3\x03c\'5\xcb\xc1W8W\x9c\xb5\x0c@2\xbd\xcc\xfd\x14\xcdl\x042\xca\xe9\x18#sk$9\xe5]r\xdd\xab8\xac\xc0\xa9\xed\x8f,z\xeb\x03\x04i\xfaRx\x1c\xab\x18\x99\xbc\x03\x1b\xc7\x1aM\xad\xe5\xd9\xa5\x0c\xecX8N\xcf\xca\xb5\x1d\xe5J~\xf3BY\x01M;\x80^\xa0\xe3\t\xb3&gt;t\'uf\x16\x05~,\x81\x13\x97\xc8\xedk\x13\xe4\x90{J\x12\xb3\xcc3!U_d\xfc\x9b\xa1@w\x9bYU\xa0w\xed\xab\x08\x00\tT\x99\x01\x94\xefn}\x9e\x94*u(t6\xd9&gt;k\xd8\x8e\xb1\\1m\xfc\x9b\xc6Wh\xa5z\x8eR\xb7\xaa\x9c\x14\xf9\x9d^\x8a\x00P\x19~;\xcf\x1e\x94\x8d0\x9a\x8bR\xaedF\x0f [,\x82\xc2\xd6C\xabeB\x86\xafu9\x86\x98\xb3T s\xc6_C\x15\x00\xeaQn\xb4/J\x17.\xdd\x01&lt;\x85\x11\xa6]\xeb\x84\x1f\xb8\'\x17\xed\n\x01XH5\xf16\x1d\x00K\x93\x81\x17\x9d\xc0\xb0\xc0f\x80\x1bt\xf6\x1c\xbc\x1d@c=\xae\xcb\xd3{+\x10\xe6\xec\x15\x8dV\x0e\x12x\\\xbd\x1b\x9b\xcfi\x87\xbe\xf6C\xf4K\xadU\x01\x06m\x16+\xce\xf2xp\x00z\xc1e79@\x15*\x19\xcaj\x84\xe72\xc6\xc6K@\x837\xd5q4\x1b\xbc\xa0\xf8|Ue\xf9dR9-\x00\xbc\xac&amp;x.C\x14i8I\xe7\xb5\n\xd3\xba\t(&amp;&amp;\xa9\xce\x1f\x05{#Z\x0e\x0b\x96\x0b5\x89\xe8/\xb5IQ\n\xcf\x12\x10\xbbE\xf9[ \xbc\xfd\xe0\\\xac~.\x96\x1dP\x8a\xc8\x99\xf1\xc4\x14\xe3N/\x1cd]G\x92S*\xa8\x8cG\x07"z;S\x02\xaf\x97e\x86A\x1bn\t\xf3\xea\xcdc\xb0\x93V\x13\xec\x0b\x80\x1dDD\x8f0\xfe\xacs\xdb\x01g\xb3\x11\xde_\x8d\xeaX\xaf\xb1\xc0\x8e}\x02\xb0#\xc3\x18\xa4\x0c\xa8\xc4\x14\x85]\xf3\xc1\xdd\xa3\x8d\x94pI\x17C\xdf\xd7s5O\xe6\xc1o""z\xa5\x80:\xe0T\x04\xdac^\x07P\xa6N\x1f\x8e\xfd\r\x19\x1f\xaa\xfa\xac\x84\xfd\xe1j:\x80\x9b\x83\xa1?\xb0\xf9F\xffO\x83[J\x9e%\xdb\x1d@\xb3=\x064&lt;P\x13\x98\x17\xc8!\xe0\x97\x04\x8eE.#\x0eq\xf7\'\xf5\xe4N\xdf{\x17\xf0Z\xda\x06\x18\xc7\xd2\xe6\xa2\xbe\xe4@\xb8\xc2\x8e\x15\xa8\xc5H/\x84\xf1\\\xe8+\xb2\xe0(+\xd0D/I\x94n\xd5No\x07\xefF\xd3\x93N\xf7D\xdf\xab\x84\xef\x93\xd3\x133P\x07\xe0\xbd\xd0\xdd0$\x99\xf6#\xdd\x08\xf5\x027}\xbf\x181\x9d2\x99\x15\xa8\xe7\xa7\xcc\xa9\xc6\x19\xbda\x89\xceS\\\xd3T\x92\xccF\n\xcc\xf6\xc0\xca@\x1d\x80\xcf(\xb5Vf\x83\xc9\x90\xac\xb5\x9e^\x18BD\xd5\xfd,C\xb83D\x7f\xe7\xaf\xd4&lt;\x0fX&gt;\x11=\\+\x89\xd3\xae\x11\x14\x1a\xcf\x00}\xbc\xc2\xd8\x1c\xac\x8c`\x8e\xd5\xa1\xfd\xec\xbb^#\\\x87x\x01M\x94t\xa1\x13\x91H\x8e\x88hR})(\xad\x94\x8cdGB\x0b\x93|\xba\x87!J\xd5T\xa9\x1aJ\xa9\x9a\x9a4hh@\x8a\x81f\x00\xf5\x98_7\xb8\x98#\xbd\xb6\xa3.\x15&lt;\x9d\xd6"#\xbauf4\xfd\xf7\x17\xb4R\xfe\xb1b\xc9\x00^j\xdd\x83\x88\xe8\xe3\xcb\xc50\x12\x12:\x860\xc8,O7r\xcdCd\x16\x80\x04\n\x97&amp;\xea\xadl\x84\xaf\xd08&amp;Z\xa8D8\x17\x9c\xcd\xeeh9\xcc\xafP\'ED\x1f\x97\xa8\x1e3\t\x11H\xb4Z\xbfMDJs\xb0f\x04nAy\x07\xf0\x02v\xc8\xecT\xba\xb3\x16R\xe8\xe4n\xd0k\xec\x8eB\xa6\x17\xfb1l\x8d\xd2\x9c\x8ee\x9dw\xbbB\x90\xaa\xf9G\t\x83\x81\xf0\xd9")E\xf4\x7fJ\x0c\xd5\x94\\\xdb\xe2\xab\x8a\xdfv\x89\x1d\xe9\xda\'\xdc\x9d\xcd\xdb\xfard\x17\x90\xa7\xd8\xb0\xd9\x19\x90\x91k\x1f\x00\x19J\xce\xde\xa5&gt;a@\x96#^\xbe\x94\xc5\xd2\xc9\xbe\x9c2\xd6\x01\x04\xfe\xbc*\x89\xd5\xd8\r\x8e\x8a\xd7\xb8\x8b\x14\xdcb\x138@\x83\xe68\x1f\xa9);=X\x18\x9ahn\xb2\x82\x1e\xe8OMY\xda\xbc\x9a%6\xa4\xf3q\x13r|\xb7(A\x97s\xff\xc9h\xad\xa3\xe3\x15;\x17\xf4EUU\x02\x95H3\xc6\x8b\x1d\xd7#\xe3\xd4\xe6 G\xf4|\xa4\x96\xfc\x9a\x9d\xdd\x11X\xadWG+s\x0eG\xb9=\xf7Z\xa4\xccd\x06/\xfc{\x82J\xb9\x03i3\x80\xcb\x99\xc3\x19\xc6c\x93\'\xcd\x1d!\xcf\xd9\xfb\x90y\xb4\xbe\x17[\xa6\x96\xef@\xe1\xfa\r\xbbp\xcd\x80I\x13\x94O\xbf\xe8\xf2\xd1\x08\x0bE\xa7h\x1a\x00\x84 \xfa\xb0\xde*\x08\x90~H\xc6\xbb\xefjn\'\xc8\xba\x98\xb0\x82\xe1c\xac\xfeX\xf1\xb3\xa4\xcc\x82!\xa5\x88\x9ew\xdc{\x18\xc0\xd3\x02\xd0\x8d\x8bw\xf2\xc3&lt;|\xd3\x0e\n.\xf2\x98\xfe\xae\xd9\x10\xcf\xecn\xb4\xd6\xfc\xb5\x85E[\x81g\x92\xd7\xa5\xb0\xddlc\x91\x0e\xca1\x17T\x01\x00}\xf8X\xc6\xc0\xb6\xfd\xc8w7\xf3`\x1c\x0c\x05\xa7#6\x05D\xfd\x02\xc0\xa3\xeas\xbc#\xc0\xec\x00\xc6\xcf\x08\x08`\xd5)\xea\x12\xcc\x10\xbdSo\x15dx\xff:bo\xd8T\x9cY\xbe\xd2\xb0\xf1\xec\x19\t?\xda\xed\x8er\xa1\xea\x03\x1bR\x95\n\xe3@\t\x849E\xe9\xbc\xf9$z6\x06\xde\x1fD\x80}\xa0\x04\xceN3/w.C!\xd86\x00|\xe8\xbbzkp3N\xe7\x9d\xc4\x07\xd4\'\xb9\x96\x02\x80\x86\xe3\xac.\xf8Z"\x05\x7fU\x18d\xe5\x92Tj4\x8fgk)\xc3UC\xfa!&gt;\xf8\x7fp\x1a\xaem\xa9\x01\xffn\x9e\x9e\xf4\x05\xa8\xa9Z],\xd5\xc3\x99-\x91\\IZ\xc9\x05\x7f\x00\x8c\xc09.\x83[\xaf\xb5q\xd2\xb1\t\x8a\xb4\xff\xe8\xb33\xd1G\xba\xda3\xf9\xe9R\r\x04]\xfe\x1e\xe1\x87\x91\xbc\xf33RJ\xbdF6-\x00\x1a\x82\xc7\xf6N\x89\xefq\xdf6Oc\xd2z\xb5\x9ca@y\x17\x05n\xce_\xfa\xa2\xba\x06\xe0\xd9Wpv\xce1\x03\xb8\x18\xb5\x17njO\r\xf4\xe1Vc\xca\xbd\xaen\x13\xc3\xf3\xfe\xa4\xd4\x1b\x96\x0f\xdd9\xc7\xe5\xce\x00\x88C\xc6\x07,\x83\xa6BJ\xd1\x7f\x95\x94\xb6}\x16]SaJ)\\\x0b\xa2uA\x89\xf5\x1e\x12\xf3\x154\x174\xbc\xb3\xef\xeb\x80\xbb0Y)\xed\xe8\xad\x13\xc8:\xdew\xd2\x9a;\xa9\xdaa*5\xa4&lt;\x89u\xe7\xa9\x9f_S:h\x06\x9c\xff\x80\x10\xfdM\xfb\x9b\xb9\xa6\x1ev}9b\xed\x8d\xa8S}jT\x07Z(\x18\x82\x12#\xbc\x83\xf9Vm\xa7\xbeyZ\xea\x02N\xb3\x8a\xb0\x96\xb6Z%\xdb\x19xj\xd0\x92\xd3l\x02_~\xafm:X\xa3\xf6\xce\xee\xcb\x85|\x9f)\xc4*I\x9dX\xb6\xcd*B\x1b\xc7/\x7f\xfd&gt;{\xad\xd8V\x06g\xc7\xff\xe0\xd23\x1akr:\xacM\xce\x9b\xcf\xddiy\x95\xcc\xcd\xcba\x1cP\x0b\x004b@\xaf\xf7\xc5\xbd\x15\x00\x00\x00P\x9d\xd4\xbeg\xac\x9e\xea\x96\xa0\n@*\xa7\xd9\x03\x00]\xe0?\n\xd0\xff\xbe4`\xd4\xc0\xf2hE\x9dtP\xd7\xa0\x0b\x97y\xee\xec\\\x99\x88\x96\xf9\x80\xabU@)EO\x92\x16H\xf1C\xa5\xffE8M\x00\x06\xa3\xd0\xdf\xf1c\xae\xed-;\xad6\\\xa6c\x06a8\x07\x13`\t\'\x02K@\x1d`\x9e\xf3\x9b&amp;\xf1\xaa\xd5\x853%\xadV\xab\xf9n\xb8q\x80\x13\xaa\x07\x8e\xaa\x82\x04\xd6\xe1\xe18C\x83BM\xc6\xc9H9\xcbkg.\x95)u\xad:\xba*\xa8\xa1\xee\xb4\x98\x01\xe8e\xc80\xce\xc0\xa1T\x93_\xd2}mWjU\x88\xb6[&lt;my\'Xx\xf2\xf3\xe1J)\xf4\x01\xe3\x83\n\x02\xa0#\xd3\xc0\xff\xed\xa3\xee\xe2\x1e\x15"zz\x07=\x00\x00\xa7c@\x8f6\x0e\xbb\xe7\x8d\xffJ\xe8\xb5\x94\xcdT:&amp;m\xa5\x8e\n\xed\x0ev\xfbA\x0e\xe1\xa3\x03\x95\x0c\xca\x9b\x1c,x\x19\xfb\xff\xcf\x81Kc\xb5\x19\xeb\x05\x00\xeb\xfd\x10 \x9ba+\x1d\\\x93\xf0\nC\xe3a\x85\xcc\xf5j\xe5"\xbaR\xfb\x82\x9d\xb0\\N\xd2\xbe\x13\x87K7p\xfa*\x10\xa4\xd6\x03_\xce/_\x8d\x92\x07\xd2\x8c\xb8\x02\x1d\xe4l\xfa\xdaD;\xdd\xc2\x8b\xe8\xa2\xd1\xf3\x1e.\xe3\x9cC\xbf!\x95J\xc4)\x14E\x7f_\xaa6&lt;\x18V\x03\x985H\xc5\x07C+\xb9it\x00N\xc6)\x91A\xd4\x00\x008\xe0v\x00\xc38\x14\x8b6\xab\x85V\nDD\x1fS;M\x01\xba\xf7\x8eI\xb53\xa6\x81\x81\xb32\xaa\xcb\x8as.\xcd\xcf\xa4\xab\x10g\x99s\x90AW\x1d\x18\xc1\xcef\xf6W\xa5\xe8A\xb0qvnoeL_\xc9nfU\xb8SQ\x9f\x0b\xf3\xf1\xc6^\x95\xc4\xbc\xb8d\x94\'BA\t\x8e=\xba:\x96\xc7\xd9\xb1\xac\x94h\x83\x86\x94\x9aH\xc7!\xde\xf5|\xff%s\xd4&amp;S\x18\t\x00\xdb\xd4*\xb9\xa6zg\x16\x03R\xcf2\xf1oF3\xcf\xd2\x0c\xd4o6h\x1d\xd7\xa0\xf4. \xfb\r\xe3B7WZ\xd6\xe5\x13\x19uIq\x1b\xd5Z\xeb&gt;~\xed,\xadg[V&amp;RD\xcf6\x7f*\x90\xc9\xf9\xbej\x11\xe5\xb9/8&gt;\x85\x8e\x13\x8c\xcf\xf4\xa0P\xe1AFA}\x0c\xb1\xcb\x07N`\xa5^+\x9d.7\xbc\x1d}GJ\xba\x8e\xf0\xde\x0e\xc0\x11\x9d\x9fT\x1ay\xae\x1c\x1d\x80Z\x8e\x083{qp}\x06\xac\xf0B+\xac\xd7\xce\xd3W\xfc%\x12}a\xe5g8\x02\x8fy\x97\x95\xe4\xb3\xb2c\xc6\xc8{\xd0\xa1^1\x0e\xee7\x1f\xbd&gt;\x83\xbd\x8d\x06\xdc!\x87\xce\x06\xa8A\xedaQ\xeaX\xbe\xe50m\xf0v\xcba\xe4\x0c\x8c\xac\x9b,\xbd\x0fp\xba1\x15\xa2\xe5.\xa6\xe1\xb4\x04m\x088\xe2\xdbZ\x04\x1aCU.Y\xbc\xee\xe3s\xf0\xac\xa09i\x9b\xc0\xda\xff*\x95\xa4\xad\xdf\x8c\xa5\xe4\xaa&lt;x\xfeq\x8d\xa5\xfd\xa9\xf3\xb2\xa3\xf2K\x84z]*gW\xd0\xf2g\xb3\x03\xf2W\xb1\x0fp6\x16\xe7\xff\x13C9\xa9\xc9\x81\x8e\xd5/\xe5\x82\xc7,G\xc6W;\x8d\xab\xac\xbd\x858\xd3\xa3g6\xd6\x02\x0c\x03\x19\x1f\xe0\xaf\x049\xba\x18"\xfa\xca^\xda\xd4\xe7&amp;\xc6#\xeb\xb2\x07\x19"\x0c\xa2\x06\xe0r\x96\n\xdbN[\xf6\x18\xd4w/\xa3G\xec\xff&lt;\xfb\xb4\x86\x88\xe8i\xbd\x95\x00\x000]\xc9 \xee\x86\x0cT\xd3\xa7\xe4Y\xe5\xd4\xf2\xa8\xd2\xa9\xbb\x80\xb5\xfa\xd6?\xcf\x98\x1f\xa2\xbf\xd8[\x05\xa5\xe6\t\xe2\x1b\xba\x97\xdf\xe9\xaa\x0f(%z\xd9\x03}\xaf"\xfaj\x19Y\xe1\x84\x9a\xbb\x8bh\x8a|mD\xf4^\xd5\tH\x1b\xb9A\xd2\xf2\xef\xfc\xc1U\xbc\x85/0h@m\xf5h\x8f7\xd8oNe\xe5\x8e^UC3\xa1\xc1+\x0b\xb8\x91\xad\xb4\x0b\x18Aj\x16fG\xcc\xbc\x97_\xae\x88\x88\x1e\x1f\xf1\x0b"\xc9\xb4\xc2\xde\xe48\xff,\'\x89@f\xe9\xd3\xf0\x9038\t\xd78\xaf\x924\xa2I\xca/=_\xa6|&amp;\xed.\xdc\xbe\xcd\xf2\xbf\x86Q\xf9`\x8d\xf1K\xc4\x96(g\xcb&lt;\xd9\xa8\x02\x80L\xb2\x1b\x8eT\x0b\x89\xac8\xf5k\x88\xedW\x15\xae=\x92\xad\x947\xde\xeaQ\x1a\x0f\xe0\x80\xdf\xf0\x94\xde\x06zv\xa4\x0c&gt;\xff\x12T\xf1f\xe7\xc2\xd4\xaej{\xfc)G\xd2Z\xe5:\xe5\x9c(\xa9\x11\xce\x86\xd0}\xbbadl\xf1m\xf3\xa3\xa3\x12\xb2\xc0m17\xf7*\x8d}*HMH\x9d\xaf\x80/\xdc c\xde@O\x96\xa1aZ\xc9\xbc\xc20\x921J\xe3\\\xac5w\xed\x054`\x81\xde9\xc2\xb4\xa6\xd0b\xd4U\xc0\xd4b\xf3\x94$\x86\x11\x10QT\xba\xe95\x8eaK4\x04\r \xc3\x0e\x9c\x95D\xfe\x9f\x9c\x81Q\xd3\xe0\n\x8c6\x9ct.\xaa\xe6\xe9\xb7\xee\x0c3\x82\xc5\x0b\xc1\xdad&gt;^u3P!\x02\x0fC\x99:\x00\x8d8\x97\xd5\x13\xfd\xa8\x90\x1c\xee\xb1%f/x\xaeb\x1c\x9f\xe5\xa1\x87\xf9\xcf\xc7\xd4t\xd0p\xfd\xe0\xf4d\x9bp/\xeb/\x18\xb9WT\xd8\xb8Ec{j\x01\x0e\xc2\x89U(_R\xed)\'zI\xadZ\xb8\xdb#\x14@\x06\xbe\xc14\xb3\xacl;~d\x05M\x1e\xcf\x0b\x96w6\x86\xde$ \'\x9eP\xf0\xc9[\xe0$\xbc\x13\x9e)\xb3\xe6\xd3\xb3\x85\x1d\x00\xcc\x02\x0c\x84e\xca\xc3\xba-2\x90\x92V.\xc7+\xbf\x9e\xe8\xcbq\xb7\xce\xf2\x98\xd5[e\xff\xec\\\xfc9\x80\xc2c\'U\ry\xd2\xed\x14\x07c\xfa\xaa(\xb3\xe3\xd1\x84\xd9`r\xeb\xf4\x8c\x8e\xf3\x98\xd5S\x984\xb8&amp;\x82\xc3\xaf\x06\x07\xa2\xdb&lt;\x06&lt;\x8e\xcc\x0c\xe8\x17\xcf\xe4\x16\xe9[\xdc\xe5F\xfb\xf54o\xf41\xca\xbc\x10~\x1e\xf0\xcc\x01\x10F\xd0\xa5\x9e\xc54k-\r\x0f\x93\xfdJ\xbb\x94\xed\xabx&gt;)+\xfdD\xb4c\x11&amp;]\x88 kB\xe1\xccJ\xae\x81\x82\\\xf2\x97\x80\x98\xd5\xd6\xb2~\xc9y\xcbm6\x8f\xeb3\x93\r\xb5\x99\x86j\x08N\xe4\xbf*\x16\xa0\xbd\x13\xe8\xe2t\xb4VZ\xcb_\xe5`\x89\xa3\xa5\x9f\xb1\xbf\xb4]\xf3\xf6\x93liX\x19$\xe3_+\xd8\xbc\n*\x9a:h\x07g\x06\xd7\xacig\x8c\'\x98Q\x06\x1f\xa6\x10\xa9\x8f\x10\x97\xa9\x14\xfdcIi\xaa\xcc\xcb\x0f^\x05C\xe1\xb3j\xebp\x04\xb9\xbe\xaf\xa7\x06*\xefj,c\x8a\xcf\xec\xad\x88\xa27\xe4\x1c\xaa\xe1G\xf1\x85\xe9\xee\x92\xd0\xa8\xc0\x91q:\xcbq4\x01\xf2Do\x11\xd8\x9e!j\xa4O\x9a\xb9\xed\x06D\xec\x90Vr\xec\xd42\xa3H\xc1\xea\xe7\x94\xcc\xe5\xbd\xed3y[/C\xdf\xd8[\x03pg2\x9a]FS=:/_\x83\xaf5\x99\xf5\xa4\x95\xea\xcf\xfb\x0e\x888Ic\xc86\xe1X?\xe9\xa2\x07\x83\x97\x1dz\xdc\x8c\xd9\xb0\x13X\x02(Bj\xe0\xdc\x97@g\x93\x9a\x935\xc6\xc8\x850\xacb\r0\x1e{&gt;\xfc$]e\x95JY\xca\xfb\xab\xbd\x86w\xb6\x8akS\xf1A\xb0\x1a\xcf\x83\x88\x18\xe2\xda@\xca[IF\x0e\xd74\xc7lS7\x7f\x8a\x87\x88\x94\xfagU\xcb`^;\xad[\xfd_]\xfa\x08du\r\xc1\x85HZy/4\xab\xf7*\x8b\xae\xf6\xa3\xa4\xf8\xcax\x99\xbaf\xf4\xa4t\xc1P\xc8V\x18\xd3\x00\x92\x9e\xa8R\xa6\x81ek\xb6\n\x84\x95\x02q:\x9a\x94o\x91t^\x93\xc9\x10\xc8\xc8\xc8\x17\xee\xc2K\xce&lt;\xba@\x87\x0f \x0f\xde\xc8#\xd9Ld}\xf69\x8d\x14\xa4!3\xd7%\xe6[\xa5\xa6$\x9b/2XI\xcf\x7fj\xad\xd6\x0f\xe9\x05A\xfb\xd7\x84M2\xc3Y[\xa3\xd0\xf0\xaf\x18\xbb0\x1d\xed0\t\x8eE\x01P\x88\xd0\x1e\xc0\xe0\xb3E\xe7\xb5k\xab\xc2\x0f+\x1d\x1c\xd5\xfa\xf2f~\xcdy\xc2s\r\x80V-\x08\xdf\xf0\x067R\x00\xce\x87\xb1\xb2\x11\x9b\xd2~J\xfeE(%\r\xd7q\xa2#\xf1\xb0\x84\xf3\x81gA_"5q\x1f\xd0\xb9\xa5l\x0eUTcI\x82\xf8\xe6\xda\x1d\xa7\x9a\xcd\x94&amp;\xfa}\xc9Qj\xe8\x01\x06g\xbdw$\xd0\xa2\n\xf7\xa6\n[\xac3n\xaa\xcc\xaa\xfeb\x10\x7f$\xaeCj\t\x87\x03\x8b(7\xa51B\x81s\x07\x1f\x1f\xda@\x17W\xba\x03\x14\x118\x13\x91%\x94\x02cz\xc7\xe2\xc9\xbb\xe0\x10\xfe\xf2\xad\xa2\xfdY\x97T\x99\xf3\x87\xbc\x87\n\x0fr\xba\x904\xfe\xb8\xb8\xc1\x01\x10\xe5\xf2n\xb7=\xbe"\xf5\xb9%\xf7D*7\x95B2\xba\x96\xa1L\xe8,\xcbP\x00\x80\xd1\xc9\x9d\xca\xa4\x04&gt;\xf8\\r}\xd9\x0c\xe7\x94\xce\n\xf0\x07\x9ai\xc3F\xe4\xd9Z\x81\xcb\x9aJ\x05\x08(\xd0]\x07\x00\xb8\x0c&gt;R\xab\xa7\xde\xb6\xdeB?a\xfaz2&amp;\nc\x8ec\xfb\x0e\xb1\x89\xbe]T\xda(E,\xf6\x84A\x93=\x7f\x00J9\xc5\xa1\x91z\xea\xd1\xf2\xef~\xe8\x8a\x1d\xc2\x08\xb2\x85CD\xf4LAy\xf9\x10\x11\xd1\x7f\xcb\x18\xbf\xdbg\x99`&gt;\xa0\x84\x06\x0e\xc8:*J\x0f\xcb\xcb\x97\x8aR\xbb4\x88\x14\xd1#\xad\xe4F\xef\x15;q\xed\xc5\x8dwH&lt;?\xed\x03\x86sn\nNs\x1e\xbf\xc9|,\xa0\xae\xcb\xb3\xdc\\JZ\xd7\xb6\xed\xecb1%\x88k\x05\x8e\x10=\x97\x88\xfe\xa5\xfb\xa7"\xdf\x8d\xde\xffJ\xb4{$u\xb5\x18\xad\xb5y\x01O\xea\xed\x08T\xff\x11y\xd3\xb8c\xb7;\xa8\xf5w3\x83\x99\xe9\x9e\xe1\xfd\xa8\xb4\xdc\x9f\x91s\x13\xaaR*\xf1\x1a\x8cS\x94I{\xc2%9\xfd\xaa\x94r=\xff^d\xa5DJi\xd4\xc8uH\xbb\nB\xae\xdb\xb7\xe5D\xcd\xd1\x1cs\xd4\xbeJA/WG0nw\xb0b\x95\xbd\xf2\x9b=\xb0\n\x07\xab:6\x8b\xbe\xc8\xfb\xf1\x81\xb8\x89uG\x84K\x89g\xacAw\xb8\x10\xa7_\xdd\xf6[\xdav\x08\xde\x1fd\xb2Zp\xea,\xf2&amp;\x1b\x8f\xfcb\x19\xb94\x88\xe81\xdb\xe7\x92\xf3\x8eXj\x98\xe1,\xbc\xf0\xcb\xaa\xa4TQ\x1d\x17\xa3\xe2\x0ba\x8e\xd8\x03\x92\xd7\xf2\x07\x13\xd5\x97}\x80 \xaf\xdf&amp;k*o\tg]\xe8\xbb[\xa5\xbb\xbd3\xbb\x10j;\xe8\xbbU\x07\xa8B\xf2\xcej=U&amp;\xf9D\xd1g\x8b\x86bdE\xf9U\x1b.\xf3\x91\xf3(\xcev\xee\xc0\x17\x80\xd1d\x12&amp;\x01\x89\xeaeCol\x95\x12\x00G\x98\xab\x08\x81\xf9\xb5lS\xa9\xda\xc7\x94\x8b^K\x81&gt;R@\x9f\xa4t+\x89=K\x9f\x1e}\xac\xfa49\x01\xe0\x8c\xf8\x1a\x9fl\xc3\xab\xda\x8a\x89\x88\xe8W\x8b$\xec\x96\x9b?PJ\xb1x\xbaD\xf4\xc4:b\xe16\x018)\xcd\xf6\x00\x03k\x11u\xc7\xec\xc6\xae\xb8\x884\xa7\x98\xa4R&lt;\xdd\xce\xeb\x8f\x04\xea\xae\xb1*m)\xac\xa4\x13U1\xb8#\xd1Iq\xb2@\xbf\x9b\xf0\x8d\xfdSNV\xbc&gt;]\x1f\xe1\x0e\xc0\x93\x8aI\xa5Dz\xb2e\xee\x19\xbdUiKIu\xb2v\x140\x85\x02I\x08\xfb\xebV\x1d\xc0J\xc9\x92G\xc6\xb6g\x1b\x97\x1c\xf5\xff\t\x93\x83!\x8ffZ\xfa\x0c\xa8\xe1II\x1b\x00\xd5\xd6\x06\x8c\x0f\xda\x1d\x87\xb5\x84NZX\xfb)E\xf0y\xb4\x82\x87\x00R\xf49~s\xbe\x82\xe5\xa8\xdc\xb8cK\x9a9\xa2\xe9\x9f\x14\x9c\xeam\x01%\xde\x7f\xd0\x17\xf3~\x0b\xc7\xafjqW\xb1G\x82\x01\x87\xc96\xa2\x162\xdf\x9e\xd2\xca\x8c,\x7f~"\xeb\x05I\x88=\x08\xb6\xac\x0f\xfc\x10\x86\x02G*\xb5\x9f\x1a#B"\xdf\x9e\xc8\x8c6\x82\xc2+\x94\xb3\xde;\x12\x0bVx\xcdH&gt;\xf0\xfe\x17\xa6\xa8j\xd7a\x8by\xb9\x9bjn1\xcb\xd8\xa8e\x9aC0\x15\xbb\xf7F0\x8a\x0f\x18\x8f\x03O\xe2\xdd\xb5\xc7\x0c\x06F\x83s\xb9\x9eq\x97\x1c\xaa\xf8\xe2\xa4\xd5\xee6\xe0\xd4Z\x19.\xc0\xfc~\x04{\x99,x\x0c]\x86\x06~&lt;\x00\xa7\x07\xbd\x00\xd9\x83\x00pG\x8e\xfbB\xebMm/\xec\xa7\x95E\xd2\xfe\xd5 \x08*z\x9a&lt;\xf3\xe8X\x8b\'\xb2\x9flD\xf2x\x87\x82\x023\xa7\xa8\xec\xf3u\x00\xd3\x82N\xb1\xcem\xce\xdep\x90\xf2,\x83dg4\x86*\x94\xd4:\x1aJypMD|\x07\xf7\x80\xff\x92\xd6\xf1\xa1\xe2T5\xd0\x01\xcc\xd1\xe5b\xd1W\x97(2"\x85\xb6\xdd\xbd[\x9d\x92\x1f\xc4P\x01\x08\xc1=\x07\xbd\xd8t\xb1\x07/h\xd8%\t/\xa9Ky\x07K\xc8\xcf\x96EO\x8b\x9b\x1d\xf3&lt;\x04\xf2\x18\xad\xc1\xc3*nZY\x8b\x14o\xf7N\x08\x0c\xc1\xfb\xf6V \n\xc7H\xa3\xbb\x0eml]`\xc6#\xd7,\x7f\xe8(9Q\x93\x84\xc0)\x92/O\xb4\x17oY\\\xf4d\xcf\xf7\xe8\x00\xc0e\x88Ni\xeb\xd9\xfa\x98\x8d\xa8|\x82\x9f\x1a\x99\x88\xe8\xd3K\x12\xbc\x0eCm\x80\r\xa2\x068=--\xba\xbd\xd5f\'X\xa2\xea\xd7f\xc7\x8ca:\xa06e\tG\xb32T\x07\xa0$F\x03\x00\xb4\xa3Y\xdb1\xef\x05\xcaN\xd2\\{J\x15\xd2\xc6M\xa0\xf1\x9bD\x9e\xb4&gt;\x06&gt;\x7f\xe1\r\xd5\x1b\x81q\xe9h%\xc6p\xb5H\x89$/lv\x00\xf9)\xeew\xf3\x92"^\xa9ev\xcfI\xef\xf4\x1d\x10)\x1a\xe0\x08\xd4p\xe5\x02\x16\xc6z\xd8\x8f:=\x82h5\xddB\x05\x88\xf1\x10r\xf8\x16\x87\xec\xe4\x96\x8cp\x05\x97\x178\xe7j\x81\x06\xac\xb7\x17d\xe4e\x90,\xd4\xa0W\x83\x02 \x99\xeca\x02ID\xdf\xfelu\\g\xc0\x01c*\x19\xb9\xa8\x97\xe7\xbc\x85\xe6\xa7)ED_\\C\xa1\x01\x18\xc4\xccF\xd0\x018\xb9\xc2\xd0`5/\x8ct\x1a3O7:kQ\n\x86\xc9U!RJ\x9f\xdeH\xae\x8a\xd8u\xd0#\xd0k\xa0\x914\x05\xa1\xed\x81\xe1\xfe\xcb\xd6\x018\xaa\xe9\xf3{\xffk\x93a_\xe2&amp;\xa9\xe1\xfd\x07\xa6s\x07@\xcb\x058%B\xf4\x82Z\xae&amp;\xe5\xcb\xe3\x04\x8d\x86Y\x17\xe0\xe7\xff\xc6\xa2\x10\x91Z\xae\xddo\xd66\x8c\r\xe7]_u\\\x01\xab\xdd+\r\xdb\xe7ug\x88\x05\x9b\xa9\x11}go5\xc0\xe5!\xc6\xf3S#\xb0\xf6Rq\xb7&gt;}\x88\x1d\xdd\xdb\x0en\xd2\xa3\xe5\xd4dav\x03\xab2\x97\x07z#\x00\x00 \x00IDAT\xebO\xe6\xb9\xa0h\x95Pno1Te\xafw\xd9v\xd5aN~\x1e\x18\x08J\xde\xa5")\x19\\\x83\x9e\x93\xb3]\xab\x1bx\t\x96\xb6\xf7\xde\xe4l6\xd0\xe1e5\x93\x7fm\x90a\xeb|\x0bM\xaa\x90\xf7\x9a\xfb\x8c\x0cr\x8e&lt;\x95\xe3&lt;\xe4#\xb2v_r|H\n"\x1a\xba\x01\x00P\x83aO\xa1\x07\x942g-\xbc\xe5#ED?-\xaa^!\xe1\xebB\xa5*D\xb6b\x8f\xa5-\xf8\x10Cw\x1b\xec\xae\x00\xb8-\xf2{\x00|k^V\xee}r\xa44\x8a\xe0&lt;\x06\xeaK]\xab\xf9\xd5\xacA\xddMQ\xa4\x94z\x99\x84\x9e.%s\xcahz\xbbl@l\xf8\x9bnH\x8f\xfd\r\xc1\x9d\xc7\xde\xdd\x15\x00@\x0c\xa9AY\xcb\xf3\xf8fZ$8\xb64\x04\n\tsH\x16\x14\xee\x1ch\xe7\xc81\x0e;\x89 \xa2U%\xc6\x9c\xc5\xca\xb2nQ\x80\x8b!?\x03H\\\x1fw\xdbT\xc31\x91XB\xb2\x8b\x12\xcc\rg\xe7\x9f\x87\xc0\\\xb1\x9ciM\x17,\xad\x86S2\xf5\x06\x8e\x92\xa4\n\xe2f\xa6\xb8\xecMk=\xd6\x06&gt;(\xa7\xf31\xd0@KN\xebH\xf2\x15\xb0\xbd\xde\xfc\xe7\xfbl_\xed\x8fR$\xb7\xdf\x1c\xaf\xba\x1ciu\xb2\x1b\\?\xca:\x83\xea\x8bA\xf4\xa9i*l\t\xa5\xfb+\xbdT_\x17?\xddfo\xc9\x94\xcf\xa9\xdfe\x10M\xd3\x7f\xb2\xd3\xd5}\'@eI\xdf`\xb2t{z\x8cP&gt;\xa1\x9ea\xb9\x16\x88*%\xc5%\xdb\xbf\x89m\xf06\\\xa3\xcb\xe39\xf5\x93H\xcd\xfe\xda\x01\x94\x97\x1bSH\x8d5\xcc\x81\xeb\x1c\xf4\xa0\xaf=\xac\x86YO\r:\x90\x127!\x95\xc0\x9f\xa3Q\xb2\xd8e&gt;\xf61x6k\x10.7\xeb\x19=\x1fo\x8b\xa62|\x0f\r\xc0(\x10\xc3\x13\xe5\xb9&lt;f\x9c\xa3\x02\x17n\xbdk\xd6\xc2}*}J\xf2Z9\xa7\x1e\x05\xa1\n\xc3\x8e\x92\x9e\xd5\xe4[\x83&amp;T\x92\x843\xd7\x176W0:\x85v\xc7\x1f\xdaGC\xac\xcf\x94N\xc2\x12$+E\xf4\x19G\xadX\x19(&amp;kn\xe3\x94\x93\x90\x9c\x8av\x00B\xae\xb0\x1e\xe2\xea\x11}\x9d\x95\xeb\x1a\x99\xa7\xb2\xb2=F\xa4\x1fD\x07\x00F"c\xfe+b\xc0D\xffk\x15C{\xe2\xa9/\x9f\xff\xa4\x11\xbdT!6]\x9ao\xb4p\xb6\xaeb\xc8\xa5g\xa9:\xfa\xdc\xfd\x9aX\xd1\x01!^\xec\xc2\x0e\x80\x1f\x12\xbd\xc2\xdd\xe9b\x01\x19\xf6-\xa5\xa7)\x86\xdf\x018\xf5\x19}\x00\\\x9f\x92\x02lC\x8dU\xa0\x12\xe8\xa3\xd8!\xeb\x97\xea\xc8\x15\x07Z\xd0\xcb\x02\x1a{\x8d\xe5\x90\xb4\xa2\xcfL\xcbrt\xf0+\x95\x8d3\xb6\xc3\x8e\xbe\x9f\x9fbU\x1d\xebe\xbdA\xd1\xd2\x00W\xec\x81\x8b\xe33\xaf^\x9e\xa3F\xbb\x12\x91v\xc6v\x98T\x98\xb2\xe5\x9e\xb6\xf3L_v\xba\xc2m\xd3\xb7\xa2\x038\x05\x99O\xea\xd0\x00o\x02\xa1&amp;\xf7P21m\x9d\xa9U\x832\\\xb5\xd2Z\xd3\xfc0\xe7(%\x16&amp;\xa9&lt;\xcdl\n$=\x80mW\xa5\x8d%\x9c\xcb\xdenK\xe6\x93\xc0#\xd4j\xc0\xb6\x04\x96M\x1eJ\x1b8g\x18z\x832t&lt;\xe1|6X:\x7f\x9d\xe6\x86\xe4\xa4\x18\xfc\xf5\xec\xc3\xdaI\xf93Z\x02\x00\\\x9cM\xb4A\xcb\x1d\xcd5\x8c\xfc@\x90\xa5U\x89\x92f\x1e\xe9\xf0\x8d \xfd6&amp;JY5n\xb87v\xca\x82\xba\x1bu\xef\x02Z\r`\x04S8\x8ez\x8e6\xba4\xf0\x87\xb7o\x92\x928\xc8OSQ\xba\xa0\xec\xb7\xc1\x0c\x83\xa5\n\xad\xc7=\x0b\xc5\x92\xf4+\xb5|\tU\xee\xec\xe5w\x92h\xfe\xa7\xed\xd8\xff\xed\r\xd3\x02C\xf2\xab\xc6\xae\xac\xd3\xacG8KG\xff.\xed\xe4~D\x9a\xff\x81\xfe\x8f\xb5B:\xe2Jo#\x1b\x92\x05\xc5\xe6\xe1,\xdf\xf22\xb7\xea\xae\x9eE\xc9\xd8\x87\x88\x1a\xcb\xf4\x8e\x19\xde\xfaP\x9bc9u/4\xd0\x1a:\xb6L\x97\x11\xc8\xb6\xa9lA\x07E\x1f\x14\xd1GY\x8f\xf9\x98M\xc2\xd5 \xc5\x1bI\x8dV\x97[\xc2O\xac\xe4?\xa36&amp;!\xbf\xf4\x19Zq\x86P\xc2\xc3\xb16\x06\xe9;A;\x18\xce\xdf\x0e\xd6X\xc3\x80&amp;#\xe8\xe3dY\xe3N\x0b\xaf\x94\xa27\x89\xe9\xf0A\x07\xe1}Y\xbb\xd2Ju\xd6\xd20z\x19]\xd5\x02\xdcR\xe9\x97A\xe0\xa4\xc5Q\xb0-\xb1\xd8\x1d\xf7-^/\x1eL\x88\xafp\x81\x02\x99\xaf\x83\'\x9a\x0e(\xa6\x1dy\xacw\xa8qY\xb7g\x1e\xd3|\x82\xd6\xaf\xae\xa3H&gt;Ku\x87r\xe0p\x89\x978C\xb3\xe6\xcb\xccM\xb3f\x08@7\xc2\x8b\xa7C\x0f\xff\xd3\x07\xa1\xb4]\xa7S\x94\xa7cd\xfe\x11\xa3\xf1\xcb\xb3Yrm\x12\x8aB\x7f\xc4\xfb\xf4\\K%\xc7)\x90\xdb\xf2@\xdf\xe4I\xe8XB\x92\x9c\xe9\xd0xy\xa2m\xa0\xf5%P\xaeSL\xcc\\/\x13\x87\x82\xf9\xc0!\xa1u2\x12Vc\xe8F~\x18\xfc\xaa\x9a\xe3\xdf\xf6#kg\xd5l5\xd2{\xa8\xdf;}\xd0\xbb\x03\x10{x\xe7\xd2\x96\xb4;\xe2\xae\x12r+\xe5|\xe7\xd5\xa7C\xaa\xd3\x03\xc6\xd9\x85/\xbe\xe0\x90*\xb0\xcf\x1b+{?Gy\xd6\xde\x1aT\xa0\xf3;\x81K\xa8j\xaa\xa9^\xa9R\xcb\x996\xe6\x14)\xeb1\xde)5\xbe\x92&gt;\xcf\xc8^\x00y\x83o\x830\xaaC\x9e\x7f\xe7\x9fq\xb4\xd2\xca\xeeN\xf4\xf2z\xe8\xd4\x88\xd9\xcfz4X{J\xcd\x8e\x0e\xbe\x8c\x1a\x00.\xe5\xab\xabk\xf4\xc6O\xdc\x94$G$\xbc\xac\xbc\xae\xb3?u\x97\n7\t\xfa&amp;\x96\x1b\xad\xed\x86(\xd1\xd9-\xf9\xfb\xd1\x8a:\t\xf1M\x05\xa5\x97g$\x17\x18\xa2c\x9eq}2\xb6+\xbd\x12d5\xdb%!o\x8b\x95:\x002\xdc(\x15\x17N\xfb\x16\xc8,j\xa2W\xaa-w\xf5\xd5\x02\xcdA\xd5\xde\x02\x92\xb8\x10&lt;\x1a9uhiG\x97\xb6\xc5\xcdY\x8b?\xca\xaf\x94R\xea\xd9\xf3\x9f\xba\xb0{\rD\xb3~\xf0\x854r\x9a\xa3@8u\x91ZY\x1f\x98H\x15\x95\x918\xfc\x19\x1f\x94\x15\x10Cd\xb8\xedX\x05\x92\xe8\x18R\x05\x04\x82[\xca\x98\xb3+\xf1\x19\xc0\xe4\xd3\x9fk$\xe4\x0c\xf6!\x12\x93\xbc\x0c\xf5\x92\x84$\xad\xc8\xada:\x8eO\xc5\x87\x0e\x03r\xf1\xec\x9d\x8d\xa2\r\x9f\xee\xe7\x19\xd6\xd6"{\nh:r9?#\x94/$\xe1xLRFv&gt;"=\xe7\xd3\xc62\xf79\xb2X\xc8JU\x90\x01\x11\xadJ\x18\x9bG\xcbi\xd5\xa0~\xb4\xec\xaa\xab\x86OB\x99\n\x9b_v/I\x11\n\x9b\x0fhC\xd1)\xa0d\xd7\x932`\xe4\x04\xae\xf2\xa4\xee*\\\x85\x86\xf1\xb4\x0f|$|\xd8\xce\xcaW\xd2\x11\x94\xe3y\xa0\xb4acJ\xd8\xf2C&gt;oMHM\x8cU\xa9\xa5\\\x83\xde\x7f\xfbDJ)\xf5c\xad\xbc\xbf\xab\x0595-\x99i\xadq\x1a\xcf-\xb4\xc7?\\}\x86\x03&lt;\x90\x85\xa8\xd8\xe3\x9f\xf5\xec\x8c\xa3=\xb9\xbc\xbc\xb4\x0e\x06\xffQ\xd1gUJj\x97\xa2\xef\'o\x94\xb0LN\xba\xbb\xc5\x19F\x84t\xc8*\xcf*\x89\xb8\xd2e\xa7\x94\xa1\x9a\xb5\xa2u4H"E\xef\xc4\x97\'C\xdb\x02\x06\x83Q\xd8\xca\x9c\xb1\xe8C\x1dK\xe4\x99\xfa\xa5\xe3K\xa9\x993Y\x93))R\xa27\xd1\xc7\xf1\x12bgJ0\xfb\xb5\x8b1id\xd2\xc0\xb6\x8ez\x94\x14\xa6\xd9\x13\xac2::b\xf4\x00\'f?\x82\xc8\x9c\x90\xc6\x87\xcf\x9e\xed\xb8&lt;\xabmoo\xe2O\x03\xc4\x92+\xeaSSwJ\x99I\r;\xd6\xf3\xb9\xd7q\x14\x9eU\xf951i2\x82\x84\xa0\xbf\xdc[\x03\x90\x8d\xaf\x91L\xdf\x89[\x9a\xd5\xdfd\xb4\xd1\xc6\xc7*H)zik\x87B\xfb\xc1]r\xc4\xb5l_&amp;\xaaU\xd9\x82u\xbd\xb4\x8eU3\x8e\xeb\x9f\x08\xe8\xc3Q\xd5\xf7{v\x0ek\x97\xcdh\xe5\x7f+\x12/&lt;\xf0\xc4\xa1\xf9\xdc\xcc\xfc\xbb\xd4\xd6,-\'"\xccE\xfd\xe4K\x1a\x1a\x1eE\xb0\xedXt\x93\x9a\x88\xc4\xb7\xbd-\x85G8\x7f\x92T_\x19\x86A\x87\xf0f!\x0cQ\x02K3\xb3\x0f\x08-\xbf\xb1\x8e\x8a\xc9\x99}\xed\x16D\rO^\x01\x8b\xb4S@\xbe\x9d\xfd\xf9\xa7\xe5\xbc\x05o\x9c\x12\x0f\xb3z\xff\xf5\xfe\xce\x0c+ijV{\xf5\xdc\xa7 \xa6\xbc\xff\x83\xbc\x04\xa4\x07J\xe3\xb5\xba$\x85J\xb4\x1fv\xd09\xdd\xc7\xe3&lt;\x0c\xa4\xd6F\x11k=\xb2\xc7\xa2\xdfO)"z[\xa5B+\xb8\xc1\t\xf4\'o\xb9c\xccy\x1f\xd1g\x97(\xc6\\\xfc\xa1\xc5\x91\'\xa5UiY\xa9\xe9rU\x01\xe49\xf0\x9a\xaa\xbeq\xe6G\xbd6KB/\xace\xab\xee:\x80\xbbC\xf4\xfbY\'\xf9\x88\xe8\xf1\xd5\x95\x11\xa1\xd0\x17\xa4\xc6\xe5\x87fv-y\x88\x8b\xad\'\xd0\x92\x9aW"fa\xd2\xa3\x06\x1d\x8b\x84\xe9\xa5\xf2\xe9\n\nT\x81\xfeyB\xb31]\xd7\xc8\x8d-\xead\x03\xaa\xaf\x83\xfa.\x8a\x05"\xf2\xe5+cOX\r\xbcB"\xc2\xb0F\xc8\xa4\xd2h y\xf8r\xf2b\x04\x99\xe4\x0cu\x8d\x07R\xaa\xe9\xe5K]\x11\xd1\xa3\x0f\xca\x1c\x82E\x1aU\xf8\xa7\x06\xf9jq\x1e\xa3\xa4\xbf\xa9\xa4Vo\xc8e\xb7fg\xd9Z\x1fJ\xa8\xa2c\x00\xe3i\x00\x87\xe4\x045\xae&gt;J\xb8\x03\x99WA\xa4\xbeyc\r\xaf\x1bn\xf7\x1b\xed\x83\x94R\xbff\x0cl\x03:d\xff\xd4 _-J\xae\xe4\x81\xa3\xc4I\xa1\xf7\xd7aF\x97\x93&amp;\xe6\xa5 ;\xad\x06\xd0\x90o\x12\xbby\xb8RD\xafp\xcci\x93\x1a\xf5\x88g\x08\x00X\xb0\xce\xb9\xbf\x9c\x138w\x06\x90\xaf\xe4\x00Nde\xca}\xfe\x0c %\x8aw1-7\xf5\x1a\x04V\xf6:*)RD\xce\xf8D\xf9\x9d\xda U\x06*2T\x05\'\r6i\x1b\xc1E\x82\xf9\xec\xf8\xdd+d?\xbas\xd0\xc5\xcb\x04\\^&lt;n\x99\xb2\xbb\x05\xa8|1\x17\xa7R\t\xf1e\x1e\xed\x16\x95v\x0b2*\x98\x8a\x9dB\xa12\xfc\x85\xda\xe8\xc0J\xdc\xca\xc9\xf8\xe0^e\x1e\xa6]Mj|O\xa3\x84J\xe2\xf6/\xab\xda\xd4\xd8{\x10\\v\xc3\xde\xc0e\xc9\xe9\x00\n^\r\x16\x1b\x1do\xc1\xcc\x90\xd9\x07r\xb2\x1d\xee\x8b\xb3\x92s\xa4\xeeWI\xf5\x9e~\x9d\xc2\xb7\x9eB\xc9\x89a\x15-/\xc3mX3h\x16\xc1F\xa3\xab\xcf\x8f\x1b\xa4$\xf8\xa8:\x91\xda?\xd9\xbf}f\xa7b\x1a\xeb8\xcf%\xaeZi\xad\x9d\xc5\xd8X\x99*/` \x81\xbdD\xf3\xe0\xea8\xd5\'B\xcbz\'\xb92\\\x0e\xfd\xc9H\x03\x95(z!\x0c\x13g\xf5KZ\x84u\x01\x83\xf1gJ*um\xb4|\xda\x1e}3W\xf5\x01\x97G\x81\xe2t\x05\x14_o"\x19\xe4`\n\xd1_\x13\x92\xd3t\xf27\xdb\x98D\x19N\xaf\xe2)\x97\x03\xaaR\xda\x01L+&lt;"\xaat\xa6\xc0Vw\x0b5\xfe@*\xbd%/\xd7+\xb1_-\x99$\x9d\xcd$\x96\xf5R-\xc6\xf7OJ\x10\x90\xcc0.\xe7Q\x82\xb2\xd8\xf7\xdc\xc9\xa4\xa5\xe5\xea\xa3\xcd\xf1h\x90M\xf9Do\xb7\xfc\xd2\x05"*W!{\thZe\xe2D\xa7\x07\x94zk\xa5U\x94\xbas\xed\x11j\xf9\x14\x109^\xf3[7\xc5\xf5\xad\xc7\xb1:\x12\\t\x05\x97\xa1t\x060B\x0f\xffRi\x15\x88~f\xf9\xe09\x0ed\xfd\xf9\x8b,\xb1\xfam\x8e\xf6)3\x7fJ\x9c(p\xb0\xe7v\xfe\xf5\x1f\xd9\xb5\xa7\xe9\x0cI\xf4t\xac\\\x82\xc2\x98\xc5Tu]\xee\xc9s\x1a\xeaW\x94\xdb\xfb\xdb\xcfxU\xd2cM\xae\xb2|0"\x1d\x8f]\x94\x9eU\xd8\xab\xceo\xab\xc7\x90\xb4\'U\x8d\xa4\xf0\xa3\x91\x97\xeb\x12\x81\xe2)\xd6#\xaagI.\xacb\xf8m!\xe1g(W \x86\xc0&amp;p\xef\t\x80\x0c\x9c\x114y&gt;\x17\xa6+$\xa9\x0f\xa9\xbb\x14\x16\xa9\xc5x2\xef\x14+\x96\xe2r\xdb\xa2\xbf\x9b?u~O@\x94}\x88\x9a\'_)\xa2\x1f\xae\'\x1f4\xc5w\xb2e\xdb\x11=\xe0\x15\x95\xfb\x08b\x1e\x85\xa3u\xe7\xec\xc1\'\xb3\xff\x11\x99\x81\xb1r\xf7\x17bU\x934\xd3\xaa\xf1\xc0\x94\x1a\xa6\x13\xaa\x92\xb5\x93L\xad\xc0\x10\xc4\xdd\xfa\xd2\x08\xc5:\x00!\x03\xcd\x9c\x1d\xef\xd5\xb0\xfa\x83\x90\xcfj\xa5\xa18\x93\x12D\xf4\xfa\xe3O2\x15\xb1\x9fWq,j\x1f$\xda[X\x92\x07)\xd8B\xdad\x84z\xb78P\x9b\xfc% \xa2\xd7l\x9f\x9d+\xe3\xcb+$\xd7\xd3\xd9y\x17m.\xc9\x11\x11Imu\xe6\t\xd1\xce\x8f1\x99z{[r\x88\xe8\xce\'\x9f\xd5k/\x92\x0b\xda\xf0\x12\xf71.\x01\x9f\xec\x89\xc1\x17\xef.\xb3\x80\x9d\xcc\xe5\xfc\xc1k\x10\xef\x99\xab\xfd\x14\x8d\xafR\x1b\x8c\xc1\xc4\xfa!RM\xe6\xf8C\xe45\x8a,\xa3\xdc\xfd\x</t>
        </is>
      </c>
      <c r="E457" t="inlineStr">
        <is>
          <t>&lt;class 'numpy.ndarray'&gt;</t>
        </is>
      </c>
    </row>
    <row r="458">
      <c r="A458" s="1" t="n">
        <v>456</v>
      </c>
      <c r="B458" t="inlineStr">
        <is>
          <t>steps_per_sec</t>
        </is>
      </c>
      <c r="C458" t="n">
        <v>6600</v>
      </c>
      <c r="D458" t="inlineStr">
        <is>
          <t>10.168393</t>
        </is>
      </c>
      <c r="E458" t="inlineStr">
        <is>
          <t>&lt;class 'numpy.ndarray'&gt;</t>
        </is>
      </c>
    </row>
    <row r="459">
      <c r="A459" s="1" t="n">
        <v>457</v>
      </c>
      <c r="B459" t="inlineStr">
        <is>
          <t>Loss/object_center</t>
        </is>
      </c>
      <c r="C459" t="n">
        <v>6600</v>
      </c>
      <c r="D459" t="inlineStr">
        <is>
          <t>0.052446958</t>
        </is>
      </c>
      <c r="E459" t="inlineStr">
        <is>
          <t>&lt;class 'numpy.ndarray'&gt;</t>
        </is>
      </c>
    </row>
    <row r="460">
      <c r="A460" s="1" t="n">
        <v>458</v>
      </c>
      <c r="B460" t="inlineStr">
        <is>
          <t>Loss/box/scale</t>
        </is>
      </c>
      <c r="C460" t="n">
        <v>6600</v>
      </c>
      <c r="D460" t="inlineStr">
        <is>
          <t>0.08801227</t>
        </is>
      </c>
      <c r="E460" t="inlineStr">
        <is>
          <t>&lt;class 'numpy.ndarray'&gt;</t>
        </is>
      </c>
    </row>
    <row r="461">
      <c r="A461" s="1" t="n">
        <v>459</v>
      </c>
      <c r="B461" t="inlineStr">
        <is>
          <t>Loss/box/offset</t>
        </is>
      </c>
      <c r="C461" t="n">
        <v>6600</v>
      </c>
      <c r="D461" t="inlineStr">
        <is>
          <t>0.24055059</t>
        </is>
      </c>
      <c r="E461" t="inlineStr">
        <is>
          <t>&lt;class 'numpy.ndarray'&gt;</t>
        </is>
      </c>
    </row>
    <row r="462">
      <c r="A462" s="1" t="n">
        <v>460</v>
      </c>
      <c r="B462" t="inlineStr">
        <is>
          <t>Loss/total_loss</t>
        </is>
      </c>
      <c r="C462" t="n">
        <v>6600</v>
      </c>
      <c r="D462" t="inlineStr">
        <is>
          <t>0.38100982</t>
        </is>
      </c>
      <c r="E462" t="inlineStr">
        <is>
          <t>&lt;class 'numpy.ndarray'&gt;</t>
        </is>
      </c>
    </row>
    <row r="463">
      <c r="A463" s="1" t="n">
        <v>461</v>
      </c>
      <c r="B463" t="inlineStr">
        <is>
          <t>learning_rate</t>
        </is>
      </c>
      <c r="C463" t="n">
        <v>6600</v>
      </c>
      <c r="D463" t="inlineStr">
        <is>
          <t>0.0009998948</t>
        </is>
      </c>
      <c r="E463" t="inlineStr">
        <is>
          <t>&lt;class 'numpy.ndarray'&gt;</t>
        </is>
      </c>
    </row>
    <row r="464">
      <c r="A464" s="1" t="n">
        <v>462</v>
      </c>
      <c r="B464" t="inlineStr">
        <is>
          <t>train_input_images</t>
        </is>
      </c>
      <c r="C464" t="n">
        <v>6600</v>
      </c>
      <c r="D464" t="inlineStr">
        <is>
          <t>[b'512' b'512'
 b'\x89PNG\r\n\x1a\n\x00\x00\x00\rIHDR\x00\x00\x02\x00\x00\x00\x02\x00\x08\x02\x00\x00\x00{\x1aC\xad\x00\x00 \x00IDATx\x9c\xed\xbdy\xf8|\xcfQ\x16\xda\x13\x83\xac\x8a\x1b\xf0x\x83\x88"\x11\xdc\x10eQ\xb9\x18\x14\x015\xe8\x8d\xa2 \xa8\x11\x05\x1fpATDDY\x15\x17\xae\xa07\nHP\x9f\xb8@@eQY\x14\x01\x85\xab\x06\x11\x17d\r\xc8f\xc0\xe5\x02\x8a\x18\x02F\x12\xeb\xfe1s\xfaT\xd7^\xdd}f\xce\xcc\xe7\xd4\x93|\x7fg\xfaT\xbf\xf5vuUu\xf7\x99\xe5S\xca!\x87\x1cr\xc8!\x87\x1cr\xc8!\x87\x1cr\xc8!\x87\x1cr\xc8!\x87\x1cr\xc8!\x87\x1cr\xc8!\x87\x1cr\xc8!\x87\x1cr\xc8!\x87\x1cr\xc8!\x87\x1cr\xc8!\x87\x1cr\xc8!\x87\x1cr\xc8!\x87\x1cr\xc8!\x87\x1cr\xc8!\x87\x1cr\xc8!\x87\x1cr\xc8!{\x17\x00\x00\x00W\xc1V\x03\x05G\xec\x02\xe8\xae\xac\x80\x0cV\xc3\xe4\xc2\x18\x08a\x0b\xad\x94R\xce\xb0b_\x19\xed\x1fU\x90FS\xf3\x0ci\xc1\x1d\x7f\x8b\xee\n\x82\xb0\\\x14\x06E\xc1\xdd\xbb\x9c\xa7\xe7viT\xa6$T\x1d\x9cI@\xb70g\xbb\xb7\x13s\x16P\x87\xe9\xeb\xceEVvN\xefn\xc4\xf5\xa3[\x10\xf0M\x88M\x0cQ9\xf7\xbe\xfc\x8b-\xca\xe5\xdbI3\xac\x06\x08\xbcR\xe5C\xe3h\xdch[LIm\xa5\xa65\xa9\xc3_\x1a\xde\x19\x9b+K\xc2\x93&gt;x\xc8d\x08\x9c\xf3\x97)\xa3\x80\xb0\xeb\xb8\xa3\x1eU\xeew\x84\x91\xc9\x19\x9c\xc0\x8d\x02`\x16\xecS\x88\xcfk\x88\xedET\xd1T\x9d\xf74\x17\t\xb1#Q\xc4U\x15Z\xb5\xc2\x8aQs\x80\xd09\x17V\x881\xd4\x8b\x198\x01\xe3\xe3\xc1$K)\x00o\xbf\x1a\xe2\xa5__B\x08IN\x15\x8f\x0e\xd0\xaa\xd08D\x19\xb8@\xbb\x9d\x02m\x9a&amp;\n\xc0\xe7\x176@IM&gt;\x85l\xc2\xe9\x11eSO\xc1\x9f\x7f\xfc\xb9x\xf0\xe1u\x08.p\xf9\x8e\xac\xa2m\x1d\xa3\x88\xaaH[\xaa\x87\xbc\x986\xfaE*\xb2k\x11g\xe0\xc4\n\xb6&amp;\xb6\xe2\x0bB\x95\x18\x95\x87lVpq\xa4\xb5\xe9\xe6\xe1.L\xd0MxL\x12\x83\xfcc\x94\xce\xbemB\xbcS\xf0i\xc1\xa0\x95C\xce\xf2\x8c\x88\xd2\xe9t\xb2\xb3\x92\x17\xb2\xda\xf1t:qm\xd64G\xe0b\xb4T\xa3\xe7k\x1e\x16g\x05\xcc\xed\xd4\xae\x16\xa7\xd3\x1a\x88\x8d\x1azQG\xd7\x0e\xe7\x15\xb4\x01\x11$LN\xa7SA\xf4\x00@pWkTt\xf5i!C\xba\xa3\xe14#\xad\xb7\x19y\xd4\x17_\xff\x0fE\xc9\x94`.\x8aCV1\xbd\x87T\xdd4\xb8|\xeb\n\xfe\xac`\x17\xd0c\xfba*\x93\x94\xd2\xa1^Q\xd5\xa3\x88\xefP\x00hqg\n\xc2\x02\xa0A]A\xd6\xaa*\xb5\x8b\x07\x11\xbe\xa3\'{y\xcb\\\xddY\xa3\xa74_\xc4\x91\xdbC\x00\xbe\xf6m\x94"\xe8K\x07,\xede\xb7\x04\xe6T0u\x93\xed\x98\xfd\xf4\xaf\x13sx$5$\xca\x03\xad\x04\x87&lt;\xad\x03\x07yj\xbc\xb6\x87\n\x97\xdcq\x94R\xfb\xb8\xc6\xa9\xd1\xf0\r\xb8\xec\x166\x1c\xdc=\\\x90\x05Juu!\xb5\xd8\x18BY\x9f\xcc\xf8\x05b]l\x96Q\xe03D)t\x01\x9b"\xce3(q\x01\x98e; k\x0c\xec\xb8\xc2\xf6\x11KM\xe2F%\xe9\x81+\xdd\xc8\xd0\x1e\xd8-Q\xc1\x99\xdf\x14\xd0\xe2\xbfs`\xd4D\\\x16\x87\xb7o\r\xa5L\xc7f\xb5h\xda\x03\xbdpK\xdch_\x17\x8dj\xaco\xb6\x87\x823\x07\xa6S^\xd8\xd5\xebH\xe0\xbdI\xf7\x8c\x1cSy\x1b\xe9\xde\xfe\xaf\xddM\xc0\xbe7\x9f+\x94\xf1\xd20*\xde\xad\x9b\xeb\xc1!\xbb\x94\xae\x1f\xca\xf0M1\xb5\xfc\xf3\xf7\xabI\x1f\x85\xee-\xf9\xf83\xa5\x91\xee\x0f#\xf7\xee\x87{\xe7?A"\xc9\xe0\xee\x97\x01m\xcf+\xdc\x84\x07D\xc4J\xfb\x84\xa7\x07\xd0{#d\\\xf6s \x95\x17\xa7yPW\x10w\x070\xb0\xb7\xe8\xa4t\x08\x17ucqe\x1eI\x19\xd9\x9b&gt;\x94\xb8\x0f\x1f\xb6\xf3\x12}\xc33\xff\xe4$\xa5\xbc\xf3\xd9\xbe\x02A~\\\xdb\xda\xe2\x88\x90%\x7f\xe7\x0b\x00\xc0\xc7\xcc\x07=\xe4\x90n\xa9\x1fY\xf1\xd4\xce\xcf\xfa\xdb\xc6\xf5\xd6\xf5j\x84mk\xd6\x8a\x1d\x81\x184\xd3\xe77\xba\xe1\x9d\xf8|\x9f\x9e\xa0\xeeC\xa6\x1c\xfbd\xe4Y@\x15\xf0\xde|{\xc8\xe3K_\xca\x93\xc5\xc0\xdd3\x06\x8d\xe0\xb7p\x8d\x87\xd1\xeeq\xa4\xc3tP&amp;b\xcd*\xb7\xcf\x1e\x87(\xa5\x0c?\xe8\xdbHb[\x93\xdd-\\\x13\xdf\xf8\x89t\xda\xdb\xf0\x1fI\xb6\xfaB\xd3\x1e\xa4\xbe\xdbi\x87\x8fxW\xac\xf2Wx\xdf,n\xc2X\xa2\xbaebbO\x94Y\x04\xdc\xcfP\xdd|\xa4\xa2\xec\xae\xfc#\x19g\xb6\xe3\xc1\x1dr\xff\xb2\xab\xddS\xfay}b1\xf8\xe0.F\xf3\x99\x90\x8e\x1d\xc8\x1b\xbfA\xdd\xd5k6\x8d\x15y7\xc1yHD\x8e\xe9\xba3\x89\x17/X&gt;"y\x17r\xcd\xba\x19)\xd3\x00\xbff\xa2\xb9YP\x04v\xcan\xe0^"\xe4^\xe4\xbe\x96\xc0{\xe2z\x08\x17\xe5\x11\x87zk&gt;\x01\xc4d\xf2\xe3\xfb\xf8q\xa1\x0b|\'\xa1?\xfe\xd6\xf4\x1c\x1e\x87\x1c\xd5\xb0\x94rog\x82\xbb"\x1b\x95\xd0\x8f\xc1\x9d\xa5\xfe\x9cS\xfbf\xec\xf9\x1a\xff\xc2\x98\\(&amp;\x94\x8f\x05\xa1\xeb\xd7\xa8,\x89\x03\xde\xf7\xbb&gt;\xf7\x95p\x0f!Z\xd8\x9f\xcc\xbb;\x94\r&gt;\xf8\x04\xb3\xf3x\x13\xa9\x03\xbf\x07\xb2W\x17\xfe!\x1f\xbc=\x9f\xbb\xf9%\x9f\xfa\x0fR\xda\xc2\xfa!\x87\xcc\x92[\xad\x01\xb7]{\xf6s,&gt;\xc4\x11\xeds&gt;\xdas\x98`\x99&gt;d\x96\\\xc7\xc7\xbb\x9aJ1\xf4v\xc4/#\xbb\xfa\xa8\xc5v\x02\xf0\xc5\xed\xcb\xfb\x182\xfc\x9d[3\xd8\xa7@\xfd\xd9\x86\xcd&gt;\x1ax/!\xf2\xa8B\xcfv\xbb\x9c\x11Li\x8bg\x14\xb3!e\xfc\x1d:vk\xd9g8\x1d\x12\x15@\xa2)\\\x99\xd25e\x0f\xa3\xdb\xfak\x07W\xfe\x8c\xe9\x13\x94\x89\xee\x1cA\x8aL\xeb\xdd-\xaeW\x90\xbb\x1f\x80-\xee\xd6\xde[\x00~\xf4\x1c\x1aSP\xba\xad\xef8L\xaf\xc9\xec\xc6\xcf\x8b\xc5\xc6M\xbf\xf1p\xb5\x0f\xb6M\xfa\x8e\xc8\x9e\x03\xf5,\x00\x9fwk\n\x87L\x95Y\x9f\r\xef\'\xd0\x92\xd9\xc4\xc4\xee\xf3\xea:\x92\xfa\x19\xa5YN\x03\xf8\x90 \xd0\x16\x93\xf4\xc0\x13\x1f\xfb\xf1\xefG\x96#\xaf7\x14\xfci\xfd[\xf28d\x9e\xdc|\xb1\xc74\xaed\xab\xa3K\x92\xdb\xcd\xfdi\x8bKo\xd7\xec\x07d\xe7\xf3\xb2\x0b1\x1e\xfd\xd7,%:\xd7\xfc\xca\xd8,\xb9\'\xaeL\xe6\xba\xfa\xfa\xe5_,\xf7[\xac\x01\xf2#\xa6&lt;\xc8\xdeb{\'l\xe4o\x05]\x9d\xc6!9\xd9\xee\xe3=y&amp;\xdb\x86K\n|oI\x8ee\xbf\xcc\xeeA&gt;\xab}\xb9\xf5\x91g\x0f\'\xaaC\xb2rL\x99 ;\xf94\x9bk{\xf0\x03K\xfb\xcf\xd8\x8d\xde\x14\xd9\xdb\xb0\xc7\'\xa2\xbb\xbbh\xd8\xfd8\x96Fxo\x8e\xbd\x8e\x88\x8f\x07\xeeE\xd8S\x8d\xbb\x1cE\xbf\xd8\xc3=\xbb\xe3m\xafC\x85\x98\xde\xe0\x89\xc7D\xb4;\x92\xbb\x18\xf8\xf5\xdf\x916\xd0\xfc\x05 \xd9\xd7h\xef\x96\xbb\x98\xd6M\xe5\xf0@\xbf\xa4\x9f\x87\xee\xc0\xd7\xb7gp?r\x85\xcfS\x8d\xcbDZ}g\x08u#\x1fG\xf8\r\xd1.W\x9e\x85\xddN\xfa!w)\xf0\xf2\xf6\xe5\xd8\x99\xbd\xfb\xb3\xd2[\xbfy\xf0\x18\xb2\xc3w/]\x01\x80?|E[\xf5\xe2\xf2\xf8b*\xec\re\x1d\xda\xd5-\x96\x9dy\xe0\x10A\xec\x8f\xfa\xa0\x97\x97\xa7\x99\xceG\x83\xbes\x0b\x8e\xd8\x8a\xf5r.\xf8#\xc9\xfe\xdf\xdb\x98.\x83{\xf9\xeb}Ml#X\x13\xf7\xa9\x05\xc3!\xaa\xd4,qc\x02\xd0\xbf\x12\xce\x18\x8d\x08\x01\x96\xd2\xb0\x88\xdb\xd1\'\xf0\xa0)q&gt;!\xd1\xe5\xfc\x86\x84t\xb9\xde\x16u\xa4o\xe6\xebr!\xc0\x89X\x18\xf6A\xe3\xf9\x90\x87\x15\x1e\xb2\xa4f\xa9\x9f\xb2\x98\xb1\xbd\xdd:]n\x95\x90wW\x08"t\xc5P\xb9\xdaHg\x19\xba\xc9\xcc\xec\xed\xf9\xcc&gt;\xe5\xf0\xcc\xb5\xc5(\xee\xd7\'s\xc8\xce\xe5W\xdd\xd4\xfa\xdebro|\xae&amp;Ov\xe0\xf3\xe5\xe6\xae\xdc\xfa\xa3r\x13\x07\x08\xc3\xc7\x85\x97\xcd!r\x91\xb73W\xcaY\'\xa4\x07\x93c#&lt;]\x0c/\x0ez\x18\xb4\xebc\xe2\xa6\xc8\xe5\xb347\xfa\xdeM\x14\x7fStb\xcb\xac\x98{\x0b;\xff\xe3\x86\xd7`\xf1\xe4\xe4\xee\xbcz\xc3\xb8\x9d\xb8\x00\xd8\x8dseo\x99\xbe\x95\xf8\x1f\xef\xd1\x17\xde\xfa\xce\xf0c8+\xb2\xbb\xbf\xfe\x86\xfa\xb9W\xb1\x12y\xc7e?rl\xe1g\xc9\xdcx\xb6?*b\xd3\x98\xc5\xe1\x90\x84\xd4\x8f\x00\x05\xdfb\x05\xa6@.\xf6/\x13\xde1\xbe\xe9C\x95\xbe\xb7Io.\xdd\xa5\xe1\x89\xcb\x0e\xa7\xf2\x9a\xc2&gt;\xf8w\x975g\xbf\x02\xcb\xafv\x88%\x8dV\x7f\xa6uG3p\x17\x9f\xde\xbbS\x89\xfb\xf6\xfaI\xfb\xc4\xcb\xc4\xadF\xbf\xd1\x16\t\xd0\xc5D|\xb6\xcc&lt;\xe9\x98\xb9\x08\x7f4$,\x00O\xd5S;\x1f8\x00\xc0/\x1aC\x98\xc4dS\xd9\xf9,\xecAn\xf5\xde\xde\xac\x05\xe0&amp;;\x86#\xae\xeeL\xe8\x83\xa9n\x9c\xa7\xfa\x99\x19&gt;\xe4\xa7\xe0\x84\xa70\xc6A\x11\x02C\xbf5\xdf\xfa\xd6\x06$[O\xb3\x02&lt;\x94\x1c\xef\x10\xf6\xc9k\x1ciP.\xdf\x9d\xbe/\xa9\x0fr\x13]t\x9c-\xa4\x03Y\xfb$\xc25\x16\x9e\'\x19\xf9\x0f"\xee\xe4\xd5\xd2f\x7f\xd6\xf3_\xc7@\xeeB\xe2\xef\x1bo\xb7\x00\x1cO\xff7\x12q\xc52&gt;\xb8\xc1\x15\xec\xc6)\x92E\xae\x1fN\xa1\xed\x1f9\x89\x10\xb7H\x1en\xbfj+C\x0f"\xf7U\x01\xb1\xccb\xbe\xc5\xf0\xb7 \xd6\xf7\x99N\x00\xf8\xb9\xe3T\xc6$\xb0\x96_\x87\xc8^D+\xe5\x833&gt;\xf2\xa0\xbf\xaf\xe3tC\xd3y\xdciq\x1b\x95\xd8\xf6\xb9\xe7\xc8\xb9\x7f\xb9Z\xda\xb8\xf23f\x03\xde\xebZ=U\x1e\xd5\x03\xd2\xf6\xffJ\xcfIRu`\x84\xd0\x11\xbfW\x92\xa7\xf6\x1eh\xf0\xc3d\xf53\xec\xf7\xe8\x9b\xf8;\xdb7\x1f\xddM\xcc\xdf\xd7\x8cjst\x83\'l\xb73\xbd\x91\xc0\xd3;SR\xb9\xd3\x1a\xd7-#\xeb]_\xdf[~.{K\xdb7\x0c\x9a:\xb0\xc8\xf9\xf5\n|\xb6\x13\xfb]\xabk29\xe4\xf1\xc5\x0e\xa9+\xc7\xdb\xa6+\x93\x86k\xdb\x9bRR\x8f\xb4\xdd\xa1&lt;\xde\xde6.\xd7\x19r\xdc\xc3s7.\xe6\n\x1a\xa5\xf4\x80"\x96\xd7]9b\x16\x19\xe3m\xb4\xa0\x81\xe6\xf3\x15;{`\xc6\xb9\\\x9f\x1d\xca\xed\xab\x9b\x9emro\xf3\x1b\x94&gt;\xceO\xe4\x19\xbd\\\x01\xd0\x10\xeet\xd2\x87D(\x1c\xa2\xda\xf6Ln(}OW\xb7\xf8\xf8\xc1]\xc7\xdf]\x93\xe7r\xa7\xc3\xd9\xee\x8d\xd93\xf05\xdedn\x8c\xde\xe5,\xdc\xb1\x88\x1e\xbf\xc2\xdb\xfd;\x94\xfb\r\xbe\x83\xf9\x93\x15\xfe\xc1P\xf1\xfa\x90\'-\xf7\x1e\n\xf0\xce=\xcf\x19\xb6xPp\x05\xeb\xca\x92&lt;\xd9\xca!{\x96\xf8\xb4^9\x00\x1e)\xde\x1ei,\xa3\xb2&gt;\x17\xbb-\x0f]\xf60[\xdd\x14\xfa:\x9e;}\xb2\x83|{\xb7&lt;\x8c\xe0\xa7\xc3\xb7e\xe2\xcau\x9e\x1e\xee\xdf\x0f}\xf2\xa8\xe3\xea\x14\xf1a\xb4\xf6\x84z\xe2\x93\xeb\xebl\xa8K)\x00_\xd4\xdd7o\xeb\xe7\xb1\x96\xa8\xcb\x88\x0e=\xdd\xc3gs\xe44?\xc9P\xb9\x90\xec\x03;\xe46r\xcc\xd7!\xdb\x8a\xbc0\xdcn\xfd\x9cX\xef\xba\tt|\x02\x1d@]\x02\xbc\x0f\xe0\xfa\xc4\xef\xfd\x9d\xe4\xdd\xca\xe1\xd5\xfd\xcb\xfa\x81\xce\x9e\xbek\xe2&lt;\xfe\\\xb7\x9fhl~\xe6\xe1)\xc8mGj\xd4h\xdc\xfe\xfe}\xe0\'\x01\x1f\xbf\xaawo\xb8r\xbb\xb2\x07Z{\xe0\xd0-w\xb7\x0f\x98\xc2v\x8d\xed\xc0F\x8a\x1f\xaf\x9b\xaa8\xcef\xcf\xd2.\x00\x9b?\xdb\xd1il\n\xbfS1N\x00\x03\x98\x96-\xd22\xd1\xee!;\x91\xebO\xeb\xde\x02\x89\xd44]\xed\x8f\xec\x8d\xf9\r$\xe8\xac\x1e\xe4R\xe0\xfbFA&gt;\x7f\x06\x93\xdd\n\xa0\x7f75q\xb9\xbe\xcaJs}\xd9\r\x91\xdd\xc9\x13z\x94\xd1+\xf0m\xfa\xad\xc3{D.\xcf\x88\xae\xe8\x91\x9d&lt;\xec\xbe\xbb\xf9\x8f\xf8\xe3a\xc2\xfa:\x03\xe9\x0b\xb3\xdb\xba\xf8a\xa6\xd8\x10\xd8\xde\xc9\x0f\xe0\xc6g\xa4\xb4\xc5g\xc7\xe7\xca?\x95\x95O\xe3t:\xb9j\x11\x1d\x19\x7f\xf7S\xdb\xcd\x10\xbbd\xe7c\x1c\x17\x1e\x00\xea\xc3\xcc\xa9VB\xbd2\xca\xd3\xe7\x89p\x8e&lt;\x16\xbf;9%\x9d\x1c\x97\x07sTB\xdc\xcd\xcev\xae\xb9\xf2\xf1b\xd3\xd3\xc3Fc\x11\x11\x9fn\xb0J\xb2Co\xdc\xd7[\xb1wE\x96J\xcfA\xed\x9e\xc7;YB\x1fK7\xc3\x19J\xf9\xd2\xac\xd1[L\xc0\x15\x8cN7\x11\xff\xde\xafa\xf8\xe1\xa3\xfd\xee&gt;\xfab\xcb&gt;\xc72\x97\xd3.\x87\xf8\xf4d\xd3i\xb0\xde\x91\xdf\xd0\xec\xbeD\xacL\xae\xdb\xe3\xefG\xc1\xb3\x0bL\xffsb\xa2\xa1]\xa6\xec\xf2\x94\xe3#\xd9g\xfb\xfe.\xd7|\x82\xef\xf2\xc5G*l)\xee\xc4K~6]\x85\xc6\xfd\t\xdf6\x8dL\xf9\xbd\x84\xcb\xd5d\xcc\x99\x0e\xec\xa0\xaf\xefh\xb2@\xb9\xbe\xb4\xc8\x9fc\xfe\x04q|\xd9\x83\xc2\r\x9d4\xcbrp\xbcw\x14\x0f\\\x8eG@\x9d\xc2\xdf\xf8\x1dB\xf3\xac4\x9f@\x1d2\xe51\t\xa3k\xef\x1c\x06\x1f\x8b%81\x13\x0bH7\xc6S\x14c\x97zy{\xe7\xb7\xa5\x11r\x04\xe2\x9a\xc7\xd4n/\xdd\xcb\x9b\x1bH\xe3\xdc\x9e\x9cT\xb7\xd1S\x05\xfa\x17+_\x85\x14\x15\xcd\xee&gt;7\x11\xfb\xff\xd8\xd2\xa6\xc26(Vfn\xfd\x0e\xbf-\xf6\x1b0Oy\x12\xb1l\xbc\xed;\x9c&lt; \x13\x9d\xc7\xf3v;[\x8e!\x88\xda\xea\x8b\x9e\xc4\x03\xd6\xde5&amp;\xdb\x07\x9d-v\x9d\x0f\xf6\x83\x1d\xb9\x0b\xab\xef\xc6\xae\xe2j\x1b\x0e\xffM\x1a\xf9!\xd5\xaegg#\xe9\x1bs\xf0Sp\xce\x07Un\xba?\xd8\xbb\x04\xdd\xb2\x13\xe7\xa5\xca\xee5e\xba\xb9\x07xK&amp;\\\xdc\xa7A]G*\xe1}\xb8\xd9\x92\x14\xc3\x9d\x84\x8d-|;\x05\xf0~\x83\xf5\x1dw\xbd\x0b\'l+\xcb\x87+\x1a\x9f\xea\xcfO\x02\xdf$`\xe0w!sw\rS\x80\xc2\xcf=g\x18\xbb\x8alD5\xf9~\xef\x8d\xfd5\x97\xc0\xfdL~#\xb0M0d?\xe0\x04\xf0\xbe\xf3I\xecJl\'GNK\xf7X\xd0\x97U\xed\xdboMD\x96+\xbbqr\xc5\xb92\xf9\x88\xce\xed\x1e\xfbX}\xc3\xcf4\xeeB\x1ei,OB\x82\x99\x93}d\xb6\xdd\x03\xb6}\x06\x13\xc0o\xa6-7\xe1Q\xad{\xe6\xa5M\xd0\xf7\x94.\xda\xd0\xf59\xd4\xf8~b\x96\xd8o\x18\\A\xb47~\x1cW\xec3\xe2w \xdd\x9e9\x9e\xfe\x0bb~\xa0"\xf4\xa6e\xbe\x04\xa8\xef\xd1\xedDn\x15$W\xb0{\xb5\xb7\xe2%\xd3;\x9d\xeeM\xc5\xfe\xc0\xd25\x99&lt;\x8ct\xfb\xedp\xb8#\xdc=[\xb8\xac};a\x18-\xa9\xff\xfa\xa3\x06;\x85\xef=\xf8\x07T"o\xb4\xec_\xae\xc9&lt;\xf5\xd9\xca\xf1\xed\xdf\xdc\xd0\x9d+\x95\xdb\xcd#\x07\x00\xbe\xf0\xea\x16\xcb9\x18\xfe\x92\xa5\x93}`\xb8\xb3\x19\x9e*\xe2\xb9\xf8\xfa\xa13\xfe\xc8\xe8\xe6\xe1&gt;"\x9dOQ\xdex\x0b.\xd3d\'\xefa\x88\xcd\x1b\xbd\xbb\xb8\x91\x84&gt;\x13\xd5;\x9c\xed\xfc\x10\xcc\xe9M\xde\xe6\xb5\xcc\x05\xde\xd1\xbc\xa3\xe0\x18\x14\xe5\xa1\xa4\xdc\xd8\xbd*\xb2\x0fi=\x19\xfffD-a\xb70*+\'\x91\xf7\xfc\xb0u\xb7\xc4D\xd9\x1b\xdb}&gt;~YN\x00\x00\xf03\xb7\xb3\xf2P"\xd7zE\xb3\xbbB\xf1\xa7\x1c\x01jw \xb3\x86q_\x1b\xd2\xa2\xbf\x9fy\xc8\xbd\x08O\xe7\xed\xb6\x02\xd7\x91\x91\xdd\x86\xdd\xf1\x91C=\x18\x07\x10;:\xdd\xa9\xdc|T\xd7t\xec\xb4E\xeb\xae\x82\xe1\xe6\\_\xd8\xbe|\xd8\\\x9a$S\x9c\x03\xec\xa2\xb3\xfb1S\xddr\xfdww5\xf9\x9cI8\xf7(\xe7Y\x98\x1b\xc6;\xc9\x8a\x9d\xd0\xd8Zn\xf0\xb6\x1c\xfaw\xcf2\xb8\x94\xc6\xde\xa5\xd8\xbf\x1bv#\x00\x00\x7f,\xaa)4\xa2\x7f\x83]H\xf7M\xdfoH\xbd\xd3\xa8!p\x90\x8d\x9f\xf2\'\xde\xe99d\x87\x92\xfa\x8c\xd3\xdak&amp;\x81\xfd~\x86\xb5\xe3\xf12\xae\x127\xe7\x7fc\xa9\xbe\x98R7\xedG\xc3\xf1\x07\xc7\xfd\x0b\xc0*\x11;\t\xb9\x97\x13\xfb\x9d\xd0&lt;D\x10\x80\x0f\x9c\x8a\xd6\x95\xc2\xf7\x13?\x03O\xfc\xf7\xfe\t\x85\x1bHp\x01\xd8\xbf\xcb\x82\xf3\xda|\xa2\xe9nC\x81\xafww:\x90Y\xf2\xf1\xb70z\x9d\xf0\xb9N\x94\xd2:0\xebq\xbc\xb4\xcb\xdcN"f\x9ex\xa6P\xc1\xce\xd8\xce5\xdb\xb9\x1c\x9f\xe9r\x9fg\x18\xde\x0b\xa4\xban\xf1\xbc\xf22\x80\xaf\xa9/\xff\x02Q|\x8cX\xdf\xe7\x83\x88\xab\xed\x1d.\xb3\xfc_I\xcb:\xf6_\xb9\x81E\xda2\xdb\xc4\x162\xb8P\xde\xc5\x18\xaf$\x11O\xbe\xd65\x88\xf8Bv\xf4\xed\xad\xabZ_\x1b3\x9a\xb9w\x11\xcc\xf1\xaa\x1d\xa3\x16\x1c\xeb_\xd1\xd1kF\x97{y[r\xa2\xf0\xad\t\x98w\xf1\xad\x18~?\xb7\x89bo\xc2\xb2\x1c\xa1\xbd\x16\x96\xb1\x9d\x0c{\x87B\xf6\xd1\x1d\x9e:\xcd\xa6t\x16\x9bI\x1fU\xb1W\x1c\x8a=D\x1ax(\xf9#\xe9\xb7\x91\xef\xf7\xb1\xd5v\x92\x9d\x82\x89.\x1c&lt;\xd8\xddp"\xe9\x9b\xa8\xb7aQ\xcanV\xa3\'-\xf8Qr6,\xddb\xba\xae.\x1d{\xc8\x96\xde,\x89\x0f\xf2\x83bh}\xf8}\xde\xd6\xb667\xa9\'\x9b\xda\x0c\xfa\xa7o\x13\xd0\xc5h\x08gW\x85n\xfa\xf1\xd1\xd9\xab\x85q"hS@\x9e\xf4F\xca~\xae:\x98u\x04\xe1/\x8c\x95\t\x8c&amp;n\x80\x85\x16\xef\xcdm\xd8\xe0\x97)\xbb\xcf"n\x98~X\x0c\xc7&amp;\x93%\xf7\tI\xfdq\x11\x1e\xfe\xcc~\x18\xbdQ\xceC\xf8yh\xb31\xd2\xf3\xa2\x9b\xa5;@x\x8d^\xe8\xa4,\xa1\xfd\x99W\xb2wHJ\xe6.\xd7\x1a\xf8~\xd6X~(\xb9\xda;x\xae\x82\xaf\xf3\xc3\xbe\x15\xb2Lr\xd3\x97F\x07\t\xeb\xff\xa9\xb0\xae\x075\x0bHG\xbb\xe1^o\x8bc\xca\x16\x84!\xf6\xeb\xee[\xd3\xb8 o\x8c\x9f\x12\x8d\xc4&gt;\xd8\xed@h\xe9l\xeb\x8b\xb8q\x8b\xec\xe6\xae,\x13\xcd\xf7=\xe1\x11;M{\x16\xd1L\x8dH\xc6\xe9~w\xd2\xbe/\xda\xdf\xf7\xd2\xf2\x87{i\xb8g\xb8\x14\x9a\x1e\x12\xdd\x0f\xfa\xbacL\x8e\xd8&gt;\xac\x8c\x89\xe9\xd2}:\xdf\x82\xcc~E\x0b&gt;(\xe5\'\xb2\x1c\x03$\x85f\xe3|\xdf\xc5\x01\x01\x00\xe0\xaf\xe4\xc0\xf9~9\xc6\xc7\x1e\xa9\xf0dF2\xbdO\xd9y\xf4\xc3\xaf\xa2\x9f\xfah\xee\xea\xbb\x93\xf9L\x86\xa3\x1d\x1f\xddn^w\x1e\xbb\xec%\xcb\xc8\x03{B\x12P\x86}nK\xf9.\xac)w\x1c\xd9z\xb8EYl\x7fy\xc6\x84\x8b\x16ab\xc8\xbb\xd3SW\x8e@\xf0t\xe2*\xec6\x01\xd4\x9d\xca\x1a?W$3\xcfQ\x9b\x9e\x11\x134na\xa8:q\xeb\x8f\x15l\x88~G\xa2\xf9\xe1\xd5l\x0b0\xcbao\xd9X\x0f\xa1\xc6\'\xab)\x97cg\xde\xb9\xf9\xbc\xdd\xbby\\mzh_![\xfcu(v\x1a\x0b\xae\x97[\xc8\xd9\xfa\x978:\xedK\x8e0\x9b\xd5\xcd\xa5c/\xa5\xb9!\xe2\x9dGt\xe1n\xc4p\xed\xd5\x1e\xe1\xa5\xcar\\\xdb\xd5\x0c\x1e&amp;F\n\xfd,\x0fn\xbag\xdfs~\x91%\xff\xca\xb5\xc0\xddp\xd0\x1d\x95x\xc8\x1e\xdb\xb8\xdc\xa3\xec\xf3\x88\xf9\xd4f\xe1",\x85B]\xca@\xe1+\xf3\x1c-&lt;X\x9f\xbaT\x10\x05\xad\x0b~J6e\x05\xeah\x1fwi\xd6h\x07\xfe\xdc\x04\xfb\xfd\x0b\xacnn\xa25G\xa4P\x0cG\xc2\xd5\xd9\xde\\\xe6\x1e\xb8\xa7\x08\xc0\xa5z\xec\x8d\xd8|!\x9b\xa6\xeb\x8f\x16\x9b\xd4\x8c\x83\xfe\xc9\x07X\xef~e\xc8\x96\xf2\x8055\xf0`\xc8\x8e\xec#\xfe\xc9r\xf1:\x0e\x13\x85[\x9fU\x02\xd5\xd7+`\x1cs\x9cC\xf5\xe1\x13\xb5u\xec\x7f\xbe!\x8fE\x84u\xae\x0fg\x7f\x0b\xc0!s\xe4\xb3\xf9\xc6\xd9\xd4W\x0b\xb4\xd9\x85\xb6\xbcM\x94^\xb7\x00\xa3*\x9e\x0f\xdc\xb0\x16\xc8\xa3\xc1\nw\x01\xbe\xd5\xe5\x96\xc9\xa5-\x12/\xba:\x06&gt;@5\x8f\xcf\xa6\x16\x1a[Q\xcd&gt;\xfc\xae^\x02Nl\x91\x9ed-\'#vy8\x1d\xeb\xca-E,pn\x97\xebo\x06\x0c\x83\x7f!\xb0h\xf1\x96x\x11d\xf1\xaa+\x87\x1fU%\x17\x80\x8f\xab\xf8\x13%z\x0e\x88\xd9\xed\x0e\n\xf0~\xfc\xfd\x86\x05bV\xa0o\xf1\xc0z\x10P&lt;\x98\x8e\x00\xf6\xd2p\x16\x83`\xf8=\t\xb9\xa6#\x9c}\xf1\x0c\x90\x89\x922\x04\xad\xc8:L3\x85,\xdd\x124\xe3\x9cI\xdf\xbe\x8e=\xb6R\xca\xb1\xf7\xe1\xc5\xbb;\xd9\x06^\xe1\xadE-DF|\x80\xfb\xed\xc4\x93\xdb\t\xc0\x17?\xfa\x10\x15\xa9\x91\xe3&amp;\xcc\xef\x9dmw*\x9eo"k1\xb2\xe9\xe6-v\xc1\x12\xd7\x89\xeeBFn\xd5y\x944\r\x0bi\xa9\xef\x95\xad-\x81Q\xccd\xb0{\xb9B\xd1\x97\xed\x8e\x19\xfd\xfb\xb3x\xf4\xca^\x16\xed\'(\xd0[&amp;\xc4:\xbb\x87\xed&lt;\x06\x7f\xcf-\t\xe0R\x1e\xa9\xe6d\r\x08-\x1bJ{\xa4\x91\xf3\x1c\x14\x1c*[L\xe0Q\x03J)\x00\x1f\xde\xb1\x077g\xbf\xa7W\xb7\xa6(\xdf8\xd29&amp;#\xfb\xbc\'\x1dw\xd8o#\xd3\xcckPS\x1f\xbbq\x93\xbb\xaa\xf7\xad\xcf\x9aSOr\xce\xffBy\xd3,\xb9\xd8\xbb\xa0\xb8\xe2\x93C\x80\xbd\xcdw\x91]\x9c\x94\x88?py\x9d\xcd\xd9\xad\xf6\xce\x9bJv&lt;B\x84d:\x92\x96\x1f\xbf\\pe\xb7\xa5[ \xfc\x9b\xbb\xb3\x82\xf6,\xd3\xffD\xda#\x8b\x16a\xcb\x1b\x8f\x1f\x10\xc7\xe9\xbe\xbb\xe8\xfc\x9c\xa0\xad8\x99\x98]\xda\xb7;\x16\xf9\xbe&gt;\xa2\xbc\xb68\x9au\xf1x\xc0\xfa\xd8\'{\xf0\x03Y\xc5\xc9\x05V\xeb\x01\x1fa\xd6X\x8f\xd2\xe8\x8b\xfe+\xed\x0c\xda\xa7\x9d{\x98\xfd\xbb\x17\x90*\x11\xbe\x15\x02\x89m{\x1d\x04\x85\xde\xf5e\xca\x02p\x1eQd\rpM\x93\xb2r\xc4\xbd+u\xa5\xbc\x86\xad\r4\xa7\x08\xdd^\x88O\x0b\xcd.%\\\x04\xc6#\x933\xe9\x86:d\x9a\\m\x1a\xae&lt;\xdfYsP\x1f\r\x99\x80t\x01\x08\xac\x8b&lt;E\xe7\xba\xa2\x03\xed\xcc\xeaM\xce\xd7G*\x86\xc5u\x93]\x8e\x8b\xb2\r\x1a\xd9\x8ed\xf5\xb5.\x831\xb0\x9f\xdd\xba\x9f\x93ODR.Hy\xac\xef\x01\xc5\xce\x17\x00\x15G\xda\xb9\xf4U\xff\xd2\xae"\xd8D\x9c\xcct9\xf2\x85\x0b\x99tr&gt;K\xe1\x84\xd4\xae\xf5t\xc5^\x00\x86v\xf7\xf7\x99\xdd\x8f,d3\xb2\xa9\xc3\x82\x05q#\xd3\x9b\xe2\xd4!\x91\x8a02d/\x0f\xb3xC\x02\xf0\x1e\x1b`N\x87\x9c&amp;S\xa8M\x8c\xf6\xabe\x8d\x18\xb1\xf5\xf5\x15\x16\x00\xaes\xd4\xf1\re\xaes]\xb4\x1bn$\'\xe5a\x08\x1co\xe1\xb7X\x00\x04\xe5k\xbd1\x00\xef\xa0\xb4\xc3Ks\xa7I\xfb\xee\xads\xde&amp;\x10&lt;\xdd\xf2\x19\xc45\x14\xa0\'\x1d")\x16W\x16\xbb\x8b\x11\xdb\x17\xc9\xd2\xb1\xd8\xd174.~\x8b\x9b?d\x87\x02\xed\xf5\xac\xfdQVsn\x18\xf1\x1d\x13n\xd7vU6\xda\xd6k\xc6tdr\xdf\xde\xca\xedp\x01\x10\x1e\xbb\xe7\xbb8\xfahf\xc9.\x81\xa8%\x81\x85\xbe4\xde\xd8\x85\xcd0\xb8\x00\x00\xbc,\xc1-\xb4\x80EqR\xd1\x8e}n(&lt;9\x01\xb6\x9d\xb9&lt;\xca\x90\xbca\xba\xef\xa2\x10\xf4\xe3F\xee\xfe\xe915\xcd\xf6\x08\'\x00xgtMni\xcb\x80\x06\x15lL!x]\xa6\x03:\xef|\xac\xd7\xbc\xa5+&gt;\xfa\xa6\xcf\x08\x06\x7f\x01\xc8l\xb7\xeb\xa0hxt\xad\xdc\x9a\xbeF\x89\xab\x8bF\xed(\x15\x99GX1\x1ca\xd2\rV\nH_\x98\x1c\x82D;\xcc\xce\xf5,H\t\xcf-\xee|2\xc7\xd7\xb6\xec--E;X\xc5%\x98VS\xac\xd2\xa2\x7f\xed7\tK1\x16\x80\xfcR\x1d&lt;\xd1\xd2\x07#\xeds\xa1A1\x86\x13\xea\xfe\xcc\x9e\xd3\x9ea\xa5cD\xeen=\x87vl\xfcm\xd9"\xef\xb2\x80\x00\xf0W\'SH\x12\xf8\r\x01\x1d\xad}\x92\x07\xd7C:&gt;\xc5gA\xe0\xe5\x88U\xbc\x17 \xeb\xf4\x96\xa8\x1f\xc1\x8c\x9a\x1f\xb65"\xb2\xd1\xd8\xdehZ\x91\xbaQ\x15\x12K\xadv\x02\xe0\xab\xb5\xba\x0c\\t\xfe\x18\x07\x0f\xb2\xca\xe6T\xe4\xb8vHN\xae\xb66\xf6\x1d\x81o.\x00\xff\xa6\xe6O\xc7V1f"q\x1c\x8eA\xa6e\xa3\x99\xd9C\xc6\xda\x81\xd7S\xb9\xf8\x05\xc0\xcf\xef\xa1\xa6\xe0\xe7\xf7U\xc6\xcbK\xe3\x0f\xa9\xcfa\x94e\xc0Bs\xcd\x05\xefv\xc8\xdd\x15\x90]\x08\xc0\x0f-\x13\xfd_\xb7\xb7U/`$\xff;N\xd99\xfc\x81\xbe\x06Z6@/\xab\x8b\x02x\xb5`\x8f\x14\x91)\xc8\xb8\x1d\xe0\xb7\xcc\xb2\xe2qH\xfc\xf4anO\xfa5\xcb\xc50\xd4\xda+\x0fu\xfd\xb2\x88\x1egmr\x9e\xd3`\xe7\x8e\xf4\t-&amp;x\xa9\x8f\x0f[}\x1eb\x1aruFLO\x117\x92\xfaB\xed\xa7(Pn\x8bF\x00\xe0\x15Y\x0e2\xda\nk\x99\xd3z\x11\xcd\x82g9\xef\xa8\xe5\xd1\xc1P2\x07\xd9\xb6]B\xb08\x80{\x9fl\xe4\xfa\x0e\x165\x80\xaf\xeb\x80\xc2\x9a[\x17\xd6&gt;\xec\t\xef\x94\x1c\xc7\x85*\xe8\xb4\xf7\xa5\x1b\xe1\x97\r"\xe9VB\x06\x12\x19W|\xb1\x0c?\x1a\x8a\xe9\t\x1d\xd5\x9edP\x9d\x06*\x82\xf7\x98\xd8\xe001T\x8c\xadh\x07\xd4\x14\x17\xa1\rr\xaaW)\xb1\xf0\x88\xec`\x12\x86\xc3\xdd;\xd6\xddA2\xb7\xea\xfbh\x12\xdf\xf3\x8ed&amp;\xe9\x88\x9f\x96\x02\x00|{\x1f\xaacq\xb7\xd3\xbc5\xb7\xba\xa4og"\xc2aa\xc2o\xb9}\x7f\xd36\xa4\x86\x84\xed^g.\x99\x04\x19\xc8Ke%k\xce%\xd7-\x88\xb0Nq\xe1\xd1\x16\\/g\xd5\x93+w\x7f\x1c\x81\xf0\x02\x90-(A\xe5)\xa7~d\x94\x82\xc7a;\xcc\xbbN\x01\xfdiIdY\x1dJi\xaf^h\x16\xe7z\xac\xa7\xb2\xdcz\xe9"\xa2\xed]\x90B\xe7\xbe&gt;h\xd1\xd6I-\x00g\x96\xe3\x1c#s\xc4\x17\x80\x89\xd3*B)\x8d\xb3l&gt;\xa2@\x8d\x89\xb1Z3\xc4a\xc6v\xf5rF\xd61\xfe\x1b\xab\xd7Z}\x8c\xf3\xe8\xae\xa7A;\x00\xf0\xb5I\xf7\xce\x8dv\xf5\xe1\x15\x1a\xc0\xbd\xe4\x17\xf6yS\x9b\xc2\xbd\x8a\x1e`0\xf5\xb9\xdc\xca\xd3\xef\xdb\xf4\x12S\t\x94\xebnz\xc5\x0b`\xbe\xc6\\gIW6[\xdb\x1b\xbe_\xa9\xf1\xe2\xeeF\x85\xbes9\xc0\xfar\x12\xb0eQ4\x94+\xb5\xde\xba\x85\x8f\xc6\x86-\x0f$\xe7\x8d\xc1lW8\x84\xcc)}\xd5\xd1MX\xf6{%h\xd6\xd8\x1b\xd1";\xf7\x11\xd0\x17v\xf5\xca\x86J\xd0\t\xaf\x7fV6u\xc6\x02U\xd5\xd1\x97\xdb\xac\xa1c\x15P\x85lp\xfaBY\\\xf3#\x16\xb7\x16\xa3Jo]\x7f\xfc\xf3\x01\xdd\x96\xae\xed\x0c*a\x14\xe3\xc7\xc9\x94m\xe6\xc5_\x00\xf8\x8e5\xc6\xa3;V/\xddC&amp;d\x86\xa2&amp;F\x86\xae\x1fz\x8b\xe0\x1b|\xb6N\xab\xb9\xf0\x1b\xb1U\x0e\x01G\xfd\xd7\xe5\x1cNB\x12n\xf36\xcb\xcdv}\x9e\xdcn?Je\xe4h\xd2.\xe7 \xf65\xa6&amp;lgH~\xe0:f\xc2\x02\x00\xbfLi\x0fF\x05\xd6\xbb\xfc+\xe5\xd40SkM\xba\xc2\xf4\xc1\xefU\xf3w\'\xb9#\n^&gt;o\xcbd\x8fb\xc4\xd3\xf4]\xcc\xd6E\x16\xea\x83\xac\xde\xbe\xf2\xadI8Q\x84\x0c\xa0\xa1\x9ce\x92\xd2\x17\xf7\r\xba\xb2e%\x0c\xe2+\xf2\x93\xa8\x88#\xf4\x9a]R\xb7\x8bs;\x8f:\xec:\x016\x10Q\x1d\xb6\xbaK\xc4g\x0f[\x7f\xa2\xb2\xf8\xfcS&lt;\xb5\xf2^J_M_1\xb4\xe1\xc3\xd3\x11\x99\xc5d\xe6\x92I\x9e\x11\xc5\xf4\xf9\xf5\x10\x07\xfd=\xc0\xc4\xb9D\xb9\xdeB\x8c=\xf2\xaa`v\x0c\xe0\x878\xf0Ft\xcd\xba\xbc\x96\x8c\xb3^\xe3vs^\xf0\xb5\xb5\xad\xf1F\x02\xf077]\xc6\xd4[\xf3\xac\xfc\xa3\x8c\xdd\'*\xdf\x1f~@\xac\xc7\x9c\xac\xef\xb6\x8cH=n\x8b\x86n5\xcd0\xfc\xa8\xb4n\xab\xf9\xae\x19\x8fJ\x1c\xe2\xb7\xd2*\xf3\xa5%\x9fN\xbcl\xcc\xf5\xf0\xe0\xd4Dz\xdbU\xaf\xaf#\xd6I%\x8b\xbb \xcd\x12\xc1h\xa8\x97\xf02N\x15[,f\xb0\xc5\xcf\xb5,\xfc\xde\x1b#\x10\x8b\x87L\x90%&gt;_\x10P\x93\xda[\x1d\x8cI\xbbK\x98\xe4"%S\xf2*\xbe?\xbd\xce\xd2\xa2\xad\x9d\xf0\xc7B}k*\xfauJ1\'\x02z:\x8e\x95\x08\x93\x88\xdc$\xedG\nx\xb0\xfeO\x0f-\x02\x18\x7f^\'B\xe9\xb7\xfa \xd5\x13\x8c\xd0\xc8.\\V\xee\xdd\x94&lt;\xfeJ\xc3\xf7\x0e\xb2Z\xe4)\x84\xf9\x84GZ\x15\x92\\\x93b,9)\x90\xa5V\x8e3\n\x98cf&gt;\xb4\x94\xbf\x9ed\x0e\xcd\x87P\xed\x87u\x13\xd2\x9bN\xabr\x0bJ\xf9\x98(d\x8f\xdd.\x84\xc0Jy\x95\x85\xbf\xda\x12\xaf\xed.\xf0\x1c\xa9Q\x7f\x1c\x84q\x9f\xbbvy\xa6\x8a\xdfJ\x96aPl?\x03u\xce\xf3,\x9c\x89\xb4\x9e\x82p\xcf\xe3\xa7\r\x19\x1c\xd7\xca\x84\x05 \x91\x18J\xed\xeb0;%\xa4R\x1f\x80\xe9\xab;\xf2\x81\xac}\x89\xf1SF\xdc\x0e\xfc\x19Bt\xb2\xa2\x14\x12]4\x85\xcb\xa2\x18~T2\xb9\xccy\xb6p\xeaY\xbb\xb1\xfa`\xf0\xb2\xcc\xd3\xd2\x8c\x17\x80wc\x93\xc2\x83\xc1a\xa5\x182\x06\x95\xf5\x9b=\x17A0\x11\x83$\xc5\xb1@\\\xa4\xfaB\x98\xd15z\xbe+\x05(\xb7\x07jG\np.\x88\x13\xfd\xc3\xd6S\x03\'\xb9=f\x9c\xd2\xb0["\x08\xde\x02\x00\x91\xa7O\xe3\xd2]qH\t\x0b=\xa1\xca\xd4\xcaq\x89,HD6\xe5\xc3\xed\xd2Ft\xdd\xdc\xd2@L\x13c\x1c}\xb9\xb2\xd3v-&lt;W\xf9\\\xc2\xf7\x96\x97L\xb1u\xbb\x05\xc0\xc6\xa9\x8fw\xb2\x96@r 1\xda1\xeal\xaf\xb8\x1aK\xdd\xae=Zv8)\x03Q\x1aW}2[\xd7\xe3q\x90\xec\xad\xc2\x1chW\xff5m\'\xd5\xb8\xe9~\x8e\xd3\x12\x15\xc5\xf1&gt;k\xdaN\xb1\x00|\xe6\x13Z\x1b\xeaH\x8d!\x1b\x0b~\xb0\x8bOcv\x9c\xbd9\xe3c/\x00\xf5\xc1E\xb6R\x17\xd3!b\x96\xbe\x92\x1e\xc6\xd9\xe1=sd\xe1\xd5\x81+\xbf\x8er\xcb5\x14t\xc8\xc8\xd4\x01\xbc\x9e]\xd1\xf6 \xf6\x8e5\xe4"\xfb\xae~\xfe\xb6-\x8a\x0f\xdc\x96\xb0\x14a\x97\xa0\xcd\x90\xb1\xc5\x1b\x9ar\x0epz\xf1\xa3\xea\x1f\x12\xd5\xce\xa3\x9d\x15?;\x8c\xbd\xdd\xc9\xab\x02n\xfa\x8c\xd9a\x94\x15VO\x9b\xe7*\xc1\x8e\xae\t\xbc\xdb\xb2\xd1\x9a}\x19kOE\xedr^Q-j`\xc44F#\xdd9\x7f\xf1e\x87H\x89M3\x97\xe7\xb1\xbf\x1c^1uIa\x85\xff\x19\xe9\x92&gt;0\x89]\xb0g\x00\xde\r7\x12\x1d\xcd\xfa\x1ax\x03ls\xc3\xf1b;bN\x0cKiy\xcbU\xff\xa3\xdc\xcbr\x05\xbf,A,\xb5opn\x9d\x05;H\xa3\x14^\xf2\xf4\x82M:6}\x9d\x05\xc0\xa6\x94uE\x9c$\xea\x92\x805\x8a\x1d\xba\xf6\xd1\xb0\xf5\xee\xd0\xaa\xc5E\xac\x9b%\x96\x1d)\xffr\x17\xb8D\xe5=\xf5\xa4\x08\x0f\x86\x10\xaf\xc2/J\x96{m\x9b"\xbe\x04\x9a\x02\xe6\tI\xa5\x9d\xdb\xe1\x95R\xbe#\xa8}\xefr\x93\xfa\xb8\x85,\xd3&lt;\t\xad\xee\xc8\xf4M\x19\xef"\xb6\x93.\xb9\xea\xdf\x8a\x81\x7fI\x92?\xeaB&amp;D\xe49\xe8aP`\xb9\x02n1\xac\xbbn\x0c&amp;?&gt;\x85\xc4\xc1\x89N*\x9b\x88\xee\xc8i\x86pp\x83\xd0\xb8\xab\x15b\x1b90\x0b\xce\xb6\xbd^j\xe9\x16\xc9\x1ag\xec\x11V\x06\xfaCJvaL\x82\xbf\xd1 \xc2t\t2\xc0\x057\x12\xdc\x9aZ\xaa\xdcK\xdd)\xf8H\x12N\x91A+\x11\x87\xd0\xf1\xe6\x8d\x8a\x8b\xb1\xbd}\xae\xd3\x9d2\xd4\xd7E$3\xa5\xfa\x176\x10\x1a?!\xc0\x97\x14\xb4\x07\x1a\xe4\x83h\xb4-zw\x1e!\xa9\x05\x80\xcc\xa9AOt\xdd\x13\x15wkV\x02GT\xae\xdf\xd1\xabO\x8cx\xda\xde\xf8\xc5\xd0\x1b\xa1\xebz\xd1\x9dH\x04\xea\xf2\xd2\xdf\xc4\xa9}\x7f\xf6\x00\x8dA\xa9&lt;\x8cL\xaem4\xf9\x15\xa89\xc4\xce!\x8a.\x12}\x07\xaa$\x91\x0f\x9c\x012]x}\x14\xa3\x91W\xea\x08\x9a\xa0\xc0\xd6-b%T\xa08I\xdd\xec\x93\xae\xf8U\xc8,\x02\xbc\xe0\xa3\x8cG\r\xe6\xea\xaau\xe9\x8e\t\x079\x90~\xe2C\x03\x80\xc8o\x08&amp;\xc9\xec#\x9a&gt;\xea\xd6\x04\xb8\x90M\x19\x92\xaf\x14k\x87\x9b\xe7W\x13\xb4&amp;\x89wC\x07\xc4\n\x850\xfdRh#D,^A\xce\xa5\xe3\x95A\xe5\x00k}g\xa0\xae\x00\xeb\xb6\x8d\xa2\x00\x00 \x00IDAT\xc2\xdd\xf0\xc3\xd5\x18\xf1\' S\xdca\xf4\xcfB\xa7V\x17G\xa1\xf7\xb8\xdd\xf1\xe4A\x00\xf9\x8b\x83\x00\x08*\xc6ey\xfa\xb1\xa32\x81\xc5HU\xb2\x00\xdc\x8cb\xcb\xc7(+}\x0b\x95\x80\x13}2\x03\xaf3\xe9\xc0\xa1q\xden\n\xa2\xcb$\xeb\x12\xa9\xef\x9a\x02\xbf8\x84Jj\xd9t\xa1\xa6P\nBECJ\xde\xbb5Qb\xe4C\x97\xc5+\x85\x1daNf\x11\xd1\xd8\x94\x05\xe2\x13Y\x8f\xedTFj\xa3df\x0c{\xf5\xa1}\xb7\x99\x85\xdf\xd8a\x85\xcf#\xb1\x02/M&lt;l\xe1\xac\xb89\xee\x7f\xfc$\xc0\xa8\xb3R\xa3C\x86\xdf\x8d\xcf\r/\xee\xca\x99^\xd5\x10\xc3\xf2X\x10J\xc1\x8e\xbb5\x93\xe9\xf2\x86\xcb\x85\xbb\x00\x94\x81b\x01\xf0|\x02\xd2&lt;\xaf\xd4\xbfH\r &lt;?\r\x1b];u\x0fd\x8b)\x0fnc\xadT\xce@\x19&amp;\x06z\'m\t\xd6W\x0eA&amp;n\x1d\x17\xa7X\xa8t\x00\x7f&gt;\xe0a\xa3JF\x98\x18\x98j\xc7\xccr\x05o\xac\xdau\xac\x04t\\\xaa\x84\xcc\x83\xcb`\x06Vgo\xe4\xae\xed\x1e\x1cu\xd8\x12\x9f#\xc9\x9b\x8bh\x14&gt;\x1fX#\xba6\xfb.\x94:\xa2y\xbb\xd8\xd6\x98\xf0a\xda\t\xdd7\x8f\xa0\\_G&amp;\xd6\x14\xe2\x18\xfb\xf0\xd1\xf4\xf2\xf6\xc2\xa5\xd9\xa0|@\x9cO\xdb\xb13\xe0\x85\xc6\xf5\xee\x0b.&amp;\xf4\xf1\x06+\xbb\xb7B&lt;\x99\xe2\xde!h&gt;\xd6\x97\x00\xa0}z\x84F\xear-\x86]\xc4\xaef"\x8a\xe3\x17\xc3~q\xeb\x94\x11\xbb=\xe6\xda\x91s\'\x8f\xc8FN\xfa\xc1\xa0u\xaf&lt;\xe1\x0b\xf1\xd6\x14\x99\x12+\x1a\x88\xbc]\x80?`\xeb M\x05v\xad\xf2\xd4\x1c\xa9\xfb/qw\xe5\xb1\'&lt;\xe4\xae\xa8\x11\x8fHk\\\x0c\x9e\x06@\xa8\xbe\'\xe6\xb4\xbb(=\xb2\xc0\x8fg-\xa4\xfa\xd0\x8d\xeaU\x1d\xe5-\x00\xb7\x996-7\x82\xce\xf1\x0f\x1f\xd9\xc8\xf6\xf4\xe3k\xea\x149\x07\x15&amp;E\x12\x9e\xe7?d\xca\x8aO \xdcHu\xd2\xdb\xf6\x04\xa5\xbei\xd5J0\xba^~\x04%p(I\x10ng\xa7O\xb2\xe5;\xbb\x06\x1c\x92\x16\xbe\xea\xd6\x9c\x94\x94\x7f\xa26\x01F@\xd7\x93\x047\xdd\xc16\xdb\xa5ORv\xb4\xb8$\x05\xce\xe8~\xb9\xc8X\xb4\x98\\}a\xceJ=b\xf2\xd2\x7f\x032\xad\xe7m&gt; \xcd\xd7:\xd1Y\xd3\xca)\x87\x1b=+\xbf\x95\xa9\x80`g.\x9f\x08\x16\xad\xd6\xf3\x00K\xd2ox\x82\xd2\x8bh\xc6\xd0\x93\x90\xa6\xfa\xfb\xa5\xaa?\xb0\xf8\xee\xf8\xfb\xe3}\xd7\xbf\x97K\x13fWB\x0f\xe6x\xd3\xc4\xf62\xfc\xfaVu\xf0\xfa&amp;\xe7\xd7\xa6\xf3\xbf\x81\'\x18\x06B\xb0\xa6\xc0\xafK\xccTjN\x892\xe7\x135\xdab\x06\xadG(\x19\x8d}P\xe5v\x9b\x95\x9do\x92\xae-\xae;\xa0\xbd\xd0\xb4A\xb9\xc5+`*1lJ7\x97_TJ17\xe6\x97\x0b\xd6\xc2u\xba\xc5\xb5.\xdf\x9db\xba\x14\x00\xf8}q}r\xe84\x15rL\x06\xc6\xb2EE\x88`:\x134\x96&amp;\xd6i&amp;\xc2M\xe9XA\x83\x07\x02q\x03GD|\x0f);)`\x1e\xc5\xf6S1n,\xf1\xfdKG_\xf1\xfe\x16%\xef\n\xc2\x1e\x0e\xfc\tW\xcd\x01\x84\n\xe5nW\x89\xf5\xd0S\xdd0\x91R\xce\x85\xfb\x7fFV\x88\x14\xaa\x82c\xfeT\x9fv\xeb\xec\xa6)\xa1\xe2\xee\xa3\xbd\x19y\xa3x\xa5K\xb0\x1a;\xf9\x8d\xf4\xf5\xc1c\xd6\x01\xe0g\xc54E\xe4\xc8\xda\x00X&lt;\xb6\xf6\x9a\x07?\xcd\xe3\xfa\x14\x84\xce\x87\xf9Ly\xb9^\x1a\xdfc\xb9\xd0\xc1\xa7\x90\xdcN:\x9fb\xe9\xcb\xa1v\xee\xc9\xe1\xb7\xcbC0\xb7\x07\xbd\x1d)\xafW\x98N\xe3\x100X\xe3\xe0\x83\xa5F\xe9\x89\xdc\x15\xbc=]\xaas\xd68\x94\xdc\xd5AZ&lt;\xe8\x03|+\xa9\x1b\xf1\xad\xa4]p\xac\x1d\x00\x96\xf7\xb3\xd8\x92..\x8d\xa7+\xc4\r\x80~u\xf2s\x88\xa6\xee\xd05\xf8z9t\xdf\xed\x96\xe9\xb0$&gt;\x07\xa1\x04\xd8a\x86#\xc2\xab@7\xa3\xee\xd1\x8cx\x00\xe0\x85[\xb8\xd0\xc0\x8c\xec\xab:`\x05\xe5\xa5\x8b\xb1\x0f\xabk\x83\xe1\xfcY\xed\xb6\xd8\x0b\x80{\xba\xed\xb0\x89\x0f\x04\x1d\xbd\x9e\x90\xd05V,C\xb8\xf1\xc5\xcd]\x05\xd33\x8a\xb6]g\x94\xe0&lt;q\xb5\xdf\x1c\xe9FL\'\xbbhL\xf0\x12\xc8\xbd!\xb6\xd8\x80oev\xdfH\xbe\xcbS\xa0\xa304\xed\x8e\xdexF\xc6+\xba\xeb\xfa\x0bh\xeff\xe8\xcd\xa1\xdd\x87y\xfa(\xf0\xacb\xbd\xb2\x8a\xb8"b]\xac\t\x1e\xec7\xba\x8bPv\xa6\xe2\x1c\xc4\xa3\x0cC\xdb\xdd\xd9n[\x11OL\xd6\x02\xb0\xbc\x0c\x82\x8b\x9a\x83\x0e\xd6\x8e\xb7v\x97\x90Z\xdf\xa6\xe6\xfbs|\x02\xdb\x1c\x19\xedNC\xb3\x83\xf6\xdd\x8e\x94~\x892\xde\x11]G\x0b+\x00\x00\xbc\xbad\x8a`\x98Oj\x01@\x8dyd@\x1f\xed\xd3l\xc2[vE\x113M.l\x9eYsw)\xe7o\xf7v\xac\xba\xf5\xc2\xe8+\xde\x1d\x8f\xd4\xb9\xb1.\xc2\x8e\xa3\xf7\x9cU\xbd&gt;?\xd3\xe8[\xca\xff\x936\x18\x92\xc8@\x08\xf3\xee\xd9\xd9O\xd2M,\xa9\xc1Me&gt;\x07\xe5\xc7)\xb5\x91NJk\xcb/\xee\x01\xc2\xd5GcO\xe7\x00\x9a\x05`N\x10p(\rYl\xdf\xa4\xc4\xecVR\x8e\xc7\xfbz\xbb\x9bx\x87\x84l\xcf\xc2\xbe\xd9\xd4\x88\xcb\xd5F\xb6D\xeb\xf0\xd6]\x1d\xd9aK\x8f\xf5\x04\x99\n\x1eW\xae/\xcf\r\xc1\xc5#\xb55\x0br(\xbd\xd1\xe5\xc2\x8e\x8b\xb83]\xfeM\x80\xf8E|\xd1XJ\xebw\x91v\xbb\xaf\xcf\xc1+\xd9dM2\x0c\x81\x8b\x95\x14X\x9e\x8cq[\xa4\xc5\xae`\x0f\xbe\x10t&lt;N\x19\xb5\xc8N\xbbS\xc1;\xe1\xec \x0e%\x03\x83\xc2\xdd\xec\x1aGr J\xda \xa3\xacdqpR\x97\xdd\xa5Q\\~R\xa3\x89W\x9c\xc8]\x8d^6\xe0\x85\xaa!-\xb7\x867,p\xd1\xdcW\xcd):l\x06\xf1\xadK\x8bL\x00I\xdc\x84\xa5\x13pH&lt;\xf8\'V\x8c\xeb[\xdc\x9d\x00\xbc\x9b\x14\xbe\xd1\xfdT\xd65b\xe6\x00D\xa3$a\xa8\xf7\xa1\xd6 \x94\xa6\xac\x15S&lt;p|\xc3-d6\x07\xb5\xfc\xcd\x18K\x8a\xcc,[U-\xb2\x00\xf0Z\xd2W\xa0\xc5.\xf1R\xe5\x00j\x0b@\x9eX\xc6{\x97\xeb\x97\xcc83\t\x91\xc6`\xffT\x1c\xae\x94\xb7\xc8\x99\x8e~,\xed\x91+\xf8\xa0\x90)|KM-\xbboR\xcdI\x8doY\xef\xd2uH\x01\xf1\xd7!\xccv\xd6\xf4\x07\xc7\xbf\xda\xb5t\xa60\nI\xf09LG_\xf1\xa6\xb6\x90[\xf9\xc9\xce\x85\x96\xd5\xbc\x18+b\x9f\xb9\x89\x11\xd5\xd1\x05\xbe\x8b\xb5Hh\x83c$}\x9b\xdd\x896\xc5\x92\xf5\x99\xbb\x04\xb2\x0c\x7f\'6G\xc6\xdbv\x0cn\x9bf\x90\xbc3\x01\xf4V\x92\xb8\xb5\xc1\xb1\xf5\xe2R\xe0\x19AX\x18O\xe9\xec\xaa\xc3\x088!\x08\x7f.\x8a\xa3\xaegYVI}\x0b\n\x00&gt;\xf1r1\x05M\xb5\xd2z`\xb0\x94\xdc$\xcb\xd4\x07\x1d\x9a~x\xa5\x8f\x8f\xa8\xa6XD\xb9\xb4\x15\r\x9b\x11\xffLJ\x10\xd3\xb5\x18\x815\x86&lt;%U\xad\x8dB+.l\x96\x03\xb4s\n\xf0\xe1\xb7\x8a\xd8\x9b\t~\x1a\x13&lt;^\x91\xeeX\xf9\xfc\x9fg\x96\x02\xf0\x0b\xfa)\xc5\xeafp\x91\xef\xa6\x11\x91+\x84J\r\xc8\xf1\xb1\x08e1\xa0\xd9fH\xeeD\x18\xb4x\x01\x9f\xe7\xcf\xcc\xaf\x13E\xcf\x8e\xf1JT\xd0\xac\x89\xb7l\xfc\xf3\xcbo\xc9\x1e\xc1\xcf&gt;\xfcZ\xf5\xd7\xf1\x08&gt;\x80\xe0p\xf8\x86\xa05\x85\x83\xc9\x8d0QA\x98\x9f5\xfd\xe9\xd9\xfd\xe4\xaa\xffY\xc4\xa8\xee+:\xdd\x1e$\x93\x8dA\xe2Y\xa7a\xce\x12Nr\xa3p!Go\xd7J0=\xba\xa7\xa6\x7f\nV\x10\x9d\xd5\xf6\xeb4\x97e=;_\x87\x9f\x18\xc0y\xab4\xb4PY\xb5o\x18\x04\xd7w\xf1\x16\xaf\xc5a\x9b6\x1f\x7f\xed\x0cC\x81\xb1\x05\xc4\xa1\xb8U\xf6=\x9dE\xc0\xd8\x8e%@\xb4X\x8c\x1f#P\x88\xc0\xb2\x19\xc4\xf8S\xd6\x03\xd1\xae\xdb"\x92\xa4\xb76\x0b\x98\xe0`\xb5\xf43\x08o\x1d\xe4|\xf6#\x06\xb5\xdd\xab\xad\xdf!\x86\x07"\xae\x01\x00\x80\x97a\x1aF\x16\xf0\xbe\x1a\xa6g6$\xdf=\x8c0\xeb\xfc\x8d\x94\x7f,\xc0_\xd4\xba\xe3\xb9\xe0\xe9\xaf\x00:\xeb\x8dh%F\xf5\xa9\x14\x7f*\xefRJ\x99:~\xb5*\t\x9a\xe9\x9a\xdeQ\xc2^\x99\xd2&amp;\xe6\xbe\xcb"\t_b}\x05q\xbd\x1e(X"8mG\n\xe1pWMD\x12,\xc2*\xae\xb0\x13!Sf\xc8\'\xf5\x1f\xaa\x12\x9a\xb9\xbd\xf3Y&gt;\xccz\xbb~Ye\xdf\xae\xf6"\x17q[\xdaKQ\xdf\xbe\x95\xdd.\xd8K\xb8a\xf4&gt;\xa2\xf0\xca\x02\xad\x94R\xbe\x98\xeb\x94\x02\xf0\xfe\xd9\x80\x07(\x00\xffL\x82\xdadS\xbf\x91Tz\xda\x99\x89\xecbV\xfd\xf5b\xda\x01\xa2u\x9d\xafc\xe0\xe05\x83\xde\xd2\x90\xd9K1\x81\xc7e\xdcWvL\x85N$\xde\x94m\x1a\xb7\x80.\x8cgh\x84\x18\x8fFU\xf3rq\xc6\x7f\r\xb7\x9e\x9ah\xdf8\xe2\x85\xc0\xeeA\xee\xe5\xc6\x9e8A\x00\x00o\x9a\xe5\xf8\xd0\x028t4wg6GM\xc7\xf0\x03\xd60d\x9b\x81\xaf\x8a\xf7\xdbJ\x8c\x05`m\x94\x1e/\x88\x8b_]-\xb4}\\\xbd\x98U}\xda\x1f\xa3\xf3\xab\xcc\x14\xa3\xb6\\\xc1\x8a[8\xf4\x05`6\x13\xbe\xb2\xba\xb3\xaf\xd0k\xc2/\x9cY\x00\xf0\xd1\xfa\xad\x15\xca\x052A\xf8\xcb\xcanM\x90\xd9O\x02"\xeb\xc4!\xc2\x99n\x0b\x13q\x02.\x94\x91\x9f\xc4\x1c\xd6\xfc\xa00\xdb\x94d\xdd\xc5\xb9\xc5\xab9\xeek\xe8\x88\xa5!KO\x05\x0f\x02\xe1^3LG\x14\x16\xb5\xe6:[Y\xaa!\xfb!\x8c\xbc&lt;\xa4\xcc\xa0^$\x011\x8eV\xe8\r4\x83a\x9f\xa0\xc0\x93my\xbd\xac\xb8]\xf7\xa0\xc3\x0c\xe3\xbe:\x96\x84kH\xa4`\xf9 \xf9.\x7f\xe0*G\xf5\xeel_\xaf\xeb~\xff\x03C\xcf=\x82\x1b\xba\xf4f\xea\x85&gt;f\x1frV\xb6N\xcb \xbc]G:Hr\xbf\xbd\x87Y\xa9\xe1?\xdd\xbeB\xe1\x92\x8a\x03`\xba\x89\xcbu@\x8d\xeb\xb8\x0b\xbc\xb8\xc1\x82R\xe0M\x8e\xf3\xc1&lt;\xe1\x85\xa1\x1e\xee\x82\xdd\xf1E\xac\x146\xa6\x052\xba\x82\x08h4j\x9cg\xc5M\xca\xa8u\x17]\xa4\x98\x05G2m\xbc?w\xb9\xf8\xdc\rm\x89\x13\xd4\x07+\x06X\xc4\x9cm\xd7\xd4/ \xfdz\xcf\xa0\xa4\x96phe6\x17\xc1\x96\xc1A\xe95zt\xc0\xcf\xa0J\x99\xf9}\x94;\x90\xf8\xd4\xba:m\xc1\r=\xa5\xd1\xc8,\xdd\xd7\xc6\x8bB\x92R\x9f\x8c,\x00\x912\x11\x84\x8ah\x92NY\x87\x9c{c\xb4\x08\x94\x9a\x8aI\x0efV\xf7$5\xe9\xf2\x8fc^\xcd\x1a"\xd4\xb2\xa3\xe6\xf2F\xbdL\x96^\xa1w\x83x\xee\xa4B.\xcbj\xae\x18\x0f\xe2\xc0\xdc\xbf\xdbw\x9f\xa8\xe0\xb9\xc7EZ,\xd8\xb8\x94\xcbh\xaa\x95\t\x0f\xf5Ji\x7f\x0f\xa4\xab{\x8fQ\xf8\xa7\x13\x83&amp;\x12\x85\xa0\xe4\xbf\x1d\xd9\xbeik\x82\xd4r\xaf\x91\xa9\xca=u\x8am\xacl\x13Y|\x02\x08\x00\xf0\xb9\x93\xbfef/\x8a|8\x83\x0bX\x84I\xed\xd0\xed1t\xdd\xde\xea\x80\xa3\xe0\xf3\xce\x8b\x86\xe7\x7fRSgD\xbdc\x01P\x05\x14\x11u4\x84^\xd3\xa1\xee\xebZ5\xf5\x91K\xe1\xf5"\xdc+m(\xcf\xc70W\xbd\x11\x00|Ap\xe2\xe8\x8c\xff\x8d\xd0\xd3\xd8z\xfdE~q\xf4\xa1\xb4\x16W\xe0\xf5F\x7f\xe5\xb8\xe9\xe8*\xbc\xbf\xd4\xb8\xee\x93\xe2?p\xd9c\x9d\xd9\x95\x9f\x99D:\ni\xde\xde\xe5\x9eS\xcak\x8ckX\xc6\x17\xb3C\xa2\x02\xdf\xbc\xae\x9f\xcds\x1b\xac\xa3T\xea\xd7.\xa5\x94\xf2#}v\xd9\xf3\x07U\xf3\xf5+\xab\xd0\x1fO\x81\xf0G&gt;\xe8\x02p\'\x01\x14\xe4\xe9\x96\xbf\xb6\x8e\xcb\x0f\xaf\x82n\xecP\x90\x1bgo\xd8\xdb\xf9\r\xf7Z\x87\xff\x99\x96f[\x10;\x16\x1b\x97Ia\x0e\xd1\xfc\xd6\x85\xff\x8b\t\x08I\x87YcI\xa1\xd8V\xb3\xc7\x9d\xfbH\xe9\xd</t>
        </is>
      </c>
      <c r="E464" t="inlineStr">
        <is>
          <t>&lt;class 'numpy.ndarray'&gt;</t>
        </is>
      </c>
    </row>
    <row r="465">
      <c r="A465" s="1" t="n">
        <v>463</v>
      </c>
      <c r="B465" t="inlineStr">
        <is>
          <t>steps_per_sec</t>
        </is>
      </c>
      <c r="C465" t="n">
        <v>6700</v>
      </c>
      <c r="D465" t="inlineStr">
        <is>
          <t>10.181736</t>
        </is>
      </c>
      <c r="E465" t="inlineStr">
        <is>
          <t>&lt;class 'numpy.ndarray'&gt;</t>
        </is>
      </c>
    </row>
    <row r="466">
      <c r="A466" s="1" t="n">
        <v>464</v>
      </c>
      <c r="B466" t="inlineStr">
        <is>
          <t>Loss/object_center</t>
        </is>
      </c>
      <c r="C466" t="n">
        <v>6700</v>
      </c>
      <c r="D466" t="inlineStr">
        <is>
          <t>0.34728232</t>
        </is>
      </c>
      <c r="E466" t="inlineStr">
        <is>
          <t>&lt;class 'numpy.ndarray'&gt;</t>
        </is>
      </c>
    </row>
    <row r="467">
      <c r="A467" s="1" t="n">
        <v>465</v>
      </c>
      <c r="B467" t="inlineStr">
        <is>
          <t>Loss/box/scale</t>
        </is>
      </c>
      <c r="C467" t="n">
        <v>6700</v>
      </c>
      <c r="D467" t="inlineStr">
        <is>
          <t>0.0678778</t>
        </is>
      </c>
      <c r="E467" t="inlineStr">
        <is>
          <t>&lt;class 'numpy.ndarray'&gt;</t>
        </is>
      </c>
    </row>
    <row r="468">
      <c r="A468" s="1" t="n">
        <v>466</v>
      </c>
      <c r="B468" t="inlineStr">
        <is>
          <t>Loss/box/offset</t>
        </is>
      </c>
      <c r="C468" t="n">
        <v>6700</v>
      </c>
      <c r="D468" t="inlineStr">
        <is>
          <t>0.15091279</t>
        </is>
      </c>
      <c r="E468" t="inlineStr">
        <is>
          <t>&lt;class 'numpy.ndarray'&gt;</t>
        </is>
      </c>
    </row>
    <row r="469">
      <c r="A469" s="1" t="n">
        <v>467</v>
      </c>
      <c r="B469" t="inlineStr">
        <is>
          <t>Loss/total_loss</t>
        </is>
      </c>
      <c r="C469" t="n">
        <v>6700</v>
      </c>
      <c r="D469" t="inlineStr">
        <is>
          <t>0.56607294</t>
        </is>
      </c>
      <c r="E469" t="inlineStr">
        <is>
          <t>&lt;class 'numpy.ndarray'&gt;</t>
        </is>
      </c>
    </row>
    <row r="470">
      <c r="A470" s="1" t="n">
        <v>468</v>
      </c>
      <c r="B470" t="inlineStr">
        <is>
          <t>learning_rate</t>
        </is>
      </c>
      <c r="C470" t="n">
        <v>6700</v>
      </c>
      <c r="D470" t="inlineStr">
        <is>
          <t>0.0009998813</t>
        </is>
      </c>
      <c r="E470" t="inlineStr">
        <is>
          <t>&lt;class 'numpy.ndarray'&gt;</t>
        </is>
      </c>
    </row>
    <row r="471">
      <c r="A471" s="1" t="n">
        <v>469</v>
      </c>
      <c r="B471" t="inlineStr">
        <is>
          <t>train_input_images</t>
        </is>
      </c>
      <c r="C471" t="n">
        <v>6700</v>
      </c>
      <c r="D471" t="inlineStr">
        <is>
          <t>[b'512' b'512'
 b'\x89PNG\r\n\x1a\n\x00\x00\x00\rIHDR\x00\x00\x02\x00\x00\x00\x02\x00\x08\x02\x00\x00\x00{\x1aC\xad\x00\x00 \x00IDATx\x9c\xed\x9dK\xc8&gt;Ov\xd7\xbb\x87\xf1\x02\xb3\x8b\xba0\x0b\x89\xb7\x95\x82 ^r\x91\x98Q\x19""\x01o\xa8(\xe8\xc6Mv\xd9\x08\x1ag!\xae\xc4\xd9(\x11#"\x0e(IV.\x94d!\xa8A\x82\xa2\x10%q!\x92\x85\x0c$(.$\xa8x!\xe6\xb8\xe8\xf7\xe9\xb7\x9e\xee\xea\xba\x9es\xea\x9c\xaa\xef\x07\xe6?\xef\xefy\xba\xab\xce\xadN]\xbb\x9fm\x03\x00\x00\x00\x00\x00\x00\x00\x00\x00\x00\x00\x00\x00\x00\x00\x00\x00\x00\x00\x00\x00\x00\x00\x00\x00\x0e\xd9u\xaa!\xa2m\xdb\xf6\xbd\xb1\xba\x86\xdbi\xdb6\xa2\xe6\x1a\xc3\xaa\xfb\x0b\x11\xe20\xcb\xc1]\xc8N\xc9Kl\x1e\n\x10r\xb9\xab\xf0\xb2\x06\x8er\xf7\xa0\x96\xa3\xcc\xb3F\xb3\xbe\xb3I\xd6\xe9\x9d\r\xb9\x1f\xcb\xed\xd1#_\x10-=\x9d\xa1\xcaJ\xf8,$\x9eE\x1e\xd8\x99\xc2\xd4E\xb4E\xb3\x7fsig#\xcf\xea\x1e^p\xfe}\xbf+Z\x0e\x8fw\xde\xb3\xff\xf1\xc7\x91#J\xe4W\xa6\xcd\'\xf4#\xdcr&lt;\x935\xdaX\x93\x1e^\xee\x89\xed\xce\xaa\xe7\xc3V\x0by\xa2g\xdcA^\x94lBhDV&gt;\xce\xba\x08@\xb4\xdd\xef\x8b6\x1e~\x99\xb7W\x8a\xb5\x96\xf8;\x08\xa78F\x18;\x06\xc7\x0c\x80\x97\xae\x19@\xbaWl\xeb3\xcfN&gt;\xbc\xf9\x1c\x984\x949w\xb0\xc8\x8ds\xdb\xdc7\xb0m\xee/k\xcc\xe4\xf1\xddX\x00\x1f11v8&lt;\xeb`\xdc\x1f\x12~\x08\xbd{\xf74\xa3\xef{\xfa\'\x10r\xac\xba\x94\\\x13\xa2#\xdb\x10f\xd6\xad\xa9\t({{\xee\xe8\xe2\xa5k\x06\xc056y\xda*(\\Mnc\xae\x91\xe2H\x92{\x86\xdb/\x89\xb5\xffY\x8dOG0\xdbN@=\xc2\xb5\xe6\xd6\xcf\xf59\xd6b50,\x1a\x03\xb2\x9b\xc0\x858J\x07YQ\xc9v4\xcb\xf1\xa05\xfd_\xa2\xd9\xc7\xc4\x9f\x84\xc1a6\x0c\x8646"J4\x1d\xde\x0c\xc0]\x1aca\xe6\x18\xac\xdc\xb1\xa53\xfcl\xd9\x04\x0c\xb7aT\x80x\x12\x84\xa7\xfd@D\x9d\xfe\xea?\nh\x96\xfe\x1d\xe9\xe1{\xdaS\xf9\x03\x0c\';\xec=\xfa\xfb\xc9\x12\xc1\xc4\xf4\x0f,\xf0L\x86e8\x97\x80\xa4\xe7\xbcf\xe7\xd4\t\xca%\x0e\xcf8\x87O?\xd4U7\xdaD\x1f\x8d\xfc\xa9\xa9\xef\xfb\x86D\xf0N\xf9\xfe\xb9P\xf9i\xda\xceU\xdd+\x85\xd3\xa3\x0co\xb0\x03\x18\x15\xcaFHh\xd1\x9f\x0bL\x1d\xb0\x11:\xf6\xd3\xb0\xa5\xd0\xdc\xa1*P"\x96Y\xe1Kp,\xba&lt;\xae=\xdb\x88\xb5\x0e\x80\x8cm\xf4?\xa9Y\x98IK\xacT\xf2\x00\x87t_\xf2\x94\x94\xa5\xbcl\xa9k\xcc\xe2FPa\x1c\xb9\xac\x01_19-\x8e\xdc\xa0#j\xe1\xc3&gt;Br\xc8u\x00\x12\xc5\xa6kl\xee\x8c\x1d\xc5$h\xe3\xab\xa3\x05\xa8\xc0N,rI\x12\x96s/\xd1\x8e\xbe\x17\x8c\xe4\x85\xb3\x87\x90\x10\xc6\x82\x82\xfd\xe8\xcc\xa2\x94\xb1\xaf\x89#k\x13\xd1\xaf\x1a-\xc3`\xdc5\x0f5\x81\x9f\xeaH,\xa9g\x97\xb9\x19\xe5&gt;\xb3[\xcf\xedu\xb7\xb4\xd54\x8e);\x80(\xf4s\xa3%\xf0\x89\xcb\xc0x\\\x9e\xee(\xcd\x8e!\x1a&amp;\xecD\xdf&amp;&amp;N\xf5\xe2@\x95%\xcb/fwPm\x81v"\x04\x1c\xdcZ\x81]\x07\x8d\x95\xcd\xb2eZXj\xbd\xf2\xd2?E\x1f\xf1\x15\xd5\xbd6\xa1\x97\xec\x0f[\xebt\xd5XNa \xc3zM\xe7\x1d"\xfa\x12_QAJb*tUjF\xf4n:\x00^9\x15F*F\x0ckD\x0c0\'E\x83\xcd\xbfV\\\x14\x83DV\x18\xa2M\xcb\x92\xba\x87E\x18\x89\xa5\xa7\xc22g\x8aI`\x93\xe8\x8a\xc2r\xd0\xb6\x11\xfd\xcb\xd2\x8ba\xaf\x1br\x16\tK\x16\xb2&lt;\xd1\x1f\x7f\xfe\xea\xfd\xa4\xd6\xb9\x10\xf7\xb0\x07n\x01\x9bR\x81~\x84N\xbb-\x140\xd2\x9a\x0e\xb4$WO\xfe\xb5\xa6\xf9\x90Xj\xa6{\xfe](^\x93&lt;\xb9\xc9\x94}\xb8\x841\xa4\xd2\x08,\x0f8\xfc\xc1?\xa97\xd0\xeaJ\xb6^\x8b\xca\xe1\x10\xa6\x99\xcc\x11Rt\x00\x05\x98\xb2\xcf(a\x0c\x99\x00h\x92\xee\'\xe52\x88\xa5F\xa7\xcaO\x8f\x16\xc0#\xa2i1~FN\xae&gt;\x00\xbcpt\x0e\xfa\xa3\x92\xb9\xe7o%z\xcd\xab\xbd\x14\xe7`\x85%v:K "\xfa_\xf5\xb7\x88\x1fv\xca\xd7&gt;\xa2\xb1+WX\xc7\xc5 h\x98\xf3c\xfc\xc0\xe5\x93l\xe7\xc1\\\xcb\xc2wR\xb2p\xd7r\xbc*Y\x91\x8e=\xb9:\x80\xb6B\xce\xb0\x89\x8a1qD\x81%\xb0s\x80r\xf8\xe0T\xadL\xcbd\xf6N*;\x80{\xd24nO"\xa2\x1fM}\x9b\xfddJ\x16Q\x13\x8c\xc4\xe6\xe2\x96\x1d\x91\xd8\x05\x89\xa6\xb3\xec\xe6\xf9y\x81M\x7fuR\xab\x94}\xfdY\\\x94\xdd\ru\xc6\x93\x9b\xb3\xaa\xa8i[\xbbb\xeb\xd0\t\x11\\\x06S7\x85Q7\xdc8\xf7\xb1\xbc\xfer\x90(\xc7j\xcf\x04\x8a\x84\xcc\xa7Q\x9a\xfc\xef\xb4}\xac\x07?\xff\xa8\x1b\x8d\xfe\x89\xd7\x8b\xc34\x85Q\xd3}\xb8\x91\xa3\x0c\x91\x8a\xd2\xd1\xe8\xffw\xaekU\x88&amp;,\x05\xbf\x10=\xfe\xf4\'wEz\xadl\xdb\x1em7Ah\xdd\xc9\xff&amp;\xf0E\xe7{\xb4\rLLgw\x1d\xferiI\x07N\x1c]=Q\xcb\xcf\xa5\xb6\x11\xad\xc8\xd7\xa6"\'\xcff\x8f7]k\xf2?CD\xe5\xcb\x10o\xaey\xff\xf1\xde\xc7Y{[\xe1\xb1\xdb\xd5\xda\xbdf+K5\xe9\xb6s\x01\x95\x8b\x13\xca\xe4;\x803\xbf\x1e\xff48\x0e=I\xf9\xee\x12\xbb\xe7\xe7\x1d\x8e\xd9\xf7\xb7\x19\xbd\xbe\x8fy}\x91\x90\xff^\xd1\x0f\n\x08PA\xd5\xba\xb3\xd5\xb6wp\x9f\xbf\x96X\xf52\xf49\xef\xd9\xf7=\xec\x04\xefQY\xe8\xb2\xf3\xae\x92\xe9\xb5q\x0bs\xb1\xef\xfb\xf6\x0f\x1b\x03\xder\xda\xe4aH\x10P@\xf8\xc9\x10Ij\xaf\xb76.x\x1a0\xb6\tiJ\xb5\':]\xc0\xe2\xc4\xe6A\xe57\x17\\s\xf0\xaf\xaa\xcb\xcf\x1c\x11\xbe_l\xdf\xdb\xec"\x16\x16\xe8\xc04\x9d(hH\xf4K\x13\xe9)\x0c?S\x1d\x80\xb5\x14\x9f\x86QT/\x8a\xb3\xc8\x99^\'a\xa7Pfz\x87\xaf\xf6\xd8\x87\\\xa5\x03P\xc5}\xec\x9f\x08w\xb9f\x99(\x19m\xc32o\xf1\xd3\\\xc8Q\x0e\x97L\xb9\x14_^\x95D\x07\x90\xae+\xf2\xf9\xaf\x91\xae\x19,@"\x84\xcf\xc8\xa3 \xe2\xd3WjR4XS\x90\x03&lt;`p\xa6\x92\x1eO\xb4u\x00\x9dZfo\x8f\xd6a\xd0\xb6\x8c\xcc\xa1]~\x13\xd8\x08\xe9=\x14z\x9d\x9dH\xef\xa1i\x9c\x8d\x0bE\xb2qD\xaa\xea\xabt\x81B\x17\x17\x16(\xd1\x85\x0fqPZ\x91\x8bHo\x17\x07G/+\'\n\x9dvk\xb9=}\xa0\xa6C\x18\x13\xcc\xb1\xaf\xeb\xa0\x03\xa0\xdc)\xe0}\xbf\x1c\x85x\xbcl\x93\x9f\x07\x9c\x12\x94\xc7\x87t\x1c\xdd\x15n\x8b\xdd\xaa\xbbJ\x1a\x7f\x9b#\xa2\xf7\xfcHCA\xe3\xd8\xf7\xbd\xfc\x10\xe55\xb0/\xcf\x97\xc5na\x8f\xef}\xdf\x93\x9dM\xfe\x9aBX\xdafa\x1bWZ\x1d\x03\x9d\xb0\xb8)\\&amp;\xe2\x10\xca\x01c5\x15\xdcq\x19W\xb5\x02\x17\xe1/\xc1\x1f\xfe3\x91\xbf(Fy\x8d%\x97E\xbf\xbd\x8b:\xc4\x13\x85\xd5\xf6\xcc)]\xc7\xd8\x9c\xc0%\xe0\xc0o$d\xf3Q8\x82y\xba8\x9a\xfd\x15\xc6\xe6\x85\x1d\t;=\x15ItR\xbe\xc2\xaf}\t\xe8\xef\x14\x0c\xa8ym\x91.\xcd\xc2\x92\\\xad\xb6G\xf4em\xe8+\xa4\x9aa\xd1\xf2\xd7\xdb\x88\x846J$\x0f\x1f\xc9T\xd3\xf4\x9c@\'\xb8\x08\xa3\xec\x85\xaen\x80Q\x0e\x99\x02\xe5hw\x12qlrR\xb0\xbeOD\xe9\xe2\xc8\xe4\xfbp\xe4\x08c\xda\x91\xe2\xb4m{\x93\xb3\xe8\x15\x8e\xe7\xbd\xc7\xb2\xc2\xb9\xb8\xec\xc8\x08\x03yL\x859\xf3=\xb9\xecL\xfe\xf7\xdd\xe9\x82R\xa5 \xa6\xcd3\xf6\xac\xe2+V\xdbg\x00&lt;\x03\x90\xa0\x84lq\xb7\xf8\xeb\xad|8\xd9a\x8b\x970\ni\x96\xf8~\xe3\xfd\x13\xcd\x19\xa7M\x84TL\x98\xee\x8c\xc1\xcb5\xe7\xa9\n\x11\x81r\xec\xc7\nD\x7f9\xdcMLsf\xd6\xcf\xe0S@=v\xf2c\xe4G2Ge\xca\xde\t\xc3*\xd1{\xe1rE\'I\xbcw6\x1d2U/\x04\xec\x84km=Zr\xe2\xdblP&lt;Y/;\xbar\x94\xb6\x0ev\xa6I\x00\x00\xab\xa0\x96\x19\xfb\xeb\xbdo*&amp;\xf6&lt;\xab\x84aA\xc3\x92\xcf\x9fgU\xe6\xdd\x04&gt;j\xfc\xfb=Eh\xe1h\x0eha\xc2\x8a\x1eT\x84\x89\xb7+\xb8\xd6^\xab\xebm\xd8Tx5\xb0\xa7wX\x1a\xf7Qb5\xf9\x98\x0c]\xbeI\xef\xd4\x0e[\xac7o\xe7QX\xb0\x8c\x83\x07\xc1\x00\x17,#\x8e\xdd\xd5 k\x8b%&gt;G\x07\xab\x1e\xd7s\xf6}\xdf\xdfO\x85\x9e\xffQ\xa4\xc4\x92,\x0f\x88M\xc9WFg\xffm\x9a\x19\xc0\xe54\xd1\xf0~\xb5\n\xb5c\x03\xbe\xce\'\xf4\xf3\xa4\xef1Pvd\x86\xfc\x01\xb9\xe0\x7f\'\x8f[)\xba\xcd~\xb5\xa8\x03\x19\x1c\x8d\xbfD\xe1\xb2\x81\xbe=\xe1&gt;Q\xee\xc6-4x\xc9z\xff\x90h1X\xa3\x8eH\xab\xb4\x94U\xf4d\x85\x88\xbe_\xab\xa2\xe8\xdf\xed\x05\xf6\x17a\x03\xba\xbd\xc0\x80\xa7\xd8\xa0\xf0\xde\xa2d\xde\xa9\x17\xf9\x9c\xb7\x9a\xa1\xc8\x1d\xd0*\x15`T\xc5\xa3X\xad\x03XM\xdf)1&gt;\x11=;\'\xf6\\v/m\xc0 ]\xa1\x8a\xee\x83g\x9aU{\xa2_=\x9dxs\xed\x86h\x9bt\xacO+mNt\xed\xfa\x90\xec9\xce\xcb\xf4\xae\xd9\\\x8c\x16+)j\x1a\x07\xad\x08K\x07 Q\xec\xb5@\xde\xe2t\xb9\x1bc\xcd&amp;c9S\xa4\xcf\xe3sVd\xd8\x08\x07c%\xec\xe9r4%\xb7=\xe7\xb4\xc7i\xae\xdf\xd84H\x91\x9b\x03\xc2\x8f\x9a\x0c\x9c\xcb\x0f\xaf\xa8\xb3\xfc!\x81\xaa_\xa9\xf4\x12\x16\xd7v\xce\xd8\x9d\t\xc0\x86\xda\xd0o\x08\xd6T\x93\xe8\x00\n\xc7\x8cr\x860\x15B\xec{\x0cvT3\xc5i\x19\xd8\x87\x879\xecX\xae\xc5j\x0b\x0e\xe49\x9b\xe8/\x85Kl\x17\x17\x16w^H\xdb\xf6MC\xbd\xf6T\xb1\x85(""\xa2\xff3Z\x8a)\xb0\xe0N\xd0I\xc98\xddu\x07\xd0#\xb9\x91\xed\xdc\xdaE\xd1s\x84;\xac\x03\x18R\xab[\xaa_\x05ADD\xdf.!J\xf9\xa4\x98r\xcf\xfa:M\x19\xa6P\xb0a\xfe\xe9\xd0\xf5\x1e\x1f\xfd4z\xb1\xee\x16b=\xfc\x99\x9a\xf4\x95\xd2q\xb5\\\xc4(s\xf1\x9f\xc7T;|H9\xba\xfe"\x8c\x08\x99\x1eJ\x1a\x11\xf2N~r\xf3pW\xe2\xc6\xc7s,\xef\x7f3Z\xa4y o\xd4+\x80\x11\x91\xad\xb9Va\x16\xc1\xefzH\x03\xae\xd7\x7f\xa2\x84\xbaD\xf5\x92\xd3\xb7\xad\xd0\xc9\xec\x0f\x00p\x83\xbb\x0e\x80\x88\x88~\xb0\xec2m\xbd\xda\x86k\x8fs\x8edi\x06\xbdfM\x1e\xf7\x94\x9e\r\x18g\xfa\x92\r\xc6\xf2r\x10@\xc31\x98V&amp;\xa6\xc7\xda\xf0\x14\xd8\xb6\xfa\xa4\xc9\x1b4\\\xa5!\x94\x97e\xb8\xeb\x87\x0b`D\x86;\x16e\x02r\xd8\x8cBMx\r\x00{Vq7\x97\x8e\x01\x0b\x87\xd2r\xc2L9\x96/\xd1\xa7_\xe7p\xf1c:\x13\xaa3_\x14f\xf9\xed\rS\xa8\xf2+G/\xaf\xbb\xce,\x8e\x84\xef\x94\xd3\x91\xa6\xd6\xf8\xd5\xc8\xfb\x8cD\x87`\xd3\x87\xa6\xb4\x82\xf6;\x00\xb3^\x1e\xde\x83JC\x01\xa3e\x01\xe0F\xed\xdel\xac\x0b\x99\xe7\x95a\x8c\xe8lzW\xed\xc0w\x16r\xbf\xabw\\l\xb8g\xe2b\xe0\xf1\ri4[\xfd\xac6\xfc\xa0\xedl\x99\x84$\x9d\x8c\xcawCl1\x7f\\\xe6H+\xdf05\xf9\xe85{\xe5\x02\xfct:\xe5\xbf\xf5T\xbd|C{\xc3\xa6-\x8ey\x80\xc4H\x13\xf4\xa3o\xf9\xb6F\x8b\x08\x99\x15#S\xe1\xc1\\\xa4&lt;\x9aH\xf5\x16\xa5\xe2\xb2o\x83l\x9d5\x06E\x89Wa\x81fu\xaan\x0c\xd7\xa3\x86\x18\xd0\xa0\xd7\xe4D"\x8a\xbc\xe5\xcb\xf8f\x80\xe6B.;f\xad\xfa\x88\x8e\xbc\xce\x8c\xb2$\xb1=\x15\xb1\xc4\xc4[Ze\x0fT\x9e\x01\x1b\xda\xf3}\x1di \xd1\xea\xedd\xff\xa8\x08Fd\x0b9\xc7+XZ\xa8\xa3\xd9\x97.\xech0R\x13\x1c\x92\xda\x178!a\xd5\xa1\xd8\xf2\x0b\x88\xbe\xab\xb9\x9c\\\xc9"Sj\x9b4\xc8\xeeEY\xfa\xfd\xaf?r\xf2N\xbc\xd3&gt;\x12\x9b6\xfd\x1f\xa3\x05\xa8\xc2\x8e\r\xd3\x89\x82e\xb5\xb0aU\x8a\x8b\xb3\xb4\xce\xd9\x83;4\xf5\x953\x93k\x17\x00\x8b\xd8\x0f)Q\xf9\xa2\xea\xd3Oh\xd7\xa8\xcfj\x1d@-U\xf6\t/&amp;\xfaY!C\x11\xfddO\xc9K\xb9\x8f\x01\xbf\xf6\xf2*\xf7\x03\xa2\xdbn~\xbd\xdcI4\xc1a\x05\xf9\xa4\xa1\x03\x90\xde_\x99\xc3\xfe\xd5\xbf\x08\xa6\xcfa\xe8\xfc\xafGY\xa5Pn?\xf1\x94\xf99\xb6\x1e,{Y\xdaAw\xdd-[\xc3\x05\xa7\xcb$,\t\xef\x80\x0f\xfc\xe4nP\xc1\xf9\x8c\xc8y\xaec\xb3\xe4\xeb\xcb\x98\xd8\xf5\x9e0;%\x87p\x9aKNW\xca^#\xb0N\xa7\xd7G\x05\r\x82\x95\x05#f4"\x068\x98\xd0\x1d\x87BO\x8a\x19Q\xb8Y\x8a!\xf2\xd3\xd0W\x08`)\x1fD\x81\xfb\x9a\x99|\x120\xb9z\x95\xf4\x1f\xe3\x85=\x01\x00\x03q\xb0\tl\x81h\x9a\xde\xfb6\x82\x842?:\x15F\xce\xa5\xe4\xf9\x9e\xd9\xf1\xab\x8eW\xb9]3p\x99bx\xa4\xa6\xb7}\xd2\x17(\xc8p\xbfR\xd9bS\xe6\xc7\x03\xba0Z\x9e\x10[\xd2\x8c\xa6\xee\x9c(Ku\xdd\x85X\xa0x\x06\xf0`\xdf\xcba[\xf6f\xb2\xef\xfb9\xca\x1ee\xf3\xc40\xff\xf8*z\xc1@i5\x0f\xa8\xd1\xeb\xad\x11B\x95\x8emhW\xa5\xd4\x85In\xb9i\x08CD\xbfU\xa1\x9a&gt;\xaa\x83\x84\xc3\x8f\x0b\x1d\x02\x1d&gt;\xbe\x9b\xa5\xbbm\xc4\xde\xe8s\x15\xce\xa7\xdet\xe6\x00\xafJ\xbe\xf3\xf2I\xfc\xe2\xbf!*\xcb\xa3\x00\x06CQ_"\x83F\x90\x82\xe6J@Ft\t\xc5\x18"\xcfx\x13x@9Z\n\xbb\x19\xa1\x85\xc7h\xd5F\xda\x8bq`"7\xa4\x86Te^\xe4r6\x82f[\xc6\x08\xd7A\xf4\xe7\xc6IcQ\x123\x12\x96\x0e\xa0\xb8\x11\xb5He3X\x12*\xa7\xe5]"\xf8{\xc2Th\xf41f\xc4}\x06\xf1P1\xc0\x9d\xb4#:\xdd\xf4\x94\xa9\xfb3\xb8\xc1\xb1\xb9\xc4Z\xb1A5A\x05\x9d!nA\x0cF\xde\x87o\xe2\x15e\xae\xf9\xdf\x82\x02\x08\xe1.\xbfH\x0c\xd5W\x03\xd6\xf3\xc1|n\x92H7\x12\xc5&gt;UTR\x17\xfd^iY\x1e\xeamJ\x8b\xber\x81Z\xea\xa7\xf7\xbf}Yi\x93\x11\x18\xfd\xaeK\xe4|F\xf4s\xb5\x85K,\xb32\x96\xa6\x0f\xafA\xbc[\x03X\x06\x1d\x00\xf8\x84+\x1aR\x1b&gt;\x9e\xa3\xadGt\xb9\x96VU2y\xfe}p.`\x81;\xe8\t\xb4Y\xd0\xdc\rAF\x1f7f\x8am\x97I\x11\xb9\x0e@\xa2X5\xf4Wc\xbc[L\x02t\x00\x80\x93h(i\x06\x19\xff\xce\xc4\x14\x89\xc3\xa0\n\xca\xa9g\xac\x05\xac\x99\xdf`&lt;\x18d\xc5\x97\xc1=\x9d\xc9+\xbc\x9d\xfd\x11\xf0\xfc&gt;m\xb0\xa3\x1b\xbd8\xdc[.T$\xbc\xec|\xab\x9d\xeb6\x93~\x17\x85\xbej\x96\x8d)4a\x93(\xf4\xad\x02\x8c\xe5\xb9\xa9\xee\x00B\x1fxt\x06\xc5\xdeZ\xd3\xff\xfe\x9c\xae\x12\xf6\xbd\xc4\x8e\x9f\x92G*\xda\xaf\xd7\xe4\xf9\xd2\xbd\xfc\xb2\x1b\xd90\x15=\xe7\x13\xef\\v\xf8\x08\x89}\xb7\xd8L*C\xf5I\x85fs\xb5,\x99\x1a4\xe3\xe2x\xec\x90\xa5\x05nn\x0f&lt;\xb5\xf7\xdd\xa8\xe3\xce!\x83\xf1w~g\xfa\x9a\xce\x8a:$\xed\xa2!\xa56\xcc\x17Yjo\xeb\x00|e\x9b9VVS\xf0\x06\x90\x02,C\xbc\xf4\xed\x9d\xe9\xa3\xf9\xde\x1e\x18\x9b\x16K\xa6`\xb7\xc35\xff\xa7\xbf5\x12\xac\xae(1\xdb\xe5\x02\xeff\xd6\x0fc\tz\xf7\x00\n\x17\x1c.\x971\x9aF\xbf\xc1fU\xfe\xce\xf4\xd7\x1d%\x0b1\xaa\xdef\xea\x06\x9b\x97\x7f\xdf\xb4\x8d\xa8\xdf\x1dQ\xab\xf5$\rK\xa0:Q\'\xe7\x81\'\xf9C\xaf/\xe3\xffz$\x86\xe1\xe7\x87Oc\x8d\x92N\xfb\xa9\xe4\xc2\x06\xed\xab\xdd\x0f\x11U\x7f\xd6\x98\x1d\xdc\xb3\xcf\x01\x1aJ`\xa9\xd4`\xf8\x1d\xe2\x8c\x12l\xec\xac\xda\x9a/\xb4\xe1\xd5_\xce\xa0g\xc9\x9dUTy}\xf5\xe0\xe8\xa0\xd6pY\xbfTe\xff\x12\xc7\xfd\xf7&amp;\xf1\xeekS5\xc5\xbc\x15U{\xe3|\x0c\xb7\x01%\xf3\x89c\x1f\xf9\x15\xbd\xb9E\xc9\t\xe3\xd7\x98\x03a\xef\x00\xb6-?K\xe8!S\xf5C\x98U\tr\xde\x8ex\x12\x82\xd7\xb0\x8e\x1b\xbeS\xd1\xdb\xda\xb6\x9c\xae&gt;\xad\xe8\x95\xf4\x91\x8c\x81\xd9\x9f\xab\xb4\xf0s\xcc\x01\x00\x1b\xd3\x04\xd2\xc0\xa9qO\xad\xd1{c\xa3\xc5\xcc\x18\xb3\xe4\xb2eq\xb4lR\xb8H\xc5\xa2\x8e\x17\x9b\x80IH\xaf\x9a\xf5\x16&gt;\xb0\x03\xd0\xdaW\xb0\x8cM\x15lJ\xb5\xe5\x04\xfbz\xc7\xed\xe5*\xd7\x8e3z\xea2\x82;\x81\x1d\xf3\xb0\xee9C\xb2\x0b\xb9k\xd4\xb6\x84\xbd9\x8f\xceC\xf4B\x15\\k:\r%^\x98f\x80\x028)\x8c\x87\xe8\xc6\x97N&lt;\x11\xd1o\x91\xae\xe3\xb9\xea\xe0\xef\x8a\x9c\xb8N3K(\xbb\x8e\x11xq:\xb1\xd6I\x05\x08\xa9&lt;%]\xbd\xbe%\x0f\x81\n\x87*\x8c\x95&gt;\n3"M#\x80\x15h3\xb2S\xd7\\\xb6\x94\x93WJK"n\xc3\xa5\x86V\xed\xb0\xdb\xe8\xb5\xe2\xcf[j\xac\xa2_)^\xc5GE\xdc\xfa4O\xa4\xcc\xe2H\xd4\x0b\xca\xabpv\xccT8\xc0\xda\xdc:wT\x07\xe0\xcc\\v&amp;z\x85\x0e\xa3O\xba\xcaQ\xa0Y\x0c;*\\\xb8H\xf5\x97F\xc9\xf1\xa2\xdfJ\xda\x1d\x00\xfbxKie\xf5g,\x86c\x0e\x9b\x8dh!$:\x80\xd2\xa2~\x92\xa5$~\xcc&amp;ww\xb0X\xf2\xd5\x01p\x08T\\\x9d;\x18M\rLS&gt;1T\x80E\x8e\x8b:\xc3uC\x07\xc0\xc54\xbb2\xf6\xe3\xc1TZ\x00\x0c\\&lt;\xbaBV\xea\x99\xecgv\xcc\x1a%\x02\xed\x0cII\n\'\x0el\xc2&lt;;w\xa5{9\xce\xb4:\x13b\xe1)\x17\xe3n\x1b\xb8\xa3\xa5\xb9\x82\x1cz\n\xe32e\xbcX\xbb\xb0E\x0fAy\xd3\xa5\x9c\xa8H\xf7\x0f\xcd\x1a\xb6\x91t\xac\xd8W\xf5\x1b\xaf?\x0eI\xed\x0b\xbc&amp;\x96S\xd2d\x1875\xa3xCt4n\xdeF\xe6\xd0\xa7\xc71\x12\x16\xf8\xa1\xc5\x8e\x99\x03\x0b\xdc[\x81\xa9`\xa2\x7f:Z\x82nL\xd9S\x89\x1f\x1e-\x804\x8a\xcb8\xa5W\xfe\x0bI1\xda@\xcft\x90\xb5\xc2\xc0qb\xa4\x03\x98o\xc4\n$HD-\xe3\x16\x10K9\\\x85\x0f\xd9H|h\xa2\x91+\x9fJ\x10\x92\xad\x04\xa4\x92BL\xa5];\x92p\xa1\xa9\x91!GJCA\x86ZFi\x11\xd2;+\xf7Izt\xbbIJ\xb8\x0e\xd6\x89\x8cN5\x87[\xe9t\x14\xdas\'+Z\xcf\xa3\xce^\x04~\xb2\xac\'\xf9\x9d\x88j\r\xc5\x95\xc6\x0f\x1fa&lt;\xc7\xc2*\x16&lt;\x95Lk\xeb\xc8\x1c:rv6\xb2\x87e\xb7LuO7J\xe3\xc8\xfb=\xc8i\xa8`\xbd\xb0!7\xb8\xab\xd9\xc5\x8b\xc4\xc6\x84\x04#\x85\xbc\xff\xe0\xe6\x90\xa85\xaa\xec\xc3\xdbsH\xd3\xe6}\x04\xcc\x9d\x1f7\xfc`\x8ae\x7fY\x96\xcd+U\x1d\xc0y\x8b\x90\x18U\xd7\xb3\\3\x96*\xa5\xcf\x0bMu\xc3YI\xec\x88z\xa0\xf7\xfe\x9fx\xed\x9f\xeb3\xfc5\xbe\x17k\xcd\xf2Q\x0c\n)\x91\x8bL\xc3\x15\x8e=E\xa4e0\x95\xf2x)Q\xedrE\xb8u&lt;\xabY.\xcc\xa1\xa6t\x18SP\x85\x8b&amp;cSH\x83"-MC\x94\x98\x9d_\xb3\x97\xfc\xd9\x13D\xbf5\x10\xcd\xc3\x05\xc8\xa2&amp;!i\xfd@\xdeGu:\xd5\xb4\xf2\xea\xa8\xf4\xea*\xbf\xd8~\xd0\x02m&lt;\xc6\x84G\x99\xf51b%\xa2o\xfc\xe5\xd12h\xa2i\xf6\xaa\xf5\xed\xda%\xf1\xd5\x81\xa5\x12\xc08\xf3!4\xaf2\x98tH\xf2\x17\x1c\xad){\x82\x0e C\xd4:0\xd9\x82\x18\xf1\xb8\xb2\x18\x8bd\xff\xcd\xaaT\n8U\xfc\x0b\x8au\xedm\xb7Y3\xeb\xe5\xd4\x84\xe8x\'Z\xf8\xe5\xf3\xe6\xfa\x95\'\xd4\xa6Z\xc8\xbe7F\xa3\x1dl\xaa\xa0,\x95\x91\xa0\xb2 \x83i\x8c\xf8)A\xb9p\n\x8a&lt;U\xf0\xb1\t&amp;]\xfd\xab.\xdb\x1e\x03\x03(o\xc8:\xd1c$FM\x081\x90\xac\x1b\x8c\xf8)\xc1\xeb\x80\xc1\xe7\t\x99\x812?U\xddp\xb4i\xb8\xe5\x87\x0b\xe0\x8e\x9ee\xf4\xcf\x00\x1e\x1a\xbdC&amp;|CT\xbe\xac\x07\xe8\x0b\xa0\xca+K^\x97\x1d\xeck\x9e\x10\xf8iX\xdd\x1c\xc1%\xdda\xa7\xc5Jn\':\xba\xb1\xa2B\xec{p\x11\xe8\x8f\xf2t\xdb\xc3;\x80Q\xb5\x0f\x81\xe8\xbbF\x8b0)%C\x89\x92\x80+\xca\x98\xf5\xc5\xd6B\xc5\xc2\\$y\xfb\xe7oh\\R?.?\xe7:\xe8\x00\x1a\x88Z\xcf \x06\xe7\xaf\x031(\x12(\xa20\xb9\xdbo\x90,\x1cJ\xf6O\xb1E\xcf\xea\xcd\r\xecv\xd2\xbfP\xc9h\xcctA\xf0\xda\xcc\xf8\xca\xfe\xfd\xdd\x15\xad\xd4\xe7Y\xc3\x82\xcd\xc7K\xd0\xc4u"\xeb?~\'PaB\xcc:\xe5\\=\xe8/\xe7\x9e\xfd{\x96&amp;\xac\x1a\xac\x14S\xf2G]\xd01W\x8b\x97fJ\xe5\x0b\xd9\x05[5I\xa4\xb1\xed\x07\x0f\xc8Y/\xddH\xd4\xfcvYg\xe7\xaaW(\x05\x9c%\x86\xddI\xb6\xaeB9\xe4l\xae\xd9\n\xf3\xd6\x88\xa7l\xa9\xea\xd4(\x14c\xc1\xb9i\xd8J\x96R&lt;\xce|&amp;(\xd1\xe8y=\x94[\x1aEN\xa5\xa2\xda]\xfa\xb6\x92\xd2&lt;\x1bc\xdbjv_\xb8\x8e\x11\x8b\xe6R\x911D\xb1\x89DQ|V\xe6\x1f\x18Q\x19\xd8\xa23\x1aL\x05StH\x1b\xce\x12\n\x0b1\xa5T\x1b\xcaM]\xae\xae\xe6b\xf7\xe4\xbd\xb5Q!\x84f\xdd\xc3\x95\x05\xe6\x18\x12\x10\xec\x99\x89\xab\xb0\xc9\x9a\x87r\x07\xa0\\\xf2d\xce\xba0\xb5r\xf6\x18\x1eL\xc3\x05\xd0\x81\xe5l\xa84\xfd\x82\xa9\xcd\xebU\xea\x11\'\xad\x87\xb4\x9a6\xcdhS*\x00Z\xc6\x95\xe1B3\xbd# \xe0{\xd5\xf5\x0f\xd6uVw&lt;\xd8&lt;\x04\xcb\xdd\xaaY\xe6\xb6\xd84\xdaU\xbc\r4\xdd\x0c\xa6\xb1H\x14\xb5\x14PU\xcb\x1e\xbc|q\xdf\x8f\x7f\x95\xbe\x8b1\\\xab\xad\xaa\xb4\xf0z\xa2\xeb\x0bCz\x0c\xb8\xef\xfb\xbe\xb7\xbeN\xb6\x9b\xd0\xaa\x96;\x03\xd1\xf5\xa2\xda\xc2\xa5_\x0bj\xd6\x0b\xbe\xa8\xe8\x00\xf6=\x95_\xf6}\xff+\x1c\x02\x1d\xd0\xaf\xed\xbb\xbd\xfe\xa0\xdep\xf6\x17\x97\xcf\xcbE=nM\xbb\xe9^Z\xfa\xfa\xe7\xba\x8an\xc9:"{\x8d\x1d\xb8\x0e\xf64\xd6n\xa0j\x93\xedf\x0c\xd1\xf8O$\x16z] )\xd4\xbc\xd4\x9a-q\xbd\xe9e\xf2\x18\x8c\x87\x8b\xdb\xc6\xfb\xa9oc\x17?\xb6\x81\xef\xcbTa\xd93m+lj+r\x9f\xd5\xf1\x96v[`\xe4+\x9e\x99\xb1\xdd\xf3\x87\x0c\x89\x0e\xe0\xc1\x80\xc3e\xcec^\xc0R|\x8d7C&gt;\xdba_Sl\xe9\x00\xea/(\xa9\x82\xe8\x8f\x95\xcb\x10\x96\xdcp\x17#DD\xdfT~\xf1\x1f\xea\xcc\x9bc\xf5\xbd\xd4\xce5\xab\x8e^\xd6\xaf\xa7\xf1\xfe\xe9\xe0nR\xfb2\x9b\x80e\x00\xa2cki\xa7Z\x1f\x89\xd5[\xe0q\xd0T|ey\x99\xca\x84B\xc4\x13\x9f\r9\xfbI\xfb&lt;\xfcNH\xe5?\xe0\xd3\x98nd\x1e&gt;\x074\x9f\xf7&gt; \xfaE\xa2\x8d\xbeR\x97\xad\x9e\xb2\x83\xfdt\x7f\x87Q\xde\xcb\xf2\x97\xbb\x0e \x8b\x131\xb7\xad\xcf\xa4UQ|\xb90\xd1:\x9a\xe5)Ga0\'W~\t_,\xb9(\xbf\x0e@$\xbd\xe9_\xbe\xeb8\xfa\xb7R\xbfp\xd4_\xee\xd8}\xdf\xd3q`\xf1\xb7_\x9fa\xb5\x7fc\xf3\xe8\x91A3\x84\xa2\xf5\x18\x88\xe1+\xbay\x8aJB^\xc2D\x17\xcbKkm\xc1\xcbu\xa7\x067V\xa1\x8f%y\x0bVx\xa2(\x12\x1fn\xfc\x18\xc9\xf4\xa9\xd7,@uE\xb6\x1dQK\x8f:\xe1\xbd\x12a\x9f\xad\xbd\xad\xba3\xe4\x842cO\xc9a&amp;\x9d)\xcc@\x11\xe939\xff\xb8\xa4\x84\x80\xa7\x0b6\xedqJ\x1e\x0bS\xbc\xe1x7\x82\xb2\xfc\xcdu\xc9\t\xd9\xbf\x0ey,\xe5\xf9\\\xd1\xac\xa0P5\x85\x1d\x11sP_Cj\xbe\x97e7\xb2\x876\x01.wu\x9a\xae\xedF\x16\x066\xf8\xcez\xcf!E\x89\n\xac\xdb\x1e\xd63\x82~+\x9e\x18\xdf\x06\xb9\xe7\xa9\x8f?b\xdf\xf6\xd4R\x1b:\xa6\x8cZk\x07\xb9\x81R\xba\xd8 \xe5}I\xa7FQX\xea-\xf1\xc5\xfd\x02\xdf\xad:\xc7\xdc\xdaq\xb1\xba\x95\xfa\xdb}2U\xe5\xaa\xfe\x1cJ\xf7\t\xd1DT\xf2\xaa\xe9!u\x8d\xb3\xda\xee\xcb\x1f\xf4\xfe\xfc\xbb\xb0\xc0\x1f\x98a\xd0\x97?\x01\xf1c\xd7\xe3\x9e\xbe\xd6:|I\xbb\x05\xe3K\xb32\x9b\x15\xcc\x13}\xeb\x1e\x9f\x85t\xc9PWi\xaf\xd7Yb\xba\xfc~\xb9 \r\x93`s-\xbeZQ\xb4\x0f(\xbc\xbe\xae\xa2\xaf\xb6\xde\x19-\x8d\xbe\xcfW\x07\xe0\xae\x7f\x05\xab\x90\x08\xca\xe8\x12\xc1\xfdRR\xfcI9\xe9&amp;\x94-\xbc\xe4\x82\xda\xb5\x97*z\x07\x07\xef[yw\x17\x97t\x00\x16\xb2\x18K&gt;\xedW\xa3\\\x80Bi\xd1M\x00+\x94g\x07\xae\x80\xd5\x1f%U\xd5\xd5\x9b\xbb\x83B\xa4u,\xcc5\xf7O\xcanl\x94\x8a\x97\xa8\xa8cs\'C\x9f\x84\x1e\x00,\xc8\x19\xf15\x03%a\x99&gt;+\xe2l\x93\x9f\xc5\xfd\x1b\x96\xf2\x1eki\xbbK?\xf5\x98Jv\xc3\x85\xa1/\x8f\x97\x01\xb8DzaAe\xdcZ:\xcfPKUgE\xec5\x8a\xca_\xb8\x98\xf3t/\xbb&lt;=\x98\x9d\x11\n\x95`\x99\x99uk\xc6\xd4\x94MY\x12\xfe\xb4\xf8\xac\xc2\x10#\xcbu\x00\xa2\xf4HkJM#fg\x94\xc1\x82:\x17\xca\x8d\xac\xb9\xe1\xe7\x06\x13\x11Z\t\x8b\xc8\x96\xd7+9[\xec\xad\xe4\xf2.j\xa0i\xe8g\x1b\xb3\xa75\x87F\xe5\xd1\x1e\xe8\x9c\x87 \x1a\xd7\xd6\xc2\xbf\xa5\xd4\xe9)\xa2\\\x00k\xe1\xe1\x98\xd3\x94B\xa7\xe0k\x8b\xca\xaew_&gt;7\x9c\xff\xbb\xb8\xac5m\xb7\xa4\x7f7\x94A+X\x9bK\x19\xa4\xca\x0e\xf4\x87?oI\xc7}\xady\xb9Z\x91\x8e[\'\t\x1e!5\xeaB\xaacL\xc1NI\x07\xa0(\x0c{\x81\xa5\x99:\xaa\xfe\xfd\xc3Z+\xe9w\x15j\xb3u\x0b\x01SK\xa7\xb8OA\x92\xf8\x16\xa8B\x05NR\x17\xea\x8a\xad\x0e@\xe0\xc4K\xbb0D\xdf"Vru\xeef\x9eiq\x95\xa4Jz\x02\xa4/\xcc\xd8\x10\x8dv\xae\xc3[\r\xf8\xe4\xa9\xd1\xc2I\t\x867\xec\x8b0\x8e\x8aU(\xdc\x1a\xa3Sp\xdd\xf4\x8b]\xda\xc8\x8c\x90\xb7\x02\xc0Hv\xac\xfd\x14"K\xb9\x95+\xfb\xa7\x0b1\xd2\xc1$h\x13O\xa8\xef|*\xd0\xbe\x19\x1daj\xe8\x03\xb2|\xa1\xbf\x88\x8b\xa7\x9f~\xf0!\xfdC\x10\xe9pi\x08\xa69\xfa\xa1}\xdfY~@#\xdb \x85Z\xec]\xf8\x92\xec\xc0\xa5uV\x98\xed\x15\x0f\xb9\xe0\xe4\x11`\x9d\xcc\xc8\xe2AJ&gt;\xcbb\x13\xdeEN\x8b\xa8\x8d\xcb:+U\x0e\x9d\xc84\xd6L\x1c&lt;\xed\xe2D\xaeT\x17;[\x9d\x9d,`A\x86;w\xa9J\xcceS\x97\x10\xfb\x12\xae\xcb\x904\x11\t\xf4\x86[\x1e\xe4.W\'\xb1\x8cPX\xc2\x10\xaa\\\xa6\xa3K\x95&lt;F\xfa\x80\xe1\x94\x98\xa0sD\xe5\xc5\xce\xe9\x86\xecE\x0b\x97\x10Q\xd9/92\xd6X}T\xe0\xfe]\x98D.\xb7~~\xde"\x1bOz\x8a\x96\xc1\x15\xc5i\x01\xed\xaf\x95%,lJNi\x16R\x15,\x08=\xec0\xb3\x0f\x00\xd9K3\x9e\x86\xd2\t\xb4sV\x94\xa8\xf4;:\x8b(\xa8"\x94\xd3\xb8\x17D\xa9\xd5\xdd~\xd060\x9fF\xd2|q\xb4\x00o\x1c\x1bG\x12\x1b\x80\xd1\x8a\xe4J\xa3\xdc\xd6"\x11)\xa8YB\xd5\xa6=\x11%\xb4:\x94:\x1b\xa1\xb2\x82\xec\x8d_M\x91\x81\xc1\x90\rT\x89\x1a\x8f\xeaD\xaa\xb6\xd1\xa6\x1c\xc1p\nH\x85\xdf|\xf9wv\xfd\x87y\x8c_~en\xa5\xc2\xf5\x1e]\xe2l\xc7\xd3\xecM\\\x1e\xe16\x7f\x96/\xa7Z\xa8B\xf3\xc0\xfc\x0fV\xdaa\x0fh\xa8\xae\x99\x8f\xec\x1f\xfc\xcdY8oq@\x19\xb6%o\xa6r\xda\x050vx_`\r-^\xc5\xc0\r[\xb3\xbd&amp;\xb8#1\x06B\x00\xc8\xf2\x13\xc5W\xf6xb\x8e#\x1f\xb5\x1d\x80\x82\xbe|\xfb\xc9O\x9f\'\xb7\x19^\xf3\x03iE\xbdGN\x1b\xee\x9aL[~w\xa7&amp;\xa8\xc6\x8b\x9b\xdb\xe4\xabR\x8d\xcb\x08\x1a\xbd\x0b\xfd\xe7\'\xd5\xe8\xda\x01\xf087\xbb\xd4&amp;\x84\xfd\xc8t\x01\xcch\x04\xaf\x8bf\xe7~c\xc32"\xd1\x80\xbd\xa2\xda\x1d\xc5#_\x1a\xd9(\xbe@\xb7\xb8Ikw\xe8\x12~\xd2\xa3Wz\xf3\xd0\xce\xee:H\xa0\xbf\xf9\x0c\xa2x\xd9\x04~\xa01\x80\x06\xcc0j\x0f8\x1dW\x0b\n\x94$\xb9\x84\x15Y\x06J\xef%\xee\xc1\x96#\x9b\x88Ou\x89UaybjT,\x00\xd81\xdb\x08\x1b\x98I\x17\x1d\x06f\xe1\xc2\xf5+\xf8\xb4\x04X\xc9\x08\xa53\x80\x99\x1c\xd6\xacK|\x8d;\x99\x14&gt;\xd6\xbe\x93\xa5\xd9\xb7\xad\xce\x1euIz\xe5\x9dF\xd4\xe9\x85\xf5\n&gt;\xc2\xe7E\xb8\xb0\xdf\x8e\xd6\xa5\xc47l\xdb\x83Mb&lt;o*n\xdb\xb6\xd1/\xfb\xf8[?jyk\x1c\xdeHj\xcfG\x89\xd6[[\xddh\xe3\x81\x14\xa3\xce\x05\x80&lt;\xe7!\x90\xa7o%\x0e\xff\x0cw|\xd3Y7\tA\xc2\xf2\x87\xd9$\x8c\x81\xa8\xaf-/\xb2w\xe2\xe5l\x9be\xb0\xf8\x06\xda\t\x83C-L~\x9f@\x99~\xfb\xc8\x92\x06\\v\xcd\xef\xaa\xadtxjH,p-\x9b\xb4j{D\xa6\xd3\xc3\xfde\x80b\x867\xbc\x83\x86\xa5\x1b\x89\xf1\x9a\x11k\x84\x08\x89t)\xb5\xbc\x96\x8f\x05\xb7\xfa\x95:\xa70\x86\x99#\xbb\x10\xa6D\xc08\x12\xa1I_e/\xb2\xa6\xf6q\xed\xad\xbc\xb1\xd3\xeb\xfa\xa7r8\xc52\xc0\xdb\xc4\xf4\x7f\x0e\x14D\x15\xa4~\x10\xe15[gh\xe7d,Y\xb4\t\xc3\xab\xc0\xd9\xe8J\x8c#\xb1\x1fS\xbe\x1a\xf3CZR\x05%\xcb\x06\x0c\xd6\x7fBL\xb5M\xc0\x00\x11\xfd\xad\xdb\'\xcdE\xe9\x8f\x0f\x94\x1b\xff\xf0\x11P\xd5~\x1a\x8b\xa0\x0c\x9d\xba\xa5E\x03\x13B\xac\x87\x11\xef\x83\x08\x16\\\x13M\x10\x16\x12\xc7\xbd\x03\xb8\x7f8\rb\x83t\xb9\xe1\xbf!G\xbc\x16\xc1\xd4\xebUo&amp;\xc3[%`\x86m;Kd\xfd\xe1\xdf5\xdf\x1b/0yAC\x99C\na/J\x0ek\xcbzB\x0c\xd4Q\xb9\xea\xb3\xc3\xd1\xf4\xec\n!\xe4\x15G#\x82p\xb8\xf4\xb8\xbc\xfb&lt;\x1d\xa9\xad\xabYN\x85*\xa4W\xcf\xe4\no\xc3\xa0H\xdeQ\xeb\x00\xa4wz\x80E\n]\xde\x90\x97C\xca\xcb/\xaf\xa8\xe1\x96\xe8\xed\nw\tUdj\xe1\xee\xe9C\xe4\x94N4\xf32\x9c\xe5\x98\xa6\xc5\x96\x8a\x92\xffjm\xe9\xaf{WX\x9b\x8e\x92\x96\xaf\xb3\xeb\xb5\xaf\xfe\xc44\x98\xbe\xc7[j\xaeFH9Fz\xfd\xc4\xda\x90\xd9x\xb0\x12}w\xd6\x1ft\xf3\xda|#h\xdf\xd2\xf3\x11=\xe9\x00V\x87\xf7tA\xb6\x9c\xa5\xc2n\xf8\xae\xc9\xb2S\x1fG\xb8\xd8X\xd3\x91pts\xb1\x88\xa7\x1f\x84\x11\xcd\xfe\x8eB\xa3d\xa8\xf5\xa4\x0c\xfd\xf5\xbeG4\xde?\x11\xfa\xf5\x15\xfcP\x14\x17\x87\xc7\xec[sW\x19\xcd\xa8\xfc"\x11\xf0\x89\xd9\x0e\xe0\x9a\xeec\x17\x0c\x9f\n\x882\x9fj\xc1\x19\xe2\xe2[\xe8\xdf\xca\xc8\x02\x80m\xee\xd9\x8d=#\x94\xe4\xd0\xc2*%d\xcb^Px^\xc5#sh\x01\xa4A\x9cLB4\x17\x87\x07"%\x06\xbcO%\x1e\x9f\x8aTYL\xcf\x8aM\xf4\xc3\xc9\xa6\x0b\xa4\xfbXu\xa2\xa2\x99\xac\xda\xc0\xe2\xea\x03\x1e\xc2\x04u\xef\x06\x84:\x80Ga\x14\xea\x00\x0f\xe4\xa7&gt;:r\\*E\x9a\x03`\x08G\xcb+\xef\x00\x88\xe8?\t\x8b47D\xbfM\xab\xa2\xd7\x1fo\x1f"\xd7:\x03\x1e\x03\x8f(\xaf&lt;\x10\xfd\x8a\xe1\xe1\xe8}\xb1E_\xf4\xd0\\\x06M\xe7q\x01\xcd\x9d\xc0`N\xfa\x03\xb1\xf6\xf6\x86\xea\xa6o*\xd3+\xa8\x8fq\x93\x8av\x00\xe8]@\x04\x89\x98\xf08\xf8j&amp;\xaa)\xa3\xf6\x91\xc2\xed%2"\xfa\xdb\xa5W\x16^\xf6O\x144,4\xa35k\xfb\x02\xc6\xd3\xc6H\xbc\xe67\x06\xb9\x05\xd5W&lt;\xcc\xfe\xf4;.\x9f\xcb\xd6\x9b\xbe\xe0?\x08V\xfe\x06\xfd3\xad\x9a\x9a\xa0\xff\x1a\x1cKk+a\xa5\xd1\x0c\x00W\xee\xe3\xcd\xaa\xc6\xa0\xd0p:[8O\xd5H\x10V9\xcf\x9e6\xfbh\xcd\x0e\xe0\xbf \xaa\xa7\xa7\xf0|NO\x07PX&amp;M\x1a\xda\xc9\x00\x00\x16rIDAT\x0b\x88W9V\xde\xa4\x99\xa9\x03(\xd7\xa5\xe2\xca\xe0\x96V\xb9@\x9e1\xef\x02\xdaoo\xe5\xe8|I\xc7\x11%ro\xfa\xb8\xc4-\x82\x92\x85\x06\x7f\xe1e.\xae)w\xdfq\x1d\x1a\x9a?\x86\xf8\xacm,Y\xf3&amp;\x16\xd9wQ\x80r`\xfbup\xd1\xd0\xfe\xc4h\x01\x0c\xf1\x8da\xbb\xa6\xf1\xcf\xb37\xb6] \xd1\x1f\xb0\xdb\x8d\xac\xfe\x00^Z\xaa\x99\xd6F\xa2X;peH\x14\xa0\x8e\xc8\x84ZzA\xa6\\\x8c\xe12hrlLn\xdb\xb6\xef\xfb\x99bFY\x80\x88D\xeb6\x12c\r\xbc\\\xe3Qv\xf0F\xd6\x95\xf6S\x90\xd4\x1e@Zm\xa1\x11\xd0\xeb]\x11\x9fBH\xd4b\x96}\xff0\xfb\xf0\xec\x7fT\xadP\xb7\xa9\xa1t%~%O\xf1\xf6\xbe\x96\xec\xc5\x8e\xdd\xf7A\xfa7\x06\xee\xdfM\xa02\x03\x97\xe00e\x14S\xc2\x18\xe1\xe9\xc1\xb4\xa7\x8b\x13we+z\xff\xe7lo\xdf\\\xe4\t\x80B5\xb3\x8b\x81\xacB\x99`\x91\x00H\x11\x9a\x80\xdd\x1c\xfd%\x15\x1fh\x8b_\xf9\xb5I\x03\xf7\x8e\xb4\x9a\x94|\xaco\xbe\x86\xd4\xa6\x8bY\x03\xb8\xf3N\x95\xb4\xcd\xaa\xd1\x8c\xa1[\x07\xbd3Z\x1c~\x86\xebU&gt;Z\xb7\x0c\xd7\xf0\xd0\x85\xe6\x9d1c\xca\xbfi],I\xfaF\x95`\xfd\xfe2\xe5\xb21\xc8Y\xc1\xb8q\xf5\xddo\xd6 \xa1`+\xb7\x8a\xc9\xd4\x9e\xde\x8fU\xe3\xd7\xe9\xadQ\xc4\x90a\xa9M\xd3\'B\x87W\\w\x16\xce\x96\xf6\x17\x19+\x13\xa0\xa7\x0f\xb3\x19\xab \xca\xca\x83\x95\xf1\x94\xf7\xbe\xbc^\x82\xcb\x8d`\xd6\x11\xe2\xfb"V\x15\x07 \x03K\xec\nl\x1a\xd7\xec\xfcp\xd5\xba\x06\n\xdb&lt;\\\x85{I\xac\xf6\xe5\\sQ\xd7/\xaa\xef\x02\n\xd3A\x83?\xe9\xf5\xecO\xf6\x88\xb9\xd0\x86~X\xab\xf19\xa0\xa9\xc7M\xedH\x92EBTG\xeawBb\x8f\x9e\xd8y\x9cj\x1do2\xa3y\xecGg\xed[O\x1f\xb7\x10\xfd\x91~#i\xda\xf8_\xab\xd54\x1d+4\x05\xb4\xf8^\x84\x17\x04\xbe\x8d\xbeg\xfb\xba\xd6\xce\xe4\xac]\xc0E)z\xbdbb&gt;M\x01#+\x84\xc7\n:\xb6S\x98\x0b\xa3\xa9\x84\xc5\xaem\xaf?K\xdf\x92:\xb1S\xd3\x01\xd8\t\x9d{r/\xbf\xde \x91X\xb2\'\xb19\x81\x00\xd8\xb6\x8d\xf7ep\xe7\x1a\xfd\xc0BH\xe8\xfdv\xd1\xba&gt;F\xc6E\xd2\x92\xb1\xd7BU\t\xff\\\x08\x83\xc7\x9fJn\x8f\x011\xa9z\xe8\x8fL\xcd\xd8V\xc3\xa6\xb3\x1a\x08G\x1d\x13\xa8\xd3H\xcf\xd8\x8b\x02&gt;?\x1c-UO\x99\xf6F\xa2\x9fX^\xbcJ\xcf\xba\x94\x851\xc2\x9aj\xbbs7\x11\xd1o\xf2\'6\x0f\xbc9\xc5n~\x02\xc2(l\x1a7W\xd1s\x8c\r\xacF:%\xce\x96\xe1\x1c\xe9\xc3%h\x8f\x83u\xac\xd5\xef\x94\xa8\x8e\xcd\x9d}\xf9]\xb2y\xfc\xd75\xde+q\x97\xe5\x86\x83qX\x0f\xb3\x19\xafJ\x9ftf$\xfay\xcb\xab\x10\xe5\xf4\x8f%\x85\xf88\xbd#\x93z&amp;8\x14$\xda\x01\\.\xf3\xdd\x01T\xb6z\xcb\xea\x00U\x9e"\xa1\xea\xfc\x8cq\x9aS\xa1x\x07\xc03\xfcg\x91e\x1e&amp;\x8a\\f\xce\x01\x07\xac3-m\xae\xfd\x99\x87\xa2\xca\x0b\xc3\xc2\xeb\n\xd8\x1f\x16Pe\xdc\xb2\xd5k\xd8&amp; \x81\xf1x\xde\n\xcf\x95\x9d\xe7\xcf\xa8\xe9p\x1e\xcdr\xd2\x0bH\x83P\xb9c\xc4&amp;\xc7\xf0&gt;\xfa\xd5p\xd9\xa4ivA[\xc2\xd4\xa4\xe8]@\xa65\x006\xa0\xd6\xf1NxK\xc9\x8b\x9e\xe4\x10\x1a\xac\xb5=\x9fh\x87\xcf\xb5\xc4\xc35\xfb~\xf9\xb5m\xd7\xda\x89b&lt;\xfboU\xb9}\xca\xe7P\x00#=\xe3\x9d\xe1c\xa5c\x84\xfb$\x83\x91a\xb8&gt;\xc7\xf3\x82w\xbd\xefI\x7fA\xe3L@\xcd\xdb@\xd1\xcf\xfbDm\x80\xd6\xff\x10\xf8\xc0\xb1\xe4\x9e\x93\x9f%\xc1\x95\xeb8|X}\x0c\xfc\xf7-\x92\xfd\xb7\x985\x86\x0b\xec\x05S\x86\xaa{\x1d\xb4\xd9#\x8f\xb5\x98\xdf\x9b\xe1d\xdfw/\xa76\xffBq\x92UV\x86+\xfb\x97\xafq\t\r\xa8+\xa2`\xf4\x9clV\x1c[\x95^\xff\xe5:\x1a&lt;*\'\xb9\xc8\x86\xbc\x0cW8\xd1\xe7\x8e:]\xf3)\x80\x81x\xd0\x91!\xfdt\xce\xf9G\xd5l\xac\xfcz\x0bv\x06\xda\xc0\xeb\xc3\xb1\xe0\x82\xd48`\xb4x\x85\xc9\xab"\'\xf6\xc93\x96KB\xa7\xff\x98\x7f\xe2\xdd\xfa\x01\xde\x80f!\x9d\xe8W\xc7\x17\x85\xca}\xdf\xd3s;\xe5\x99\x02\xe3\x81;|\xfbw\xe3\xd8\xbd\xb8\x96@\xb1\x9dSW\x1c\x1a\xd5\x05O\x93\xd6\xfd\x01PUBmMg\xe1\xc3\xa3T\x02)\x95,\xb4\xea\x03\xa2m\xdb\x97\xee\x824O\xb0\xd8\xf1\xbb}\xcc\x1e\xab\x0b\x03\xe6\xd2\x01\\\x9c\xcbr\x16(s\xfej\x90\x95\x169\xe6$\xf2\x9b\xc0\xe5\xe7\x1c.WJ\x8cU\xf7}\xdb\xcd\x8f\x82Ea&lt;\\\x9f5\xe2\x94\x8d\xe4\x847\x8a\xf4-U\xb7u\xb7m\x9b\x8aC\xd3\x15\x18\xc9\xfeO\x1fz\xa7a\xbe\xe6}j\x9bg\xcaa\xac\x17\xa5D\xe5\xf4b\x04!JF\xd3g\x9a;\ru\xff\xe4\xf2y\xc8\x1c\xe6Ux\xec9=\xefQ\xa3z\x0f`\xdf\x1f\x03\x02X\xc6\x8b\xb3D\xe5\xf4b\x84\x12\x1a:\xb36\xe5g2Z\x96\xcf\xe5\xaf}\x97\x1d\xf2\x1b\xc8\xfe[\xdb\x12\x90\x05\xb9\xefpz\x8b[A\x0b\x93GW\'5\xa4\x98I\xfd\x91\xef\xcc\x98\xcb\x92\'\xa7J\n-\xc5H\x16m\xdc\x03\x18\xfb\xce\x96\x90\xc3O?\x1c\xfc\xdd\x0f\xbbb\x7f\xcf\x86\xad\x00H@\xdf\xb2m\xaf\xc4\x94i\xdd\xb3\xbe\x15\xee\xbe\xe3\xed]\xa3\x1c.\xd5\x0b\'\xbf\x8b\xaf\xea\x963j\xe1\x8e\x88\xec$\x06D\xcb\x13\xd1\xa3b\x89=\x83)7\x00\x8e_48\xffy\xdf\x05\xb9|^Q\xf2fe\xcd\xe7\x82\xc8)\xa0(\x87\r\xd3?\x11\xd3P\xacA\x9b\xdad\x7f1\xa0^\xe5*\x9f\xb1$\x8b\x12\x85\xcd\xea\xf9-xom\x96\xe8y\xfd\xc7\xbfm#\xef\xbc\xe3ZW \xda\xf7\xdd\xe0\x1a\xac\xd8\x83`\xb7\xb1\xc3\xd9\x9b\xf6O;\x16l\xc6+\x83a{\x0f\x15OH\xdd\xae\xdc\xb7m\xdb?_\x00\xf3\x1a\xc4\xf5T\xe2\t\xc6dm\xd6@-\x1d@\xc9\x83E\xb5\xea\xf6\xbcF\xb8\xb3\x04\xa0\xf9\xa4\x18p\xc7m$\xf7~&lt;f\xb1\xb8\xe9T\xd7\x9a\xb5\xaa\x97\x80\xcedAUo\x16\xbc\x95PwK\xe2\xbbA+\x1b\x1ey2&lt;\x0c\xd8\x83\xb5I\xbd\x10a|\x9c\xd12_\xdc\xf0*\xd4\xbfy M\xcb\x8b;\xb6W\x07P\xbb\xad\x81\xd1:\xa8Em\xfd\x07\x0bM\xd6\x18\xe8\x91E\xde\x03\xd1E\xc3v\x86\xe6\x1e\x88\xc1\xfd\x16\x00@9\xc3[om\x02A\xcey#j\x89\xc4) \xe6\xda\xe1\tV\x9aW\xfc\x80k\x14\x9e\x1f\x9c\xe3\xb12_\xef\xc4n\xa1\xa1?\x14\x92\x04\xf4\x00\xbfl0B%\xd9\xcc\x06{\x827\x14\x02\x021\x07\x9a\x99{\xac\x16\xd2\xa9\xe6q\xfb"\xb6\x02\x0c\xd0\x9fG\xb8\xb8G|\xd6?:B\x86\x0b\xa0\x00\x8b\x0f\xef\x1d@\xcb)\xbee\xba[w\xf8\xde\xda\xc6\x01v!$\x0c{\xbcH\xdc\xc8\xf9\n\x9c\xf9i\x06\x8d\xae\x01\xb3F+\x12\xc8\xac\xf4\xc0\x11Oc@\xc4\x15X\nS\x83\x8f\xc6w\x01\x91\xb1\xd7\x0b\x87\x92\x18\x11)\xe4\x90\xce\x9cX\x83(\xf9]\x11\xa0\x0c\xbc\xa0\x86\x9d\xec\xbf\x15v\x00\x0f/\t\xd9[~6Z\x98\xd7\x92\xe5h9b\x18r\xbb:A\x90\xa4\xde6L\xf4\'K\x0b\x8c\x17\x0eZ\xf0b@/r:\xa2\xf4]@\xf1&gt;\xe0\xf5\x1d\x9b8\x1d\x14\xbd\xc7|\x106\xa52E\xc9\x83\xe5\xe1Rd\xf4\xcd\x04\n0\xbc\xcbP\x8b*Q]\x84\xa8\x0b!}\xd1\xfb:h\xc6\x97\x81\x94w\xef\xf7\xebLE\xc6\xc4\xe3\x94\xcb3;\x975\xc0\xa7#\x83\xef\x9f\xc4_\x07\xb2\x178\xd1\xc2;\x8b\x0c\xc5Y\x8eBQ\'\x0eW\xe3X\xb0\xbc\xde\xef\x01d\xa9h\xdb\x06\x0c\x97`x\x92\xea!\x1d\x94\xfb\xfb\xcb /\x19\xf9I\xf1\xe8\xe7\xb6}\x08\x80\x06\x16\xfa\x00\x8b\xc0.\xa3\x10\xb2|\xcf\x91\x819\x82a\x0e-\x00#v\x0e\xd18`\x8e\x17\x86\xacLa\xb8GV\x90\xe0z\xe0\x8a\xc2pE\x07P\x07\xdeF2\x01=^\x82\x8b\xc1@\xca\x83\xafp\xbek\xa1\x03h}\x0e@]\xec\xac\xa5\\\xaf\xbc\xafD{\xd0\xc3\xc5` S\x06_K\x07@D=\xcd\xb8\x8d\x92\x13 \xc3\xbbS \x8dS\x17;\x15\x1bH\xe3rLc\xe8\t`\xb0\x18\x88;G\xac\x9c\'\xbc\xe8\xde\xb8\x04\xd4\x7f\x1e\xdb\x85u\x805\\\x8e\x98\xc0z P\xaf\\^\xd7\xb3\xf2\x89@\x00\x00\xb0@\xd9\xdb@\xb7\xea\xdf\x7f\x8f\x14\x82_\x84\x07`^\xf0\xce`\x8f\x94-\x01q\x0c\xbb\xe7\x8b\x8c\xcbt\x04\xb3\x13\xe0\x05\x89\x15j\x0b/\xeap\xc7\xf0\xa4Q\xb8\x070\xecg\xe1\x86\x1b(\xc1\xf5m6\x88~\x00\xc0\x94d\xf3\xf0\xd8Lm\xb9\x9f\xf0\x85\x97\xd3\x0b\x1b\xcf\xbct]\x1c9zb\xe0\x82mC,\x1a\xa3\xd6\x17\xf0\x9dG\xd0\xe8\x003\x97\x80\xca\xbd\x168\xb8\xab#\x10\x97\x8da\xb4^\xd0\x03:\x00 \x02\x11\x11\xfd\xfb\xda[\x1a\xebj\xbaW\'\xee\xd1\xba\x80Y\x90\xfd\x81\x14\x89\xd8b\x0f;\xb3q\x8c\x17X\x02\xe3\x98m;\xc0\x19\xe5at\x89\xb9\x92\x8de\x84\xa95L\xb9\xc3\x940\x00\xb8C\xf5\x17\xc1\xc2\x93\xc2\xc7\x1b\xe5\xb2\xd7\xcb\x0be\x0b\xfb\tmA\xa7\x000+\xcc\x1d@\xd5\x88\xccr*\x195\xb44l\x12\x8bX\x0e!\xcb\x90\x87\xa1\x06\xf0\x07{\xde\x1c\x95\x88\xe7^z\xc23}\x00\xce\x00\x0e@\xd6\x98\x06;\xae\xb4"\xc78\xec\xf8\x02\x00\x00TA\xfa\x03\xc0:}O\x87\xa1\x853s;\xc1\x05\x0b\x03\xe0\x1e\xd5S@jx\xdc\x1b\xa4\x80\xd1\xb2\xc4\xc9\xff$\xe7\x9f\xd2\x11\x04\x1b\x98\x00,\x80\xd9T(Dm\xf6\x1fh\x9f\xa7\xb7z\xe8K\xb28\xb09\x98\x16\xd1\xe7i\x8fr\xfb\xcb\'\xf2= m\x13&gt;\xf2\xa2\'$#\x00\x80#\xa8`\xd0\x8d\xa4V\x0el\x05\x00\xe0A\'\x99X^s\x97fQ\xb5\x81\x0c\xcb\xb6#PM6R.\x07N\xc6\x86\xd6\xe8\xfa\xa5\x98T-\x00@)cN\x01e\xcf\xe8\xdc\x0e\x9c\x8cN\xc2\x05\x95\xbb\xcb\xa7\x1e\xcfJ\x01\x00&lt;q\xa4\xc5\x9e\x95\x16#\xab4\x16d\xf0\x05\xd76;\x00`\x18\xe9\xe6\xcb\xf2\xb8\xd6\xfd\x8f\xfb\x95\xb7E!\xed\xb4\xb2B\x8d\x12\x18\xe9\xbf\x01\x00F\xa9M\x10N\x13J\xfa\xf72\xd3\xd7{\xe4\x9c\x018\xf5\x17\xe8\x07\xae\x9f\n\xda6\xfa\x7f\xc5\x17\xcb\xf8\xfe,\x94\xfe&amp;O-\x88P!&gt;;\x80\xc1\x82\x00\x00\xd4\xd1i\xf8=[\x0b\xbc\x92\x00\x00\x00\xf8\x00\tv&gt;0\x9c7\x05\xbc\x01:\x91:\x06Z\xf2\x8b\x8f` \xed\xb9\x03I\xc7\x0c8\xc8\x0b,b\xfc\xad\x96\t\xd4d\xf6h\x1c`\x10"\xc4\x12\x00Z\xa0\xad\x01\t\xbc?%\x03\xc0ld\xdfx\x8c\xb6\x07\xb8@\x18M\x8c\xe541\xc9\x1a\xe2aa\xde%QJZ\xe7\xd3\xa7X\x88\x05\x00&lt;s\xbc\x0b\xc1f\x9e\x10|\x17\x90t\xaf\'\xdd\xad\x86\xeeJ\r\xfc\xed\xf6\xee\x00\x80\xf1\xec\x0b\x8e\x12k\xf7\x81\rO\x92\xae\x84/\xae\xc0S\x08`n\x10\xa8`\xdbX\x87\xb9\xf7\xbe\x817\xc8\x1e_(\xc4X\x07\x00\x0b\xa0\xb9\xcb\x85\x9ef-\x88~A\xbdF\xaf\x87S\x01\x18\x82r\x070\xb6eJ+\x8b\xe4\x03\x00\x00vY0C\x8f\xf9A\x18P\xcez1\t\xc00\x16\xdb\xabe\xc2]\x8aBV\x05\x00\x00\x00\x00\x00\x8d`(\xf9\x8153\xc01\x00\x000\x0c;\tXa\x7f_\xaep\x00\x00\x00\x00\x80% \x0c\xaa\x00\x00\x00p\x81\x1e\x054\x82\xc8\x01\x00\x00\x00\x00\x00\xc0\x15\x98\xfd\x89\x02\xf3\x82\x1e\x10=\xf3@D\xdf;Z\x86\x0b\x08/\x00\x00\x00\x00\x00\x00\xc4\xc0p\x1b\xdc\xc1\x1a\x11\x00\x00\x00\x00\x00p\x08\x86\xb1^\x80\xa7\x00\x00\xcc \xad\x00\x00\x00\x00\x00\x00\x00\x00\x00\x004\x83\x85\x15\x00\x00\x00\x00\x00\x00L\xe2h\x17\xd4\x91\xa8\x00\x00\x00\x00\x00^\xc1\x80\xcb)_\x90\xae\xa0\x7f0\xde\xf0{^\x98\x01\x00\xa0\x06\x11\xe1\x9d\xe9N\x91\xed\x00\xd8\x12\xf1\x97\xf7\x9aJy\xea\\\x1ct\xa2\xa0\x90}\xdf\xf7\xbd\xa2\x85\x82U\xa0\x17\xea\xf5*W\x08\xbc\x82~\x0e\x00U\xdaZ\xdc\xd9P\xd1b\x01\xf0\x05\xda\xacY\x18\x96\x80j\xc7\xf8\r\x93\xc5\xb0\xf4\xecd\x13]\x05\x00v@3\x9c\n\xe3\xee\x1c\xb2\xe2\x14\xd6&gt;\xaaj\x00\xcc\x82Va</t>
        </is>
      </c>
      <c r="E471" t="inlineStr">
        <is>
          <t>&lt;class 'numpy.ndarray'&gt;</t>
        </is>
      </c>
    </row>
    <row r="472">
      <c r="A472" s="1" t="n">
        <v>470</v>
      </c>
      <c r="B472" t="inlineStr">
        <is>
          <t>steps_per_sec</t>
        </is>
      </c>
      <c r="C472" t="n">
        <v>6800</v>
      </c>
      <c r="D472" t="inlineStr">
        <is>
          <t>10.300489</t>
        </is>
      </c>
      <c r="E472" t="inlineStr">
        <is>
          <t>&lt;class 'numpy.ndarray'&gt;</t>
        </is>
      </c>
    </row>
    <row r="473">
      <c r="A473" s="1" t="n">
        <v>471</v>
      </c>
      <c r="B473" t="inlineStr">
        <is>
          <t>Loss/object_center</t>
        </is>
      </c>
      <c r="C473" t="n">
        <v>6800</v>
      </c>
      <c r="D473" t="inlineStr">
        <is>
          <t>0.446271</t>
        </is>
      </c>
      <c r="E473" t="inlineStr">
        <is>
          <t>&lt;class 'numpy.ndarray'&gt;</t>
        </is>
      </c>
    </row>
    <row r="474">
      <c r="A474" s="1" t="n">
        <v>472</v>
      </c>
      <c r="B474" t="inlineStr">
        <is>
          <t>Loss/box/scale</t>
        </is>
      </c>
      <c r="C474" t="n">
        <v>6800</v>
      </c>
      <c r="D474" t="inlineStr">
        <is>
          <t>0.08646604</t>
        </is>
      </c>
      <c r="E474" t="inlineStr">
        <is>
          <t>&lt;class 'numpy.ndarray'&gt;</t>
        </is>
      </c>
    </row>
    <row r="475">
      <c r="A475" s="1" t="n">
        <v>473</v>
      </c>
      <c r="B475" t="inlineStr">
        <is>
          <t>Loss/box/offset</t>
        </is>
      </c>
      <c r="C475" t="n">
        <v>6800</v>
      </c>
      <c r="D475" t="inlineStr">
        <is>
          <t>0.19198999</t>
        </is>
      </c>
      <c r="E475" t="inlineStr">
        <is>
          <t>&lt;class 'numpy.ndarray'&gt;</t>
        </is>
      </c>
    </row>
    <row r="476">
      <c r="A476" s="1" t="n">
        <v>474</v>
      </c>
      <c r="B476" t="inlineStr">
        <is>
          <t>Loss/total_loss</t>
        </is>
      </c>
      <c r="C476" t="n">
        <v>6800</v>
      </c>
      <c r="D476" t="inlineStr">
        <is>
          <t>0.72472703</t>
        </is>
      </c>
      <c r="E476" t="inlineStr">
        <is>
          <t>&lt;class 'numpy.ndarray'&gt;</t>
        </is>
      </c>
    </row>
    <row r="477">
      <c r="A477" s="1" t="n">
        <v>475</v>
      </c>
      <c r="B477" t="inlineStr">
        <is>
          <t>learning_rate</t>
        </is>
      </c>
      <c r="C477" t="n">
        <v>6800</v>
      </c>
      <c r="D477" t="inlineStr">
        <is>
          <t>0.0009998669</t>
        </is>
      </c>
      <c r="E477" t="inlineStr">
        <is>
          <t>&lt;class 'numpy.ndarray'&gt;</t>
        </is>
      </c>
    </row>
    <row r="478">
      <c r="A478" s="1" t="n">
        <v>476</v>
      </c>
      <c r="B478" t="inlineStr">
        <is>
          <t>train_input_images</t>
        </is>
      </c>
      <c r="C478" t="n">
        <v>6800</v>
      </c>
      <c r="D478" t="inlineStr">
        <is>
          <t>[b'512' b'512'
 b'\x89PNG\r\n\x1a\n\x00\x00\x00\rIHDR\x00\x00\x02\x00\x00\x00\x02\x00\x08\x02\x00\x00\x00{\x1aC\xad\x00\x00 \x00IDATx\x9c\xed}\xcd\x96\xe5\xb8\xaa&amp;\xeaugU\xd3\xc8\x17\xa8z\xe4\xdbo\x97\xb9z^5\x8d\x1c\xd3\x03\xeb\x07!@H\xb6wxG\xf1\xads\xb2v\xd8\x12 \t!@\xb2\r\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 \x10\x08\x04\x02\x81W#}\xb5\x00\x0b@\xc4\xf6GJ\x00\x00\xc7\x85\x04Po\xa5\xc4\x9a\x84@\xee\x1e\x15\x11\x00&gt;\x00\xfeI)u4\x0b-\x85R\x15\xe0wJ\x7f\n\xe2\x15FcEA\xfe_)\xfd-\x96bU\xa0\xcaCZ`\x8dZ\xe1\x92\x8en9\nS\xd6v\xf5J\x84\x15C\xfc\x00\xf8\xb7vu!\x0b\x8cX\xad\x88\xe56\xbd\x7f\\\xac\xd7p(\x00dH\xfd\xb2\xdd\x84A7 \xa5$4\xf9\'x\x86\x92\x13L\t\x06\xfa\x00?\x00\xfe\x81a\x8cp\xd0+B*\x01\x08\xa3@e\xb6E\x9av\xe6\xd8\x0f\x87v\x9d\x1f\x83JY\x94\xc1\xbe\xfb\x02\xa0\xa4\x87Bo\x90\xa1$\xba\r\x00/R\xd43x\xba|\x0c\xc3\x14\x02j\xaf\xe9\x80U\xd3\xc9\xad|J)\xd3\xf9\x91\xd2\xbf\x02\xd9\xbe$\xe3&gt;\x9f-3\xe3\xb5\xa4\xcf|\xf5\x92\xe5\x1aX\x94\x12L\xe0[Mg\xee\xc3\xca\xfa\'\xc0_\xbc\xb1l\x01\xf0\x93\xed\xd6\x8c\xb6\xfc\xc8\xa4\x0c\xf37]]\x1a\x05\xd9@Kn\xc1@p\xb4\xd7\xa2T\xc6z0\xd4\x85\xaa\xcc3\xd99\xbb\xf3\n\xd0\xe4\xbcB{\xfaI:u\xb6\xe6lW\xc5C\xfc\x14\x1d8?\xac5\xe0W\x82\xbf\xdb\x9c}\xfe\x02\xf0\x7f\xbeZ\x80\x06\x1c}\xdd\x01\xbd9A2\xf3\x12\xf0y\xf8I\xabu\xe5$\xb2)%\xeeG\xfd\xec\xc5\x13\xbd\xf1"HS\xe5\xbe\n\xd3\x95\x83\x8f\x1fb\xd9Y/\xfd\x10\x7fc\x11i\x81\xbd\x1b8\xfcJ\x7f\xe7\xa5\x96\x16\x13\x9cU\x8d\xe0\xd0u0\x08\x7f\xf8\xe3\x8b\x82\xa2h\xd6\xc1\xa1{\xa2\x0c\xa0/\'\xa3\xb4\xf5\x17\xbf\x02|\x99\xf7\xf2\xc8U?\xc5`%\r\xda\xe6\x0c\xfe\xf0\'\xb7\xbf\xc7\xec\xd0\xb4Q\x1c,\xad$\xe0G\x0b^\xd4X\xb9\x13Z\x17u\xae\xcfL6\x04\x00\xf8c*\xaa\x8dAl2\xe3\xfeB\xaf&amp;\x05(\x8a\x1a9J2\xd4+zIB\x1f\xd1\xa1\xb2"A\xd9$Q\xca\xc3\x1c\x16\xaf\x1b\x04\xb5\xc28\xb6z\xdd\x8e\x1f\xb3z{\x01\xf0\xd4\x1d\x9b\x8c\xc4\x0e\xa2TrJD\x1ck"U\xab\xd5K\xfb\x01\x92\xb1\x96\x07\x11\xa1g\xd2\x15fw=\x1d\x88\x88\xfe\xde\xe6\x92\xfb\x8a\xf5\x92\x0b\x0b\xc0\x94\xa0\\\x986\xd6[\xc5\xa1\x18\x8a\xf2Rvj\xf9\x9f\x02\xc1\xb1\x98_&lt;w\xcb&amp;0\xa8`\xac\x02\xb7\x82\x19}M\x05\xf0g\xe7JTm\x83\xd9\xacX\x98\xea\xcc:\x1f\xbf\xb9\x9c\x1fZ\xdd\x9e\xe9\xc7D\x95k\x14R\xa6\xfdT&lt;Na\xc5\x8a\xd9u\xb5i\xe9da\x94a\xd79__\xad% Ci\x1a\x1f\\\x06\x1f\xd9=\x918\xa9^\xafF\xc9\x15\x01\x80\xdeG\x04\xfc)h\xbe\xdaLNM^fD\x01\xa8\xc0\x88x\xd4\x1dK\x8a\xdc\xfc\xdd\xcc\xc6K.3X\xfc\xab\x06\xe5{\xe0\xe9)*\xe8\x07\xcc\x88a\x11\x91\xed\xac"K\xc8@\xf6\x18\x9d\x81\xb0?\x81\x87\x88\x00?\xe0\xd8Q\xd8J\xff\t\xabR\xc9*\nY\xec\x81\x05\xf6;\xabr\xf6\xb9m~\xac\xca6\n\x06\xda\x1e +l\x8d\x17\xcf\x05\xb7\xb2\xac9\x94\x96&amp;\xffF\xbb\xa6\x02\x97\xc8E\xb1\x17)\xc1\xa4\xdb\xcbI\x05\xb21\xbe$\x1f\xb2=\xfc\x95\xe6\x8df\x8em&lt;\x08=&lt;\x14V\x89\x03@/[\xddi\xe3;\xd5\xa5\x97\x90l\x9e\x0f\x1c\x7f\x00\xfc;\xde\x1d\xd5X\x1a\xf7,\xce\x03\xb3\xed\xa2\xc0O\xc3\xff|\xb5\x00\x97\xe1\xd8\x04&gt;P\xad$\xb5+\t\x00S\xca\xc6\xa6\x16\xd3w\x05\x96X\xd7\xdf\xa8T\x9fM\xfea\x12\x92\xcc\t\xadH\xd3\xeaU\xc3(;Ur\xfc\x84\xf4\xe7\xaaF\xca\xf6q\xa0a8\xa1\x1a\xc3\x91\x86\xddCV\xaa}k\x9aM\xd7\xaa4-3\xe9v,\xbb\x1e\xd6\x96\xb5$\x98\xd2\xa0\xdd\x96\x8e\xe2m\x1b&amp;\x04\x80\x9f\x90\xfe&amp;\xfa\xaa\xec\x967.\xc9\xd8\xfa\x11\x0e\xd4\xd5\xc5\xb2\xad\xa0 /\xc3JD\x02\xa5\xe7\xbfrax\x97(\xe3A\x9b\xc0\x07j4:\xde\x9a\x8e%\xf5=\xb4\x02\xe9X\x03\x0e\x16%Hv\t\xe6+\xc6v\xdeZ-\xa5\xf6\xdcu\x95\\9\xcf\xd1\xbd\xce\x93Jiz\xf2A\x0c\xe4\x85b\x92t\xf2.\xbaDc\xda\x8d\x88\x08\xf0\x9b\nO\xdbK\x7fOS\x04:\x0b\x9e\xc2\xd2\xfa\x93\xee\xdc\xee\x85\x17\x9a?\xab\x96\x87\xa6\xc7\xea\x1ei\xf9\xd7\xd3|\xcd\xf1\xb7\xeb\x804\xfa\xd9\xf1\xcfAv\xf3\xab\xe0W3\xf4\x9eAi\xaa\xf2K\xd5\xc9$\xad\x19R\xe8Pn\xfd\xac\x05j\xf7|%\x9e\xee\xf9\x17&lt;KN\xcd\t\\\x8f\x9d\xc1^\xff%\x1d\xbd\xc6W\xd0\xa2\n\xbf\xf7V\xf3!v\xab\xed\x95\xa340\xd5,\x84\xdd&gt;\x1a\xd4\xb3\x8b\xe4B*\x11\xd4&lt;\xb7#\x13\x9c\xd6U&lt;\xee\xb1\xf7h\xd2l5\xc1\xa2\xa5G.\x07\x13\xbb\xf4\xa7\xbd\xdc\xb7.\xc2\x92j\xa3\xfa&lt;\xcd\x01\xda4a\x18\x9a\xd1\xbfN\xf9x\xd5\x07\xc0?\xb5\x9a\xc1\xe2X\xb3\xd9\xe9\x1a\x8f\x8f\xb2PZ\x91\x81-l5lN)!~\x02\xfc\xf1\xfc$\xcc\xd7\xe2A\xbd\x93\x15Q\x89\xa5A\xb4\xaa X\x99z\xcbn\xdb\x98\xdaV\x93\x0c:\x17\x9b\xa67\xe4_\x1f\x06c_d\xbceo\xa2\xe0`\xe2\xa9H{-R\xc5\x06\xab\'\x9b%r\xec\x7f\x8c"\x19\t=\x81\xd7\xb5\xedr\xaa\x07\x08\xb6[\x13,\x91\xe7Wh\x86]^\x00\x16}\x05\xbe$\xe44\xbd\xbc&lt;\xd7\x15}\xda\xc2\xa5^\xb5\x0b{B\x96\x8d\x89s-\x8e\x87]\xca,\xfb\x80\xf4\xeft|\x9f\x86\'\xa5\x80\xfa\xd0\r\xd9-\xe9,M2\x82\xf7)\xbb_\xa4\xc8\xcc\xfaO\x89\xc1\x99\x98\xb3\xa6\xa4\xdcX\x89l\xfa\x02\xe6\x9f\xa5\xb9\xec\xb0\xfce\xaal$\x83;6\xd5\x91c\x83&gt;nG\xf7w\xfd\x82\xf6\x1d\xf8\xdb]O\xc0\xd1\xe7\xae\xe1+E\x0c\xeb@S^3!]\xd6\x9f\xc9\xa91\xad\xac\xfb*\x8d\x8d\x87\x05\xad&gt;O\xd8\xb2d\xe9p\x7fJ\xc4?\xdc\x9b\xb9\xc2\x19M\xf8+\x0f="\x02\xfcC\xad\xbf3A\x17h\xa8g\xc5\xe00\xf8\xe7\xce\xadg\x9a\xa6\xf5^\xa5\x9e\xed\xb4q\x02\x92\x14\x1b%\x99\x90\xd5\xf6Q\xd5Z\x80\xfd]\xecN\xacw{\xc5\x87\xd8\x8c\x05J\xa8\xb7\xc42z#`^\x82\x14\x9b\x10AD\xad\x1b}\xc2\xbc\x12b/j\x12\xd6\xeb\xab\xf2\x1b\x06eJ\xca;\x84J\xad*\x80T\xe6c\xac\xe2\xe6@+\xf2y\xaa\xc9\x9b\xd5\xbe\xd3\xd5\x89\x876-0\x93M8\x9f]\xad\x13\xea\x8f\x89&lt;GE\r&lt;(N\xa9\xbev\x0b\xa9\xa4\xf7\xa2\xc8u\x87\x03y\xb4\xf7\xb5\x1c\x11,\x9e\xaa\xa84e\x82R\xc0\xbeP\xb1O\xb6\x96\xde\xf8m\xe41)\x97R~\xe1%-Bp3p\xaa\xb2\xc1\x9a\xc3\xa5v,\xeb\x19M\x1e\xbd\xc9Pm\x91\x96\xd4~\rP&lt;\xab\xda\xc3Hk\xe0\t\x81Yv\x1b\x87}\x05\x9a\r\xc3\x92Vm]\xa7\x8c\xb2$m\xce\xec\xdf\xb6G\xc2\xdfUeO\x19\xd6\xcfc\xf6\xef\xf2\xbc\x7f\xe1(\xc4\xaec\xca\xd1P\xfb\xc7\xe2)\xf2\xe2pX\x18\xa4.V\xabWu\x87\xb6\x8a\x1c\xaa\xcfL\xc31\r\xea\xdd\x05\xa3\x96_n\x03\xc6\x0e\xad\x16\x8c\x8f\x13\xac\xa9\xb2\x94\xef\x9e\xae^c\xb1yi\x91\x02\xd48\xff\xc8\xfd\xb7\xaek3s\x95f\x93J\xa8\x89e\xe1\xd5vt\xd4\x9a\x95x\xd9\xa6h\xfb\xdbv\x9d]XkU/\'[Jg\t\xba\xb3\x82\x8e\xe3n\xec\x03\x89B\xf2\xdc\x8b|\xc4\x9e\xbc\x10\xa9y\'\x17\xdb8\x84r\xdc\xd6\xe1d\xd8.\x8bs\xd6\\\x0ecv?\x7f\'\xe0I{\x00\xc0\xc7?\xb9\x17\xa8\xe6\xecP\x8f5%\xbaI@c\xd9\xc3\xc0-\rN&gt;\xfd\xf6+W\x13\xeb\x1a\x99\xdd\xca\x9bg\x90\xa4\xd0\xb2\xbf\xbf\x10H\xd6Y\xea\x0c\xc6SM:C\x0b\xf2i\xb5\xd5^\x82~J\x02\xf9U\x8c_\x11\xb1\xde\xaa\xb3\xa5\xcf\x80k\xc4\x13\xb03\x82\xe5\xd7\xd5\x11w]\x02\x19]\xec\x7f\xb3U?\xd7\x92\xf2\x84\xb3\xc6\x9d\x92s^\xac\xfd\xfc\x81\x88\xedIrco\xa0\x12\xc7\xfc\xcfZ\xc4&lt;\xd3\xde&lt;\x15\x8f2\x9eL\rY\xeb\xa5V\xab\xb1B@\xc3\xd3\x17(\'F\xd7@\xf6\x89\xca\xc5\xbdfS_\x89\xa5_\xa6\x04k\x9c\xde\xe7Tsh9\xa6\xad\x1a~\xa5\x1cyh\xf9\x19\xe07\xfd\x91\x93H\xed\xa4\x89\x9a:\xf2\xd7\xfaGb\'\x9cI\xb0\x88\xf4m\x17\xbb\xc1\xc1\x95\xa5:\x1d%\x13@\xa7l\xb6\xaa[\x04\xc5\xc8`&amp;\xcc\x91W\x11\xab\xc8\x9dS\xaaM3]\xd3Pf,\xef\xa7v\x87\xf7-8\xfb \x8c\xe6\x1bE\x00O\x97\xcf\x89yP\x0cB\x9c\xdb&amp;X\xe2\xb9&lt;\xe2\xe7\xf5\xd9U\xfcH\xe9_!\x14]\x19\xebq\xc7B\xe2+\x83%\xbe\x97x\x93EhxS\xffu\xe1\xf3|\xf7\xa5/\xe0Y&gt;5"\xa9\x1c\xf7\xa6\xec\xc4\xa4\xd0d\x1b\x06\xf84\xae\xa9B\xa3\xf0\x08O\xd7\xf9\xbb\xda\xd6j\x9a\xbe\xa31\xd7$\x8b2tN\x9d\x05\xf6\xb6\r\x13\xc0\xb0\xc5\x94\xa0-\x8f\xbc\x8e\xae\xeb\xdf\xc9\xf9\xb8\xc6K\xfa\xc6\x06\xf0\x05\x00\xe8\x9a\xfdd&lt;,\x05\xb4\x8b\x92\xeci8\xae\xd7\xf8=\x89\x83\x91\xe7&lt;\xd7\xd1\xc1\xdb\xa3\x13\xe0_\x90uz%Q\xa3\xaaE7\xd3\xa48\x97\xaeEk/\x83+1\x90"A\x8d\x8d\xc4\\\xb0\x9f\xfe&lt;\x03\xde\xf5/"\x7f\xed\xb6\x13G\xe7 \xc0\xf9\xb7\xfb\x169\x8e\xff\xd6V\xb0\xfb\x9e\x9cZ\xc2\xfe\xfdk\x02\x1f\x8f,\x85\xddA\xb3Q\'ZMe\x86\xf2V\xe4\x96\x02UF\x8d\x9a\xf9J7\xb5\x9b\x16\xb86*\xef\xe2\xc6V\xb8\x97~(\xd6\xce&gt;\xa4\x96\xeb\xf5d\xc8X\x86\x93\xb6\xba\tz\x9b\xe1\x15\xad\xffp\xe5m\x12Po\xb6\x00X\xaf\xc0$\x8a\\\xffw\xd4Qk$\xf1\xed\x05\xe5\x16\x90\xdc\xbd\xe4\x8b\xb1\xf5\xc6c(\xcb\xdc\x96oQ\xd2\xbd$\xe5\xcfN\xd8f\xf8\xfc\x19O\xb20"\xbb\xce\x17\xce\x99\xc5\xe3\x93\xb0\x0f\x9aX\xdf\xa2"gJys\xa5\x91b\\\xa0&gt;\xe5/\x8d\xbe\xf2\xa6\xd5&amp;b\xc7+\x1dI\t\xabU}\xcf\xf3U\r\x11\x11\xb93\xd1\x1e(A"\xbe\x12"\x10.&gt;+\xc5\x97UI\xfc\xf6J\xa8d/\xe4%\xcaa\xf9\na\xe8\xdb]\x81Z!\xa5\xadrV\x1f\xb7\xd5\xabu)\xa4$\xab\x9fbg;UI\xa5rn\xb8\xc1\xf4B\xfc\x1a\xf8&lt;\xde\xd9\xff\x9e\xc0\xf2/U\x19\xfaH\xc1&gt;\xe5\x9f\x85rQi\xd4_\xf3\xed\xe4D\xd5\xba\x88\x8a\xec\xd6\xe4\xc0&gt;}Y\xb1&gt;Ol\xd6\xb3\x92\x0b\x0b\x00\xd2*F\xe1~\xc1\xa8\x17{j\x96\xd8\x9a&lt;K\x9d\x00\x92?P\x87X\x13[\xa1\x83E+d\xc8\xb5\xfa\xc5rF\xbc\xd1j\xee&gt;!\x8e0\xe9v\x0f\x18\x05\x1cN\x10\xf0\x02\x00H&gt;\xea\xc2\xa9\x99\x9aF%o\xe5\x8f*?\xbbb\x93n\x94\xee"\xa2\xe6 \x9e\xe9"\xca\xa6\x13[\x1fx\xbf6~9\xde~\xd5\xc2\xd2\x06\xe49\xdc\xeeO^\xcb\xbc[\xca\x9c\xfdt\x9c\xc6\x97\xa0\xfbro.3\x8c\xca\xa8L%\xe6\xc8\x8fJ\xd0\x8bP|:F\xedXs\x00\x8e]e(\xdb\xd1\xc2K\x8cY4\xe2i\xcb\xf9\x90[\x1c\x11q\x16\x19e\xc6\xb6\xf0L\x0e\xe4\xde\x1e;Y\x15\x0c@|^D\x9d\xe1)%i\x10iE\x8f\x96r\xfa)\x91\x93\xaf\xba&lt;\x84\x96-\x034-\xe22\xd4+\x07\x05\x1c7\xcff\x93+\xf5\xfb\xc3\x82JC\xa7\xf68lB\x90\xe6\xff\xa0\xaf$bwo\xcc\xf5dF\x90\x92&gt;\xd62\x12\rN\x1e\x8e\xf7H\x01\x19+jKe\n\x99\x93\xec\xb3\xef\xad\xc5\xd5\xfa\x93\x08\xe0\xfc\xaa\xfe\xa3\xffs\xc8\'\xf8\x0c\x13\xe6\x19\xf3/\x0c\xf3\x96\xca\x884=Z\x7f\xfc\x95\xdd\xd04|\xe6\x0f\x87\xb8\xde\xf2\xc5~\xa9\t\xb4mp6#}7\xc7\xb1-\x1d\x99\x05\x99\x94\xd25IH\xb3.\xa5C-\xfaLK\x8b\xad\x1c\x9a\xcew!js\xe4&gt;8\xb2@\xad8\x8e\xf9\xb1\xde9u\xac\xb5\xa2$f\x95V\xbe\xa5F\xbbw\x98S\xca=\xb4l\xde?\x99Y\x9fod\xbfk\xbb\x8c0\xdd\x83\xfa\xdc/\xa5\xa3\x1br\x9e\x07&gt;h\x00$\xd7n\xc6\x03\xf0\x06\x0b\x00\xb1`\xdemO\xa2\xe5X\xff\x16\x8b\xcdI\xfd\xac\x12L\xbc\xc6\xd1\xdeHl\x9b\xc3\xcer\xfd\x16\xc4b\x87\xc37\x14\x13|C7I\xb1`\xa3\xc3,\xd4\xdf\x93\xa5\xd5\xd5\xbdc\x1f\x91\x0b\xc2&gt;\xa2{r\x8f[\x819\xb6Y\xd9\xe78\n\xca\xf6\xb6\xecX\x12\x9b\xdb/\xbf\x04\xff\xdbW\x84\xe1\xcf\xd1\xcb\x86\xbaG%\x98\x18U\x9e"\xc9\xe1}\xff\xdb\xda0z\x07\xc6\xea\xe8\xd6L\xa3\xf7\xa87\x0f%\x92\xd0\xc2\xb5\x94\x12\x10i\x81Y\xd6,Oj\x14\x84\xb0\xb5\xca\xb3\xfc\xe6\x07\xec\xc2\xde\x7f\x8a\x00M\xf8Q\x9e\xbeL\'s\x8b\x01\xdf\x01OY\x00\xacy\x98\xa08\xce\x9b\xe7=$\x85v{\xaf\x7f!\xfc\x9aO\xc0&lt;\xf9\x85V|\x96\x025"N\x00\x00\xbf\x16\xfc\x83Dt\xab]L\x9d\x8eQ\xe9R\xff.\xaa\xde\x8f\x9b\x9b\x92\x1eu\xd9\xfb-\xbd\x8f\xccV\xf3\x1f\xe6\xdd&amp;\x1db\xee\xe42(\xcdR\x8c{\x99*\xa1Y\xa3\xd2\xe1\xaf\x17G\xb8Q\x1cF\xed\xb8\x90\xed\xb9\xa3\xaf\x8a\xcf+PcV\x8fx%\xdd\x15Q\x8c,\xf3p\xd1^\xb4\xa4\xe6d7H,\xefY]\xc6*\x948o2[\\S\x1a\xcb\x084\xe7L\x89\x15\x06\xa8\xda\xd5\x0f\xd1\x9e\xd7]F\x8e\xb8\x98l9\x1f\x12rj\x8f\xd5\xc8\xf0-\xf0\x141E\x0f\x08J\xae\x90^\xf1hj\xa7mf\x05\x8d\xef\x06\xaa\x89\x1fcy\x96\xf1\x84!\x07\xba\xc5\x0e\xa8{2J\xd2I\xe0"\xd8\xed(xj\x1f\x89\xa4\x93\xddG\x0f\xf2\xd7\xad\t\xc6\xbd\xc6\xf9\xa3@UC\xbcN+\x08\xa60\x91l8\xbb:\x89\xfbZ+\x90\t\xcfh2\xa3I\xaf\x90\x90\xe7\x02]\x1c92\xfa\xe8\xeb.{j\x88\xbe&lt;\x02\x00~\xa6\xf4\'\x9d\x0bi\xf7Q\x8f\xa9x\xfd\x85\x94\x1c\x1f\xab\x10\xe8\x94\xe8\xe4 r\xfcq\xd0\x03\x04\x80OH\x7f&amp;\xa97.4\x1d_\x88\xa7D\x00*Fw\xc6Q\xc9\xb5H(\x04\xdd\x99\x01\x81\xa9\xea\x14\x80\xe5\x12\x88&gt;\x94\x83]G\x9eP\x93\xb8{\x90c\xf05\x9d6\x17W\x1f\x05\xba\xd3\xae\xef\xf4\xb4\x14\x07[!\x0e\x1a\xfe\xa9h\x8b\x95R\x0b\\\x10\xfd\x96\xab\x05\xff3\x87\xdaN\x9b\x887\r\x89\xd1$\xd8\x89\xb7n\xae\x0c\xba)\xe7\x1b\x1bU\xfcyX\xd3?\xe9\xf5\xd4\xefL\\\x88\xa15\xc5\x82\x9fR\xe0\x96\xf8Oy\x8a\xfdaDN\x1a\xcd\r\xeb\xf1Ux\xf4\n\xd6\xa5\xe6\x00`Q\x99Dw\x80:\x80\xcdG+\x85\xb4\x1c\xa5\xca\x02\xb2#\xcf}:\xd2\x00\x8d\x0esEG\x0f\xb1y\x94[\x9eF\xf5\xac\xfd\xb5\xe5,\x84\xa9\xe8\x978A\xe6\x84\xe98T\x8fR&lt;\x99\xb3\xcb\xab\xac,\xc5\x19\xa4\xce\xfb\xc9\x06\xaeD\x00\xd6\x9b\\;m!\xb4\xca\x1c\xf9\xd1e\xfc\xa1\xa8%\x08J\x88\'\x94\xaa\x13\t\xc1\x10X\xae\xb2nq\xd0\x1c\xe8&lt;dP;Gm\x95\x1ds\x8fQ;\x00\xb7?r\x8aB\x1a\xdf7\xc2C#\x80\xe2\xd7t\xbd?.\xee]\x89\x01\xd5\r\xe9\xb2yb\xf8?F\x93\xceDS\xbf\xb5F\xd3\xee\xd5\xeb?\xce\x15\xb0\x8a\xb5\xae\xcd\x80V\x98\xcb\xd37.\x15_lZq\x1b\x1b\xc4\xd7\xa3+-\x01\xb8\x13\xa5\x8d\xa0C\x9d\x18\x8b_$\xfbt\x82\x81G\x86\xc3\x8eYE\xa9\x1c\xb4\xe99\x02\xeawP+_Iz\x1aH\xd5hW\x8c$\xec\x1e\x9e\xb6\x0c\xc7A2\xb7^`\x10\x83\x1a\x01Q\x96D\xfe\xed\x7fejN\x1c\xa1[\xd1\x86\xa6c\xbd\xec\xc7\xace\x19\x02\x9eg{\x1b\xe7\x1f\x00\x1e\xbb\x000\xd5\xd2\x97\xf5: \xd6\x13\xa1\x89(\xab\x18\xa4\xf3\xdd|\x87\x84t\x98;\x17\x95\xbe\xd8 K\xf5\x0f\x90\x99\xc6*T\xcd\xeb\x04\x18\xaeL\x84i+\n7\x97\x1eu\x14&lt;\xcb\xb2\x93\xf5:\xbf\xa60\xcaCS\xce\x98\x8a\x02$3\xe1Vf\xe8\x07J\x8f\xa7yr\xdf\xb9\xe4\xdfK\xa9%\x195/\x84\x04\xe5N_N\xb7\x89 X[\xe2j(]$\xd5\xca\x1d\xc2{OwG&amp;\xeb5v%\xc7\xca\xed_f\xd9{\x1a\xa5\xe0 F7\x11\xac\xdc\xec\x98\xe3\xca\xd6\xba\xce\xc7\x9f\x93%+\xe9\x9d\xd6\x0bK\xe8\x8bY\x89s\xdf\x9f\td\xe0\xf0D"\xb9^\x7f\xb3I\xb5\xc9hM\xaa\xf6\xbb\xb1\x16\xa5\xa0\xd2\x9d\x97\x93KB\x9d\x0e\xc6\xa5&gt;-\xbc\xce\rA~\x95\xf1yP\t\x85[;\xc1\xc1\xc0\xa2W\x89\x0e\\\x12\x99\xdb\xe5\xc3$RFD\x1a\x17\xd2\xe6\xcb\x9dS+\xe6\x80r\xeef2\xcd\x04\xda9\n}\x83\xfbB\x03\xeb\x9f\x94\xb2\xa7\xa2\xa30+R\xfe\xe2\x11\xf6U\xe0\x82\rh\xc5\x84\xf2wHt=\x9e\x15\x01t\xdd\x96J\x0c\xce\xbd\x8c\x96\xea(K\xbe\xe0\xa8\xb1A`\x1eG\xff\xdb5X\x85\xa0\x90\x13\xac\x8c\x8cl9\xccJ,\xa3Lo\xa8\xeeOu\xdf\xff\xee\xa4^\xa6\xfc\x17\xe2\xcf\xe10\x9f!\x88\x8fjJ\xa9\xee\xd8\x0e7\x7f\xf4i\x98]\x18\xa2\xf6\xdb-e\x8b\xb2/BJL\xf8\x94\x9e_Z\xb7\xfa\xad\xd1\x7f\t\xc7\xee\xf8\x10[\xab:\nG\xb6\'\x81\xfd\x12$D\xae\xa5H\xfc\xa61\xbc&amp;#\xc2\x1bnDZUZ\xc4\xa6\x87\xd4?\xb2\x05#\xbf;\xee\x063%2n\x11\xb6!\xa7&amp;\x06\xbd(\\\x16\xc3\xd0\xd4\xbf}\x88\xec\x18QzNa\xbe\x16\xcf\xda\xb8hj\xa4\\\xa1Jcm\r\x91\x13\x8dux\xe8\xc6\x8e\xb0`\x94\xff\xcf\xb7\x89J\x89b\x01\xf2EPz3W\xbc\xe18\x04\x8e\x9b"\xf4H%\x81wKC\xc7\x1d\xb9\xa0\xa3\xff.\',6\x84\xc9\x7f,\x9e \xab\x16\x19\xe2\xa3\xd8\xd0\xf8Z\xdd`\xc1\xa5\x12\x06K\xe9\xf0\xa6`\\\x8d\xbb\xba\xd9\xda\xe2X\x80x$\xa3m\x12\xc4d\xe5\xa5\xbbF\x16\x96\xcf\xd9|\x1d\x00\xf8\xc7\xf8,.}\xbbd\x9a\xa2\xcc\x1d\x94:h\xef$\xb3Uv\xe8\xb4NIt\xb1F\x91^\x97A\xdd\xc5\xb3"\x00\x18\xbalp@\xea\xaak\x93)\xe7\xd9\xfbU\x1a\xca\xe2\re\xde\xb41\xab+\x80\x9ed\x1c\xaea\xaa\xd0\x8d\xfb\xb4\x80\x13\x82w"\x14\xb0\xac\x7f\r\x99/\xe1~\x01\x86M\x8bK\xc0uf\xf0a\xa9;\xdc\xae\x90\xba\xa9z\xb5-9\xad\xf2\xaa\xcf\xc7\x19+(\x96\xe4\xd7P\xb7\xe2G\xd3\xd5v\xb1=\x96\xd1\xfb\xce\xc7\x7f&gt;\xc5\xde\x1b3&lt;=SMF\xa1n\x95\x93\x87JNGL\x12`\x0egyi\xe7L\xf7\xc0\xd4hv\xbc\xc4L?\xa5jGC\xa9\xec\x9c]\xef\xd4\xdc\x86g-\x00SeJ\t\\\xcf\x97\xfe\x1a\xe7\xd2@\xaa\xe7H\xf6\x86\x95\x08\xa0\xaf\xe8\x91\xd6 B\xaf \xe4/A\xda\xd6y\xcaL( \xbd\xb46\xa5\x7f7\xb2\xfc)\x87\x17\xd7c\x9a\xd1.Y\xbf\xc5\xd4jJ\x92\xed\x1a\xedcW\x87\x94iq\xdbQ\x8e\xad\x18\x00PL\xff\x1f55a8\xf5\xf2\x006\xe9\xfe\xcd\xa1FondjY\xb6?[\xee\xaf\xdb\xd1m\xd5\xfb\x81\x16t\x9b\xf7\xa9\xbb\x7f;\xa7L\xdf\x85\x16\xefjL\x86&gt;6CR)\xa2r\xe8\x87\xa7\xccoPr_\x8e\xee\xf9\x91\xa0\xed\xfcOK\x7f9\xde@D(*\x9d\x86\xdfjyD\x80\x1f\x90\xfe5\x8a\x1d!\xf9\x18\xa8Z2H\x91)\x9e8\x0b\xdf2\t\xa9e\x81\x9da8O\x8e\x1d\xdf\xacO\xfca\xd41\xf30\x93GM"\xd9q\xf4\x84\xb2\xd4:1\xebb\xd4\xa5\xa5&lt;\xf9\x04\x81\x14\x8c\x938\x13\xa0\x1d\xc5\xd2}\xb4\x16\xcb\x0f\xac\xa68V1&amp;\x1ea6\x05\xb0\x7f\xf8\xb6P\xf8-\xbe\xda\xd6\x0cJL\x91\xa8&lt;R\x8e\xe8\x98\x83\xec|*\xcc\xb2(\x94\xa0\xe7!\x03s\xc5e=\xc0\xeeK\xa9\xbf\xfe\x96\xc0\x0e&amp;\xe6\xa2n\x0c\xbfA\xf6\x07\x00\x9e\x16\x01X\xa8{\x9eh\x1e\x97n#\xfa\x8f]\x8c:{~\x01\xc6a\x9df*-\xcfu\xd8\x973\xa95J\xc3\x1c\x84\xfc\xdd\xe0Q\x9b\r\xe1\x06$\x80\x94\xfe\xcc\xbe\xcf\x18=\x80\xd5\x14\'\xd4|\x84E\xf6G\x96N\x9f\xb4N\xa4\xfaO\xc5/z\xabd~\xb2t\x99_\t%\xec\x04\xc0\x04cx\xb7\xd4\x06\x96\x065C\x83\x9aq\xfa\x84&amp;\xb9\xfcbs_\xc0!Y\xc9r\xbd8"\x02i\x80\x7f\x04uIm\xa3\x98*s\xc7\xab\xae\xc9s(2\xd3\x9c\x9b\xa0\xc9T\x1c\x9e0\\gVx\xe6\x7fJ\xda\xf0\xdcLy\r\xfe\xe7\xab\x05\xf0\xa1\xdbo\x9d"\xd5\xb2S\xff\xd7\xb35\xdb4\xf2\x04\x86pU\x8c\xda=\x84h 4\xc1\x92\xfb\xcfj\xa5\xbf\xe1\xa8\x8du\xe9\x9dVT^\x1c\xdf\xd0\xdfN}3jL\xa3\xf47\x1e\x1e\xe1\xc9Y\x95\xd8\xdb\x86\xfej\x9d\x94\xafg\xeb3\xe5\xa3\x19L\xad\xcb\x13\xeb!\xeaA\xab\xb4J\xc0\xe1\x1d\xca\xf5($\x91\xb7W1{L\xc3\x9d\x1aX\x1c7\x00\x00\x7fZ\\\xea\xe0J%rk\n\xc1AM\x94j\xd0O\x1c\xcb\xfd\xa7\xb7\xfe\xaaz\xa5\x8fi\xddyVKd\xd6V\xc7\xbe\x83\xc5gx\x83\x08\xa0\xeb\xd5_\xdc\x0b\x1b\x13\xd35\x9b?T\xde\xe2N\x84\xb0cC\x91\x93\xe89"~\xb4\x03\x9139\x91\xe5@*#&amp;L\xfb\xb3&gt;Y\xa6\xed\x89Y\xd9R$LK\x99\x8e\x8c\xbdG\x82\x98\x8f\x90\x8a\x90\xdcD1\xcd\x8a\x14\xfc\x15u\xfd\x86\xad\xc2\xca\x83\xdfL\x80\xdcmd\xac{1*\x7f\x84\x94j\xe8@\xdbbI\xd4\x87\x9c\xc7\x06s\xb3\xbcSE]\xf2\'\xa5Pio&amp;\xd4Z\xa9\xf8J-0\xfa[~d\xc4N\x85%\xd6\xe7\xac\x98\xde\x83\xa5\xbb\xa4\xa0zH?\x11\xf2 \xe9\xdd\xd0\x9d\xca\xde[\xaf\x00\x17D\xc0O\xc3[\xe4\xa9x\xbe\x9b]?\xd0\x92z\x90\x17\xeb\x1a\xa5\xda6K\xb6\x92RFX\xcf\xce/x\\\xd8\xe7@\x8b\xcf\xa5\xeeX\x0c\n\xf7;\xe7\xe8\x93\xeb\xb4\x9cMp\xe2\xb0\xf7&gt;`\x1a^y4P\xfe\x04\xf8\x13\xe0\xa3f~\xd9,\xb5\x12\x17$\xd9]\xc9\x8d\xa2\x10\x82\x9b\xc6_tr\xbb\x02\xca\x0c\xef\\\xc8\xbe\x9a\xa1H\x9cr\xaaK\x8c\xda\x93T\xc24~\x97\xd8\xa6?d\xb7\xc9\x9f\xea\x17\xee\x8c&amp;\x9b\xe2M$rF-\xc6\x0c\x85\xc3[\x92^R{\x08P\xbbQ\xc8%\xf1\xae\xf8\xc1\xe8\x18\xdb9T6M\xb0\xa9\xe6\xbc\xc5.\xc0\x1bD\x00\x90\xbb\xd2;Q\xb3\x1e "\x02\x8a\xe3T\xeb"\x82\xec\xc2@M\xa1b_Q\x14\x0e\xdc\x0b)\x12\x07\xaa\xc7\xff\xd3)\x1cw\xea\xd9\xa7?\xa4\xbb*;d\x98\x08(G\x15\xcc\xb3U\x1d\xfc\xf4gJ0\xee\xfb\xb9\x04m\xbfQ\x18l\xe1\x8a \x05\xd6\xf8\xa6\x11\xc3\x9ev\xdd@j\xee:\xeb\x98c\xffcT9\xec\xff`t\xad\xa8\xaa\x06\x88\xad\x13\xe5%#\xd3\x18V\xbezwhlK\xdd`.\xc9[D\x16-n\xfdme8rqr/[\x9e:k\x8f\xf9\xc0Z\xe1\xa4I%\xc4\x7fD&gt;\xda\x7f&lt;\x92\xa8\xfc[W\x08t\xca-\x92\xe9\x1a\xb9h\xc2\x8b\xebM\x12\xde4\xf3d&lt;n\x01\xd0\x9d\x11\xbbX\x1f`\x97*\xf2 P\xa3\xff\x971\x0b\xfe\xe0\xb3Q\x92M\xd4&lt;\r\xa2\x8fa\xec\xd1\x1d%\x00`T\xdf\x9cC\xb59\x8f\x02\x9bK\x00\x8f\xc5u\xb2"\xe1\x12\'\x7f\x10V5\x07fGo\x13i&lt;=\\\x06\x0b\x01\x00~\xf6\xcb|-\xf0\xab\xa4\xde\x86&lt;2\x8d\xf0\x8fG\xa9\xfb\xfd\x8a\xc4W\x00@F\x01@\xcd$\xe4\x8c\x8f~\xfa\xb6H\x9b\x18\xd4\x96\x02\xc0\xe1\xa0d\xbb\xf5\t\xd0\xbd\xf3\x8a1\x07}M5\x97\x01\x84a\r\x98\xe4\xc1ya\xd9\x1b\x00\x1a\x1f\x0c\xea4[Os\xa1c,{v\xf3\xc3\x97)\xa5a\xf9"\xaa\xc8\n\x97*\xce&amp;\x8b\xbe\xcb\x93\xf1,iK\x1cW\xde\x19`\x95!`\x83\xd9\x87\xcfZdg\x8fh\xaf|9x\xbcuUGe\xa7Y\x9d\x069\x05\x94O\xda\x8d\xd5\xc5\x8e\x82z\x91\xa4\xc8\xc0w\xe4\x0e\xfa\xbe\x85\xa1\x1b+)\x90^\x91-\xd1\x11\x0c1\x14\xdf\xb3M\xcb*j\xdf"\x96\xeb\xb0/\xd2\xec\r(O\xa82\n\xf4nn/\xb0.M\xc4\x8b\x15:d$rd\x81\xc6\xdc\xddAyb\xf1\xf5\x06\x1e\xebS^\xa4D7\xc5\xb9\x82\xf6\xe53\xb5]\xbd\xb7\x13\x86b1\xc5\x0b\xefr5\xec\xbaF\x90\x96\xd2\xf2&lt;Tc}\xa2\x02\x1b\xf1w\xc7S\xda\x80\xedU\r\xdd9\xf4a\xc0@\xd3\x0f\xad\x80\x7f\x9c\x0e\x97\xc4\xafgf\xf5e\xf5Pm\xc7A\xae\x94\xa9\xa9\xf0$\x9c\xf5\x9e\xe4\xf4\xdbD"\xe5\x8a\xc9\x10\x8el\x8fb\x00\xd1\x98jkd\x93\xd43\xd5\xa4\xb2\xc7\xae\x13\xbb\x94\xa0\xd7\x99\x11d\x9cdk8\x16++"H\xf3A5\x8b\x06E\x1dt\x1d\x12\xa4\x1d\x04\xa0Z!\xdaS&amp;|\xef\xfd4rK\xca\xd84\xf9X\xab\xa4\x1e\xf3\xaf(NOK\xb0\xf2\xc7\x82F\\\x13MsF\x8e\x1e/\x90W\xfc\x1e\x16}\x11\x8f;\x06z$C4G\xa63\x10)\x01~\x007[f\xd8\xa8\xa0Zm\xc7k\x16%\x81\xca\x8c\x81\xce\xae\xea\x19\x14\x90&lt;\x8erZ\x99\xd5\xec\xf3\x10\x89\xfe\x98\x86\xf0\xa9|;\x05\xca;\x8ej\xda\xa2\xe5\xf7\xa1K\x1cXV\xa6\x10\xd5\x19\n\x02\xc8R\xe5t\x07\xbb\x0e-+\x00C\x17\xe96W\x9b\xb9\t\x00\x13\xff\xc6\xa4-$\x15l\xa6\n9Ju\r9\xe1\xd5\x12S\xbd\xd8\x89p\xac\xa3\xa0,\x9fCH\xda/\x9eY=\xb6\xed\x19\xcd\x8bA\xeb\x14q\x89:\x03;\xc9\x93\xa0\x9c\xfcm\x97&amp;\x07\x1f\xd8\xf5\x85\xb8G)\xea\\\xea4\xca\xcf_S\x1e\xb7\x07p I\xda\xcf\x0c@\x02(\xd9\x0f\x1c\x0b\xd4bk\\Ax\xc1\x08+\x85\xf8I\xb7\x96\x8e\xbcs*\xf5=o\xaa\xe8\x9c\xe8\x8a\xbf\xd03\xc1Xf\x14\xf1\x83R\xe9w\xbd*\xb5\xae\xc4T\xbc\x81cOl\xb8A8z{{\x9aS\x15\x15\x80T\x17DR\x1c\x86!\x9e\x9bKW\xfa\x10\xbb\x1d\xa0\xb6\xfa\x16\xf9S\x12\x96\xeaI\xe6\xda\x0c\x98\x121\xfdb\xcd\xf2\xeb\x1f\xe9b\xe92\x8f\xd53nu\x8b=t\x1d\x86\x9f5\xff\xb1\xe3g\rHi|\xb8\xaf_\x8cY6G\xd7\nD\xa4gRi1\xbbC\xcaj\xdfl\x08[\x86\xed\x015\xee&gt;\xdf\xfa\xc3sR@\x1e\x88\x89\x0e\x9e\xd0\xd8\x8d\xcd\xa1x\x9dm~\xf6\x7f\x8eb\x1c\x1c`\xeb)1$^9%\xeb\x8c\x97\xa1\xc6\xf8\xc5\x028\xb3@\xb4\xba\xc1b\x14\x8c_\x84\xe2\xc3\xf6\r\xd9N\xa091\xf8\xcd\xfc\x96\xa9\x0fj\xfeDN\n\xf5\xa0\x8aq\xb2I\x84&gt;u\xe2\x91^\x11\xfdG\xa39F\xcfp"G]\xe5V\x92\xb8`\rP\xc8\xee\x0e\x98\x83\x9b\xdfM\xe2V\x00\xd6\xabGD\xb3\x91[[\xd27\xea:\x92v%{N\x9d\xe7\xfb\x1c&lt;.\x05dA\xea\xe31\xe8#iV\x99\x8cf\xd9Y\xd8\xec\x89\xa2\xb9\x87\xa4P\x16*\x0e\x99\t\xcb"+\xf7\xc4\xfc\xca\x94\xf5\xc8\xab\xe4[\x0e\x87L~`\x92\xf7se\xdfw\xc1\xdd\xd3\xa0&amp;g$M\x98\t0.`\x86\xaf\xcd;\xe1w\xfb\x89\x9f\xe3\x91J\x06{9\'\x9dL\x9b\xd2\x99~\xa7#O*\xcf\xe4\x91Vua\x8d\x11\x05.\xff\n\x0b\x97\x86\x15\xeb\x0f\xc3\x80\x8e3\xcbIh1\xf1rt\x8b\xe0\x00\x18\x01\x844\xb8\x8e7T&gt;\x12\x0fM\x01\x01\x903\xddu\x8d\xad\xd7\'U\xe9\xa3\xc0\xe2\xedSv\xaa\xc4\xd9\t\xba\xec\x07`\t\x90\x9d\xd1\xb1\x1a\xc9\x8e^\xde\xf0l\xad\xb0z)\xd1\xff\x91*c\x05\x15\x89\x94\x00\x8b\x08vI\xe0\xefA\xcde\x9d\xe4X\x93\x0c\xb4\xd9\x13\xeb/\xd8\x9aT\xcf\xe9"\x02\xb5\xfe\x88\x9b\x92&amp;a\xc0&gt;Y@2S\xf5\xae\xf2&lt;\xab\x83x\x9c\xd05j\x1d:-W\xcf\xe0\x8fO+\x1c\xed\xfb.\xacu*[\xdd\xa7\xc4\xfbb#\xaf)\xef&gt;\x1c\xefv"_6M\xce\xe3\xb9a\x8b\x96\xcc9v\xa4\xea\xc9\xadmc\xbe\x17\xc8#Y\x87X\x82\xf8|f\x00\xec\xc0?\xa5\x1a\x9e\xb3&lt;\xd5\xe1\xb1\xfa\xb3:#G\xb3\xb7\xf35\xdbhVA\xda\x9f\xe5\x92\xb5\xe0H9\r\xed\xfa\x19\xd0\xe0l\x9am\xa3\x02h\xebt\x1a\x9e&gt;U{\x18H\xd7\x90\xfe\x94\x930\xeeL\xa07\xb52\xe6sfY\x8b\x93y\xbc\xcdl\xccO\xf6PN\x1a\x13z&amp;S`\x86w\x9a\xb7\xd1\x82\xdd\x1e\x02\x19C?\xc9N\xc6\x87}\xac\xee!x\xee\x02\x00dPE\x9f\xb4b\xd5:L\x1d@\xbbns$\xaf6R\x02\xbb~\xbf!\xf5\x86\x8c\x15\xb3{I\x94o4\x8bc\xe1\xc5\x98\x9a\xd3\x17\x98\x0es\xd5\x03\xcd\x10\xcf\xcb\x90\xff\xd7\x05f\x8c\xf9\x87.\x95\'0[\x1b\xb4N\x93$L]\xab\xf3r\x9e\xf7-\x06\x0b"\xa4\xe9\x04\xc5K\xeaG\xc1$\x01F\xa4q~\x8d\xb5z\xbd\x02\x00\xf5!\x0f\xd2\xd5\x96\xca\xd0\xbaS\x13\xec\xcb\xc0p\x99\xc5\x02\x1a\x85\xeaRve~\x02\xfc5N\x8d\xb2,\x99\xb2ydx\x08\x9e.\xdf\x08\xa2\xf0\xfa0\x80\xe5{\xd2\xf9s\xb2\xfdSW\xd1Ed\xb6\xddg\xd8\x82\xae|R\x9f\x06*z,y\xe8\xe2\xca\xa1\xdb\xb2\xfdf\xfel\x1f+\xd6\xb6\x19\x0cs \xaey\xd3b\xe0\x08\xf5\xfc\xed\xe2L\x13\xff\xfa\x82Z\xa5.\xde\xd0\x1d\xf5Qm\x99cfz\xe3\x0f\x16\xa7:\xfa\xad\xa3&lt;\xd0\xad\x8b\xd6x\xd3\x1f\xbe\x1c\xa4\xd9\x8a\x08\xc0\xf5\xd6^S\xa5Y\x03\x9c\xa6\xb4\x93,zQ\x92\x84\xc2*5N%Ui\x9fo\xfe\x9f\xbc\x07\xa0!eUq\x98\xdd&gt;\x7fMH$\xa3&amp;b\xce\x0f\x1e\x95l\x0f%ej?\x06/i\t\x9eP\xb4g*\x02\xb3\xd4\xa4@N4#~\xe2(\x9ab\x85\xc7]\x02\xace\xcf\xa8\xb4\xf5\xd6\x8d\x81\x7f\xdd\xba\x10r\xe5\xbcB\xeb\x12\xa9\x98hA\x8e\x0eoI\xc4\xd1\x93%\xbf\x8d\xc1\xa9\x15\xd5\xe0\x83H\x95za\xda\xfe\x8aJ^\xa2VYW\xa6\xbd\xfc\xda\x86\xc4Q&amp;\xa5\xd46\xb4S\x03\xa9\xdb\xaf+\x1d\xd9Cf\xacU\xbbV\x94\xa5\xcej\x82\x14\x98\xd6{\x89\xf7\xe7D\xdb\xc6\xfd\x97\x94h\x9b\x12/UK\xcf\xa2\x8e\x89\xcc\xceyp\xc9N\xc8\xcdx\xbf\x05\x80\x0e\xb8f\x17d\xcb\xde\xdf5\xd6\x8dT\x89\xcf\x95\xf0(\xd2r\x05|\x02\xe5\x8b&amp;\x85\x04\x90\x928om\xdbg\xd2dU\xff\xc8\xce&gt;g&lt;o`YQZu&amp;\':\x02y\xe8\x07K\x1d8bo\x00\xcac\xcfs\x9aj\xd4b \xaf\x88\xb3\xef\x0bQ\x15`\x1c\x9a\x9eH\xdat\xd8\xcb\x83\xd3\x94\xc5xE\xebR\xbe\x0cH\xad\xa6\x06\xbd^:\x9e_\x01\x80\xf6\xe2\xa9Y6u\xa0#:\xf8e\x19(\x1a\xa7\xe9\xc2p\xfd\xb3v-]K\xaa\xe2j.\xb6\x18\x15\x88\x1c\xf3\x8aR\'C\xaa\x8f\x1d\x98^\x1d9D2\x8e\xc2\xa8\xfco\x8d\xf7[\x00V\x90\xcff1c\xc8\x87\x10?\xc6\x10\xaf*~\xd5\x17\xd9\xadR\xc0\xa7H\x8enu\x1a\x86g\xb4\x80\xd6\xd0\xce\x87\x9dd\x81\xbb\x92\x92W\x95\x90/E\xbf\xcf\xeb=\xf1\xf49\xda\x02_\xcc\xe8$\x0e\x93\xbc\xc5RO\xaf\xa9Y\xd8\xa3\xa6\xf2\xe26yIN\xa3R\xb1\x11\xe8\xba\x95\xfa\xb9\xfee+\x95\xdc\x85\xa37\x84\xba\x9b\xec\xa2,\x00\x00 \x00IDAT\xed S\x7f\xab\xc4\xbb&amp;k\xb2\x06\x0e\xb7r\x81\x04Z\x11\xf9zJ\x7fBI\xa1\xd9\xea\xd4\xd6!\x9f\xab\xc1\xab\xd3\x1f\xa8&gt;\\\xb0\xa9\xd2\xef\xe0\xe6\x1bx\xb3\x05`\xf0\xac?\x10\x94y\x9e\x92\xbe\x0b\xff\x1b\xc8\xa4\xd4\xde7\xdbO\xe8\x0f\x80\xc9\xdc\x9bX\x1b\xedF\x91\x96_\xd8H!\xd2O\x94x\xd5\x12k\xdet\x88\xab\x08\x89\xde\x1a\xa6\xf4g\xa7\xf7\xe4\xb7\x914\x13\x87\xa9\xf3\xf4d\xa9\x85\x13\xd6\x85\x0c\r)\xba\\\x04\x96L\x05\x13\xaf\x14N\xd41\x94\xe5-\t\xab\xa2`\xdcK\xe8F\x07\xabe\x9e\xf8\xd4U\xe6\xa9\xe9\xd7\xec\xb8v\xcb\x03\xea\xdc4\x0f7\xafI\x00%~\xd5\xea\xfa\x17+\xd6\x15-\xf8\xee#\xd3\x1aY\xb2\xbd(lo\x96\xed\t\x96~\x1e\x05\xd18\n\xad\xe8;\x9f\xf9;\xdc\x17,\xff#\xfeJ\x97m\x13\xe8\xeb\x9e\xcd\x03\xf1\x14)\xb1\xa6\x17\xf2\xdf\xd6[\x15U\xac\xcc\x8cC\x95\x8c\xaa\xf53\xeb%\xaa\xb5\xf2N\x94\xda\xc6\xfcD\xc4\xedy\x8d$c0\xeb4~\x9f\xd6\xaaMH\xfd\xfb\xb3\xd0\xd4\x12\xd2\xf0D\x8c\x88%\t\xbb\xc5\xf8\xd2[\xc5H\x81a\x95`\xaa\x15\xea\xf7\xd0\x01\x80\x1f\x81M\xf5\xedI)+!\x15Oc0\xac\x9d\xf9"\x13o\xdbp/\xa1\xb6\x0b`0gC1zW\xec\xfc\\X\xd7\x01\xe4\xdb\xa1B+\x99\xc9&amp;\xebw.\xcf\xd6s6\xddD;k\x0c\xba\xd6\xcf\xcd\xc8\x10\x8d\xc5\xb2u\x91\xd6G\xaa|\xac\x86\xbfL\xb7N\xc9\xd7\x8c\xf8\x19&lt;&amp;\x02\xa8\t\x07\xb3\x14\xf7B\xb8=[\x88\xe3\xd2H\x8d\x15\xf8\x1b\xe0\x97{\x00O\x07\x82\xe2\xb4a\x1e\x90\xa8\xf4\xd5\xa1\x9bj\x9b\x98-\xa6t\x1a\x91\xfe:P_L\xe0^\xa7U1\x94\xca\xb7DD!\xd3P\xa0\xba\xe7U\xc6V\x8b[13\x1f\x92\x89\xfc!\xf7[*\xe6\x9e\x12\xcc\xf2|\xb6\xe5\xdc\xec[J\x98\x95\xd1d\xd6\xaa;Q\x9b\xcc4\x82h\xc8\x10\xa9\xf4\x1fR\xe5\xc5f\x8b\xa8v\x03\xb3\x8d\xeb\xaf\xa6v\x8b\xf0\x12{\x00\xab8\x89\xab\x01\xa3\xa9t\xac&amp;\x98\x9eh\xed\x15\xa6\xa9\xeb\xae\x9d\xfe7\xd3\xc1&gt;\x86\x86\xfe\xbf\x0f\xc6\x13E\xa4\xeb\xb3\\\x00\xca\xd4)E\x10\xa5\x97\xd6\x82\x1aI\xac\x8b\x94_R\xddO$\xea\xfb\x80\x1d"\xcc\xe8\xd3\x93\xe0\xa0O\xbaM\xfa6k\xea\xfe\xb0\x06\xc2\x91]9\xf8*\x02\xc3PW\xf6\xf4K\x7f\x9d\x94\x1e\x11\x8e\xa7lhd#\xf6\x983\x88)d?\xe8+6\x0bq%z\xe8\xdc\xd5fI\x17\x02P\xd2\xb9K\xe39\x0bw\xb8 \x9eY\xc0\xa2a\x90\x9a\xd2\x02\x9a\xde\x8f.\xdd\xf5\x01\xe9\xdf\x91H\xa6\xdc\x93\xe3M\xd0\xee\x92\xebc\x1c\xd6\x11I\xc7fBU\x039\xd2\x1d\xd1\x02\xbe.\t\xe6\x1aI\xc5\xab\xe8\xba\xe8\xf9x\xa2\x9c\x9e18\x86{T\xc4\xcbd\x002\x8c?\x01\xfe\x02\x80\xf1Y\xa1v\xf1\xe4\x02\x00\xc4"\xa4&amp;@M\x8c|\xa6\xf4\'+p-&lt;\x89\x0eAZ\x92\xf6\x99f\x0c\xce\xcb\xcf2\x0c\xcc\x0f\xf0\xc7\xeffb\x84%\x85\xe4\x84\x06H\x96h\xa9e^%\x1f\xb4\x8e1\xadD\xb4\x04\x8eaO\xc7ub\xda\x8cR\xac\x8d{\xe7\x84A7\x16I\x7f\xeaX[5\xd9Rd\xc82\xa6\xb0t\xa9{\x8eC\xa6\xceIA\xa3\xe6\x95\xe0\x91xG\x99\x01\xb8\xf7}\x99e\xec\xb3\x93\x043\xe2T\xa1a\xb7[GG[\xe2\xf2\x1b\xd2\x9f\x97\x0f\x9ba\x13A\xb2V\xab\x0b\x86F\x87\x11\x9c\x19D\x9ep!~t\xf1@\x1d\x02\x89\x8d\x15\x9dzM\xd4\xd1c\xbdc\xfa\xdb\x94Qy\xac\xef\x80jp\xab]\xd6%\xa6\xde\x95(\x12\xa5S}^\x120\x92\x95\xa0\n:\x04\x10\x9cre\\\xfe\xaa\xad\x18\x93\xe9,\\\xa3\xb2\xad\x0e\x841\xd6\xb3\xfe\xb7b\xa6\xb7\xd8\x00\x80\xe7\xec\x01\xd0\xbe\xcc/\xdc7\xcb\xd3\xbe\xcd\x1d\xad\x7fpuU\x86\x94r\x86\xb8\xb1X\xa02?\xb6\xa8!\xcd\x18\xa5\x94\x12\xb1\xfeX\x196\xb6\xbb\xac\x99q\xaf\xbf\x15\x82\xa9\xfe\xb3\xc8&amp;\xd3\xec\xe9#\x16\x8f\xae\xe7e\xb5\xa4\xcf\x7f\x03\xfcs\x98\x18\x8fL,\xcd\x85\x95 )`\xe4\xfdS_\\0\x1c`\x8dEin\xbb+\x8e\x18"\xb2\xdc\xfd\xd0\n^A+\xd9\xd7J\xc7\xbf\x9a\x15&gt;\xa4\x1b\xa9\x8d\xcdA2d\xa9v\x1a\x93\xae\xeah\x15@\xe4\x8b\xb5\x0c\xb2aG\x00\x80\x1fC\xdb\xfe\xa12\xd0\xa6ma\x18\xc1\x9f\x8d2\x02\x8cg\x82\x8dYV;jg\x1e\xbe\x1cO\\\xa3Vb\xf9O\xf3s\xeaR\x15\xbd\xcd\xcc\xab\xb5W\xf8A\x92\xde\xfd\x99D\xafW\xedL\x90\x00\x1c\xe6\x1e\xb4\x8b\xe0\x81\x16\xd7\x83\x96\x858\xc3E\xce\xe4\x12\xceu\x06\xd9\t\x10\xe2~\xaee\xd2\x0b\x9d\x9dZU\x00\xcdgl\x18J\xd0Uf)\x83!02\x13\xeb\xce,\xb6\x1d(\x0c\xe5?\xc9[Qy4\xd6\x8a\r\xb1\x14\xe72\xccAM\rF\x81\xedb,%u*\x19kJc\x0f\xb4ad\x9e\x86\xa7D\x00\x14\xfea\xdb\xb0\xfe\x9d\xff\xc9\xa8AvcV\xc5\x90y\xe1\xe7\x99\xea.\x10\x11\x93n\x8f\xfc\x9eH\xaaqO\xb3\xb0\xd7\'7\xc4\xf5\x95";\xa1&amp;\x05\xean\xa6\xd1\x1d\xf6J\xb2S\xab\xa2E \x1a}\xb3v\x91A\x185;\x8c\xcbw\xfbb\x89\xc0bK\xc5\x1b\xec2%%\x95\xff\x13\xfa2\xa9\xd7\x96|\xabg!\xd8h;\xce\xeb\xab`\x7f\xa7\x8d\x99H\x19\xf2\x04\xdf\x8b\x83\xe5\x9e\xff5\xef\xcfd\xfe\xf9d&lt;e\x01\x98\x0e\x98}\xbbZ\xdb)\x15{\x82\xf0\x81\\\x98T?RJ\xbd\xb6\xaa\x8b\xd3v\x9ar\xbc1\xa9U\x8ea\xf8SCI\x9f\xff\x03\xfd\xcf\xbd \x17\x1d\xc3\r\x00F\x02D\xab\x8c5!V\xff\x14\x8bI\xeb\xe2R\xf2\x8c\xc6]p8\xf3\xbd\xd1\xa1}H\xdb[\xae\xf3\x07\x854\xde\xe3U1\x0f\xa3\x887)\xc6\xd4\xc2?\xf4\x8c\x97\xb3\x8a6\xee}6\xb7\x85\x9e\xc8\xefvB\x8e,\xc95\x04\xe2d\x1c\xf9\x9c\x89\x01a\x93\x89\x92\xffk\xb6b\xbd3\xdec\xadb\xc9\x99z1\rw\xb1\xcc\xc6\xb6E|u#\xe5\xa8\xb6\xect\xd5+Z\x0c{\xa1CmP\xabB2[w\x15w;EcU\x04&gt;\x94\xc3\xdc\xe4\x8f\xd5\xc8\xdc\xa52\xda4\xef\xd4&amp;\x97\x19\xbe\xab\xde\x17XJ\xa1\x8cM\x98\xd6\xa6\xd9\xb6\xba\x0bQUH\x1dV\xfe\xd2|\x1f\xb3^T\xa9\xe7\x13\x9b/F\x86\xc7\xc3k\xacT\x08^\x19OzRI\xa5K;\xa5\x1a\xb5\x17\xf3\xfe3\xcb\x00\xff&gt;\x0e\x7f\xeb\xcd\x01\xe5\xeeq\xf5\r\xcc\xeb\xf3%l@\xf2\x8bv\xb8hS\x96\x14m)\x81.\x16\xae2\x801{W\xb8\xb8$\xf1Q\xb3\xd3\xb5l\xed\xf4\xb2\x06\xde\xe7g*\xf6\xd3\xa9\xe6\x15\\/\xec\xed\xeahk\x00k\xf5\xb0N\x8f\xa6\xdc\xdf.:\xf4 \xb5Ks\x05X\x85b\x82TG\x07\xcc\x86O\x84\xe4\xcfm\xd4T_\xd7^\xe27PF?\x96\xbemr\xb9\x9es\xfa&amp;\xf1\xa5\x90h[Hm\x01\xf0\xd8\x81G\xe1)) \x0f\x12\x94\xd79\r\xd7\xa1$\x07k\xdf\xafRnu\x0b\xb4@/u\xe6\xe6C\x90A\xcdP|M\xecH\x15q\x9c\x07\xb0\xa5\xa9b\xba\x80m{\x8cy\'D\x99c\'a\x12.r\xeed\x9f\x86\x8b\x91\x92\xb0\x90\xb1$XK%\xcb\xb9\xe65\xfd\xa9-"\x19j\xdan%.I\xdd\x7f\x0e\xa1$\xf9MQ~[7)\x11\xb2@"\x00\x99(Ui1\x0b\xd1\x97\x87\x94`\xf1\xcbViK\xa3\x16\xe8s\xad\xfb\x98Va\xc3\x81\xc8\xb7\x10\x96f\xe6\xb8\x087\x16T\xc7\x02w@\xcb\xea:S\xb8&lt;\xd9\xd7SX\x95$\xf3%\xa7\xc4\x0c:\x1b,\xaeB1\x80\xaf\xe6&gt;&amp;\xac\xc5\xfc;\xb9\xab]\xe7\xf2\xdb-\xa2\x15\xda\xbf\xc8\xee6\xf1\xe8\x0f\x1c\xbe\xc0&lt;i\xa3\xc0\xbd\x93Y\x93\xd2?(}\xc3?\x14jn\x81\x87\xa2\xb7\xaa\x07{\x8f\xde\xa5\x94\xe5&gt;\xe6\x9d\xdf\xdf6\xaa\xb4?\xcb\x8c\x96\xbbZ!RH]\xd0\xb4\xff\x1c\xca\xf2\xb9\xd3yd&lt;\x1c\x85\xab]\x90\x04P\xaa|L\rSgAD\xb5\xd0\r\xdc\x93\xc1&amp;\xc9yjX\xf6\xe5\x96\xaah3M\x8f\xb5x5\x1c\xeeJ\xb5d\xdb\xba\x81\xbc\xf1\xa8\x89&gt;\x11C^5\'\x1c\xab\x8eM\x8b\xad/\x00g\xbaE\xec\x87)\xc7\tM\xc5\xca\x1b\xac\xb5\xba\xa5\xa4*\xf9\xa4E\xdbmx\x06\x1e\x14\xa7l\xa7\x0e\xe9\x10Ls\xd9\xb8\xfb\xea\x15!\x8d\x08Lq~\xb4\xd7\xa1\xe8\xa9\xf6Jsm\x97b\xfd\x89\x87K\x80\x97=\xb2\x00)u_\x85tr?~,\xf6U?%\xa5\xcab\xbbl\xcd\xb9\x03"Gv\x11Qz\xcf\x95\xf8\xa5\xc3~+\x05\x84}N\x00\xa53I\xdd\x04\xc2[O\xbc\x1fg7)\xff\x00\xf8\x97\xed=0\x91Z|h\xb2\x1b\xa6^\xa3D\x85g\x96a\xbc8\xf2\xc1B%sp&lt;\x11=\x95\xf6\xc9x\x90\xd8\xd4J.)\xdc\xd2`lX4\xc3^w\xacSJRa\xaa\xac{\x0b\xc0\x17\x18&amp;\x84~"\xed\x1ci\xd8^\xd1\x0b\xd3\xcf\xe3(\xed2_b\xcbl\xe6\x88x\x9c\xf2&gt;\x96\xa53\xab\xddR]$\'m\xeaI-\xba\x91\xb8=\xdcH\xfc\x8f\xce\xa6\'\x80\xfe\xcfaEa\xf6Tn\r\xe6\xf4\xf9\xae|\x1d)h\xa1E\xdd\to\xd7\xac92.\x00\xd26/\xa1\x0f)\r\x1f\xed\x91\xaa\xe4w&gt;N\x8fcA\xe9\n\x80\xaf\xf1\xcc\xae\xc2\x83\x16\x00 vg\xc9D\xda\x8e\xcfXxo\x01\x10I\x12%S\xa96\xf1:-\xf7\xaep\x08\x00\xf8\x01\xf0\xcf\xa2\x17\xbc\xbf\x0bE\x8d\xc86X\xd0\xb3\xc0\x17\xca\x06\xda5Or6\x97\xb0\xdf\xe6\xb4N\xef(dAS\xadFjEbM\xc9\x97\xd4c\xa4F\x9d\'\xca\xa2\xdan\xb6\xde\x000[i\xb5\x82\x11&lt;\xb9\x14X\xe1\xb5\xed\xa7\x0fsJ\xa6?\xc6R\x03\xc5\xde\xef\x04\xbaf\x8c\x91\x90\x07X\xde\'\xf8\x16Q\xc1SN\x01\x15\xc5\xca\xe3R\x0f\'x\x90\xba\x83\x13\x87\x96\xabuwN\xbc\xd4\xd9D\xa4=\xb2\xd8)\x95\xe3\x04\x83\x7fQK6:\xf4\xc7\x8a\x1c)\xfd\xbb*\xb6\xb3\xf8\x98\xc1\xa4\xea\x7f\n\xcc\xdc\x16\xe2Z\xfa\xb4\x13$\x7f\x89Sw\xbeV\xe4h\xc4\x8b\x9a\x08y\xdf\xe3\x03\x06&lt;\xf9\xee\xda\xf6\xe8\xd6\xff\x95\x840\r\x07\tSl\xbf\xd6\xa9\x81\xa4\xfd]7\x03\x08v\xcd\xfa\x8bs\xa1bgrD\xf8.\xb1.\x04\x16\x0c\xc6)&amp;\xc5\xe2\x171\xf2\xbc3\xc9\xb3\x86$\x8aJ\xb6m\x03 \x8dH\xd6\xb4\x8c\xc9\xf6&gt;x\xca\x02P\x8fRU\x15\xd2Ro\xa2F\xe5\x95\x83\x8e\xed=h\xfa\xdd?\x8f\x93f\x03\x9f\xa7M\xa5\xd0M\x12\xeb\x98\xc4\xed\xda\xc4\xf2g\xc0O\xc8ueg&amp;\xa9\x9d\x8b\x95\x86b$*\x0e&amp;d\'@.9\x86\xff]1e{9\xf7\xb9V\x11\xf1P\x9f~Q(\x0e\xb5&amp;}\xb9\x9cr\xf9K\x94/Q]2\xba{\xdc\x80,\xa6\xf9\xb33\xc49\x1bT|mIQ\x17\xa2\x16\xe64\x1c~\x0f~0Q)wCeR\xfaS\xed\xb4_\xc2\xb5\x0e\xf9}m\xdee\xd2*6\xc8\x90\x86\xd1D\xd2\xf6\xb1\xe7E\x92\x1e\xa9\xbe\x1c\xcf\x92\xb2S-=\xe7\xbe\x93\xc39\x99\xd0\xe8sST\xc2\xec\x00:\xe9\x001^C\xa2\xf6\x95:\xb3\x17\xa2\xae\xa6\x80\xc5\xceQsb\xdd5\xb9\x8a#Q\xc3\x16\xb4\xf6"\xe2\x91\xce\xa1\x18\xe0N\x97\x89\xeaw2\xd8G.^K\xd0\xa3\xaeW\xfd*X\xc2\x8f\xeebEK\x8a"\x7f\x1c\xcc\xdb\xab\x9a\xc0\xe3\xad\x8e\xb1\x83,\x17\t\x00\x86\x87\xf2\x185\xd1\xf8z\x14CJ4}\x1c\xcf\xb8\xd1\xe4\x8f\xd4E\xbfS\xfa\xb3\x0e\xc7\x9e\x15z&amp;\xfe\xe7\xab\x05\xe8P,l:FD\xea`ohF5\t\xca\x06\xd0,\xd5h\x8ci\xcd$\xe4\xd9\xd9\xe5s\xa6\xc2\x14I\xa8\xf4C|Z\xd9\xec\xa7\xef\x17\xb0\xcfC\xb5K\xe3\x8d\x96\x983\xe7\x8c?\xde\xde\xb0\xb6\xf3|\xe0\x02=Y\xd2\r\xa9\xaa\x83\xdcU$\x7f\x18\xd6?\xdf\xee\x89\x1d\x84P\x92\x90f\x87\xa0\xae\x13\x8ew\x9c1i[z\xf6Rt\xbd\x87\x9fP\'\x9aT\x0c\xf13I\x1f\x04f\xeb\xe8\xb0H\xcb\xd7\xeb\x13\xceevJ8\xac\x07Ii~\x0f\xd3\x7f\xe01)\xa0\x82#\x9f\x0e \xa7{\xea&amp;\x81\x01\xfa&lt;*b\x9eH\x9e\xf0\xdc\xbaO&amp;f2gf\xc9\x8d~t\xe9\xd0~\x92\xc30\'\x818\xcb\xaf\xd1\xae=&amp;)\t\xad\xc7\xfaA\xd4i\x82\xc8\xba\xf9\xbbP\x9b&lt;\xd8i\xf3\xe0\xa3\x8cH\xf5a{\xea\x96\xa1\x14\x0c\xbd\xd8\'\x13j\xb5\xae\xc4\x86%\t\xcb\x9d\xe6\x</t>
        </is>
      </c>
      <c r="E478" t="inlineStr">
        <is>
          <t>&lt;class 'numpy.ndarray'&gt;</t>
        </is>
      </c>
    </row>
    <row r="479">
      <c r="A479" s="1" t="n">
        <v>477</v>
      </c>
      <c r="B479" t="inlineStr">
        <is>
          <t>steps_per_sec</t>
        </is>
      </c>
      <c r="C479" t="n">
        <v>6900</v>
      </c>
      <c r="D479" t="inlineStr">
        <is>
          <t>10.2504</t>
        </is>
      </c>
      <c r="E479" t="inlineStr">
        <is>
          <t>&lt;class 'numpy.ndarray'&gt;</t>
        </is>
      </c>
    </row>
    <row r="480">
      <c r="A480" s="1" t="n">
        <v>478</v>
      </c>
      <c r="B480" t="inlineStr">
        <is>
          <t>Loss/object_center</t>
        </is>
      </c>
      <c r="C480" t="n">
        <v>6900</v>
      </c>
      <c r="D480" t="inlineStr">
        <is>
          <t>0.31439564</t>
        </is>
      </c>
      <c r="E480" t="inlineStr">
        <is>
          <t>&lt;class 'numpy.ndarray'&gt;</t>
        </is>
      </c>
    </row>
    <row r="481">
      <c r="A481" s="1" t="n">
        <v>479</v>
      </c>
      <c r="B481" t="inlineStr">
        <is>
          <t>Loss/box/scale</t>
        </is>
      </c>
      <c r="C481" t="n">
        <v>6900</v>
      </c>
      <c r="D481" t="inlineStr">
        <is>
          <t>0.14196764</t>
        </is>
      </c>
      <c r="E481" t="inlineStr">
        <is>
          <t>&lt;class 'numpy.ndarray'&gt;</t>
        </is>
      </c>
    </row>
    <row r="482">
      <c r="A482" s="1" t="n">
        <v>480</v>
      </c>
      <c r="B482" t="inlineStr">
        <is>
          <t>Loss/box/offset</t>
        </is>
      </c>
      <c r="C482" t="n">
        <v>6900</v>
      </c>
      <c r="D482" t="inlineStr">
        <is>
          <t>0.54907656</t>
        </is>
      </c>
      <c r="E482" t="inlineStr">
        <is>
          <t>&lt;class 'numpy.ndarray'&gt;</t>
        </is>
      </c>
    </row>
    <row r="483">
      <c r="A483" s="1" t="n">
        <v>481</v>
      </c>
      <c r="B483" t="inlineStr">
        <is>
          <t>Loss/total_loss</t>
        </is>
      </c>
      <c r="C483" t="n">
        <v>6900</v>
      </c>
      <c r="D483" t="inlineStr">
        <is>
          <t>1.0054398</t>
        </is>
      </c>
      <c r="E483" t="inlineStr">
        <is>
          <t>&lt;class 'numpy.ndarray'&gt;</t>
        </is>
      </c>
    </row>
    <row r="484">
      <c r="A484" s="1" t="n">
        <v>482</v>
      </c>
      <c r="B484" t="inlineStr">
        <is>
          <t>learning_rate</t>
        </is>
      </c>
      <c r="C484" t="n">
        <v>6900</v>
      </c>
      <c r="D484" t="inlineStr">
        <is>
          <t>0.0009998516</t>
        </is>
      </c>
      <c r="E484" t="inlineStr">
        <is>
          <t>&lt;class 'numpy.ndarray'&gt;</t>
        </is>
      </c>
    </row>
    <row r="485">
      <c r="A485" s="1" t="n">
        <v>483</v>
      </c>
      <c r="B485" t="inlineStr">
        <is>
          <t>train_input_images</t>
        </is>
      </c>
      <c r="C485" t="n">
        <v>6900</v>
      </c>
      <c r="D485" t="inlineStr">
        <is>
          <t>[b'512' b'512'
 b'\x89PNG\r\n\x1a\n\x00\x00\x00\rIHDR\x00\x00\x02\x00\x00\x00\x02\x00\x08\x02\x00\x00\x00{\x1aC\xad\x00\x00 \x00IDATx\x9c\xed\xbd\x7f\xfc\xbeO5\'&gt;/\xa2]\xa5\xe2\xbb\tK!\xf2\xb3hQ\xf9\xbd"\xc9\x8f\xf2+\x91\x14I\xca"\xb5~\xac\x94j\xf9\x94J\xa5\xb46m%Tbm\xda\x92\xfcZ\xe1\x8b\xa5\x12\xbb\xc8\x12BI\xadP\xd8RZg\xff\xb8\xafk\xae3s~\xcc93s]\xf7u\xdf\xf7&lt;\x1f\x9f\xc7\xfbs\xdds\x9d9\xe7\xcc\x993\xe7\x9c\x99\xeb\xba\xefW\x08\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03\xa7\x03\x008\xb6\n\x1av\xae\x9e\x17}\x87sV\xa6\x11\x00p\r,\x90h ^\x00\x84H\x8c;\xe8,\xe8-H\xd9\xb2\xe2\x18&gt;\xf3\xdd\\4\'n\xe1\x8fhb\xfb\xe1\x7f\x8cb\xdc \xe0\xf0\xdf\x8f\x05\xda\x05\x00\xbe#j%(\x1fm\x059\x16c6\x02\xa2\x9e\xcfe\x06\x95\x8e\xce$\xf2\xcc"\xc3\xd1\xc0\xda\xf1\xff\x84\xb0\x13\xf3\x8ei\x1e\xa8F\xe6;Z\xe0\x9e\xe3\xe3\xf4qn\xc4\xb1h\xfe\x97\x89\xc8\xe8\xfa\x03p\xa8]\x02(\x96\xc2\x87`\xc8\xf8\x03\x00\xc0Ki\xc8\x06\xf8h\xa4[\xc6\x01(Ce\xecI\x92\xcb\x95\x81[\xcey\x05\xb5\x878\xa2T%\xca\x9b\xa9N\x00\x02\x84\xf0\xdd\x9c\rS\xb2\xd9\x02\x12\xc5\xc0\xe5`$\x80\x81"\xe0\x10\\n\x927\xe6\x17B\xdc\x81\xf8\x9f\xeal\x7f-Dp\xae\xba\xcf+Y\x08I\x88O\x89\xe7J\x9fp~\x97\x90\xd3+\xd2\xd3\xcc\xc1l2XtY]\xc6E*\xe5\x0f\x89\xe1X\xfb\x1b\xa1\xda\xce\xe5\x99l\xc6\xa9;\x01.\xfd$\x82-\x87\xd8W\x16\x1d\xd7Nf\x0b8M\xd8\xc6\xe5\xae\xd94y\x08~\xc2\xd4\x88\x83x&lt;\x8a\x89\xb4@\xa0\xa8\x84\x1b\x9fJZ\xaczr\xd3\xbd\xf1\x04e\x07q\xd5\nd\xf9l`/\x18SbA/+\x1d\xc5\xdak\x884\x1e\x1aXz\xf9\xe4\xbe\xea\xc0Gc\x94V\xeb\xa6$\x87J\xef\xb9\xe2\x8e\xe79q\x83\x92\xde\x9d\xbb\xf0\x89\x8a\xd1\n\xee\xbd\\\xffd.\x9d&amp;\x12~\xaf\xb3\xb9\xfbX\x8a}|\xe0V\xcd\xe7\xacpY\xa3=6V\xdf\xc4\xec\xa7.\xde\x8d_1Q\x15\xee\xb6\x99z\xc9\xe18\xaf\x0c\x1cB\xb3E#\x80\xa7.!&gt;9\x93\xb9y\xc6\x93\xeb\x8b\x8e\x83\x0cj/i\xc3p.\xb4$\xa1?\xe1\xb8\x95\xc4m\x03\xa3\x1a\x87\xe3\xa3\x81\x151\xec{6\xa8\x9b\xc9O\xed\xac\xc5\xc9\x00\x15\xe6n\xcbqO\x1a|\xa2\x0b\xdb\x11\xf1\x89qrC\xaf\xf7\x8bR\xfe2\xeb\xa8\x90\x96\x84\x96o)\x0c\xf7T\xa3\x0cX\xc1\x9c3\x8eY\xec\x81a\xc4\x8d\xe158{\x80S\xc1G\xe4\x9f&amp;\'Ps\xd5f\xde\x92If5)\xe6\x06\xe9\xfe8\xe6\x0fa\x04\xd0sA\xe3,\xd6?\x9co\x93\xbb\x1eZ^70\x91U\xb2\xaf_q\xf7.\x934\xc1\x15\x10\xcba\xd7@Y\x10A\xd8\xd2\xc3\xa8\x96\xf05\x9e\xf4N8Q\x1b\x9c\xa8\xda\xfb\xc4\xf9\xad\x84\x8e\xe3\xf9\xa9~\xacB\x9b\xa97\x98\xa4\xca7g\xf0u\xa9\xee\xae\x92\xb0H\xc1\xa9\xa5\xe5h\xe8\xfc|~``\xc0\x07\xfeD{s\x89\x1b`%\xa9\xde\xe1\xe4O\x14\xfaj\xc3\x89k\xe9;R\xc4\xc0\x1e\xb1}\xd8\xba(H\x07\xee5\xac:1i\x8cE\xff\xb1\x87\x1aF\xe8\x8aZ\x06\x02\xf0\xfaJ\xd1\xf2\x19Q\x85\xf9\xe2\x1b\xb7u\xca\x0c\x0c\x941\xbc\xeb\x08/\x8c\x1b\x08v5-\x1f\xd3\xd5J}#Z\xc5\x0e\xa0\xa3t\x9f\xe8\xba^c\x89\x0e\xec\x19\xc3=\xbd\xa8x\x1b\xb2V\x90\x81f\xcd\x19\\5x\xb9X{\xdfXu\xea\x92w\xef\xf5\xb5\xe4\xf1\xb6\xe8\xe9\xe1\xec\xe7\x0b\xaeul\r\xbabo\xd3\xb5vD~\x0c\x11g\xe8U)k\'\xc1ko;*;.(\x01\xc07\x1f[\x83\x81\x81\x1d`\xdd\x04\xf0\xcfVcMe\xad\x19\xba\xd8\xaf4\xf7ex\x14\xecB\x89\x81\x01#N\xb7\xb6\xda-Z\x03Y/=\xda\x00U\xfb\x86c)\xdf\xf8\xb4\xb6F"\xa3\xc3\xa2\xcc&amp;*\x0ct\xc2\x98\xb0\x81\x8eh\xfdJ]\x1f-.\x0b\xc9\xef\x14\xadc\xc1\xec@,\xfb\xb6\xda\xc0i\xe32S@\xcb\x0f\xcb\x0c\x0c\\\x1a\xa4\x87"c\xf9\x0c\x9c\x1e:\xbe\xab\xbe1\xf6\xaf\xf6\xfe5\x1c0\xa2\x18\xdc\x81\xfe\xdc\xdd\xc0i\xe12\xcf\xc1\x9f=_\x9c\xb4\xf3\x16\xbe4\xb4\x91\x16\xa9\xd0\xde\x8f7\x07\x8e\x0e)\xc2\xc7\xd8?\xa6x \xc1\xea\xdfP\xdf\\\xe2\x9e\xb1\xf3\xe5\xd7Q\xb9\x9d\x8f\xf4\\!\x99\xfd\xf0\xa8|l\x01\x06N\x15\xdb8\xee\x0f\xaf\xc03\xfd\xf9\xb0\x15\x04\xb4aD\x84\x03l\xbf\xdc\xb0\x81"\xab\x00l\xdf\x968\xd9\xf1\r\\\x00\xce\xcc;\xb9\x13\x98\xb58\xf3d\xa7\xf0+`o\x7fl\x05\xce\x06\x17\xf4U\xafK\xc3\x1e\xa6u\x07*\xe4\xd8\xb3\xbb\xef\xe1\xfc\xfd#N!\x01\x0c(\xc8\xe6n\xbc,7pL\x9c\x81\xd7m3\x04\xb6\x16\x1b\xb1\xf8b\xb1\x1c\xd0\xf7bX\xf5\xc7\x03.\x0b\xc3\x10;\x07\xfbG1\x99\xb8\xa9~t\x88\xab\xed\xb8sY\x03,\x0eS`?+\x93\xda[\xa6\x12x4p\x94\x04\xa5B\xfb\x0bX\x19o\xd7\x85K6\xf2\xab\xab\xab\xee&lt;7\xc0\xdefo\xbd\x83\xc5l~\x00\xe0\xea\xea\x8a\x9d\xb5D\x01\xdb\xf7_\x00\x9e\x945u\xf0\x06\x1b\x00\xbel+QV\xec\xcd\xa96\xc0a\xba\x8dA@$\x82\x82\xdb(+C^5\xdd\x92@\xe4\x83\x95\xec\x12\xf7\x06&amp;\x9cb:\xed\x8b\x8f\xddJ\x10\\\x97k4\xf6e\x1bw\xf0\xf7\xaav\xeb?\xbbUl\'\x80\x10\xbe\xc0B&amp;\xbd\x94I\n~\xefF`\x87_+\x198O\x00\xbcmSq\x1b\nJ~2\xc5\xd8\xab92\x9e\xdc\xe2\x1c\xc9\x00C8\xb7\xf1\xfd\xbe\x1b\xed\x05\x0f\xcb9\xd7kX\xdds@\xc1\x1e\xccz\\\x1d\xf6`\x81=\xa0\xd1\x0e\xdb\x84\xd3\xef\xe8\xc7j&lt;\x9d\x8e\xa0\xa1\xb9.fg\xd4\xf1+Z\x15\xcc\xc6\xcb\x9d\x03[c%\x87\xdb\xc6\x8f]K\xcb\xd8x\xde\x80\xb3x\xbf\xab\x11J\x9cU\xa2\xb6\xe4B\xec\xd6\xa1.\x07(\x94\x87\x1b0\x9f\xf9\xbf\xc8\xc0\xca"q{\x8c\xa7\x16\x17\x04\xe84\xdf\x00\xb0\xd9\xf3\xae-em\x83l\x16\x0e\x03\x04\xc8\x9f\xcc\xeb\xbdN\x05E\xb5\x0f\x91\x91N\xf1l\x16\xed\xed\x12\xea\x1b4\xce\x1elK\xf3\xc56N\xb5\xffY\xeb\xf3\x16\xd0\x80\x05\xf0\xb5\xe8\xfaxj\x9c\x10\x00 &lt;\x87\x86\x06\x99~]u\xfa \x1b\xcf!\x12\x15\xc3\xd1Jqdm\x8bU\xabM\xa3?K\x83?2\xb5\xc2\xe1#Qb\xb3\x92b\xe7\xd1\xff\xc4\xb0\x93m\xd4\x97\x1e[\x81\xa3\xa3\xe9\x05\xednZ\\\x04\xce\xdb\\\xca\x81\x8c\xf7\xec&gt;\x12\xa0\x8b\xeb\xc5\x0e\xf01\xdai\xd2\xc0i\xa3\xf9\xc9\xe1p\x88\x81\xa3\xa1\x18\x94v\xf8\x9c\xa0\xe3\xb7j\xb5S\xfe\xaa\x83\xfb\x90&amp;\x83@\x9e\x01&lt;\xbf\x93\xf2&amp;Mv\x1f^\xc6\x1eE\xc3\xaaGx\xfb?\x1f\x1ch\xc4\xf9=\xc0\x08\x87\xe8/?\xb18D;\xe3\x98\xd9#\xfbTP\xe57L\x97s\xff\xab\xab\x84\x89s&gt;\xd8g3\xf6\x95\x0b\xa8\xff&gt;\xfd`&lt;\x03\xd0\xb0\xea\x9cud\x0e\xf0\xc6~\xcc\x06\x06T\x00(A\xf4\xaa\xa3c\x1b\x9e\xf1\x8aj\xc4~\xf1+\xbb\xd2\x97\xdd\x0b\x8c\xe6_\xb6H\xdar\x88\x1b\x94\xab\xab\x00\xd0\xd3&amp;\x97\x8chbjn\xf8\xa8c(4p\xb2\xd8\xf5\xb6\xbc\x84#*\xdf\xe5L\x03s\xa0\x87&lt;\x90\x13k\x8f\n\xd6\x06H\xd7\xf7]&gt;\x82\x9c\x00.\xf1\x91C\x1e\x9a{\x8f\x7f\xd5\xdf\x1e8\xd6d]\x9a\x93\x9c\x10\xc6\xcc`\xf4\xb5\x86\xe5\x8c\x1f\x9f\xe0w\x15\xeeC&amp;&lt;\xd3GI\x00\xd3\xc5\x9a\xba\xed\x0b\'\x9d\xf2\xaau?\xdd!\x0f\x0c\x1c\x17z|\xdfC\xf4\xa7\xd8\xa1JuX\xe5\x19\xc0Q\x0e\xbc\xbaL\x87~H\x08\xe4b\xe9\xd8A\xf8\x99\x03&gt;\xfb\xd8\x1a\xac\x8f\xf3\x08\n\xed\xa8\x8b\x8e\xcc\xd1.:\xc1\xef\xa1W7\xd4=P\xb8\x08\x1c\xed\x14\xa5\xae\xd7j\xea\xb2k\xc0%l%\xd5F\x88\x8aX\xe1@\xa3\x9e\xf3%\xcfK\xcb/\xf6\x0c\xec\x08\x9bM[\xb7C\xff.\\\xfa\x81\x8ek\xff\xaf\x12o\x83\xfd\x1b\x81\xce\xd4\xfeuv\xa1KT\xae\xdc\x1c4\xcb\x1d8Ol\x97r6\xf1B&amp;\x01\x8cj\xe8DP\xbd\x07\xa5\xef\xbd\xec\x13\x1d\xbf\xff\xd5\x89\xd3\xa6\x18\xeb\xf0B\x11\xdfN\x1b\xd3?`\x87\xd1[N(\xaa\x00|n\xf2\xf1Xz\xec\x00\xc5\xb1\x9f\xd0\xb4\x0e\xec\x17\xc3\x8d\xce\x1b\x00\xcf\x058\xc9H\xea}\x9au\x8ac\xac\xc6\xd8\xb5\x97q\xde\x06\xda\xe2\xb0h}\x11\xc7\xc5y{\xc8\xc9\xa1%\xa8\xc1\xfb\xf7\xd5e\xa7\x18\xfe:\xc1\xf2\xf5\x87\xde/`te7\xe0\x04\x8c)\xe8\x8d\xbd\x99\xf3\xebj;\xae7\x90\xbd\x99h\x94,!\x9c] \xd8~RO\xd1~kX\xe9\x98?xp\x8as\xb0&amp;\xc8cj\x93\x81\xc6\x0blaX`\x80bx\xc4\xc0\xaa\xe8\xff\xfb+*\xbf\xcb\x8cq\xd2\x0fW\x0c\\:Z\x9c\xe02\xd7\xd2@D\xcbW\xc9N\x05g\xec\xe4g;0\x17\xe2{\x93\x03\xd5\xf8\xb9\x12\xc10\xefYB\xfcI\x1cs\xa3M\x8a\x87\xb8VJG\x9cA\xca8\xfd\x118q\xae\x03~\xd1&amp;RN\xc8z\xf0\xc4ckp1\xf8\xb8\x10Bm\x05}B\x1eE\xb1\xffM\x03\xc0\x9b\xf7\xae\xe2\xc0@/\xec\x7fAn\x8c\x8e\xe6\xa0\xac\xbe\xa7\x13O\x80_\xcc\xdbKzw|\xbf\xab~\xbf\xf2\xf2&gt;\n\xb8\xe5\xca?\xf2&lt;\x1e\x00h\xa8{cx\xf9\xad\xcd\x9f\xee\xaa\x8d]\x81\xe3\x055\xf8\xd1cI\x1e\xd8\x14\xba\x87Y\xdf\xae)\xfdy\xf4F\xfe+\xa1&gt;\x01\xf4\xd4\xa2\x15\xa3\xf4\x11\xb1&lt;\xbf\x922\xa4j\xbc\xec\x0f,\xf4\xd4\xac\x04\xf5\xb7\xc8CX\xdf\x05\x87W\x9d1\xf0\xd7b\xaacw\xab\x0e;\xf8z\xea\x19\xbb\xb8\xb8Q\x80\xafD\x1f7Th\x9f8\x96\xf7\xebB\xf5\x8ai\x03\xadF\xf4\xbfXl\xf6\x1b\t?\xbb\x89\x94}b\x93%\\\x16}\xce\xcb\xfct\xc7\x16\x7fz\\\xce\xe1\xdb\r\xed\x14\xcd\xb8\x8d\xc6\xa7g\x97]\xe2\xbc\xcd\xd8et\xe7m"\x8aU\xfe"\xd8\xa9\x00\xd0\xa1\x15\xbd\xb5\xec\xdc\xb7\x8a\xcb\xa7\xf57\x86 \x04\xd8\xeaO\xa1\x9d\x92]T\x1c7\xc7\xafdF\xef\xa0\xbc&amp;0Va\xf6\xd1)\xdc,L\xe6\'\xea\xa2Z\'T\xc8\xf5I\x00\xa7\x15\xb9$L__h\xae\xfa-\x9dO\xb1\xd8\xcfp\xb5b@Y\x87\xef\x1ep\xbc\x95\x02\x1f\xbd\x16g\xcb\xf2\x07\x14\xc7\xdd&amp;\xa8\x8a/\x8dQ^e\xbd\xbc\xb0\xc2\xfe\x01\x8fF\xf6g\x85\x9d\x1b\x03R\x18\xda\x99\x1f\xc5\xca\xc6x\xff\xb5\x94=\x1a6\x9e\xc4\x9d\xfb\xcc\xc6\xd8,\xa0\x8c\xc8u@\xd1\n\xc3N\xad\xd8\x8f\x01\xb5W}I\xf4\xdf-NB\xc9\x03\xca\xab\xeb\xa4\x86sD\xb4X\xe9(\xf6\x85c\xc9\x1d\xeetr\xd8r\xc6\xd4w@k\x12\x80\xb1\xc3\xe5x%\xde0+w\xf3\xf6O^I\x9d&amp;\xecg\xd6\x00]Th\xb5\x9f\x81\x1c\x11}s\xc30)\x8f\x1a\xef\xdc\xf6\xdd\x1b6\xd0\x9fJ\xf9\x7fD\xc0\x17z\x88\xcd\xbf!&lt;\xd3\x8b\xb7N\x0b{v\xa2\x1d\xabv\x1ctN\t{\x9e\xfb\x8e(\xbc\xe0_\xcbj3\xe3\x01\x87\xadD\x9f\xcc"\\O\xcf\xe4\x99\x9a\xfc\xd7\x84\x98$\xbd\x9aJ\xe7\x84\x16+\x99\xdehXMz\x17\xb0\n\xbc\xc4C\\/\xfa\xe8\x83\xdf\x15,{\xd5#&gt;A\xbd\x9c\x92\xffX\xa7\xb1E\x14*\x89\x8b\x99 \x0bvk\x8b\xa6|\xb3\xc2\x90\x00\xe0\xcf\x0c4a\xaf\x8b\xe2|\xf0g!\xc0\r4\x02\x00\xae\xca;\x9d\x87\xb1\xfbDf:\xe0\x1a\x8b\xbd\x8e\x82L\x83\xb3t\x83\xa6g\xb9U}\x1f]-\xaf+\\UH\xf7Y?77\x1a\xa0\x18s&lt;p\xde8\xae\x87\x03&lt;k\x0fjX\xd0K\xc3\x1bw\xe2s\xe9\xe8[\xc6\xb53;\xa7\xba\xf2\xb4\xc6rZ\xda\x9e:\x86\xad\x83\xe1\x89\x85}\xa3\xb9|%\xb8]\xad\xcb\xc1G\x1c[\x01\x8a3\x98\xc0\x13\x1d\xc1X;\x14k?\xb3="\xbe\xbb\x1f\xab\x9d\x8c\xd4~&gt;\xbd\x13\x85w\x81\xeae\x7f\xef\xbez\\\x0cXs\x83|k3\xbc\xc3j\x9cw\xf2\xc0\x80y\x99\xb5\xf8\xf4e-]v!\xae\x17^\xb0\x0e[\xaf\xdb\x8c\xe7\x935(\xbc\xec\xf1\xd7"\xd90\xf5\xc0\x01\xe2\xd7\xc7\xda\xde\xe8\xdd\xc0\xbd\xb6\x101V\t\x026\xc6\xf6\x96\xb9\xb8\xa9\xb0\xbc\xd8\xbe\xcf\xac\xb9\x87\x1f!8\xb6|\x11\x1d\xf5r\x8d\xd1\xeb(l\x02p\x9c\xea\xeev\x02J\xc8\x14\xb7\xac\xc1\xd5t\xe9\x89v5\xd7\x1e\'\xf3\x85\x95\x95%\x9e6\x0e\xefz*6:\x96\xf9\xde\xbc\xe6\xaa\x18&gt;q\xc0\x8a\x16\x16\xc2\xbc=\x07\xec\xa1\x02\xe8\x0b\xf8\xe5ck\xd0\x8c\x0e\xafx\xfcA\x075|\x12\xcd\x8dg\x82\x95\xbe\nX\xb1Qp\xac\xf6Z\xb5|\x05iC\xdf\x01\x98\x7f\xa0;\x18\xb6\x02\xd2\xbc\xbb\x12\xc0z8\xb3\xd4r\xd2\xc8\xe6\xc255\xbf\x93v\xb4\xf7\xdd\xa7\x03\xf4\xf9ur\x00X\xe9O\x02\xd89+\xf6\xdd\xd5\x9f+\x80c\xffy\x93\xa3+\x90A\x9a\xe2\xac\xfd0\xbf\xd2T.\xb3O(\xb0c\xb4{\xc2z\xae\xbe\x12\xde.\x84\x7f:\xb6\x0e\xa7\x0ei\xc9L\xaees\x88}z\xce\xb5\x8e\xad@\x01\xae\xe8\x9f\xc4\x8b\xb0\x14\xf9\xbb2\xfd\xd1\xf58\xba\x02v\xc4i5TOW\xd3:\x05\x80\x9d\xa5\xfc\xe3bD\xffv(\xced\rP\xbdT\xe9\x8d\xed\xfe"\x18\xc0\x0fE+X\xcc\x91&gt;\xbb\xd7\xb6Zlmx\x15\x92\xbf\xbe\xb4\xcf\xfdW\x17\x9c\xfa\xd0t\xe71.\xb0\x03\x15\xa5\xedn\x9c\xbe\xa9e\x0fo\xe2\x0e\xb0\xb0L\x8a\xdd\x19\xaeFQr\xc0\x1a\xcf\xd9\x94\xe4P\xf1\x1e\xc8q\xd1W\xc5\x13\x18\xb0\x8c8e\xcb3\x80\xd2O\xc5e\x17a\x7f\x0e\xb0\x93\xc7\x83\xc77D\t\xc6\x97\t\xf9v\xa5\x8bC\x81\xceFzF_v\'\x8a\xc6u(\xbd\xe3\x11\xaf\x93[\xdfy\xcc\xf5\xbf\x83hs\xf2\x00\xf9\xd1.C,\xfee\xb7\x9d\xbev\xec\xc2\xa9\xeb\xef\xc26\xeb\xb5\xf8\xeaJ\x9d\xfc\xfc}\xdcK\x9a\xb8#\x00\xd7\x89\x99\xd7\x00\x01\xd3\xbd\x97\x1a!\xc0\x87o=\xd9\x9b\xc55\xf6WZO\x02\xae\x14\xb2[T\x07\xa3= \xdb\xf4\x1bs\xf9I\xcf\x17\xc6\xd9\x0cdS\xd8\xad\xd6\x98\x00v\x8e\xe5\xa9\xc9\\\xc9.\xb7Ha{\x8a\x03l\x04\x1d2\x9e\xebS\x99\xf7L\xc3\xfc\xd5a\xf67\xd2\xb9\x8e&gt;\xa1\xd5=\xd7\x17\x87g\xadb\x8c\xc6\x0e\xebY`\xef\x0ewN\xc8W;\xb9ur\t\xa0\xe5k\x13=\xf5X\xd8\xae\xc1uE&lt;\xc9\xfc\xd8\xa0\x05Gq\'@Csti\x16\xbav/\xed\xd4\x1e\x9eX%\x7fk@\x08\xf0\xa8c+q\xa2h,dP\xb1\xc0\xdc\xdaI\xf8w\xbd\x01\xd5_z\x8b\x85;Y\xce\xf2X/\xef\xd2E\xf0\x19!:\xf2M&lt;\xbd\xae\xa9\x16\xc7lG\x1c[s\xda\xf2s\xb5jT\xdf\xdd\x12Y\xa4y\xd6q\xb5\xb9(\xb0Np\xab,\x01\xfc\xec\xd6Z\rl\x83c\'\xf7U\xc0V\xee\xc0U9\x05&gt;6\xebl\xf0zR\xaf\xc3\x9c\x8e\xb5Tz\x82zcEC\xeb\xb1\x12&gt;\xbcjRm\xc0\x03\x80\xf7P\x8e\x83-\x1b\x80\xebV\x8b\x0e\xe1&gt;.\xfa\xd5\xfe\n\xbcq\x81}Jo\x86\x03\xa1\xc71K\xfe$\x00:\x1c\xbe\xe9\xae\xbf\xf1\x0f\x05\xe9\x9b\t\xfb\xc1}\xec\xf8\x88\xae.\xda\xbe0\xf58\x03\xf0Km\xecw\x0ci\xd8\x9b\x05\x90\xfc\xb0\xff[7}\x01\xb4\x9a?\xfcP_E&lt;\xa2\x8ddk\x9an\xcf[\xfb\x0e\xd5\xa5\xff..\x1e\x01\x00\xe0{ZD\x04.\xafpBK\\z \xdb\xd0\x1c\xfdH\x16\x03\xbdjqL5N\x18u1\xb6\xaf\x0f\xe49\x00\x00\x00&gt;\xad\xa3\x80=A\xb2\\\xdfl\x07_&gt;6\x01\'\x0fv\x06\xe9\xbb\x12bw\xae\xcb\x19\x8090\x10\x1a1}f\xab\xb18&amp;\xf4z\xe2\xdf\x11\xbb\x9a\x9bw\xdcPV\xc7\x1c\xb0\xc1\xe6)\x13W}\xf7\xb8\xb0\xbci\xb3k\xfd\xb5\x83\x0b\xab\x0f\xfc0\xed\xc82T\xd5\xb0[\xc9nN\x0f\xa5b\x87\xf4\xa3\xbc\x87\xdb\xf3D\xef\x02\x9d\x9f,q\x1fO\xf7\x8bK\xbb\xc2\xf0f#\x00\x02\xdc\xb9\x07\x1f\x9e\xb9\xe9\xc9d\xfd9dm_)\xbe\xdfV\xef\xa5\x8aj\xf1\xb7\xacZ?\n\xc6\x92\xd9\x05\xf8m\xefV\x8f\x04\xf6\x03\xf2\xd8-\xbf\xfb-j\xdf\rL\xa5&lt;\x184\n?\xe9\xd2[Bf\x87\xfe\xfc\r\xcc\xbbHu\xe9\x9e)c\xefz\xc4\tf\x0b\xd0\xcb\x85e/\xbc1\xd8g\x03\x87\xe0r\x8a\xa1\xc1\x82it\xec-\xf5c\xd6x\xe4\xc7\xb0\xfb\x9e\x9d\xf5\x94\xeb\xbb\x7f]\xd5\x8c\xc5Ed\xaf\xb7\xbc\xa3\xde\xcc=\xf6\xed\x86\xad\xe8\xf3s\xd0q\x9a\xafv\xf6s\xf3\xbao\x86\x98\x1e\xb6\xd2\x87\xd1b\x05\x9eWWW\xd2D\xe4\x8d\xdc\xd8\xaf\xc8\xc5\xaa\x90\xcc\x7f\xf8\xf9\xdc\xbes\xd3q\xb6\xff\xb2\x0b\x17\x1e\x10\xc2\xcbz1b~#\xdb\xd8\x916\x927S\r\xbfr,\xbe#\xfd\xea\xf4\xe3\xd5\x15\xc3J\x99*\xd7\xaf+\xb7Lz\xdd\xaf8\x03\x04\xf8\xfdj\x99\xdba/\xe1\x1a\xa0\xd2\xd0:O{\x805\xfdI\x83\x03e\xbdF\x1d\x00H\x01p*\xe3\xa5?:\xa6\xaa\xa2\xfd\xcfx\xcd\x037Z\xa0\xceP\xbd\xcc\xdbk\xd4"\xffZ=\xe1\xb0J\xdb\xfe\xbc\x12\xcc\x7f\xbb\xe7\xc0\xc7\xa2\xcc!zs\x7f\xecA\x0b\x1a\x80\xf4\x84\xcd\xff$\xd4\xc1V\xfb_n}v\x00\x16\x94"q\xffR\x98\xad)D\xf1\x86\xc7\x03{\xd8\xdf\\\t\xd7\x18\xaf4\xf4-b\xc3-\xb6h\xf6\xab\xab\xab^\x8bh\x12Q~)~\xda\xc8V@\xe9\xd5\xfd\xad\x04\xd6d\xb1\xe5\x83B\x00\xf8u\xbeW\xc3\x17\xcc\xa6\x9d\xa5sF2aW\xf3\xbf\x07&gt;\x16^\x87\xad\xa0\xd0.\x08M\x93Cqo\x01_\xd89\x00us\xdc\x13E\x85\xbb\xaf\x11o\xc4\x07\x00\xf0\x03\xf2\xad&amp;\xcd{\x8d"\xaa\xb1\xc3\xc7*\x1d\x01q\x8e\x0c\x94\x14\x9fn\xf6\xb4\xdf\xd9\xd0\x8c\xc0=o\xb7\xfb\x95\x85Py\xcc\xb3\x06tA\x85\x17{\xbajR\x048\xad\x8d;^ \xce9K\xe5Npu\x15]5\xfdk\xe3\x81\xce\xfeq\xf3\xf7\xda\x87\x00\xbbB\xf1\x10`\x8d\xe3\xc1\xdd\x82N=k\x9fX\xe1\xee\xc10\xdb\x1f\xb0\x9c\n\xf6o\x99\xed\x8e\x80X\xacw\xcc\x808_%\xff\xa3\x7f=\xf8\x8a\xd9L\x1e\xeb\xb9p\\\xff;\xf7\x9b\x8e(\x8es\'\x96\xd8\xc0#\xe0\xe0\x9ci\xf4gEO\xee\xa1\xbe\xc4i~\xfd\x86\xa9\x80\\\x83m\xf4\xd5\xb5\xdfS\xda\x18\xc9\xcel\'\xbe{,x\xa7\xb6\xef\xdbo,7I\xc0r\x16\xd1p\x16d\xd5\xed[\xe5[U[\xd75\x95=\x19\xacm\x82\xc21H\x17\x11\xe6\x89,z\xa8\xd7#2z\xaf\xff\x8b\xcbJ`\xb2\xc6\xa9iQP\x912\xd3\xf6\xe2\x97\xd4\xc9b^\x1e\xafeoe\x17\xa4W\xdb\xf3\x00\x86\xad\xa3oe\x02\xf0\xf6Q\xbb\xfc\xb6\x81\xe6\x92\xb1n\xc5j`^\xf4\xce&lt;\x90\xed{"\x81\\h\xc4/\xed\xf7\x98\xcd\xd0\xe2\xe0\x86:\xef\xdb\xde\xa7\tw9c\x7f\xe6\x96\xf6\xb2$\x00\xef\x04\xb3\xae\xb6\xf3e\x19j\x1f\xa6\xad\xa1\xc6@8\xbcJt\xad\xc3\xc5NM\x12W\xcc\xd1\xf5k\xb7P\xcb\xd6\x01\xa9\xb1\xf7\xbd\xf9\x8a\xcf\x00n\xdf\x95\x9b\xfd,\x8d\x16\x14\xfa\x1c\\\xf9\xe7\xa9\xcb\xdb\xf7\xf8x\xb0\xaf\x8f\xd4\xbdQCQ\xf1\xce_\x0b$\xadN\xe8\x18\xb5f+f\xeesu\x15\xc2?V\xf6\r+\x04e\xf6\xc9\xc4\xc1_\x8e&gt;eWW\xcdi\xd2QB\xf2Oz\xe1\xf0U\x80}?\x06\xd8\xb5ru\xc0\x13w\x15_!\x96\x1f\xc7\x17\xd2\xc3&amp;\xf3\x07\xb5o\x0b\x14_\xa1\x19X\x15\xb0\xce\xfbZu\xd3zx\x9a{uu\x95\xb9\xd3\xfc\x90\xd7\xe7c0\x7fc\xab\xd7\xd86\xf6\xd5\x8bzy\xac\x1aG~\x0bhmL_\xc0\x99\x7f\xf5\x81#\xd8\xc5\x06M_\x99\x8a\x8au\x7fQFy\x12&gt;]\x10\xb3\xdc+\xdd\'\xed\xc2j;@\xf6\xd2N7\xb6fJ\xe0?\xa5\xef\xb9\xc9\x1c!\xae\x11A\x87\x8ec\xdb8\x1aWL\x8b\xfbh\xf7\xa8;\xb0.8\xc3\x14\x89\xdfj;TC\xf1\x16\xf3\x85@\x80\x8c&amp;\xc3\xc6g \xcb\xcf&lt;\x94\xea\x97\xe9k\xf9\xbd~~ L\x86\xeb\xf0\xbb\x0b;\xae\xbc\xaawZ\xbb\x824\ni;Rt\x92\xe8\xff\xc5\xef\x1fX\xd48\tLQb\xcd\x01d\x07\x0f\xfb\\\x17\xe7\xbe\x03@\xd7uG@\x9b\x02\x00\x1e7_\x97|\xc5~\xd8\n3\xef\xaf\x9ek\x16\xfa\x80\xdb~\xdc_4\xd7\xd1\xbd\x1c\xe4\xbfu{\xf8\xf1\x19\x07\xab\x12\xf5z\xae\x13g\x8d\xde\xf2F\xad\xab\x99\x954wW3&amp;\xd1\xb0\xf4\x9a:\n\xbd\\j\xb08\xee\xea3\xe6\xc5j\xe6\xa7\x9b \xb7\x00\xc0o\xf8\xe8\'\'\xbe\xad2-q\xd9X^\xe994I\xc4\x13~-\x12\xaf\xf5c\x15\xc2u7\x11\x9f\x10\xc2\x9b\xd2P\x05\xf2\x99X\xae\x9ep\xbdg\xb4\xac\xdb\x8a\xbez\x97jU\xda^Il\x1aE\xea*k\xbd\xae\xb6\xb1;\xad!\xee\x87\xcb$\x03\r\xb8n\xfa\xd1\xf1b\x96%\xfc\xeb\xc4\x85N5\xf0\xd5\x9e\x1d\x05S\xe6\xe6\xa3\xfc\xe4\xedf\x835n\xa9\xf2\xd9~\xcd\x1f\xb7\xc0\xdc\x00\xe7&gt;\xbe\xfe0\x1a\x8c\xbeL\xc8\xd0&lt;\xdf,\xf4\xed\xad\x94g\x8b-=\x15G\xf0\xdfE\x1f\xe3-L\x16\xd4\x1c`\x90U\xd6\xe7\x9dUUMCj@\x9d\x08 \xae_\xe4\xf3\xa0\x9d\xed\x12\xb2\xf9[\xd5\xd47\xcaD\xaf\'\xe9\xc0\x9f\x13 4\xdefM5v5\xe1\x0cX\xfd\xb6Wz\xff\x86\xda)\x00\xe0\xc9N\xfa\x90F\xfc\x10\x02|&lt;\xff\xe5I\xbd\xf6\xa7s\x06\xef\x1e\x00\x00\xde`\xd3\x04_\x7f\x9cg\x0c\x03\'\x08\xb8\x9b|\xabm\xf1\xbb6\xbeY\x97.\xe1\x0f\xbf&amp;\xf4\xbd\xce\xbe{\x80\xd7\xfe\xeb\x9c\xf4\xae\xc0t\x9f\xe8;\xd2\x8a\xc5\xe3\x0e\xeb\r\xe5\xbfY\xa5V\xb3tt\xa0\xc7\n\xfca~}j\xa5G\x1d{(\x82\xd6S\xe1\xe8c;\xd8\xd7\x1d\xdcm]\xa2o\x9c\x1cv\xb2\x03\x18X\xe0\n\x04\x15\xc7\xb8J \x97\xc2\x907\xfcKL\\z\xe6\xdd\xb7\xea\x08\xafA\xd7\x8d:\xef \xa6S(\xb3\xd7Q_\xef\xf9X_\xb9\xe2\x03-C\xdf\r\xb0\xfa\tXc\xf7\r\xbf\xce\xd2\xbf\x9c\xbcpX\xaa\xe9h\xf1\xcc\xf8\xd2$\xacZ\xfe\x97Te\xb4\xaa\x93\r\xf0\x87E\x9a\xe7L\x94\xf5\xc3\xcb\x1e\x0b[8Y\xe6\xabV\x1d\x9e\x1b\x98_sb;\x065U\xd0;\xf0$\x85\xa7K\x05\x13\x8c\x1bJ:\xfcF]&gt;\x15q\xd6m{*\xd1n\xa5\xfdn"b\xc4\xff\x0c-\x96`\'\x8c\t\xa0(\x04D\xfb\xd3\x99\x00D\x9c\xe21\x10\xcfC\x84\xc9\x03\xb8G\xc38\n+\xc4\xe8/\xcb\x18\xbd\xd2\x1bb\xee*\x11m\xfe\xb7\x0b\xef\x96\xc5\xd6}\xa1*\x0c\x8f\x12\x14jk\x8bD\xd9\x16\xff)\x08Z\x83\xe9\xfa\x12\x0b\x1b\xaf\x91\x00\x0e\x88\x01\xb7\x89\x89\xad;[\xd4/a=\x04\x80o\xe0)&gt;?\x7f7\x7f\xa9\n+\x9fIx{0?\xc9\xe0\xf2\xa0.\xde\xc6&gt;H&lt;c?\x8e\xbe\xd1\x87[\x15\xab\r\xaa\xc5\xf5bw;\x8e\xa2[\xcb\xd1+\xaa2U\xca\x91\x00\x8a\x00`\xbe\x93\xcc\x97\xde&gt;\xb6V\xb8\x18zT\x90\xf8x\x07\xe2"\xee\xe6m\xb0\xef\x90\xc1\xa2n\x86\x1c\xf9\xd5FST\x82\xd9\xcb\x9au\xe0\x19JO&gt;PzS\xfcw\x8d26\x7fRb\xa6\x0c!&lt;\xd8+\x8ce\x0b\x00\xf0\xee+\xb9/[$Ij\xac\xa3\xc2\xe9c\xfa\x8a\xd0j\x06jL\x00\xd9\x1d)\x1a\xf6\xd5\x1e\xa6g\x03\x95\xc9\xa6\xbb2\xc5\xf6\xba\xd7\x9c\xaeS\xa3\xce\x91\xa1\xa4\xc3m\xcc\xae\xd0[\x14\x93\xb6&amp;Eg\x03\xf8FO\x9dT\xae\x1bV=\x7f\xc7{\xe8\xe3\x16\xe0\x07\xd9c\x0bpd\xb0\xf1\xfe\xe5\x16\xbf/rv\xa9\xe1!\x0e\x8d\xc7\xd9j{\xf5\x81\x12\x1f&gt;8\xca\xbdA\x99k\x10~\x113\xa1YC\xa5\xad\x8c6\x85!Y\r\x13\x87fUw\xee!\x1d\x11\xcd\x05\xd7\x9bZ~\xea\x98\xea\xec\x1b\xac[\xfc\xd2:\x82N\xcb\x05\xf9\xddFZ\xd4\xf4\x1d\x11\xe5\x06\xf8\xbdQ\xb6\xcbr\xb6\xb0\xbam\x8d\x02\xa4"W\xeb\xb2\x82\xf2\x96\xa4\x82i\xb2\x07\xadV)\x8c\\\x13\x19\xe9\xd5\xdf\x06\xd6\xf9\xdavU\xf6\xfd\xa3\xdc9\x07s\xe3\xa5c\xa5\x10\xd6\x17\xacn\x1f\xb1\xd5\x9e\x8e[\xdb\xe5c\xab&amp;\xfe\x9c8#+\xe9pl\x87\xf3\xbb\x8dBb\xc5-nD\xa0H\xc3\xe2\xablr\x07"V\xc9\xf77d\xd6\xcb\xb1\x8f\xa0.\x18[Z\xbd\xf8\x00\xadH\x93\xf1\x11\xe3\xe9\xca\x0e\x05\xf0m&amp;2\xbe/m\xe1\x15U\xf4_\xe9\xa4\xa5\xfa.&amp;[;\x99U\'\x80\xee:\xf5bXg\xae-J+\xff2*x\xd1\xad\xf8\'\xff-\x0f\xf3\x06\xfa\xa3z&amp;\xec\x0f\x03\x14\x11OU\xba\xc3\x0fg\x07;^\xaf\xa9\x18\x18w\xe0S\x16j\x89\x83z\xa2\xd2\x12\xc0&amp;\xcb\xa5\x9a\xbf\xa4]\x17\x85-G@I\x92\xe0:\xee\n{\xd5Kt3\xe5\x15)f\xb1\xd8,?\xe2\x7f\x7f\xd0\x93\x8a\x8e\xdcX\xce^\x01\xd7\x98Ed\xe2:\x9e\x8c\x19C\xb97\xe4v\xf1\xe6F&amp;\xf0\x9c\xb6\xee\xff\xb7\xa1/\x975\x97\xeb\x86\xc7!\x00\x1f\x81\x99\xf04N}N\x11\x00\xf7\xcc[f\x87Y\xbd2\x90\x12@\xd5c\x95\xd0\xe0\x0c\x03\xadX\xafR\xa3\x82\xf4\xc3t-\xc1d|z\xfb\xca\x7f6\xd0\xd4\x07\xac\xe3\xf9w\xbb\xc8\xd4\xf22Y\x8f-\x91\xd1B\xd1\x98F\x93\xba\xa2U_\xc4!\xc36\'6\xed\x1c\xe0\xd3J\x04\xc9T\x1bK{\xf1\x96\xc0v\xa0\tY\xb8\xd4({\xdb=\x8f\xd41\xfcy\xd6\x1b\xbbZ\xa2\xa2\x92\xc6\x00\xf0EE\xce\xe4\xd1\x93J\\b\xe7\x81)&gt;\xae/\xa5\x89\xb9\xe1\xec%\xef\xe2\xe2/7Vo1\xeb\xbatD\x8b\xf4\xedC"93(|I\xadEC\xec\xf0#\xfa\xe7\xc8"s\x93\x1bu\xbde\xdc1\xc4\x13\x93\x8a\x1c\x93W\x19S#/\x0e%\x86\xe41\xb2\x14M|\xc78v\xd2"+K\xad\x84.\xaaW\xc4z+\x89\x16\x16\xea\xa9\xa0\xfbT\x97=g\xeb|\x8cy\xb2\x95\xa6w\xdf\xc33\xa9\x15\xda\x05\xdaV`\xbe\xf3\xf5\xbd\x84\x9d4\xdc\xe7\xcd\xab\xa9Q\xa6I\xe8\xb3\xee\xbe\x8a\xbbE1\x08\xe1\xc5mYgm\xf8\x12O\x9b\xfe\x9b\x8d\xfd\x86\x8a\x0es\x11\xf3\x03\x1e\x86\xcc\xcc\xf6\xdd\x87\xa10jg\xbcO\x8f\xaa@])\xd6k\xd8\xb8\xde\xff\x08\xee\xd6Y\xd8\xd8\x89\xedG|\xd8\xd6mS\'\xae\xc2\x1f\xb9If\xbd_Li\xb6/\xf6\xa9\xc0\xefF*\xf5\x90pb\xa8\x898y\xcbWw?n\xa2\x01\x9d\xae\x08\xfaq\xaa-\x14\xb6Usl\xe9r,\xe79\x8f\xb47`\x8d\xf8\x1bO\xb5\xb6%\x9c\x08\xca\xafB\xa2\x8f\xfc]\xe9\x81\x81K\xd5\xeb\x19\xbax\xcf\x97.\x10\xc5\x80\xc2\xdeU\x1f&gt;\x0b\xed&gt;\xbd\xd0Ab\xca9;\xa4\x06\xb8F\xd2?6\xbbD\xeb\x1e\xbeg\xd8\x96\x83\xafK\xd8&lt;\x04\xed\x11zaR\xcd\x13\xee\xd2\xca\x8a&gt;\x11\xd2\x88\r\x9aW\x94\x87z\x0b\xda\x19\x94Y\xad\xbd\xeet\x01\x8f\xe9\xc0?yfP\xa6o\x96\xd8\x1d\x10\x02\xbc\x97zW\xb6\xe1]\xd4t\x12s\xbf\xc3c\xd3\x02?\x9e%b\x86\xc1\xe6\xb4\x1fe\x16\xaa\xe3.\x07\x89\x93)~\x1a\xdf\xba]\'\x11\x19\\\x1eed5\xd0\x8a\x8e\xa6,\xecsKO\xf6rn\x00\x00\xf0\x0c\x8e\x83\x1ea\xfb\x1e\xaa\xd6q\xa1\x89\xb6\xfb\x91\x11\xa6I7+\xf1\xc1\xf5o\xd6\t"\x13g\xe8\x02\t\xc1\xaa\xc7\x80D\xf4Z\tW\xe29\xf9\xe1\x83}\x87\x81\x80\x10\x842\x82\xd6\x1c\x1b\x94\xf0T@/\x91\x8d\xca\xdf\xa5E4\xba\xfe\x9d\x16%\xce\x03GO\x98l\x04tU\xfdY\xc7\x12\x81\xfb( \xde\xca\x83i\x95\x8a\x8d\x0b\xb7e\xfbR\x97lL\xbf&gt;\xb1\x0f\xac\x17\xb00Ce\x06q\xc1\xeeI\x01L@g\xfe\x04GZ\xe8\xe0^\xd2\x11V&lt;P\xd2\xd5\xf0n\x1d\x8e\x1e4z\xe14\x8f\xc1\xbaB\xaa\x16\xf5F\x9f\x88N\xe5\n|\\\x99\xe6N\xcdR&amp;Y\\m\xeb\x1dB1L\x14)WB\xdd\xc1\xb1S\xc4\x89\x1e2\xd7#s\xf3\xeb4\xac\x9d\xb8\x97]2Jz7J\xd4\x99\x9c\x1c \x84\xbf\xc8Z\xfc6\xb4wy\xa5\x97\xf5\xf9\xe1X\xa1G\xa5\xd1\xca\xf0\x96\xee}Q\x14\xb4\xb6\x1e\xed\x99u\xb71b\x9f\xd9C\xd7i\x95\xb3\xa6eK\xf1t\xda\xb86\x8er\xca\x14\xdb\xebB\xbf\xb4\x19\n!\x00&lt;\x03&gt;c\xf98\xb0`\x9b\xc0\xda\xfd\xdd\x83]\xcd#\xde\xfe3w\r\xdd+=^n\xdf\xe6\xa4\xb8\x02\xbbJ\xe4\x03\xa16&amp;v\xf9\xc3\x90,V\r\x14\xbb]\x17;\x82\x1e\xce\x82\xf8\xc4/{T\xa5q\xb0H\xef\x02|T\xaa\x1c\xbft\x11\x89+\x17v\xdb\x8e\xc8*\xf9\'\x1f\xb9\x87%\x80\xce\xac\xea*\xa9\x01\x0c\xfa\x00\xb6@\xbf\xa62^\x88\xeb\xf7\xf1\xe1\x0bJ}_P\xcb\xbc\x85r\x03\x8c\x04\x90\xc3n\x8c\xf8X\x89\xbb\x058m\xb8\xacL_\xddUzF\xd6L4,\t\xa5\x04P\xeahQ\x86i\x17\xd2!\xee\xa8\xe8)\xc8z\x1d\xed&gt;\\yKd\xd3\xdd\x1eH\x0c[\xc3\xe5\x0b\xab&amp;\x86\xf0\xf662|-\xfa\xf0\x0e\xf1\xe1\x9d\xf8\x8c4\x90\xc0h\x0e\xa3\xc1\x1c\xa1\xdf\xaf\xc9\xe1\xbeT\xf9\x16\xfb\n\x0c\xf9~K\xb2\x91\x16\x89r\x08\x93n\x05\xe8&gt;4S\x9eWXV\xfb\xbc\xb1\xe5\x80\xebdeS\\\xb7\xd3\xb5\xcc\xafTN\xbdk\xafm\xeb/\x96i\xce\x0f\x00p\xed\xbd&amp;\xb9=B\x8fPycR%-\x94\xc8\xe3\xdb\x94Q\xc2q\xd7\xc4\x0e,(\x99\x89\x89Ch\x81\xc0\xcai\x17\xe0=$&amp;r\xe7`\xd6K\x85y\x86\xfex_/k\x85\xee\xd0h\xc2\'\x08u\x06\xc8\xef\x80\xae\x87\x9d\xd4"\xb0\xb8P\x93&gt;\xbb\x18\xccq\xd1wF)\xb7\xe4(\x1c\xb4\x18\xed\x9a\xd1\xea\x04\xe0:\x8e\x07\xb4\xcc \xfd\x97\xd5G\x12\xad\xa8D\xf5\xd9\x18}W4\xe3\x00\xf2\xc3\xff\x9dD\x93\xd0\xab\x94\x8e\x17xs\x00\x00\x96W\x98\x9d"\x8e\x05\xfb\x94\xf5,\xc4"\xcf\xc7e\xc5\xa5(#\xdb\x93\xfd\xeb\xde\x9a\x9c\'\\\x13V,{%\x9aU\x9d\xd8U\x14Xv\xee,C\x80\xc7\xb2\xdc\x823\x9e\x1eX\xff\x98\xa3GT\x89m\x97\xbbxE8\xe9%|\xa0?\xca+\x9e\xb3\x1e\xe0q\xea\xdd\xf8\xa3\xdf\xcf\xb7q[\xf3\xc7v`\xe5\xdfU\xdc\x18-\x03I\x8bK\x80g\x166dgc\xb4\x9e\xf8\xe8\xb6\xee\xb1(vwl\x11*\xb7\xac1\xc7\xc6\xc1e\xee\xc8\xf1\xe9\x16\x16\xf0\xc1\x9a"q\xa1\xcf\xd4\xeb\xa3\xc5\xc5\xa1\xe7\xe9b/F\x16Y[\t\xab\x90\xe3:P\x05y\x11\x1d\x8e\x13\x85\x13\xe9\xd87\xa3\x1f\xeb \x84\x10\xc2\x03K\x04S\xf9\xf3\xb6\xac\xb1\xf0\x15Y\xdd\xba\x7f*\x08\xaa8Ke3\x90\xf3\xe0\x9dW\xc6\xd8\xc8\x92\xb1\x87B.\x8d\xec\xa4E\xae\xc6\x97It\xa3\x15g\\d\xdbLPM,u\xb9\xb6\x9fI;$\xdb\xba\xf6\xac{F\xf41\x9f\x9fw\n\xc4e7\x83r\x95v\xd1\xe8k\x0f-\x93\xfb\xdf\xd5\xc9\x08&amp;&lt;\xa9J3\x03 \x84\xbf\x13\xda\xfb\xf0_\xc7\xf7\x00\xc2\x17\x17,_\xcb\xb9\xb2\xdfNQ\x0cQ\xcac*\xadWU\xb6[\x1e\x18\xf8\xfb\x9e:h\xb6`-\xfc\xd9]%\xf6cv^0&gt;Q\x11\xbb\xa3\xd0\xacJ\xd1n\x1b\xcb\x07V\xd0\xb6\xdb\xea\xa6\r\xc6\x1a\x87fQ!\x85\xb9t\xab\xef\xaa8\xd8\xa6b\xa3\x00!|V\x17\x05\x8a\x04[E\x01x\xc5v\xa7\ru\x87\xb1{\x03\xbfI*\xf6j\xd9\xaf[\x88\xce\x1eRDcNWt&gt;\xa5\xe0\xc8U@\xafL\xd4x\xb8\xae)\xa2\xc4\xaf\x04\x88dbw\xbb\x86T\x9c\xceac\xd8s\xd1\x81\xf0\xe7,\x94-\n\x85\x00p\xef6\x06\xe7\x80\xa5$\xea\xca\xf3_\x1d.\xe09\xfd\xb8\xee\x1d\x92\x01_"S\x1a\xf7\xc1\x96M\xdb\xb9\xc12`c\x19^#]\x8d\xdau\xeb\xa5c\xed\x93\xa8gx\xa3tu\x18x\xb1\x00\x00 \x00IDAT7Y\xa03*J\xf8\x1eB\x13s\xae\xfdl`m\x00\xbc\xb0{\x95p0\x11\x84\xf0\xe3}\xf9\xaef\xc0\xc2\x8e\xff\xbe\r\x9c\x9d\'u\xcb\xd11\xe4\xf4\x03\x95\xa8\xabn\xe4\x83\x08\xf7\xab2\x8es\xa7\xce\xa5\xd8\xc2\xb9L\xb3(P_q\xec\xc1M\x1b-X\xec\r\xf0&gt;\x1d\xc5\x1d\x1d\xf4\x88R\x1f\x0f\xcd\x7f\x199\x0emu\xe7l\xeb\xc1u\xdeb\xa9\xd3\x8d\xac\x98k\xee\xfbF8P\xac\x14\n\xf6\x0eWQ\xbf\xf6qG\xc5\xc9\x0cC&lt;w\xb1\xccg\xaf]\x02&gt;g\x8f\xdel\xb4m\x85\xe7\xf5==8..g\xd5I\x15h\xa9\x97OD\xfd#\xfd5*\xa1\x1e\t\x9bMi\xc53g\xd4=\xd9\xbeg\x7f\xebfJ\x99\x17\x18\xfdq\xb42\xd1\xb3G\xff\xfd\xceX\xe2\x1c\x14\x9d\xc6xZe\x8f\xbf\x1aA\xe6L\xb7\xce\xbbK\x8aUFv\xc3\xa4\xf4\xf2\xd3\x96\x9d\xc7\x1a\xa8\xd6d\xed\xba\xc4\xa3I\xd3\xe9\x9f\xf2w\x897\x00\x00|\xd2:l\xdbg\x84~)O\xdf9\xa5\xbb"\x8f\xa0\x0b\xf9*@9\xea\x11C\xacm\x1a\x00\x00\xf8\tT&gt;Kd\xa6\x17\xe3\xec\t@ar \xb8;v&amp;\x94\x9c\xfaV\rY\x9d\x92\xde\xfa3]\xc9Fq\x95\x1c\xc8\x1c\xc1\xbd\xda\x18F\xc3\xfa\xcb^\x0fqe_S\xd9a\xd7\x83\xebk\xec~\x01\xf1)/7+\x86\\y\xa6z\t\xe1\xdf\xe8\xca\x92)j&amp;\xc3\x14\x8bM\xc7&amp;\xd6Eb)\xed\x93\x93Sa\xb0\xea\xa6\xa7\x8b\xafH)\xadKpg\xf7!\xdem\x1ff \xb1*\x1b\xdc\xf6\\\xc4\x0e\xf8+\xa6\x97%\xbeK\xe7\x03\x05q\xa4/+\xd1\x8b\xb9\x98X\xec\xcc\n\xc2\xbe\x8a\x1a\xff)\xbfk\x93\xa8\xd5=\xfb\x08\x80\x99;\x01&lt;dc\xd1\xbb\xb0\xc2&gt;a\xf4\x1e\xf8\x8b\xed\xdeA\x9eW\xd1w\xe2\x16\x80/vD\xba\x92\xa2\xa6\xe4\x043\xab.\xcf\x15:Y\xce\xa5Oyw%\x9cz\x157\x88\xf6\xccm#L8\xf3\x19\xb4&lt;_\\z\xa0o\x11\x1a\x14(\xd3\xc8\xa7\x85&amp;\xfa\x9b\xf5\xd0\xc1@\xec\xb5~\xcfM0\xdaag.\xdb\xa5\xe8d\x17\x02\xff\x80\x01\xe0\xe7\xfd\x12O\x0c\xcc\xb0C\xd3C$\x9e\xa7\xa1\xca\xee"\xa8H\x1f\xa3s/\x1d(7\xb6L\x93Z\xd6F/y\x1b\xe8m\xdc\x1ct\xcb\x88\xe8\xdf:e\x8c"\xba`\xed\xa3\xa7\n\xf4Z\xd4\x9d6\xd0\xe6\xe2FU\x17\xdf&lt;\xff=\xc0\xaf\xa1A\xe2\x1c\xe8\x1d\xb6\xa5\xae\x81\x08\xb5\x06Q\xac/\x9e\xcf\xa8\x1fk8\xac\xf9\n\x1d\x90Z\xd5W\x9b{\x12\x18`\xa3\xab\x0cu\x9eB\xd1t\x84\xb5\xb1\xb8k\x1fV[\xedM\x8f\xfaDz5\xce\xb2\xc3\xd88\xbc\xbcA\xbdlg`\xd9\xd6$\xddS/\x9a\x0f\x0f\x96\xd5r\xee\xb1\x1f\xa1\xfb8\xc58\x0b\t\x8d\xf7Pb\xa5\ty?"\x88\xc8\xd5\xf44&amp;\x15\x91\xff\x84g\xbb\x98\x07\x9b5^d\xb03\xce\xfa\xc7\xf5xV~\xbbN\xf1\xa9\x12\xd4\xbe\x9c\xd3n\x98C\xffG\xaf\x19\x8e3Y\xfb\x0f^\x87\xa8\xfd\xdd\xc7\x93\x9e|\xdc\xb0\x1a\xd8\x0b\xa0\xd6\xb3q\x92\x0c\x1c\x93\xa7#\xb2\x8eG\x10\xae#\xcb\xcdf\xd2\x9b\x00\x9c\xcc{0\xb1\xca*o\xe3\xfa\x82n\xbc\x8c\xbd*t\xab8-\\\xaem\x96\x81\xe7\x19\xd8n\x12e\xb2\xa5\xbd\x87\xb8F\x0b\x11h;uh\xe9%\xb1\x02\xf8\xc6^\xdcN\x06\xf6\xc3\x84 \x94\x93Rc\x85&amp;\x8a\xd7B\x08\xf0L\x1f7\xaf\x02\x15X\xf5\xb0\xc8\x85li\x05C\xc8\xd37U]\xf6\xe6+\xe1\x88\xe76\xcb\x89Y\xd6nc\x08\xf0\x80UO\x17\x05\xa1\x01\xfeM+\x1f\xb72\xae\xfd\xbd\x87z\x07\xe9\xec2\x90U+\xca\x1ce9\xc08\x97\xdec;\x8d\x15S\\8\x0e(\xb1\xe6\xe4B\x96Xr\xdc\xa3\xecK\x8a\xb6\x87\x0f\x9d/6\x89\xa4\xdb\xac\xd6\xc38\x9ee\x16\xadL\x9b}\xc3T6u\xa7\'\xc9x\xa5h\x8e\xcd\xdd\x89k\xb3E\x95[:\xe9\xdd\xfb\xad\x0e:V\xe2 \xf4+\xb7\x17\xbc\x7f\x18\xa3?&amp;\x987\nU\xe2j:\x19\xd8\xc2\xdd\x8b"\xe8\xbaRR]\xbc\xa8\x0e\x01}\x0ev\xa4\xd5^\x12\r\xa5\x87\xa8\xc53\x96.\t\xbb\x99Gg\x86kD\x1f~\n\xe6\x7f\x01\xeej\xa2?\xe0\x835\x9a\x10\xc2w\x14\x95)\x11\x1c\x11@\xfeh\x17\xc05\x0cY\x05g\xd5\x9f\x97\x1an7[\xf9=B\x0fv\x90\xd2\xb8\x16\xd2!\x1e\xe1\xf8K/B[\xadj?\x0f)\xb3B\xc3\x03\x00\xf8\x00\x99f\xab\xda\xb0\xa6\x97\xfc\x17\xf2Z\xd8\xee\x10\x854\xb6\xda8\xf5?#&lt;K\xcf\xc5\x03\\\xc3z\xce\xa1\xe1T&amp;\x05\xa57W\x1cXk|\xe5\x85\x7f\xbc\xcd\xc7\x1e\x01\xdc\x01\xce\x12\xda\xef\xc7o\x05 \x05n7\n\x9d\xe9\x1f\x94\xb1%\x82\x1eb\xe1\x13?\xd2jw\x93C\x18m\xe0\x0f\x99h\xb4l\xda&amp;]\xdd\xa8\xd5\xf2\xa4\xb6\xadP\xe6\r\x06}X\xce\xb5o\xef\xdcN\xbdk\xe7\x93\xee\x0eKS\xcc\x161"qRB\xed4\xd0\xcf\x95r\xbc~\xabD\xf9\x1b\xb1\xaa\xbb\xa7\x8f\xb9F\xb0\x82Qr\x7fn\xf8\xe9\xe9\x13Fv\\ eB 0\xde\x05r\xc1\xab\xb1\x8e\xd7Ge\xe6\x7f7:\xf5.k\xa5\xdc\xe5Z\x1au\x96\x8a\xcar\xc7\x16\xa9\xc7\xe6\xff\x0bB\x05\xc0k\xe2Q\xe50\x83\xc6-c\xf2\xb1\x93\x02\x9a\xc4&gt;l\x18\xb6k\x14\x16^\xfc\xd6Q\xa5\x9f3J\x01\xba2\x01ddB\xbbc\xfe\xf4\xe8)\xf6B;\x1b\xd3\xba\x8dUL\xff\xa3\xea\xbct\x02\xf8^x\n\xfe\xc8\xf6\x92\x19\x86\xf0\x99\x0c}\x8d\xe2\x96b\x9c\xb5\x89W\xd4\x969\xd8z\xb2\xb7\x0e\xff\xeaMF\xb5\x02\xf0\\\x07\xabz\xa1\xb6\r\xd0\xf4\x91\\D\x9a:\xcfa\xe3\x8f\x93\x93\xc0\xbf\x0b\x97\xf3C)\x01\xdc\xd0\x92\x00N\x05u\x83\x00\xf2\xa3\xcaF\x16\xbd\x0c&amp;\x9c\x9ctO`\xccf\xa2\xfaXIjw\x84\xb0:\x11\xfc@ \xde\xadFv\xd8h=({\xb2\xdd[\n\xbb\n~h"\xb7U\x96\xaa"\x0e\xd2\xeb\xf8\xaf\x95\xf3\\\x96\xbd\xc19M\x16\x97:\x87\xe0\xb5\x12\xc4\xd0\xcf\xd3\x88LVT\xd1\x89l\xb5[\x8a_7gx\xac\x91\xdek\x19L\xfd5s\n\xd9\xc6\xb8q\x86\xa3\xceo\xeb\x171\xa3\x08N\xae\x9fO!\xc7\x90\xd0ixv\xf5\xed\xf6\x98.\xb5s\xd1\xd9\x12\x9b\x14\x9e\x15\xb0\'\xa7.\xb2\xb6\x17\x9a\xeb0\xe3\xc5\\\xe3\xf4l\x03}\x98\x92\x13|\xf1q\xd4\xdd!\x8a\xd5\xbd\xbd\xfcGU@\'\xe5\x9c\xa0\xc7;yb\xb3}]\x13\xe0\x11,\xf3\xe4c\xa5\x8eV|\x8a\x9cB\x8c\x87]F\xc4x:%\x00\x96\xa6\xc7\xb9\x93F,\xe7\xb9h\x82\xea:\xc3\xb2{3\xfb\xf8L\xff\x8f&amp;\xb9G\xaf\x8c\xb2d\xd9\xb7VK\xaa\xfe\x12\xe7\xc6T\xa7N\xdc-i\xca\x97\x12\xc0@\x0e\xdd:\x90\xd9rj\\\x08^\xdaE\x87\x1eL\x02\x19K\x1e\xfd;IYdq\x8d}E$\x1f\x7f\xcd\xa4R\xfc\xd7+\xa5q\x91p\xd6\xd0\xc4\x15\x1bu\xe6,\x93\xe2\x08\xe0\xf7\xf5\xbe\xe7\x1c%\xec^\xe1p\x1e\xb3\xdb4&amp;\x00V\xb4Q\xe2\x99\xcf+\x85w\xb4\x92\xef\x17\xd7\x84\xfd\x81*\x90\x8bL\x90UW\x03\xd6\xab\xbc\x96jt\xfe\x18p\x05M\\\xcd\xfd\xbc\x81\x88\xc3\xac\xe2d$\xedi\xc7E\xc3*\x936\x9d\xf9\xd8DR"W\xbab\x18\xe2\x1d\x0c\x14\x1e\xbdd\xe6BZ\xf9\xb2\xe6\xf9\xe1M\xe8\x9a\x0f\x05r\xdf\x8d\x0f\x9d\x98U hp\x89\xd1_B\xb9\xc8\x92\xc0P6I\xf7\xf6\xdef\xfe\xd6\x90B\xed7\xefI\xcb}\xaf\x9f\x9f]dl\x0f\xbf@\xf9%\xd5\x91\xcb^\x9e\xdb\xf1*\x83P.\xb8hr\xcb~\x8b\xe3\xc2\x01?+r\xe88\xcb\xdb\x07\x95\xe2YV\xb1b\xd3\x99\xc3\x87\xcbw\x11S\xf6\xbc\xae\x98\x1e\xd6\xab\xfd!h\xf9)\x8b&lt;\x17\x91\x0c\\\xd3\xb36*\xb6#\xfdD\x7f\xa0N\xf0\\\xb6\x9a\x16O\xc3:\x1cC\xa3Z5Y\xab~+\xa1W`\x9b-\xb6\xa5{\xd0]\x8e\xae\xbf\x85\x80\xbdV\xc8\x8a\xe8\xe2\x84\x12\x8b\xa7\xa4\x1f\xa5-\x1d\x1d6\xcc\xbfz\xadE\xdb.\xfe\xc01\xd1\x99\x82p\x8dy6j%\x8a\x06&gt;\xf3\xb1\x95\xebEl\x07\xd6\x1e\xa3\xf4\xc8\xce\xe8|\x10\xc2\xbf\xac\x11\xba\xd1\xdc\xc9\t`\xb9\x83\xe3\xb8\x89g\xad\xd0U\x01\xf0\xa9G\x94n\xc4\x1et\x83/C\xd7\x86jw\xf9\xc8%\'\xea5\xf8\xf3\x8d\x8b\xca\xe4;\x9c\xc2\xf9\xaaE\xcf\xec\xd6\xaa+\xed\xcd62\xd7X,\x1b\x9fH0\xd7yf\x01\'\x07\xfb\xd8$\xd7i4\x0e\xb7\xcd/$g\xe5\xae7\xda\xb2\nt\xc1\x92\x00f)R.Lz\xad\xa1\xca\x9a\xa8=S\xda\xe3Fd\x8d]\xbf\xfb\xd1\x0e,\xb5g\xfc\xb7\x9b2U\xf1\x1aov-\x9d\xff\x1eY\xb258\x94\x92h@\xba)L2\xe2&lt;\xa7r\xd97\xea\xbfY5\xb9w\xb0V\xd8\x8fi\xf0\xe6\x8e\x9d\xb2\xa4\xaa:\\\x84\xf0Y\xd2\x1e\x96\x1bV\xe9xA~\xbed\xa9:\xd6\x81Ef\xe2\xf1\xae\xd3\x8f\x94\x83O1\xd9 \xedv\xaa\xd5G\xd4\xc9\xc5.y\x06S\x93\x03\x96"F\x19\xc8\xf6\xded\x89\xc5&amp;&gt;$\xfe\xaa\xc4\xe5I19\xb9\xea\x15QJz\xd1?\x07\x9f0\xb2\x99\x80\x10~\xa2\x13\xdb\x1el\xb2\xe8\xcf\xe7*\x00\xf8\x90\xf8\x91\x0byK\xe5\xc5\xf1\xe9\xb8\xd7\xd9,!\xe8\x82\x9e\x9a\xdaa\xf1~\xbf\x14\xb7b\x82\x14K8X\xaac\x99\xc6\xad\x0c\x00\x84\xf0G\x9c2Ev\x16q\x15uw\xa9\xe0\x10\xc2\xe2n\xa2\x15\xc0\x9d\x027\x10l\xcf\xe2d\x01&lt;\xb5\xb7Vr\xe5AV}\xcb\xc3\xbc\x93D\xd1\xe760\x87Q\x80\xbe\x8f\xb3q\xc8\'|\x0e\x858\x07\xfc$\xdb\xd1%(j\x88Um7\xa6\xce\xe1^s\xf9)G\n\\\xc2\xb7::\x00\x00&lt;\xd8H\x99|\x0c\x01~\xc6,eV{?\xe1\xef\xb9\xe2&amp;2\x0b%\xad\x8aE\xe7\xd4h\x8e\x9d\x00\x14\x8f\x92t\xab\xcbs\xd5\xd0Ou\x98\\uQ\t\xc0\x05S\xe1\xe3?XH\xbawU\x86t\x11YaP)\x80\xae\xeb@\xb3\x8eF\xac0\x91w\xc7\xf6X0/\t\x0b\xad&amp;\x8b\x0b\x82\xa5\xbe=\x12\xa1\x1d\xc50\x1dl\x07\x1dG\t\t\xa6\xe5f\xe1\xd3\xcc\x81\xefH#&gt;g\xed^\x12\x01\xde\xab\xaa_.\xba\x94~\xda\x85\x9c)\\\xa1\xb9\xb8\xc6\xa5\xfb[l8D\xd1\x87\x7f\xbf2\xa1\xc4\x0f\x12\xcc\xf5\x1d5@K\xcckO?\x01E^0\x7fA\xcf\xc2\x8dmo\xe1\xec\xd0\xa1\xaaK\xb2\r\xb2wt\n3\x96J.[e\xeed\xa44*s\x1e(\x9a\xb4\x9d`\xc0\x84r\x91\xeb\xdf\x1b\xb6\x10K\x1dI\t\x93R"\x02\xd7\x99\t\x1f\x19\xb9\xc3\x90`\x0eCz1eg\x12]\xbc%!\xc1o\xf7,\xee*u0nw\x84\xe7: de\x85-\x98w\xb7\x98d\xfb\x98\x12\xe7\x98\x1b\xdd\x936Q\xe0~\xea]\xb2:\xfae\xa9\xe2vgY\xd1Y;r\x89\xf3\xcf\x01\xc6\x10\x90\xed\xf4\xeb\x1cY\xaa\x16%\xad\xe4\xbb\x1aq\x9d\x92Y\x81\xcf\x05\xee\x84X\n\x01YRY\xc3\x81\xa6\xe2\xdd\xe3\x9d\xf0\x0e&lt;}\x9dz@\xcc\xa5Q\x96X\x89\xb7Z\xce\xd9\xba\x92\xd1.\x0e\xcb\xfb%F\x0f\xbc"\xedF\xa1\xb4\x0b\xdb\xf7}\xbd\xecD)\x0f"-\xf55\x997\x19\x8b\xacB\xb8V\x85\x02\x93\xb8\xd6\x13\xec\xd3\x83}/\x19\xd7\x80\xd7:\xf8\xcb\x1d-\xa1\x87\x96\xe7\x88\xed|\xf1\xb4\x8a\xa3*G]\xaf\'\x00K=\xde\xe8Y\xd1S=\xc4\xee)\x03\xa1/*\x91jb\xdcB\xfcr\xf9V[\xf6\xec\xbbp\x01\xc2=\x9c\xf4v\xb3\xb0^t\xd2\xa1\xc7\xa2;\xbbF\x94\x81\x9brg\xae\x86\xd5\x88\xc9v\xf0\xf4\xed\xdf\x1f\x8b\x81\xd4\n\x97\xddU\xf1\x0c{\x9c\xdb\xd4\xf1\xa1\xb1\xcc\xcbGK\x00f\xc5\xb6\xdf`Z\xdc\x9a\xaeF&gt;\x01\xc8\x9c\x1c\x81/\xeef\x16,\x95W\xa3q,9\xf8\xb8@\xe59wwS]&amp;5\x8eb\xabX3\xc1M+\x8f\x16\xaa\x85\x86\xd9\xce\xf1O\x02\x8f\x04\xc0 \x8f\xb9K{-C\x7f\xec\x93j\xed\x1a\xe9\x8d\x91\x05\x92\x04\xc0r+\xba\x0f\x8d\xa7-*\x19Q\xce\xcaa\x89\xbf!\xdd\x18I\</t>
        </is>
      </c>
      <c r="E485" t="inlineStr">
        <is>
          <t>&lt;class 'numpy.ndarray'&gt;</t>
        </is>
      </c>
    </row>
    <row r="486">
      <c r="A486" s="1" t="n">
        <v>484</v>
      </c>
      <c r="B486" t="inlineStr">
        <is>
          <t>steps_per_sec</t>
        </is>
      </c>
      <c r="C486" t="n">
        <v>7000</v>
      </c>
      <c r="D486" t="inlineStr">
        <is>
          <t>10.070662</t>
        </is>
      </c>
      <c r="E486" t="inlineStr">
        <is>
          <t>&lt;class 'numpy.ndarray'&gt;</t>
        </is>
      </c>
    </row>
    <row r="487">
      <c r="A487" s="1" t="n">
        <v>485</v>
      </c>
      <c r="B487" t="inlineStr">
        <is>
          <t>Loss/object_center</t>
        </is>
      </c>
      <c r="C487" t="n">
        <v>7000</v>
      </c>
      <c r="D487" t="inlineStr">
        <is>
          <t>0.1265176</t>
        </is>
      </c>
      <c r="E487" t="inlineStr">
        <is>
          <t>&lt;class 'numpy.ndarray'&gt;</t>
        </is>
      </c>
    </row>
    <row r="488">
      <c r="A488" s="1" t="n">
        <v>486</v>
      </c>
      <c r="B488" t="inlineStr">
        <is>
          <t>Loss/box/scale</t>
        </is>
      </c>
      <c r="C488" t="n">
        <v>7000</v>
      </c>
      <c r="D488" t="inlineStr">
        <is>
          <t>0.18051171</t>
        </is>
      </c>
      <c r="E488" t="inlineStr">
        <is>
          <t>&lt;class 'numpy.ndarray'&gt;</t>
        </is>
      </c>
    </row>
    <row r="489">
      <c r="A489" s="1" t="n">
        <v>487</v>
      </c>
      <c r="B489" t="inlineStr">
        <is>
          <t>Loss/box/offset</t>
        </is>
      </c>
      <c r="C489" t="n">
        <v>7000</v>
      </c>
      <c r="D489" t="inlineStr">
        <is>
          <t>0.16921784</t>
        </is>
      </c>
      <c r="E489" t="inlineStr">
        <is>
          <t>&lt;class 'numpy.ndarray'&gt;</t>
        </is>
      </c>
    </row>
    <row r="490">
      <c r="A490" s="1" t="n">
        <v>488</v>
      </c>
      <c r="B490" t="inlineStr">
        <is>
          <t>Loss/total_loss</t>
        </is>
      </c>
      <c r="C490" t="n">
        <v>7000</v>
      </c>
      <c r="D490" t="inlineStr">
        <is>
          <t>0.47624713</t>
        </is>
      </c>
      <c r="E490" t="inlineStr">
        <is>
          <t>&lt;class 'numpy.ndarray'&gt;</t>
        </is>
      </c>
    </row>
    <row r="491">
      <c r="A491" s="1" t="n">
        <v>489</v>
      </c>
      <c r="B491" t="inlineStr">
        <is>
          <t>learning_rate</t>
        </is>
      </c>
      <c r="C491" t="n">
        <v>7000</v>
      </c>
      <c r="D491" t="inlineStr">
        <is>
          <t>0.0009998357</t>
        </is>
      </c>
      <c r="E491" t="inlineStr">
        <is>
          <t>&lt;class 'numpy.ndarray'&gt;</t>
        </is>
      </c>
    </row>
    <row r="492">
      <c r="A492" s="1" t="n">
        <v>490</v>
      </c>
      <c r="B492" t="inlineStr">
        <is>
          <t>train_input_images</t>
        </is>
      </c>
      <c r="C492" t="n">
        <v>7000</v>
      </c>
      <c r="D492" t="inlineStr">
        <is>
          <t>[b'512' b'512'
 b'\x89PNG\r\n\x1a\n\x00\x00\x00\rIHDR\x00\x00\x02\x00\x00\x00\x02\x00\x08\x02\x00\x00\x00{\x1aC\xad\x00\x00 \x00IDATx\x9c\xed\xbd{\xfc\x7fO]\xd0\xf9\x1a\xf8\t\xde6\xbc\xe0\r%\x11S\x10\x171Y\xcd`M"\xd1L\xb44\xd7].\x12\xe9\xe2\xb6Z&lt;V\x8dM\xb15\x14\x1f\x15\xda\x12\x98lQ\x90\xe0\xb5\x12]!\x0b\r)t\tT\xb4\x04\xbc\x00\xa6)\t\x84l^B\x17\x94\xcbk\xff8g\xe6\xcc}^s=3\xe7\xfdz&gt;\xe0\xfb{\x7f\xde\xef3\xafy\x9d93\xaf\x99y\xcdk\xe6\x00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0cC\x05\xb1,\xd5Ak\x8d\x8c\\\xfa\t\xef\x01\xe2?\xec["Z\xc97\x97\x19\xbb\x00\xa08\xbfzE\xb3\xee\x17\x7f\x08^\xde\xb4~\xe6\xe5\x8e\r\xee\x97a\xc6\xa1\xb7mz\xddE\x84f-,\x94\xc5\x82\x1d@o\xf4b7\xbe\x0f?;$\xf4\xf1\x94\xe7\xb8e\x81\xaf\xcb\xd0V%\xac\xa1\xcc\x94c\xa6\xe1\x0edM\xad\xe4\xa8\xe5\xd8{T\xc40-A\xb3\xda\xd2\xc7z]\r4\xee\xba\xc9?\xb9QI\xbc\x06&amp;b\xe5\x1fG\x96\x99\xb8\x86\xd6O4\x07\xf1\x99Yv\xb5\xa1zt\x83\x8e6\xfb\x97=\xb4b\x98\x0c(CE\xbd\xe2\x9e&gt;\x80A\x00|\xb4\xad\xe4\xd9J5\xe3\xd9d\x9f\xdb\x8b:k\x92\x8b6\xc2\xbd\xfb\xfe\r\xfe\xb3AY\xf7\x1fY{%\x13\xb3\xfcQ\xa7\x03\x009{8D\x01&lt;\xb4\xa5\xbe\x0cC\xc3\x1a\x1bZ\xf5R\xbbF\xf1\x97\xb5\x9e\xa0\x9d\x1a4\xdf\xe8\xe7\xeb\x9a8\x1a6\xd3\xe6&lt;\xe8\x86\xac\xbb\xcd\xcb\xd7\xca\xbafp\xaf\xdc/\xb3\xc8\x8dPrD\xa7\x03P-H]\xf3YW\xa9\xc0\xccz\x98\x1d\x80\xbf\xae+\x03`\xd7\xe6f:\x10\xad^\x97E\xcey\xa0\x17m\x87\x87\x10\xca\xa8\xd4\xcf~\x95\xc7\xa4\xdfy\xc1\r\xf9\xac?"\xbe\xdb\xb8\xe6\xc7\xaeS\\\x0c\x00\x88\xb3\x15\xc8\x00\x11A\x08\xa1&gt;\x83\xfa\xcbw1\xd8\x8d rq\xae\x1a\x14Q{#i\x95\xebLXeK\x7f\n\xde+\x11\xa1U\x19)\xc3t\xc5R\'A\xac\x9c\xa1\xb4\xbe\xaf\ry\xda5\x02\x04@\xbbg\xc7\x9c\xc2\x9d\xceV \x0b\xa1\xa6\xb2B\x88xE\x17\xf2\xba\xf6J\xd0d\n!\xce\xb2C\xb9\xc33\xc4\xff\xb6o\x06\tI\xcd\xc4\tI\xbe\x0e\x17\xa1\xae\xc6y\xd3\xea\xbe23\x9f\xfb\xc2\xb5\n\x8f\xb9\x1c/8&amp;\xb6\xefX\xa5\xaa\xe2\x17\xf4r\xb3jn\xb1\xe7\x1e_\xd2\xa6\xf4\xfa%\x8e\xb38\x910r\xe5)\xfe\x04\x0c|\x9e\x93\x1eE\x14\x12\xe9w\x02\xed?\xd9^M\xef:\x1c\xb3\x16\xd7\x9f\xbf\xe9\x93V\xca\xf0\xa8f\x12\xdd\n\xec\xf0`\xdc\xb6\xba\xdd&amp;\xc5m\xe2^cH\x8b\x96W\xc4\x0b\xb4\x85\x99\xa4\x04\x14\x12q\x12\xaa\x9f4w\xc6\x1aH\xb7b\x85\x04\xed\xff!\x8f\x9c\xde-\x1e\xa5\xe4&lt;\xc4\xed\xc9\x9e\xdeX\x98\x1a\xd6r\x01\x15qT\xd0\xc3j\xc5\xc7-\xeaWw\xf0e\x0c\x1e\xbb\r\x7f\xc64)D\xfcB\xf3OOT\xbe\xfe\xb7\xb7\xa9\xa7\x0c\x80\x00\x80\x0f\x08]\x82\x9b\xdb&amp;\xa9\xaa?q\xb8\xf8#\x0fF\x7f\xb8\xdb \xb6,wG\x19gt\x9c\xd2\xa4,\x1fKd\xb6\xfa{\x84\xc43C\xc5.\x84\xf1\xa0\xd1\xf8\x8fy\xe5\r\xaf\xb50\x8b\x11\x9e\xdaf\xa7\xd2\x1ay\xed\xdc|\xe4\x04:t/\xa6?\'\x90\x96\xdce&amp;s\xd7\xbf\xfc\xfc\x0c\xf5}*EK?t?n\xb0c\x8d\x0e\x8eX#\xf7\x1eQ\xbf\xf6\x88$\xf3\x16\xe8\xd7[\xc5\x83\x9fv\xf1\xc06fjj\xdb*\xba\x16\x90\x9a\xa9\xcff\xd6\xee\xd1\xc7\x80M\xec\x84k\xf5\xac\xdc\xf7\xf2\xe9\xa7@\x03{\xeb\x93Y\x92\xaaM|0\x02\xe0\xdf\xf2|y|~\x1ai;zey\xc4o\x02\x1f\xe2\xc9\xae\xf8\xbe{W\x12\x86\tRo&lt;\xb2\xcd?\xc0oD\xa7\x0eU\x1d@\x0f\x8b\x18\xc9\x8e2\xcc\xef\xacH\xf3[.\x90\x84\xf7r\x1ehq\xee\x84\x0b\x12\xd3\xa6\x16\x05\x12\xd9\x99\xe8\x95\xacj\xc2W\x17g\xc9\\\x88e\\x[E\xaeT\x17q\x0f_\xa6d\xa7-\x1d\x80\xd5\x96]\xd7gh\xd9\x16cK\x91\xd0o\t4\xa4\t\x00\xc8\x08n\xf9\xe7@?\xae\xd2\xa1,O4\x97\x1c\x0b\x96\xcaM\x83\xb8\x0bk\xb8\x11\xa1H\r\x18\xf6\x0c\x90\xd7l\x19\x93e\x16\x81Efk\xf7Nu\x05\xcd\xfa\xef\x12\xe4\x18\xe9\xdev\x1a\x9f\x0c\x99\x97\xe5\x17\x8e\xb0\xed\x13\xe8\xd7 \xed\xd1\xa5\xca\xe8)\xe6h\x7f\xd4\x9c\x9e^2\xc9\xe4\x1b\xd9\xd6\xdfJ.\xec\x0f\xf4\xac\x89\xd9\xd1\x12\x0e\xb4\xc9l\xfd\x99\x1b\xa1\x83\xb7!&amp;\xd0q\xb2\x1f\xdf\x9f\x82w\x8d\x01\xa5\xb5\xb7\xdd \xcd\xca\x89\xaa\x12=?\x04\xf8.-y\xad\x0e\x1f\xd9\xe6\x80eR^\xb4\xda\xd2[\r\x86\xb9-~\xb8\x97\xbb9-q\xa8A\x8d\x92\xee\xb1\x02\x00\x00\xe2\x83:\xe9\x9fe\xf8\x8c\x0eC\xb3\xa7\x7f\xbb8w|\xe1\xd0\x0e/\x9c\xd3$\x95\x84a\xaeFh$\xde@2\xb1\x0fxX\xce{\x08\xde\xd4F7\x8f\xf0\x94\xaa\x91\xb8\xa0IlSH-\xc4g\xd7\x0bl\xab\xea.\xdf\x9c\xa3\xc43\x9a\xa3\x8c\x99[g\x19\x9f \xe2\x7f\x04\xf8(\xb5z\x19\xf2\x9b\xba\xfb\x18K\xb3\xb3sA)\xbdR\xb2\x99\x0buQ\xbaHxb\x85\xd9]\xdc\xb68w\xc1\xd0k \x85\x10\xf45[)A-\xf66~|vv\x00\xeb\xee\x8c-XQg.\xc02\x8b\xc0\x00\xf7\x02H\x1f\xc6o\xb5\xbe\xda k]\xb2\xf5S\x8b\xf1[W[\x91&gt;//\xb1\x85\xf7d\x83\x10\xdb\xaa\x1a\xc5\x19[c$V\xb2!\x02\xce/\xb4r\xf0\xfb\x12\xbf\x8fQ\x83a\xbc\xc8\xe9?i\x05\xaf~\xaa\xffKq\xb1\xed&amp;\xf0\x88\x7f\xa9\x89\x9c\xd2\xdc\x1d\xbe\xa5cS\xdf\x1f\xdf\xfd\xc9\xd7\x1f\tce\xbe\x89\xfd\xdb\xe6\x95\xe8D\x82\xb5zfj-\xfd\xa6\xb8\xbd;ffbk\xbc\xf7\x93\xad=}}\x9f*\x9b\xdb\x01`\xca\xee \xe2\x07\xb7R\xce\x9b\xfb\x1f\xdf?\x84\x15\xb0\xfbKt\x0e\xc8ic7[\xf7\x9e\x88\xaf\xdb\x15\x06@\x84\x97\xe9\x0b\x1b\r\xc4G\xf2\xed\x95\xc3\xa2\xcb\x02K*\xcd\x00\xc0B~?\x9c\xc6\xbb\x9a\xe5JN:\xe2\xed\xeb\xa1\xa5\x1f\xd90(\xf13;\xa5\x9e\xdaR\x87\xe1:\xafW\x89\xaeLW\xeao\xa7\x87\xbb\\\x15\xce$\x95\x9c\xb9\x11\x16Z\x03\x98\xa5ahM\xb4\xc3\xdbf\xc0\xe3G\xd6}\x1at\xec}O\xf1|\xd5\x82\xc1a\xa6\xb7\xbe\xa0\xdd\xf0N\xbb\xafhW\xf4\xd9\xcdr\xf4\x08?\xdcA\x7f\x86r}JN[z-Mw\x83\xc7\xfe\xcc-\x82\x00\x88\xffuP^&gt;\x8a\xd2~bqv\xad\xec\x1d\xe2\x7fN\n\xea\xea\xc0\xe9t_\xb7\tqA\x8ea\x98r\xf4\x81\x7f\x99\xdd\xca\xda\xfb\xda\xcf\xfa\x13\xc1\x9f\xec)|\x9a\x0e\xa0\xd3\x1aU\xae\x0e\x85\t\xe7(C\x86\x19\xca]\x06\xe6\x15j[eM\xeeId\xaf\xc5)&amp;r\xa4\t\xc9\xea\x0e\xfb\xab\xa1}3J\xa3c&lt;\xf1\xb5E\xc9g\xe9C\x19\xa65\xa1\x1a\x8dc\x87l\xf1\xf6U\xa3F\xb2\xc9Z;\x84+\xb2\xf2\t\x7f\x9b\xa7\x1f\xdas\xfc\x9a\xb6Y-\x80U\xc2\x9dL\xa9\xf5$\xeb\xf3`\xfb\xcf\\\x96H\x95\xa6w\x00z\xa0jA\xb7\x81N\x1b\xcb\x14PK&lt;\xe7\x1a\x95\xbc\x82\x11\xff]\x96\xcc\xcbX\x9c\xe6\x0f\xd7+\xcb*\xf2\xf4\x1aL\xea{\xb6\xfeWb\xa1(\xa0\x11$v\xcf\x12\xeb\xbb\xd0\xae%n[\x98\x8b\xbd\x04B[q\x1b\xecw\xd5\x8a\xe4\xcb\xc5\'e%\x15\xba1\xaa\xd5\xe3Z\xc4j\x9a0\xfe\x13\x11\xb0\x9b\xf6\xb7\xfb\xbf\xff\x15\xed\xdb\xc7s\xc8*\xb3\x1a\xf8\xd6!\xb98d\xa4\x9d\xc3\xcd\xda/Wt\x84\x17\xdcd\xc3\xd29\xb1\x84#\x19\xc75\xf2-\x0eU=2\x0c\xbf3\xf5G\xcc\xa9\x1bO\x00\xae\xc4\xa5\xbap4\xb7\xe8\xecCE\xf3\xec0w\x17O\xf3}=\xda^*\x8d\x9c\x18o\xd4\xfe\x9f\x9bv\x1e\x92\xa7\xb6!y\xcb\x9b\xb25\xdb\xf5V\xf9T\x16\x0f6\xda\xe9\xd6\nU\x7f\xa2\x07\xf9\xd9EW\xb9\x85\xf0\xb0\xe6r;\x88\x12\x151\xf4\xf3\x14\x1aS\xc62.\xa0\xc3\x89I\x19z \x1c\x07\xc7\xfd\x9a\xf1\x8b\xe7L\xb7\xd2QX\x08=\x0b!\x04\xfcZv#\x11\xfa\xfb\xc22{\x8e\x8a\xd8\xbe\xf2s\x14\xdc!!\xd26\xae\xe5\x0f\xfc\x9f\xb0%P\xe5So\x83\xca\x84\x8c9`\x8eN\x1bK,\x84\xd8\xab_@\x1e[|\xe6\x146K\xf1\x0b\xe1\xf8H\xed\xca#\xf2\x01\x11\xf1\xde\t\xb1\x11y\xb6Q\x03\xc0\xc7\x15i?\x8a\x9a\xa99\xa6J#\x9a\xa3\xa7\x03H\xca\xa1\xe7\x15\xc8\xa4=\x93\xf85"w\x8b\xda\xbf\xcds\x8c\xfej\xeb\xd6Z\x05\x86\t\xe3\xd6?o\x15\xf49\xd0\xa3Q\x8f\x84\x0e@\xc5\x80\x12+&gt;jvdd+\xf9\xe5\xa6\x8d\x932\x80\xcf*\xeaPr\xfa\x95\xbd\xad\xce&lt;\xa6-\xe2j\xef\xa4\xe1&gt;Z\x92\x7f\xbe\x86\\\xdb\x99\xa5Y\xc6\x05D\x9czz\xafB\x84o\x0e\x8a\x8d\xb9\x11\x8e\xe3q\xa2\x9e"O~ GM\xd8f\xd5\xd9]8u\xb9w\xd3\xd6\xba\x95\x88\xbf\x97md(\x7fY9\xf4\x93b\x9fH\nbi\xc5\xd1\xf1W\xc7p\xe9\xb7\x84\xf7\xa3\xa6\x12\xea\x9f-\xa1G\xec\x1f\x8ae\x9a\xe3[\xdb\x14\xdc]j\xf2\xcb\xfb\xc2\xeee#\na\x16e\xb1\x07lVk!\x84\xb1\xe2\xaa\xad\x10\x06j\x7f\xbe\xaf\xd7\x94\x96N\xff`\x80\x97j\xb97\\%\xc3\xd4\x12\x9f\xd3\xe6k3G\xb3`\x03\xb9Te\xa8/\x14[\x92\xedE\xce\xd2\xa5Z\xef]\xc4\xaf\x0c\xe9P\xc6v\x8f\x94\xa5]\x9a\xb4\xf4\xedXy\xa5k\x8e\xcf\x10\xa0\x0c\xa3HD\x8en\xca$\xb4f&amp;e\x99\x19\x008\xe3 a\r\x93\xb4\xba(\x97\xb2\xbe\xca\x11\x91=\x9a\x13\x00\x00\x9f\x06\xfb\\!}\xfd\xbfuU\x0c\x93\xa5M\xb2\r\xbb\xdf\xb5\x9a\x11P\x86\x93e\xab\xb1\xb1M\x17\xe6*k\xd6R\xad\x1e\xd4\xa8}y\x8e?C\xc8\xc9\x94\xfee\xd6\x94\xd2K\xe4v\xd4\x99\xb2r\xc1&lt;Qn\x1e\xeb/\xe7&gt;\x94\x12g\xeb\xbf.\x8b=;\xf4\r\xc6#c+{60$l\xedPR\x08\x18\xe6\xb5\x00c\xa6\xb2\xb7\xfd\xba\xfbE\xdfT\xc6\xb8;\xf2\xe0:7;;\xd7P\x92\xed*\xf9Y\x00\xdc\x1b\xe0\x97K\xc3\x16\xd1*@!\x849|N\x0e\xa5\xc3\x92\x95\xb2\xd6&lt;Ul/\x85\xa6\x8f\xa3[\xcd$\xc07\xbaW\xd3\xac\xcd\xf8\xb3\x07\xe8\xf2\xac4\x03\x00\xd0G\x8c\xae\xbb\xc3S[Ei\x90_\x1d{vo$4i\xf2\xeb\x11\xc9|\x9f\xf6\x9a\xf9\x9eC^U\xb6\xfd\x8a7m\xfd\xb5\x81\xf4v\xf1\xafH\xd5\xa8S6=\xbb\x03\xa3&gt;\xd5\xcf\x1c\xfe\xa8\xa3\xc81z\x91kE\xc4l\x1aV\xe9\xe3\x06\xbf\xd7\xf9i|\xa3a\x18"\xf8\xad[\xab\xf9\x8b\x90\x13\x9c\xb3\xa7\xed\x19\xec\x81\x00\x88/FD\xc4\xaf\xa1\xea\xd3N\ruS\xad\xee1\x18\x88R\xa5&amp;5G\x8a\xf2^\xdd\xac\xaf\xb2\x04V\x82\x18|\xe3q\xa8$\xc7(\x16\xa7\xe8T\xd0\x83\xd3\xf5gn\x11\x04@\xfc\xea\xb6\xcd\xbb^\x04\xa5I\xa3Mu\xae\xb1,*\x84|\xddh\xf3\x14\t\x7f\xccLn\xff\xf4;m\x14\x0c\xe4\x8b\xbe\xf8cM\xabC\xbd\x9ej\x9cB}\xa0\x14\xc3\x94c\xb6\xb9G4\x91\xd6N\xab\'{\xa5\xf5\xb7\xff[.\xd0Q\xfa\x9e\x853\xa4m\x91%\x96z]\xfa\x17j,G\xefS\x9d\xd0\xe8g\xe9C)J\xee\x00\x983i\xd8\xec\x1b\x9a\x8f\x88Rc:\x80\xde\xdc\xab[\x07P\x0c\xe2O\x13\x15\xe8\xf1\x94Wy\x90\xd4""{\xe4\x16\xb9o\xc6\xc3E\x16z\xb0U\\D\xd3\x90\xa1XxR\x9f\xbd\x02\xb9\xe8\xe5\xb6-\x1f\xb8{)\xe2G\x92Y\x17`\xea\x00\xb8\xde\xe8\x91-\x11e\x88\x01\x8e\xb7\x8ck\xf1\xbd5a\xbf\x8c\xd7\x8c\xd7d\xb5(\xa0\x00\xcd\xe2"\x84\x80G\x1e\x1b\x93\xac_sG:\x9a%"\xb5\xa5\xb3@\xed\xbf\xfbP\x8f:\x9a\xdd\xf7\x19\x1d\x7f\xe7\xdcV\xf3\t\x10\xa2\xba\x01\x95\x83\xff\xca\x89J\xbf?\x08\x80\x1f\x90\x9dJ\x08\xf15\xda\xe3\x8cY\x7f\xe0Y\x00s\x15\xb0\xe9)\x8f\x91\xe9\xb35\xb5v\xc3W\x06\xb0\xad\x13&lt;\xc2\xd2\'\xc7Ae\x98\xdb\xec\xdc\xdb;\x8c\x8c"]\xd7\xbf\x16\xa0\xec\x8e\xc25\x10\x10\xbf1\x916\xfa\x98\xa8\xb5\x84a\x06SV-\xed\x11d\x0b\x1d\x88\x8dgdKR9\xe91Kx\x84\xa4\xeb\xfc\xeb\x01j4\x16\xab\xfe\xd7Z&gt;\x02\xe0\x076\x94\x97\x99;\xed\xbcn+\x088T\x0e\xf8\xef\xc9\x8b\x01\xf84\xefu\xc8\x1d\x003\'\xad\x02\xe1\xbb\xea\xe0\x8e\xad\xf0\x19\xc3\xb4\xd3\xd40,\xc5\xf6\xef\xef\x9e^z\xf5 &gt;\xa9\xed\x1dP\x8c\x1d\xa5\xbf\xaf\xd2\x81r\x8dNX\xedz}\xd0\xca\x89a\xe6ar\xeb\xbf_f6!\xbb\x89\x96FC\x96\x81\xda\x81\xc0x\xb7q\xf9fA\x89\xaa|\x88&gt;X\xde\x8c`}\xbe4k\x17\xf1\xe3\xc5\x13\xf7\xf0:\xaa\xac\xbc\x93\x80d\xf5L\xcc3l\xea\x15gN`\xed\xc50\xc4W\x0b\xd1\xfe0\x05B\xbe\xdb!.\xf1k\xb66\x11[\xee\xf5\xb4\x1b\xf3r\x0eVQP\x02\x93bv\xa8\xdd\xb1He\xc2t\tB\x08\xeb\xc96|\xd0(\xffo\x1f\xa7\n\x00\xce\xd9\xab\xfe\xa5]\x08\x0c=\x8c\xe310\xf8\x1b\xb3\x0ek?4\x1c\x15\x82\xb6\xdbr3_\xca\xc9b\x99\x078\x9b!\x95`\xb4\xd8\x1b\x04\x83\x91T\x9er\xf5\x99-u\xccZ \r]\x93\xfa\x0e\x00 \x14\x13\x0c\xb4\xda2\x86\xf8`&gt;t0\xf8\x0c\x9a3\x05\\"\x0c\xb4\xddD4\xb8x\x88\xc6\x0b\x93\x04\xe1]\x19\xa4\xc8\xd4\xf8\x05\xd2\x85\x9b\x10\xa2\xa7H\xfd\xba\xd8L\x1d\xff\xa9_ao\xb19CR\xfd\xb2*\xebo\x0b.\x11%\x00\xe0[\xfd\xd5fv\x07J\xf0~\xd9\xe8/\xcf\xda\x1d\x80o\x83U\xb9\xf7\x1f1|(\xa3PG\xac\xcb/\n2\xb0\xb2\x8b\n\xd1\x07Wt\x99\x89Ki\xdbU-\xf7q\'(\x0fI\x88\xffQ\x9e\xa5o\x0c6\xfd\xb7)\x00\xe0w\xf5\xe2\xb2\x9fY1\xe6\xf6\xc0r9\xaf\xb2\xe7(V]\x9d\xa8\'P\xb7\xb9\xbd[\xc3w\xec+\x0f\xfa\x99)\xb0\x96\xa2\x8a\'\x03\x83W\xb5\x10\xf1\xd1N\xbe\xc7\xaf\xcd\xb3\x0b\xcc\x00&lt;\xdf\xe8\x1d@\xa3\x92@\x84\xd7Z\xca\xe4H\xcez.\xd8\xda\x92\xb6\xaa\x15\xee\x84N\t\x8dg\xd1voJLCM\x0b\xf9\xe1\xdf\xc6\xae_nN\xc9\\\x12\xbd"\xea\xe1\x95Y\xb5\xb3\xad\xf5\xa7K)\xee\x000\xe7\xb87\xbfe\xf1\xe9\x89\x00\xef{\xa4\xfa\xf6&amp;-\xdc\xbd\xbb\xacR\xce}4\xf8~\xd9\x1a6\xcc=**\xf6\x93\xd5\x1f\xd8\nl\x9f+5H\xa8\x87\x88\x88_\x0b\xf8&lt;\xd2\x9e\x83\xde\xfa0L\x8c\xcf\x01@\xdc\xde\x01bp\x8cbr\xa4\xb5j\xe7\xd6^\xaa\xac\xac33\xca\xcc",\x01\x7f\x8f\xda\xe0\xcb\xf0Z\xb4\x8c\xe4\x87\xaa\xdf\xd1A\xbbT\xee\xed:\x00zF(7g@~qU(0\x93\x1b\x8a\xe9\xcf\xf2n&lt;\xd9L\x1a\x84!P\x02\ri*eG\x8c`Q\xbe2\x15)\x91\xf7\xe2C\xd5\xed\xb5\xe5\xa9\xd8\xd6\xa0pH\x14\x9d\xb2f\xea5\xe5T\xbdM!\xe3\xfd\xce\xa8\xfe\xdf3\xd2\xc5\x17\xc2d\xbf\x86\xb3w\xa4M|Q\x8a\xb9$k/\x02\xc3\x16\xebQt\x10\x9c\'\x04_orD!\xbe\xd1\x99\xa9\rQ\xb3\xe7\xd0.3\xc8|!\xe3_\x00\x80\xd8\x9d\xfd\xf5\x8a\xf6\x9f\x1c6j\'\xec\xa9\x9e(7\x93\xc1\xd6\x7f{\xaeB\xd5\xb1\xce\x99\xe9\x7f\t!\x9erB_\xc7c\x7f\xe6\xea$}\xa9y~\x95\x7fW\xe8\xbd\x89(\x06\xddZ\xa2\xab\xa8\xeen@D\xd7\x99F\x95\x1c(\xb7\xfd\xfb\x87\xc3\xaf8\xfe\x8d\xc9\x8dM\xf3\x95\xe4]l\xe0\xee\x95\xef\xe5\xdb\x06*38\x0b\x86\x19G\xc8\xca\xa4\x17\xb5\xb2:\x80\x16\x06md\xc3C\xfc\xebF\x07\xd0(w\xcbgm}\xef\xf0\xd0\x9b\xb54\xc1n\x92\x90\xb0\x9fV\x9e\xec2\xc3\xb4\x18f"\xf0\x7f.\x1f\x98\xe7\xae\x83Uv\x00\x9f\x1c\xee\xab\x16"t\x07\x88\xff\x87\xc7\xfe\x8f\xd7\xaf\x8e\x86\xa3c\xfc\x14OYMX*^\xdf&amp;\xc3\xac\x81\x1e\x87\xd3=\xaf\xba\xa62\xbfa\xa4\xa8\x16\n\xb8B\xef$\xa0\x83\x92\xfe|[Ik\xaa\xb5W\xda?l%\xbd\x11\x93\xd7I\xa6\x15\x17Y\xf6\x97\xa1@y\xc7\xf5\xb4\xc9\x17v\x9f}Y^F\x1b\x9b\xefD\x15\xa9^\xd12\xbb\x14a~\x1d\x14\x85\xed\x82mv\xa5s\x93\x0c\x892\x1aS3k\xd0\x9dy3\xeb\xc9\xd4\xb3|\x14\x10l\xf5u\xdb\xf5\xa5\x8dY*_\x12\x19\\"6G\xbbB\xc6\x0e\xd5\xb7\x93\xeeq&amp;\xc5\x14iv\xbf-)\xc0\xd3\xf7S4\xbc\xa7\tX \xc0\xd1a\xe8\xe3\xcf\xdc\xd1\xa8\xc8\x1f\xda\x080\xd2 \x00\xbe8S\x04\x81\x9e\xcb\xfb\xadD\x81^\xfdy\x12\xc0\xcc\x0e\xd1\xc7\xf0R\x80\x9f#\xc7w\xfa3\xea\xe0\x18\xbd\xe4\\\xbb\xf8f\xd4r\xa8U\xd4\xf42\xa2,\xa8\x924\xc1\xef\x8adX\xf0\xc8\xbaz\xc1(\x0bW\xc4\\\xcf\xf0\xd81\xa71\xe9\xa03\x8b\xf8&amp;\x1a\xfd2u:0\xfd\xb6\xd5\xf5zKh8X\xd7\x95?v!\xfc\x07\x80\x8f\xb6\xcfs\xaf\x11\xd8\x1ct\x8e\xb3o\xeb?9J[\x08\xb3\xf0\x13\xf7\x84\xd8l\xc7\x16b\xf0\x11X\xea\xd9\xbfz\n\xc7\xa8\x9f\xe3\'{R\x87t\xce3h\xcb\x0c\xe3\n. b\xf5&lt;\xb6x\xe5\x0ejv\x9f\x8f\x00\x80\xc2]gI\xad\xb6|\x94b\x1f\x8d@\x1e\xb2\xe9\xa0\xbe\xcf\xaak\xbb5u\xfbh\x80F#o\x89\xf6\xe2\x12\xfd\xdbt.M\x96\x10\xa8#\xdf\xf7\t\xf6\x0fz\xf2\x94=-\xa8\x92\xb9\xc8\xbaK\xbd\x92.\x19\x01\x10_V\xa6\x15s:\xab\xf6\xedh\x0eg|\xcdU\x80\xf3R$yqp\xac\xea\xfdi\xc0\xf2`\xd0\xdc\x08\xcb5M\x10\xe5\\_\xb0":\x03{\x99\xd83\x80\x84\x1dso?\'\xc7\xfd)\'\xd7i\xdf\x17\xe0\xad\xa1\xb7\x12\x98\xcb\xe6\xce\x80\xda/\xb5F\xed\xe6d\x1d\xb91\xff\x9a6\x13a\xc9\x19\x80lc\x86O\xc6Ya4\x17\xb34\xfel4\n\xc5\x1a\xfb\xc91uoOh\xf0\x88{\x01\xf0\x83\x00/(\x15\xb4\x1b _\x0f\x83\x15\xefN\x18@p\xcd\xb8\x9b\xc6Vf\x91|~7e\xaf\xb5w\'\xea_\x06\xad\xffx"\x0e\xfe\x84\x93\r\x00\xbf\x0e\xec\x16\xc80\xbd\xb9\xaf\xfc\x10_\x9cB3\x80\x84\x8ew\xf7\xc0\xb0\xc50=\x1f\x9f\x1a\xf2C\x96LSl$Gy\xf1\xc9M:\x92;qY\xb2\xd1\np\xe1\x03\xf7j\x18\x12\x86\xc7\x88C&gt;\x82\x9e\x95\xcc\x1d\xd9\x14\xdc\xa6\xdeF\xb0OX\x043\x92;\xceV\x80\x8aQ\xc9\xa2\x13\xce-\xea\x90$\xd3\x1c\xc7\t\xe1q\xc5\n!\xb6f:n\x8e\xebmN\x02&gt;\x1e\xe0\xe7\t/\x113.\x88\xaeU\xfa\xd2\xe3v\xb2*Q\xd3z\xf6\t\x8ay\xeee@Y\xd2Q\xa5Y\xcb\xfb\xa1\x8b\xbdn\xfa\xe4"\xaa\xaa\xa2\xce\x9b\xb3|\xd3\x183\xc9\xae\xcd\xc0\x92\x17B\xec\xb9gy|x\xd0\x7f-\xd6q\x01\x19\xa7\x18\xd7Es~\xa9\x14\x19\xcf\x05\x8e\xcb\x06m(\x0b#\x00~&gt;)\xc1\x17\n\x95q`\xa8\xd8\xd3P\xaeED\xc4WS\xaeL\nR\xe2\xe2\x03\xc9\xed\x15\xbf\x05\x01\xfeFn\xfa\x88;k\xec\xeax\x1d\xcd\x1f\x1f\x9b;\n\xde\xef\xc2t\x15u\xaddn5\x10\xf2\xd5\xd6D\xd5\xf13\x8c\xc4\xa0\xa5\xe4n\x81\xe9\x8e\x9cr&amp;Z\xee\x8a3S\xf4\x91-\xa4&lt;\xdf=y\x8e=\x94N\x80\x8d/\xca\xcf\xdb\xf2P)\xb3\\"\x89\x9c\xa3\x96\x95rbd\xa9\x1a\xff\xd5{E\xe4\x81\xbe,\xfa\xeb\x18\x10\x00\xbf\x96v\xa5\xf9\xa8\xbc\xbeJ\x86\xe9N\xccS\xecTSz\xda\x13ia\xff\xcb\xf2=\\\xc3\xf4\xb5\x13|vy\x8f\x85\x00\xf8\x91\xd6\xb8\x7f\xdc\r\x1b=\r!C\xbaR\x91\xbe\xc4\xbb\xb6\xe4Uif\xdc\xde\x1a\x9f8{\x1c\x01ss|\x81]M\xff\xbc\x11\x90\xcd\x1d\x80\x95\xafY $\xeb\xef\xd36#G\xf4w\x1e\xc3\x8c\x08\x02|\x91\xfc\x10\xbf\xac\xa1^\x91\t\xc4*\x064\xf4\xc0\xb2&amp;\x8e\x0c\xd3\x9ds\xedK1\x8ea=[\xa1\x00\xf5\xa5\xba\xdd\xe9\xd3\x9d[\xf6^y\x16\xf1a{ I\xecz\xfc\xe2e\x06\xfb^B\rj\xdd;b\xaeI\xa8\x03h^K\x9bK\xc6g\x15\x06\xe7\x95\xe7X\x90\xa4i\x91\xce\xd9\xe3!\xfe\x0f\x05\x8a%:\x80\x81G\x94\xe7\x82\x88\x88\x7f\x8dp\x8d\xe7\xe1OzK\xcc-\x13\xe8\x00\xbe\xaaO\x16?p\xcc\x85\xeb\xc5N?\xa7\xeea\xb2g\xbb[\x9f\xa1\xcbI\xe5\xfe4kW\xb7\x11\xd7\n\x01\xfeK8N\x81\xbet\xc40\x83\x08U\xd6r\x81\x9a}\xb7\xc4&gt;\xf5\xf8\xe6\xb7\x0br\x9a\xb6\xe5\x04\xa2Y\xd6\x8b\xb0*C_\x1e\xcfI\x15L\xb4\x17]\xbdf\xadI&gt;P\xfc[\xfe\x85\x1f\x95\x04\xff\xe6(]\x19\xc6\x02\x03\xa1\x1a\r\xc3\xd4\xac:\xef\xcal\xdb\xd9\xb4P\xb5\x9fd\x19\xfa\xf9-\xed\xb3`N!Yi\x8f\x87n\xd5\x81\t{3&amp;\x93\xe5\x8fp\xd2\xaba\xa7\xedZ\xf1\x9a~\xec\xa84\xbfL\xcb\xdc\x8e9#?\x03\xca\x95\xbb&amp;\xc2\xd8_\xd4\xe8ld\xd8\xc7\xaf\xfb\x86i&gt;\xfe+Me\xe1\xb7zv\x95\xd8\xd5;\xb3\xde23\xb3\xceN\xe0 G=\\eD\x82G\x18&lt;uQ\x15\x01\xe09\xc1\x9fT\xb2\xdd*?R\xcb\xa8\xd18M\x08\xb9qT\xce\xfb\x9b\x88\xbd6\xb5&amp;\xb2\xe2\xd9\xf5s7\t\xed_fu\xae\xf0\x1c\xd5\xae\x9e\x1e\x83R%&lt;\x80&lt;\xf5W\r\x90\xf5o\x0b\x04\x86S\x12\xc7\\\xf8.\x80;\xed\xe7`c\x87b\xd1\xf4o\\\xdec\x06\x95=\xca\xc4\x92\xdfD\xf8V\xce\xc5\xa2\x1a\x16f\xc1\x04\x97Y\x85ef\x00\xfbX\xf9\xb5\x9e\x9f\x84&lt;\xf4\xa6O\xc6\x89\rC\xca)\xaa\xceu\xa9\xd2$\x92\x1d\xcd\xe9*\xee\xdc\xf7L1%\xbay&amp;\xc3\xac\x7f\xe0\xa7\x16\xf2S\xb9\xd0\xa9,\x8d\xb2\xe4\xf8\x9b$\xe5\xf1\x87\x8b\xa43L1\'\xae\xaf\xbak\xbc\xba&amp;\xa8w\x024\r\x11_\xa3d\x84\xc4\x1e\xc2\xf7$%\xb17HxUl\x01sF\xb3P\x88\xd4\xa2\xfa\xba\x85\x00\x88?\xd1\xb0\x96v\xad\xedY\xc2\xe3\xb5\x94a\xba\xa3\xd7\xbd\xf1\xb5/x\x80\xc1\xbd\x1a\xc9\xd7z\x11\xcfO\xa5\xfd\x9f\xb1\xc4\xf0\xdf\xb7Qu0\xcdmM$l\xacD\x1a\x02\xe2\x93u\t\xad\xacc\xa7\xce\xdb\xe2\xbf\xa1]\xe6\xd6\xff\xbej1\x8c\xc5\x80\xfa\x97\x14\xae\xb7\xc9\x1e\x9a$e\x95\x85\xa5\xaf\xd5h-5\xbd\x9aW\xde\x90\xbf\x97E\xbcO\x81(\xbc\xa7\xd2\xe3\xc1\x85\xea\x84$\x8fxjt\xe9J\x9b\xcf_v\xfe\xc7,Lo[\x86\xf8\xf7\xb2\x84/aU\x07\x98\xff\xe6bue]\xaf\xda\xf6\xb9\xf9=\x15\x0bD\xa5\x92\x0c\x8d\x0f\xcdP\x0bt\xed\xf1\xdc\x10\xf1Ae\t\xd9\xee3\'\xd2\xbf\x03\xc8\x13&gt;Oc\x88hrO\xfd\xber\x12\xee\x17\xa4\xae\xa0/{\xd01:\x80\x80\xee\xd8\xc8\xd3\x82\x00\x88\xf7p\xf3\xcd\x90\xe0\xa5Z1]C\x86a\xba\x0ffg;\xab\x0b\xef\x9c\xf1\xae\x92\xf8\xaf\xde\xfb\xfa\xf6F\xeeuDD\xfc\xa9z9\x1e\xc9\xfd\xa7YVgS$\xe1\xe8\x8a\x10\x00\x9f&gt;\xc2q\xcf07\x07\xe2\x9f\xc6\xef\xe92)\x96\xf2{w19\xcah\x96%\xae\x0fE\xdd\xe2\xfb\x1aY\n\xee\x9a\xe7\x80\xc7\x81\x9a\xddG\xc4\x8f(\x16\xa2\xffyv\xe5a\x98\x0b"G\xe8\xff\xa0\xb8\x81ElI\xc79&lt;\x19\xcb\xe2\xcb\xfb\x05\x08\x1bbGm\xff\x85\x87\xccwQ5y\xc0\xf6\xe1I\x87\x84\xe0\xc5$\x91\xd9\xe8\x13\xb2\x87\x05\xaf\xb1;\x8c\xca\xec\x8a\x12N1b\x18\x0c\xaf\x070\xa3\xa9w\xfbFB\xe9s\xed\x7f\xfd\t\x0b\xae\xed.\xd2\x81\x94,\xd7\x97\x82\x88\xf8\x8f\xed\x8c"j4\x07\xcd\xf2\xb1\xbeW\x7f~\xab\xad\x89}q:#\x99\xa4\xd8\x88\x8f\xef\x00\xd8\xf227J\x83E?Z\x07@\x90Sup?\xe2\x83"v_\x1f\xfb\'\xef%\xb7\x03\x88\x8c\xddTjt\xbf\x1f;\xc2\xb5\xef\xe9\x07\xbbh\xa2\x17X\xb1\xdc\x88J\xd8\xa7w,c\x1aE\x18\xe6T\xd2. \xba(\x84\xdc$\x9e\xec\x1c\x0bN\x0c\xad)\x9b\x01\xc4\x0c\x96\xef\x97\xc8\xb4\xa9+\xa6\xbe\x7f~\xd3\xa0\xa1&amp;\xf9O;$\'\xed\xa0\xab\xcc\x82a\x98fx\x87\xc0\xba\xb1y\']TI\xafa\'\xf4\xf7\x01\x04\x89!?\x89\xff\xe2\xa7\xe5ur\xf8\x0c\xb3\x83\xa1\xdf[J\xd5\x8cT=\r\xe8\x00\xeb\xacg\xf1\xab\xa4\x8b\x01\xa6\x1c\xaaO\xa8\x12\xc3\x14\xe2\xf5\xdb\x94\x99\xf2V\x1d\x80\xefK@\x00|\xff\xf4\x8d\x10\xf3w\xa7\x0bY\x1aV/x|O\x81\xac\xae&amp;\xba\xed|\xc2#\xdf\xbc\xdb\xc8D\x01\xdc\xd2\x96I&lt;W\xb29f\x18\x9dVM\x82h\x11~Dk\x99\xcd\x0c\xa4\xd2!G`\xd6\xb0\xda1\xe8\x84&gt;\xa3\xa1\x9f\xa4\xa8\xac\xdc\x04\x974\x7f\xae\x83\x0e\xf7u\xe9\xe3\x82\xfdC\xd7.\x8b\xb9I\x969\x0e:\x88\xb3f\x8a\x8fT+\xb4\x19b\x88gJ\x7f&amp;B\x96\x15\xca\xb2YG\xee\x84\xa3\x96\xc5\xfe\xcf\xf7\x17\x1f\xfd\x9b\x96/D\xcd9\xdb!k\x95m\xc4\x94\xe5\x0b\xaf\x8f\x9f\xb5VQ\x89a\xe9}\xbf\xaa\x10\xa5r\xf9\xde\xef\x0b\xe6\xac\xfe\xef/\xd8%3+\xe1\x19\'f\rt\xb7$\xe4&amp;\xa1\xcb&lt;\xf2\xf8\xca\x98\xd8\'R\xe4\x16\x91\x15\x8d\x9a=\x05\xa8F\xe5Q\x90\xf5\x97EVJ\x8c,\\\xefV\xa7\xbb\xd9\xb3k-p\xd7\xd9\xbd\x05yk\xefT_\xb5\xbaC4\rz\xbc\xf2k\xdd\xae\xe7\xa2!\xf5\x88a\xa2Ci\xb7r\xda\x8d*)\x9c\\\x91UP&lt;\xfa\xfa\x9e\xc1\x14\xd8\xbd\x86\x8e\x1dJ^\xfb\x87\x98\r\x0f\'\x0f\xa0\xcb\x8f_\xd0\x83\xe7\xb4\x10\xa2\x944;\xb3\x8d\xcf\xde\xff\xfcd\xfb\xf9\xb6\xba\xc1d\xc1\xda\xd7\x87\xb3\x1eS\x91\x18\xa6\xb0\xaa\x1du7!&lt;cR\x8c\xf8\x04\xd0\x87E\xe75\x812\xdbG,\x93\xb6\xd4\xd8\xe8\xad\xef\x7f\xbcS\x07\xbc\xc6Q]\x80\x88\xf8\x99\x8d\xc7\xec\xf8,@\xfcWI\xb7^rBI)\x83\x90\x99\xae\x7fnxgR\xc7\xa9\xdf\x05\x06t\xfe\xb4\x0e\xb3"f$\xcb\xbc\xdb\x13\x11\xcb\xde\xb5(\xc7\xeb\x00\xe1\x975b~A\xb8\xde\xdb\xf1/J\xf5\xda\x82i\xdf\xd7\xfa\xa9\x00/W\n\x17&gt;J\xb4\x12\xab\x07g\x16\x85\x10\xc2\xf8\xa6U\x99l\xd9\xed\x8f&gt;\xf2\xf6f\xdfmj\xfa\xec2\xe2Z\xbd\x1d\xe0\xae\xf2~\xed\x1e\xa7\xfa~\xe25Gu\xa1\xda+\xaf\xd3\n3+\xb2\xcc"p\xd9Z$\xaa\x7f\xe2\xc2\xf3%\xbbI\xa6\x18\nim\x18?%#\x1d\xd5\x83D\xdb\xa3\xe0\xe5\xe5E\xa9\xbcZ\xa8O\xc7S0j\xc7n\xad&gt;\xb6\xa9\xc1R\x9d\x8d,\xe2O\xf0_\xa6\x17\x8f6\x1d\xb1\xd4K\xf2\x9e\x915xg\x1aD\x11\xa8#L&lt;\xf2\xa7\xa8\xcd\x0cS\x07e\xe6\\\\\xd5s\x83\xeb\x9b\xa3)\x00\x88\xf8f\xe3\xa7\x96*m+\x81\xef\x9f\xe9;B\x99\xd0\xd5*W-{19tY\xcf\x07a\xfb\xeb\xa3\n\xa8\x9e\xd2\xad$\x8a?\x97\xab\x80Y\xd3d\xf1\xb6\xbf_\x95\x07\x07\xf90\x0bc\xba\x86c\xd7\xb4\x90\x8f\xa8\x0e\xcf\x1c\x85\xd5\xfeM\x0b\xe5\xf3\x98\x97\xe5\xa2\x1b\x1d\x9a\x81\xf5X;C\xab\x02\x1dHK\x17z\x81\x14\xe7\x95\xa1\x95\xfb\x8dS@!\xeb\x8f\x88\x88w\xc9\xcb\xceW\x9b\xb3\x96\xaf:\xc1\x9d\x04s2\xde\xa1\x90\xc7\x025\xcf\x17\xbf\xb4{\x1e\xb1\xdc\xf5\x19\xc0\xeb-%Z-\xf6\xeawG\x11\x18\x19\xf3\x16* {\xaf\xe3\x7fai\xca\xee\xf7~(\xde\xa5`\x9f\x81\x8e\x90g:\x87\xd5\xb4\xa7v\x95\xce0\xcd\x8963\xc4\x7f\xd29\xf7&gt;3\xf1t\xbe\x04;\xdb\xca\xfag\xdd\x9d\xdf\xd8\x15w\x00\x9a\xa14f]\x91${O\xf0\x8b\x88\x88O/\xcb\xd6#\xb3$\x95\xef\xe9x;\x8f,QE\xba0\xccE\x89\x9a\xffa\n\x8c\xc8\xc8\xcc\x94\x14\xcfW!\xbf\\,62X\xb6\x9bK\xe3\xd73\xd3V\xd2\xa0\x03\xa8\xd7\x01\x7f\x88\xad?\xc3\xd8\x9ch\xfe\xcf](C\x80\xcf=4\xe9r\xd3\x9b\x19\xfd\x8c\xb2\xb4=;\x00\xba\x02\xc5\xb9\x1b\xa2\xeeZ\x9ap\x027=\xc3\\\x99S;\x80\xc6\xb9``&gt;A\xc9e\xcc-gQ\xaf\xd2\xfe _P\x18D\x84\x08\x9fs8\x85Ju\xa8\x08\x16`\x18\xa6/\x91\x0e\x00?(\x92*\xf4\xba\xd9\xac\xac\xcb\x03l\x02\x02\xe7\xb3\xe2\x15x\xef\x06\x01\x10\xdfL\xbf\xc7\xfaN\xfdX\x1c.H\x1b\xba\x8b\xef\xee\x18\x8bI\xd7\x8dan\x9dX\x07\xe0k\x99\x88Oneg\xdbv\x00\x95fnBB\xf7\xf2\xa8\x1c\xe3\xd5jE\xa1\x18o\x9e\x9b*\x87n\x7f\xb6S\xd6\xc1[&gt;\xb7\xefa\x98)\x88\xc4\x1dz[\x07V\x1f\xe3\xf3 GZ\xb1\xf2:\xbf\xe8\xe9\xc9\x96\x19\xe2\x1d\xa5\xdamX\xaa\xe2A\xb3\x92\xf4\xe3\x88M\xeaf\x85\xf5\x9e\xcf\x7f\xc1\xa9\x1d\xc0*\x95\x93\xb92V\x03\xc1\xef\'\xb5\x99I\x86\xd9\x86\xdd\xa4wbmu\xd8\xb2\xfe\xb6\n\t\xbe&gt;\xb8\x9d\x82\xb9\xca\x1c\xb9\xf7S\x03\x9d\x19@^r\xb3\x94\x82\x1b\x15S\x85\xa9\x16\'\xfa\xf5\xbb\xc1|\x07f\xc7t\xe2\n\xa7;\xe1\xeb\x00\xde\x0b\xc4=\xc9\xd7\xeb\xcd\xe9\xec\x03\xae\x10\xc2\xad\xdf$\xa9)\x16=\xce\xcf\x00x\x91R\xa0\xa24&lt;F*v\\\x1a\xe5\x9d7\xd5j\x08\x01\xdd\xaa\xb8{\xbf\xef\x16\xe2\xce\x15\xc9\xc1W`\xfbe\xce\x0f\xfd\n\x90\xc8\xa6\xfd\x15\xcc\x07sk\xcc0J\xd5\xd1&lt;\t\xd9\x8b\x19^9YY\xb7\x1a\xb4#&gt;\xcf\xa7\xf2\x87\x07.\xee60\x1f5\x11\xa9\xcc\xc7WV?\x90\x93\xbcj\x00NT\x17\xff\x06\x0f\xf3/\xce\x8dv\xe1j\xdc}\xf6\x04\xc0\x00\xf1M\x00\x1f\x1a\xbd$\xa6\xef\xe6\x08 \xde\x10q\x04\x9a\x8b+\xd6+\x13\x11\xcb\xdf4\x19\xad\xb5\xd2\x1d\x92P \x9c\x1c\x01\xe0.B\xbc\x83ve~\x0enrEU\xf1#~,\x88\xd7\x11\x05\x10\'\x8b\xfa0\xdf\xf8\x8c\x85g\xb33\xb3\xb1\xccq\xd0m\x19Sw\x11\x11\xf1\xee\xf41\xd4\xf3\xc4\x87\xc5/ \xb49\xd2X\xb4\xdf\xcc\'\xfe\x0ea}\xb4\xac\xab\xd0,\x86\xca\x12&amp;D\x96\xa3D\x15\xdd\x1f\x90\nh?\x1cz\x1aC\xf8Z\xfas%\xaal\\\x86\xaf1\x83\x1f\x88Y1\xcc\x94$\xe7\xed-"D\xb3\xfd\x03\x7f\xa7\xc2CE_\x8d\xacw\x92\xc4\x93\x1fK\xa3\x91|\x89\x19\x85\xb2\xd6\xa5\xed\xd9}\xbb\xfa\xbb\xec\xbe\xbc\xaa\xe1\x8fw\x0bjjz\x9cx\xa7\xfd\xc6J\xad\x1e\xc2\x99\xd3\x99e\xf42\x1e\x0c\xb8\x80\xacU\xd9\xf8\x00o\xbf8p\x11\xa6\xe4 \x00\xa0\x10\xc2nZe+l\x9b2\x94\x11\xa9=\x04\xcf\x1f\xc5&amp;o-\x91*\x95\xc6x\n\xe6\xc5TK\xf4;B\xbc\x1fQ/[\xb2\x9e\xa1\\\x85%\xa4-/\xc6\xf4;\xc2B\xd5\xb5\x98\xa3\x84\xa3B\xbd\xf7\x15\xaf\xf6\xccB\xdc\xa8\x0b\x08"\xce\n\xdd\xee\x98\x17\x18^\x0b9\xd4T\x7fx\xb3H(\x81\x08\xf0nw\x00(\n\xac\xbfT\xc6\xab\xc9\x1f\xb7\x15s\x13\xdbz!"&gt;G\xfe\x19\xca\xf5.\x19/j{\x8b\x96=\xb1\x8f\x02\x00\x80{\x87.\x8e\x8b\xc9\xb5\xfe\x8a\xaf3\xc5f\xb8\x91\xca\xc6\xc8B\x08\x91v\x9d\xed\x1f\xb4o\xe8s\x06\xffU\xc4\xc4?\x17\xb0\xfet\t\x0c\xb3\x16\xa1z\xfd\xbfxZ`z\xfe\x1e\xf9\xd5\x15R\xec\n\xc8M\x1e\xc9\xf5\xb9\xd1_5\t\x10\xfa)\x9ei\x86z\x91_\xed\x1b\xf97J\xd1\xe22\x84\nGG2Y\x95V\xd6\xf2I\xce\xb3\x96\x05\xf2\xc1AgZ\xa6Z\x95\x15\x95aF\x83\xbe\x86]P\x81qoN\xc6\xbbV\xbcm!\xd7&amp;\x12\xec-]TM\xbe\x7f*\xf4SB\xc2L\x8b\x82\x88\x0f\x98\xcd6\xd1\x97g\xf6\xeb\xf1\x8d\xf6\x9c,\xf4\xc8\xc8Y{/N\xca\x88u\x1b\x88\x88\x0f\x9d\xab\xa0\x19\xc6\xc52O\x08\x86\x05\xa7\n1\xa9\x9d\x8d\x19\x00\x00 \x00IDAT\x0f\x90Pi\xd1\x12\x98o\r\xbdm;G@!\xc6\xbd\xa4\x08\'?ny\x12\xab\xdb\xb6\x00\x9f\xd4BHhU&lt;x\xbd\xef\x16\x88\xcf%$\r\x11\xf1\xab\xe0\xaf\xe4j\xee\xe4\xe0\xad0\x99R\x19f \x1f\xaf}~\xbdc\xb9\x88\x84\x12\xeds\x82\xea\xc6`\xf5"eB\xb2sL\xe1M\xb5\x7f\xd0\xf8\x04e\x17\x06\xe8\x9d\x82R\x80\xbf\xea\x0c\x0b"\xa2\x8aoJ\x19}\x94\xcb\xeeY\xf5\xcd+\x10\xc0\x18jP\xe4\xd4\xd4\xcdx\xb2\xdc\x99\r\xc3\x9c\x00\x86\xde)X]o\xf1g[F\xf2\x8d\x07\xf1\xc7\xb3;\x00\xf9\x83\xebm\x9f\xe7\xf6\t\x96\x9d&amp;\xa7\xd13\xb5\xfa\xdaz\x81\x19Y\xd7\xe5\xebu\x9f\xba\xd70\xcc\xbc\xe8u\xbfa\xb84\xbeT\x1f\xfb?\xfe\x7f-\xd4-=\xcc\xcc\x1ag\xe56\xf5,\xeb\xaf_\xff\xcf\xcd\xbc(\x96b\x1e\x82w\xf7C\xc6\xe3(\xb0\x9b\xae\xab\xc7\x9d#b\xcfC^\xf5\xbcC\x0b\x00\x0b=)\x86\xa9\x05\x11\xdfR\xe4\xf7O\x8a\xdd\xa4\xd5\x08\xa4\x1b\xdc\xc4u\xce\xf5\x05\n$S\xa1y\xe6\xb3\x95\x04\x1f@\xcc\xf3d"\x83\x00zQ$\x93\xeb\x15\x03\xb5ihoG\x9fk\xeb\xdd\xac\xfa\xe5\xce\xac\xc5\x1dg+0\x82-\xc2ZV\xf8\x17\xd0C\xecU#\xf1\xc6h\xb7\xd9\x07#\xc4\xa6Y\x864\x8c\x9d\xf8#\x84@\xf2I;\xd96@\xc0a\xc6dj\x95\x9dx\xa5\xab\xa9]\x80x\xea\xe6\xc3Mk!\x00}ZTu\xe4\xe0\xf8\x95\xb6?\x85\xd8oYf\xa8\x8a\xb0\xdb&gt;*C.\xef\xd6b"\xdcD\x07\xb0Qs6p\xd4\xe4\xe6\xc8\x01e&amp;\xf6\x86)\xc0\xdd\x97e"{\x08:9}\xc9\xc7\xe5I&gt;\xac\xa4\xa1\xd2\'\x03\xbc\xc2\x95\xedU\xbbUQ\x16\xa1\xaa\x80W\x03\xa1\xdf\x952\xdc\xa9N\xcbc\xfa\xf5_}\xf7\x9bw&gt;]f\xad%\xc9\xe6n\x81a\x92 \xc0\xfd[\x0b\xacq2tr\x1d\x14{\xb10\xf0\x9au\xed\x16?F\xff\xfdg\xc9\xab\xaf3pxr\xa2.{\x8f\x8f\x8e\xfc\x8c\xbb\xbab\xf0?u\xf7\xf5\xaf\xf30\x19?&lt;\x0e\x08\x82\x08 \xda\x17\x90\xde&amp;/9\x0e\x8b\xdc \xe6:\xbb\xf4\xb4\x15\x95u\x1b\xa4\x93N\xa0\xd0r\xd9B7\xd3\xef\xe1\x917\xe5\xb5\xb6\xa1\xe4[FZ\x12\xa1*\x9b\xf2SYY\xc8)\n\xb5\xfc\xe8w\xade\x941=\x8b;H\x99%\xb8\xdd\xb3\x80\xe2\xe0\x83\x00\xe0g{\xd4k\xa1\xd1A\xfcD4\xbe\xc1\x8a\xd1\xac\xc8\xb0\x9az\xefEK\x95&lt;.0\xa0\x92\xb5X\xabVo\x05X\xd6\xff.\x860\xba\xf5\xcf\x7f\x04W\xaf\x92\x0c\xe3\xc3\n\xdd\xcb\n\xbb\xd4\x85\xcc\x80\xe6e"]&lt;\x92\x9a\x18\xdc1\x81+5\xae0\xa2\x13(\xd7Y\x94\xe5S\xd2\xf4\x89]\xf8\xdf\xe5T\x92p.;\x7f\xb7\\\x06s2\xdc\xe3\x03Xc1m\xd1\xb5\xe0\xa0\xe3\xd3\xc7\xf5\xc7\xbd$\x8f\\\xa6\xb98Z\xa8T2\xb4\x94\x9bg\x01\x00\xe0%\x02\x1e\xa2&lt;-3\x0eT\xc3K\xc1v\x01\x07\x8cn\xf09\xb8\xd7\xd3\xbdR\xf1\x0b\xc8\xf2\xd2BN\xaf\xf6L\x19\xd7q\x01a\xe9\x02\xa3\xdd\xc0t\xb7l\x99\x84\xf3\xc8\xd2c`\x9b-\x9bNiI\x1e\x12\xf8&gt;C\x83\x82D\r2\xf0\x14\xb2\xbf\xdc\xffAX\xb4}\xfd=\xc8\x1ayG\xf9N\x7fb\xfc4b\x9e\xc5L\x03\xf7\xdbA\xf3\x9d\x11J\x8f\xc7G\x15:\x987{\xa8\x18A\xf9\xf5\x8f\xbd\xa3Fl\x8b\x8c\xc3\x9e}\xee\xdao,\xb0r\x8b\xe1\x8fJ\xf2N\x11\xb0\xe2-\xc4\x14\xf2V\x80s.v\xaf\'\xadf\xbf\x04\xe0!\xc7J\x83\xf3\x8a\x9bc\x94\xe3[m&amp;W\xfei&amp;\xbeL\x19\xd7\x99\x01\x94c\xd4\xdd\xa7\xa9o\xa9\xa9\xe5;C\xc4\xfe\x1f(\x19\xa2\x12F]\xde)N\xd6pM^\x8c\xc4\x1c[!D\xc1\x1bn\n\xc1-n\xf3\x1b\xbc:t\xa5*\xd8?\xf1r\x1b\xa3\x00\xbf\x98$\xf0!\xc7;\x8b-\xe1\xe6&gt;\xb1\xe3c\xcd\xd0\x9fg\r\x8b\xc2\xfd\xb6\x8d&gt;\x8c/\x17\x923\xde\xa4\x0c\x90\xf5A\xb19\x9a\x0b\x8e\x94-q\x05\xae\xe4\x131G\xa9\x1a\xa9\xed|\'\x8eI\xb3\xc6\xe9\x05\x83\xfa\xb6X\xb5\xce\xa9\x1erW\x9c\x10*6\xd6U\x91\xbe\xe0\xc4\xcc\t\xcf\x00l\x9a\x0cV3\x9bCjM\x0f\xa2.\x11B\xf6^S\xea\xe6\xd2d\x18\x87\x88\xf8\xd3\xce\x97\xd9a&lt;\xc1+\xe3\x85\xa5[4\x94\xddHm\xbc\x0b\rk\xac\x1d\r\xec\xb1S\xf6\xd3*D*\x10Y\xaa\xb8\x9di$\xd7\x13\\!\xda\x7f\x98\xf5\xb8\xa1\xa3 :!\x8dLy#\x88\x0fj]\xeb\xaf\x8f\xdd\x04\xec\x87\x16\xc4#\x97\x84iP\x9d\xfdY\xa0\xafc4h\xce\x0f\xd4l\xc56\x84&lt;v&gt;\x11\xb6V\x85\x7f\xa2h&amp;\x8f~\x92\x0528\xdaU?\xba\xc3w\xb7\xdf\x02`k4A`Sh#\x1b%ase\x98a\xdc\xc4\x0c\xa0\xd3\x18P\xca\xd4\x1c\xeb=0#\xf6\xf4\xdc\xf5o36\x97y\xae\xc1\xe0\x1f\xf5\xa8"\x12\xea\x8bT\x0e_\xe0\xf9.w\xeb\x9cy\xfd\xb8E\x88#k\x9f\xb6\x88\xf8W}\xb7\x8f\xf8\xdd\xfd\xf5J\xf1=\xfe\xd9\xa4\xfe\xc7(U\x18&amp;\x07\xaf\x89W\x7f\xbb{h\xe4\x8c\xf6Y5\x1d\x83\xb9?\xa7\xe3(S\xcf\x01}\xb7C\x95\xe3\x17\xeb\xf2\xa2\x16\xda\x1a%\x83\x1f\r\xd67\x19\x12j\xb4\xd9\x04\x0e\x9c\x04\xa0v&gt;\x92[-\xf5?\x11\xe1}\xf4\x9b\x1d\xa5a\x04\xe3\x91\x9d\xad\x0c\xc3P9Z\xd1\xd7\x9b_j\xbfz.\xaekzm\x8dT4\xa3\x8f\xd4\x9be\xab&lt;\xddrh"\xd9\x1b\xaddeG\x90\xd0\xb2`G\x1aY4?\'\xf3m\xf8@\x19\xe6\x16\xa1\xd8\xaf\xf7\x8f\\O\xdcW\x13\xcc:o\xac\x84\xf9\xf1v\xd6\x8d\xb5\xb2\x13A\xf3\xff^\x8d2pslj\xec\x1eA\xcf\xb7Q\xdfV\x06"|`\xf2\x9a\x11\x8a0\x8c\xcd\x15\x9cz\xee2)q\xaf\xbc\xbaz\xff/\xa8]]H\x92R\nf\x9f\xd1\xd8%\xb41d\r\x8bs\xa1\xdcWr\xbd\xba\x13\x98\xb9\x19\xcd#\x01\x00R\rf\xe4j\xeeV\x92\xbc\x06\xcb\xd4\xb0\xe4"\xb05\x9aK\xb6\x80\xcfu\xbe\xd1\x96L\xe5\x1e\x9b\xed\xfc,\xdd&amp;v\x1b-\xe6\x9f\xd1\xb8\xef\xe9\xe9\xa1LC(\xf7\x95\xb7^\xdd\x8e&amp;9~L\xf2\x8a\x9f\xaa\xcc\xc1&amp;2_\x14\xa5\xfd\x99\xe1\xa4\xe2\xa9\x07\xb3\x1c\xde\x19}\xc4\tD\xac\xe4*\xd69\xe9.\xa0\xf8v\xe7\'\xe8\x02jw_\xdf\xd6H\xce0\xf6\xdb\xff?\xcf\xd6C\xe2\xed\x00BO\x89\\\xcf\xf7\xb4_F\x88\x8e[\xbf\x9a31f\x1fTz\xd1k\xa4w[l\xe5X/)\xe7P\xa0\xe98\x16\xb1M\x14~f\x8e~F\x9c\x9c3\x9f\xff\xe2t\xc5\xb6\x95~m;\x1b\x80sp\x93\n\xd2\xa9p\xd6\xed\xae\xaa\xb8g\xac\x93\xef\x91\x99\x87%]@A?\xeb\xf3\xf4fs\xd0o\x00Ci\x16[T\x0c9\x12\x91:\xe0R3\x15\x92\xd4\x002\\\xdd\xb9\x0f\xb9\x97\xaa\xef\xe8o\xbe\xa1\xa5\x10\xc6[`\xeaK\x00\x01\x1e\x90\x9dB+\x18!\xf5\xd0\xea\x8f\xf4\\\x96\xa3m\x90\x88{\xc6H\xb9\xf0\x14\x81\x19\x8dt\xc2\xf8~\xaavc\xb4u\x84(YIq\xb9\xf9&amp;\xfcT9\xfa\xef\xe5yg\xcbA\xdc\xb1\x03\xe8\xdd\xbb\xfcTu\xffR\x1f\x8dJ\xef\xa4#\x97y]s\xbb\xe4\xb7\x17\xa9\xd5\x1av\x121\x13\xe1\xee\xbe)\x11\xd2\xae\x0b\xa0K\xda5\xff\xd2\x16\x99\x02 \xe2\x8b\x8b\x12ZB\x1ah\xe3\xcdH+\xe2Ny\xf8,ga\xf2:\t\x94+\x83\x85\xe0\xd5\x82\xaeUo\xeb\xdc\xb5\x920L\t\r:\x00\x00D|K7ev\xbfP\x9f\x86\xe3\x1a\x8c\x82|*\x07\xbf!\x81\xc7\x9fCf\x18\xc5\xb7\x80N\x07\x80\x08\xf8\xd4\x1295\x84\xee\x82xg\xad\x9f\xa1/\x0b\xee\x00\x98\xd9\xc0\x8aw\xcf\xf6\xc0\xd3\x01\x04\xde\xd6\xd4 \xafpx\x8fR\x86n8ZY\x10ol\x15y]$\'\xa37\xee=k\xa5\xea\xf8\x81\xbe\x0e\xa0\x95W\xf0+}_\xfa\x94\r=\x02j\x07\x10\xf6\x94\xd6\xd3\xb0z0\x0c\x15U\xe7\xfe\xc6\xd9\x9a\xd4\xf0\':\xfa=b\xf1\x9d@\x1ew\xb7\xed\x03(\xc1\xb5Mhe\xacc%X\xa9a`\xc8\xec\x95\x1e\xee\x00\xfeM\xd6C\xac\xd07!\x99;\x80\xa5Y,\xba\xcb\xf2\x18\x13\xf7\x9d\xdeT\x10\x9b\x19Db\x93\xb7\x03\xd9\x14U\x1d\\\x0b\x00w\x15\xe2\xf7k\x84\x10r\xd9\xe38\x93o\x8e$\xc9\xf1\xd1\xa2\x1c\xf2\x8281\xb3\xa1\xa2\x11=\x04Yy\xa5\x85;%sS\xed\xebb,\x17\x06\x9a9\xd6@\x00\xad\xca*\xcf\xfb\x85\x87,j\xab-\x80s"\xb1\xf9\xa7\xcf\x0f\x11\x14\x95yv\x85\xd7L@o\xeboeW\x97\xbc\x97Q\x93\xdb\xba}\x87E\x07\xea7Q\x95\xdd\xe1\xf3/\x8fn\xbb\xf9]8\xea\x8d\xde\xd1\xcd\xdc:\xb9\xd3N\xfcWZ\x07\xf0\x97\xb6F\xf2\xdb75o\x1d\x7f\xb3\xa7x\x06^\xaeg\xed\x9b\x05\x15\xe8\x83\xda\x87\xdd\xbc\xfef\xec\xe2\x9ahQ\xa8+\xb7\xdeN6\xdcs1\xf8\'=rb\x988\x85-\xa4\xc3\xda\xe6\x8d\x90[\\\x18\x8fkl\xa5\x96O,\xea\xc6\xbaOFA\x05\x8a\xaa\x94U\xb6\x85BF\xad\xb28\r\xe8\xcb\xb9\t1k\xe0Z\xffS:\x00{\x91\xb6\x9bAl\x05\x92;\x80\xf8\xbe\'\xeb\xc6\xa9Y\xcb\xbe\x84\x92\xe0\x18\xb0\x9f\xf4|\x0b\xf2\xb4;\x80\xcc\xfa`T\xa4\x8d?\x95\xa7@\x16S4!\xa6\x1d7\xe4\xbfs\xebj\xae\xfbr\x9b\xa5\xbf\x87\x10\xefl\xaaF\x91.A\xc9]\xdc\xbe)\x9f\xb2\xb3\xf2,@\xd8u\xcb\xbe\xf1\x94\xa2\xda\xf5\x08\xe2N\x80h\x1d\xd2`\xc9\xd0\x17\xfc1\xa5\xf0$l\x8e\x1f\xf7\x15\xcdq\xad\xf7ed\xfd\xe5\xc3\xb0\xdf*v\x0eypC\x0c&amp;/a&amp;\xcer\x8b\xc0\x8d(;\x1c\x18\x11\x00\xdeQ\x9d\xb3\xf5E\x93\x854}\x8fh\xad\xac\xdc\xac\xdf\xe8z\xdc\xd13\x18\xbe\x9b\xb9.\x1dU\xd3\xea+v\xf9\xbe\xed\x14\x814\xc2\xf3\xdd|\x08\x01\x00\xc2\x19\xf5\xa7\xe7Z\xdbU\x86\xa8]`_s\xcc\xc6\xfeb\xdc\xd6\x03\xddZ\xcc$\xf7\xdcV\x19t\x06\x83\xc3p\xcc\x95?{5f\x8f\xc7\xe6\xd2\xc3X\xad\xd1\xae&gt;\'8T\x1a\\\x14\x00\xd6L\x85\x94J\x86\xae\n]HT\x8a\xa7\x8b\xe0\xa18\x93\xcf\x1dg+0\x94\xb6-D\x99\xaa\xb2\x80n\x19\xa9\r\xae\xb7\xe4\xb8\xbe(\x98}\xb8!\xd8\xdf\xa5\x96(\x08\xfd\xbd6Q\xdb\x96H\x1f\xfa;\x9d\x82Dn\xd0\xbd\x99X\x8e\xcd\xf3r\x16`U\x8ctr\x01\xde)\x0f\xc3\xe4\xb0\xa4\x0bH_\x81\xfa\x913\xf5\xb0\xfe\x9b\x95H\xfb"\xb8j\x9a\x15\xcc\xf2!T\x05Z\xbbE\xb6\x13\x94\x93~,\xaa\x85\n\x88\xc9\xb2\xa85\xaf\x1c\xab\xdc?P\x92\xc6\xd9\xb0AIB\x81\x97h\x998\xcb\x8c\x1b\xcc\t&gt;\xa8!\'\x9cw\x0f\xba\x1a=t\xc8]\xc9\xa4\\_\xac\xf3H\xa7\x8a\xed\x052\xd6~\x83\xb6\xaf\xe7\x1ax\x86\x81\xf6\xae\xeb\x86/6\xd6r\xcb\xa2\x12\xdc\xb4*\xa4\xb4D(\xc3L\xc8lC\x99#\xea\xaeo\x16\x1f\x1a\xfcu\xe7\x15\x88\xff\xda\xf8\xe6/F\xa4\x95G\xefy\xe3\xff\x06\xc7\x01\xda\x11\x93C2\xcf-\xb1\xdcb\xe9q\x07\xe6\xb3\xee\x90\x01\xc3\xcc\xcfV\xfd?\xbb\x93\xf0!\xe6/"\xdd5\xe6\xde\x03\x18\xf4\x9f*\xec\xbf\x7f\x17\xc5\xf9\x1d\xc0\x88L!\xf7Fg0\xbc\xa7&lt; \x869\x19#,p\xfd\xda\x1f\xb9\x05o\x03\xf7\x9e\x7f`\x99\xeb\x82B\xb1g\x0f\xa9\x92\xfdG\x99\xf2su\xe8 &gt;\x9auf\xae\xe3\xe7F\x1e\x1dF\x1d\xbf\xca,\xcd2\xee\xc1\xad\x1e\x7f\xb8\x10oL]s%\xa7g(T\x94\x12\x80\x14h\xf9{\xf4\x88\x19@\x99\xf6q\xbb\xd2\x06\x17\xb3\xae\xc0\xc8\xac\x0f?{N\xae\xe7VEk\x11\xe5B\r\x82i\xcc25\x83\xd2\xa2\x90\xb6\x0cX\x15\xe7\x17\x95\x16Zbm\x98\xa3\xd7X{\xe5k\x16\xf3\x88/\x97\x1d\x80\xa1\x1f\xbdlSW\xf5\xc2\xea~\x86v\x00\xda\xea7}5\xf8\xac\xee\xeaP\x00T\x1f`\xe7_\xd6\xa51\x97d\x990PR\xa</t>
        </is>
      </c>
      <c r="E492" t="inlineStr">
        <is>
          <t>&lt;class 'numpy.ndarray'&gt;</t>
        </is>
      </c>
    </row>
    <row r="493">
      <c r="A493" s="1" t="n">
        <v>491</v>
      </c>
      <c r="B493" t="inlineStr">
        <is>
          <t>steps_per_sec</t>
        </is>
      </c>
      <c r="C493" t="n">
        <v>7100</v>
      </c>
      <c r="D493" t="inlineStr">
        <is>
          <t>9.165856</t>
        </is>
      </c>
      <c r="E493" t="inlineStr">
        <is>
          <t>&lt;class 'numpy.ndarray'&gt;</t>
        </is>
      </c>
    </row>
    <row r="494">
      <c r="A494" s="1" t="n">
        <v>492</v>
      </c>
      <c r="B494" t="inlineStr">
        <is>
          <t>Loss/object_center</t>
        </is>
      </c>
      <c r="C494" t="n">
        <v>7100</v>
      </c>
      <c r="D494" t="inlineStr">
        <is>
          <t>0.2348553</t>
        </is>
      </c>
      <c r="E494" t="inlineStr">
        <is>
          <t>&lt;class 'numpy.ndarray'&gt;</t>
        </is>
      </c>
    </row>
    <row r="495">
      <c r="A495" s="1" t="n">
        <v>493</v>
      </c>
      <c r="B495" t="inlineStr">
        <is>
          <t>Loss/box/scale</t>
        </is>
      </c>
      <c r="C495" t="n">
        <v>7100</v>
      </c>
      <c r="D495" t="inlineStr">
        <is>
          <t>0.11608111</t>
        </is>
      </c>
      <c r="E495" t="inlineStr">
        <is>
          <t>&lt;class 'numpy.ndarray'&gt;</t>
        </is>
      </c>
    </row>
    <row r="496">
      <c r="A496" s="1" t="n">
        <v>494</v>
      </c>
      <c r="B496" t="inlineStr">
        <is>
          <t>Loss/box/offset</t>
        </is>
      </c>
      <c r="C496" t="n">
        <v>7100</v>
      </c>
      <c r="D496" t="inlineStr">
        <is>
          <t>0.1882943</t>
        </is>
      </c>
      <c r="E496" t="inlineStr">
        <is>
          <t>&lt;class 'numpy.ndarray'&gt;</t>
        </is>
      </c>
    </row>
    <row r="497">
      <c r="A497" s="1" t="n">
        <v>495</v>
      </c>
      <c r="B497" t="inlineStr">
        <is>
          <t>Loss/total_loss</t>
        </is>
      </c>
      <c r="C497" t="n">
        <v>7100</v>
      </c>
      <c r="D497" t="inlineStr">
        <is>
          <t>0.5392307</t>
        </is>
      </c>
      <c r="E497" t="inlineStr">
        <is>
          <t>&lt;class 'numpy.ndarray'&gt;</t>
        </is>
      </c>
    </row>
    <row r="498">
      <c r="A498" s="1" t="n">
        <v>496</v>
      </c>
      <c r="B498" t="inlineStr">
        <is>
          <t>learning_rate</t>
        </is>
      </c>
      <c r="C498" t="n">
        <v>7100</v>
      </c>
      <c r="D498" t="inlineStr">
        <is>
          <t>0.0009998188</t>
        </is>
      </c>
      <c r="E498" t="inlineStr">
        <is>
          <t>&lt;class 'numpy.ndarray'&gt;</t>
        </is>
      </c>
    </row>
    <row r="499">
      <c r="A499" s="1" t="n">
        <v>497</v>
      </c>
      <c r="B499" t="inlineStr">
        <is>
          <t>train_input_images</t>
        </is>
      </c>
      <c r="C499" t="n">
        <v>7100</v>
      </c>
      <c r="D499" t="inlineStr">
        <is>
          <t>[b'512' b'512'
 b'\x89PNG\r\n\x1a\n\x00\x00\x00\rIHDR\x00\x00\x02\x00\x00\x00\x02\x00\x08\x02\x00\x00\x00{\x1aC\xad\x00\x00 \x00IDATx\x9c\xed\x9dy\xec\xbcOR\xd7\xfb\xf9ee\x11c\x00%HT0\xc6\x95 \x87\x1c\n\x11\x95#\xca\x06\t\x92\x15V\xae\x80\x89\x01$  \xb7\x1aPd\x01#\xc8!\x02\x12\x02AA\x0c\x84C&lt;\x12\xc4p\xaa\\\x0b, \x12$\x80\x07\x02\t\x82\x04\xd9x\xa1F\xca?f\xe6\x99~\xfa\xa8\xae\xaa&gt;\x9f\x99\xf7+\xbf|\x7f\xf3y\xa6\xbb\xaa\xba\x9f\xee\xaa\xea~zf\x9c\x03\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a074\xdb\x00\x00N\xcd\x0b\xb3\rx\x04\x08\x9e(\x05\x11}X\x7f\x1d\xba\xe2\x9d\xcc\xa8\x86\x88H\xd9\x16\x00\xc0\x93B/\x9dm\x81s\xb3\x1c\x96\xafVe\xc30\x83\r\x8a\x88\x86\x86\x00\xf2\x94\x0eR\t@\x0f\xe4\xe3\x17c\xbd!4\xd8c\x85\xda\x7f\xdf\x14\xbdBl\xdd"\xaf\xc5\xf4&lt;\x85%\r\x86\x00\xf0\xf4 Z\xf0\x18\x02\x00S\xd4\xd0\xd9\x8b\xdc\x9e\xa4\x19\x96\x15\x80&gt;\x00,\xd2\x03\x00&lt;\x1a\x98_\x12$]\x84\xa7#BT#\xeeR\x14C\x14\x80\xc6,5\xa9\xe8\x9bg[\x00\x16F\x98\xa6,5\xa4\x01\x10a\x18\xb5/\xaeW\xea\x1c\xfd\xc6Z\t\x00\x18x\x9d\xcc\xf5o\xccW\x11z\x7f\x04\x00\xf0\xc84\x1c\xdf\xf5\xa2f?\x1a}\x84\xa9&gt;\xddg\r\xd6ok\xaf\xa4\xd6\xf4\x9e\x04`\x0e\xb6Q\xdf \x00T\xd6\x07\x03y\xeb\xd9\x06\xech\x0f\xb3\n\xb3\x8c\xb8\x08\xc2\x01\x00\x0f5\r\x1e\xa9-\x80a\xf7\xf8\xbb[\xc7\x9d\x07\xa0\x16zML$p\x0ep\xf8\x07\x80\xc64\xdc\'\xc5\xcc|\x12*o\xb3y\x9c|D\x0bED\x18\xa8\x00t`\xfc\xbc\xc2L\xee\xcd\xe0\xa7\xfaoV-\xc1\xb76\xfbia\x0c\x1b\x00\xb4\xf0\xd3F\xf5IN\x83\n\xff-F\x0fy\xefb\x9e?!\xc2\xd3Ac\x8c\x01\xe0\xach&gt;\x97oT\xf1\xebB\xf9=\xcf\xf3\x9d\xdd\x13\x9c\xdd~\x03\x85D\x04G?\x01\xc8\xb1\xd4\xdc\x88\x8fs\x08W\x00r\xc9 \xc7\xfa\x1dd\xbb\x89\x92=\xab\xb9\x9fV\x01`\x1a\xc1\xa0\xa7\xe3[m\'D\xd1\xad\xa7\x8eiS\xcdV\xd2\x83M\xe9\x86w$\x96\xf3\xf0\x01\x95\xb7\xf8\x8c-\x02\x0fH\xd2\t\x0e\xd4\xfe\xc9\x87?\x15\x15W\x99?\xcb\x18\xd2\x1ea\x96*\xe9\x80\xca\xfb%\xac\xfe\xb8\xb7\x02\x80&gt;\xac\xe3IW\xa0\xdaO\xbdZ\xfb\x8d\x92\xad\x8a\r\x80\x88\xe8\xf5f\x1b\xc1\xb2JO\x01\x00V\xa6\xd5wN$v6\x06\xda0\x98\xd3\x19&lt;\x11\xf4\x15\x10\xb2\xcd6 \xc1\xe5\x03\x8f\xce\xb9m[\xd1&lt;\x00\x92\\\xdc\xee\xc4A{\xf1\xfa\x983\x00\\\xc9?\x80M=~\xe8o\x8f\x8d\xe2G{,2e\x1a\x17\xe7\x93\x06\xeaZ\xbfOp\xb4\x07\x9c\x831\xa7\xd0\x02-g?\xfaFD\xf4\x05\xb3\x8d\x18\x8b\xe1\x0b/\x01z\x04\xac\x8ep\xda\xb2\xe7\xe2E\xd5}\x97\xbfx\x00\xf0Mkk\xe7\xca\xad\xe6ir\xcb\xcc\xf5\x83\x8a\xc5\xc3\xf5V=R$\x9f\x17QH;\xed\xa8\x00@\x8a\xed\xfb\x1b\xc89\xfa\xfc\x16\xdae\xc5\xbeHY^mF\xbf\x0f\x12wv"\xbe\xe5\x95\x1f\x8f\x88?v\xd7\x9c5\xd7+p\xf4`i\xf6\xcf%\xd2[e\x0b\xb4U\xd7\xa4L\xb2|\xfdy\xf36\xc9]\xbd\x885h\xf9\xccc\xc8\x96\xe3t\x1b\xe4,d\nxr\x82\xcf\xa6\xd7{\xc1Y3-\xa9u\xb01Ky\x99J\xea\x87\xc1\xfa\xbd1\xd1\xc8\x9a\x8f\x9d\x03\xd0\x91N\xb3\x82n\xc2\x8d\xd5M\x99~\xd7\x19\xf6\xd8\xd3w}\xf7$\x1f\xa8\xd9\x03i\xad\xed\xe1\xdf\xa5_\xb9+=E\x80\x04\xcf\xc8\nC\xb3\x95\x01\xccQ\xd4z\xde]_\xa56\xadv\xee\x8d\xeb$\xf4`\xd8\x01\xd9\xc5\xd1\xa5&amp;D\xef\xdc\xcd\x12\x00\xa4\xccw\xf6\x11\xfb\xae\xd4\x7f\x99mI\x91O\xd5\x14^\xaf\xa79j\x8c=S;[ Y\xdd&gt;[\x9f\x00P\xcb\x07\xb6\x13\xc5L\xbf\xfb\xaf\xb8\xf0\x12\x92g\x96\xf4n\xf2\\a I\xf0\xdc(]f\xbd\x96N7i\xc1d\x0b\x80ua\xb6nc\x1f\xd4ur]&gt;\xbd\\\xff\xfd?3\x9f:.\x7f\xa0\xcbl\x89\xfcI@s\x93\x92\xf2$\xd9\x06\x00KP|r5\xcc\x12\xa1v:\xd2^\xa9\xbc\xa4\xd2\x00\x9a\x1a\x00\x1e\x95\xc2\xba\x8d\x7f\xf7x/\x1a&gt;y\xc2=\x06\x8f@"\xe7\x9d\x9d\xfau\xf5\xfe\xbc\xd2\x01\x8a&gt;g\x80\x8e\x1b\xad\x1at^ww^\xcb\x01\x98\x8cd\xea\x88\xa2E\xf4yQ\xffbR&amp;\xef\x8e;-\x0b\xb4b\xb5F0\xf2\x7f]r\xc4p\x19wf\xb3b\xbf\xa7\x7f\xa8\xb19\x05\xa5\xcc\x9ff9\x00&lt;\x0b\xf5C?\xce\xe8\xe7n\x950\xfbN\xf5r\x98\x925\xed\x1d\xbf$j\xce\x94\x9bN\xe28\xbdN|\x05\xa0%\xfd\xbe\x07MiF8\xf9\xe7\x1a\xe3\xa2\x9d\\\xcc~\x86\x86\xbb\xe7r\xe1mG\x08\xa5\xbe\xa5\xdc\xd7\x95|o\x8cm\x00&lt;\x14\xf1\xf4\xe8\x9d\xfd\x19\x8474\xe9\xec\xe9y\'\xb4\x8b\xa4\x86\x02o\xe5\xbf\x99\xee\xaf-w\x08\xb7\x15&lt;\x0e\xc5\xd1\xdc)\xd1\xe3\xd7\xd7\xfd\xf6^\xc6\xb0\xd4\x06}\'\xe2\xd6\xfd\xc2\x1c3\x8a\x05\xae%^#\xba\x02\x00\xb8s\xdf\x91\xaf;t\x93\xab\x19n\xb0\xf0\xabo\xb1\xf2\xb8\xe8"3\\\x95\xed.bsC4\xcd\xd7\x95\xefd\x86^r\'\xc1\xe0aya\xb6\x01\x05|O\xb4m\x15\xbf\xb7\x9a\xa9\xb9\x1d\x8ad\xa5_\xde\xba\xbc]\x9ce\xdb\xb6\x05?\xcc*\xb7\x9b\xe8\xa7\x85%\xbb\xe2\x1b\xccoL\xcb\x19\xffpUu\xfd^ \xf1\xf0E\xa3\x97\x88\xef\xb1\xbdo;t\xc8\x03\x86m\xf0,H\x92\xf4\xeb\xc5\x01\xd6\xc4J\xbdE\xc8IO\xbc\xd8\x0cn\xdb\xd4a\x9d\x96x\xc6\xa3\xa9[\xd9\xe8\xf4`6\x8b\x13+\xa5\xfb\x87\xbd;+\x03\xe0\xc1\xf0\xe7&lt;?\x81\x8aY^Q\x91\xadb\xa5\xcc\x15\xbc\xc2\n6H\xe8\x12\x00L\xa7\x00l\xda\x11\x02\xc0\x13Q?\xda}\t\xcc\xf4\t\x1fKTjm\xc7R\xc6&lt;*\xc2.\xaey\xde\x9eX\xb8\xd0\xf7\xd5\x0bQ]\x04\xe0d\xa8\xc6qP8\xae\x1a\xfb\xf6\xa4\xb7\x97\xcc\xf3\xca\t\xa6zl[\xa3\x08HH\x0c\x8cLT\xc8&gt;\x81\x98\xf7\xd1B\xfa\xc4\xc4\x07n0l\xc04\xe8;\xd8w5\x19v\xd5j]&amp;0\xde\xf3\x11\xee\xba\xcc\x9aa\xe5\xe0\x94y]\xa5t\xd2\x13\x9a\xf5\x91\x8e\x96\xc2\xde\xa3TT^\xfeA\x02\x02\x00\x98F:\xad&gt;\xee\xb1\x08\x85\xac&lt;\x8esK\xef\xf16\xe7\x02\xd8\xb2\xbd\xb7\x82a\xfe\x93\xd5\xd9\xb6\xdc\xd2v\xef\x83\x1dZ\xab\xc8\xa3\x8f\x8d\xe0L\xcc&lt;\x06\xba\xa5\xceu\xeeW\xa4G\'/\x074K\x85%#\x9e\x89F\xcdI\xb6}\x16fK\xf8\xde\xa9\xec;"\x1a\xdfE\t\x9b\x07\xde)\xe1x\xdb\x8f\x91^\xff\xafQ\xb1\xce\xa8\x03`\x0e\xf2\x84\xee\xb5\x9bj\xecA\x13\xb9\xc1\x03p\xb9\xae\xb6\xcf\xdeW`5{|\x82$\xe6~\x1cy\xa2M\x00h\x91\'\xda\x99\xcd\x93\xf6&amp;=94\xe5;\x13.\xaa\x9d#\xfaa]\x95g\x1d\x008\xc6\x03\x1e\x96\x15F\xf1\x94M\xf9\xcf\xac\x96\x00\x17\xb0\x085\xcff\xdbZ\x02\x00\xe8E\xdb\xe9Z\xef\xc1\xf7\x07\x83Y\xf9\'?\xf3\xa72\xfb\xa4m\x04\xe0\xa9Q\xcdZ\xdfiNL\x81\rZ\x9b\x9b\xca7?&gt;\xe7\xf3\xcc\xfeq\xa9\x96?\xf3\x8d\x00\xeb\xf0\xa2Y\x8a\xaf\x13`\xff\x925r\xc1\x17\xa8\xed3\xa4pna\xdb.E\xe3B\xfe\x1c\xcb\t\xb9\x94\x91\x1c\x8d\x88\x0f\xa5l\xf9w\xe5b+\xe1U\x04G\xaa\xe8\xc9\x0f\x81\x10\xe5\xbe\x13p:\xc9\xd1&gt;\xe5\x1c\x14x*\xa6\x1d\x03\xdd\xbf_s\xbb\xfeyx\x97\xf7\xfe\xfe\x19\xca\xe0H\\\x9a\xff!\xff2N\xd1\xe3\xe8b\xf6\xd6\xf6\x94g\xabd\xf1\xc9}I|G\x9a\xef\xe6\xd5\x18\xe3"\xef\x7f\x14^\xd6\x1eV)\x15\x00`&amp;\xfc!6\xdb\xe7\\\x92*$6\xd4|:\x86\x8e\xd3U\xb5\xdf\x12\xcds\xe9I\x0fL\xe63"\xbfk\xe1\xa1O"\xfa\'\x8a\xf2I]\xa4\xb4\x01\x80\xbe0&gt;\x97\xdeW\x11\x00j\x0e`\x1c\x08\x1f0\xd4\xc94\xd5\x15\x15\xcb\xbc&gt;5\xdc\xc3\x8cw\xb9\x16\xa8\xcc\t\xe8/\x98\xabNF\x98\xca\xc8\xcb\x03\xb0\x04\xd9\x00p{W\x94Gk$\x07e\xee\xee~\xbf\xf2\xf1ld\x12\x9c\xa8\xb1M\xbf\xa5flWc8_\x9f\\\xee\\\xdf\xfa\xd9\xa5\xbah.\xf1\x10\x93\xac&amp;\x018\x13\xf6m\x19q\xb5\xaa\x8crV]s\xcd\xb51w\xc9I\x9d]\xd5\xf0F\x8e\x0f\x1e\x15\xf2\xfe\x1d\xa1N\xfb\x8dZ\xb7\xdfm4\xef\x11\x99\xeb\xfaB\xd2\xc9\xb2\xc0-&lt;\xc0^\xf0\xa9\x8d\x8f\x817\x07\xe0\n3\x0f\xd6\x9c$\xec~\xd18\x9b\xa9\xa7\xba%;\x1edYs\xa6\x00\x10rx\x9eY\xda^o8\xac\x8b\xbb\xfc\nQ\x9e\xe5q\xdd\xec1\xa75~\xff]\xfa\xd8Y\xf4@\xe5\x04\x1f9^\xd7\xb2\x0e0y\t\x00\xf3!\x8f\xd1\xaa\x07\xeb\x8bN\x8bvW\x87Y&gt;\x90\xfa8JDD/ig\x91sO\x16\xed\xc0\xf90\x04\x80\xc1c\xbaap\xaa\x0f\x00\xaa\xea\x97|\\\xf2\x01\xa2\x1a\x93j\xd8\xfb\xf6~\x10\xab\xe28o3\xb3|\xb1b\xed#\xef,#\xe4K\xea\xa5\x000\x98\xf4\xce\t\xbd\x7fte\x8a\x19\x0f\xfetnb\xdb\xe2\xfd\xa2\xf3\xf64}Ck\x81\xba`\x1f\xa6Q\x8f=h\xc1SC\xce\xbd\x13\xf3n\xf1\x84\xbe\'\xa7X\xbe\x9e\x91\x13q\xdc\x03\xe7v\x8a\xfeT+A\xcfM\x9c\xa9\x10}\xd5,c\x00\xb0\xd3`A\xddG2r\xaa\x9d\xa5\x12\xcc\xf8\xa6\xb6\xdaQ\xa9\x172\x00"\x8cL\xf0\x10\xfc\xb2sN\xe3\xa6G&gt;@V\x1f\r:&gt;\xdehb\xe2\xfa.\xa9\xad\x85\xf4m\xb2b\xfd-)\xdb0\xf1QJ\xf2b\xe7\xefP\x01\xa0=\xdag\xc2\x97r\xd2\xc2JK\x82\x17\xb7?\x15\xfb\xd4\x86G\xdc\xc0\x07\xfd\xc6\x93\xeb\x1f\xf9\x88C\x0f\x83\x85\xb0y\xccV\xc9\xce\xf1id.\x00\xf4\xda\x9e\x1a\x0c\xc2\xd2\\F/PF*\x03\xc0\x86\xd6\xfb_\xca\xaaR\xf2\xe4\x9f\x7f.\xf5.o\xa4Te\xc9\x06 \x84\xe8\xcbj%\xa4\xfc\xe0\xac\xdbQ&gt;\xaa\xd0\xf43\x8f\xadD\x01\xd0\x11}\x00pD?+\x96\x9cVw\xffS\xa8\xd5D?\xe1\xda\x8f\x17\xf4p\x07I\x99\x92%\x97\xcd\x14]{\xbd\x17\x02\x93\xd2\xea&gt;\xb2\xc2\x80\xb9\x0c\xfe\xf8!\x00vn\x9f]\xb2d\xe2|\xc5\xdc{\x03\xf2,\xa2\x9fl\xa5B\xa8\xba\xf9\x83\x87X\x14\x9fM\x0b\r\xd0\xda\xd8\xdb\x8d\xa9\xc6\x9eI\xfe\xfd\xdf1\xd0\xd8\x83\x12\x004\xc0\x9c\x15\xaa\xf6\x8e\x94\xc2\xbb}\xd6\xb4\xcf\xc4\x14\xce\xfa\xb6\x8d\xf2\x85\x89\x02\x80EE/GF\x82{1\xe6\x83#\x12\xb0\t\t\xce\x8ap\xf4%\x13Ljw\xa4\xd2\xc9f\xc2}\x03!\x9b\xe07\xb2\x06\xa48\x97\xb7:\x97\xb5\x00\xacN1\x91\x1c6\xe3\xe8\xf3t\xe7\x88\xec\x8a\xe8\xcb-\xb5n\x06h\x9f\x07\x88\xa2\xe0I\xfcZ\xd7\xbd\x0e\xc9^\xcaY:\n\x80\x87E\xb2\x96o\xac1\xff\x84y\xa4G \x8fbI\xafJQ\xec \xbf\x16(1\xee\x04V\xd4]\x1c\x12\xacG\x01x^\xd2G8\xf6g\xcb\xbf\xc8\xd7m\xbc\xce\x90d\x8b\rg\xf1\xbd\x99\xfaE\x80\xf0\xe2x\xc6?\xbd\xf4;\xb0Rq\xef\xe5H\'\xc9\x00&lt;#O;\xa3\xfc\xd5\xc0\\K\xdc2\xe7\xf4\x1bm\xe5%\x02\x00#W\xa5\x12\xc7z\xc0C\xf1\x9c\xe3Y\xdb\xe6\xfc\x83\xe8\x96\x9f\x03\x98~/\xeaS\xef6v\x18T\xb3\x89?\x11\x11}a\xb6n\x87\x877\x00,G:3\x9a\xbaX\xae\xd9\xae\x9f8\x11\xe1\x02\x9a \xe9D\xbe\x8c:\x90#\x85\x07k\xf0\xc2l\x03\xael\xdb\x96{\x8b~/W1\xd8\xc1\x88Oj3\x92\xdd1\x1a\xb1\x05\xb3l\xbc\x82n\xc8\x1d\xc8:\xaef\xae%\xd7\x11\xf2N\xe1u\xc9\xed\xe3\xcb\xa8\x07\x00\x11S+|\x18\xde\xe7\x93\xdbXB\x80\xd3s\x9d\xd2\xca\xf5\x84\xff\xae\xf6\xa9i~u\xef\xdc\xd8\xc3\'A+\x98b\xb9^b\x04\x0e\xa6\x933\xea\xda\x9e\xae\xdd\xe5\x8b\x96\xdc8n\xd3\x89\xadB\xf4\x03F\x13\x018#\x81\xbf/\xbaNyxX&lt;\xa7Z\xdb\xba\xd5\x19\xdcs\xad\x1e\xea\x14\xc7$F\x04\x98\x06E\x7fz\xfb9\xa3l\xa8I\xaf\xe2\x92\xef\xa9\x13^I\x8d|\xd5\xa2\xa7\xbe\x1d\x95k\xac\xbe\xb9\xfcp\xc9\xaa\xd5\x98\xb9\xf7\tQ\x1f\xacL06\xf9\x95\xec\x10\x8b\x8c\xe4\xcc{\xab\xb0X\x1f\xed\xc7\xd7\xad\x1c\xe8\xd2=\xde\x8e\xe0\xa1Q\xff\x98\xad\xfe`\x9d\xc1\xa4\'\xb9w\xe0a\t\x9e\xe8Z\xe6\xc0\xd8\xe4\xa7F\x93 \x1f\xac\x90\xde\x94\x1e\xbd\xbaBt\xd7\xdaPi\xb3\xf6\xc8\x7f\x8d.\x00\x18V9\x05\x14p9Y\xb3\xed\x7fh\x0e\xda\xa4S\xe0\xce\xc7L\xb7\xe8\xa2\\c\xb1u\xcc\xfb\xbb\x1e\xfbF\xc1\x02\xee\xa5hBw\x1b\xb5\x03\xac\xee\xe4\xd7\x94cc\x00&lt;8\xda#=\x19!i\xc9ZKjl\xc8\x8a\xed!T\xae=\xd3\xb7\xad\x1a[x\\\xd93\x84K\xce\x02\x8c4\xa9\x92E\xcd\x02\xa0\x86x\xbeu\x9d\x81T1\x91\x9ao\x95,\xe2k\xf6V\r\xb6\'\xe3\x7f\x9d\xabvv\xc5\x94A\x1e\x00F\x06\xb0zi\x7f}\x99A\x05@\x99\xe4&lt;L\xceL\xad\xf3\xcd&gt;yN\x94\x94KmL\x8b\xb5M+\x1bD\x9f*\x18O\xc9\xfff\x9f\xf4\xdaZ\x928\x036i\x05s\xd0\xb2\xe4\xad\x01\xa0\x16J\xc5\x80\xf1y\xa8&lt;Z\x0cS-\x97PQ\xb7\xa5%\x05]\xd6\x92B\xab\x94\xc9\x81T\x8e$\x00\xac\x10\xc5\x018++\xe4\x9e\xb3fp\xcd\x1et\xd0oKy\xa0do\xf2;\xf2\x86\xb7\xcc\xc8}v\xf1\xc8?\xdc?X\x90i\xa7\x80\x0c\xf3\xe0z4h\xdb\xdc@/\x16LY\xff\xc4N\xb0\x16ImF\xd9\x95\xaaJ\xa66\xc7\xee=\xbcm\xdb\xe1\xddw\xa8=\x84\xd2\xb6\xefck\xd8cQ\xe9\xb7\xfa\xed\xb0_\xc7\x9b\xa0\xce^7\xae\x1e\xbf\x06\xe0y\x99\x9d\xc5\x8f\xd1\xc2\xa5{Z\x13\xc2\xed\x8e\xbc.\x7f\x9b\xber\xbb,\xbb\xdf5\xe9\xf6q[pm\x03\xc0Q\xa3D)R{\x00\xc6\xa1\x9dn\xb6\xf9\xd9\xe3\x91Z\xe0\x9d\x93\xbe\xdb,\xd6\xdd\x9ev&gt;\xe4fCf\x99ED\xf4u\xb2\xeaB-\xbcF\xad\xc0\xe6u\xb32\x87T\x01\xa0\x19\x03\x1cU\xf1\x84\x1fW\xf7\xe8\x9d\x85\xb5$6\xdc\x0eS*\xdc\x8dH\xd1nd\x8d\x94\x8c\xe4\xb3G\x94\xd37@F\xbc\x19x\x7f=\xda\x16\xb0:37%\xf7\x91\xba\xec\xde\xe8\xc5\xc2\xc3S\x87ms\xdeE\x00\x1aB\xa9\x8f\x94\xd7\x8c\xb4\xcb"3xl\x86\xa1\x0bv\xe6&lt;\x04\xce=%\x13T\x0c\xabwe\xf3\xbe\x85b\xdb6\xdf\xd6\x07H\'Wh\xc2I\xf7\xaa\xa8\x8f\xe5\xc9\x99@\xf4F\x06Q7\xdb\x0e\xebW\xb8~0\x1f\n\xc9\x96\xf1^\xdf\xaf;v\xee\xb5\xdaBa\n\\\x94/\xe5\xb6T\xc6\\\xfb\xf0x&lt;\xd4\xd0\x9c\xe0\xa6\x98\x19\x1f\x03*\xf5yC\xf7\xaf6\xb3\xe9.&lt;\xa1\xaeB\x1a\x0e\xa1\x82\xc5(\xf8\xfec\x99\xf8\xe2\xed\xc5\'\xf8\xd7%b\x1b\x8e\xfe\x9ca\xb3P\x05\xa4\xa4S\xa8\xf22\xe6\x9a\x07\xab*\xeaFc\x80\x11Xy\xb3\xcacW\xa3b\xd8\xb0\x81\xef\x07\xab`\x1e\x8at$\x16\x98~\xbb\x03\xc9\x00\xd0\\gQ\xe0\xe1\xf9\x9e\xf6\xb9t]W-\x15\x02\x8f\x99\x01w\xf4v57\xa8\xcaW\x9a\xdb\xbeV_\x80\x19Lx\x06\xb0oDjg\xe3\xbe#\xbf\x1d\xbf :\xfd\xd1\xb0\x9e.)\xdcK=\xfe\xd9D\xaf,1\'\xba\xf9\x05\xdb7f\x07=)\'U\xab\xc1\xfe\xb2-\x90H[\xb1\x98\xf7\xd7\xd2~\x03\xff\xe4\x1d\x02\xc0\x81\xcc\n\xc1{\xd7\xff\xd3\xa6\xc2\xb9oJ\xe9e\xfe\xec\x87|\xf7&amp;X+4\x0c\x8e?[z"*\xd74d\xf1V\xb4!m\xf0\xc5\xb0\x8f\x19n\x8f\x01y\xff\xc1\xfd\x83SRX\xe9\xdf\x1er\xf2\xb5l\x9b\x18\xc9b\xad|\x96\xbf\x97\x15\xbc\xf5\xa3ub/VWn\xfb\x94\xe4g\x03\xc0\xf4\x8d\x97J\xf5\xc9\xb3g#\x1b\xa5\xd2\xb5B\x87\x03\xd0\x91\x9c+\xe7\xc7}\xb8\x02\xb0\x9c{IO\xad=\x13\xaf\xcf\x82U\xe5UB\x8f\xcb\xa3\xda\x07\xbf\t\xc9\xb9w\x7f\xa6\x89\x92*\x0c&gt;1(\x1d\x0f\x1e\xf3\xbd\xbe.\x98\xbe\\eNd\x0c\xbc&lt;x\x00\xe2if\x11"K\xc9\xa3\xb0\x91]+\xa8\xc4\xf6 \x97\xaa\x87\xdde\x15n6,\xd0\xebG\xbea\xde\xe8\xbc\x8e\x8f\xfe\xb4sM\xfa\x9f,\xb1\xbfR)\x00\xed\xf1\x93w\xdb0\r*\xaar[?\x17\x9e\xe8\xeesP\x9d\x8b\xcf\xaeW\xea\xac\nD\x91\xb2\xcf\xcb2Gn\xad\x0c\xd3tQ7D_R\t\x16\r\xe01\xa9\x19\xd9\xfcf\xc8=\xa8h&lt;\x05\xb790|\xe3\xb8r\xce\xf3\xe1\xb9(\xbdf=w\xf9\xf7\x8b3\x05\x1av\xe3\xca&gt;\x91\x1f\x96\x87\x8b\xa5\x02\x0e\xeb\x00pjz\x0c\xdf{\x00\x10\x94T\x89\xad0\xaa%\x15\xa1\xf1\xd0\x8a\xa4\xaf\xe7%\xdb\x16\x1f\xe4\x11\xfc\xc9/k\xea9\xb5{\x14\x9a\xfe\xca\xdev\x00\xd0\t"\xfa\x8a\xd6\x02\x0f9&gt;\x93\xb9\xcb|C:M\xae7\xd4\x8a\xdc\x9f\xf9K\x93\x83\xe7\xd5\x8b\xe2\r\x90HI.5\x18\x99\r\x19\x9c#\xfbk\x1dyy\x00\xce\xcd?7\xd5j\xbd\xf07\x1e\x03\x15H\x0e\x03\xc0m\x9eK\r\x13\x15+\xe9U\xe1W\x15.\x892r\xc2EC\xa2L\xb2\xa2I]\x0f\xea\xc7\xc0\xf5\xb8m\x14S\xeb5\x8a\xb2\x10\xa1\xac\xbbLe\x05\x00\xc6\x93L\xae\xfd\xb7\xdcJN$I[\xf3\xb4\xc9\xa3WQ$Y%0\xb99\xa3z\xe0\xf1\x85*\x95E\x93\x9aJSkO.\x04\x1b\xc4\x15,\x14\x008\xc2\x05\x86\xb7N\x95\xefn\x91\x02\xc9\xce\x06\xbf+\xd5\xdc\x9b\x1b\xd8\x8f\xf9\x87\x01 \xe3\x04\x1f\xc0;\xfd\x92\xbe\x8a\xf9F\xf4\xbe\x83\x88\x16`9\xde\xd2T+8\xab\x93\xdc\xe1\x998\xda+\xb7\xd1S\xcdI\x14\x0e.\xb7\xcaC\xcd\xc6\xc7fz-\xb2\xd92\x99&amp;\xc3\x88~\xea*J\xa8\x8e\xa8\xd0]\xf0\xe3\xe0|0\x83V8\xcd\xe8\x05\xb7\x97\xf3\xf7"\x92\xd2\x82\r\x8a\xb4\xd2\x8f/\x9b=\x92[\xd3\x1a\x9cA2x\x88\xca\xa0\xc9l\xf7\x8fqWm\xdd"\xb3\xdcTi\xb7\xddM\xbe\x16\x02\x00x\x1c\x8a\xa3\xf9\xb8\xd5p&lt;\xb8\x92\x9a\xa2\xf1fKj\x83B\xb4m=~\x15!WW\xda/\x92\xc5\xd4\xe3W\x06\x15\xfd\x8e\xfe\xa9\xe3Z\xae\x8a\xe8\xa3E\xc5\xee\xe5\xbf\xbbZ\xe3\xcc\x1eX\xad\xff\x01p\xae\xdb3\xae`?\xa4r\xfd\xbeWM\nYvb\xf9\xbe\xbch$E47\xc6Ef\xcc\xf2J\x9d\xda\x98U\xe7\xe9\xed\xad\xeb#z+\x00\xa0-\xaf++\xa6^\x89G\xd5o/\xc4\x96\xdd\xf5\xbe\x01o\x95V\xa0\xce\x02\xbd\xf0\x05\xd3\xbd\x01\x06\xa9\x0e \xf9\xb5\xb2oe\x97V\xd9\xbdDFT\xdb\x90C\xce\xd1\x97\x1e\xf4.{\xeb\x01\x10Q|\xe4\xe54\x9b\x0f\xd2bu\x13&amp;\xbd\xf5T#\x91\xd5\xd5\xa4L\xa2V\xb5\x04\x1bmu\rK\xea\xf7\'4\x85\'\xb4\xfek"\xa2\x7fQ\xa5t_\x86f"Pq\xd7\xaeF;\x00\xddi\xb5\xfb\xe0\xcd\xcf^\x1es$46\xb9\xeb\xb4)7@T\xd7\xdeIG\xfa\x9fdV\t?X\x1f\x8c\xeb\x8be\xab/?\xec\xc1c"\xc8\xf1\x1d\xd1\x8b\xc4\xd2\x12\x87%\x84!\xa4I\xb8\x11\xee\xad\xd7\xa8\x18\xc9\xf7Y7R.,\xd5\xd2zc\xfc{\'\xb9\x8f\xf1\xae\xa3\xcd\x02\xdb\xbe\xa2\xeaI\xc3Rw\n&lt;\x0b\xa5U\xeaw\x97\xe7\xd8\xdc\xa3\x14\x13ugh\xbe\x8b\xd2\xa9zM\\\x11k\xff\xf9\x0e2\xef\x8f\x8e$\x83S\xd5\xc6da\xf2\x88\xde*g-\x12;\x01X\x94V\x01\xc0\x9fC\xfct2\x1a\xaa\xb4\xa7RE\xa0%\xc8L;)\xbd\xbf\xd6t;\xf7\xae\xb2\xbcD\x82\x99\xfaUN\x8f\x9e\x97\x9c\xd7R\xcb$\xa2Oo-\x14\x80u\xc8\xb9H&amp;\x99\xda\x8b5W\x9d*\xa3\x94\xa94\xacr\x97\xc9\xaf\xbaK\xba\xbb\xb9\x8a\x07\xcb\xcdS\xe6\xb6\x88\xf6\ts\xd7\xad\x99\xca!\xb2\x0ez\xa83@\t\x00-\xa8\xcf\xcb\xe2+\xbc\x8f\xa9\xdf\xf4\x98\xbe\xe2\x8e\x972\xc5\xc8w(\x1c\xfd\xd9\xaaQ\x85\xcd\x8az\x05\x9da\xfa0w\xb1\x98v4\x0f\x00\xaa\x9b5}\xac\x02\xa0@\xbe\xf3\xd0j\\\xab7%\xaa3e^xMD4W7\xab\xf55&amp;\xbd\xe0\xf5\x80\xd6oY(-\xed\x11\xc2\x85\x9d\xbfB\xf6\x00\xc0L\xfe\x8as\xaeb\x95z\x99?\x06\xe7\x1b\xb8\xaa@\xa0\xf7\xe7\x7f\xbe\xbd\xf89\xb9\xc0\x1e\xa8\x84\x17\x93\xd0Bnn\x0f\x1bw\xc9\x8c\tKy\xbd\xb6\xd9\x03\xd7\xab\x89\xf2\xc8\xdf\xc1\xd3p\xf0\xb3\x1dd\xca\xab$=\x13\xd1{%g\xa3yMPC\xbd\x19\x8eum\x86hU,O7\x8d\xc1"\xa0h\xa4\xce\x8e:\x12\x1d\xdbT\xb8*\x00\xd8\x84#\x0c\x80\xd33q\x083\xcb\x85x\xfa\x1aN\n\xb5\n\x00\x0f0\xcb%\x8dX\xad\xa15\xf6P\xe6+"\x9a@\xf4\xf9\xab\xf5\x15\x00\x8f\x80\x97\xb1\x86\xf3\xff\xdbf\xd8\xe3\x96t\x9dc6\xac\x85\n\xc6l\x9e\'\x972E\xb5\xc2{g[\xd2I\x0c\x00\x00\x9c\x9b\xfa\x00\xd0\xd6A\xfa\xdbf\r%\x9bE%\xf7\xf1\x0c^\x95d\x0e=\xfb4\x83\xaf\xf8Y\xd7\xeaI]\xf0\xe3\x008\xb7\xde&amp;@\x12?\x19\x1c\xa9\xce-\xb3\x1d\xd4\xf0x\xa8\xab\xdci\xc9?\xc7nbaN\xac=\\\xc9\xca\xf4\xdc&gt;Zb\x08\x01\xe0\\\xe2\xa4\r\xf7\xacr\x80=*\xc6l&gt;T\xb2\xb8\x89\xad\x02IW\x8f\x19_\xe9\xda\xab\xfb\x89 &gt;\x12\xc8\xcd\xa8\\\x1b\x01\xb0\x1c\xc9}X\xca|A\xca\xe0\x11\x7f\x8a\xf9\x95\xeb\x93N\xfea\xb0\xdf\xe9\xaa\xa9_[\xe8\x88\xcb\xdc&amp;\xf2\xca\xdb\xb4\xd8M\x04\xa0\x1f+\x0cMfK\xa1\xb1"\xbd%\xa36\x9d\xbe\xbf\xad\x1a\xe6\xb4U\xa4z\\\xe4\xae\xfc\xc4I\xb1\x80A\xbe\xef\xf7\xf9\xdc?6\x83\xa9\xb1\xc2\xb4\x02\xa0\x01\x95\t\xbe_\xd70a\x98\xd4\xaf~\x8a5\xdfj8\xd7\xb4\xcf\xc5]I\xad\xb6%s\xd5\rUl\xcd\xf9\x87\xb7u\x98P\xc2\xb9n4\x00\'&amp;\xfb\x88\xa2\xc5&lt;\x1c\xb1\xec\xf06\x18\xf6c&lt;\x16\xef\xd6\xc1\xaa\xdd\x12\xf9S\xd0\xca\xee\xe9\xba4\xa9\xdc\x9f\x91G\xc4L\xea\x90x\xcb\x16e\x01X\x88\x07\x1e\xbec6@\x9aH\xedf\x1b\xe7\xa1\x9a\xab4{C\xfa\x1c\x85\n\x83\x01D\x7f\xa2\xe8\xac\xcdkY\xc4\x00\xb0\x16\xaa\xc1\xd8u\xecJfFC\x03\xf8e\xfec\xcf\xd2\xb4o\xaaq\xca|\xf0\xc8\xbc!q\xa3\n\xed\xb2\x92Z\x99\xb5\xb6U\xd8\x00@{\xfc\xb9\x9aZ\xc0\x96\xab\xdb\x94\n\rk\xaeZ\xa2\xb7\x93\xd8\xe7\x99\xe8\xb6\xfd\r\xbf\xfc:+\x0c\x83\x10~\x1d\xf0\xb4y\x06(\xf2\xc2\x0c\xa5\x9bsn\xdb\xee\xff^ \xe7\xfe\xd9\xf5\xffle\xaf\x8a\x04\xa2\xd7O\xee\x93\xe6\xcbg\xa7\x8aVuZNp\xe0/j\x91h\xc2\xff\xacP\x99\xe8\xc8\xca\x9a\xa8|\xfav#\'\xca\xa5V\x18~\xf9\xcb\xab&amp;\x8fs\x9c\xab=\xaci\xd1\x98\xe9\xabk\xb7\xb4\x18\xba\x00t\x84\x99\xf0\xf5s\xc8\x97\x1ch\xf1\x97#\xd7m\x99|\xdd&amp;\x90\xd8\xbb\xc5ev#\xb5\x15OG\xb2\x87\x8c\x99\xfe\xed\xdf=\x12\xf4\xc6f\xa7\xbb\x18\xf9\xd9fu\x1f\xab\xae\t\xc0\x9a\xd8\xfc\x17\x93\xbf{^&gt;q:\x82\x97Y3\x9fk\x885\x92,K-\x1aK\x9f\xb1t\xfa\x9f$\x88\xe2\x89\x02\xfd3n\xa1\xfcl*S:ye\x1bg\xf4d;~\xe0\xc118\\\xbeJ\xe0;\xd4\x13\xcczb\xd2\\\x0b\x04\x94C\xfb\x10\x1b$w\xf3E%cr2$\xc3\x9e\xeb\x07\x84\x01\xf0x\xf8\xc9\xbbs\x87|\xdc\x1f\xedL\xcee\xce\xdfS\xa2\xfe\xae\xa8d\xc6\xa4vf\x84b+e*T\xb7\x97)\xd2[|\xb7\xa1i\xc9uF\xee\xd4V\xf3[L\x9fPQW&lt;\xda\xdf\xcb\xae\x04\x80&gt;\xf0K\xe3\xfdE\xce\xd1\xe7*\xb6\n\x00r(\xff\xc5DZ3\x98v\xd9\xed\xcb\x08d\xfb\x7f\xf4s\x85)\x99\xac\x7f\xd7\xc2{\xf7_O\xb0\x98\x13\x8e\xf6\xc1\xb7\x12,\xcb\x94S@i\xf8&lt;\xae|\x02\xc7?P\xb4G\x8b\x94\x84!C\xff\x17\x03c\xaeSNs\x18\xe3\xfdxS[\x9f\xeb`N\xd1\xec\xda\x9a\x9c\x83\xe2\xb9\x0f\x83\x9eN\xca2\xcc^\'\x15\x15\xf4\x16~rf\xd1\xd3\xc4)o\x1ew\xb1\xa9bnR\x88\x05 \x8d6O\xef\xed\xc7\xab\x9f\xdf\xa6\xf6j4f7O\xd3\x8a\xd2x\x85\x9d\xd2F~\xe9f\xae.\xd5\x9e\x7f!4)&lt;3&amp;W\xed\xc9"\xef[\xa0\xdb\x82\\\x1f,M0\xec\x89~~\x85\x01\xdb\xc4\x82\xfa\x19-\xf4\x80\x03V\xf4\x17\xf9\xff\xaa\x87\xe4\xa9\xcf\xc9\x83\xc5b\xd1\xfbw]\x94`g\x06&lt;\x17\xc9-K\xdb\x1c\x10\xd6\xe2\xe7X\xab\x19\xd8j\x12\xd3[\n\xca\x9c\xdfq\x8cI\xf6+e\x12\xbdD\x1e\x8f\r\x8a\xb2G\x83\xda&gt;\xdf\xc6\xb140\x9d\xc0\xdd/2\x1e\xfb\xb9\xd1\x01\xe9ye\xd4\x9c{\x0b\x92y@\xaaX\x07\xbd\xf2\xc2\x02\x03.-(\xee\x14\xfda\xb1Rg\xbd\xb9\xf4\xf2k]mE\x00\xfa\xb2l\xba\xaa\xb5K\xb5\xdb\xab7\xa7\r\x86\xde&amp;\x9a\x16\x0fJ\x01`\x82]\xf7\x18\x99?\x00\x1a&amp;4\xfc*sHCr*\x96\x9d}\x008w\x92\x9cE\x96\xb0\xee\x85{=\xdf\xbb\xca\xcf_\xa4\xaa\xc5\xc1A\xf8\xf4\xdb\x12\xb4\x82\xbc\xb3U\xf4\xa1}\xf5\xe6\x16(t7#&lt;\xa6|\x8aa\x0c\xc0r\xac0s\x82\t\x9cL\xfd\xb2N!\xb3\xfcW9\x05\xca\xbc6Co!.)\xb8\xe2\x1a&gt;,\xa9;\x13Ez\x87k\xd9N\xc9\xdcn\xff\xcf\xfdUzH\xb46I\x02\x11\x11\xfd\xcc\x00E\x004\xa3~\x8c6\x1f\xe5\xd7,/\xba\xb8O\xf5`\xf2\'\r\xe0\x9d\x14S\xa5A\x87\xc4!\xedU\xd5\xa7\'\xc7&amp;\xb9\xbe\xfb\xbd(\x1ei@\x1c\x00\xe2\xc0\xc3\x1b\xf3\x9e\x19\xb1:3\x9c#\xfa\x9e\xe0J\xd1l\xb6\xc07\xab\x0c\x00\x8f\xc7*_\x12{\x19\xa95\x9f3"\xa2m\xdb\x029\xa4\xf9\x0e\xe7d\xe1}\n\x85_\xda\xec\xae\xdb"\xe9/sn\xf1\x89)\xa6O*\xbb+\xd7\xa8b\xad\xe0\xc3t\xc5\xea\xda\xfeg\xacb|Y\xef\x8f\xa7%\r\x93\xf7!Y\xa7\x19\x11\xd54.7D\x01x(\x8e\xab\xf2}[\xf6\xe5\xc9\x0c\xa8m\xdex\xd3\xf5\xd9\xfe\x95\xe4&amp;@\xb2\xae\xdc\x96 \xd9\xac_\x1cH,\x1c\x89\xadQ\xe2\x9fE0\xb6\xeeC\x8f\x0f\x1bZ\x89\x15\x12?.\xd6*\x9c~[\x01\x08\x193(\xf7\t\xbb?\x0e\xf5\xae\xe7\xb6q\xcd\x8a\x12\xde9.\x90\x8eF2\xc7\xe7\x17\x92;\xcak\xb9\xdf\xcf\x96I9\x1a\xa1dU\x15\xa1\xc05=\x16\xbd\x94\x1b9\xbd\x94F*\x0c]\xd4\xdfL\x004\xdc\xdc\xd7\xff\x91\x96o\xa3\xee\xbeu\x1b\xbe\xdbB\xfe\xedu\xea\x89q^\x8b\xc4\xf7{GM\xda\xcfe\xb3HIE"\xe9y\xf7\x86\xcd\xea\xed\x97\xfd\x81T\x88\xd9M5\xf2W\xf8\xea{\xde\xd0\xc8"\x00*(;\x0e\xf6O\xb9\x1c\xb1=_\xd0\xcfkH\xbc6S\xa4\xf8l\xb9\x89y\xb7\xd7\x8a5\x90\xc4$\xe9\x1ae\x88oJ\xaa\xa8\xd1\xdai\xc4\x10}\xd4\x1e\xef\x9d\xa0\x9f\xb5V\xf8\xc2\x01\x98@\xbd\xd7\xd0\x96,\xca\xe9\x94\xcd\t\xbd\xf6-\x9dLK\xb8\xc9\xd1\xe6}iQ\t\xbd/\x0b\x145\x0b5I9\xaf\x8c\xccc\xd4M\\\x19Lq\x91q\xf7\x97\x03\x00/\x10\xbe\x1e\x9c\x11/-Md\x88\xfe\xbbF\xf9\x9e\xa8\xe4\x12\x9b\xcf\xb9\x84\xf9\xaf\xd0&lt;z\xc9\xc1\xb0C\xdb\x8f\x1b\x0e5\x939\x9d\x02W\xf7dB\xa6\'0\xbcq\xaf\xc8\xefk\xb3\x0f\xa5\xa5=\x99/e\xeb=I\x02\xde&lt;J\xddoJ\xdd}o\x1a\xcd\x01\x98A\xef\xe1k\x9b$\xc2\x00`\xb2\'\xe7\xa9k}M\x97\xfd\x8a&amp;B\x04\xbe\xbe~\x18\x10\xfd\x02\xb1\x11B$$uE\x11\xe9\xcbOM\x0e\xb9\x850\xd5\x00\xe0\xb9\xa8\xf7\x86\x9e\xa8\x84\x9c\xfd\x92d\xc6j%\xfb\xf2\x93r\xfc\x04Pb\xc3DJ\xcd\x17&gt;+\xa6\xa0\xf9\x97\xbf\x8e\x17-6\xf8\xf2m\xe9?o\xeaA~j\xe9f25,\x8f\x00\x00@\x02\xf3\xa4(l\x9b6\xca\xb9T\x12\xf8h\xd1\\][\xf80p{\xf1\xc9L\xad\xc0u6o8\x7fO\xe5\xd7\x93\xf1;\x0e\x00N\xb0\xf9\x1e\x84\xf9\x9cR{\xf4z\x9fR\x01D\x15\xf0\x9chsRI\x15\x89\x10\xaep\xca\xddkC\x88\xa4\xd8o\x93\x89\xba\xe5\xef\xbf\x12\x99$\xb7(!3\xf7g\xa4\x9ar[aL\xdd\xde\x04\xcf\x8d\x8awJnc,\xf9\x95\x15\xfb?p\xec\xe0\xb9\xb0\xed\x08\xd9|\xba\xaap\xd7\xa9H\xce\xfd\xd6\xe3\x9fU\xd2\x88\x88h\xcb\xa4\x9cM\x9eB3\xaa\x9ds\xf4nw3\xdc\xb1\xf7Z)m(G\xd8\x15\xc9\x12\x89\x07\t{K\x7f\'\'Gb\xfe\xac\xe8\x08\xc0Ll\xa3^\x91\xa1\xcbf\xbb$\xc95\x90\x14\x95\xcc\xa9k\x94\xd2\x11\xde\x80\xb9^F\xdb\xcckP\xc9\\\xe7k\xc5\x7f\xf2\xbaK2\x13\xe5\x99*{8dd\x16\xa5\xedw\x14\xb1\x01,\x8dvx\x06y\xa2\xd9\xfd\x99\xb39\xa6p\xbd/\x0e\xfe\x0c\x1e\x0f\x06\xb2\x03\x1fg\x9e\xe8\x12\xb3s^\xc6\xaaS\x84\xafR\xab+W\x9e\xf7\xbc\x81\xdf\xbc\x8f\xb4}\xd1\xf9\xf7\xd4\x1aU\xf8c\xbbR\x8eo|\x13\x99\x00T\x91\x1c~\xc9AI\x91w+Vq\xce\xd1\xfb\xca-)\xbb\xbc\xbf\xa8\xdd\xd3\xb7n\xe5\xbb\xd4\xf3\xc3blk\xe5)|\x1b\xb8ws\xdb\xf7\x9a\xa5\x921\x8b7l\xdcY\xb7\xfb\xe20|\x7f\xfd\xae\xf3\x1eE\xd4d:\xf0\xfb`e\xf8,/\x1e\xf4M\xa6`ZQ\x87\x0c\x97\xe8S\x88\xbe\xcc`\x92-\xf0\xb8\xea\x07\x03*\x8d\xbb\x83\x16ZK\x1eN\xdc\xc6=\x15P&lt;b\xadr\x98\x9e\x9c\x8c1\xcd\x15I\xedi\xbdl\x05`\x10\xd9\xb4=\xe3\xbfr\xe3\x98\xe8\xebzL\xb8\\\xea\xe7\xfb\x1d[*Z\xac[\x14\xcb\xbf\xdf\xaa/\xac)\xf3\xf5\xbbE\xd3\x05Z(\n\xc2\x06#\xc1/P\xe9\x9a\x19\x15\x87q\xf2\x85K\xe7\xd7\xe6%\x14\x00# \xfa\xf9x\x92\xf2y\xa56\x7f,\x19P\xde\xc4\xa8Q\xe4\xb7%pa\xaa\xacYh^\xd1E\xc6\x92w\xe9\x97\xff\xd1\x17\xfb\x05$\x06\xde\xd55t3|\xabs\xd1Z.\x81\xa9\xc8W\xd7\x8a\xbd\x06HSp5\xbf\xab-\x06@_\xf2\xe9\xbc}\xa3v\xc0\xe0.F\x9a\xc3TO\x16\xb8\x15\x13zd\xd5uN\xafXc\xdc\x99\xb7VO\xdb\xf2\x0e\x88\xa3Kl\x98\xd6\xcc\xf8\xceF\x02\xd3c,\x11\xc8\xa3[\x10\x87a\xe38\xe7\xdf-\xc9\xfc\xd2\xdd\xda\xa0\xf7\xb4\xa6\x00\xd0\t[\n\xc6Wl\x08\x1fi\x8a\x16\x8c\x99i*7-\xe9\xf0\x83w\x13f\x9a\xb9\x85\x08_E`-\x11\xd1\'\xf6\nEL\xfc\x0e\x1d}fa\xda6\x1d9J.\x94,j\xa4#I-\x00\x8c&amp;\x9ci\xd5#\xd2\\]1\x85\xbe7}\x9d\xab\xfb\x1e6\xa3.\xf2\xe5%\xc5&gt;:\xcep\xcb\x92\xa5f\xb8(\x00d\xa3\xa6r\x93\xaa(\xb0\x13a\x00`\xf3\x80&amp;1 \xd6X,_\xa3\x0e\x80q\xf03$X\xddW)b\xffTK\xcb\x18\xdd6\xef\xabAhC`p.7t\xce\xfdS\xaf\x8a\xce\x92\xa3:\x97\n\t~\xb0ork\xead\xf8\xa2~*)?\x08\x00\xbcF\x839\xc1\xed0\xd4\x05\xe0\xa1\xa8\x19\xd5\xe6\xc5\x04S+\xb7\xc3\xee2&gt;H\xe0&amp;\x12\x05\xde"#\x9f\x91\xe3R\x8e\x83\xbc\x17\xd7M\xfc{a\xff\xdfl\x04\xa0\xe3- \xa2?\xc8\x1b\x914,omPFu\xb7\xccN\xdf\x8f|\xaa*~\xb8j\x18r|-\x81\x85z\tM\r\x02\xe0\xd9\xb0\xe5_6-\xae4\xd5so\xbc\xcdQ\x88/6P\xb1\x97R\xdcd\xf0\x00\x00 \x00IDAT "\xda\xd2\x96\xec\xba\x92\x02\xefv\x1e\xc5r\xcd+!\xd9\xf1\x97\x8a""\xbd\xe33\xe4\xd7\xaah\xa1\xb3&amp;\'\xa7\xb5@\x00N\x89v\x02\xbcm\x9d\xae\x91\xf3M\xa2iwp7\x17\xac\xd8:\xbf\xfaG\x99\xc6\xc2b%\xb3\xd95&amp;d\xee\xba\xe2+\x06\xd5\xb7\xa8\xf6\x9b\xd3\xef\xca$\xe4\xf4\xf6[\x19\xb4\x10\xf5\x9d\xadD\x01`D8\xa0\xc9\xb9\x1f\xb9\x95O\xae\x8e\xc7\xfa\xea\x9bUJ\xad\xf4\x92t{\xfd\xed\x17\xad\xf6N\xcd\x96\x88\r\xd4\xe76C\x1a\xe6\xf8YKn\xf68S7\xee/l\x9d\xc9\x07\x80\xb67\x08+\x00\xf0\xc8\x0c\xcb\xa4$\x960J\x19\xd7\xcb\xa7\xd5A\xa5_;&gt;\x9f\xd0z\x8b\x91\x19\xb7\x90\xd8\x0b\xdb\xb2r\xa2_\xb6(5m\xe9xJ\x8d=I\x94\xfer\x88\x9cL\xb5\x91\xde\x8b\xbc\xcc\xaa\xe7\xf3\x00,J\x8d+Q\xc9WTid\xcc\x87\xdc\x0c\xd8]\x98\xce\x8cy\xde\xff\x8d\xa3+6O\x9a+g^\x0fU8\xf1C]m+\xb2~\xf9\xa0\xc2f\x9a{\xad\x83\x90{3y\x0b\x97\xca\x0c\x00P\xa0\x98{\xd5\x19V\xa5\xae\xa0\x80?9\x07\xcc\xc0\xe6*\x84\x02\x1b\xa6\xb7.\xe3%\xadK\x87\x84UI\x8f\x19\x94\x0bj\x99"\x10\x97\x19\xa8\x1e\xd8\x84u\xbd\xc7?\xb1^\x95(\x00\x96#1c\xc5Y\xf6aJg\xcb0\xd3\xf2\xbd\xfb-,\x06L\xcd\x89\x01@+6Wc\xbf;\xf5m!\xfa\xd7\xf9\x1b\xad\x96nX\x82\xb8|\xe4\xa8i\x1c\x13\x8d\xe2\xb7\xb2%\x11-\xc0\xfa\x04\x13\xa9\xb0\xc8M\xcd+\xa2\x8f\xca\xc9\xf4\xaf\xf8o\x99\'\x86(D\xd9D\xeb\x155\xa9(\xec\x8d\\!\xa62\xeb\xc5\xae\x05\xcaz\xdb9\xb8\xc2\xd0J%%\xc5\xf2\x95\xc3\x89\x11\x1e\xac]$U\x84\x17\x01X\x05f\x80\xe6\x96\xf6\xd9\xc22uT\xd2\xcbVOT|\xb9\xf74\xb2\xe1|\xe3\x85\x19\xbc|x\xe55v-R\xb3\xc5\xa1\xc2hU\xee\x8eG\xc5n\xd7Kft\r\xf6\xbb\xe8.\x11\xe0\xa8Eb\x15|=8\r\xc5\xc1\xdad\x94\x9b\xf3&amp;\x03|\x00\xd0\x9a\xddv*\xf3\x86uJ`\xb5\x85I\xf6\x9d\xa3t/_(,,\xc6K\xe0\x13\x14\xe7u`?\xefK\x14&lt;2an\xe5;w\xb3\x02\x80vH\xa6\x96\xe4zM:/\x87\x88\xe8k\xbbj\xc8\xebU\xeeZ\xb4R1&gt;\x9d$\x8f\xf8\xba\x8b\x1cn\xb2\x8cw\xa56\x00\x08\x1d\xfb\xdf\xd9\x0b\x1bt\x00\xf0\xb4x\x13\xfb\xd3\x07x\xf0\xbe\xf2G)jK\xff\xe4\xd5\xce\xc1\xdd\xdf\xae\xe4\x0c\xce=\x9cHK\x16/\r\x99\xe8H\xa9\xc2E\x99\x00\x80\xaao\xcf\x17N\xdd\xe4\x95~StMOZ\xd8"\xbf\xfc\xeb=\x1b\xefmO\xda\x0c\xd9&gt;{\xb9\x8c\xc6|\xbft\xda\xc5\xe7\x97\x1ay\x03Ft I\xa6\x8f\xf2\xe91xZ^\x98\xa2ucO\\P\xfa\x8b\xcb\x9cs\x8e&gt;\xfaR\xe0\xdb\x12oy\x02\xb7-- w\xbd\x9em\xdb\x9c\xfbp\'\x98o#\'$\xd3\xda\xbd\x93\xfd&gt;al\x13\xba\xc2Nd\xc7\x03\x91sn\xdb\xb6m\xdb\x04\x8e\xd1\x13\xb8m\x8eoB\xe6\xad\xf4\x10\xda6\xf7\x85\x1b\xdb\xdf"$\xce}W\xc3\x19\xef\x19\xc9\x8cyD\x06\xb0\x166\x17c\xf6DM\\X2\x83\x16-S\xbc\xc2\xbd\xf3\xc7)S\xfd\xd2\xa4\xbdm\x97\xff%\x8fQ9\xeb\xbd`\xfaM\xaeE\x15\xf6\\644@(\x98\xe9\xc6[\x81\xbe\x13\x07\x80\x96$\x97\xdbB\x9f\xe8\x17\x1b?\xa0\xe5F\x16\x85\x18\x82_\\\xe4\xbeW~\x88Ljg\xd1\xb0\'\x83\x86\x8d\xdc-9\x98q\xd3.-\xef\xd1\xcf\xaaN\\l&gt;\x9f\xdd`8s\xb6\x80\x026\xe7n\xeb\xf8p\xb9Zt\x9d\xee\xb8\x9c\xbf\xfa&gt;\xab%\x81\xab*\x16K\xda,\x11~\xe4\xbf\x07B\xaem\xf9M\x85\xe6\xc7\x9a\xb7[T\xd8\x0ek\xff\x9ek\x8b|\xfc\xb8\xef\xcf(\xab\xf7 \xde\xef\x12\xd6\xeb\xb7mX\t\xd3uW\x9b5k#\x00V\xc4\x90\x82\xd5dm\xfc6\x8eVr\x98\xd4\xcb\x8a\xf5\x80\xd9\'\xb99k\xa3=\x99M\x12\xae\xa7&lt;\xa5+f\xd9\xd2\xfd\x93\x0f\xebmHJ\xa9\xfa\xd6\xfc\xef~\xc6\x00P\x85m\xe6\xf3\xbe,\xe7PH0y\x82\x8a\xc3\x1c\x93\xd4\xe3\x1cl\xf3\xaf\xbf)_\x8bo\xbb\xb7S$\xda2\n\xab\xe7\x946\xda\x97\x93W\x96\xdc\xe2tE\xef&gt;\xc77}p\x88"\xe7\xe8\xc5I3\xae\xc6\xa8D\x01\xb0"~\x02()\xac\x9d~og\xb4K\xf1\x14\x9a2\xaf%um%s\xab\x13\xbez\xb1\xf3*\x1d\x9c0\xac2*\x8a\xda\xc9+#1\xb5j\x0f0\x95\x04\x08\xbb\x87\xe8sr2ez-J\r\x8c\x8bf\x00\xe4\x90\x8f\xf0\x01\xe9\xd7\xee\\\xbc+7\xd5\xc5\xba^\x15E\xba*\xf3\xe0\xbe\xe3\xcbU\xaf$w#\x92*\x8a\xc1\x86SQq\xfeG\x1e\x00\xea}\xa7\xaa\xee^8\xbe\xfb\xf4R\xa91|\x8cl&gt;\xf6\xfb\x86\x17\x00\x1a\x12\x8c\xd2\xde\xa3\xf6\xe6e~\xa9\xa8.~\x8b\x0e\xee@\x9a\xd4k]*S\xc5wF\xce9\xfa:\xa9\xdeV\xbd*\xf1t\xf5*\n=V\xb1ww\xab\xfb\x15\x123r\x17w\xe5r?\xcb\xb9\xff\xfd\xdd\x7fp\x7f]\xb4\x84\xb1\x19\xae\x1f\xac\x8bvhv\x1a\xca|F6\x1d\xc5\x9c\xcfK\x18\xdc\xb4&amp;\xea\xe2{\x92lG\xef\xd6\xed1\x86\xfeM\x9d\x1c/]\xe0S\r\x7f4V\xb6.\x8c\x1ffA\x00\xb4\xc5\x90\x93\xf6\x1e\xbe9+\xfa\xfa\x97r\x1e]+\xa1\x07\xfeV\xd8\xe1\xfa\xcdw5\xf1\xcbL\xea\xbd\xdb\xe0+\xca)\xf5\xac5\xae\x15\x1aR\x08\x00\x8d6m\xe8\xb3\x1c\xfd\x07\x85^\x00&amp;\xd3\xe4Q^y\x13_\x93P\xf7\x9b3\xad\xc4VJ\xb9\xa6\x99MLq\x8e\xde{\xf4r\xea\xa2\xe6\x18\x00\xeeoU\x89\x9d\xea+k\xbd\x7fr;\xf1\x97\xe6\xe4\n\x00X \xa27\x17\x97\xbc\xbd(\x14\x0b\x9eL\xf2\xf3\xa1\xab\x1bK\xccO\xd3\x86\xd8\xf4\tM\xf4\x0e\xc7?g\xbaN\x83\xf6q\xc1\xaa\x1d\x85qk\xad\x08\xc0\xf9\xa0\xfd)h\xe9q\x99j\xaaW\xa6\xff5&gt;eW\xcbm\x14T\x7f\xfd}\'v{\x96\xb2\xca\'\xf5\x14!Y\xac\xb1\xfd\xe1\xa9!\xd3\xe9#\x00jX\xe2\xab .\x18wc\xa3Z\x97O\xc1\xbb\xfd+"\x9csL\x12\xb4m\xe9\'\x89)M\x8e\xffnEV\xc8\xeb\xc9\x15E\xec\xdf7\x91\xfc\xaa\x0c\xba\x1a\xe6\xdc\xb5\x99#\xbe\xbd@\xdb\x8c\x011\xe0\x16#EZ\xf6\xa7\x05\xde_w.\xf7\xcaE\xd14}J\xc7b\xacs\xf1w\x87n[\xb0\x18\xe5c\xb96\xd2\x93\xb8s\x00\x18\xca&gt;4\xd5c\x9a\x88^\x9a\xb8\xfe\x8d\n\xbd\xa1R\x83\x97\xf6\xe50M\xb8\\m\xe8\x9bU\xdd\xc5\xbb\x92F\x169\xe7\xdc+"\xe1\xc5\x9e1\xb0\x8b\n\x84\n\x15\t{\xc3\x17\x95\xdcF\x17\x99*\xbe\x18\x98Q\n\x00\x85G\xe2\x19\x81%\xc5\x00\xccB;&lt;[\x1d\x90\xe0M\xba\x1f\xebfwr\xda\xe6k\xcd\x19\xa6?\xde\xd9h{\x8f\x02iDD\xbf!&lt;RY\xa3\x89\xae\xb9\xbf\x8b\r/{\xed\xff\xa4\xd3\xc2\x170\xc6\x9bRl\xf3\xb7\x13\x11\x10\xc0h\xe8\x1d[\x0bLM\x15~\\\xab\x12g\x7f\xbb\xa0r\x11\xcd|\x83\x98$~HT\xef\x81J%\xbf\x1f\x06\xbdt&lt;3\x1aH`\xba\xa2&gt;\xd8P\nI\x95\xeb\xeb\xd4\xbb\xfb\xeb\xe4w6\x11\xbd\xfc&amp;$z\xeb\xc39\xa5\x86\xb7\\\x943!\x00\x80\xd1\xbc&lt;\xf5x\xd60\x10\xfd\t\xdai\x1c\'=A\xda\xf5D)\xd5\xa5Bx1\xa7\x88\xb5Ae\xf0M\xf5\x1b\xc5\r\x89e\x86\xd9\xba\\SF{\xce/\xa7\xcbG\xef\x06\x9bi\xbeXI?\x10\x11\xd1W\xd6\x04\x80\x9c\xb5\xbc\xc3\xcd60\xb3\x9b\x14\\\xf4\xb3\x8a\xf4~\x11\xfd"\x1c5x\x1c\x12s\xde\xe4\xc4\xaf\x15\xffe\xd5\x8f\x0c\x97UTx\x94\x9c/\xcb\xfb\x82(4\x1e\x8d\xf7Ee4:"\xfa_)\xe1\xb1\xa2@F\x8d\xdf\xbcI\xd6\x95\xf7\xffMz\xff:{n/\xfa\xa5\x08\xa1Fu\x9c\x88\xeex\xb2n9IB\x80\x00g\x82"\x8a\xe5]b\xb6\x10\x11\xfdQ\x8d\xaeX\x88+%\xe0\x12\x0bI\xfcMp\x95\xceH\xe2\x1a\x13\x9b\t2\x97\xfa\xcea\xad?\x92\x13\xd8\x84T\x14l\xf9-\xfb\x97F\x93\xac\xd3\xfaq\x1du\xf5\xf7\xbdT\xfd\x8d\xf2K=\x00\x1e\ry\xaaX\x9c\x15\x02\xff~\xc9O\xb9\xfd\x81\\t\xd1R\xb4\xe4`U\xaa\xb4\xca\x86r\xc3\xf3\xfdL\xf4\xe9rE*\xbd\x95\xc4\xbd\xa4\xad\x95)Pk\x8c\x99]\x04?\xe8\xe5\x8d\x05\xe0\xe9\xd8\xe7\x06\x91\xb7?\xa0\x89"\x19?x\x17^3\x03\xe5!\xad!\x02\xafW\xd8\xd6\xf0z\xb5A\xf0K\x84g\x93\x9c\xcb\xbf\xff\xb6{\xa4\xd1\x96\xb7\x8f\r\xffE\xbc\x9e\xe8\xb7\xcd\x05\xc0 \xea\xa7\x87\x93\xcd\x84`W\x9d\x88\x88&gt;W\xa8(\'&lt;\x97,3It\xc2\x8cW\xbb|q;\re\xf5\xf32\r\x9b\xbd\x87\xe4\xe2`\xb0\xa9\xf3\xdd1\xd1g\x1a$\xc4\x02\x831\xcc\x17\x00\xe0\x19\xf1\x17\xc2\xce{\xadO\xc4\n\'\xf6\x18\x03\xd2\x8b\x00A\x00H\xd8\x10\xef\xe7\x10\x170l\xb4\x8f\'MI\x05c\xfbf\x9a\xb0\xf3w\xd57]z\x99\xfb\xeb\x92=q\xf5d\x99\x1e\x81\xaa\xc8\xa2c\x02\x80$I\xd7`\xf0n\x19\x8f&lt;n:\xdcR\xd4\xd0$\xb3\xf7\x0f*\xdc\xddS\x0b\xd7_/$\'\x81&gt;\xe8\xf6n\x8d\xf4\x8b\xa8\xab"}E\x8d\xf3\xf5\xcbf\x1b\x15.\x11\n[d\x92\xee\xfd\xca\xbcI*\x96\xcd\x03\x00\xb8\x12\xbb\xc5\xfdup\x9dL_ \xe12\xd3@%\xa4X\xd4\xb4smw\xb5Ah\xdc\xff$z\xab\\c\x89\xe8\xfb3\xd7\xf5\xfd)\xb50\xf7\xa7]u\xe6uo\xf6\xe1w\xb8\xc2\xee\xf8U\xa9k\xb4\x0b\x84\x00\x00\x96f\x1f\xe5w_\xb6_\xff\xc8\xc3\xbb\xc1\x8b@B\xe2)\x19;-\x9bOZo\xb7JPxo\xcbk\xb5\xd2\x7f\x15KD\x94\xf9\xfa\xa1\\{\r\x9d@\xe2\x0ed\xa2Q\xe1\xee\xa4T\x88*^\xf82Q+\xe4\xc4\n=#\x1b\xf8\xd9\xb4|{\xe2_i\x0e\x00C\xf0G9\xdd\x0e&lt;p\xe53\x12\x92\x9e\x82\xd7+\xb1J5\x03\x89\xfeg\xf1!\xe4\xb5\xa4\\h#\xe8\xbb2\xd7\xab\xbcL\x88\xf7\xd6\xbd\x8cX\xceG\xfaW\\&amp;\x00\x08D5\xca\x9d\xdf\xa5R\x80R]\xf5&gt;\xe7\xbdn\x0b{\x00X\x11\xe1\xc40L\x9e{\x1c\xfaI\x17x\x9ezo\xb2\xcbi%J\xa7\xd7\xfb\xb7\xbd\xf0:\x87{\xabn\xab{\xa8\x18$\x136\xa1\xf7\xd8o\xb1h\t\xa6\x8c1\x00\n\xc4sR;P\xe3\x94\xb0\x15\xc1s&lt;I\xe1\xdd\x8e\xc0*\xff\xcf\xf8\xa2\xd1+\x15\x0b\x98$7\xd9\xbb\x18Fl\xaa\xdf\xa3\xe4\x12\xe7\x8b\x8a\x12\x92\x05\xfc\xf5\x87\xca\xa4\xdb\xa3~\xfb\xd2\xd3\xc0\x89\xee xj\x9a\xb8\xef\x9a\xd4\x9e/\xa3\x92\xdc/\x14e\xd4\x1dT\x1bL\xca=T\xec\x12M\xbb\x05\xe9\xaa\xea%\xab.]\xf4q^\xf9b\xf5\x9af\xca\x13\x0e\x00\x1e\x04aV\xf5\xbb\x1a\x89\xf2\x0b\xf3W\xe8o\x86N\xd6K\x03\x83\x8a/\x8d\x8b\x9d\x82\xd8\xda\xc4\x95v\tl\xf3\xbe\xa9\x91V\xf6\xfe\xec#\x1f[\xbcO&lt;\xaf\xaaX^$MbT\x9fhd\x02p\xa5\x98\xc6\xaa\xae\xef\xef\xe6|\x9fm=\xe1\xe7nQx\x98\x16\x12\xe4\xa7\x8f\x92W\xe8;Du\x85m\xf3\xbb7\xea\xf9\xfd\xc5K\x9c\xa6\xc7\xbcn\xff&amp;\x99\x15\n\xf6\xd6\xe5\xec\xb9\\V\xdd\xdc\x9c\x1cO\xa0q\x11\xc0\xd8\xe9)rgJO\xc0\xa3"Lv\xb8t&amp;\xe3\xack\xbc\xad*\x93\x15\xd6\x95L\xcbV\xc4\xbe5\xedm\xc5;`\xcd\xcd\x13\x86XC\x00\xb0\xd8\xa3^\xbb4X\n\xd8\x0c\x16\xf6\x98\xd0\x0c\x84\x000\x19\xc9`\xf5\xb3E\xf9\xb0\xce\t\xee:\xe8\x8b\xde\xa1\x9f\xea\xa4\xc6\xfb\xebW\x1bw\xc9\x1b\xfahU-\xad\xff\xaa\n\x00\xed\xee\x8b\xa17\x8a\xf9\x8dc-$\xf6O\xbe&lt;\x02\x00\x98\x8fj\x10\x1a\x9c\x8d\x1f?\\\xe85\xf2\x1bG\xd1\xa6PR\x82\x8d\xd5\xa6]2\x05\xbet\x9b$6\xf7\xf0#\xc2\x00\xe0m\x19\x1dR\x84\xf1\xe1\xd6Y\x17yw\x83\xdf\xaeP&amp;\xf3\x96J\x9bH&amp;\x00\xa7\x84\xdb\xa5\xf5\n\xdc/\xe6gk\xe0\xeb\xa3?_\xa6\xb6\xed\xe8+\xe9xe\x8a\xc3</t>
        </is>
      </c>
      <c r="E499" t="inlineStr">
        <is>
          <t>&lt;class 'numpy.ndarray'&gt;</t>
        </is>
      </c>
    </row>
    <row r="500">
      <c r="A500" s="1" t="n">
        <v>498</v>
      </c>
      <c r="B500" t="inlineStr">
        <is>
          <t>steps_per_sec</t>
        </is>
      </c>
      <c r="C500" t="n">
        <v>7200</v>
      </c>
      <c r="D500" t="inlineStr">
        <is>
          <t>10.133442</t>
        </is>
      </c>
      <c r="E500" t="inlineStr">
        <is>
          <t>&lt;class 'numpy.ndarray'&gt;</t>
        </is>
      </c>
    </row>
    <row r="501">
      <c r="A501" s="1" t="n">
        <v>499</v>
      </c>
      <c r="B501" t="inlineStr">
        <is>
          <t>Loss/object_center</t>
        </is>
      </c>
      <c r="C501" t="n">
        <v>7200</v>
      </c>
      <c r="D501" t="inlineStr">
        <is>
          <t>1.2156047</t>
        </is>
      </c>
      <c r="E501" t="inlineStr">
        <is>
          <t>&lt;class 'numpy.ndarray'&gt;</t>
        </is>
      </c>
    </row>
    <row r="502">
      <c r="A502" s="1" t="n">
        <v>500</v>
      </c>
      <c r="B502" t="inlineStr">
        <is>
          <t>Loss/box/scale</t>
        </is>
      </c>
      <c r="C502" t="n">
        <v>7200</v>
      </c>
      <c r="D502" t="inlineStr">
        <is>
          <t>0.21415825</t>
        </is>
      </c>
      <c r="E502" t="inlineStr">
        <is>
          <t>&lt;class 'numpy.ndarray'&gt;</t>
        </is>
      </c>
    </row>
    <row r="503">
      <c r="A503" s="1" t="n">
        <v>501</v>
      </c>
      <c r="B503" t="inlineStr">
        <is>
          <t>Loss/box/offset</t>
        </is>
      </c>
      <c r="C503" t="n">
        <v>7200</v>
      </c>
      <c r="D503" t="inlineStr">
        <is>
          <t>0.21396911</t>
        </is>
      </c>
      <c r="E503" t="inlineStr">
        <is>
          <t>&lt;class 'numpy.ndarray'&gt;</t>
        </is>
      </c>
    </row>
    <row r="504">
      <c r="A504" s="1" t="n">
        <v>502</v>
      </c>
      <c r="B504" t="inlineStr">
        <is>
          <t>Loss/total_loss</t>
        </is>
      </c>
      <c r="C504" t="n">
        <v>7200</v>
      </c>
      <c r="D504" t="inlineStr">
        <is>
          <t>1.6437321</t>
        </is>
      </c>
      <c r="E504" t="inlineStr">
        <is>
          <t>&lt;class 'numpy.ndarray'&gt;</t>
        </is>
      </c>
    </row>
    <row r="505">
      <c r="A505" s="1" t="n">
        <v>503</v>
      </c>
      <c r="B505" t="inlineStr">
        <is>
          <t>learning_rate</t>
        </is>
      </c>
      <c r="C505" t="n">
        <v>7200</v>
      </c>
      <c r="D505" t="inlineStr">
        <is>
          <t>0.0009998011</t>
        </is>
      </c>
      <c r="E505" t="inlineStr">
        <is>
          <t>&lt;class 'numpy.ndarray'&gt;</t>
        </is>
      </c>
    </row>
    <row r="506">
      <c r="A506" s="1" t="n">
        <v>504</v>
      </c>
      <c r="B506" t="inlineStr">
        <is>
          <t>train_input_images</t>
        </is>
      </c>
      <c r="C506" t="n">
        <v>7200</v>
      </c>
      <c r="D506" t="inlineStr">
        <is>
          <t>[b'512' b'512'
 b'\x89PNG\r\n\x1a\n\x00\x00\x00\rIHDR\x00\x00\x02\x00\x00\x00\x02\x00\x08\x02\x00\x00\x00{\x1aC\xad\x00\x00 \x00IDATx\x9c\xec\xbdw\xdcv\xd9t&gt;\xbe\x0e\xa3\x04\xa3\x1b#zg\xf4\xde\x8d.\xda(\xd1\xdb\xa8\x13\xd1[\x94\x18\xc6\x10\xbdfB\x185"J\x0c\xbe\xba\x910zM\xf42\x88.\x0c\x063\x88!\x84\xf5\xfb\xe3\x9c\xbd\xf7*\xd7Z{\x9f\xfb\xb9\x9f7\xf9}&gt;\xef\xfe\x8c\xd7}\xef\xbd\xca\xb5\xae\xb5\xf6\xda\xfb&lt;\xe5~\x88\xf6\x8e\xbdc\xef\xd8;\xf6\x8e\xbdc\xef\xd8;\xf6\x8e\xbdc\xef\xd8;\xf6\x8e\xbdc\xef\xd8;\xf6\x8e\xbdc\xef\xd8;\xf6\x8e\xbdc\xef\xd8;\xf6\x8e\xbdc\xef\xd8;\xf6\x8e\xbdc\xef\xd8;\xf6\x8e\xbdc\xef\xd8;\xf6\x8e\xbdc\xef\xd8;\xf6\x8e\xbdc\xef\xd8;\xf6\x8e\xbdc\xef\xd8;\xf6\x8e\xbdc\xef\xd8;\xf6\x8e\xbdc\xef\xd8;\xf6\x8e\xbdc\xef\xd8;\xf6\x8e\xbdc\xef\xd8;\xf6\x8e\xff\xd3\x83\x99\x99\xb9\xbd\xedIV\xe1\xf9\x95\x99\x9c\xc7\x8b\x85\n\xb4`\xbc0\x8b%i\xff\xa3ZK\x0f\x0b\xcf{\xd1\xd2\\\x1c%\xe1\xe7\x81\xb3\x81\xaa\xbdC;^\x98\x85\xd34 \x84\xa4/\xe2\xbc#&lt;\x89\xfd\xc6\xbf[=\xb3^\xf5d\x8eB\xea\xa9\x01\xba\xfeg4v\xfe\x051\xff\xdbZT\x84\xb8\xc2bR^\xeb\x982\x96\xcbF4\xe2\xa0\xcev\x8a\x19\xd5\x0c7\x0c\xca&gt;\x0b\xce\x87\x0c\x19&lt;8\x9c\xc0fd!6\xd5\xf5\x15\x8d\xcc\xd43UeJ\xc9/\x8c%Z\xa9\x07]N\x1a\xefY\x03\xd1]\xbf\x87\xa1z\xdf\xd6\x98B\x07\xcc\xd3\x84W\x93\xc1DSQ\'"B&amp;\x98\x89\xa6\xe6\xb805\x11)\x8f\x9e\xc1i\x9a*\xb0\xe6\xa2,\x85\x814\xaf\xda\x96\x82\xc4rn1&gt;M\x11\t\xca\xfb9\'\xfa\x810&gt;M\xc4t\xc2Dg\x86\x80\x02\x8fD\xc47%z\xa7\x04\x19\xd2\xcf\x02U\x97\x07\x8er,\x04\xc8\x81\x91\x8a\xb2\x18Z\xaa\xca\x0bB\x99\xf28\xa2\x920\xbaI\xc9I\xc6"\xcc\xc9\xa8\x8eVU5\x13\x11SW\xa3f$\xf2\xc2\xc5\x88\x14\xd8\x10\x12\xea,\xb35\\\xabs\x0c\xda\xc9@\xbb\x0b\x819\xddi\xe6\x08\xa4\xb5\xc4\xec\xd8\xc0\xdeA\xf5:_9U\xccL\xf4_\xd3\xb4\xaf\xaa\xcf\x19"\xaa\x1f\x88\xc1\xefM\xaa4N\xd3\xe4\xd4{E\xfb\xbbi:\x95\x9a$\xb1\xa1\xc6\xec\xec\xde8\x19\x9c\xdd\x0c\x08\xf3\xa28\x11=e\x9a";\xd3d\xe6\xa7e\x12\xc7/\x8f\x84\x92\x07Y^\xf2\x05R\x9e\xff\xfb\xd2\xa4\x06\t\xea\xc3\xcd\x80\xee\x0bfi\x9a\xa6\xe9\x87\xf5U1M|&amp;\xf3H\x01;\x9d\x86=\xbdk\x0ed*\xc6\xba\xa0\x96\x00\xa5Q/\xdfMeR\xbc\xe5E\xb3&lt;Uy\x85\xc3\xda\x00\x07\x83\xa3\x8e\x88~\xda\xc3&amp;I\x9f$)A\xf7\x1f\xeck\xab\xc6\xe0\xae\xfc\xd8"\xdc\x0ef\r\x85\xddL|kI\x9f\xa2\x8cV\xa5\xc5\\\x9eD\xc5\xd6\xc7\x80\xed\x0cU\xe9D\x8b}\x91^\xb9M&amp;\x18\xe6\xa6\x9d\xae\xab7M\xd34\xed\xcb\xe2\x91\x87`\x85C2~6\xc9S\xd9\xdd\x18\xdb\xec\x04HH\xf0\x9c\n.8\xb1\xec\xee\xeb\xc7n\x94\xbav\xb03\x99U\xe8\xa0\xb0\xdc0\xfeY)\x8f\x7f\xe4iN\x1e\x00\xde\x9at\xe2\x9d\x0e&lt;\xe1\xd5\x87D\xf5\xac\x87\x90`-\xf5\xb6\x17N\x15\xdel\xe4|V\xec&gt;\x06\x16/\x16\x19}\xb2\xc2\x0c*\xcb\xfb\r=/\x8f\x06\x12\xf7\xb9\x91\xb2!\xcda$\xee\xe7f\xb9\xdf-*\xb7G\x91\x1a\x90\xad\xcb\xc4\xb5W\xbe\xf2\x13\x7f\x91\x01o\x9c`\x98\x10"\xb1q\xa2\xbc\x06\xcb\xf9\x94\xc0A\xbfu\xa6\x0f(`\xc0\x9b\x8a(\x82\xba\xb6\x9e\x87Z\xf3/\xfb2\xe5__\x00\xfc\xa0\xff\x1b\x07@\x1f\x81\x03\xe1g\xbc\xca&lt;\x0e\x80\xbb(Q\\W\x9c\xb3\xfcA\x032\xe7\xae\xb0\xf3\xc3,rm\xb4\xe6=\xd0^\xf7\xea\xdb\x1b\xf1`\xc6\xaan\x91\x1c\x92\x1bS\xb1\xbd[\xf7P\xb9\xcf3\xfb\xda\xd7\xe0\x16\xeab\x8b|%\x0c\x9b\x9dfj\xd5\xb5\xa4\x10\x80\xf7R-ws\xad\xa8\xfbY\x1cHbA\x89\xd1e\x02l\xdd\xc2\x0b&amp;\xef\x9e\x17j\x0e\xd5\xebv\x8dH\x8d&lt;\xeaA&lt;M^\x1f\x1e\x06\x8f\x01\x1b\x91\x933\xc1\x88\xf0\x15 \xcb#\xca*-\xe9\xfd\xff\xd6`\xf1/\x16@\xa1\xde\xcaY\x88\x8c\x8f\x13=;\xba\xc8\xf2\xba\x14\x01\x11\x9f\xc3\x88\xb5\xfaX\x9b&gt;_[D\xf4.\x7f"\x8eU\x925\xee\xdeB\xcdO\xe9\xf3\x86\x02\xb1\xb5#\xafH~\xbcB\xb5\xae\xe4WVm\xdb\xae\xea4\xea\xd87\xdb\xd2\xa8K\xe3u\xfb\xb1\x9a\x19)\xb02\x1eE\xcc\x7f\r\n)\xc8Z\x8b\x88/P\xc52\xfb\x1c\xcd\xdb\x8b\x97\xc7\xaf\xc0\xa0\x88Z\xe0\xb1\xfd\x1d\xd6\xd3\xc5\x83yf\xe6\xd3\x03\xa7\x11\xf9\xdd\x8c@y\xa3U32\x98eJ\xef\x851\xd9\xa3\x98\xcd\xbd\xc1\x18\xc7*9\xdc\xff\xfb#a$\xda3\xd0\x08\xa4v\x9ey\xbf\xb8g\x91 \x17\xb2&lt;\xcf\x8d\x17\xc4\x086\x03i\x03\x9b\x01N3iy\xe0^s\xc4\xbe6\xad\xaa;\x83\x8bpF\xe2\xc6\xecF\xfb,\xbdj\x84\xdbR\x89\x111\x1fUD\xfe\x0e\xec\xe1A\x17\xca\xa0"\x04h\r\x9c4Q\x8cP\xab\xbe5K\xeau\xbe\xf5@\x12O]\xb5\xb6\xdbt\xa2\xc0\xa3\x941_3\xcd\xe1\n\x17F\x80J\x80\xafMM\xe1y\\\x96\xc6E\xeb\xef\xa3\xd0\xc5\xbe\x0e\x91\x8f\xdb\xfa\xbf?\xd8\x1c\x83\xf9\x91[\x1a\xdcL\xd0k21\xb5\x07\xc2,\x01\x99\xc0\xa6\xb9G\xa4\x11\x19\xcb\xa1\xe4pQCh\xb2P\x98\x1b\x8d\x1eFf98]\x06\x87Q\x84&lt;\xd6g\x94\xba`)Z\xe9.\xcf\xe6"\xb9&amp;.i\xab\xabb\xb3\xb0\xe9\x01?\x02^\xc9\x07KD\xb2\x0cP\x9d\xf4\xc1\x1c*\xf5\xfc\xeb^\x19\xafmp\xc0b\x0bP\xe7v\x04@h_\xd3\xa2dZ\xb7\xf9bb\xba_\x0c./\xcc\xcc\xc7\x02\x18\x9d\xc7V\x93\xc1U\x84\xfe\xffh\xe0\x94\x8bc \x8f^\xa4\xad\x97\x18\xe3(\xcd\x06;\xde\x9f1rO\xe9\x06\x9b~\xe3\xb7\xfa\xed\x99\xb17M\xa8\x92\xd7\x1a31\xdf\xbbk\xbf\x8f\x04\xb5\x18\xa3\xc7\x81\x18\xd9\x14\xb7p\xe2\xed7\x80d\x8b\xe7\xab\xe7M\xc3K\x18^;\xd2d\xc5\x17\x94\x01\xcb\xef\x19\xf1\x1e\x9d\xdc0\x9b]\x9e\x89\xf8\xf8\x01\xafU8\x15xW\xb0a\xc79\xf7\xf2\xa8h\xfb\xb6\xcd\xda\x08\x18/\xc3\xba\x8a\xa0\xda`\x80\xfc\x8a|\xfd\xff\xf6\x10\x95DD\xc4|~E\xaeks^}y1@U\xb1&amp;f\xb4uo\xc0\xb8\x8e\xca#\xdf\x0fL\xc4\xfc{\x1c\xf5F\xf7D\x04&gt;\xb3\x12\x1d9\xfd\xe2\x12\x80\xc7\xc1\xf8%i\x07\xe71\x18c\xe8\xa0\xb5\xfa\x1a;\xea\xc2\xf6\xc2~\x95|\x89\x0e?\xda\'2\xa3I\xd9!M\xce)d\xa3F\x14\x9e\xc7\t\xbcA\xd7\x957\xf1\x9f\\b"~\xb8\x95_\x1b=\x0c-\x9a\xa9+\xb0V\x91d\x1fOa\xf8\xac\xa6\x99\xf4\xe4\xc1\x85i\xcf\x0c\xfc{\x00f\xe0\xb3k\xfe\x17\x05g#z\x0b\x11\x11M\xd3!\xd3\xfc\xff\xdf\x9e\xdf{E\xff\x83\xb5-\x0f\xc2z\x0f\xaf\xfaE\x03\xf9\x13\xf7\xfe\xb7\rx\x96O,\x97\xc9\xe4\x87\x7f\x8b\xda&gt;\x12f\x93\xdf\xe2\xafxh\xb6\xd5\xad-\xf10VM\x96yf~\xb0\x9e\xba\xaa\xf8Q\xe5\xae9\xd1\x7f\xb5\x9b)\xc5::d\x1e\xa6\x89\x98?Y\x8b\xa4\xfb3\xda\xcc\xcc\xf7\xb4\x17\x85\xb6*\x08\x9b\xca\xaf\xb3\xc0\x9f\xd4\x1eoL\x00\xff\xa8\xe0\x1d\x89\xfe\xa7\xfb\x03\xe7\x10\x89\x9f\xf4)\xb6\xaf\xc5\x94l\xd0!Y$\x12\xed7\xbe3\xb5\xc8\xcf\xbf\x1f\xd0`-\xbf/F\xcf\x01\xca#?nO\x035\xde6\xcab\xed\n\xcd\xb9\'J\xfcB\xc0\xf8\x98\x89\x9a\xa6i\x9a~\x9aPm\x16\xea\x8b\xdf\x16\x0e\xa9\xf7\x1b\x0f{\xeatH\x10\x94T\xe3|\xdf\xda\xce\xe7l\xc2C\xf8\xe1+O`_\xb8\x83c\xb1X\x8eB\x7f\xdd\xeb_\x8d\x95\xa9\x95\xeeG\xb0\x15\xb3\xf8\xac-\x18 \xe4\xc1\x10"\xd7\xed\xad{\x96\xaa\xf3\x1e\x18s\xbb\xe2i0\xca\xce\x819\x80\xf5h\x01?m5\xb4\xecU_?\xe8\xae\xc7,\xccE\xcfv`\'P\xcf\r:\xef\xf8\x91BN\xca\x04QPT\x18a \xc2)]\xd1My\xfe\xb6|\xe2\xd1\xbb\x80hY\xfc\xb8\x84}\xe6(b\x7f\x19E\xe4\xc033?_\x15\x1b\x13=\xd0\xc1\x00\xa6\xf4\xf3\xa8_M\x18\x06\xb0\xff\xd7\xcf\x00\xee\xa2\x8e\x14\x87\xc58\x1bZ\x12\x08\x0b\x9c\xc3\xe1\xf8\x99\xc1\x00w\xd8\xf4\xa1\x0b\x1bT\xd7H\xd0&amp;\x06\r$\x0c\xf8\x99yz\x80\x16kt\xbe\\\xf3gz\x9a""m\x10\xdf\x15\x12\x96\xca\xbdv\xf4[\xf7Dt\xec\x10:\xe2\xe0\xf52\xf3W!\x81R\xab\x9e\x88\x99#W\xdb\xe3e\xc1\xe9\x972\x9c\x17\xdbk\xc8\xd5!$!\xaa\x87\xf0RBDD\xf7Hb\xec\x84e]\xec\x83\x9a\x802\x8e\xbap\x8b\xb1\xbf;\x14\xf2$\xb4\x04\'\x8a\xb4N^-q\xbd19\xbb8d\xdb\x85\xab[\xb0\xef\xe2\x0e\xb2\xab9\xaaE?\xde\xfb\x02Ios+\xc3\xf8a7\xa3$\xd3\xbb\x15P\xd9\xe8\x9eH4\x7f\\\x1a\xb0\xe3\xda\xf72\xa2\x9f\xc2\xca-\xecp$\t\xc5Q\xff\x97,\x86\x15.6\x00F\xe2\xce\xe8\xd1\xcaG"\xa5\xf8\x0f}\x8fn#\xd8\x91\xe8\xfe$U\xef\x05\xe50\x04\x92O@\xba\xc6S\xa4\xdc\x057\x84\x15\x99r\xf3\x7fW\x90\xac\xa2\xc1\xba\x80\xeeVX\x10\xe7\xa5\xc5\x89\xf6)\x131\x7f\xc3\xf8X\x07z\'c\x93\x08\xcb\xf8\x93\xe1\x0bxnG\x02H(O.\x86\x1dGq.\xd7\x9e\xf3\x99\x97bB\x85\x13w\x7f\xa3\xb8\x13\xd7\x9b\x8d\xc8/\x07?\xf9g\x1a\xdcVH\x83\x906\xa9\xc6`\xcf\xd8\x0b\xddp\xc52\x13\x7f\\\xb8\xd0\xf0\xe6\xb7\x17\xb3\xb7\xceq\xcc\xcf\xb6e\x1f4J"b\xbe\xfc\x0f\x13\x90\xe9\xa0\x95\xad\xc4\xd38\xd8\xd6c\x99\x13\xa3\xd0\x1a\xab\x82\xc6.\xd6\xc8\xad\x9csn\x9e\x02\xc3\x84\xc8\xd7\xd1\x15\xc4.\xc9\x972f~\xdc\xe0.\x8e\xca\xc5\x95\xd6\x08\xfb\x087\x03\x0eU\xe5\xd52\xb7\x19\xb5*"{\xfc\xf2\xcb\xd3\xdbe\xdaz\xaeZ.\x98\xcc\xcc\xfc\xb7\x12y\x1e\x8ei7\x9b\xd1\xb4V\'.,7\xe9^\x8c \x91\xe9\xde\xe3\xd5\xda\x19\xccgr3\xccDo\x1b8\xe6a\x11\xc2%\xe8\x82\xd6\x9c^\x8e\xc8y\xd2\x1e0/\x14H\xa0Q\x98\x110\xaf\x9b\x8e4\xc6\xd8\xe0\xdd\r\x03#!\x80\x02c\xfep\x04u\x98\xab\xc8u\x8c\'&lt;J\xb7&gt;\xa0mu\x9e1\xc8]\x02h\xb7\x01#\x97k\xe6!\xa7\x87\x16\xf9nG\xc8K\xcaz\x91o\x87\x9b\x940\xb2\xcd+jT\xbe\xde\xbe\x991\xcb\xed\xca3\xe0N\xf9]\tU\xcf\x98\x8b\xaaC\x98\xf6\xc4\x8a`\x97\x8a\x93\xf9\x9bx^\xfc\xbb\xc6\x9aKG\xd0\x10W\xd8\\Lu\x04h}\x85\x8f\x83\x19\xdf\x8f\x06\x86\xab\xa5\xb6\xa1\xa4\x9e\xb14X\xa2\xab\xd8\x1c\xcc\x01\xc8`\xcf\x8b\xcf\xef\xc6\xb9\x1e\x1c\x92\xc0\x9f\xe0{\x1ep&lt;\x02l\xb7\x91#\x97\x83b\x05\x14&lt;\xd6\xac\xcc\xc6`\x98\xf9\x9c\xf551\xffp-#\xad\xc9\x0ep\xedfB\x9b\xc6\x1ag\xdf\xb1h\xf7,\xbb:\xc6\x8c*\x93\x13\xb3@|\x13A\x90\xda\x14\x8b\x1c\x85\xae#0=]\nn\x94#\xc1\xc2\xa0\x9a\xdf\xbf\xcb\xfaowH\x17\x8c(\x1aQ\xf7Y\xce;x\xcd5\x08\xb0U\x91"\xf6o\x02;U\xcb\x01[\xfe[\x15\xc5\xba1bp\xbfM\x00t\x841`i\x8d\x88\x88\x8f\xb3W\xbd5\x11(lC1\xb8p\x84Gz\xb7F\x0e\xe5G\xc3\xdf\xf4#\xe4\xfc\xd8\xfc\'\xb2\x99\xd5_\x81\xa8\x80\xca\xa7\xed\x83\x1fe\x95\xa0\x07\x7f4^\xa8\xd4?C\xd2\xfe2\x0c\\jZ\xf0\x8fTdC|\xe0|\xb1\xeb\xd5G\x91W\x84\xfe\x97\x1b$\x12\xfd\xc1\xea#\xa6\x15\'\xe6\xa7\x98m\xc8\x0b\x10\xf4i\xe3\xe5o\x17\x88\xb8\x92\x04\x89\xa5\xd7\xd0tW2\x1f\xfa?M\x94\xf2\xc3\xe5\x8fr\xb4O\xcc\x1f\xe3\xd3CJ\xf2\x08\x05:\xf6i)\xd6)\xb0\xec\x01\x13\xe6\x13I\xc6\xbe/D\xf4\x1ff\x07\xd1\x920e\\\xfc/\t\xe8\xf7D\xfb\xec\xec\xd7+\xdc\xfe\xf5TLdNpP\xd8deB\xd9\x10\xc0\x988\xc8rMe\x85\xbbH\x8a\xb7\x1b\xb4\xa0\xaa\xb5\xd9o\xf30\xf3M\xa7\xe9\xdd\x8b\x91i\x9a\xb0\xb5\xa8\'$f\xb7\xf2\xdbE\xd9/\x82\xbd\xae\xab\x9dm\xc5\\s\xa2\xc1\xe7\x80\xf6\xc7.X\xcdh\x11\xbbg\n\xbcJ+\xef?\xe2\xac]\x03\x89Y\x16P\xf0@\x13X\xf9\x91\xe8\xfe\xe9o\xdf\x98\xe19\x83\xa2\xaai\x94\x8a\x87\xbf\xfb$\xfe\x80\x8a\xaf{\xd0%\xcb/\xcd\x81_\xbd\x99\xda\xb8\xab\xfc-\x9e\xc5\xadi\x1f~\x7fZ\xe4-\xdcs\xd2\x8aa\x02\x81\x06W\x8d\xe5\xd7\xf4\xc4O1.6u7GW6y\x03QH\x1aU\xb1\xdfox\x96\xe1\xf1\xe3\xb6\x124\xbaO\xef\xaao\xae\x97\xa0\xbb\x97\xd4;\xff\xcd\x86\xc7\xe6\xfdH\x83\xe6\x98\x1c\x7f4\x94\xa6\xe13\xd9\xc5e\xc5\xea\xdf\xd7\x9b\x9d\x99\xb2\x98\xd4\xbb\xc0\xa9GU\x9d\x96_&amp;U4\x1e\x8e$\xf5x\x0c\xd14M\xef\xd6\x81\x06\xa5Q\xce\xad\xb1\xbe\xbe\x95\xee\x1f\x8e\xfap\xda\x11\xbb\xadR\x99Y\xf8\xafD\x9e_Vy*\xf2+ \x99:H\x9e\x96\xe0\xc3\x94\x9fb\xf9{I\x8fS;\x08m\xf8Ux\xc1c\x9a|\xfa\xe3\xfa69H\xeav\xc5\xdd\xc7\xc6\x13\xa1\xf3T #\x99n\'R\'6\xc2U\xee\xd7\x8b\xd9\xbc;\xef\xc6X\xe5m\x9eg=r\xfc\xca\xbb\x83\xc1ruMI\xcc\xe3\\y\xa4w\x08V\x87\xed3\xfa\xfe\x16\xa3\xe1\xbdKwP%\xcfZ\xb4Z\'\xcd.\x8e\xbc\xb8Xj*\xc5\xa6\x08\xb2f\xa6@\xa4=\x02Il%\xb3\x8b!L\x15Q\xccQF\x1c\xc4\x90]\xb0wy\xf4S=\xe3{\x96\x9eyhvfTs-\x85\x1d\x0f!*\xeanZ%\xf3\xb1\xba\xf4\xee\xf8:\xef\x8d\x0c Y\x17\x02l\xe5}/\x81\x16\x1f\xe97\x8fP\xd4afI\x8c\xf1\x8f\x9c\x10\x84\xf2\xd8\xd7Y9\xf2\xcb#\xdeo\xfa`\x88h|\xd7\x9a:\x94\xed`\xe3\x10\x13\xc5n\xd5\x11\xa2B\xda\x82\x15a\xdb\xae\xac\xdex\xb3k\xb3\xfd\xa0\xdak\xbf\xaa\x0e\xe3t&lt;\xcd\xd6\xad\xef\xe6\x8f\xd4o\xbd/\x839\xc2\x03uq\xd7N{\x8e\xa7\x0f6\xb70\xeb\xc0Tv_)b_N-\xedxH\xe7\xf0\xf9r \x9c\xc0\xa0Pd\xf7\x0b\x84\xb9\xd9\xa6\xf8\x9a\xfe\x01\xb0\xdd!\x0fd\x19\xc7v}I\xe8&gt;\x10\xbd\x19\xc0vr\xf3\x06\xff\xe6\xf9\x12\xf6\xad\x19\xe6\x8f\xfb\xdbJ\x85\x11\xe1\xdf\xc9\x90f\xd9]\xfa&lt;\xfe\xd0\x8e\xad\xf3\xa1\xca\x81\xb4\x0c#\xef\x00\xcb\x8e:\x06\x9d\xc5\x00\xe1\x7f\xcc\xfaQ\x17\x12\x11}\xa8w\xc6x\x9c0\x9c.3\xae\xa8\x80\x024\xd2\x1e\x08\\Is\xd1J|E\x80\x89l\xd1\xc2-\xc6\xfc\xdb(\x16\x83dmm4`\xf1I\x99\x80\xdf\xf2`\xb1\xb5\xbcCF\xbd\xbbc\x90?\xd59\xfd\x9ada\xa1\x9c=\xabb\xde%v\xf6@\x0e"\xa3\xca/\x82$\x15\xa3\xd2Y\x0b8R\x96\xef\xab\xc1\xe8\xded\xb4w\x85\xb4\xe0`\x13\x9e\x7fXf\x88\xf9\x93F\xd1\xc3\x93A\x81\\\xfcr\xf3\x03@\xca\xbf\xae\x03\xbb\x1b\x94\xc0i\xfa\xd4ku\x17sg$\xe8\x9b\x8e\x01\x13W\xeb\xb9N"9\xd2\x96\xcd\xfb\x82\x98\x90\xf4-\x05\x05#\xd0Zu&amp;\xd0y\xcd\xa9\x89\xaf\xe7"\xcc|\xf8\x10\xa2^\xff\x06\x18\xb2\x10\x9c\x15_\x10\xac:Eb\xea\xfc\xc6\xd2\xae\x8c\xa0 V \xf8\xc8\xb8\xafFh\xd8D\x12\xdd\r\xb0%\xa6d\x9d\xd9\x1a\x1a\xb8\xf8G(\x92\xab\xc1\xe2\xe0\x8ex\xbe\xebny\xf1\xc4\xa8\x883\xcc\x86\xe2hc\xcb\xdb@\x82\xcaZ\xdb\x93\xf5\x8a\xc0(T\x06!J\xab\x97\x91\xd6\x10\xb5cH$\x18q\xbb2hs\x93\x89[?\xab\x91\x83\x8b|\x05\x03Ck\x02?]\xea\x19\x87\x9f\x921L\x8f\x85\x14\x06\xd8\xeb\x03\x00\xff\xfc\x9f\xfe\xd3\x05\xb7\xef]\\\x120Fp\xbc\n\xbaB}\x81\x01\x12\xb66\xb2n\xd5\x00\xb5\x17\xcc\xd7\x07\x92\xfc\xba.\xd8\xab\xfb\x83\x9a\xcf\xd3/\xae`\xbceL\x0c\x8e\x02\xa3\xed\x16\x7fU\x8c\x14\xd5\xdbZ\x1c^R\x96\x8e\x9f7N\xc7\xdc\x05\xf6W\xb0\x06\x90\xc4?CMqa\xd4\xa5\xcb\x0b\xcb{\xb4j\xdd\xddP\xa2R\xe38\xdc4\xddL\xcf\x8e\x0b\xac\x9e\xa0)\xc8r\x8e\x96\x99\x03um\x10\x95K4\xb8\xcf\xf6((.\x0cl,\xe6\xe2\x8a\xfe\x84P\x85fL\xf5\xcbu\xd6\x1aB\x1d\xa2\x1d\xa9\xa1.\x12\xd2\xc7\xb0\xd2\x1asA\xa6\x06\x06\x0e\xb9ju\xcc|`D\x1b\xdc\xcc\xc8J\x97\x8f\t\x11H(\xa6\x80\x80@R|\xf1\xb3\'_\x8c\x98\xf94\xea\xb0\x19\xa2\xcf\xec\xab\xb5\xc3\xe8\xe6\x07@\x8d]N^\'\xba?\x06\xed\xe3\x17\x1e\x80VF\xa7\xc8W7\x0bp\x90\x19\x94\x10\xe2\x1f\x0c&gt;\x8e\xc8{\xf7\xd0\xf1\xd9E\xb2\x81bd\xaa[\x90e\x9c\x1e\n$\x06E\xd4j\x06:\xabK\xc0`\xb0\xc3\x93\x0bYSO\xd0:\xef\xd0xN63\xff10\x9e\\VV\x95@$:\xb2\xaf#\x8a\xa4\xc5\x96\x94:\x9e\xdba\x1e\x81\xd479\xdeG\xf9z\x9b\xdc\x02\xba\x12\x84\x83\xb5\xc7\xb9\xec\xb4C:;\x1c\xfeV[^\x80K\x96\xcc\xda\xf3\xc5\xbd\x89\xbb\xc51\xb63i r_j\x89\xcd\x15\xbc\x07\xe8\x98\xef\x06\x17j%\xc9yc\x84o\xd5\xc4\x82(\x88\x88&gt;\x1d\x174\x11\xddD\x87\x9cF\x11\xd9ykJ\x91\x8ek\xe5\x19\xdc\xfc\xae\xb9\xfd)_#\xd7\xabUf?\x92\x194\xf5\xd3\xa5\xb5 \x04\x87\x9c\xe4j\x9c4\x1a\xc8f\xb4\x14\xa5\x98\x10E\xc9\x15\'\x07\xe0\xefC2F\xa9\x16\xd9\x19\xec\xe0Ru\xfc\x1a\x01\xa5\xe0\xc9Q\xa5\x96\x7f\x1b\xff+.Id\xa8\xbb;\xf0%\xe1\\\x05\x1e\xf9Z\xf2\x88\xae\xdf\xe1Sj\xcb\xa3b\x9d\x1b_GXd\xfa\xfae&amp;4;Py\x14\x97\x94\x108\x93)\xcd\xdcj\x92\xec\x17\xd4(\x82"v;\x1f\xc8\x83:@\xe6\\M\x84!\x8b\xb6X\xdf\xae9\x00"&lt;\xc6\xcb\xca\xf2\x82\xd22\x05F\xb8[\tT#\xfd\xce0\x86.\x05\xc8K\xb2\xda-\x1e)\xaf\x14\xb1\xcc`\x1c\xe4\xfe\x12\x1b\xb0\x96\x83q\x89\x1e\xb89%\xc5\x80\xea\xb3\x8a\x04\x87\x87\x92\xf1\x8e\x08\x16\x86xoT\xcf\xe9N\x1d\x8b\xbf\x00+\x80\x89\x19\x7f\x1b\xd6\x81AG&gt;rbf\xc5\x81\xa1\x94\x10]Z1\x0e#\x8f\xb1\x86\xb9\x87F\xb0\xab79|f\x85o#\xcb\xb2\x80\x96\xb7\x8f\xa1hH~~\xde\x11`_\x9a\xb9|h\xc7\t\xb0\xfcO,\xf1\xe3q\xd17\xc5\xbf\'f\xf0c\x11|\x8eRL\x16\x83\xed\x1d\xde\xfe\xd0\xf6\x96\x87\xf7qzR\x10\xa5\xe6\x9f\x9c\xd8\x13\x16\xc4\xeb\xc4i\x9b\xfcb\x86\xb6\x13F\x0e\xa6G\x82\x91\xec0\x96\x16@\xe4\xb7ky\x07\xf1\xa9d\xe9ywK\xf0\xd9d~Z\x13\xee\xb9@\xd6Lk\x06\xde\xffA\xb9KX\xe3\xe5\x00\xc0\xa7H\x88-\xbd:H\xcb\x1ed\x10\xe9\x8a,\xbf\x17\x163\xb8ev\xa2 si\xc3\xc0:\x16\xf6\xd0\x80\xbd^\xa4\xeaIUF\x84\x14[\x9b\xff\xfb0\xb8Sw\xf3Z\xf1\xe8\xb7\xf3\xf8\xb6\xbd5\x14\xe3|0(h\xb9\x01\xf2\xccuS\n\x0e\x00$\xdb\xcde1B4\x7f\xf3@\x02\xc0\x92\x18\xe7\xef)\x1b"i\x9d\x91\x9f\xf1\xe6\xecq0\xcc\x8cS\xefuyq\xb1\xeaCU\xbeV\t\xe7\xc5\x1a\xd4\x06\xd4\xb0\xe98*\xfeV\xd9\xcevu\x84\xa3N^&amp;V&lt;\xbd\x13\xf6UD\xb0}#i_\x96\x83P#\x195^\x1c\xda\xb43\xfeE\xd9\xdd\xc6;\xc7\xa1AN\x12\xd8\xc9H\xe2\xad\x1f\x14o\x84%\x80(\xcc\xff\xb5\x01\x1f\x88\x92\xc2\x90G\xf4&lt;\xebo+\xc5\xac\x9a\xcf\xca\xc4Y\xd6\xa6l\x91I\xa7\xedp\x12\x14\x1b\xae;\xe1\x94\x898\xaf"\x8b\xee\xae\x94\xab\xb0|{\xc7\xb1op1\x7f\xb4\x88\x1d\xe5\r\xae\xe8h\xa9\x9b1\xfc\xdd%\x7f&lt;\x00\x959Mvf5D\xa3\xd0\r\xb5\xdb\xca\xd3\xd2 &gt;#ROw\xef\x0ei\xa7\xba\xa7\x9c!\x1f\xaa\xbc\x8d\xf9Kk\xb7\x08\xfc~\xd9\xa0j\xba\xc2\x11\xbf\xd0\x1b\x98\x89mz#\xb9\x0b\x84\xa1\x1fZ"r?\xa2k\xc5gm5"\x17s\x81\x0c\xcd\xee\r\x7fl\x92\xeb#\x11\xc0$r+\x16\xedF+\x89\xfb\x02&lt;f\x12\xaf\xc6\x08\x07#\xd0\xb5\xdb\xd8(\x8cd\xcb\xf2I\xc4|\xdb\xc2C\x8f."&gt;Z=1$\xf1:/ @\xe6C\x7f\x9d\xc3M\xcd*`){\xd1R\x9du\xed{\x0c\xcc"\xaf\xef\x13\xed\x06 #\xc5\xd0\xac\xdf\x00\xb6\xb2\xff\xcf\xb0\x83&lt;\x97\\\x06\x99\x1f\xd8@\xa6\x81\x9c2\xbe=H\x08Q\x91\x18\x9c\xf52\xc1Z\x80\xe2Dhk\x86\xba\xed\x7f\xe9\x99\xbb\xc3\xe1\x197\xdb^\xa3y\x03\xc0\xe3\x19\x82\x1d\x1f\xf60\x94^f\xc1rN\xcc !;\x1apWC\xc8\xf5\xf5\xd3g\x81\x0b)uc\x93J\xd7\x96/\xc6\x91\x18S\xa1p\xb4j\x91\x877\x91\xae.\x11\xf1&gt;aC\x0cc\xe9y\xc9\x87\xd0&gt;\xb8/&lt;PF\x1b\xc0`\xfe\x13\x84Jz\xcc\xc0\x18\xbf\xf2\x08_\x05\x86\xe3#\x19a\xc6\xb4\xfb\xe6\xa2\xcb\x03\xd8\xcbi\xf4\xaf\x03\xbf\xa3\x8f,r:\x92\x89\x96\xc6\xd9\xdc\xac\x9dlR=U1\x1dU\xacc\'\xb0&lt;\x84\x01\x82\x19\xc1\xdc\xbd\xd0\xf4\xec\xb1(\xfe\x08s\xddJ\xd0\xe6\xa6\xc4\xaf\x19|\xb5\xb0\xdd\xdb\x19\x0bz\x99x \xb8\xd9\xf5\x89\xb60\xce8\nCa\x18\xb6/a\'\xe0\xfc\x8ah@j\xc1\xbc\x7f\x9a\xed}\xe8N\x97\xc3+\xc2\x7f\xaa\x03\x9f\xf5\x0e\\\x19\xdd\x8c!\x95\xec\xb7\x83\xb7#\x842\xba\x11&lt;v~MaxY\x15f \x0f\x92\x18\x1f\x00|\x12\xbc9f-\xfe\xb7Ig7PI\xdd\xac3\xe4\xba\xd4\xa3\xeec\x90$\xd7#&lt;?\xbcc\xa2\xd8\xf9\x1e+,[]\x01\x9b\x07\xd4\xb1\xa3\x94\xc6\x8en\x977\x04\xb5+\x96\xb9\xb3316dv}\x88\xeb\x87M\x8c\xf0\x19^\xf1&gt;B\xfc\xc0\xbe\xc1\x87\xc1\xd5\xa0\x15\x9a3\x10\x1a\xb4F\xd6\xd7@7m\xcc|{\xd7w\xbc;\x00)\xb6\xdbw\x1a\xdc)\xbaN\xdb\xfc\x00\x0cr$\xe7\xec\xe1D\xa4.\xdeNt\xb9\xe1\xed\xd1\x1d\xf0\x08\xe9\x1a7\x0b}\xf2\xbb&lt;\xa0\xb6\xeb\x92b\x1f)\xda\xbfw\x80\xcd\xd4\xb9\x10\xf4B\xe4\xeeR\xc2\xcc\xf7\x8b\x01;BV\xe6B\xca\xdb\xf0\x9d\xa1~:\x1co\x9b\rx\x15[\xa1~\xfeN\xbaU\xae\xaf\x93\xc0\x18\xe2\xb4\x96\xc18\xdc\xcd\x92\xb5\xf9h\x89\x91U(\x9e\\ \x8ac\x8c\x11k\xb3\xb3K\xa3\xf8\xc2;\xa3\xdf\xd5\xbe\xb0\x06j\x0b&lt;gE\x8e\xf4:\xa3\xc4\x0cfI\xe8f\xf72\x15K\x04/A\x1e\xecU\x05\xe3h\x85$\x01\x1f\x1a\xd1\xf0:\xf1ns\xb7[\xces\x0c \x96\r\xbc\xeb\xe6\xce|:C\x85\xb2_\x81\x89\xed\x80\tD`Ts\xf7\x96\xf5|\xa4\x08\xbdD\xa9\xdc`D\x86\x1aKF\xfe\xa6;\xf1\xd6\x01\xb0\x89\xfa\xfc\xef\xf1=\x01\xe4\xc06F\xc4\xaa|\xf7\x1d!\xbf\x16\xf3\xd9\x89n&gt;\x1a\xd3\x8e\x87,\xdc23\xdaI\x9f\xae\x8c\xe8\x1b\xd0S;\xd9Jz\xbd\xc4\x16.\xe9\xd3u\xb00\xe4\t7\x8f\x07\x04\xa8\\jU\xefS&lt;\x1c\x8d\x1d\x11\xd1g\x82\xcb#\x90\xd7\xabP\xdcE\xday\xd4h\xe0\x97\xf9\x83\xfc\xa9\x89Yr\xe3\x86bI\n\x84\xbaAc\xa2\xf4\xd4Qb\xb0\xfb\x8f\x91\x00!\r\xf8\xc4\x8aK8k\xe8j\x807\xf6\xed,\'2vF\xa0\xb5!\xd8g\xa9G\xaeB\xb7\x98\xba\x898\xa2:\xadp\x93\xe8\xbb\xf1\xee\x8cT{\xbeB\xe3a\xae\xff\xddI\x0e\x80\xd9\t\xe6\x9dD:\xea\xc0\xc7\x119\x85W\x9b\xa8\xad\x98\xdb\x10\xb46\xce\x8b\x91\xac\xe7\r\xbc\x9bwL\r\xb40),T\x16\x01#\x9fcv#\x93t3\x91\xb5\xd8#\xe0\xaa\x0f\xc2g\xb6\x98"v\x7f\xa6&lt;\xba\xda\xf3\xc07\x06\xbaC%4\xb0\x1f\x85\x03\x1d\x9f/\xa8gc\xe1\x14\t$\xbe`\xc2\xfa\x08\xbd\x1b\x8fU\xd6j\x95\xe2l\x06U\xb1\x16\x8c5\xa2\xbc\x1c\xef\x9d\xae\nj\x15(\x17\xce\x98\xd6\\H\xe8\x86\x1ea\xae\xa7i\x04x\xc81\xd0\xcdW\xb7YH\x1d7&amp;t\xf9\xaf\x12.\xff\x1a\xa6\xba)\xdf\x02N\xd3\xa4.&gt;z62\xd1\x9f\x9b\x99a\x9cl~\x9b\xac\x184\xf6cu&lt;\x12\xc9d\xe6&gt;\xc0`\n&gt;j\xebA\xef\xd6\x92\xfa\xad\xb6\xd3\x8d\xd7\xc2\xa8\xd4\rq&gt;\x8f\x0b\xe0\xd5\x0b\xcbX\xfa[\x97\x82\xcb\xfb\x17\xd6?L\xcc\x02Px\x8d\x99\xc0\xb2V\x8c\xcc&lt;[d\xc4\xc8@\xff\x85\xa205!$\x94\xac\xe8\xe6d&amp;#6\x0cZ?Ic\x15\x92 \x19\x1c\xaart\xcd\xb7I\xc7^`*\xc3\xd0\x85\xa7\xabh\xf7\xef\xfb\x00\x81\xce\x15\x8b\xdf\xde\x1aimmf\x9e|j{\xfb1\xac\xba\x15\xccg\x1b\xe4)*\xc4\xc1\xc2\xa9=4\xdf*#\xde!\x12/\xd9\xfc\x96\t\xd1\x8bq\xcf\x1a\x89e|\xab@\xba`D]E\xcc@\r\xf0\x14\xf6|\x1a\x81\x17 d\xdf\xb0\x84\xf1#\x91\x91\xfe\xcd\x9d\x7f\x86\xfdz\xe9h\x81{\xb7\xbcy\x9c\xa4Ok\x19\x82\r3\xc6,\'d/\xd3\xd6:H:G B%\xbdC\x900\x16\xa9\xd8\x9d\x89\xc003\xf3=\xf1\xea\x9a\xce\xebu\xbb\xb51\x84p\xa5V=ovc\x84\x7fZ\xbe9\x9c\xff\xfc\xbcx\xbb\x93?Go\xe3@\xd6\xe6z\xb9\xc14\xbdO\xbc\x1d\xf1\xccI&lt;\x16\x06\xd1d\xcd\xce\xc8\xa6\x82\xb3\xefn\x0cU\xa2\xeb\xc6T\xc8\xaeXX.T*\xa4\xd7\xbc4v\x96\xae6\xe4\xd1ol6T\x81;O\x94\xc4|\xcai2\x1fb\x91\xe7\xd1\xa4\x86E\xca&lt;\x82\xab\xcd\x17\x0e\xa1\xc2\xccD?\x9b\xa6\xb3&amp;\xf6\xed\xd44Mn~\xc9HD\xfe\xacB\xfd\xe6\xea\x193[\xcf,\xfb\x1aH0P\x0c@\x12\xb2\x1b\xa5.\x93(\x11\xc2x\x07\x00,&amp;\xbb\x10\x12\xa8fimP\x88\xe7\x89\x88\xeb\xdel\xf1\x92*9\xa1;M\xd3:\xbf\xba\x84\xb6\xb5\x9b\xdb8Y\xbc4\x11Mt\xc5\x89\xe4ms\xb8\xc3\xee|\xbc\xb7\x1ez\xe2.#\x05\xfc\x93\xd1\xe4V\xa3\xbd1M4\x11M\xd3$\x19\x9d\xca\xa10z\xda.-`H\xb6\xa0\xe2\x03\x17\xd5\xd9\xef\xc3\x0b\x8ai\x9a\xa6/\x18r\xfd\xf6\x97\xd7\xfea\x8f\x83b\x9d\x8b\x89\x00bo\xe8\xfe)\x8a\xd5\xd5\xd5\xf0\\g\xe7\x85\xda\xfd\x9b|\n\xd5\x98\x9a\xdc5\x99\x89\xf8\xd5\xcb\xcc\xc7\xc5\xf1P7\xde4\x9d\x95\x850\xe9\xf0=T\xdf\xfd\xa5\xc1\x0c\xaa\x83\xee\xed\x8b?\x9c\xe3\x06\xbc\x9c\xbb\x99Jo-$\x92n\xa6i9\t\xa8\xbeX1\xe4\r}\xf0\xea:\xd7\x80\xf7\x04\xcb`\xb4\x8e\xd5%M\xfaR\x90\xd8\xad\x16\x992u\'k\x08&gt;ca\x08\xd3Tq,\xb1\x94h\x86\xaf\x9e\xb5\x02\x87\x13!\xaeV[\xef\xfe\x99S\xd9\x0f8\xf8Zaj\xe1\x80`\xde&gt;?\xb1\xaes\' e\x85\x1d-\xb9("G\x10@\x08\xfbK\xeb"M\xe4|a\x19\xcbO\x1c\xb1\x8f\tA0\xb4\xc0_\xc8\xc9\x91(\x06$!\x02\x0f\x8d\x99\xf9\x7f2fJ\\\x8f\xec\xe1Z7\x1a\x80\x86\x8a\xee\xa1AB$T*\xfc\xa7\xc8\x9az\x1b\r+v^k\x07\xfc\xba\x99B\x15}\xe9\xa9j\x89\x17\x16[\x9f\x13\xc1\x0c\xe9t\'\x96\x1e\xeb\x84U8\x03\xde\x15\x86D \xd0\xf2b\xd1\xa4\x9f\x7f\xb7\x98\xaf\xeb\x1c\xd7m\xee:D.]\xa4P\x91\x9f\xd1\xe1U7\xb5\xb4\xd6\xa5C\xcdd\x9e\x07V\x9a\x8d6\xd22\x7f)\xb2i\x030j.\xcd\x920\xa5\x04t\\\xa4M)\t\x05O\xcd\x8cF\xa7}Y\x04\x07\xa3b\xed^@\x1cQ}I\x18K\x02\x1bs\xd5sQf$\xc2\xd4\xd3\xf6\xc6xD,\xbeq\xd5;\x908\xefkQ\x8f\xde8\x04\x032\x1a\xc5\xfbj_\xd8\xac\xf7\x8bu\x8d\n\x82=\x84a\x05nVu\xc5\xcc|\x16\xdd:\xa1%\xe6\x7f\x1c\xf1`\x9eJ\xdb\xa4\x03x\xa6y)\xbf7\xe8\x04\xc1\xe74\x1f\xce\xda\x0c\x92F\xa2\xacm`h\x85\xcb\xa0\nId\xd4v\xf3!\xb3\xea\x06\x91x!g?X\n\xe4a\xab\xb2\x1e\xef\x0b\xe5\xa5b~EBf\x89\x88\xee\x9bVOd-\xe9P,R^\xce\xe0\xb0(\x8dV\x82\xdc\xe3O\xac\x19\x95\x9d\x8f\x9d\xdc$$\x12\xb0\xf7@o\xdd\xa9#\xeb"0\xcaeu\xd0\x82\xb4\xd3\xcd\xec\xda@|I\x9bR\x8f\x15\xad\x8c\xaa+\x0f=\xf0\xae\xde\x8e\xd1\x92\xe1\x870\xd4\xf7\xcc\xfa\xa6\xc4k\xf5\xf0\xe7\x91;\xe7\x196\xe0Q\x9e\x9a\xe8+(\xab\xb2)\x95{\xc4oi\xf0\x1b\xcb\x9d\xc8|Zo\xa5/\x18\x99M\x7fr\xa6\xf5\x94\x91\x8b:\xe65\x85\xca\xf3\xc1i\xdf\x1d\x0e\xde\x9f\xf4\xaf0R\x81u\xe9$T\xc8X\xba&lt;D!\xb8\xd5\x11\x87\xcd]Gf\x8e\xe8N\xa3\x05\xc7\xe2EWA\x9e\xac\xc9\xc97\xe4\x08S\xd1\xa6\xf9\xac\x18O\x9d\xe4K5\x955@2l#\x92\xcc\xcc\x17_\xa7&gt;\x0e1\x7f\xaa\xf0\xc1\x162\x1f7\x1c\x01\x00#\'\xccjT\xb5\xc9\x91\x19\x84`mbl\xee\xad\x945\xf60\xce\xb1\x0fG\x19)\x1bhBN\x8c\\4\xf7\xf4\xe0\x00\x16\xe8\x92u\xb2W\xc1\xc2\xa6\xeaV\xe3\xf1G\x0cz;\xd0\x1c\xaa\'\x15\xcb#\xac\xcc\x97\x12\\\xf8&lt;\xd3\xdd\xa7\xf8\x05\xb7\x0c\x86\x7f\x17!-7\x80x\xcd\x80\x85\x9e\xc9\x17\t\xa7\x98z\xe9}\x17=\x8a\x80\x99\x98\xdf\xdf\x8dK\xde\x83F\xc8\x90w\xb1\xc5\x8b\xb2\x80\xab"\x85\xa0L\xad=\xc0\x02\x84\xa3\xd7\x85\xf1\xb4\xc3\xa8`\x84&gt;\xf4\xf4\n\x92\xba\x1b\x80Q\x031\xa8\x86B\x10\x92\xe3\xcc\xd7\x1f\n\xd0\xc6?.\xbd\x94\xd7h\xff\xae\xa1\xbd\xaah_\xb0\x97V\xa7\xa3U\'\xce\xb0G\xad\xc2\xb3n,e\xfd\n\x9c\xd4\xc6\x91V\xa1U7\x94q\x18\xd5\xb8\xbc\xb5\xa9^o\x9b\xc2\xfc\xfa0h3.)&amp;mG8\xba\x14\xb0\x13\xf6k3a\xa0\x1a\x19(\x19\x18^\xd1\xf5\xba\x83_\xa9w\xe0@\x80\x83^\x8d\x90e\xa3\x07&gt;7\xef(\xea\x1b\xec\xe1\x0cG\xae~e\x7f\xfco\x9a\x0e\xdf_6KnBu\x87U!\xc0\xe2_\x88\xd3\x18;5\xaa[i\x01Vu\x94\xc1\xecJ\xb4"9U=\x8c%\x92_\xe7 3e-x\xcb\xb5l\x06}n\x05\xd8\xbaa\xa0\x99J\xe5s\xb9\xebU\xbd\xdbBk\xf5?\xf81\xeeH\x1e\x82\xa9\x98\xd8n\x1b\x92K\xc2Q\xd8F\x1d\xf2v=\x11\xf272\xc0\xae\x85\x8c0?\x10\xa6\xc7n\x00\xc4L\x1d\x07\xa10\x13\x12Rcxp92sS\x16\xc6\xb0Se\xf9\x0c\x9d\x03\xa0\xae5T\xb9\xf1h\xdc+\xbbE\xae35\x16\xab#\xf0\x14]r8\xf8\x82*\xadiR#\xb1\xa8I\xbdCw\xe4\xa5\xda\xfcj\xe8:C\xb2\x92qNu-\xb6\xb7\x8a\xdb\x95\x83\x1dF\xa4\xed\xfc\xc1\\\xfe\x80\x9f!;X\x06\xb6St0\x10\x9a\x94\rj\x8f\x0e\xd6\x9fw&amp;!\xc8\xad+\xe4\xff\'NS\xe2e\x80\xc1~\x19\xb8{k \xf7\xab\xe8t\x11q\x8d\x82y\xd3\xa2\x02]\x99\x1c\xaf*\x14o\xc7\xccl6d\xbe\xa2\xfaS\xf2}\xd6m\x8b\xa9\xf7\x00o\xc4\xc4R\xc5\xe0Q=\x04&amp;\xc5\xe6o\t\xd6ZPWy\xbc5\xea\xc4?b\xa9o\xb3\xa2\x1a\x1c\t\x07\xf5\xcd\xb6N\x17\xf96\xf1\x1e"\t\x88"Q\x12&gt;v\xa9\x90\xa9\x07\xa46\x0cD\xccG\xa8\x04E*A\xe0\xf9\x80RR\xf7r\xd5\xe6%AtF%)\x9e\x110[\x18!\x82\xf6V1%\x15\x99\x88\xf9G#\x88e\xe6\x98\x88\xc3_\xcf\xd4\x18\x98\x97\xbd\xf7-\x9b\xfb\xe8\x00\xe8\xd2V\xeao\xf4\x98\xe5\xf2\x15\xfc\xbc\\\xdc\x01\xe0\xc3i\xde\xc7\x02\x1f-}\xd2\xd5\xaf\xe6\xbf\x86\x8c\xdf\xbb\xe3\x9a\xc6z\x13\xec8Q6\xea\xdb\x7f%\xba\xbf\r*\x03\xe3\x13\x1c\xf1\x10\x92#k\xcf\xe1\x837\x9e!0B\xe0\xe0\x0c3\xc6\x96\x9fX\x03&lt;\xe8\x82t\xdbv\xd5hM\xd9Q=\x0e\xc3\x8b\xad\xc3\xc0&amp;M\xf8\xae\x06\x98\xd4\xee ?#\xe1\xc3\xf9\xc1p\xcc\xaaW\x013\x81\x9d\x1d\xa4q\xa3\xe1\xbd1\xdfJ\xce\xbc\xa4\xd7\xb6F\x18\x8aJG_\x1e\xcfb)\x9b_\xb84\x18#o]C\x9c\xd1\x1d\x19\xbe\xf9\xae\xcdQ\x8bw\xcc\x91\x84\x08&amp;\xf3\xa0\x9c\xa3?\xb5.\xd4\xa1N":\x93\x11\x18\x88|\xfbhw\x96\xf7\x90\x8eJ"*\xda\x0e\xcf \xf6Fxu\x88\xf1\x160\xff/\x17\x95+R{E\xa0\xda\x00\x00 \x00IDAT\x90\xf1.\xeb\xf0\xe3\xbc\xbb\xf1\x1d\xe3\xb7\xcf\xb9a\xc0!\x0f\xf9\x18aK\xce\x0fc\x01\xea\t\xaaq;\xf5\xb5\x17x\xb4\x14\xc6\x16\x96%S*\x99\xd3^,\xc5\xe0\x1e\xec\xecz\xc4\x9f\x05\xa4?\xdab\xb3_Bf\x06\xbf|^\'\xdb\xa5=\xc0&amp;?\x18\x07\xff\x12y\xd1\x95\x1f\xcc\x02&gt;\xa9f\x00\xbf|\xf0\xc2\x1f$R\x84\xccg\x89\x18\xf9\xc8\x1d\xcfa3\x97\x0f/h\x9f\n\x12E\'?J\xc5~\x16P&lt;\xd4G\x1b\xcd\xeenG\xd3\x1bs%\x15\xce\x06\x9f8\xd2\xad\x90Jon\xdb\x07\x98}T\x8e\x96\x89\xea$\xf1%\x18n\xfe\xe1\x98\xa6\x89\x83\x8f\xac1\xf5\x8cS\x0f\xf2B\xa5\x1e\x88tQE!\xcc\x1c\xeaO\x98\xc1\x98\xe1\xe7\x14\x85f)\xe4\\\x96\x84\x96\xa9{\xf3dD\x7f\xf0\xdee\xc8\x12\xc6\x86\x1f\x9cU\xd0H\'\xf5\xb3\xbcHs\x1b90\x90T\x8c*\xba\x10#\xecW\xf8c\xa9\xe2\x8f\x14\xe3\x92\xfa\x18\xa7\xea\x99\x1b\xf7\xde\xc1\x11~\x16\xd0V\xbc\x82\xeeOT\xef=\xe5#\x94B*:\xc6\xcd\x87\x9fP3Y\xff\x9b\xbd)\xa3\xc1G\xb9\xca\xcf\x04\xfa\xb9;\xab\xe5&amp;Y\x9e?\xe4\xde\xd0\xa8&lt;t\x9e\x1b\xb1zl\xe5V\n\xb0\xc7\xad\xbd)\x11\x11\x9d\xba"\x9c-,\x1fX\x82\xba\x7f~\t\x1fw\xb9|A\x00^\xd5\xc5\xdbiJ\x12-\xc4\xea?+\x07g\x85\x94\xf8j\x06RJ\xc0\'\xd1\xd4\xa7%\xf9\xb1|\xf5\x99NUW\xf9\x0c\x99\x9a\x97\x0cU\x16\x05S\xe9\xad\xd50\x92o\x9fW\xa3\x94\xf5\xa5\xf5{5\xcf\xf54*\x9f\xce\x04P\t\xb3\xf2\xe54\xfd1\x89\xc5\x1d\xc9\xfe\xc3\xd1\x86\x86\xfa\xc8\xad\xfa\x11Gb\xfbW\xc2\x13\xeej\xeb\x07G\xac\x043\x85\xd8&amp;\xa2G\x92.3\xb8\xf7U\x8a1\xa2\xda%\x98\xff\xd3TK\xbd\xf52\x7f\x9fY\x7f\xc1KB\x86v\xd7\x0f|\x00x\x8f[\xf1\xe7\xdb(MD\xe7\xeah\x8d\xdf\x1a\x96.\xb3|-C\xf4P\xe5Tva\x9d\xfar\x9a\x9c\xc9`6i\x94\x1b\x86\xe8lB\xb2\n[\xc4\xb7\x99\x04\x85\x03}P\x87|\x86i\xe2\x83\x16\xfd\'Lm\xf39\xa5\xff\x1e\xe1J\xb6\xa8\xae\xf0\xa2B\xf4\xf2lQ\xfc\x9f\x04DDD\x97(N\xd3\xc3^\xdaR)\x19\x01\xb9\\\x84\xdd}\x98k\xcf\xed\x8d\x987}\xc1\x90-tJ\x12Y\xabk)\xbfgN\xa8\xf5/\'\xf4&amp;\x1f\rf0F\xef\x90\xf1\xe5\xed\xb9\x99\xeb3\xd9T&gt;\xe7lr\xe7\x84\xb0\xc8\xd6\x04\x1cq,\xd3$\xf6H,f:^yw\xd9\xfa\xd0a\xc00W\xab\xf4\x81\x04\x98w\xf4\xfe\xe5I|j\x9f\x97\xb7\x9c+T|\x186\x9eS\xc0gi\x93wI}\x97\xafw&gt;j\xcd\xf0\x9cp\x07M\xd34M\xe7n\x99)\xd4\xb5\x92\xde\xd5\xaf\x1a1\xf3y\xcc\xcc\x01\xab\xcf\x00\x9b(Ch\xf9(\xb0\xcan{q\x1ap\x02\xads\xad\x07\x9c\xf4\x07\xeb\xd2\x15\xbf\xb3\xbc}\x8c\x0bG@\xb5\xcf\x01\xd8\xa2\x83\x84\x90\xc8\xb7\xeb#\r\x1a\\b\xabE\x11\x18\xcc__\x01ZK\xb1\xf3\x98\x98\xb4\xa6t#\x8fqBY^\xc7\xc7&gt;v\xaer\x02\x81BWa\xae\x85\x1d\x0ffU\xaa7\xad\x8b\x18\xfc\xeb\x0c\x92\xc7w\xc2\x94A\x05h\x8c\xf8x\xba\xfbh\xed\xc6A\x152;u\x90\xa1\xf3AHew_\x11\x10\xe2\\\'\x16&lt;\xec\xaa\xcf\x88\xed\x0c\x92dxW\xbb\x7f\xe4`\x95\xcf\x12\x9e1\xab\xda}\xf5\xb5K\xf1t\x1b\x87\x95\xd7\x8b\xb9\x0cV\x8c\x91\x98U\x16\xd7\xd5\x91\xf4\xaf\x1a\x19\x92M=\xb1\x7f\x11\x8c*\x96\xae\x0f\xfbuJ\x91e\xa1\xd29$6\xb8\xca\xe46^\x1b(~\xc1\xd5|\xd7\xbb\xda\x1a\xbd\xda\x18\x0ci\x84\t\xe9\xeb\xf6\xa9_\xae\xb7p\xe7\x05\xbaK\xc3\xed\xa0%"\xe67K+\xc6nP\x8d\x14\xed\xdfn\x14D\xfa\xf0ff\xe6\xf7\xc6{\x1c\\\x14\x8c\xc0\xe7\x94\xae1\xe3\x82\x05\x90\xbbe\xf0\x7fnDW\x00s-\x92\x93\xa36\x89\x8eJ\xc5\xe4\xcf7\x1a\xff\xdd\xbad4b\x194\x0f0\xef\xe2\t\x07P%Ki\xec}\x17z\xb3E\x96GF\x1c\xc5k\xbd@\xae%{\xfd\xcd\xda\xe4\xc5v\x88\xc6o\xf2D\xde\x9f\xee]\x83\xa1\x98v\x92\\\xba\xf5j\xc7\xbd\x0fY\xaa1\x1f\xca%\xbf^\x00\x9a\xe6k\xda\x99\xff\x8c\x0f\x00\x0e\x12:^\x85\x8a\x13\xe6\xee\xe5\xac:\xc8\xbdt.Ic\x00\xa5(\x13\x00fx\xb0\xe4\xc3}\x14\xab\xef\xa11R\xd3\xa4\x9b\x02P\x97iSK\xea\xf5\xe9\x06!!&amp;\x06\xea\xde\x03{F\x12Y\xd9\x06\xef\xce\x1bw\x98i-\xf6\xbe2\x99\xe7\xf0\x85\x9a\xc6\xfe\xe5\xa5\xd8T3H\xc1\x95\xd7\x8e\xbe\x97\xc3j\x13\xf2\'\x8c\xf7\xc1\x91\x04\x85dr=~G\xef\x99lsD\xf6\x8e\x12\tw7\xcb\xc8&gt;\x9a\xc7\x8f\x07$M\x16\x86\x02\xe1\xe5\xdf\xd1\x14\xa4}g\xbc\x11yf|\xbf\xeb\x1b\xc9\xf2\xeb\xcf\x06f\xa2{\xed\xacon\xa0\xcb\xf1\xe7_\x19\xda}\xeb\x00\xcf\x88\xf3\xd9p\x8fyi-\xfcm\x8c\x06\xc5~\x08\xc2\x1a\x0b\xcaZ{\xdddd\xb4k\xeezk\x0e\x80p\xc7\x06\xf3\xf6\xce\xa5\xb6\x1c\xd1O4r\xd0s\xdd\xa4\x0c\xed\xa7N\xde\xe0\x94\xc5\xc7O\xc1\xc8\xa1w|I|M\xc6\xea]\x11\x98dT*\x80w\xdf.!\xe6\x80|\xd6C\x06e\xe6\xd9\xd2\xd5\xdbxC\x87\x01T\xc7 \xe7\xd7\xaf\xf4\xc8\x97\xb7\x8f\xea\xd8\x8d\xa2\xd6M\xadR\xa7\xc5\xa4L\xff\xf2\xe8\xc3I\xee\x16\xca\xda\xf5-\xbc\x87iI\xa8\xde\xec\x0c\x86\x8c\xa0t\x993ka8\xc8\x89\x97\x0ct\xc1\x19\xc0b\t\x03\x0b!\xdbU\x1f:\xa0\xc5C\x95]4\xe7h\xe7\xa3U\xc3\x96\x0c\x9e$\xcc6/|\x80\xcc\xcd@\xfcv\xcd\xc8I\xf57e\xc5A\xcc\xccW\n\x8c\x07\xb9!u\xf9\xb2\xf3\x9d\xf4\xc7d\xda:\x0bJ\xc1\x14\xe5x^F\xc4\xa5\x08\x8b=\x8cn+\x07\x16\xf9v\x96\xad-\x12\x0f\tn9BI\x8f\xf8\x19t\x8aG\x0f!&lt;\xd2&lt;\xecq`FFv\xffs\x0c\x1c\x90\xd2\xf8 \x03#B(\xdd\xa3\x14\x8f3\x90,w\x9fQ\x08\x1c\x00\xc3\x90\xf46T3\xc6\xe6\xe3\x82\xf9"?x+\xae.\xb4\x85\xa0\xd4S\xe2\xe0a?\x86b\xd31\xff\xdc!\x8b\x1fs\xdc]w\x03?&amp;a\x96P\x01\x89dG\xdb\x98\x9f\x0b\xcd{\xcf\xaa\xe3$\x80\x832r\xc2\xc1\xd5Ik\xeaL\x8b^\\gD\x80#CJz\x95\x9b\x8a\xee\xe6\xa3\x08w\x88~\xdf\xadEv0\xa2c\xbb:\xfbg?\x7fu\x0b\xa9K;\x80\x91~z\x8f\x87\x04\xdf\xd6\x90\xe5\xc10\x02\xac\xcb\xb3t\x87\xf0\xf4\xa9\x1e\x19\xb5\xa2\xfa\x92\x1a\xb0\xbc%8l\x15a\xaf\x97\xe5\xcc\x0f\x1fi#\xc3gDF\xa4d\xfa\xa6\x9aV\x82\x1f{\x8f\xf1@y\x02\xe7\\\x13\xdf.E1z\xed\xb5\xe0Xv\xef\x19\xd6\xdf\xfb\xa0\x0b\xaa\xdd!\xe0F\xa7J\xbfE\x18\xbc\x99k\x04KN\xd1\xf6\xe8D\x1a\x03\x0eR\xc2\xf6k\x11$7\x12\xa8\x03"\xe6?\xe4\t\xde\xac\x08j\x07i\x90\x84\x1d\x0e\xeeS\x88+\x0b8{\xeb\xd5\xbb\x07@\xcc-`&gt;\x0c\x16/\x8ePg\x9d\xe6\x9f\x91\xf0\x92\xb0\x18`\xd7\x80&lt;kw\x16_/\xd6\xed\x0cc\x9e\xeb9\x87F\xfd\xa5\xa7\xeeX\x03`\x85\n\xeb\xd7\xe6\n%_\x0b\xdawJ$\x8c\xee\xd3Z\xe6\x1d\xc1I\x8f\xcf\xfe\xb1C]\xaa\xed\xa1\x03@z\xb5\'\xd8\xf8\x19\x88\x8eA\xbb\x9a\xf6S\xa3\xcb|\xed\xbeG\x85S\x86\x93\xc1\xe6r\xbc\x01\xe4N\x01\xa2M\xd80\xa4\xa9\xb2`Gol\x88U\xe9\x0c\xb9v1\xb6\xc6d&amp;}\x80\xd8\xc8\r;%kV#\xb6\xa5w\x13J\xcd\x1d\x0c\xcf\x84\x1d&amp;\xd4\x8d_\xa58\xf5\x92*\xfe\xea\xe5\xba\xc8\xb8\x89K\xce\xf3\xc0\xc7n7E\x04C\xb9\x8b\xe0\xae\x1c\x05\x9bM\x13.\x83p{\x86OT#\xf1\x02G\xb1&lt;\xf3\xf9C\xdezNk\x93Y\x03#S\xb1!;\xea\x84\x11\xdf\xbe\x94\xdd\xf1FJf\xef\x13\x9d},\xa2\x9d\x0e{Y+8\xae:F+L\xccM\x84\xcd/\xfa\xd3e\x19O\x95\x93\xa3h\x0b\xe3\x8f\xc0\xab_\x1b!\xfb\x15\xb3pZ\x94\xb0\x02"\xcb"@j\xe5\xe5\xe4\xbb7\x14{\x08\xfd\x05\xb8\x0bc\x00\xc2\xe2H\xbd\r\xf6\xac\xcd\x86?ol\x14\xdfo\xa5\xd5\x05\x90\x0bX\xcbZ4\xdc\xe1\xa8\xafQt\xaf\x8c.\x131\x0c(\x0f\xf10\xb7\x1fn\xddb"\x96R\x19\x08\x07\x13(D\xe3\xe3\xe1\x1bJL\xdb6~\xfa|\xeay\xd9s\x1b\x00\xbd\rY\\\x1f\xa1A;#\xf3nO\xee\x80C\xb1\xd6\xf0\x84TeF"\x81hl\xa0\xb2\xe1\xf0N\x9e\xb1J\xdd\xfd$F\xe2\x02v\xd2zWe]7\xb3\xd4\xcb\xb5\x9d\x912\n3zO\r\xbbw\xed\x92\xab\xdd\\\xabZq\x95\xca\xda 7\xb1\xcemZ\x19i\xaf\xb5k\xc1[\x13;2\x88\xca#\xac\xba\xcer\xc7\x82\x9b\xa1 Al\xc6\x9dTo\xea8JH\x87\xc6\xf3&lt;\xc5*D\xf4\xdd\x1a\xda\x90\x19c3\x84:\xff$k\x84\x84\x84\xd3/\xa1\xce\x05\xb4\xa2@\xb4L3\x1e0s\xcd`IO\\)2"u\x8ce@\x82so\xdcE\xcc`;\xee\x00\xb0\xd5\x18\xc4.\'\rK\x11\xdae\xe6\x1f\xecwV\xbcL\x18/\x16\x11\xc2\xe9\xdb\xff\xd3\xc3\xdf\x0eF\x15\x83\xeb\x89OR\xe4+2\x0b\x05\xd0-\xc6\xee\xf3v\xf6\xa4\xb0\xa5\x83\xb1\xdc\x97\x8a\x8f[\x8f\x05IDD\xa77\xe7\n\x94WK\x19?\xf2(\xf2\x9cH\x83\xea\xc0nAE\x84\xb4K\x80\x8bQ\xedR\xc5[18R.\xb9L\xc4\xea\xec\xfa\xfe\xc3*\x1f0\xd7\x02\xc4a\x17\x153?6p\'d\x8a\x8b\xeb\xa7\x81i\xb3&gt;\xb4d\xde;m\xf3\xafQu\x1eQ\xc7\xcc\xfcV\xb4\x07\x99\xf9\xc1\xf6\xcb\xb0\x1aI\x16\x02\x95"d3\xb3\xe9)\xab^\xbbS\xe15\x1by\xf1\xcc\x10\x11\xf3-\x00\x15 \x17v\xb5\xc3\x8b\x8bb\x0f\x8d\xb7o\xcf\x94\xe9;\x7f\ne\x02-\xea\xb5\xe6\xc8\xcb9]\xb7"\xa2\xa3Q\x97\x9c\xc7Y\xf3Zw\xde\xd3x\x9b\x0f#w~\x04\xf5\xf1P\xb7\x17\xe0Y\xc2\n\x13\xcf\x10\x11\x87A\n\xea\xd2c\xcb~\xf0*\xea\x84\x90\xde\xd5a`\x90k\x0b\xf1\x8f\xf6\'\xf0v2&lt;\xab]?\x95\x8d\rt\x89\x88\xf9\xbe\xab\x02\x81\x8e2\xf9K\xe1\xb3?\x81\n\xdf6\xefA\x97\xc9-\x0f\x86\xa83\x9e1`\x9dbkl\x8aP\x86ct\xeb\xeb\xcd\x90KxItC\x16\xb4\xdb(\x17\xc6\xa9\xb9`u\x9b\xcf\x06#\xfa\xe4q\xfd\xb1\xe3\xf2\x93\xd3\x13\xb5y5\xfa\x08\xecY10\xeb\x01T\x85\x9cc\xf1\x99\xe3\xed\x137\xa7i\x9a\x91\x18\x97\xd5l\xfe\xd7\x05\x12o\xb3l\xfeY\x86\xd5\x01\x87\x9f \xaf\x08\xa9*\xd40L\xb3\x97\x11T\xf0O\x05L\xd3\xf4\x0b\xa2\xd3\xb7\x8f\xa8]D:\x1f\n?\x7f`\xe3\x04\x9cV0\xfa\xf3\xe8y6i*D\xfa0\x9c\x9b\n\x16\x1f\xcbN\xc6\xce\xf8\xc8\xb5\x143\xe8#\xf8CE\xf9\xa9\xf1d\xe9\xad2\xc6\x90MYY\x85 \x97\xa8\x8f\xa3\xe9\x1c9\x16\x85\xca\xd8\xf6M\xc1\'\xab\xa2\x92*X\xfd\xd8i:\xc0\xb931\xca"w\xe9\xd6\x15B\xb2\x7f\xe2\xed@\x961\x92\x1f\xab\x1e\xff\x81\x04\x05\xbe\xec8\xe9\x08\xb5\xcb\x89h)\xb5\x8d\xfe6\x01\x02\xef@\x96\x88\xca\x07\x98\x92"\x9f\xba\x15\x1b\xee\x91\x0e\x93\x1b\x8c\xf0\xef\x01(\x04\xf2\x86\xc8\xed\xab!\xf2\xdaH\xf19Y&gt;k\xd6\x8d\xde\x87u\x10\x95-\x82\x8c\x1a\x17s\xd9\xb4Oi\xad\x0f\x1b\x86\xb5\xf0\xf3\xf7_\xef\x1dM\xd6\x0b\xfe\x0b\x07\xf2\x8a!?\'\xd6\xf5JgV}\\l%vj\x9f\xf3\xae\xd9\x89\x98d\x91\x94j\xf6\x0c\xf2\x03\xca\xe7C+)\x9a\xf9\x04\x9d\x9f\x1f\x98\x08:\n\x1f\x1e\xf4\xdf\xae\x11\xaf\xe5\xfe\x9c\xdfE\x9f\xa4;O\xa4\xbbB\xf9o\x9c\x0b_\xddr\x9a?\xec\xf7\xb4\xeb7\xcf$\xc8\x9f\x96X\xb07P[\x8c\xe6\xe5\xf2\xfe\xac\xde;\xab\xde\xd7\xcca+\x97oH\xf3\x93\x00\xac\xf1\x17\x95\xf6\x89\xc4\xe2\xc3\x8d\x97\x1c\\\x9cY\xfcd\x9a\xcf\x16\x1f\xaa\xb1\xb2\xadQ\xfd^9\x</t>
        </is>
      </c>
      <c r="E506" t="inlineStr">
        <is>
          <t>&lt;class 'numpy.ndarray'&gt;</t>
        </is>
      </c>
    </row>
    <row r="507">
      <c r="A507" s="1" t="n">
        <v>505</v>
      </c>
      <c r="B507" t="inlineStr">
        <is>
          <t>steps_per_sec</t>
        </is>
      </c>
      <c r="C507" t="n">
        <v>7300</v>
      </c>
      <c r="D507" t="inlineStr">
        <is>
          <t>10.260615</t>
        </is>
      </c>
      <c r="E507" t="inlineStr">
        <is>
          <t>&lt;class 'numpy.ndarray'&gt;</t>
        </is>
      </c>
    </row>
    <row r="508">
      <c r="A508" s="1" t="n">
        <v>506</v>
      </c>
      <c r="B508" t="inlineStr">
        <is>
          <t>Loss/object_center</t>
        </is>
      </c>
      <c r="C508" t="n">
        <v>7300</v>
      </c>
      <c r="D508" t="inlineStr">
        <is>
          <t>0.17471336</t>
        </is>
      </c>
      <c r="E508" t="inlineStr">
        <is>
          <t>&lt;class 'numpy.ndarray'&gt;</t>
        </is>
      </c>
    </row>
    <row r="509">
      <c r="A509" s="1" t="n">
        <v>507</v>
      </c>
      <c r="B509" t="inlineStr">
        <is>
          <t>Loss/box/scale</t>
        </is>
      </c>
      <c r="C509" t="n">
        <v>7300</v>
      </c>
      <c r="D509" t="inlineStr">
        <is>
          <t>0.093563415</t>
        </is>
      </c>
      <c r="E509" t="inlineStr">
        <is>
          <t>&lt;class 'numpy.ndarray'&gt;</t>
        </is>
      </c>
    </row>
    <row r="510">
      <c r="A510" s="1" t="n">
        <v>508</v>
      </c>
      <c r="B510" t="inlineStr">
        <is>
          <t>Loss/box/offset</t>
        </is>
      </c>
      <c r="C510" t="n">
        <v>7300</v>
      </c>
      <c r="D510" t="inlineStr">
        <is>
          <t>0.12389212</t>
        </is>
      </c>
      <c r="E510" t="inlineStr">
        <is>
          <t>&lt;class 'numpy.ndarray'&gt;</t>
        </is>
      </c>
    </row>
    <row r="511">
      <c r="A511" s="1" t="n">
        <v>509</v>
      </c>
      <c r="B511" t="inlineStr">
        <is>
          <t>Loss/total_loss</t>
        </is>
      </c>
      <c r="C511" t="n">
        <v>7300</v>
      </c>
      <c r="D511" t="inlineStr">
        <is>
          <t>0.3921689</t>
        </is>
      </c>
      <c r="E511" t="inlineStr">
        <is>
          <t>&lt;class 'numpy.ndarray'&gt;</t>
        </is>
      </c>
    </row>
    <row r="512">
      <c r="A512" s="1" t="n">
        <v>510</v>
      </c>
      <c r="B512" t="inlineStr">
        <is>
          <t>learning_rate</t>
        </is>
      </c>
      <c r="C512" t="n">
        <v>7300</v>
      </c>
      <c r="D512" t="inlineStr">
        <is>
          <t>0.0009997826</t>
        </is>
      </c>
      <c r="E512" t="inlineStr">
        <is>
          <t>&lt;class 'numpy.ndarray'&gt;</t>
        </is>
      </c>
    </row>
    <row r="513">
      <c r="A513" s="1" t="n">
        <v>511</v>
      </c>
      <c r="B513" t="inlineStr">
        <is>
          <t>train_input_images</t>
        </is>
      </c>
      <c r="C513" t="n">
        <v>7300</v>
      </c>
      <c r="D513" t="inlineStr">
        <is>
          <t>[b'512' b'512'
 b'\x89PNG\r\n\x1a\n\x00\x00\x00\rIHDR\x00\x00\x02\x00\x00\x00\x02\x00\x08\x02\x00\x00\x00{\x1aC\xad\x00\x00 \x00IDATx\x9c\xed\xbdw\xbc=IQ6^\xb3d%gP$\xe7\x1cV\x91$,\x06$\x89\x80\n\x88\xc0\x82d\x10A^\x01\x11\x17P\x94\x85\x17\x91\xa8\xf2\x13\x01A@a\x01\x89J\x90\x17Y\x90(a\t\x12dA\x10\x96\x8c\x80D\xa1~\x7f\xccLOuwUuuO\x9fp\xef\xad\xe7\xf3e9g\xa6\xba\xea\xe9\xea\xea\xea\xea\x9es\xcf\x01p8\x1c\x0e\x87\xc3\xe1p8\x1c\x0e\x87\xc3\xe1p8\x1c\x0e\x87\xc3\xe1p8\x1c\x0e\x87c_\x80\xe3?\x04d\x90\t#\x84\xab\x9c|\xda\\Td$\xc6\xb3\xb2X^\xe5\x10\xe6b\xa6\x14\x05IQ-\x9e\'\xf1I\xad\x86^\xc0d\xecfW\x13\xaa\xd5N\x9dt.m!i\x82X\xe8l\xaf\xe1\xdb\x0e\x10\xe0\xc1\x9bS\x9e\xc7\t\x9e\xb1\xd8\xea\xd1\x00\x00p\xf7n\x04\x98q\xa0\xd7\xa3(b\x950jw\x13\xf0\x0e\ri\xb4\xa9\x93&gt;\x9e\xd25\xb0\xf3Y\x99\xfac\xa3\xa3]&lt;\xde\x1ayI*LX\xa5~3w*\xd1\xbf\xd0\xdbQ\xaeK\x06\x05-#k\xd1\x19zw1\xce]\x13^\x13\xc4R\r\xbbsH-6\xbax\xef\xd6\x05(\xf7\x0e\x11\x11\xefC^O\x91Q;\xbb\xf3\x8b\x8e\x9d\xc1\x96H\'\xc9\xca\x86i\xa2\xa1\r\x19&amp;\xbd\xf2\xbe\xcc\xc7\xe6\x10x\x8e\xd1o&amp;}\x8c\xfe@\xa7UG;\x10\xdflJ\xe5\x82\xf3\x90\xfeK\xe2\x81\xbc`\'9\xab\xf1\xf7\xd6vh\xdb\x18;r\xd1\xf5z\xae\xdc\x81\x8c\x05\'\xcd\xa57&gt;\xc4\\\x06\xe1\xe9\xcb2K\xed\xc8\xd7L9\xee.\xcf}\xc7\x06Q\xd8z[Ry\xd2\xe4\x0f\xad\xcb\x864\xde\xb6\x04\xb1\tX=v\xa5\x92\'\x9bk\xc0\xa4\xa7M:\x1aa4Z^\x86[\xab\xf5\\\xd1\xd6\xfc\xd0\xd1\xc0zU+{]\x8c=*@\x9c\\\xb1\x0f\xb6\xd2\xa8*\xff\xb3\x83\xc1\xe8\xd6\xed\xcc\x8a\x1cUH\x9c\xce\x9d\xcdUd\xcd\x96L]dX\xad\x13\x10\xe0\x1c\xa9\x06\xe3\x06\xc2\xe2\xb1\xd7\xe5r\x88\xcf\xa1\xcd\xa5\xc3";\xb6\xbc\x03(\x1e\xdaF\xc2\nn\xac\xb4*\xa7\x03\xfc\xeb\xf8\xf4@`d\x1b(+fC\xfd4\xae\xc3\xc5W\xd7\xc2\x88/S\x1a#"^3\xbe\xb2\x8c\xe9\xcf\xd3\xbd\x1a\xac\x08\xe3E\xa7\xbd\x89 \xbe\xd2\x1b\x0e\r\x8f,\xd6\x0b\xe6\x94\x89\xf8\xfe\xead}\xdf\x1e[\x90\x9a\x00)+,j\xe0\xc4\xa8\xda\xe4\xfa|\xb7=\xa1o!\xf6\x03u\xfb\xde\x85\xf1\xa4\xc1\x84I-Y\xfc\x10\x01\xf1\xe5\x8c*\x1bI\xa3\xad\x9a\x08\xe2\xf4 \xe2\xdf\x1d\x98\xd3j\xb6\xab\xc90\xf6\xf0IAIU\xa4\xa5\x9a\x9bi9jQH\x97\xf1\xee!\x9fQJ\xb3n\xb5\x7fm\x8fJj\x8d\xcd\xf3\xeb\xa9\xd8$yj3\xd5IUs\xcb:\x13#~P\xd7p\xc5y\x97I3\xd7\xf9\xfbu\xb7\x85\x8f\xebP\xea\x1e\x90\xb4$\x8dW|4\xd4\xa1K]\x94\xc4\n{i\xda\x12\x86]\x13\xe8\x03}\x08\x87a\xe9\xe6\x98\xf2\xf3[\xa9\x86a\x80\xd8;\x08\x00\x08C\xec0c\xe8\x0cC\xb5\x9f\x0b\x9a\r\x1a\xc7\xf6\x92\xd8\xec\x87o\x03\x9c\xa5^w\xa6\r\xb1\xada\x8d\t\x08\xd3\x7f\xa3\x86&amp;s\xa3\xa1\x92\xc0\x88k\x02\xfc\xdbf\xe9\xac\x02\x02\x00\xfe\x10\x86c\x0e\xcal\x1f\xc7\xba8\xca[\x88\xbaZL\xd3v\xaf8\xa98f\xd7\x04\xaa1m\xdcH9`9\x12\x89\xda\x03\x0c3 \xe8\xa1C6\x0c\x93\x99\x17$\'\xdd\xdb[\xe0\x0b!\x94?\xd8xS\xa6\xa1\x9c\xfd\x01\x86\x1f\x81a\x80a\xb8\xe00L\x1eh\x0b\xdd\xd9\x99\x1b\x02\x86\xff\xe8bs9\xd7a\x98\xd4\x131ZF\x0cY\xf6\xdfI\x15(mtF\xaa\xc3\xb6\xb2\x7f\xa7\xbe\xefE!\xdd\x10H\xc30\x1c\xa0\xec\x7f A\'9\xcee\xa1v\\r\xa3h\x93\x9e\xec\xf7&amp;Ux\xadQ\xe6^\xe1:5D\xccE\x9bP\xe3\xf9\xcf\xca\xa3[\t/\xa44*\x8e\xef\xdfC\x9a\xb41\xfb\xdd\xa0\xa1\xa9y\x03\xf0\xc7\xcbO\x80\xa3\xe1\xe8\x91B\x14\xf7`\x16H\xdb\xc74\x82_\xa0\x94\xde\xc7z(\xaa\x7fj\xad\x98\xb7\xb9\xb9\xadf\xd8\x0b;\x9d\xdbJ.K\xad\xf9\x9f\x07\xefl\xe7\xf0#\xc9zR\xea\x95&gt;AA3E\x9eY\xe8G\xbe\xa2\x8c\xcf\x9dB\x16\xd0\xdcABC\xec\xdd\x9c\x88\xb7\x10\x9f\x0c\x9f\xcd\x1b]\xac\xe3\xa5u\x9b\xec8n\x84\xc9\x86\xf5\x1b1\x8f\xc1\'\x97+\x82\x070~\xbd!\xfe\xef\xe8\xa1$)\xce\n\xc2\x8604}j\xee\x9f\x161\x04\xc0\xeb\x90\xd7\xe4Q\xbfc\xab0\xae\xff\xe5t\x0c\x80\'O\n\xf1\x06\xe1\xa3c\x85D\x9d\\\xc5\xf8\x1f\x00\xe0G6\xbe\x00@q\r\xa8\x9f\xcfk\xca\xf6\xae=S\r\t\x93_\xb1Y\xfcD\x87\xd0\xaa\xbd\x0fW\x01@\xfc\xd5\xd6\xd6\x1d uw\x83\x03#1\xb9\xc1\xda\xa5wlx.R\xfb\x1bU%3t\xbe\x08x\xce:\xeb[\x8a\xec\xfd\xc3^\x9cV\xb1\xcf|,\x0f\x82p~*\x1bW\xeaM\x88--1@\x0cP\xc1\x8a Yq&amp;\x88\xb1\xe9\xf5\xbaG]m|\x12\'o\xee\xa83\xf4:\x0b\t\xe6"\xbdUE\x8bu\x85bB\xe2\xb9\xc3#_\xcc\xf8\xbf\x19\xe0\xfa\xdb\xb5\x08q\x94\xae\xf4\x06f\x9f\xb3\x90\x8cf\r\xa3\x81;/\xc0\x97X1A\xd5\x14\xdbG\xef\xf8~\x07\x0f\x81\x935v.d\x01\xaf\x17\x89e\x1f\xc3a\x10\x86k\xfd\xb8%\n\x86a\x80\x07\r\xe1i\xf0Z\xed5@\xf1MIX\x15\x0b\xf9\xae\xd9U\xc3\x000\x0cp\x9da\xd6\xb4)\x04\xd5\xc9\xd9E\x8ei\x0f\xf4UM.\xd4w\xd1\xc5?\x07@L\xb3\x7f=\xcf\xddf\x8c\xd16=\xa2\xbc\x9e(\xdb\xd3\xe2&amp;p\x1b\x80\x9f\x13&amp;\xf2\x10vx\x9a\x82\xe8c\x08l\xf6\x1f\xf1\x87\xf3\x0b\xaam|v\xbb\xa6w\x07t\xd3\xb0\x83\xf0\x8d\x8a\xeb\xfa\xc2MT\x0b\xe3:&gt;\xc00\xbd\xa9j.\xd9\x8f\xd4\xc2T\xa2\x0c\x1b\xdb\x01,\xc5\xd4h\x05\x8a}\xf9\xd7a\xb8\x8e|wV\xdb\xa9@k@R\x9a!Z\xeb,D\x0c\xed\xd8\x1as\x19\x82/\x0cp~1\x90\xf2\xcdA\xf0&amp;S\xcc\x9a\xe9u\x81\xa5\xb6-+\xd9\xe9.\x04\xe2\xb9P\xd8\xb2\xb7\xef&gt;\xe7\x02f\xe8\x93\xb3\xe6\x8a_\x138\n\xbb\x81\x9d.\x00\x94GS\x04\x7f\x17\xe0L\x99\xe6\xf9\x88\x06\xaa\xd6\x00\xfe`\x81\n$\xb7\xaa\xb6\x05\xf6s\t\xaa64RlY\x93)\x84\xde\xd8]\xad\xcc\x01\xe3QR\xb0K\xb26\xb0s\x98=\xf6\t\x04\xc8\x02\xc0,\t4\xb3\xf39=\xd6\x8b\xf3A\xc3ng\xb8\xee\xc3=L@\x85\xf3\x13(\xc4V\xf31\x8bx$\xb8\x7f.:p\xd8\xc9\xdf\x01d\xa3\xd6Z\xbf\x9c)~\x1b&gt;\xda\xdf\x00&gt;\xa1#\x86\x7f\x88\x97m\xd3\x0c\x00`\xfb\xa2\xa8\x94\x83a\x8d1\xf6\xb6\xf0G\x05\xe1\\\xce\xfeDQ&gt;\x19\xc3\xa8#\x18\xfd\xdf\xb8\xd7\xce\xe5c\x8b\xf9\xdda\xf9\xd3\r\xa1\x0b\xe3~\x81\xbd\x97\xb7\x1b\x06\x008\x91\xd7\xb4=\xe8\xc7qC\x88\xbe\xed1*@b;\x9d\x9f\xe8\xd9\x7f\xfa\xcf\xff\xd7jwQ\xafl\xe0\x1c\x07\x03$\xe3l\xea\x91{\xfe\x91\x95\xd1\x14\xa6\xd6\xb5\xb3E\xe5\xb3\x01\x82~\x05\xe6\xcf5\xc5\x16Q\xb7\xb5\xd2K\x89~\x81\x8fD5(a\xee\x06\xfd\xb1\x86\xf9\xca\xb4|\xd0\xb5\'\xef\xd7\x07g\x867eLD\xb4\xed\xbe@\xfc\xcf\xb9\xd9\x05\xd2\xfef\x0b\x1e\x02\x93\x82\x11\xef\x89\\\xaf7\x81\r\x19BSu1\x0b\x9f3j\xb8\xc6\xe8^a\xf5\xecq\xac@\xbf$\xc6)W\xf5\x87Ym4\xbch#3GK\xca\x12J\x16[t\xae\xf3\x1e\xde\x98I\xbby\xc7\x05\x9f\xfc\x1d\xf5Lv7t*\xca5\t\xf7\xc4\xb4\xb2\x1a\xb1\xc4\xda\\\x10\x9b\x1e\xb5=\xd0\xa8jn\xa8\xc5\x0f\n\x7fz\xb2\'@\x00\xc4\x8f\xb5\xed-p\xcf\xbe10\xden\x9a\x9b\x8c/\xf6u\x80\x8e\n\x8a\x13\xf8|MA\xb3\xe4wy\x84ks\x07\xd2\x7f\xcdPc\xaeY\xb3\xa2\xca\xe0\xa8\x82.\xd1\xc6"\xc0\xf8Y\xe3\xa6\xf6\x82\xe6e\x8d9\xc5\x99u\xc9w+n\x0f+\xbab\xf1\x12T\xd8\xf0\xd7\x06\xa8v\x7f\x1f\xb0\x86\xda\xbe-\x00\xefl*\xe4\x1f\xb7\x01&amp;\x07\x14\xbb\xfd\xf0\x00\x84\xa8\xe8\xfb1\x86\xe2)\xe1\x124\xaf\x18\x86[\xd6+\'\xcck!~\xdcH\xd49\xe8\xb6r\x85\x08K\xce+}\xbaI\xd3Ed\xa2\x1b8\xd3\x92\xb0\xb8\x973O\xef&amp;z\xb0D;\xd5 \x8b.K\xca0\xe8\x9f\xf7\x10\xad\x8c\xcd\x93\xbe\x87\x8f\xa3\xcc\x7f\xa4\x92x\x83r\xdb\xdb\x8f\x95\xe3\x9a\xbf\x05\xe9\xf49\x1c\xc7&gt;`\x97_\x06\xc7\xcd\xabN@\x80\xecS\xde\xbc\xed[T\xdb\xdd\xea\xc7G\x1eR\x98ml\x8aI\x93x+\x06\x98\x1d\x95}\x04j\x1c0\x0c\xffE\xc4\x0b\x98lQ\x99A\\\xdc\x8a\x7f\xff\x11\x87\x0e"=hB\x80\x87\x10\xc9\x01\xe0\xdf\x87\xf89sfTZx\xe5\x0f\x87?^jEY\xea\xf7w\x08\xf6SX\x96)\x98?\xc3\xdf9\x8c\xcc\x1d,v?\x9al\xb5\xd8\\\xa1\xc0RJ/\xe9K\x10\xc8\xcdVYi\n\xba\xe2\'%\x12\xb5\xd9\xdf!K\xfa\xbe\tpVN\x8fy\x07\xb0\x94\xb4\x8c\xa4P\xa7sD\n\x1b\xbb\xc8\xf9\xe1o\x1d\xe8\xedk\x0c\xc3{X\xca:\xffH\xa1\xf4\x99]}\xb7D?f&gt;6\x91\x1c2\x00\xa0\xf0\xe9\xfb5\xa1\xbbC\x8c\xc3\xd2q\xcd\xda\x8e\x1f\xf4\xbd\xa6\xa3\x88=\xf8:\xe8a\x00\x18\xff\xe6v\xba\x80\x00p\x96\x95\'\x86\xff\x15\xbe\xde\xf8\x00a\x98\xc2x\xe6\x1d\xde\x94z\x82\x00?J\x0b\xe1qV\xa8\x1f\xcc\xcbo\xc8\x1f\xb1,\x95X\xc30\x8e\xde\xfc\xdcE?\xb0\x8a5\x03\x00&gt;azR&lt;Z\xe1\xb2?\xb3\xe0\xf0T\xb1:\xef$\x9f\xfaI\x9fI0}\x19\xf5K\xee:hA7a\xdc\xd7\xf6\xaa\xa4q\xcd\xb3\x82&amp;\x1cP\xb7\xef\x1c\xbb\\\x00\xa6\xcf!\xcc\xa7\x8a\xcb\xf7:\x00\x0c\xdf^\xf5\x8d\x05\xc3\xf0\xe3\xba\x00\xc1\x9d\xcb&lt;\x97\xa7\x85\xebb\xdaZ\xa4\xcc\xe5j\x8b\x8d\x90\x7fk\x97?\xe6\xd1\xe0\xf8\xfe)\x03\xc0\x7f%\x1f\xa3g\xebh\x92L\xd5\x0f\xed\x87\xeb\xf3\xff\xff\xcer\xef\x04q\xc3\xb2\x9c5\xc94\x00\x00\xf0\xae\x0c7\x87\x05\xd33\xeew\xafP\xb0\xc1\xa7\xdfle1\xa8\x91\xe6\xd8kT\x05\xcb8\xff\xcf\xd3\xd7\xb4j\x1c\x17a@\x00|G\xf4\xd1\x1a\xacEXE\xae\x9c\xea\xcf\xbb\x99pC\xd9\x1c#`Hy\x08\xf0IA\xe7"sw@|tI\x13\x00\xc0\xf1\x8b\xa3\xdag\xbf\x8967l&lt;\xfb\xfc\x96@\xcd0n\x9b\x85\xc5\x02\x02 \xdeu\xd3T\xd6\xf7\xd9\xee6&gt;\xf8\xd5\x96m\x9f[u\xec5\x8c#\xfab\x92\xe3\xba\x99.\xc5\x93\xfe\xa8\xb0\x988\x924\x12\xbd\xb8\xae\xc2\xea\xbd\xf9\x0c\xb2\xa4\xa7\xaa\xe9\xf10mQ\x19\xb5\xbdx\xbd\xa7\xbbOW%\xbb(\t\x85q\x16\'\xf6lN\xc9\xd5\xda\xc9\x9a\x80\x00x\xb3\x96P\xdc\x14\x1f|\xfbZ\r%\xaa\xcf\x9b\x0c\x89\x9f9V4\x07\xdc\xbd\x8d\x9c\x8c.\xee\xf5\xf5i\x83\xc0-N\x83\xc4\xe8\xc5\xd8[U\xb8W\xc5g\x15\x92n\x8a\x99z}\xef\xf8_\x1a\xf8\xd1\x95k\xed\xf3W\x13#\x0c\'"\x08\xf0x\x00\xc4\xeb \xe2\xa55I\x8c/F\x1d\xec\xc7\xab\x0fpb\xf8\x03\x85\xe1&amp;X\xe3\xee\xaa\xe9p\x8eZ\\\xf0far\xd1\xd0p\r\xab\r(v\x94\x80\x95?L\x88\x00\xb7\xd8 \x1d\xc6\x9c\x14s\xca\xb1L\xdfd\xbd\x01\x95A\xb3\xb8\xb4\xacy\xe0\xd1q&amp;%G[\xac\x15\xcc;\x92H\xee\xe5\x02\xc0\xc6\x0f#\x16\xbe\x89\xaa\x1f\xfd5\x83[e\x85\xbf\xfe\xa1r\xc39\x02\xcf\xd0=\xe6\x17\x13I\xad\xb0\x15\x9f8"\xb4\x8dn\xd5 !2_##I\xd6\x06\x80\x94\x9a\xd9\x94\xda\x86\xcd\x95\xff\x91\xf2\xcc\x10\xd8j4\x16\x8f\xec\xc1\x8d\xe22\xf9\xaeHY\xba\x10\x11\xbf\x97+\xf9\xb0\xa0|\x0b\xdb\xca\x17Kv#\xe7\xbf_\x19\xd4\xbe\xe9o\x9bXC{3Q\xbfhN/\x92\xff\xaeS\xbeZ\xc5Q\xc0\x9f\x9b\x8fh\xd7\x80\xaa\x7f\x8c$\x13\xcfF;\xae[\xb9\x06\xd4vp\xa3\xd9\x7f2\x11+\xb4\x93\x0cg\x08_\roq\xfa\x00\xea#\xfb\xd1\x93\xad\x0b8su\xae\xd4}\x8b\x08\x88\x7f\xdd\xc2\x10\x00\xf1M\xa3F\x89\xce\x16j\xf0\xce\xe1\xd2\xc4aUs[\xcc\xd3]\xa0\x85R\x18\x17V\xdc\x13\xf8\x96\xb0\xb9\xbc\xb6\x98\xe0bh\x89\x80\xa4\x10\xab\xe7 \x96\xa2\x0cV0\xb7\xe9i]c\x00\x11\xeeS\xdbp&amp;\xc2\xf0L\xaeWj6Y\x8f\x8e\x89\x17\xc3\xb5\xbef\x9d|\xd3X\xa0\x85\xdeol\xf0\xdc\xe9kUL\xba\x9b_\x81M\x9c(\xe6\x9b\xd7\xf2\x07\x90\xea\xa7\xe5\xce\xcfB\x0f-VfI\xab\x15\xb2\x15\xe5\xe6&lt;\xc9&amp;\r\xca+`\xaf\xaf\x15\x1d"~z\r\xff[\xd7\xb7d\xa9\xb2\xb7\x1au\xcfz\xc8B5jK&lt;9\x8f\xe9\x19k\r\x1a\x0f\xe2[\x08\xabc\x8dI\xe6*\xc9\xd3\x86_[\xcf/X\x7fQ\x0f]v\xa3f\xe7\xda\xc7\xa0e\x01\xc8N;-&amp;j\xe1\xd9\xdf\x8a\xa4\x88\xfe\x93\x8d\x9b\xabJ\xaa\xed:E\x14\xb5\xa9\n\xbf\xbf\x18\x8df\x14\xe2\xf1t#\\1\x85T^\xe1\xea\xbf\x081\xdd\xb6s\x02u\x86L\xbdx_\xca\x90\xe2\x069\x87\xa6\x01\xb5\xa7\x0f\x04\xf8\r\xbb^\xdd\xe8l*\xcf\xfbG9q \x00\xe2q\r\'W\xb5\x03\xdf\x16*U@\x00\xc4gnH\xf9\xa1\xc5\x16\xa2\x9fO\xab\x1d\xd46&gt;\x13\xa6W\xb1\xa8\xa7\xd8\x91\xa6&gt;)\xf2\x98\xbd \xad\xfe\x07\xf1*FS4\xcf\x86\xb7\xd2\xe7A\x92&gt;\xa4\xf52\x974\xdb:\x0e\x007\xa7je\'\x90q\xa9R/BR\x13\xba\xfc\xce&gt;v\xb6\x8a\x0e\xf3\xc8\xbc\x19\x8aZ5\x8d\r\xe2\xef*4V\xa2g\xac\x1cJ\xb4m\xacx=m\xbf\xee\x82\x80\xdfI\xeb\xe8\xd5L\xaaPw|\x94\x9a\xe3\x9b\x03"\xe2?p\xdcJ\xe4[;k;\xbb\x88{\xc2\xf2\xb9\xa4 \x9c\x18\xbdi"V\xb9\xef\x99\x98\xdf\x9f\xbc\x85\xc2\'7\x9e\x19-\x12\x06\x1b\xebP[\x02\x1f\xb2&lt;c\xec\xbbT\x0c\xfdP\x96G\xc4\x93\xec\x1cj\xae\'\xac\xc2\xec\xb0Y;z\xf8N?\x07\x15\xd2\xe4(\x13\xbf^\xa4/\xc9\x8a\xaf S\xbd\x06\x14\xa1\x9a\xcb\x84\xd86\x11\xab\x8e=%\xaf\x03&gt;2\xd9\xba\xb3\xe4s\xca\xf3&lt;\xa4\xed\x03\xa8&lt;~\x9d%LWk\xc6\xd56\xe6\xa7@y\xb5\x08\xf7\x9ek\xd3\xd9\x17\xb5c\xb5\'i\x06\x01\x9e\x01p]\xee\xf7;%y\xfe\xba\xad\xefT\xa8\x18\x08\xa4JxQ\xf9\x0cV\xd5cD\xd7\xd9v\x18\xd1\xc5Aq\x16\xd0\xb6\xd5\xe2\xe1\xc9J\x06\xac\xb9\xba\xd2\xbe\x9d\x0cf%I\xae\'?V*\xeb\xac\xa4\xc1P\x8a\xed\xe4\xd6\x11\x1fK\x0fU\xb8\xf3\xa5LI&lt;\xd6\xb0b\x1c\xf3&amp;\xf7\x00\xc0\xdf\x8f\rM~\xabQ\x1b\x9b\xa8\xe3#\xe89(xum\x97\xe7^?4\xbfe\x8cR"W\x9cG\xf82k\r\x94\x17+\xe4:H\x1f%g\xf4l\xfb\xebP\x8f$\xc2\xfe\x9d\xee\xe2\xcb+\xbc|\xc8 \xc9K\xa6KV\xe6\x7f\x96U\xa1\xc8\xc3\x80\'\xc4\xf3\x905Z\xe2\xdc\xceE2\xc3\xec\x00H9\x7f6\x80\xbf\xaf\xd7\xdf\xc60\xe2\x93\\\x89\xef\x82e\x88\x11\x11_\x19\xde\x9e\x1a+\xac#s\x90\x93EEg\x1f@\xfc\x9c5\xfbQ\xa1\x80`\xf4\xc4\x1f\xf9\xcd\xb6\x83\x0cCc\xe4\xa4\xaa\xea\x9b;\xf6\x17\xd1$\x9fW\x8er+n\xd8;\xce\xd9\xd3\xf7Q\x93\x82\xc9\xfe\xa6V\x8c\xa0a\xd7\\\xb0\x15M\'\xc4yQ$k\x15\x97\x11xze)\x83\x9e\xd7(G\x10a\x07P\xaa\x16{\x04A\x92\xc8:\xc2\x1e\xe1Fm\xcc\xc5\xda\x8d\x0ei\x80\x08x_\x00\x80g\xc5Vf\x7f\xdc\xdb\xa4-&gt;Td\xc3\xaf\xba\xe0\xcb4aF^\xc2E\x8a\xda\x1d\x1da\xcfk0\x8e\xe2\xc9\xf0\xd9\xe4\x8a.\x8f\x97\x9a\xc6\xfe\xf6\xbc\x80\x8e\xdf/\t\x14\x81\x00?V)\xbf\xacm\xb3w\xa6t\xd6\xcc\xc1\x90D\xb2\x12L\x1b\x94\x87sd\xe8\x83\xdc\xaa\x87\xba\x9b\x00\x02\xe0#\xca\xf9\xbd\xcfR\xc4\x15\x13\xafZ\xb9\x15[4\xaf\xa5\x17\x14b\xfcQ\x8b\x86\x88\xa2\xb1\x81\xf1[V\xac\xa4-u\x11\xde\n\xa8~\xde\xb4\xcd#i0\x9b\xff\xcc\xd8\xb1U\xd8\x07\x95\r\x00\xb1\x06\x84%i\x16w\xe8\x9b\x08\x8b\x99\xeac\xab\xf2\xe0\x87 N\xfaYS\xcc^\x88\x04\xc8\x8b\\\x15K*\xdd,\xdb8\xd3\xe6\xf9|\xeb\xee\xdb\x97\xd8hL\xaf\xbb\x12x\x8fj\x94\xa5\xb1?\x19\'\xacRQ\xfd^I\x0f\xf1\xf8||\x99@\xb2\x8d}\xee"mQYn=\xde\xcc6\xe2\xb8\x91pt\x04\xb4yVJs\xe2\xf0\x93[\xf7d\xcb\x84\xe9E\x14[\x85\x8d\x02\xf2\xabK\x1bh\x10\xbf\xad\xbe\xce\xa2\xf5&gt;\xe2\xbb\xa3\x8d0""~r1q\x13q\x9e\x8c/\xee\xca\xef\x9d\x8b\xd5\xd0\xd4\xea\xd8\x1a\xde\x00\x00\xf0t\xa6\xf2\x8a\xa6\xf7z\xd0\xfc\xce\x0bl}\x9e\x8bU\x88\x81\xc8n\xf3Q\x83\xf5d\x1a&amp;\xe1}\x9fl+\xa9[\xcf#$\t\x9e\xafG\xb7\x00Q\xfe\xdb\x13\x85-y \xe4\x0b\xc0\xa6P\xcc)9\xae\xcd\x16\xa7\xdc\x1c\x9e\xae\xdc\x1a\x00\xe0\x92\xf3g\xfbr\x8b\xcb`\xc7_\xc0\x1b\xf6\x01:\xf9.\xb9\xc3R\xfc\xb6O&lt;\x0c+\x1c\xe2S\x01\xdf\x96/\x81\xc4\t\xb4!C\xaf\xee#\xb4\x16\xce\x18w\x1f\x11\xf1\x0cUFZ\x98\x8c}\x8bRR\xef\xfc\x7f\xb1\x1a&gt;\x87\x1bzl\x8fw\xec\x93I\x9a\xc2i\xb4\x97\xec\x16L\xd4\xb6\x99,\x1e_\x96s\x04\x142lV\xc5#\xcd\x17\x89p6\xd4a\x03\x0b\xa1\xd5\x83\xe4\xe8\xc9\x96\xfab~\x8f\xa2\xd6V) \x00\xbeP\xb8.\x9b\x8a:^2\x113\x8ctR\xd7%vB\x17\x02.\x1a\xdd\xb5\x1eM\x10\xaa\x91\xf7\x94\xc6\xe1\x94\xf9\t\r[\x9f\xd6\x1f\x8a\x08\x9e&lt;"\x89\x98u\xac8"M\xc1\xa6Y//\x00\xc5\xd9f\xd2\x1f\x14\xe4\x11\xb8\x05l\xd5\xd8\x11A\x9ad\x95O\xfd\xe3\x9d\x92\x07V\xd3\xf5\xe9\xee\x1c\x19\xdc\x10\xb1#\x97\x96\xa5s"cL\xc7\x8b\r/\x80\x854\xaag\xc9\xc8\x909mM\x16\x7f\x9dr\xe0\xe7\xc4\xf1\x9d\xb6\xba\xb4\x9b\xd1\x84\xdc\xc0\xdcX9\xbf\x91\xbc\xd8\xdb9\xcb\x15%\xfd\x94\xab\x7f\xf1\xd0w\xc0$m\\\xb4\xd4/\x00\xe9\x1a\xc0\x98(r\xeb\x10\xfc\xab5\x1c\x15$\x87-%aS\\\xc4\x11p\xbe\xf4n\xa1\x08\xe5\xf5\xe7\xa1\x89\x88\xf8TAIVVK\xaaD\x19C\x11Q\xb5\x00\x00\x00^\x88;c\xe9\x99F2\x8b\x0cL\xc3]\xcbK\xeaM\xb5\x1ey\x1b\xdakmhXlH0\x1c\xd7\x83\x82d\xa2d]j\xcb\xddlpW\x96\xbbE\x9b\x85y!\xb4\xd7\xf7\xd67\xb3MLGO4x\xdc"m\n"\xa5\xb9\xa26l#\xd6\xa5\x03\xc4\xef\xea\xd4\x94`\x8d\xcfU~\xa6\xde\xf4J\xf7\xb4\xda\xaaj(\'bE&gt;1\xd3`\x9d-\x0e\xa6\x93\xc3\x13\xcb#~n!*\xa2\xa4?\xeb\xb7\x1f\xad\x84\xde\x19d\xad`\x92\xa3(9Y\xbf\xb8z\x97u\xf4\xfb*\xa7\x89^\xbf\x8f8{\xb2\x89\xbf\xbc\xca\x8aW^\xb2;;\xe4\x7fj\xc8;\xaa\xd1\x96\x1f\xaeTV\xbb\x93S\xbf\xec0]\x8d\xfe\xc1\xa2\x93\xd30\x1fk\xb6lW1\x89\xf5\x9a\xb6E\xfcHn\x0eof7U\xdc\x9e\x97\x9aG\x8d/lH%Qs\xb2\xb4\xe7\xb7`\xae:\x11\xf1\x8b\xcd\x14\'=\xfc&amp;`k\x81\nBm\x81\xff\xcb&lt;\x1e\xb7\xf8\x8f8\xf9_\xd2[\xf5\xfd\xb2\x8cY\x92\xa6%\xd8\xbf\xbb;\xd7\xa3o\xe2\x1d}\xb0\x89\xd2f\xd2LBd\x13\x9aE\x8b\xe4\x16\x1b\xc8\xf8\xa5\x9ed\xde\xdf\xd4jk\xc1\xado\xba\xdb$\xdfU\xaa\xb2\x97+\x15\xf9\x9f\xd7\x90\xe3\xe9\x06\x996H\xb9\xb26\x86-\xf2\xec\xbcK\x1cu\xdb\xf9\xca\xc3uU\xe4Wzr|\xb3t\\\xc3s+\xca\xcc*\xc3.*]yj\x80\x18\xad\xca\xebQ\x11s\x8e6 \x00\xfeDYf#\xa6\x85\xc1\xcdKr\x8c\xb1\x19:\xedH\xb6\xbd\xad\x1aJ2\xf6\xfc\xdb\xfb\x8f-\xfb:\xbfVE\xb0i7\x8e\x00\xdf\xa9\xb4\x02\xb4\xd6A\xb4?Q\xcb\xc7n\xcc\x83\x9fh\xb3\xae\x7f\x0f\xa3\xcag\xcd\xd8,1|\xe1\xca\x86$2\x9a\xb3?\xbbe\xdc\xe7)\xbf/h)j\xb28k\x1c3\x9a\xa0\x17\xcd\xd5d\xc4\xbb\xa7\xc1\xd3\x12s\xfb\x1a\r\xc8\xa0VC9\xbfW)^\xef\xa8\xf4Pe\xb5\xf3\xe3\x03\xb76\r\x1b\xfc]\xa8hj\xec"\xce\xec[\xb7 \x1f\xb55ZA\x9cm\xa5\xb7\xee\x95)\xb9\x9aA\xdb\x8c_\xb3\xd9\x17\xf4\x00\x00\xc0?\xa6\xca\xeb\x1cr\x14\x11\x8e\xcb\xc3\xb6W\xcb \xf5{y\xd5\xf4\xa2\x08\xff\xb1\xee\x98\xb8\xd1\xa2\xba`\xec\x10w\xe2\xd7\x80\x89\xaau\'np]\xdd\xfaj\x90\xbe\xae\xc6g\xfc\xef\x89 \x1f\xaaTa\x0b\x11b\xa2\xa1\xdc\xda5\xbbZ\xfb\x88\x88\xf8\x1f@\x0ep\n\xf2!K\xd8\x8c\xe09\xe3\xb62\xe1.\x1ec\x1e){\xf6\xd7\xb1\xa4\xe0q\xba\xfe\xa2E^\x8b\x95\xafQ\xe19\\~K9\xe8\xe4\xf2\xdeA\x19\xb10m\x10\xe0\xcd\xabO\xba\xd2\xf5\x95\x8eK\xf1\xe0~\xbb\xa9\xf1\xf7\x81\x14\xe3\xc7EQ4\xf3\xb9\xac\xfd\x1c\xc9B\xfd\xec[\xefc\x00\xad\x1b.\xabo:\xb7\xc5N&lt;\xe4\xa9\xb4\x1f\x9e\x19X\xc3,\x1c\xb6\xd4\xd8!\xfb\xfb\xb4\x894\xa6m\xfb\xbc-\x07\xc6a\x00-\xcd\xd6;\x0f\xcf\x9f\x9ffN\xda\xff\x9a\x1b\x9e\xbe[\x8a\xbe(RB&lt;S\x91z\xf5i\xf5\x92X\xe7\xb5v\x9e\x0c&amp;\xb6\x88\xf8\xfc\xf6\x13\x12#&gt;\x9d\x15\xe3+\x87\x0f\x13uE1\xf2\xb6\xd5f=\xbd\xec5\'9\n\xbc#\xbah1\x11\x1d\x97\xadJd\xb5n\x19\xa5\x8d\x0b\xc0eC\xab?\xaa{\xa0"m\x01\x93\x81g\xfe\xedURp\xe8\xd8\xdb3\x96Z\xd0\xd3\xc3\xa4?\xf1\xb9\xb68m\xf0\xe5\xe9\xb1\xcc\x9d+\x9d\x83\xbfX\xf9xfIR\x1d\xce[@\x1e\xcd\xc89(\x17w\xf3\xbf\x07\x1aX\x99\x16\x80\xd8\xd0\xa6\x17\x80\xa7\xc4FG[:\xc7\x90L\x93\x8b\x16s\x88\xdf\xecrf\xdd\xb8\x00T\x9e\xd1U\xcdt\xa5\xbe\xc4\x0c\xb9\x15=$\x1c{\x01\xcc^\xe8\xc2\xec\x81`\x9b\xdd5SF\xa2\x11\xd4\xbe2\xbfu\x9fZb\x88\x00\xb7\x8do\xf5\xc2F\'\x80X\xb5\x91\x8d\xddt\x85\xe6\xe5H\x06\x97\x87LSv\xfb\x1e$\x02D\x03"\xe2\x95\xf4\x0f\xb1l6\xe9G\xe6\x10\x10?\x9ad&amp;\xc4\xbfQ7\x85\x00\x00\'\xc5\xe3b\x9d\x11r\x1e\xb4Q]\xfc_\xf7\xa4\xa7\xb5\xd6\xee5\x12\xb4\xd3\xcc!\xbe\xde\x16\xe0\x06=88\xb6\x04\xba\xd9\\U\xe6,\xe7$\x8fh\x9b4\xcf\x88\xa7\xdc+r\x13=\x1eE\xe4\x0bL\x9e=\xdb\x95\xafv\xa3\xc9D\x95\xfc\xc4\xea\xfd\xcb\x94No-\xe7\x8d\x94~\xb4`|P\xe5\xb3\xcdc\x1f\x82GXZ\xcd\xffED\xbcat\xb1\xca\x9c\xbda\x90\xec1\x9b\xea|\xbb\xb9\xb1\xc0\xfb\xe5\xb6\xba\xad7\x0e\x13\xba\xfb\xfa\xb1\xe9\xd1A\xfb\x80\x1e\x1bM\x98;\xe2\xd0r\x06\x9d\xce\xef,Y\xf7\xda\xa3DF\xe3mAAF\xd1S\xf8\x11\x8f\xfa\xc9&lt;\x1a-\xfc\xf0\x9fY\x15\x00\x9e7[\xf9\x10\x10\xafCY%K\xac%.\xba\xac\xca\nB!\x1c\xc5\xc6\x99+\x9a\x83a\x88\xa9\xf0\xf2\x16\xd3[x\x05\xab\xdd\xf5\x08\'\x96&amp;\xe1u\xfb\x95\x82rNi\xc3\x06\xe5 \xc2\xf2\x95\x04\xdb@p\xfe0t\xa3\xc4FI\xb3~\x841"\xda\t\x8e\'\xba0\x0c\xe3+V\x11\xca\xb7\x1a\x8dB\x14\xc8\x8aQU$\x96\x89E\x12?\x0f\xc3\x80\x86\xc0\x9a\xbc\xd1\xb5\xb3\x8c\x89\xa1\xc0\x84\xa5:\xf6g\xc8^o\x14k\x02\x8c\x0c\xc1\xe6\xdcI\xcc\x8d\x96\xba\xe8A\xb4P\xce\xe6rE7\x8b\xd1\x98\xc4\xff\xd8b\x0bn\xdc\x07\x1c\xb3k\x02)\xd6W\xc1i\xf3!B\xb3\xdaa\xd2\xd4Nl\x18`T\xa01\x19\x06\xc3\x0f\x17\xd6\x18\xad\x96ZfC\xb4\xcd\xbf\xe5$\xc3P\x8f.\x0c\x8a\xd1\x0fp6\xfbVs\x91\x85R\xf6\x076\xfb\xcf\'}#\xafau\xa6C\x80\xbf0\x1f_\xac\xce;\x98\x9fk\xf7\xdd\xc4|\x0e\xe6\xc3\xd0\xd4p\xf5\x99\xc9\xc0\x86\x93(K\xde\xd8\xb3\xbf\xe9\x004\x8a\x7fz\xe1\x08\xec\x01\xf6\x00\xc91\xc5\x9a\x8c\x90\x0c\xb7\x8f\xdf\x08\xe3\xb2JOr\x92\x13\xf3r\xdb\x93\xaa\x17\xef`\xeea\xfc]\xc4K\xd4\xa8[\x8d\xe4\x88a}\xf0\x9c\x85\x04d\xd1\x95\xf4\xb1j-0Ct\x17\x00\xf1\xca\x7f\xda\xa6:\xb75\x99\xbb\x9ep\x9d\xe9B\x97\xa7P\xf8k\xd5\x8f\xa0hb)\x88\x8d/2\x07z\x02\xd9\x06\x923\xe8Z\xa7\xdbc\xa2\xb8\xbat\x99\xf6U1\xbao\x08\xb9OL\'\x89|\xfc\xba\xb6\xe7\xeaS\x07Q\xd9&amp;\x1e\x96\x00\x80\xa5\xbf5\xda\xfe\x0b\x01\x10?oq$"~#\xac\x88_k\xb0\xc5 \x16\xf8F/\x8f\xe9\xc1\xb0\xd9\xe7%\xf5\xd1U\xd5\xc2\xb8`8:\x03\x01\x10_\xd4\xde\xbc\xb2(h\xbek5q\x90\x03\x88\xc9\xfe\xc5%\x13\x01\xef\x18^w\xeb\xbb\x92M\xf0c-\x9f\xd0H\xea\x0cF`\xc6m%\x81j[eO"\xbe\t\xaf9i&gt;\xa1&gt;\xc7\x11=\xda\x12\xd0\xa6vCA\x8cO\x99\x97\xba\xff\xa8kx\x96\xcd\xf0\xa1\xc8\x8b\x98\x83:\x93\x0f\x10\x10\x01\xb1\xf8=\xff\xdb\xc0\x86&gt;\x88)\x8a\xed\xdfBQ\xac%Sy\x92U\x95\x1eu\xefh\xed\x89s\xb2\xaa\t:\xcb\xfd\xad`H=#\xa8^n\x9d\xa3\x9f\xb9i\xe1\x89\xef\xeec\xa4=r\xe5y\xaf\xe3`\x03\x01\xfek|\xd1o\xd6UY\xcfMV-\x00+W\x8b\xae\xd9\xa6\x0f\xf2\xda\xdf\xb2\x98Y\xfa\x91\xdf_\xd9\xefb9\xcf\x0bO\xe9\x98?\x92\xee\xbb\x83\xb1h\x8e\xb6\x08\xd1\xc5\xaf7\x1a\x1a\x15^\xac\x9d\xea\x86 \xee\xba\xba\x96\xd8\xb7\x07\xf6\xf9t\x99\x86c\x97\x98&amp;\x80\xfd\'|\xfa\x18\xfdp\x9a\xec0\x9f\x8cq\x13\x88b\xab!vi\x935\x0f\xfd6\x04\xcb\x91\x05\xd7\xaa%i\xce\x89X\x9b\xaeJC\x008o\x88\x9c\x9b\x14\x19&amp;\xd5\xf1\x19\xb7\xbf\xf8\xe2\x1d\x99\x9ef+\xeeBx\x95\xad=\x8b+\x05\xdd7\x01\x8a\xc2\xba\xb0vl\rd\x1a,W\xba\xa95\xd95-\x00\x17X?3Wk\xd8(\x8c~\xe8f\x0e\xe0/J\x02\xdc.-%V\\\x89\x11OH\xba\xb5?\x03\xb1M\x87\x1f,4\x8c\x91\x1e\tvW\xef\xe7\xf1\xeca\x06\xe2\x17\xa9\xc7\x9b\'\x03\x86\x7f\x08\x88\xc7[\xf4\xe4G\xb4\xdavu\xcf\x82\x02\xaf\xdamW\xcb\x9e\xffh\xc2\x9d\xec\x06\x85\x05\x81\xf9\xc0\x8de\xa7\xf0e\x97\xf9\xee\xf4\x9a\x91\xec\xba6f\xa7\'\x9aYVu\x90:\xe5\xe3\xad\x16Y\x85\xcb\x15V\xcc\xf7\n;\x01\xc6\xaf\xd3\xa7XaT.A\xde&amp;\x1a\x16&lt;8\x8c\xdf\xe1\x1eBDD\xbcj?Ub\xe4c\x94\xaan\xb8\xe5\xd9A\xcf\xd0\x8b\x93\x93\xde\xcf\x0e\x7f*xG\x01\xb9\xc9\xce\xae[\x9b*m\xf5\xd0\xd0&lt;\xad\x90\x9b\xda\xa2p\x0f\xafD\xe9&gt;\xfb\xe0@q\x01h5\xebX\x87\xe41](\xcc\x97\xb4\xce\x8d\x10\x9d\xe1\xfb0tU\x1c\xf0\x04@D\xfcd\xa5\tC\x94\x1a\xf3KR)\xc7\x1a~9J\xa3\xeb\xb2\x80\x11\x98\xce\xde\xcb \x9e\x02%\xd3I\xf9\xd6\x90BvR\x00\x06k\xb8\x100\xb7\xdd\xc5\xc6\xd4\xbe\x88r\x95\x9c\xbd\xed\xe2\t\xc5%\xdaV\xf5y&amp;[i\xabc\x01\x01\xbe\xd4\xd2\xd4\xd1\x03Q\xba\x89\x9f\x13~5.\xebv\xc7Q\x04F\xd3\xd8\xca\xd0\x94\xa4g\x9cn~q\x9bJ\xcd\xba~V\xc6\xb6|l\x1c\xcb\x16\x04\xe0\t\x8a\x18^\x95\xd0\xfdUC\x97\xd3lkr\x14e\xd5\xf0S\xee2\xd6\xc4\xf6\x9e\x1cQ\xc6;\xa7t\xf3\xf4\x91\x9a\xba\xa1\\\xad\xe3\xc3\x11\xcbb\x8e\x83\x04\xf6\xd06\t\xa3\xe9\xd2Oo\xc0\xee\xaa\xe6\x1cscs\xb3\xbc^z\xe7ws\x7fVqX.~\xb6\xd8\x89\xceX\xf2\xac\xf9\xe3Il\xf0\x14\xac\x10\x19\xd2\xfcjRC\xbc\xd5f\xb3L\xe5_G\xed\x17\x92\xf0k^\xcc\x18\xb5\xf9\xb1\xe4\xdd!\xc9\xfebs\x9c\x948\x0e\x00\xd8\xec\x9f\x87Q\xf7\xe1\x9cl&lt;m]\xf3\x98o\xc3q\xb3E\x98\xaf\x86\x1e@h\xb0\xadJsQ\xda\xb5\x98\xd6\xa4W\xae\x1d\x91\xbc\x94\x0b\x84K\xb1\x90\xe9Yp\xd1:\x0e\x95\xfb\xb6\xa3\x89\xbc\xae\x9f\xae\xc7%T\xaf\x9d:\xdd\xfc\xa5\xd7-\xc1\xb9\x8e\x00\x02\xdc\xa3\xb5\xa1\xa3\x05|\x1d\xadg.\xdb\x10\xf3y3&gt;\xb11\xc6\xca\xc52m/4\x9c\x1e\xd4\x1e\xef\xb6\xe1\xc1\x9bU\xcf`\xfd,\xcf\xc7\x9a:2\xbe\xfe2\x8b5\xbcP\xf5\x0c\xb4\xc5\x9a\xd2\x1c\xf04\x83X\x83j\xd2\xf6\xb9+\x9a\xf7Br*\xbb\\\x9f|\xf8\xfa\xe9\xe4\xf6\x1b\xeb\r\xcd\x83\xce\xf9MZ\x18\xba\xa3!$\xf0c\xbe\x00\x08(\xfa\xe5\x99\x86#\xa0\\g\xb1\xdcf\xf54\x9c\x18\xac\x81\xf2A\x14vR\xad\xa7"\x15k}!-l\xec\xce\x9di.#\x11 \xb6\xfawj~\xe0\xd4\xa8yO\x8e\xe0Yl\x8d\x97e\n\xa5[\x84\xf8Vv\x82$(\xb9\xc8\x12\x15w^AxC\x18\x99_j\xd74\xf6\x11\xd96\x9f\t\x9a\xaa\x05\xc0\x92\x0e\x92D\xcf^\xd4\r\xf1\xbb\x07\xfc\xbenWbK\xb5=S&gt;\x9f\xb1\xecpM\xe6v\x91\x98\xf0W\xad\xe9\x80\x1d\x05\xca\x9c&amp;}\xcb\x02\xb0\xafy\xd8\x91\x8e]\x1a\xf0\x88\xe9\x1a \x1c\xf5\x90s\x82\xd5\x94 ]\x87z\xc1\xe3P\x033\xf3\xc3-\xe6\x14\xa8\xa4\xa4\xc6\xd6lEJ8\xe6.4|T#\xb3\x92\xfa!c&gt;\xfe\xf7Y\xb5\x96\xa89[\xcf\xd6\xaf7\xac]\xc4\xe9\x87\xd9\xd5C&lt;q\x19\x904\x1bLw\xe9\x8a\xa3\x1b\xc2(k2L+q8\xd9s\xa1&amp;b\x95\'&lt;\xfa!\xd8:2\xdb\xc4\xce~\x11\xec\x19\xec\xd5\xe0\xbb\xec\x17\x7f\x84\xdf)\x1c\xff\x17\xdd\xbb\xef\x9c\xc8~(\xd9V\x7fO\xa8\xea\x17\x99n\xb2\xee\xf7!\xe7\xd7\xe9-\x9c\x7f\x9b\xf5\\3\x9f\x01\xe0\xf8Y\x16\x01\x10\x9fa\xc9o\xad\x93\xa1\xa9Y\xa4\xe1\xf3\xe9\xa53 \xaa5\xdb\xf8siuV,D\x10\xf1\x1f\xab\xb4n\x1cl-\xb2As\x9d\xce\x00\x8b\xc5\x01\xcai1\x96\xa2\xf2\x1c5D\xfc\xfcbN\xd7\x17"f9\x04n\xea\xab1\xf6\xc8^D\xf0\xc7\xb4c}\x06\xc6\xf4\x1c\x0c\x84\xbd?\x7f\x97\xd7 \x15\x89\xb9\xe4\x93!\xd7\x15W\x9d\xe9&lt;\xc9C\xb0\xcbd\xcdO0x?\x88\x87Nu\xd9\xc3.\xadoD\xaa@\xb7e\xdc\x10\xa3\xb4\x16\xb0~P\x94\x8b\x04\xcajv\x83\x07\xd6;\xb9\xcf@\xacs\xc0\x92^\x15\x19\x83%\xba\x03\x90\x9e\x87M\xe1\x11\xcf\xbb\xff,q;\xddR\x1b\x95\x0e\x03Z\x9f\x1b/\x87Q\xa3\x86\xf6_0q\xccPN\x81&amp;\x015\xa6\xec3I\xcfn\'\x17\x94Om,\xf1]\x84u\x01\x90\x0b7B\xc6`\xce\x9c\x00r\x1ae\xed\xb1!\xe5\xee?\x8b+\x81\xea\nA[\xd5\x0f\x83PM\xc6.\xdd\x14\x00\xef]c\xc3N\x86vp#\x162\x8b\xcbZ\xfb\xcdv%6\x19c\xfc\xc7M\xf0u\xf5|\xdeG\xdd\xf8\xb9\xa8P+\xe4\x8a\x9a\x05\xf5=\x89\x86`b\xab\x03xxq\x9f\x1e\x95\xda\xe6\x12\\1[qM\xca\xdb\xed|\x01\x98m\x99\xea_F\x9b\xa5\x17%=P\xef\x9f\xbcyA@\xc1/U\x99\xb2Z\x148\x9847\x84b\r\x87\x96P_mt\x9b\x067\x8b\xdai\x02\x86\x99"\x9a\x00\x00\x80g\xd7kp\x14\x80g\xcb\x93B\xcb\xa7\x9c\xed\xa3R\x95\xe3\xd8L\xb5\x9e\x8cr\x82\xc1m\x05J\xdaJ\xa7\xae\xa3\x96\x9f/\xb1\x02\x00\xc4s7\xcc+;X\x7f\xae1\x84\xf1\xbfp\xb1\xd0d+\x89P;\x9e\x9a]\xf1\xae\xd5\xaa*\xf8\xf4\x1f\xcfj\xeb\xf8\xea\xde\n\x9b\xe2g9\xc3\xb1O\x7f[\x13G\x1d\xb2|\xf7\xf1-x\xd7\x9e|NUw\xebl3\xe3\x037\xdd\xb4=?F\x9b\x86,\x15\xa6\xda\xcc\xac\xa8\xe1G\x14;\xb3\x8c\xe3\x03\xc3\x95W\x88dN`\xcf\xbb\xeed \x06I\xc0\x84\x8f\xcf\x06?\x042%m\x86&gt;m\x16\x08\x80\x96oq\x1a\x85G\xdc\xbe(\xb6\x92\xd4\xa6\x10\x8f\xb8*)&lt;fHZR\x85\xd5d\x08\x13\xbcr\x89L2\xb9\xe2\xd9\xbd\xaf\xfe\xde{\xd0bm\x1a\x89xY\x1e\xabZ\xc5\xbf\x8f\x03(\xfd\x06\x94f=\xcbr\x1a\x1e\r\x80\x08\x0f\xadQ\xfeW\x16I&lt;\xdeR$\xea4\xf1\xe2\x89\xd8\xdbs\xbf\x99;*\xc0Y\\\x85\x00\x00 \x00IDAT&gt;\x8b6\xf4%\x95\xc5\x92\xdd*#\x0c+Y\xa7\x89mQh5\x9a\xad\xdc)\xf3\xa7q$\xc4_\xb2\xdf5*\x16\x80\x97\n\xd7\x13\x87\xacZ\x00\nT9\xbb\xd3\xdb\xdf\xd9\xe3U\xf6 \x01\x11\xf1|\xf3\xeb\xe4zi\x96#\x00\xde\x18\x14!\x9c?\xd9\xbaD\xc9}8\x02\xf6\xf4\xc3\xf2\xafl\xd2\x00\xf6\x91\x00#&amp;\xa4\xda\xd7P\xb6\xb6\x8e\xf2\x0b@\xeb\x86&amp;\xa9\xd6\xb5\x0e\x96\xf5\x9b\x86\xcc\xa2\x8d\xa8x~\xc9l#~~\xb1R\xf7u\xc2O\x9e\xa7\x03\xe2\xf51\x9f\x1a{Yr\xdez\xae\xe1\x14\x18\x17\x00$\xaa\xde\x11\xae\x8c/\xe2\xc68\xef\x15\xba\xfcJ\xccB\xc0\x1c\xf0\x8eU0\xe626\xe8\x11\xcb\xe9\x003U\x19\x81\xf4\x80\xaf\x8e\xff\xb6\xa6b\xf8\xa8\x0f\xe2st\xa6(\xcc\xc3\xb8\xa7\x16\x8b\x1cLT\xf13\x8a6\x83\x06UyF\xec\x0bY`|\xcadN\x8f\xae\x16b*U\xb1a\xabi\xadk\x1f)4\xdcP\xdc\xce}\xfd\xd7\xf2t\x13\x0ey\xd8\x90\xfbZ"\x904\x99\xd4^s\x03\x1d1T&lt;iC\xe3\x01\x81\xa3\x84\x8f-C\xab\xfd\x1aC\x9a\xe2\xff.\r\xeet-\xc95\xd4\xe5\xb7\x1d\xc3&gt;u\x93\xddqm\x1f\x9b7\x01\x162\xcd\x10Xi\x02\xa2\xaaN]3R\xed\xab\x1chQ\xbc\x82XwV\x93\tA\xffb\xda\xc0m\t]\x00\x00\xf8\xd1\xf9\xae\xd6\xa4\x8d-\xa7\xd6\xd40k\xb69\x97:D0\x19\x9f\xbe\xe6\xf2E\x18\xb9M\xcfR#*\xd2\xba\xf1K\xcf\xb3~a\xf9/33%\xa7\xe5\xde\xab\xd3\x10i3(yi\x85\x12^\x1b\xd2\x7f\xaa\xb9E\xc1\x07\xac)`\x0e\x1ek\x02\xb5\x1cmI;\xb62\x99x\x93q\xc9\xda\xe6\xf2\xd78\x9bL\x1bd\x04\xbbe\xd7I\x1e\x1e}u\xbeT\xf2\x01\xcd\x01z_[X\x8a&lt;\xb7u\x00\xe0\xa8\x80V\xfe\x8fx\xef\x92F{-\x00\xab\x0f\x10V3`\xb5\xb1\xb3h\xc2\xad\xcbzRU\xdfZ\xc5\xaa4\xf9\x11/ZN+xk\xb6[\xe7\x9c\x95W\xf0\xa1\x1f4\xb0\xc8w\xdd\x12\xc5LV\x95\xae=#\x07\xf8*\x81\xee6\x96%\xb0\xcd\x84\x8d\xaf\x16\xba\x19\xe1\xe6\xe1\xf8c\x9b\x03\x89\x9f_P\xa5\xdf\xb1=\xa0\xf4\xfa\xfb\x853\x81\xd2\xc0\xdb\xac\xe3-\xab\xb3O\xf4V\xe4\xd70\xd3\xf4$e\x9f-\x9f\x8e\x85\xffV.yL%a\x8f\xa4\x89\x88wS5/\x19\xc1\xa6\xcd"\x19\xf6\x07K\xfa\x9b\xdb*?C\xb7\x9d\xf2\xb0\xf9\xf8\x826\x9f\xfc\xa6\x94\xed\x10\xf5z\xe58\xe2\xfb\xca\xd3*\xd8Z\xae\x04&lt;\x98\x97\x1ce\xff\x8d\x9b\xb3\xca\x1a\x8f\xb6)f\xe9\xf2\xd3\xea\xab\x10\x07\x03\xe3\xccY\xa6b\xd6$M\xaf\xf3\xbf\xeb5\xd1@\x00\xc4k\xe8\x03\x9bG\x87\xde\x0bF\xfe[Q1\x92?\xed\xac`\x9e\xe2\xaa\xca\xdd\x82\xaak\xa4\xa1\xcf/\x00%UQ\xee8\xa7\xbd+\xb9!\x00\x80o\x86\xa1a\xa0\xa5ufq-\xb9 \xcfD&amp;\x9e\x84\xdb\xbb\xabZn\x1d\xa60\xc8\x03r\xd3\xac\xe2\x85\\\xd9\xebd\xcb\x12\xe0wy\x81\xe8\xa2\xb9\x13\xf6\xbe\xce\x86\x8c\xe2\x0e\x01\xb75\xac\xc9\xdc\xc4\x9foq\xb1ru\xda\xd6\\\xfa]\x80\xdf\xf8\xff\x1f&lt;.\xaa2\x14\x0e\xa5.\x94:\xd54\xe3R\xce\xbci\xab\xda\x06\x02\x05V\xeb5\xd8\xbc\x94\xaf\xc1\x8a\xf5d\xf6\x86\xc2\xd0r\x8e\xcf+\x8c\xf0\xd4\xca\xd6}\xc0\x96G\xab\xf4 "\xf7\xe3^\x1bJz\x08\x80\xf7)\xef\xe0\xf3g\x06\xd1Ldg\xa8\xf9\x8bQ\xd7G\xfeA\xc1A\xfa\xbeRvT\xc2\xf7\xb8\x92\xbb\xc30\xc0\xd9\x01\xbe.\xb4\xb5|\xf5\xab\x16\x01c\xf3 @\xd4\x8d\xad\x8a\xfa1\xf6\xbbh\xab\xe6\xfb\x91\x91R\x92\x9b"\x02\x0c\xe5Q\x9f\xb4\tZ0\xfe\x1a^\x90\xc3\x08\xbf\x07pFM@$\x80\x00\x80\xc30\xf0\xceQ=c\x1f\xeb 9\x8a\t\x031\x14=\x16\x9c\xf0I\x80\x8bR%\xc30\x04\xb5\xb5\xdfv]\t\xa4C\x8b\xd3\xff\xba\xd8Da\xf8\xa4\xebEm\xa06D\xf2\xbf\tY7F\xd3HI\x90\xf9\x18\xbde\xdb\x1bH\x1e\xa4\xcc\xb8\x02;\xfb=\x80&gt;\xa0\x03K\xf3p\x9c\xfd\xc7\xdb\x95\x8a\x87\xf8g\x03\xc8k\x8c&gt;[\x13\t\r\x03\x8d\xb5P\x81\xb0%L\xda*\t\xd2usWZ\xbe\x86\x01\x06\x80/[T\xc8\xf6\x87\xa5\xc2\xfa\x93\xe4\x98 \x15=\xc3\xfc\xf40\x1b\x0f\x05\xbf\x070\xafAl?n\x07\xf5\xe5\xa7\xb8\xa0\x0f\x83\x16\x1b\xc3\x00`\xfa(\xd5\xa8\xe2\xbb\xc9\xd5\xe0\x93\xabn6\xfb\xc3\x14\xb1\x13\x93{\x0ci(\xae\xd2\\y\xbd\x80b\x1d\x8e\xe9\xeeE5\x84\xc9|\x9c\xde\x86\xbe\xcfn\xa8\n\x989\xc2k\xda8z\x01\x01&gt;\xc7^W\x8f\xc8\x95\x13\xc3\xb9yz\xcf2\xbeS\x06\x97\x0f"Jm\xcbbI/\xfe\xc2(\xaa\x9acM&amp;[c\x89@\x90TH\xe6c\x91\xab\xc5&amp;\x0f\xf0}\xa9s&lt;\xd3\xa3T\xb9n\xb7\xa4A\xb1\xb5\x82\xe9\xfe\x02W\'\xc4\xf4X\xa68\x04\xb2P\x16{\x80\xf86D@|\xc3r\xa5\xfe\x18\xe70\x8c\xd3A\x07\x13%\xf1\xa8\xe8S\xcb\x10[\xe2u\xa4y\xad\xcc\n\x11\x11\xefo\xe8\xce\x8a$077\xcbs\xb9\'\xea\x97a\xfa=k\x94\xff\xd0\xb2\xf2\xb1_m4\xeb\x14We\xc6cU}/\xc0\x9a\x94\xd9\xcc\xb5\xd1\xe2\xce\xb2\xcav\xb0B&lt;\xa0\xaf\xd6\x1dl\xd9\x12w\x85\x86V\xcfL\xd5\t\x1b\x10\xd3\xadr\xcda\xb7\xbe\xb9\xe1s0\x90\xabl"S\n\xa2r\xe9j4]\x94a\xee\xce\x8f\x10m\xfd\x8d\x9a\xb3\x16\xebg\x0b\x9b\x91K=\xcb\x94d\xde\xd0$\x85u\xf7\xe7!\xfc(\xfc\xb7\x8d\xe4u\x0e\xed\xdd\x99\x05\xdbf\xf3\x1d\x01\x00\xe0:\xf5\r\xf9\xea\xb5V\x89\x90\xb0j\x82b-\xea\xdc=\x06\xe1\x8d\xe2+YU\xd7\xc6\xdd\xb0\x00\x94\xc9\xd6t$s{\x13mG\x19\xf3\xaem.&lt;\x85\x81l\xca\x006\xeb%\xbd\xd7\x12\xca:q\x7fPG\x80i\x82\xbf_\x0eh\xebzV\xc3JY\x00xs\xb3L\xc7R\xb4\xb8\x8c%\xe4\xa4\x9c\xb2jT\xba\xa2mg\xb0k\xd6\x00\xe6\x9d(.\xb3x\x12_\xf6(\x97\x0b\x1d?\x13"\xe0\x93ZB\xe5N\x00\xf8\x14\xfeW\xa4\x90]\x00\xb4\xbex&amp;\xdf\'L\xa3r\x87\xe8\xe4nI\x01TR\xc8\x01+7\xf5\x88/Q2K\xa9\xed\x1c\xee\xb6d\x83s\xbd\x1f\xed\xe2\x85\x9fx\xe4\xf3`~W\xb2b\xe0#2\xe4\xda)\x93\n\xa0:\xbb\xcdm\x01\x01.k\xe0\xcf \xff\n\xbaDOC\xff\xcd\xcc\xa7\x17\xaf\x8c\xdc2\xd71L\xa2\x91vK\x00p\xbf\xae\xdc\x1a\xc0\x1e~\xb6i\x90\xfaxR*\xfc\xccz\x13\x0f\xb7\x14[y/\x1e\xceL%/\xe7w\n\x1ap\xd3\xa0\x9e\x9a\xa6\xb3||\xb9\x1c\x00xf&amp;\x81V\xc5\xb2\x92g\xf1\xad\x85@\xc1\x0f\x03"\x9c\x95\x9e\x02\xc9q\xa9\x84\xafdEO\xe5\x9c\x9d\xa8-5m\x872\xbf\x14=B\xbf\x15\xf9\xd8\xd0\xb9\xe2LjA\xae3\xde\xb9\x97\xc4\xd7\x02_\x97\x0e\xc1\xf8\xea\xdb\xda\xd1\xcdF\x98\xacA\x1cc\xf1\xad\xa7\x03\x02\xfcG\x85\x9e\xe9\xdf&amp;@x\xd6\x1d\x90\x1a\x02\xc7\xb1]pc\x99N\x8fI\x86\xfcU%\xf9\xaa2\xee@0\x88U\x0e4\xb7\x004u\'\xeaZnE@\x99\x9e\xd6\xa2\xe3\xc1\x8b`Q\x90Y\x96\xb4\xf9\xcaCLG\x16d\x0f4\xe3{K\xee\x98\tX\x8f\x80T\xe6\r\xce^\x94\x94\xc5\x08\xcf\xa5\xe1=#\xff\xf0}\xef\x91\x80*\xfaS\xc2\xcd\xc5y4^\xbf\xc8\x9e\xe4\xcbd\xa12\x8ei^Bm\x87\xad\xa3\x00fS&amp;\x8cRx\xfd\xc4l\xaf\x9a\x8e\xee\xa49\x1d\xf0p\xd4\x90\x0f\xfe\xe3\xb9\x10\xf9BCw\xca\xfd\x95`P.\xcbO\xe4o^\xe0V\xb5\x1b\xa0\x0e\x91)\xc5y\x1c\xe8/\x94\xbd R%u\x07\x00\xf1\x8e\xf8z\xc6\x9cu\x01\x904\xaf\xf1uM\x8e\xa6J\x97\x85m\x0e\xb6\xcd\xe1\xa7zo&amp;X\')~\xa3\x0b\xff\xd6\x90\x17\xfeF\x0fD\x9b\xef\xcd\xf3t\x94\xc1\x9cl\x08\x17\x01\x00O\xc7\x1c\xb3R&lt;"\x9e\x0fU)\xe019\x9f\ru\xd9@I\xa9\x10\xa5\x93e0L\x03\xc9\xec\xf8\x7f\xbf\x9e\xc9\xff7\x00\xe2]\xd9\x026\xa7\x9a+\x8cz\x94]9-\xf4\x85\x0ce\xb4\x90(\x0b@F\xc3\xd0\xcdT\x81rF\x11\xb65F\xd0\xae!\xde9\xa7\xba9$\xb6V\x9a\xcb\xdd\x14\rA.\xbf\xce\\\x1b\x92\x90\xabl\x08!x\xd8\x96\xfeT`{`\xa67\xb9{/\xae\xae\xaf(\x93\xc7\xd7@S\x8cl\x8c\xa1\xd4\xa5\x8b\xba\x89\x18o\xcc\xba \xb0\xb88\x00\xe2G-\x07,\x99\xe9\x02X=\xb9Z*|=u\t\xcf[YF\x81x\x89o\xa8v\xdd\xbai\x90S\x80\xc9\x14"\xe2\x89\x8b\x92hQ4\x9fK\xacG\x83\x7f4m\xba\xf7N\xde\x97\xe4\xc8vT\xe1\xc6\x9e\x10d:\xd3s\x05\xaa6l\xec\x1c\xdd\xa0\x87-S\x00\xf6\xa88F%o0PZmJ\xa5\xc1M[i\xeb\xb3B\x7frQO\x8e\xc7&amp;J\x1e\x11\x17D\xc7\t\xfe\x91\xf8b\xb4\x00p\xa6\xf5.d\xca\xed~Q\xbb\xa9\xb5\xb6\x16\nd\x89\xda9\xaa\xbdS\xd0v=\x8b\xdf\xd6\xd8@\x00\xbc\xb3IC\x97)\x0f\x00\xf8\xa7e/\x8d\x97\xf0\xd8t\xffGKIGO\xe4gy\xd3\xf5e\x82\xdd\xa7\xe2!\x8fyx\x10\x11\xf1\xf2\x9f\x15o5N\xa35\xf3O\xd8\xa3\x94K\xf2\x8cCz"_f\xab\xda\xa27\xc4\xf1*u\\?\xc9\xd1\x18\x9a\xdd\x12h\xcc\xaf\x9f\xc1[4\x8c\x8f"\x1f\xde\xc6K\x9a\xae\xaf\x0c\xe50\xaaB\xc31\xdd\xb6\x1d\xbc\xd7\xf2#BE\x83\x1c\xa8\xf6\x81\x00a#\xdb\x80\xaa\xadd\xb2\x7f\x8d\x99\xaf\xe7\xe2\x00\x80(\xe5\xa5c\x9cl\xc4\x8c\xa5\x96%\xeb\xcd\n\x03n\x91n;V\xcc\xeardUj\x90\xb9\x89\xea\x97\xb6\x7f\\w\x9a)O\xd7\xf3R\x99I\xff\x1f0GC\xbar\xfb\xf4#\xa61}0\xa0\xcf[3Jv_)5\x08+\xa2\x91R\x11x1\xc0\'\xac]H\x96U\xbf\xe9\x98"\x97\xe7\xc7k\x9d\xce\x99j\x85\xce\x98F\x8dy\xc6n\xc3\x02\xc0\x92_E\xc3\xb1@\x1f\xd6h\xb3\x89q.\xe0\x84\x8f5\xe8\x94\xf4S\xdc\x05\xcaIV\xd4\xb9"!\x84]g\xa2$\xf47\xbd%r\x88j\xc9\xb6\x8c\xd0\x1d\xc2\x02pcC\x93\xa9;\x16\xdfJ\xcbL\x822[&gt;Y\x9cyly\x8eEl\xc5x\xc7\x1dlT\x91\xb0mj\x0eB\x84T{\xcdn+\xd3\xaa$\x81D\x96\\\xa9\xb4[\xb9\xa4!"^\xa6\xce\x84\xa3\x0e\xf6\x81D\x00\xc4\xdf,\x16\x0b\xc9\x8b5X7\xa5["4=\xba\xe1\x94Xb7ZH\x00\x9e\xd3cQ\xb4\xdc-h&gt;}uE\xf9\xb3\x93O\xae\xc4\xba\x05\xc9\xf3\x92\x84$c(3\xcb\x9a\x0f\x17\xae7\xea\xf9\xc6r\x11\xc9\x00EMHO\xf0b\xfcaE\xbeU\n_\x81\x10\x14JG@/$\x04X\xd8\xfd)\x81\xedWP\xde\xa4\xb2d1\xab\xb1\xd0l+\xef/)\x9bj\xdan\xa5(\xda\x9e\xa5\x83\x08\xcb@\x84tfRHtN3\x96\xbfk\x0b\xb5s@(\xc0\xa3\x80{8\x9c*\xb3\xa2\x11\xf6k6\xdas\xc3\xac\x1e\x8cy~Y\xed\x02\xedxD\xa3\xb5b\x92\xfbE\xae\xb44\xaf\x98\x81\xb9t\xae#9?\xb4,\x00\x7f\xb9n\x81W\t\xa7Wn\x969\n\xcf\xce-$\x8c\xaa\xb8\x9b\x00\x00pj\x1c\xd5\'\xf7Hjk\xda\x9a\xf4\x8b3\xa5I\x95\xc0\xb6"Kd\x1f\xa1\xde\\\xe77\xea\xd8\x03\x8f$\xb1\xb2\xf8\x91\x9a\x00\x95&amp;\xfc|\xb7r\x01\xe0\x14~e\xbc\xf8e\xedh\xb2aB\xa5kL\xa6"#\x93\xb4\xbdcrO8\xc4(\xd1\x90\x9f\x19\xe4\xaa\xaa\xba\xd9H&amp;k\xc1\xe9!\x94\xc4\x8e\xa7&amp;\xe9[\xfc\x9f\x9a\'%\xd6\x1eO\xf8\x89\xb98\xadM\x03\x92\xab\xd8\x8e\xd4\x0cEfh\xf3y\xea/;\xe9\xb1o\x14\xea\xd4"\x9e\xb5\xbb\xd2Q\xf3f\xd4\x1e\x1e\x8c\xd3\xf5yE1[\xbd\xc0\'\x05|\xee\x9c\x17j\x0eC\xb8\xef\xa5\x18\x9b\xce{\x82p\xfd\xf7,:\xcb\x02\x84\xdb\x18\xe8\x0f\xd4\xba\xb6\xa8e\xf3\x1c\xdeeQ\xb8\\/}\x8aCq\x0fo\xa5\xd4)\xady\xc9g\\\x8b3Z\n|\t\xa9~C\xafun6\xc9r\xe8\xb2\x9e\x94\xc87\xb0]\xda^N\xe3\xb0\t\xe02_\x84S\xa6z\x85\x0e\x07\x83S\xa4\x05\x00\x00\xdfZw\x18\xf7|\xa2\xea\xb5\x00\x90M\xd1\xdb\x91\x98Vjs\n\</t>
        </is>
      </c>
      <c r="E513" t="inlineStr">
        <is>
          <t>&lt;class 'numpy.ndarray'&gt;</t>
        </is>
      </c>
    </row>
    <row r="514">
      <c r="A514" s="1" t="n">
        <v>512</v>
      </c>
      <c r="B514" t="inlineStr">
        <is>
          <t>steps_per_sec</t>
        </is>
      </c>
      <c r="C514" t="n">
        <v>7400</v>
      </c>
      <c r="D514" t="inlineStr">
        <is>
          <t>9.96977</t>
        </is>
      </c>
      <c r="E514" t="inlineStr">
        <is>
          <t>&lt;class 'numpy.ndarray'&gt;</t>
        </is>
      </c>
    </row>
    <row r="515">
      <c r="A515" s="1" t="n">
        <v>513</v>
      </c>
      <c r="B515" t="inlineStr">
        <is>
          <t>Loss/object_center</t>
        </is>
      </c>
      <c r="C515" t="n">
        <v>7400</v>
      </c>
      <c r="D515" t="inlineStr">
        <is>
          <t>0.33756703</t>
        </is>
      </c>
      <c r="E515" t="inlineStr">
        <is>
          <t>&lt;class 'numpy.ndarray'&gt;</t>
        </is>
      </c>
    </row>
    <row r="516">
      <c r="A516" s="1" t="n">
        <v>514</v>
      </c>
      <c r="B516" t="inlineStr">
        <is>
          <t>Loss/box/scale</t>
        </is>
      </c>
      <c r="C516" t="n">
        <v>7400</v>
      </c>
      <c r="D516" t="inlineStr">
        <is>
          <t>0.070593975</t>
        </is>
      </c>
      <c r="E516" t="inlineStr">
        <is>
          <t>&lt;class 'numpy.ndarray'&gt;</t>
        </is>
      </c>
    </row>
    <row r="517">
      <c r="A517" s="1" t="n">
        <v>515</v>
      </c>
      <c r="B517" t="inlineStr">
        <is>
          <t>Loss/box/offset</t>
        </is>
      </c>
      <c r="C517" t="n">
        <v>7400</v>
      </c>
      <c r="D517" t="inlineStr">
        <is>
          <t>0.1877751</t>
        </is>
      </c>
      <c r="E517" t="inlineStr">
        <is>
          <t>&lt;class 'numpy.ndarray'&gt;</t>
        </is>
      </c>
    </row>
    <row r="518">
      <c r="A518" s="1" t="n">
        <v>516</v>
      </c>
      <c r="B518" t="inlineStr">
        <is>
          <t>Loss/total_loss</t>
        </is>
      </c>
      <c r="C518" t="n">
        <v>7400</v>
      </c>
      <c r="D518" t="inlineStr">
        <is>
          <t>0.5959361</t>
        </is>
      </c>
      <c r="E518" t="inlineStr">
        <is>
          <t>&lt;class 'numpy.ndarray'&gt;</t>
        </is>
      </c>
    </row>
    <row r="519">
      <c r="A519" s="1" t="n">
        <v>517</v>
      </c>
      <c r="B519" t="inlineStr">
        <is>
          <t>learning_rate</t>
        </is>
      </c>
      <c r="C519" t="n">
        <v>7400</v>
      </c>
      <c r="D519" t="inlineStr">
        <is>
          <t>0.0009997633</t>
        </is>
      </c>
      <c r="E519" t="inlineStr">
        <is>
          <t>&lt;class 'numpy.ndarray'&gt;</t>
        </is>
      </c>
    </row>
    <row r="520">
      <c r="A520" s="1" t="n">
        <v>518</v>
      </c>
      <c r="B520" t="inlineStr">
        <is>
          <t>train_input_images</t>
        </is>
      </c>
      <c r="C520" t="n">
        <v>7400</v>
      </c>
      <c r="D520" t="inlineStr">
        <is>
          <t>[b'512' b'512'
 b'\x89PNG\r\n\x1a\n\x00\x00\x00\rIHDR\x00\x00\x02\x00\x00\x00\x02\x00\x08\x02\x00\x00\x00{\x1aC\xad\x00\x00 \x00IDATx\x9c\xed\xbd{\xf0\xbdMR\x176\x07a\x17a\x03An\x81\x04\xb9\x85%\\$\x85VT\n\r\x08\x08.$\x94P`YA]H*FC!\x18R\xdc\n\x04\x94\xab\xcar\x8f\x84\x05\x13\xa2.`\xb1`\xa1F\x82\x80\x04/\xa0@\xc8\x1a\xa0\xb8\x04\xb3 \x04\x10,\xdd\x14\xa0\x84`\xe7\x8fs\xces\xe6\x99\xe9\xee\xe9\xee\xe9\xb9&lt;\xcf\x99O\xbd\xf5\xd69\xcf3\xd3\xfd\x99\x9e\x9e\xee\x9ey\x9e\xef\xf9\x85\xb0\xb0\xb0\xb0\xb0\xb0p\x05\x84\x00\x00\xe5f ie\xe5P\x92\x9e\xdf-\xb2\x81H(\xec\x15l_c!\x10\x02\xec\xbacJ\xa3.\xd7\x0f\xb1\xe0\x9d\xb4\xfb]\x84UN\x95\x1f\x89\x06\x00\xc9X\x11]T\x03\x00\x80\x9f\xd1i)N\\\x07\x8cR\x0f/\x1a\xa4\xf8\xb0\x18\xee*\x0bv\x94#\xcb\xfe\xae\xd7T_\x03q\x1e\xca\xd1\xb0\x9b\xf7\r\xf7\xc8\x9e\x86\xfbl8\xa8\x94D\xf8\xd6%\xffp\xffL\xcaGeJF\x11\xb0\x90\xcdw,NS|\xff\xab\xf7\xc9\x8cJi\x9c4\xbe\xd1\x82\x18\xe76\xe5\x81&lt;\xe5@T;\xa1\xb8\xd2U\x81\x83\x14R\xca4\xfc-\xc9\xf54\xeec\xb1u\xbb\x96H|\xe3\xac\xb4\x7fd\x026\x16\x7fX\xd6%\xceIL|\xbf}%F\xc1(\xe5s\x00uka\xa1\x1d&amp;t&lt;m0yFDA\xaa\xd82\xdc\xa3\x92N\xf8\xee\xcaoT3\x94#.q\x01^\x12J\'`y \xc6\x9bE\x8d\xa9\x04\x03h\x0e N\x8aP\x1a\x10\x02|\x06\xdf0RA6\x88i\xb0\xa2\n\xaa\x16\x0e\x8f\xceanE\xd5\x03\x80/\xc0%\xdd\x11\x81\xd5\xacl\xc8\x15\xfbr\xa1\xab\xef\xe83v\xb4\x12\xf6v.f\x02\x15m\xdb\x18\xd7\xe2\x9c\n\xa7\x9c\x8e\x8a\xb8bPd\xd7tF\xdbkP4_\\\xc9J\xa4\xf9\xd0\xf2@\\\xaa#w\x9d\xa8\xc6\x8f+b\xe1\x00\xf0&gt;!\x84\x10~[T\xd4\x87\xac\xb1\x90F\xb2\x9f\x90\xb2b\xef\xca!\xe1\xd8\xbb\xc0\xec\xa9\xacN\xbb`3=\xd1\xaa9\x1c\x96\xed\xec\xd0z\xdel\x9eJ\x1f}\xd8\xf74\x06\x9b\xe4\x15=d\xaf\x15\xe5_\x93\xac Pt\xfd\xff_\xef\x9f\x89\x0f\x97\xfb\x19\x1c\x83\xe5\xc2\xd9q\x80\xf5\xe2{:TC\xe3\xf1Y\xd8E,0l\x0f3z\xe5\x8c\xca\x1dk"*\xf90\x103pXX\xe8\x83\xa7\xf0\xf58P\xfd(\xd1\x80\xefN\xdf\xda\xbf\x86\xaf\xe7\xc6\xeb\xf5\xda\xd9$&lt;U};\xc01\x97,,,,\xecP\x1f\\r\t\x9f\x8a\x1d\x86\xf8\xaaH\xaeG\'\xefj\x99\x92\x04\xa0\x82\xd7\xa1\xfc\x02\x83\x95\x14\x17\xe6\xc7\x01\x9c\xb4\xbe\xbe\xdc?\xed|\\\xac\xe3U\xd6\xf8\xef=^\xbc)&lt;\n\x96\x08t\xa4\x87\xc8\xaf\x97p\x00WZ\x19na\xe1h\xb8?ud\xcfy:q\xb9\xab\x13\xbe\x03\x13\xe1\xf1\xb5=\xbdg\xc32\xe9\xc2\xc2\xb4x-\xe6\x9e$\x1e^.\xd7\xff_(\t\x00\x80\xdfk\x07\x82L\x0c\xf4\x88\xe9r\xb9\\\x0eR,O\x08\xcan\xbdg\x7faaA\x0c&lt;\x01\xdc\x02\xb7 \x92\xf2@%\xd4\xc4WQN\xd2\n\xbd\xdc\x80\xbe\xac9\x15\xa6%\xb6\xd0\r\xa8\x0f,\xc7X\xb0\x81\xdc\x01\xd4G\x7fJN\x8d\\/V;4[&lt;\xee\xcb\xb2\xc9\xf0\x17\x0e\x05\xd4\x07\xcc\x8e\x01\x7f\xa6\x8eM\x17\xac\xd3\xd9\xdehan\x17\x99\xeaw7i9\xf1\x03\x00\xe6b\x0b\xb4\x97\xdfT|\x15\xd6J^\x90\xe0\r\xf6\x8f\xe5`yNO\xc0\xd9\x9f\xdd\x01\x11\xec\xcf\x91\x00F)=\xb7\xcf,tC\xfeG\xf2\x01\xdb\x07\xac\x94P\x0f\xfc\x08\xe8r\x90gwf\x07\x88\xb7\xcc\x97\xecz\x87\x93\x96\xfe\xbe[\x1cT=\xa1C\xf8\xcc\xc2\x11\x00\x9f\xbfw\xd7\xe8M\xf1\x87\x9f\x9e\xf5Dt\xc6\xb46g\xb2\x1d\xce\xca\xac~8\xf3F8\xe7\xa8\x16:\x02\x88b\xbf\xcf\xee|\xa1\x16=\xff*j9\xc3\xc23\xe3\xa0\xfe\x0f\xf0\t\xec\xdd4\xd6o\x0f\x00\xf8\xd8rLc\x9c\x0b+A/,t\xc3YW\x9b\xa1\xda?\xab)&amp;\x85pv\xd6\x9c,\xcc\x80\x13G\x87S\x0e\x8d\x8a\xff\xd4`Oi\x84yq\xdf\x8e\xf5\x88\xefkb\x8f\x85\x03-\xc5\xc3\x10}&gt;\x00\x9d\x03\xb8^kF\xf5\xb0&lt;F\x87\xfb\x0f\'\x00\xfd\xd7\xc2\xcc\xad\x85\x85\x85\x05\x1eI\xe8_\xc1d"\xac\xc7\xf1\x07\xc5\x9a\xb03\xa1f\x01~\x90#\x8f\x11X\x9e&lt;\x18\xcf\x99\x02\x9em\xbc*&lt;\x9d7&lt;=\xd6|/,,\xdc\xa0?\xb1m\xfe\xe7\xd6\'\xceI\'\x1e\xda\xc2\x81\xb1{{w\xf9\xe8\x93a\xe0\x8c\xa3\xaa\x0f\x94\x01\x8e\xc3t\xe1\xe9Q\xf8s\x8c_\xe8Fda\xe1\x86!/\x08\xca\xdfS\\X8\x0f\x8e\xee\xe5^\xfc\x8fn\x87\x85\xe3b\xf9\xde\xc2\\\x98\xc4#\'\xa1\xb10\x0ffp\t\xea\x84\xaax\x91!\xdfy\\3\x98\xf1\xd9\xb0l\xbe0\x1d\x0e\xe1\x94S\x91\xa4\x1eG3\xffXES&gt;\x0b\xbeX\xf3\x95b\xd9\xe3\x04\x80WD\x9fk\xe4\x9c\xe5w\x1c\xcd\xfc\x8f&gt;\xf0\x85\x85*\xb8,\x80\xaa\x18T\xaf\xfe\x89a\xfe\xc7\x98\xa8?\xe8\x7f\xb6x(\xf9%\xcb\xe3b\x9eq\xcd\xc3\xe4\xf0\xf8.}\x17\xfe\xb0r\xe4\x0b\x82\xa3\x14\x9f\x055\xff\xe6\x01\xf9v\xe6\xb3\xae\xd5\x9e\x03o\xfb\x06T;\xd1\x0b\xc31\xe1\xec\n)\xa1\xcd\xa4}\x9f5*\xf10\x96\xffl\x94\x7f\xde\x0c@\xe0p\xf68\x1c\xe1\x05\x14\xe4?\t9\x1b\x84\x94\xa8f\x92\xaas\xfd\xe0T\x82\xab\xbd\x1c\xcd\xb2\x9b\x829"\x88\xfc\xfd\x9c\x85\x18\x8cW\xc4\xd6[\x96\\h\x8b\xe5a\x13\x82y\xf0\xbb\x1d\x88\xaf\x89\x8b\xb1\xac\xb10\x04\xf8\x0e`B\xd0+d\x95\xed\rQ\x1f\x98\x98?\x97]Qo\xc3\xda}z\xa1\xfdoL5\x15\xdf\x1bd\x02\xb8\x0es\x9e%J\xad\x90\xb5p&amp;G2q\xf1\xd7\x15\xf5\x16\x0e\x87&gt;&gt;\xdb-\xee\xd2;\x80\xe8_d\x96\xa3\xe6\x19\xecY1O\x125@\x1e\xa3\xe5\xbf\xc6\xb3\xc9&lt;\xb4e\x16\xe6D\xd3\xaa\xa2\x9b\xbfv+\x8d\xc8\x04\xb0\xd9\x11eB\x9d\xf0\xa2\x8dW\x99\xf7\x0cq\x0e]x\x97\xcb%\xbe\x9e\xd8\xe1\xfb\xd7\x0e`4V\x0e\xce\xc1\xd8\xe4\xe9\xfc\x95zT\x87\xfdu\xcfI&lt;i\xff\xa2\xcaI\x06\xd5\x1f\xfc\x1f\x00\xaf\x87\xc0\x0bGA\xec\xab\xe7sZcJ\xbb\xbe\xca\x91\xec\xe5\x93\x1a\x10`\x1d\xd0?5\x1e\xab\xe5r\xb9\xdc}&amp;\xbe\xb2p\x0e\xc0\xfa\x07\xc0\x9d\xd0\xdf\x92\x9e\xafx/\'8\x01\xc0\xcf\'\xae\xef{\xa2\xb7j\\\xc5\x91\xe1\xc29p\x9a\xe0\x03\x00\xab6:\x0c\xce\xb7\x1ft\xc4s\x9a\xe69G\xdd\x08\xfd\xd7\xd7\xf0\x05\xbd\x0eF\x87a\xd9\xdd\x1d\xe6\x9f\x90[87\xda\xbf\xaa\xbf~\xb7u!\x82\xfb\xcf\x99\xd9D\xb9\xc89\n\x0e\xf7\x94\xf7Pd\xbb\xe2p\xefv\xdb\x13\x80\xab43\x0e\xb6rr\x1c~\x00\x11\xbc\x86r\\\x9b\xf0\xcc\x8f;\xae\x05!\xd0\\~\xfa\xf7\xb8\xce=:5$\xe6X&amp;cp\\\xd3\xaci]\x18\x0b\xc8&gt;,\xf4\xc6\x8a\x02\x06\x9c\xc0h_\xa2\x19\xc5\xf1\x87\xbb@\xe2\x04\xce&lt;3f7\xef\xe9w|E\xd4[\xe0\xa9\xcd\xb7\xb0\xb0p\x0eL\x9b\t\xa6%v\xc5\xe4\xf4\x16\x16\x16\xaep_\xaaB\x81\xc7\x08\x10\xcf\x1c\xc8*w\x01\x072\xdd\x81\xa86B\xa3\xf1\x9f\xc0\xb0\'\x18\xc2&lt;\x88M\xb9\x0c{\x0c\xacYz\x06\xb4[\x8c\xe7\xf0\x1fiU{\x8e\xd1.\xf0X\xb3\x1cV\x02_X\x08!\xach`\xc5\n s\xe1\tgc\xb9\xe0\x82\x10\xcbUN\x80\xc3\xfc\x93\x9050{\xea\x89\x7f\x95i\xad\xdd\x85\x85\x05#\x8e\x95\xfbW\xa9\x12\x96\x11&amp;\xc3q\'c\xf3\xa3\xe3\x0ea\xa1\t\x98\x7f\x14px\xf4\x19N F\xc5\x8fU\x85\x10\xc2\xe7xr\xc1U,\xf4\xc4T\xce\xb9\xb0P\x85\'\xf7\xe5Oi\xb9\x9ek\xff\x12M\xfa\xda\xc6\x93\xcf\xe1\x82\x02\xcb[\xbc0C\xa1\x8c\x00\x00\xe0_\x8c&amp;q\x04$\xf3\xd7b&amp;\xfb\xb8HQ\x0bD\xff\xb8\xd7\x8c.\xbb\xd0\x11\xcb\x01\x12\x98\x7f&lt;q\x96\xf0\xbf\x8bb,\xdd.t\x0e\x834\x014\x0b\xd6\xcb\xf2\x0b\xa3\x80\xba\xde\xf2\xc7\x18\x87\xff\xf5\xdc\xe9\tN\x8a8\xe2\xc3\x1dc)-,\xf4\xc1r\xf5\x16\xe8`U\xe45\xd0S\xbe\xfb\xd8\xd9A\xaf\xff\xae\xe7\xfa\xd7=\x17\x18\x9c)f.W??\xd0\x18\n\xab\xd6\xc5pn\x83\x9czp\x0bv\xac\xc7B.\xd8\x0c\xf8\xadcy$x\xdaY])\xee\x99\xb1\xa6}\xa1\x11\x96k-\xec\xd0\xdf!\xf2\xb4\x06\xf0\xd2\xee,\x16\x86a\x955c\xb1\xea\xca\x1b\x0e\xff\xe8\xbc\x19\xeaG\xfe\xcc\xd6\xab\x07\xfc\x80\xac\xd92\xf23!\x99n~\xee\x8f\xed\x1a}\xc8\x1f\xdaD\x0b\x0ba\xe5\x80g\xc5KF\x13XXX\xa8\x82\xd7\x06t\xe5\x80\x05\x14\xd3\xba\xc5S\xfc\x1a\xe8\xc2B%\x84\x91\xfdi\xdf\x86\x9c6\xc0\xf5\x04\xe3$O\xea\x16.X\xbeU\x89U\x96\xf2\x00(\x9bh~\x1b\xce\xceo!\x04\xf8C!\xac\x99b\xb0L\xe3\x8e\xfa\xc85\x7f\xec\xab\x04\xe4\xcf\xf4&amp;\x1b\xb2\x84\xcfl\x9cO\x0c\xf6g\x8f\xd9\x8eM\xe8\x9c\x1a\xcbd\x95X\x06\\XXh\x02[\xd1\xb1J\x95\x85"\x96\x8b\xb4\xc3Z\x80f\xd4\x98\xee\x84f?\xe1\x90\x16Lx6O\x00\xf8\xc2\xf9G&lt;=A\x7f&lt;\x9b\x1f\x0e\x86\xedw\x80\xd6\x14\x1d\x1ak\xfa\x16\x16\x0cX\xc9iaaa\xe1\xa8\xa8&lt;\xffY\t`\xc1\x82\xe57\x9d\xa15\xf7\x9a\x9e\xe1\x185\x05km\xf6\x00\xbc\xf6\xc1\x7fLc\xc1\x8a\xa3,\xb0\xa3\xf0&lt;+\xe6/\xaf\xd7\x0e`\xa1\t\xce\xedSk\xcdt\xc0\t\x8c\x0c\xfff4\x833A\xe5\x10\xf9\x1f\xd1\xd4jw\x94\xb50\x13\xd6\xcc.\x9c \xd9\xc48\xc1p\xf0\xdf\x02R\x8c\x0b \xb8\x1ab\xfdh\xc6Y\x11\xcf\xec\xa1\xf7\xc3G\xe6&gt;\x18O\xfb[I6\x8c\xf1\xb4\xe5\xdd\x0b\x1d0[\x18]?\xf9\xf9\xb4\x98v:O\xe5i\xa7\x1a\xccs`\xcd\xd83\xc0\xf8\xf7\xfc\x1f\xe3N\xe4\x18\x00\x8f\x9fP~\xc6\x955O\x02\x98\x87\xc9\xe4X\x86ZX\xf0\xc2\x9c/\x02q\xc9\x0c\xf9\x07c[R\xe9\x899\'c P[\xac\x13\xdb\x85\x05/\\W\xd3\x91\xc2\xce\x81\xa8ja;\xf0=\x8dA\xf2q\x9ced\'A\xff0q\xa4\xc0\xb4\xb0`\xc0&gt;\x94\xab\xdd\xfd\xa0\xeb\x83\xfc\xedrl\x1b\x84\xec\xf9V\\\x18\x81\xcef\xbf\xff\xa6\xd77\xe5\x1c\xfa\xcf\xff\xff\xd7[\xa1\x03\x9ek\x99&lt;\xd7hg\x05\xc0\x7f\xa4i\x0c\xf7\x0fm\xd8\x88\xb1\x9cg\x12&lt;\xf3D0cw1\xca\xd9l\x9b\xd4\xce\xe7\x1a\\\x19\xe8\x88\x01\xfe\xaaBB\xda\xb7\x8e\x90\x1e\x9b\xc6\xe7\x9b=#\xc0\xf0\xa3@\xbe\x7f\x11\xb9\xfe)\xb7\x85\x19\x10;\x91\xe3\xb3\xd3\x03y\xa7\xfb_;\xbb\xc0v\x8a5\xe1@zB&gt;\xfc\xbf\xd2\x94\xc7\xc2\xd9q\xe0\x85\xc6S?J\x02@S\xd5\x84\xb3b&amp;\xb4^dZ\xc8\xf1\xcc.\xf1\xbc#\xf7\xc5\xb2c\x8e\tm\xe2\x9b\x00\xf0c\xaez\xb1\xd5\x12\x16\x0e\x1a\xd2\xd5\xffNT\xfbq\x1e\xd3\x90G\xc33\xd7 .P\xfc\x0e\x93\xab\xd2\xb5\xa3\x98\x10\x8d\xa6\xa4(\xd6\xf8\xe7\xc1&amp;25\x1a\x8d\xba\xbai:\x8eM\xdc\xb0Q\xbe\xbdFF5;\xe0\xd0\x1cQ8g\xeb\xc6can\xb8\'\xe5\xfb\x1b\x9f\xc4\xcb\xc1O\xbe,g\xc2\x8cg\xbc\xa38\xb5S\xc9\x0f\xa8\x85^\x80\x00\xf0\x19\xa56\x93M&lt;\x06!\xc9C\x8c%4+\x8a+\xe1\xaet\xbe\xa02\x12\xcb\x18:L\xe2=s\xb0\xb8a"*w\xa4o\x9d2-g\xb2\xe4B\x8e5AM\x01O\x7f\x14q6\xfc\x84\xacY\xf2n\xabJE\x9f5\xf9\xf8\xd3\xad.ZZ+::F\x05b\xfe\x1c\xf5\xd6\x86\xe8\xb5 \xc1\xb2T[\xf4\xb7o\xd3\xbf\xdf\x91\x1c\x82\x1dt\xf9\xcdx\xe68\x14\xe7\xb3\xc5\xd8)\x9e\xc4\xb9&amp;\xf7\xf3I\xb9\r\xf5\x9b\xde\xaa\xf93\x13\xcb_`M9\xa79&amp;u&gt;\x1a\xad^\x92\x19\xa1t\xa1\x0f\xf8\xc7\xe0\xf3`"\x92c\x89\xec\x8e)J&lt;\xe8\x97\x8ete&gt;/M\x85&gt;\xa6\xbb9\xf5\x07VH\x98\xca\xe7d\x18\xf5\x96\xe4\xf9\xf0TC~\xaa\xc1\xf28\xd8\x0f\xbe_OD\xb5\xbfS\x0f\x87\x1bg\x06\x80\xb0\r\x1a\xe0:\xa0\xcd\x89/I\x961\xff\x8e\xffua\x08\xbb\xab\x1a\x1b\x98\xa8$\xc7\xf6i\x8a\xa6\xa3f\x94\xae\x7f\x9b\xa1\x11Z\xd8\xf6@\xf3U\xff\xaf\x9b\x19aK\xc16\xab:N\x85\xf6q\x1c\xd2\xc6T}&lt;\xa2\xff;\xe4\xaaR\x81\xe8SA\xa1V\xb9\xe3^.\x97\x10\xdeI\xd8X\x0b\xed\xfa\x917w\xa9\xfe:\x97\x90\x86\x8a\xe7\x10\x98\xa1\x12\x7f\xe6\xe8\x1f\x8e_\x19O\x87v\xd3\xaf_-7"\x10B\x90\xb1\xaa/oO\xb1\xd9\xe2l%7\xe6)1d\x03\xf4$\x18\x929^\x9b\xbf\xbd\xe6[\x8f?Q/"q\x05k\xa1\x04!\\\xae\xe7E\xd4\x0c&amp;\xf1\xba~\xa2]\x1cel\x16\xe1\x8dp\t\xd6}h\x03t;\xf8\xda\xb0BA;\x0c\xb1\xeda\xa6\xb3Cz\x14\xaap\x0cOI~\xbd\x86\xf9X\xf8\xb5\xde\xcc\xfa\xedhR\xe9\xe1r\xb9\\GD\x8d\xeb\x04\xd5\xfa\xc2\x11\xa1r\xbcc\x9d\xa8\x180v\x80\xe3\x9e\x01(\xab\xda\x0e6\x12\xaap\xe4q\xb9\xecj\xf3K\x12\xfd\x01\xf2\xe8\x7fA\xaay\xa2\xba\x8f\x1c\x0b\xb56\xda\r\xda\x9f\xcc\xf6\x7f\xd3h\x86\xb3f9\xba\xb1\x85\xfb\\\x187\x98V\x9e\x9b\xe3I$\xb4[\xf8-\xdey\x03\xf8Dm\x97\xb1\xe9\xad\xa0\xfb\xf4\xe97T\x8f1/\xdb]\x80\x87l\xea$gk|\xb9$9\xe3\xda%\xae\xb9V\xe1\x7f \xa0\x93\x85\x9e\xfc\xf4_\xaa\xc5\x87%\xa7q\xb3\xc4\xe0g\x8a\x8a\xe5\x1d\x00\x93$U\xf9\xf3\xfb\xe4M\xfb\xa2r./\xa3\xa3\xff\xedV\xb2\x9b\xd8\x93\xda}9T9\xfc\xe4@\xa7\x1cu\x84\xfe!\xa9\xfc\xb0$\xc2\xa1}.\x1d\xe8\x1f&gt;I\xf4\x17\xc1\xeb\xa7\xc4\x8e\xf8\xfa]kP\xa3\x01\x14y\xb3\x82p\xa4\x93\xe9\xcf\x98-6?\xd9L\x1d\x0e\x94\xfd\xd1\xeb5\x93\xd5\xe1\xcc\x90\xd2\xbbpT\x98\x1d\xe64a\xe5c\xd8\xbbx\x02\xa0\x07\x8f\xaf\xea\x9b\x9cz\xb2\x0ehq\xde\x8ahi\xad\xe0\xa4\x98\xc5K\xfc\xd0\xc7\xdfN\x801{\x993\x9d\x0f\xba\x83w\\\xe5\xdf\xc7\xae\xb7x\x8f\x04\x00\xa0f\xab\xff\x1b\x9f\x87\xc6\xfd\xed\xe7\xd1&lt;\xa6\x07\xf2\x0c \t?-\x12)\xe1\xe2\xf0\xed\xee\x9a\xc6\xa1Q\x01\xc2\x8b\x05\xa0\xf7\xfe-\xd8,\xb8\x82\xfc{\x8d\xf8O\xc1\x9b\x15\xb7\xe7\xf2\x90\x15\xfd\x8f\x06\x80\x00P\xf8\xc3\xb4\xe6\x1c:\xa8(-_\xf2\xfc\x07\x00\x00\xbe&gt;\x847\x91\xeb\x12\xe4\xa1\xeb\xfd\x0e\x03\xff\xfc\xf6*\x0e\raT\xe7\x9f\x1b\x85\xb3\xc5q;\xd6\x11\xd0\xe11j\n[\xeb\xfd)V5\x8f\x1f\x16&lt;:\xbe~\xfdG\xf7\r\xc1\x0c+\xc1\xc6\xa1\x927\xb3\x1f\x1a\x85\x8f\x16\xb4\xd1r\xfe#wCu\x1el\xac\xcd\xfc\xc7\x04"E\xb6^~\x9e\x0f\x8d\x078\x10\xcd\xb7I\xdbq\xff:\xf7\x17B\xe2\xb5\xf8_\xf6\xde;^\xff\xfa7\xfe\x9b\x80\xa6\xfb\xe1\xa9\x8e\xa7\xe1D\xefh\x0b\xb1\r\xd9q\xec\x93\x9bQE\x8fo&lt;\xf9H[\xa3\xf9_\x02_\xb2\x0f6\xccV\xca\xf1h\xca\xb6\xe8\xafp\'\xd1\x8eC\x8c\xd9\x96\xcf\xb4\xaeb&amp;\xc6w\xdb\xfc!w\x0cs\x15l\x88\x89=\x8d\xae\xa2Wj|\xcd\x9du\x84\x0e\x0b&lt;\x01\xfc\xf3\xf9V\xd1\xb1\xb24_qT\xc9\xbd\xd5zo\xca\x88Mtw\xf8\r\xa5\xa6\xf2UH\xff\x1en&amp;\x98\x89\x99\xc7\xd3\xd3\x1a-\xd4\x08\x13X\x8d\x07\xee\x7f\x88\xeb\xe9`\xc9\xf3\xfd\x97\xd7T\x87\x0c\xadA\xfc\x00\\\x08\xf7\x08\xf2\xab!\xbc0\xef\xb5\xebr\x89\x1c\x9a\x8b\x00\xeb\\\xce\x1d}\x8e\x14f8\xb8\xc8\x9dg\x94;\x15\xe3\xc3\x0c\xe6\x9a\x13\xe4\x11\x10\x95T[[\x11}q\xe5\xa9\xe6\x8e\x19\xeb\xb5\x1ez\xc1\xf6/V\xa2\xe5\xd1%\x8e\xfe\x05\xd3\xb5\xb6\xeb\xf77\x96?\xd5\xe6\xe3\x8a&gt;\x81\xa6[8c\xec\x9b3\x18\xb5L)c@\x97g`\'D\xf2&gt;\xc9\x02\x8a\xa2y\xcc\xff\\\x16@\x00xq\xfa\x02\x10\xfb\xf7\xfd\xf1\x94%_\xb76\x12\xceV\xc2&gt;?\x18\x85u7w&lt;\x80\x03\xef&amp;\xa8Z\x08\xbcy5\xa1\x051&gt;^\xdfez\x7f\xbc\x03\xfa\xae\x1f\xf8\xb4s\x9e\xc0\xa5!8\x847\x14w\x0c\xfb8NM\x07\xd5\xc0=\x85\xf3!\xbe\x85\xablF\xd0w\xdcI\xf0\xe3\xe3,\xb3\xd1\nk\xbd\x94\xc6\xa6\xd5\x81\xca\xe7\xaf\'&lt;\xa1z\xf6\xd2\xd44M\xad\xdezRm%\x1e\x9e\x00\x88\x96\xbb\xc2?J\xde\xddRx#-\x0f\xef\xaa\x96\xb0\xc0\xc0\x9ch\xd5\x8a\xcc\x1dwg\x9e=&amp;5W\xf1t\x9eT\xb4\xf36\x15\x87^f\xd3\x1e\x14\xa09@\xd0+\xc0\xe7\xab{\xa5B\xacs\xda*\x13\x98;N9\xb3\x0c(\xc2\x03\x87\x01\xf9\x07\xd6\xaa\xbf\xe6\xad=\xd9\xd7\xe2\xcd\x90\xa3Ng\x9b\x1d\xce\x97\x84(\xffcR\xc3\xb1\xfd}\xfb&lt;\x94l(Z\x15y\xad")\x82\xb3\xfeq\x17\xf4\x87\x00\x8en\xb4\xb0\x7f\xa5i\x83\xc4E\x9f\xea\xe51\t\xaef\xac\xfd\x8b\x9c\xec\xdf\xadk\xfa\x8fv\x05\xfd\x0f \x9e\xc0\xe7\x07\xa3\xdb\xaeP\xc0\xa4\xdf\xbe\xef\xae\xf1\x1et?\xac\xdc\xc6&amp;\x99i\xc0\xd48TQ\x0f\xf7\xff\'wg\x98\xbe\x85\x1c\xf2y\xf9\x9a\xa6&lt;\x94\xd8|\xab\xa7_\xe5\xba\x0e\xe1\xd5\x80\xd6bSB\x94*\x9f9\xa9\x02\x90\xbf\xd0k\x10e\x96d\xf0\xfbs\xfc*\xc0})\x91\x14\x00\xb8\xbbju\xa6\x02Y\xdeK\xeeN\x86\xe2\x97\x93\xe6\xf1\xa7\xf8O\x1b\x04N\x0c\xd1OA\xb8O\xfc\x84\xb9\x91\x8a\xb0\x8e\x7fI)8\xb2 \r\xa3e\xa1m\x0f\xf0\xef\xa8\xdag\xdd[\xcd\xe9u\x1c\xcch\\\xfe\xd6\x15&gt;\xed.\xcd\xd4]\xdbK\x92\xce/\x97K\xf8\xa7\xc8O;(U\xdd\xa5\t\xc8\xd4&lt;7ZHp\x06\x1b\xa2\xfb\xaf\xa6\xe3:\x81\xd1\x9a"?\xed\xc9a\x94,\xebx\x06\xb7n\x0f\xc6J*\x03\xf6\x8f\xc5\x8c#\xf5\xe4\xe1e\xc0Ip&lt;\xceL4iw\x0e\xd8\xd9\xdd\x01\xfe\x0fk\xc7)\xa6\xf3\xf1t\xc4\xc3nq\xff&gt;\x03\x9c\xc4\x8c\x95\xe8\x1c\xaa\x00&gt;\xd6]\xe6^&gt;\xe7Q\x1fa\x10\x18I\xae!\xd6\x02\x13R\x9a\x05\xa0\t\xc7/F%\xe8\xad{\x94\xbd\xe7)I\xf6L\x00\xdb\x1f+4\xd5\xe2\x05\xde-\x8b\xb7$\xc3\x94\x9b\xc2`4\xaa\x8bM\xd4\xd6\xeb\xfa\xb1`\x9cq{\xfaX\xef1\xfcl6\xc8\xc3\xb1\xc1\x93\xfe\x95\x9eO\rP~G\t@\x12\xc8\x87\xe2\x18\x0e\x84r\x00\x9b\xecJu}w\x8a\x9c.7\xbbI\xc9\xa4\xaaG\x9d\xcc\xb8\x17k%;\xd7\t\x1f\xd4\xf7\xc0\xf09Y\xa0\x85\xb7\x11&lt;\x85\xba\x81J\xcd\x88Kr_\xe6\xb2\x12\xd8Q\xe11\xe0pj\xa7|\x9cP\xa9.\x17x,\x0f_P#I\xf8lK\x8b\xf0\xe5&gt;s\xe2VZ\xfe\xf1\xdd\xd7\xb1\x18\xcf\xc0\x1b\xc3\x0f\xc1\xea\xcf\x9d\x92\xebM\x07\xd3B\xf8\xcaa\x05\xf0&gt;\xean\xbb\x8f\x19Z\xaa\x9f\xc6\x17\xba\x1fJ\xa8\xeaPi\xe0KZ\x1cen\x86\x87u\x1e\xc9\x93\x1e\xc9\xeaf\x9a\x15\x0bD\x83!\xe2s\xad\x99-i\xc0a\x863\x8a\xe6\xf0\x84,Q\xde\x81\xdf\x95\x86\xe5\x19\xdd\xad\xbb\x8f\x19c!\xefG7Pi\x82;T\xda\xe7G\xfd\xb3\xd9m\xbf5\t\xc6Z_\xee\'\x12Q\xdc\xddz\x05b\x1c\xc9\xa5{\x16\xfe\xb1d\x9bpGB\x93L\xd2\xf5\xfd\ne\x17\xd8\xb62M(a\x1a-r\xe6\xb0p\x8c\xce\xc7\xf1\xc1u\xa3\xe0n\xce\xab\x1b\x15\xe9\x19\\\xb4\xa8\xd4\x1d*\xa9o\xd3\x80\x80\n\xf3\xad\x0c\r\\\xc8\x0f\x8f\x0e-\xce=b\xfcJ\xa9\xc1\xc7R\x1a\x05\x1c:?\x15\xac/{\x17(\x0c4T\xf1\xad\xa7\xe8thM\xe8\x82\x1e\'p\x1a\xc3f\xe5%\xd1\xe7\x1fg\xc4\xde?\x14\x08\x84\x00\xf0?\xa8\x08\xb8CP$\x9e\xe6\xc1Jo\x18\x1e\x93(\x84\x7f\x08\xaa\xf1\xa6\x97/,\x8as\xfaH\x0f&lt;\x87\xe5\x18\x0bEt\xf6\x91\xe1\xf1\xea\xb3#&amp;\x01\xfb\xcc_\xa4\x10\'\x15\xe6\x81\x9e$\xa0\xcb\x95\x9e\x06\x95\xa3\x16v\xeff[\xd5,C\x08\xf0\x16\xe5\xee\xb6\x97\x00+\x9b\xb5\xb3W\xd3\xa3\xd4\x85*&lt;\xe7\xacl\x1e\xa9}8\x06\xf7\xac\x06\xe3\xde\xac8\xe2\x1b\x1d-\x9e*\xa5\xef5\xf9\xa9`Tc\xe5|{\xc5\x02H\x1c99n\xa2ni\xf5\x1az\xb5\x10\xb20\x12-\xa60rVR:\xb5 \xa5\x05\x91f\x01C\x943\x18\x02\x92[\x0b9\xb4\xc6\xaaO\x00.\xf3S3\xcbI_\xe1YP\x0b&amp;BT&gt;\'\xf3\xc5\xf9W\x97WN~\xaaH\x14\x8fu\x1f\xa9\xbf\xae\xfe\x0c=\xef\xdf\xc7\xb6W\xbd\xd3\xce\xe2S9\xd8\x86&gt;\x83v\xd4R/\xc9v65j\x97p\x00\xaf,\xaej\xf3\x18&amp;Y\x93\xfdI\x08\xcb\xf3\x16\xea\xdcdF\xc2U\x0f\x0c\x17\x18\xc04\x8b\xe2\x8a\xd6T\xf2\xb1\x92\xcf\xabd\xcd\xf8[C0\x19\x1d1\xf2\x95\xcc\x8c\xc4\xfer\xc2Q\xcd\xb3\x10\x82\xe0\x05\x12\'-\xbe\xf2F\xa28\x16\xdbX\xfdj\xd8z\x19M\xd0\xe4O\x1f\xbc\xfe,C\xac\xd1E]\'L[\xca\xa9Xu(\xa9\xbc\xa4Obl\x15\x8b\xe4y\x03\xc0\x07i\x1fY?\x1b\xae\x96A\xdd\xf2\x88O\xce\xb5\x88]\xa3\xe939]\xafG\xf7X\x14\xb9$%O\xfb\x0e&lt;\x8b\xe7X\xbf\x1e\x87\x89\xfb\rP\xb5\xc0\xa2\x8a\x0e\xc8\x9f\xe9\xa9\x9e\xf2\xe5\xd2\xf6\t\x00\x92+5\xdc\x16j\x80\xee\xcc\xf6\x87u\xdc\xfb\xc1\x06\xf9\xb7\xeb\xf7\x00\x826(\x1e~\x02\x00\xc0\xa7S\xcc\x8b\xaeU\xe9B\xabvA\xde!yZt\xb0\x83\xd0\xad\xef\x8d\xed\xfe\xcd,&lt;\xdb0\x19\xe6\xcbyf@q\x0e\x90\xdcO\xdf\xda\xae\xff\xf6\xe83!\x96\x8c!\x12O\xe3\xe3\x8faPh\x1b\xa14/\xa8X\x8d\x84\x0b\x05\x80\xb7\xf3\x10s*\x90{IY\xba\xadw\x8e$\x01\xd4\x94xy\xb3\t&lt;w\xa1\x8c-g\xdf\xbe\x9a$\xc4\x89\x9f{(h=\x8aa:\x1e&amp;\x8c\xee\xf1t\xf5t\x1e\xd4\xd0#6\x1f]\xda\xf6\xe7\x9d\t~56\x1d\xf8@\xabB\xeemY\x03\xfcz;N\x1d\x01?\xa0lo}yf32\xd0\xcf0\x8a\x02\x8b~\xc8L\xa5\x97\x0f\xc79,\xb9^/\xfc\x89P\x9c\xc8nLT\x98\x96\x98\x1c\x7fI\xd0\xc6\xb6ZN`\x9c\x04\'\x18O\xb7I\x11&amp;\xd1\x9a\x04 \xe1\x10\xbc\xce!X-(\xb7\xf3\xf9\xbf\x0f\xca/\xae\xc1\xef\x01\xef\xea\xfe\xacsq\x1d\xd7T\xae\xf68\x13\x98\x89U\x11\x8el\xdb\r\\"\x18\xd5\xfeE\x15\xac\xb4\x1d\xdb\xd5\n\xb6S&amp;}\xa7~\x98\x9a\x9c\x0b\xf2\xf4(y\xf0b\xbe\xbb0\x03\xbeg4\x813\xc1\x12\xf5\xfcY\xa4\xf2}k^G\xc2-\xc2\x03\x00\xce\xd0\xa6\xabt\xca\xa8\x11U/\xe2\x19\xb0rF\x82\xd3\x1bd\x9e\xe1=\xf6C\xef\xcc6{iQ\xceL\x83J\xbej\xde=\xa3\x84\xc4\xa2j@&gt;\xa4\xa9\x90\\~\xd8@\\\xff\x0f\x94\xedC\xf6h\xfd&lt;\xe8\xf9\x8eT~\xe5\x84\x06\xad@\xc33\x8a\x8eG\r\xfd19\xbf\xd6O\xe6\'\x1f\xbe\x1c\xf2 +x2\xe1CI\x8e\xd3\xcc\xc2\r\xe4\x1b\x8d\xff\xba/\x8f\x89\xd1\xef\xc1]w\x8d\x14\x01s\x03\x9d:m\xd1\xba\x7f\xbc\xd1\xc2J\xec{5\xaf\xcb\xf7\x82\x10^S\xa7\xc2\xbdW"\xa1\xb5_\x01\xfc\xe7\xbe4\x92\xc6\xf8\xc1\x97L\x88N){W(g$T\x1c\x0f1\xa2\x81\xe8o\x1e\xc7c\xca\x05\n\xed\x1e\xae\xce9m\xa3\xb6\xe6\x89\x0es\xd6\x0f!\xfc^\x9bv\xd7\x8c{\x8c\x85\xc9\xbc{K&lt;&gt;jrxwn\xb4.\xd8\x01\xc2\xeb\xb7\x90[\x87x\xac\x95\x03\xff\xc2Z.Ux\x1e\xc7\x86\xe8\xff\\\xb3R\xad-\xef\x9e\xdd\xd2\n{\xc84?\x00\x90\x08wl65`\x0f\xean;\xed\x8f\xcf\xea\xbe\x7f\xcd\x95\x8b\x0f\x92|I\xe4T\xc4\xceE\xb1\xda.\x8e\x10\xaf\x87\xb7\xf5R\xd1glLq3\x04.T\xb4g\x1a\x1e:Q\xc9\xa2\x87\x13\xe6\x08\x03\xa5\x91\xd6D\xff\xa9\xbc\xa2-\x98\x04\x90\x9b\xb8\xde*\x9eo\x95\xf9\x89\xf2\x85\xfa\x00A\x96\x00\xd0&amp;O\xe4\xa9\x19\x9ey\xec9@\x19L[[\x0f\x00\xe0\x9d${\x0b\xfbC\xec\x19"\xf5F`8\x93\xae(\x1a\xbe\xe9\xa9Q\xeb\x89\x7f\x92\xb9|\x92a\xf6\xc1\x0c\xc1H\x85\xb4\xb6\xcb\x02\x99m\x81\xcb\x1blZZ\x98\xae\xd1\xd1\x85a\xef^\xd9\xbe!\xb4\x06\x02\xe2s\x7ft(^\xf2\x8b\x9f\xdaT%\x01\x87-W\x9b\xe3\xd7\xca\xf6\x00\xefm\xd4=\xd5\x12\x1a\x8a\x1a;@\xfbs\x7fy/\xaf]\xcb&amp;\xa6Q\xf47P\x9a\x14\x93\x90\x9e\x84\x86\x10C\xb8\xceYW\xe6G\x85\xda\xee\x9b\x00\xe1\xe0\xb6f\xffT\xac\xc2~W\xa6\xa2\x123\xce+\x01\xf4\x88\x92\xf1L\xed\x1b\x10B\'\x87w\x95\xca\x84WH\xd4\xb6\xc2&lt;\xa7p\x9c\xe2!\x07\xca\x89\xf4\t\x97@M\xe0\x90\xe3\x8f\xd32?t\x7fK\xa2P\xce\xca\xf3\x01\xcctS\xb7\x83\xa0T\xbc\xb5\x10\x05\x94\xba\xd1\xfa\x16\xa4\xbe\x86\xffYWi\xc1T\xb2\xcc\xf6(^\x82\x83\xd1M\xa0\x08\x19G&gt;mo\'\xfc\xd8\xd3\xdf\x0b\xec\xe9\x93\xfe\xad\x0f\xd7\xd7\x84\xcc\xdc\xc0\xa4\xdd\xd7\x15\x1d\xa5\xe5G\xff\xf5\x1a_\xcfINO\xa8\xb68\xe1P\x1b8\x04\xc9\xe9^q+\xa7\x90l\xa5\xd4\x02\xf1\xd0\x0e=_r\\\x87\xd9s\xb0\xee\xa1\xed\x883%g&lt;\xdb\xe0FY\xbb\x83\xde\xe2\xc6\xa2u|\xd8\xe4O\xea\xd2\xbb\x07&amp;_r\xfb\xbco`\xe4\xed8^\xcdf\xc5M\xe9q1\xa9\xab\tp_*\x15\xafo\xfb\xd1\xc8/J\nd\xc9c\xd5\x0e\x19\xaeP\xba6\xd4\xdbL\xb4\x98\xc0\xae\xb4\xc5\xdb\xec"~\x9f\x19\xa18L\x84i3\xd5\x84\x94\x8a\x90\x1f.\xbbi\x9c\xe9\x84\xa1\xcf\x8a\x9ag\xaf\xa0"\xe1\xc5\xda\xf1\xc4\x86i\xcbH\xa1\xec?y0\x9d\xc4g\xa6C\xa3\x1dP\x8b\x8eC\x926\x8f\x98\x8a\xb0\x18\xf4\xd5\xee\xabn*\xdbR8\x02\xc7\x85\xe3\xa1[l9\xc4*s\x83\xbeJR\x950#\xf3\xc1\xf0\xcd\x93|\xf8y+\xbe\xdf\xe4\xd5\xdc(\x14Y\xbe\xaa\x07\x0b5\xe67\xaf\x81a\xde\x01\xf6\x9f{\x96\xb6\x9a\xf3\xea\x89\xe7b,\xb9\t\x0b|\x1e&lt;\xe1\xa9"\xecNu\xaf\xe3\x88\xd9\xd0\x9a\xab\xba|iG%Q\xa4=-\xb1\xce\xec\x0b\xcc\x1a\x95\xaf\xe24\x05\xbb\xa8\x0b\x94\x0e\xb5 \xee\x88\x9f\x8a\x14Z\xf6 \xd3^\xc7\x04\xd8=\xb3r=Tm\xb7l\x8e\x15\xee\xc7\x82YK\xf1\xd3\xc8Q\x16\x15\x04\xb2\x1b\xbb\xf2\xf3\xed\xfc\x15\x12?\x1aC\x10\xaf\xc7\xc2\xa14\xd1\xfdS\x1a\xb0j\x8b\xc3U\xdf(\x8e\xcb^\x95\x00\x8e&gt;M\xe7\xc6\xf6"\xc0\xf0I\xb2\x9dKD\xb1\xef\x85I(\x14\xca\xab\x1f\xf8\xbfm\xea\x85F\xed\xeb\xdbe\x86\xd9xe\x85\xd2\xe3!\xe1~\x88s\xed]\x97\xc6*\x86\xa0\x92d\xa1x\xa9\xb6@\xb96\xec\xf0F\xd0\x97O\x91\xf5\xe7t\'Ia\xce\xaf\x85\xa6\xc32\x1bM\x15s\xbd\xa6\x86\xdc\xcf\xb1\x85\xda7\xb8\xe8&gt;\x01\xa6Z\x1f\x10\x02\xc0\xc7\x8efQ\x86\xcdhB\x8fo\x9d\x05\xe7\x8c\x89\xa3\xd0\xce\xd8@|\x8eU7Ql\x02do\xca\xe5~\xd8\x99p\x87\'C\x8d5\xcc\x042\x19v\xa6\x91|\xcdN3\xdb\xc6\xbe\xa1\to\x92\xb0~h\xb7w\xb7\xa1D^\xf1\xa4b\xc2P\xa2-#\xa2\xc7\x8d\xfd\x86CQ\x84\xe8\xffDG\xb7\xa3&lt;\xf3s\xf5\xb6p/\x03siy\xce\x17\x08\x89:F\x8e\xc2\xb0mm[\xad\x97\x9f5\x01\xa8\xe4\xd7\xf00\x8c\xc26\xee\xceUs\x87\xd9\xe9q\xf2\x96i\xd4-\x10?\xed\x0bj\xe4!\xf5\xf1\x95^Ef\xc7\xf2u\xc8\x19\xb3h\x86#p\xb4\x00\xcd\xee\xec\t\xb2\xa7%\x18U\xd5\x0fK\xfce\x8e\x82\xaa\xd2&lt;\xe8\x18\x1d\x01\xf0Y\xd8E\xc5\x91\xd4Q\x1e(&gt;@eo\xa0\x93\xb9!\xc9\xb7@L`\xec1K\x82\xea\x00\xd4\xefY\x96J2\xa4\xff\xca\xb1\x9bd\x1b:\xcc\xf8\xf6\xd2\x08\xc0K\xdak\x8b\xf5\xfa,1\xdbQC\xe5\xc6:o\x85\xc7\x90\x0f\x14\xf3\x916\xd4a\x9e\x881\x0b\xd2\x1d\x00\xed\x85\x8cw\xbe\xb5\x0f\x93\xbf+hcr\xee\x8f\x96s\xd8\x05;\xf8\xeb\x13yL\xab%\xc1\x97\xf0Y\xd2m\x8d\xfd\x14\x94\x15\xbeQ\x1b\x0e5\x81\xd8|\x12\xd5\xb3\xc6\xf2U\x84\x86\xfb\xe4\xeb\xf0\nr\x9e\xb5&lt;\x17\x86O\xccFC\xd8\x8c\x0fXf\xc9O\x08\xf8?\xf7[@[\xe4r]\xdb*9H\xdcy\x7f\x8f\xd7[\xeb^O\x8c\xff_h\xef\xa4W\x8b\xce\x0b\xfe\xaan\xdaeh\xa65\xed\x88\xd4P-`\xb9\x7f\xf7G\xc3s\x12\xd6Qf\xb4\x85\x0c\xd4l\xc6\x9bB\xb2\xef\xa3nu\xf3\x8aI\xca\x11\x1br\xa3\xe5ns7\xd7{\n\xaa\xe6j&gt;{{\xe2;\xfb\xc6k\xd9&amp;\xbc\xa7\x0f@\xc5\xef\x90W(\x1d\xea\xe4\xda\x88\xefV\xdf\xb9Ha\xe47\xb3\xeb\xaf\xdc\xec\xf0\x87\x8e\x1a\x9c\xac`\x8e\x80\xe0\xde\xc0\xd1\xea\xa8\xac\xbeg#\xc4u\xa3\xb4G\xf0}\xcf\xfb\x87\xaf\xd7\x88U\x8d\xbb\xa9\xa1\xba\x06\xe5\xea^\xe7\xb0C+\xc8\x1d\xa5\xdb\xe1]#\r\xae\xa7\x13\xe2s\xaa\xdf\x8d\xd0 d\x8eq&amp;\xad^n\xf7\x03\xffI\x1c\xe6\x04\x11\xad\xd0$\x9f\xb2C/\xb8\xca\x15\x94\x94\xf0\xb1\xb4x\x9fQ\xcd\x90\xb9\x9b]!\xae\xb7\x86\xc1\x86j?\x1f\xfa:Fsd{L\xd1h\x9dK&lt;/A2\x81=\x0f\x1f-\x0e\x8a\x08\xc1\xa5\x1d\xd8\xed\xf68\xcb8\xfa\xc1\xd7bh\xfe\xa0\x0b\x94\xdf\xdes\xbe\xfa\xacV&amp;\x9e\xb5\xd6N\xad\xeeNH&amp;&gt;\xa7B=Du,\x18\x1bA\xe5:.\xc6o\xb1-\x8a\'(\xae\xfb\xbc\xf5\x181\x0f\x13w\x9cxh1\xd0\xb5&lt;\xd5\xd0\xa3\xfcT+\'\xbb\xe2\xf4O\x87\x8a5\x1a\x84\xb4\xc5\xd5\xb4y|\xd9\xae\xa0c0p\x15l\xf3\x8f\xfd\xb8\xaf\x1d\xea\xb7\\\xed\xacZy\x94\xe1K\x06Ua\xd3R\xc9\xed@n,\xf1.\xcf\xed&gt;\xbb\xdb\xc0\xa3M)\x1cM\x8bc\xb0\xcd\xcdZ\xf4\x89F\x03\x93H\xdd\xedN\x94\x0eq\x84\xd9\xc01\xdc\xf5\x99%j\xceOL/\x97\x1d\x0ft\x9fq0Yc\xf4\xcc:\x10@\xbc\xe2\xedo\xe7*\xa8\xc3PB\x8a\xfe\xe0k+\xf7\x93\xb4\xe4\xebQ\x13@`\x9d\xb2\xe9\xc0x\xc1\x8a\x87\xaeSZ_N\xa9\x05y\xca"\xa3\x03\x10\xb7\xec\x93L\xd0\x8fR\xfcU\xdf=\x84\x00\xf0c\xaa\xf6\x82fJ\x1e\x84.s\xc2\xb6i\x81\xfb\x95\xecn\x8fG\xb8\x03\xc5N\x18\x7fH\xa8j\xa5\x81\xc3\xc2\xe3\x17]\x96\xc6_[\xf2R -\x13d\xcd\xdc\xb4w\xd4%\x07\x99\x00\xcc\xb5\x7f\x16\xe0Tb&lt;*b\xfd\xf6\xb4\xd4\xbe2j\xb7[\x0e\xf0N\xa9\xa2\x04&lt;\x19\x91\x8aqk\x99Q\xc6\xdd\x1a\xbd\xa6t(\xb2\x15:\xdf\xcc\x83n=%\x96r\xa6N\x9d\xb4r4\t\xd7w";\x0e\xa8\xdf\x05\xc14\xd0l]\nd\x88\xe6HR\xedz\x05wI\x9b\xbc\xb5d\xc8\xf1\xfd\xb8=\xda\x97\x11Xi\xd9\x9bI{\xach]\xd2=X\xd0\xbf\xe2:&gt;\x89w\xba\xb4y\x1et\xc87\xe4\x02\x83\xb4\xa5\\f5\xab\x8a\xbe\x95\xba\xfd\xe0\xe5\xc9\x82RX $\x93\x19*f\nB\xd8\xfd\xd5Y$\xb6t\xfa\x9a\x1ep\xef\xfb\x92w\xd1\xf6R\xba\xd5\xa0TIf\x03\x00\x00\xbe\xdd\x9b\xd1dx\xa4\xf1\xbb\xab\xc1\xf7a\xcd\xfa1\xbak\xc4\xa6h\xfe\xfc\xd2\xae&lt;\x01\x00\x80\xcf\xc5o\xa5\xcd,\xc1\x06B\xf8\xb1\x88\xbf\x0bT\xb9g\x9e\xea\x01\x89_69ug\x1d\x884\x9f$\xed\xf0(\x88\x8f\xf8\x92\xed\x97\x19.&amp;m\xe1j\xfc\x96H\xd2q\x00b\xd2\xb7\x0ffQ~\xbd\xaaJ\xa6\xbb\x04\xecb\xfb_\x9e\xa8\x97@\xec\xa6\xfbxI\x1fO\x9c&amp;\xd4\x93\xc8\xd7\x85U\xce\xef\xa0$k\xf94\xdfS\xa6\x1a\x91\x06\xe8\xfe\x83Xk\x8a\x94\x80v\xa7\xa6\xa0\x91\x1djV\x19\x04\xa4\x08\xf3"\xd6\x03\xf5\xd1\x16\x0b[#)\x9d\t\x94)JuV&amp;\xc4\x97\x96\x15.9\xd2q4\x94 \xc8\x14\xd5\xeb\xed\x11\xc7\xa9\x02\xbf\xae\xc6\x17\xde")\xf9\r\xdc\xd7\x80\xea\xb1`\x12\xf2\xea\xb9(v\x9a\xe5x\x07EH&gt;\xa4\xa6\x18n\xaf\xe1\x04\x18\xcc\xccm\x83\xfb\xba\xdd\xaa\xd1\xa4Z,\xc6\x1al\rs\x8aR\xbd\x19\x07\x1dmU\x07?\x085K\x9ay\x8d\xc2\x96\x15\xf2LV\x93]\x00\x00\xe0\xadl}y\xd5\x07X\x933\xe4YU\x00\x00 \x00IDATA\xbc\xbd\xfa\xea\x83D\x99\x99\xd1\xdf\x80\xd25\xdf\xfe\x9c\xb4i\xe5\xbb+\xd2C\x00\xf8\xc7\x1d\x0c\x1d\xbf"r\x94\xa5!\x9c\x05j\xbb\x99f\xd9z&gt;u\xe7\x04.f\xef\xe6\x99\x93\xc2\xe0\x13\xdai\xab\x9cf\x8a\xc6\xfdJv\xc6\xea\xa3jv\x00\x04\x80\xef\xfa\xe0\xb6*v\x87\xb05Ib\xd4J\x90\xd6\xb3\xdbH\x7f\xa7V\xbeTKQ\x08\xf5\x15i\xff\xbf\x88%[\xe8\x88\xa4I$\x17\xdb4\n\xbe\xb6\x13*\x1f\xd5\xc4\xfe\x12?\x94\x83\xed\xc3\xd0\x8d\xa1\xb9(\x08\xd19\xe9\xa8\x01\x1c \xc7\xde\xc1\x13\x9dm\x18\x8e\xbb\xec\xc9\x91\x0c\r"\xc8%\xf8\xf2\x91\xb6$&gt;O\x88\xfe\xfe\xd3\xd9[\xe1\xa6\xb4\xedN\xda\x1f\x95\x13\xa3\xed\xed\xee\x05\xbc\xbc\xc3\x85,\x9by\xca\xa5V\x1b\xbd.\xdd\xbb\xc5\x05\x00\xfc\xb0Kx\nZ\xa17\xcd.\xbc\xbad\xb7mc\xd5\xc7\xa6\xdb\xd6\xb0&lt;\xa8\xdf\xd2\x85\xd0\xa6\xceE\x88\xe6A\xee\x81\xcb\xa3\xfa\xd5\x0b\x00\x00o\xee\xc7h\x18\xbc\xe6\xb0{\xb1C&amp;V\x972V\xbeG\x9cy\x19P5\x9a1\xe9\x02\xbc\xd2F#9M\x95\xb5\x1fnV\xce=\xde\x11\xf7\xc0\xc4%d^\xf4\x0br\xed\x00\xbbS\x94\xa2p\x03\xccb\x0f\xb3c\xde\x1d\x80\xea\t\x1bFy\x0c\xbb\xb0(m;\\\x0f\x04\x1ceI\xd4\x99=&gt;\xfb@\xe1O\x89E\xb5\x00\xfc\x13i\xcb/\xe5\xe5\x88\xcf\x89\xf83%\x89\xbd\x87/\x99|\xe7$\xdc\xcal\xcd\xe4\x01\xb1\x7f\xf1dc\xc2\x0fh\xf8\x94IA\xa5n\x97\xca\xf1\xac8\xeb\x90;\x8cK\x1c6\xdd\xd4%\x9f\xbdT\xc3\x1eL\xcb\x1f\xea&gt;j-\xa2:\x9a\xcfzh_\xcb\xb8\x84{J\x95d.\x94k\xf4\xca\xc5\xf2\xed\xa7\x9d\xee\x1d\x98\xbd\x9b\xb9{7\x8cR=\xc9\xd4\xba\xbb\x1aP\xfe@k\xd1-Q;5#\xa6\x98\xa7=\x86\'\x03s\xcd[\x96,&amp;PTd\xe0\x81v\xe9c\xe7I\x02\x82\x05\x00\x00\xf0\x8e\xd8Ei\x8a&gt;\xd0\xe0\x1d\xab?a\xb3\x9a\xd2CKCr\xa0\\#?\xbe\x1eo\xed]u\xeeU\x98:\xfa\xb3\xf1\xd6U\x0e\x7f~\xa3\xa8)\xef\xbc:\xaaT\xb8h\xb9\xca\xf99\xd3\xb1\xb6M\x97\xa4\x19\xdfwL\x1c\xe5\xd9\x17\xc7v\xac\x04\xd0\x1f\xb6"]\x9e`&gt;\xc3\xc0IN#\x04\x80\x97\x8b[\x1ej\xe7\xeb\x81\xfa\x91\xf2\x02\nK\xafR\xb7\x1e\xc5\x94\x7f\r\x06\xad\x13L\xb1\xd5\xb6\x91\x8d\x05&gt;J\x96\x9f\xe0*\x1b)\xd72I\x9d\x8aI\xd7L1\xba\xef3\xd8\xa3*\xac\xddK\xd6u\x7f\x0b\x91\nR\xf5\x9f\xad\xd1]\x8d\xfc\x81[\xde\x80\xc2\xf7\xb0\x85\x06*\x95_\xcf;\t\x0c\xa5\xbb\xf4\x1fs]E=a\xa3=\xedP\xa7%\xc6\xc06\x05?\x87\x05\x1c*\x01\xe0\xabCL@\x1e\xd9\x8eW\x0f\xc9i2\xc9-z\x9ad\xad\x02\xea\xba\xcb\xfb6*\xaf\x00~\xdc\xd2\xabtWn\x10"\x01pwm(\xd6\x83|\xc7!\xa8\xf3\xab\xdf\xeb\xc8\x84P\x91D\xb1\xe8sk\xddb$L\x1ee\x9flM1\x11\x94\x89\xd1T{aK\x8a\xcf\xdd\x87\xc3\xdb\t$\xd7s\xab\xad\x8b\x1bA\x1bs\x855\xa3\x82\x00\xbc\xa5\xb4eR\x96j\xc2}\xba\xba\xe4\xfc\x9a!\xde3\x15Z\xb6\xe4\x90|\x10\xeaU\xa5\xa5!\xa8\xdf\x89\xa6\x02c\xc9\x98:\xb5\xc0\xa4J\xe5[j\xa5\xd3\xa2*\xfafW\xa2\xc0\x8dV\xe2\x88\x10\xb3\xfaDo\xbd\x90\xbe)g\x88d\x7f\x06\xcc\x1c\x03\x00|\xb8L\x08-\x81W\xfd\x08X"=HGa{\x8dx\x15\x8d\xe4+\x84\xa0\xf8u\x17Tf%%J\x0e\xb3\xb0\x19i\xe3]\xb9\x0b\x0c%EnH\xdeX\x8d\xec\xe8&gt;AQ)\x9dJ\xfe,\xad\xa8\xe7p\x9e\x04\x10B\xcd\xb3\x13\'\x12\x1e\xf1Q\x1e,\xac{\x85\x1e6j\xb7\xf0\xa6\n\x8f\x80\xfd\x93\xa7\xdf\x9a\xb6\xb9\xdd\x87\xfb6\xbf \x93S\xe70t\x9b\x84\x16F7\x94\x146\x07\xf0"\xbfi\xee\xe9\x82\xedBAM\xc7\xe1\x80w\xc5.\xce?\x1cG\x8a\xe6\x04\xd0\xc1L\xf5\x1a(\x9a\x1d\xf8+vrm\xc4\xb6\x93P\xa3\xba\x9b\xee\xab.d;\xa5&lt;pH\xb7\x17\xbdF\x10+\x02\xcct\x86\xed\xa0\x81&lt;_I8J3\xcb4\x832\xe0\xf8\x04\xd0S\xff!\xd2~\x05IR`\xf3\x04pW\xe4,\xb6t4\xe7\xab\xce\x05\xa3\xea\x95\xd9\xac\x01\xe2\x9a\x06\xc9[\xf4\xc1\xa0\x0b7G4\xddm\x9c\x16\xbb\x84O\xa4\xeb\x166\xab\x99\t\xad\xfb\xd9J\x06\xb4\x8e\x93(\xba\xd2+\xf6\xdd\x1a4:\xa0p\x97Y\xd2\xf8\x882-\n\x1cI\xe7D\xc3\x99\x16{\x9f\t\xcd#\xbb\x8b\x97v\x98\xfa\xa2:\xed^\x04\x00\xe0g\x99\xbb\xe5m\xe5\xf8c}\t\x92\x1d_ \xaa\xd4(\xb4\xe1\xe9\x1f\xde\xb9\xac\xeb\xbf\xce\xe4\xd4s\xceo\xc9\xeb\x9d\xa2\x16c\xe6\x90\xf5\x84\x10\xe0\x7f\xae\xd2\xc5\x0bW4\xce\x9e\xab[\x06\xeeZ\x18&amp;\x92\x06\xd6\x9c\xbey\x9a\x12\x02\x7f\xdb\xd8\xb15\xfe\xc6\x10\xadb\xdcC\x96\xa8\x90U\x88\xf5p\xb7\x03D\xff\x90\x1f5\xde\xa3\xe7\x07\x13m\xfa\xaf\xc4M\x1f|`\x85\x10\xb3\xea\x8e\xe3\xa5\xd4\xd8\xf2\x90\x97(\x91:\xff\xe8\xbf\x93\x15U\x1e\xfdw6\x83\x14\xdf\xb5\'\x1f\xda\xa9\x98\x1fi\xb0\xe2\x8f%\x1b\x93\x89i\xa8l8\x97\xc1\xc9\x92\x84:\xc5\xc6\x9e\x0b\xa9$\xab\x90G\x81z\x99\x91\xc0\x9a\xbeM\xcemr\xa16\xf7\xa2\xa7\xb5I(\xcb\xc5\xce\xe4\xe3s-\xb9\x9am\x96;\x0c\xe7\x9c*\xe1\xa2f\xe8\x89\xcd~y\xe2m\x90\x83\x8a\xb2.\xdb\xe6X\xdef\x86iU\xc0\xc0^8B\xaf\x04\xc0\xc8\x19U\x0f\x16\xdb\xa8\x04\xf2\xc2\xb5\x81\x95I\x00\xb0\x9d]~\xe3\xee\xc8\xbe\x1e\xe3J\xe4\x94F\xa3\xc6EQ\x94\xc1\xab%W\x8b\x88\xa5\x99\x9a\xc9)\xa4\x1d\xaf\xae(\xee\xee\x82}\xc9\xb8\xbf5\xc2G\xc7\xaf\n\x1e\x00\x00\xbfd\xec\xfb!\xd1n=\x8fS\xd3\x96\x84W^\x0c\x9f\xa6~\x92e\\\x9d^\xb4E1m\xc4\xd7o\xc3\xf7\xde\xb7\xd6\x1b\xad\xbe\xf8H\xb3\xa9\x87\xc6\x81\xc8\x8b\xb3\x0e\xc5\x10\xeaKeK\x9a$\xfb\xb6g$\x00\xf1\xcf\xb2\xb7f2\xf0\xf0P\n9Cj\x17&amp;\xbc&gt;\xb5\x15:\xe2\xea\x8b-\xac!\x89\xd1\xdb\xbc\xa8&lt;\xd3=[\xd8z\t\xb7_\x8f\x01f)\xa1\x86\x9e\n-r\x0f\x16\x9a\xe9\xf7T\xf4\xda%n\x19w|_Z\x94\x88\x83\xad[\xc6\x07\x9d\xe2\xe07\xcbj\xe7\xff]{\x1a2!\x93\xa7\x89\xc3c\xef\x19\xef^\'\n\x97\xdf(\xd9\xe7R\xb7\xaf\x1f\x92\xb5\x14\x88"w\x06L/\tIm\xfb\xa6\xfe\x1e\xa5\x81\xdd\xc5\xe4C\x13\xd5\xfb\xcf\xed*\xc0\x03\x85\x8c\x8a\xb77\n\xe8o\x84\\_\x9e\x84\xd0\x85\xb6o\xd3\x8a\x9e\x1d\xc2M\x1c\x00\xc0\x97XU8\x1e:\x97\x08\xdb\x82]Y/\x1b\xe8\x1f!\xc6\xac \x11\x88\xd7}dcR\x0e\x04\x96\xb8H\xfe\x83R\x16\xe6B\x08\xff\xa6,8V\x81\x9d3\x90\xcf-\xd4\xfb\x0fj\x05\x1e(h\xa2\xc0M\xd4eP\xeeZ\x8e&gt;\x171\x92\xe0^\xae\xf7\xf3\xf3\xbdV\xd4\x94\xe0\xa9WV\xb9\xf5S~/\xeb\xde\\"-\xaa\xf8\xfe\xaeU\x1d"\xd3l\x03a/&amp;\xbb\x10qM \xb3\xee\x1c\xd3\xd6\x91\x11\xb5[0\xa5.\x8e\x81{\x92\xa0SIc\x97}}\x8b*\xd6\xf7\xb8\xbeJ\x1a\xb6\x8c\xbe=\xbd\x93tot\xd0\xaaB\xc9h\xfe\x07V\x16\xf8\xae\xb1\x9d\xe4f\xc7\xc1\xaa\xc6\x00\xbf\xd53\x8a\xc9\x0e\x13\xe0U\x15*\x88Z\x98j,\xcf\x8562\xb5\x01K\xb6\x0cjt\x1c\xa8\xb8w\xb7\'\xc4;\xbcjn\xc4u|\xd3\x16\x7f\xf6\xcd\xd3\xd4A\xab\xa1\x17\xdf\x9d(\xaaHI\x95K\t\xbb8\xfaD\xe8^V\xe3[\xe6\xca\x89\xed\x90\x00\x1aI`$\xdf,\xc6\'\x80^\x1bs\xc3\xfc\x14\x16\x92\x87\n\x15\x19\xadhU\x82\x9c\r\x82j\x1a1xq\xca\xb0.jb(=\xb8\xbfB\x93\x10K&gt;\xeb\x94ez\xf3\x8b\xc6\xd0\x91y\xd4Kn\x02\xf1\xc6\x7fP| Y\xefu\x07(SP\xb7\xebIz\xe6\xd0\xbf\xc9\xbf\xce#\xef\xa3\xf1=\xad7k\xbd\xea\xdd\x94\xed)2\xd4\xf5\x7f!;ps\xb7&lt;#\xaf\xe6P\xab\x03\x8a!\xbe\x1b\x139n\x07,\xa6\xcd\xb7&lt;brB\xc4-U\xc4(z|wUm\xa7\xf5\xc69\x1d \x84q\xcc\xbcJ\xe9\xa6\xb5\xea&lt;\xf8\xa9\x10\xc2=\xc7\xa8\xcb\x7f\xab\x95\xf8\x9a\xb4\x9d\xe5\xd1\x8axw\x97\xe9\xebJ\xc3OX\']\xaaI\xd9b\xa5J&gt;\xa3\x08Bx9vRDI{3\xefm\xdcN\xb5\xb8\xe5v\x85\xd9\x9a\xdc\x17\x91\x91R\x92\x9f&amp;B\xe5"n1\x9e]\x1d\x1d\x9f\xc0\xb8\xee\x1cQ!\xdb\xd1\xa7\xe3\xb8\xe4\x85\x12\x9f\x14\xfb\xa7:m\x81\x16\x9bn:G\xd7\xa3\x91\xc5\xd3\x03\xb7Ji{\x8e\x10A\xd2\xd7\xa8\x94uH\x9e\xcfc\xad\xa94FQ\xd8\xc6\x19\x17\x08\xbb+tcF\x82\xb2\x1a\x9bp]\xd4\'\x00[\x11an\x904vH\x00\x95\xfdy\xe1\xd2\xd5\x18\xe0/#}E*\xc4Ll\xf2\xd1\xc6\xf9\xb8\x80\xb8\xde\x08-\xb2\xf5N\xbe\xdf&gt;\x95\xd3RW\xd6lQh3E\x9fJ\x81K\x00D\xfb\xa24\xb9^\x11EZBM\xf7\x84I\xbe(\\\x84\x1f\x06\xca\x08"kf\xe42\x0c\xedf\xddk)\xe7\xa7@\xea\xca%\xbf\xa2$\xa7\x1dGQ:\x19\x80\xba\x1c\xa7\xb4^\xea\x05\xedD\xb3^\xf1\x9f\xa3\x94^\x97\xedE\x14u\x12H\xc5\x9a\xf9\x98q\xd4| O\xbf\x86\x8e\xaa\xe3\xb3J\xe7\x1d\xe5\xfaf\x03\xf6A\x9e\x00|\xc4\x02\xc0\x87\x8a\xb4w\x83\xfb [\x90\x97\xcc\xc5\x9c\x01\xae\x05\xf6\t\xec\xd7mK\t"8\xf3\x13c\xd3&gt;\xb6th\x85$\x8e\x8f\x1d\x04e\xc4\x16;\x12G\x08\xf3%\xf3\xd5KK\xde%[Qn\x87u\x8ev\xe65\x0e\x0e\x00b\x0c\x0fU&lt;\x18n\xc2r^\xab.Q=\x8fe|\xd3\xf0\x14\xe3\xd2\xdaW2\x921u\xb7U\xeb\xd6\xaf\x11il\x9fd\xef\xbe\xd5\x14:\x0e\xd5\xcd\x8aQ`\xaa\xb5\n\xdf\xd5\x8f\xcf.`\xb5V\xa6\x81\xe3\xd8QK\xc2{\xb8\t\xe7\xee\x9az)\xb4\x7f\xb5\xb2=\xa16^\x98.%\xd7\x00x\xe5s2R\xa8\x19I5&gt;\x1a\xbf\x7f[\xf9z\xe1\xe5\x87\xa5&lt;\xfe\xa53#\x0e\xc5\x04\x00\xf0\xde\xdbWNN/o\x1e\xbbf,\x8f1\xfaY\xe6\x13\x85KU|\x18[K\xa9\x12\x8e\xa6\xcb\x05\xed\xb7\x1d\xc8?o+,\x13\x85\xfc^D\xcb\x1f\x0f\xc6\xccC\x92\x94\\g\xe2"}\xa8nJ\xf1R\xbd\xf4\xa4Dk\xd0\x9e\xf6\xff\xd1\xbd\xde\xc7\x1a\xf0\xdb\xf8\x0b\xcf\x16\xb6\xd0\xc9\xac[\x03$\xbd\xd1&amp;\x13-W\x0cx\xc1\x0e\xff\x05\xda,o\xbc\xf7\xcf1\xbby\xfaV\xe1G~\x1a\xa5\xd8\xdc\xf9\'\xf7\x01;\xd0\x98u\xbbUm\\y\\0o\xa3\x12\xe4w\xe54\x94J=GG%\tQ\xdf{\xcbO\x95\xb0\xc9\xd4%r\x84\x8d\xfb`\x1b=\x00|i\xfb\xad\x06\x91w\xb2fD\xdfD\x8e\x9dF&amp;\xb0\xd0\x1eO\x00\x8f\x8b@G\x7f\x95\xa2\x02\ra3\xfd\xd3\xa6\xbc\x97\xb6M\xd5t\xa4\x84\xcb?/\x0f\xf0\xfdfu\xbd\xc1;\xab\xfbzCc4\x94\xfe\x05\x1f&lt;`a.\xfe\xb8\x1bW\xebJ\xc9Z&amp;\xf5\xbd\xa8\x06\x00\x00\xff\xbeA\xa1%\x06\xa9w\'-\xc3\xf1\x96\xb9\xe3\xb8\xc5YI\x98\x8cez\xf3\xcfE\xb1fk\x14}\xbbH\x86JH\xb9\x04Z\x97\x88\x15\xda7\x16.\xaf\x8a\xf6Bn\xff\x17m\xd1&gt;\xbaL\xe6\xf6U\xcb\x83\x12\x1b\xc9\xcfa\x17;|G\xb1\xad1\xbe\x8deF\xc5\xcdv\xd5n\x08\xfc:\xcf\xb8%\xbf\x94\xcb\x15A!\x04\xf8[\xa2!\x93\xban}\xed\xbfY\x8f\xdfbzU$\xe0v\xde\x15\x85\xe6{\xadj4\xa9S\xe1\xe9\xb1\x1a\xcd\xaa\xd1\xcf*\t1sm\xd8e\xc8\xa8R\x88\x10\x00\xaff\x92J\xbd50\x8d\x03\xa6\x95\x820\xa1\x9e\n\xa</t>
        </is>
      </c>
      <c r="E520" t="inlineStr">
        <is>
          <t>&lt;class 'numpy.ndarray'&gt;</t>
        </is>
      </c>
    </row>
    <row r="521">
      <c r="A521" s="1" t="n">
        <v>519</v>
      </c>
      <c r="B521" t="inlineStr">
        <is>
          <t>steps_per_sec</t>
        </is>
      </c>
      <c r="C521" t="n">
        <v>7500</v>
      </c>
      <c r="D521" t="inlineStr">
        <is>
          <t>10.026624</t>
        </is>
      </c>
      <c r="E521" t="inlineStr">
        <is>
          <t>&lt;class 'numpy.ndarray'&gt;</t>
        </is>
      </c>
    </row>
    <row r="522">
      <c r="A522" s="1" t="n">
        <v>520</v>
      </c>
      <c r="B522" t="inlineStr">
        <is>
          <t>Loss/object_center</t>
        </is>
      </c>
      <c r="C522" t="n">
        <v>7500</v>
      </c>
      <c r="D522" t="inlineStr">
        <is>
          <t>0.18515691</t>
        </is>
      </c>
      <c r="E522" t="inlineStr">
        <is>
          <t>&lt;class 'numpy.ndarray'&gt;</t>
        </is>
      </c>
    </row>
    <row r="523">
      <c r="A523" s="1" t="n">
        <v>521</v>
      </c>
      <c r="B523" t="inlineStr">
        <is>
          <t>Loss/box/scale</t>
        </is>
      </c>
      <c r="C523" t="n">
        <v>7500</v>
      </c>
      <c r="D523" t="inlineStr">
        <is>
          <t>0.07422083</t>
        </is>
      </c>
      <c r="E523" t="inlineStr">
        <is>
          <t>&lt;class 'numpy.ndarray'&gt;</t>
        </is>
      </c>
    </row>
    <row r="524">
      <c r="A524" s="1" t="n">
        <v>522</v>
      </c>
      <c r="B524" t="inlineStr">
        <is>
          <t>Loss/box/offset</t>
        </is>
      </c>
      <c r="C524" t="n">
        <v>7500</v>
      </c>
      <c r="D524" t="inlineStr">
        <is>
          <t>0.14043498</t>
        </is>
      </c>
      <c r="E524" t="inlineStr">
        <is>
          <t>&lt;class 'numpy.ndarray'&gt;</t>
        </is>
      </c>
    </row>
    <row r="525">
      <c r="A525" s="1" t="n">
        <v>523</v>
      </c>
      <c r="B525" t="inlineStr">
        <is>
          <t>Loss/total_loss</t>
        </is>
      </c>
      <c r="C525" t="n">
        <v>7500</v>
      </c>
      <c r="D525" t="inlineStr">
        <is>
          <t>0.39981273</t>
        </is>
      </c>
      <c r="E525" t="inlineStr">
        <is>
          <t>&lt;class 'numpy.ndarray'&gt;</t>
        </is>
      </c>
    </row>
    <row r="526">
      <c r="A526" s="1" t="n">
        <v>524</v>
      </c>
      <c r="B526" t="inlineStr">
        <is>
          <t>learning_rate</t>
        </is>
      </c>
      <c r="C526" t="n">
        <v>7500</v>
      </c>
      <c r="D526" t="inlineStr">
        <is>
          <t>0.0009997431</t>
        </is>
      </c>
      <c r="E526" t="inlineStr">
        <is>
          <t>&lt;class 'numpy.ndarray'&gt;</t>
        </is>
      </c>
    </row>
    <row r="527">
      <c r="A527" s="1" t="n">
        <v>525</v>
      </c>
      <c r="B527" t="inlineStr">
        <is>
          <t>train_input_images</t>
        </is>
      </c>
      <c r="C527" t="n">
        <v>7500</v>
      </c>
      <c r="D527" t="inlineStr">
        <is>
          <t>[b'512' b'512'
 b'\x89PNG\r\n\x1a\n\x00\x00\x00\rIHDR\x00\x00\x02\x00\x00\x00\x02\x00\x08\x02\x00\x00\x00{\x1aC\xad\x00\x00 \x00IDATx\x9c\xed\xbd{\xf4~\xcfU\xd77\x87\x84K $%bC$\x14H-\xe5\xb2\xa0 \xb6\x80@\x17\x12nB\xa5\x05\x0b\x16\xa9\x16\x81\xc2\xd2\xb2\xa4 \xca\xa5\x16\x88\xa0\x15\x8a@\xacR\xd6\xb2\xa0\xab\xc5\x94\xda\x85\x05*\x82\xacZaU\x04\xcaE\x91B\x80\x05\x04\xcb5\x05\x03\x18n\x02\xc9\xee\x1f\xe7\x9c9{f\xf6\xde\xb3\xe7r\xce\xf3|&gt;\x9f\xf7k%\xdf\xdf\xf3\x993\xb3\xf7\x9e\x99={.\xe7&lt;\xe7\t\x01\x00\x00\x00\x00\x00\x00\x00\x00\x00\x00\x00\x00\x00\x00\x00\x00\x00\x00\x00\x00\x00\x00\x00\x00\x00\x00\x00\x00\x00\x00\x00\x00\x00\x00\x00\x00\x00\x00\x00\x00\x00\x00\x00\x00\x00\x00\x00\x00\xb8\x7fhg\x9a\xc0\xe7\x1e2K\xb1\x9a\x1a\nV\xa9\x898E\xcb\xc6K4\xa8\xde\x0b\x8cW\x90\xe8\x85\xa5\x01J\xca\xda\xb6?Q\xb1j\xe3G3\xcb\xa6X\xdb\x8d\xd6\xce&lt;\xb5\xa9\x13\xce\xf6\xaeD\x17S\'*%"\xa2\xb7\x92\x12\x95\xfajnYx\xe6\xb4*\xd4\xa4i\xc3\xb6j\t\xd1)~\xb5L\x97\xf8\xe8\xe1\xdd\xb0,\xd3\x1a0\x8a\x15ej}\xbf,\x8b]\xd0\xab=\x84@T\n\xf1\x0b\'\xa98\x97|X,\x17\x0faI\xdc1\xab\xf2Z\x8ez]6\x95\xb6\xca \xc1\xdaB\xe9\xff\x15\xc2{\xb5\xb4\x8c\xd6\x0e\x17`x&amp;\xd1QY\xa7\x85\xa5\xcby\x8a\x8c:a\xec\x1bI\xd4\xeaK&lt;\x9d(,K zv\x08\xafN\xd3i\xb58(&amp;\x89\xdeu\x19\xd1\xbc%K\x11GP\x91y"\xafs\x82\xccG\xceI\xbe\xb2\x8a\xbdQ\xe0Hc\xb4\x98\xa7\x9a\xb8,\xe2\x88]\xd2Ji\xd5[\x1c\xd1\xdf(n\xb3\x06\xbc4A]ff\xbc\xb7bRP\xd3?&gt;,K\x99\xf7\xba\x85\xf4\xa6.\xf93\xe9\x82e\ta\xe90\xa6^d\x9f\xa4u\xab\xa8\x14Et,o\xa3\x95\xf2@\xc8\x97\xf91\xe9\xd5\x85!\x9b;\xea\x03J\x9e\xceCt\x0e\xf7\xde7lU\xf80wv\xa6\xd5\xb9\x05\xb9I\\\x00\x11q\x8f)~\xee\x14\xee\xb6\xe1\xbc}\xab\x16\xe2\x9d\xea\xd6\x93\x93\xaa\x96R\xb8U\xa4\xf7\x08"?\x96Q0\xec\xe4\x19\xc4\xfcu!EJk-Z\x99\xeb\x1f\xee\x06+\x0b\xd6+\xcb\xaf\xfb\x15\x10\x11}%\xfb3\x1e\xd9ux\x88\xa2\xb2\xaf\xce\x1dM\xae\xb8\xa4%B\\U\xd4\xb5\x98\x19\xb0\x03p\x93\xce\xc1\xd9\x86\xda\x80^$\xe4\xc9\x02\xebR\x8bt~\xdf\xea\x08\x9a\xcb\xb2hK\x8c\xea\xba#\xaa\xc9\x96\xf0\xb2\x9aL\xc9\xba\x843J\xd4\xb4{\n\x8a-\xb1H\xfb\x95x-\xe6\xc8\xae\x88\xad*F\x90\xe3\xd3\x8c\x03:\'y\xa5\n7\xa8N\xd2\x99\xbc(6,K\x08\xaf\xaa\xef\x13\xb7\xfc\xf5\xca\xf2\xeb\xbb|\x9fM\x1f\xcb\xfe\xf8\xf2\xcdLM]\xba\xcf\x106\x1f\xa1\xf01g\xa7k\x19\xe8\xb9v\xde\xb6\xb9*_!\xe5\xa3\xa7\xb2\x8b\x8d~\xe8\xd7\x08\xe6S6\xbf8\xd9\x1b+\x00a\x99\xf0\n]]\xe3\xe2\xa5\t\xfa~\xf3j\xaa\xd2\xb5&lt;\xf1\xe5\x19\xa9\x8b\xb8\xbc\xf2\xcb\\\x17\x98\xa5\x19Z;\x97}\xd5my\x1f\xc7\xda"\x9d\x02\xaa\x06\x19\x97i\xef\\\xffr\xdb\xc8\xb6\x89R\x0c\xf0\x08gE\x98\x85&gt;{H\xda\xd7\xd2\xa7\x08\x96\x10yw\xc0\xf1\x14\xabR\xeb\x95oJo\x05\xb3\xcfo\x133\xd7\x16\xef^\xc3.\xd9z&gt;]\xec\xf1 \x1f\xaa\xd8^\xa2\x17\xf1\xc4\x93,Z\xf1\xec\xe3\xae\x90\xbal\x12hB\x08D\x9f\x9f\x8c(\x8f\xb9,\xa7\x95A\xf9\xac[\x98\xe4\x17-\xb1\x07\xaa$S\x12\xc2\x8c\x17Z\xde\xdd\x02}\x18\x82E\xbd\xb6=\xb6\xc1\xad\x15qE\xc3O(\x12\xb3\xd5\xf4\xc6\xc7\x96\xd9J^\xe47\xae\xd8%\xcb=\xdb4\xee\x149I\x1e\x85\xbf\xe3i.SfS\x110\x13{\xdd\xb1\xae\x0b\x8a\xc4\xe6\xae\xe9\x88&amp;G\x81\x97\xe6&amp;\xb9\x8a\xd7\xcc\xb0\ti\xb8\xb1\xcd\xeeh\x10C\x94&lt;\x98\x07\xce\xd6\xec\xc6/\xeb+6G\x11q\xae\x1e\x9f\xd5\x05\xa3VM\xb1=+\xba\x88\xaa\xab\r1C\xa6K\xb4v\xc4[\xaa\x9d\x98\x99gw}i\x8f\x9d3\x15\xfb\x81\x8a\xa7\xf4@\xf4\xf5B\xe2\xeb\xba\xca\xe2\xde\xf2\x10k\x9f%\xcf\x9f\xed\xff\x99x\xe4\x1b=\xa3\xe9\x1c\xf9\xf0\xa7\xfda\xb8\xd2Z\xabl\x91o\x8ds\xf9\xf3\x85A\x98U\x96e!\xc5\xb7\xb2c\xff3\x9e\xa3m\x12\xabU*\xaf\xbb\xd2\x05\xc2\xa0\xdds\x98\xe3\xb9\xb8\x1b"\x991\x11\xee\x0c\xc7\xa3\x87\xec\xff\x9aek\x7f5\xb4\xa7/\xbf\xe8`\xa2\xcd\xe5\xc3\x9d\xc7\xed\xb7h\xb3.!\xc9\xec\xf0\x7f\xa2\xed\x8e\\L1\xf2SW\x97\x19\x8e1s8 \xb8O\'\x9b\xa7\xb3e\xdd\x9e\'f{y`\x8e\x94\xe5\xdb\xca\xfe\x8cS\xef\xb0\xe9\xb5\x85p\x18][5lS\x88\xfeb`\xad7k-\xccmh-\xfb\r\xac\xfa\\B\xd2e\xbadC\xebz\x81\xe83c\x9e2\x9b\xe8H}\xac2(\xf5\xb7t\x95\xf9\xde\x94fn2\xc0\xda\xefz-\xfc\xd6\xbeN*\xcfI\x12\xaf\x93\x8bt\xed\xb6\x1d{\xee)\xfd\xc5\x9da\xbca\xa7\x94\x02\x16\x9bg\xfc\xaf\x9bci.\xc2\x93\xf7\xc3\xc1@\xf4j\xca\xe4x\x03f\xa7\xa9\x92I^U\xa7\xd9%+\xb23\xd4\x85\x1c\x15\xfc\xed\xde\xe0"\x17""\xfa\xb6\xa1\xd1N_T\xd1\xbb}`6\xd0\x9e\xd2\xa3.\x8d_G"\xffsl\xb2\xcf\xd4E\x99\r\x16\xf6\xb6\xa7X)..\x13;qf5,\xe9+;\xd7\xb0s\xa3\xc9\x93\xc5\x9a\x96}\xab\x8fc\x02(6\x011\xdb\xdc&gt;\xdb&amp;\x9eTl\x93\x7f\xc4\xb14\xd3A\xd3%vi\xd8\xa8\xfc\x18=\x89\xfeRo\xf1\x8d\x7fZ^\x9af\xa7\xa475`t+FD\x81^(\xef\x00&amp;X,\xa8\xdb\x9a}O\xa9\x1c\xb5\xc7\xf6\x9c\xa5\x9d\xf6\xa5t\x19\xeeO\n\x8a\x1e\xa9v#\x18\x19\xea\xdaM\x93\x88\xe8y\x1dB\x81\x889\x01X\xdeU\xac\xf1\xe9H\x94\x84T\xcc y\xf20l\xceuK\x06\x17\xa3\xa5\xac\x9aO\xa5\xc7*&amp;2QZk\x848\xb03Q\x99\xfdY\xf1\xe6\x1d\x80\xd9\xa1J\xd3\xfd\x89F%\\ZT\x9a\xa8\x08!\xfc\xfb,C\xb7\xfc\xfd\x83\xe0\x84\'A\xe9gM\xd3j\x05\x85\xf0\x9a\x16\x81V6V-b\xdf(&gt;,\x99]\xf7\xee\xf6\xcc\x96\x11=\x12\xa4\xa8RZ\xd5$\xf9\x99M\x16&lt;5\xf4\x9bK\xebKxBP\xeew\xadou\xa0\x17\x86\xf0\x93\xc4\x13i/\x1c\x98\x8b\x1b\xb7L\xf7l\xfb?\x8e\xdb:&lt;K\xf6\x02\x80\xd5-\x8e\xd7*\x94\xefN\t\xc7\x9b\x85\xce\xfa\xe6R\xea\xb5.]b\x91\xbdF$5K\xc7\x8d999(\xa1(y\x8bK\xeb\r\xff\xe36qR\xefe\xa1\xc3\x12_g+\xf2\xa3i\x99\xda^\x81\r*\xb3\xcf\xa4;\xa4\xc1\xd6\xcb\xf5;\xc9I\xae\xf5\x03\xd1\x92\xe7\x98\xfa\xbe\xa6\xe3\xed[\x8doFZ_\xf5\xc2\xe54\xe9Mb\xfa\xb2,\xfbjr\xd9\x15Q\xea\xacN\xb7\xc47\x81\xbbXX\\.\x88]\xb5\xfc\xd4\x9e}\x8d\xf8\xe9\xd2{a_\xddt\xfa\x02_\xdc\xbd\xac\xc3j\xfd\xeb\xaf\x87%\x91v\xf9\xb6\xeeCM\xda\x1a!l\x03U\\\xba\x08_\xd4d\xd6m\x1f\xf5\xf5Nu-d,\x97h]RJ\xcf,\xa5A\xadAf\xd8\x9e\xc9:\x96\x81\x87d\x92\x9e\x1a\xd6\x0c\xd3\xe1\xf2\xd9\x1bqn\xf32\x99R\xa9\xa7\x86^\x07T\xbe\xff\xcb\x17\x16\xa1e\xd6q\xaf\x9d\x851\x9b.\xed\xe7\x9cq\t\x8aY\xd3\xb06\xda\x16\x14\x99E\x1e\x81\x98\x00zX\x03X\x08\xc2\xe8\xa7t"\x1e\x89\xa5\xb4\xbb\x92x\xf1\xa3n}\xb7\xc7\x13[\xe3\xbf\xf1\xbd\x19a\xdf\x0bW\x8a\xa5\xfc.\xfdur\xf5V\xf0\xec\xb8\xc5m\\\xd1w\xe5\x89M\xa1JH\xdf\x8f\xe0\xe4\x0c\xc9\xf4\xb2j\xac\xfa\xcc\xb7\xb5\xee8*\x192\xab\xbe\xd6\'V\xab\xe98\xf4\x9f\x15)\xa2^s\xe2\x0f!\x7f\x11\xa1\x91\xb99^\x97\x0fC\x87"a\xea3\x9dA\xafK\x9c\x10:$\xe3Q\xd1\x1e\x92\x85\x9b\xfbR\x96\xa7\xfe\xact(\\\xbcx\xc6|dv\xe1\x8fH\xb3\x03\r&gt;yY\xc5\xd3\x84\xe2\xc1\xf6-\xc3\xeb\x86\xf0[\xf1\xf4KC\xd8\x13x\x1e\x12_W\xff!\x04\xfa\xfa\x10\xfe\xe0\xb2\x1f\xacIu9\xe4\x8a/\x9dV\xfbq\xdf\x9fe\xa24\xeb\xcaC\xadjd\x19_\x9aw\x1ch\xc4\xa3\xc8\x85\xfdy\xf8\x83.\x90x\xa94\xdbz\x1e1X\x99\xb8\xc3\x15\x0fm"\xd5\xc1\xd5\xd4\x1e~\xe1\xa1\xe60\xe5A\xebed\xe1\xc2i\x00v\x00\xcd\xa4\x9bk\x19\x1e[\x8b\xe2\x9a\xd8\x8f\xe3\x7f\xfef\x10\x8e\xf1\xe2\x1f\x83\x874\x94\x08k\x1e\xb4eP\x13\xbe\xd6\xb4\xf1[yBq\xc2\xc46\xb2\xc7\xd6\xf6\'Rur(\xdf\x17\xd5\xcb\xf2\xa1\x87\x10\x96Yj"\n\xf4\xed\xa9\xe5VK~d*P\x84o\xfc\xd7\xf3\x96Pm\xd2\x0f\x99\x19\x1d\xaa\xce@![Ao^x\xb8S\xdaVq&gt;.OE\xb8&amp;\xaew;\x11\xa5\xe4m\x9d\xbb\xba\x96\xc5\xf5~4\x9a\xa6\x99%t\x87t\xabN\x0e\x15i\x17+Yg\x0b&lt;\xcc&gt;\xe9\x08(\xec\x1bh\xa1\xca\'\xe9\x03+\xd9\xd9NP\\\xa4,\xc5\xbb\xea\x86\xa76_\x93\x1e\xb2\xdb\x87\x18\xd5\x90\xe7\xcav\xe4\xf4\x16\xd9\xe5\'_\x90q\x97R\x8fz(\xa5*\xca(\x9bwh\xf6\xa4\x8d(\xa1\x90\xd3d@\x1f\xb4\x9f\xd1\xed\r\xf8F\xbb\xc1^\x03&gt;0\xed\xc1X\\\xd5\xb8\xf1\xc3\xf4\xb6,\xa5\xf1\x80\xc5\xf6IM\x0e\xbf\x9a\x1d\xd3u4\xb6\xa6,\xefk\xe2\xe9\xa5\x90v\xbd\x8d\x16\x1a\xe9\xfc"u\x19\x03d\xa6\xb7\xe4eq\xa1O\x87\xe2g\x89\x0b:\xed\xb7\xb3=\xabV\xd0)\xdc\x83-j\x97f\xc97\x94V-,\xca\xaa\x8a\xaav\xaa\xbad\xdbZ$8\xb2gB\x89\xdd\xf2\xd1\xeci\xb0@\xd2\xf5\xd6\xe6\xd5\xac\xa2\xa4\xb8\x1c\x15\xa3\x98\xe8\x0b\xd3?\xe59@lL\x1a\xb8\xdf\x9bI#\xa2\xe77\x15,\xd3\xb5\x8dK\x9f}\xe0\x022\xa7"\xfa\xc3#\xe3DV\xf1\xc3Z|\x9c$\xbf&amp;W\x1b\x8as\xb4;\xa3\xbf\x19\x86\xaav\x95\xb5\x1bl\xd0\xbd\xbb\x8f\x82bEl\t\xd6\xd5\xcf/\\\xcbi\x95\xaf"j_k\x8bt\xc7\xa9\x88q\xb9j\x18\xaf\xeb\x97\x9a\xa5X\xc6\xaf\xd2\x0c\x13\xbb\x80\xa7\xa5\xbb\x81w\xb1\xebU5\xd8\xae]yM+\xb5\'\xbc{\x87=\xe06T\xbb\xdf%\xc1\xce\xf0\x9eCg \xaa\xd2|\\E-\xdf\xe0\xc9_\x15n\xe7\xcf\xf2\x88\xc3I\x1e!N#2u\xa7\xcda\xc7a\x97iyP\xb2Y\x92\xe9#;lv\x0b/\xdavKoP\xe4\xce\xa9n\x98J{x&gt;\xb1\x0c\xf17\x99\xbfW\xa0?\x94[b\xb4p&lt;\x9c4Z\xc9\xb3\xddI\x8c\xe4)\xf5z\xfd\x9f\xe5\xd5\xaa\xd9\x06\xb8s0\x99\xd8\xf4\xee\xa7\x8f\xc3\xea\x03}7u\x9d\xea\x88&amp;&lt;\xa1\xc15j\x8f\x88\xb4&gt;\x8bR&gt;\xd3\xb9\xf8\xda$\xabx\xe9\xf1\xf5\x87\xac\xf2\x9f\x17o\xeb8[Z\x1f\xe2\xb8Mn\xb4:\xaa\xb9e[\x16\x9e\xd9\xf54d\xfc\xff^\xb6\xe3a\x1b\x7f;\x94\xbd_\xd3uP\x7f\n+\x1c_\xd5\xb4+\xbf6\x97\xe8\t\xa2"\xc3\xff\x9dl\xf2S\x11\xa5\xfb\xf1\xee\x8e\x0f\x17e\xe5\x88(\x84\xf7]\x96\x7f\x18\x8aVrZ\x88o\x02O@tz\xe7Hh\xf9\x1e\x98&amp;\xc1\xa9e\x1a\xfa\xf3\xc8\x8d\xcf\xa7+)\xcb\x12\xc4\xaf1\xc6\x90!\x0e\xa1&amp;3\x84P\xbb,\xa1=\x88\xb38\xd86\xdfx\xe1E\xecEeH\xe3~\xfbNea\xffwx\x8c\\\x1b+4K\x8fv\xfa\xbcw\x11\'?#\xe7\xb2}\x05,l_\xda\xd1\xc7X\xcc\x97\x08\xd1u\rN\xf3?\xc8\xf5\xda\xa4N\x1e\xad\xe2\x8ed\xcf\xd0\x1eS\xf1\x18h\'\xd9.K\xdc\xf7\xf97b\xddd\xcb\x01\xff\xee\xafa\x97\xa8k\x14\xc4\x0eHN\x05Qy{-{\xb2^\x89?\xae\xf1Y&gt;:Y&gt;}X7\xf00\xcf\xd1\xee\xbeH\x97\x1aX+\xc3\x9f\xdc\x17\xf5/\xceh\x9e@\xf4CyJ\xd4\xb2\xffY\x8a\xa4\xb77\x8f&gt;\x94\x8d\x1aSj5!\xd7f\xb7\xca\x92\x0f\n\xbdq\xeat\xc6z\xa3"o\xe7\xd7]8\x00\xfb\xca\x855Ae\x99m0\x014sxj\xfcP4\xb6\xfd5\x963\xec\xe9VaLZ=2\xd7\rr\x9f)Q\x06\xfb\xaf\xbc\xfdO\x87\xc6\xb6\xd8\xd9\xd3&lt;f\xf7\x1c\x97\xa6\x05\xc5kF\xc1\xa66\x11\xc2kr\xf5\xa8*\xbf\xa4\x8e\xf9\xc2\xdcJ\x95\x9f\xff\xb6\x94=\xb9\x9b\x9e{\xc8j~\xa0R}\xf1\xdb\x06\x19?\xc2L\xce\x9az\xfd\x8eE\xf3.s\xcf\xde\xe6\xca_U\x9f~5\xc7\xb1\x1dJ\xdd\x88\xac\xfa|\xab\x84\xd54z\x89\xac\xbe*\xc1c\x0fP\xd1\xce\xda\xb4\x93\xeb\xbeCC\xf1\xc8\x8f]\r\x86K\xcbE\xca\x03\xf7\xe4\x841\x11\xf8:\xcbB\x8d\xa7\x16\xb6\xc1\xadB8\xe3g\xeb\x13\xb5\xa4\x8d\xd6p\xe3\xc1\xa9T[R\xf0\xe2\xec\xb6Ge\xce[\xf8\x9b\xcb\x92&lt;K\xa8\xfdn\x17\x93\xe9\xed\x01b\'wM\xce\x13\xf63\xa2xz\xa3\xd4\xd7k\x0b\xf7\xf6x|\xe4\xee\xe2\xe0l\x9c\xadyY\xd6\xf1Q@\xe2\r\x89\xe2\x86\x81\x12\x16\\\xf7o8\xd8\x01\xc8\x98{,yw\xbe/L\x9b\x03\xbd\xb8\xa2\xac\x85\x12\xd1&lt;k\x89\xb4\xec\xe73\xa9\x8auh\xfdJ\x9c\xba\xd6\xe2\xaf\xad\xde\x03,M\xd2\x0f-\xaaK\xed\xb9;\xa4\xaa\xb0j7UN#\xf6\xe2\xfe\x80\xe2\xaf\xe0f[\xdad\xf9.\xed\xc8|\x94\x92\xe5\xec|JaT\xa8\xf5\xcbr\xe0\xb4=Y\xbfVZ\xb8\xe8\xa6e_\xe1\x0b\x99\xb9\x91\xce\x86\xe4~\x1e\xffi\x81m\xf2\xe5\xe1y\xf8\x00\xcb\xb3\xdb?\xb4da\xfd\xfeF,\xa9o\xcbZ\x01\x13@\x0f\xc7\x8d?\xcf\xe0P\xc3b2\xb0\xff\xedTxE&gt;\x1b\xfa\xafd\x03\xd50\'\xae\x83\xd29`\xfd\xef\xb3w\x93\x0e\'\xaexZy\xadH)\xef\x8b\xe8\x12\x8f\xb3\xef\xc1\x1b\xd6qvt\x0c\x95}\x00\xcb\xed,\x17_\x96\xfc&lt;\x9ac\xd8\xd3P\x85\xa8)(K\xd7\xbdj\xeb\x7f\x8e\x9a\xeaM\xf7%\xec5\x15\xa2\x91S\x82\x8a?&lt;\x1du+X\x7f\xe0|Y\x96\xf0"\xc1Z\x8fw\x1c\x8dCI[z`\xfb\xf8D\xeb*\x8c\x88\xcaC\xfc\xacw&lt;Q!\xf6\x9a\xd4\\\xfb\x9e\x8eB\x08\xbf\x9ak\x92\xdc\xf5\x10\xd2\xbd\xef\x00"\xdfU\xcb\x90/\xcd\xd2U[u(\x10}\x0f)t\xdb\\58\xd3 jk\xb5\xa2\xcc\xef\xac\x97\x98N\xd2\xe41\x1dC&gt;\xb7*5\xffo\xf7ii\xea\xda\x98/\xcb.\xd9Soc\x9e\x14s\xbcD\x92\xa3\xda\xe3\xde\xa2\xf9s\xdaB~i\xb3\xb6\xa7\xf5BY5\xdd\xd4\xf2R_k\x94=\xe5\x11\x92e\x12\xeb\xaa\xd5\x82B \xfaI\x8f.p"\xc4&gt;P\xd1\x85\xf5\xe2\xb1\x9b\x95aO\xf4\x99g\xd8\x9c\x19\x98\x9d\r\x07\xb7W\xa5\xa6\x12\xbd\x99\xa8\xc5\x1c\t\x14\xfe\x80\x94\xd8\xe4\xd3k\xe6\xff\xde\x99\xbb\xb0PK\xcfG`\xef0k-\xbf\xe5\xfc\xc0\xe3\xb3%\xd0\xfd\x9e%\xfaO\xf2z\x1d\x955\xab\xe9\xafxw\x13%\x12\n\x81\xad\xad\x9f\x97b\x05\xe9\xf3\xe5\xe0\xbb\x17\xfc\xcb\xae\x96\xacM\x00b\x8ae\xa7d\xb6-J\xaf"\xcbs\xfe*\n$P\x1a2&lt;\xf9)\x8f2\xf5\x883\xa5Cm#m\x03&lt;\x12\xc2\xe1\x7f\x1dV}"Q z\x0b_\x11o\x04\x94\x14\xb1a\xa6\x0f\xaaf\xe9cpU\xbf\xe4\xce\xef1\xd0p\xad\xec\xc8\x9bj\x01\xa8jy\x1fe\xa7t\x0bY%)\x95\x95\x12\xdd\xee*\xec\x1b\x92ytU\xd1j\xad\xb2\x8d\xf6mU\xe5]\xce\xa5n\x0bv\xaa\xed\x9euy\xd0v\xbb\xa6\xefv\xf7\xaegmN\r\xb5\x98\xe9a\xab\xb4/\xd5\xd7\xe6\xb6\x19NK\x9c\r{\xff\x03gw\x9e_\xe4\xf6\xdaVWW\x85e\xd0lm\xd8&amp;\xe3\xc5\xe2g8\xd5!\xd9\\S\xdb\x16:\xb5tY\xa8\x9e#\x8d\x89\xad\x14\xc7M\xe06\xe8\x1d&lt;\xb9*\xcf\xc3\xec\xb9x\x81\xa0\xfc\xe10\xa9%\xe7\xeah\xbb\x96O7\x1e\x19\xaa\x88"\x1a\xbfa+\xe8]\x96\x10\xc2\'k\xfe*ysyC\xac\xda \xce[e\xf5[yc1\xaa\x16\x88\xebU\xd9\x1fDy\x13\xeep\xb6\xd5K\xf6_\xa6N\x14\xce2\xd8\xb6t\xb0\x84\x10\xde\x81\xed\x9b3KfM\x03\xf1\xc6)I\x8bs#B\xb2\xa7!\xea[+^\xa4\xc3\xc2\xd5F\xde/\xa5\xa8l\x82\xbc\xfb\xf5\xc9cd\xa4\xd1\xcb\xc3\n\xde\x8f\xe5gq\xfa\xde\x84\xa4E\xf2\xfc\x8a\x83dWm\x0f*\xc5\x10\xd1W\x8b\xa2\x98U\x83n\x99\xd9MD\x1f\x1f\x92\xfbu\x86\xdf\xdbu\xd7\x8a\xe4)\x936\xceU\tT\x84\x1e\xad\x97O2@\xcc\xbf9F\xaf\x9c\xb6\xccz\xd9\xe6\x8etS\x8aM\xddF:qe9\x9d2\xa7Y\xab\x0c\xed\x06\t\xa7\xd9\xf6D\x19iJ\xbb/\xf7\x84g\x15\xc7A\xb2R\xbe\x93u\x9e %\xfe\xd4`\xea\x9e\xf8\x9c5\xfdC\xca\x99,/\xd2\xd2\x1ae\xa2\x9a\xbf\xa8~\x91\xe7\x8b\xfc&amp;\x10\xfd\x01\x9e\x95W\xa4jLM\xb2\xcb\x86\xac\n\xe5!@\x08\x81\xe8?&lt;\xcf\x80\xe98\xb5\x12\xab;\x11\xfduQ\x88\xb3\r\x07\xe7\xe9\x16u\xe2\xd5Y+\x86\x9ay\xf5\x91+^\xfc\x8a\xd9\xe7i`\xa3\xc9M\xe5\xb2\x96L\xf5\xb7\x1dJ\xed\x7f4+X\xec\t\xf2\x82-\xb5\xfbWF\x9e\xf7c\x0bsI#}\xb1\xad\xe2\xb3\xc4\xb9M\x8c\x83M\xf8\x06\xb3s&gt;\x1e\x98\x00\x1cr\x88\x88\xe8\xc7\xc5\xd6\xe3\xa2z\xb4\x8f\xb5a\x1f\xd4n\xb0X_O\x15\x84C\xf3\xf6\xf9\x80\xabq\xf8\x8c\xd6\x89\xf5\x83\x81q_\xf2y\xb5\x90\xe1\x06~\xf0\x14\xb0\xc3\xc7\xa0\xd8\xeaU\xaeq\x96\r\xa2\xc0j\xa9\xcfI\x8dy\xd7=\xfdM}\xa3Q\x99\x05\xdbFrf\xab/|\xa4\xb1\xa3\xc8?r\x9c\xb5\x0fWYr\x91M\xf0\xa2c\xd7\xd5\xde\xa7\xdd\x9e0%L\x0cz\xa1\xdc\x1cf\xce\xed\xcf\xde\x8a\xd3\x1e"\x9d\x05\xfb\xaa&amp;\x1a\xa6\xd5\xf2S\xf5lU#\xc7\x9a\x1f\xb4\xe0u\xd5k\xcd\x902\xb4\t\t\xc2\xe9\x84U=^\xb2\xb59x\xac,\xf5\x1a\xea\x8c\x94\xaa\r\x94&lt;\x7f5\xa1\x0bE\x93\xb6\xf4\x17Y5*\\\x88\xb8y\xacU=\xeb\xd3\xd1]inyo\x83t\x97\xa5\xafn\xd8\x01d\x8a\xba\xeb\xbe{\xe0oW\xb2\xd5\x16%q\xbe\xe7b=\xc6s\x83=\xaeb\xdb\x19Ro\xacf\xc77\x87\xfb\xe1\x9d\xd1t\xf7\x7f\x8f\xb1\xcd\x05\xcf#q\xac\xd4\xa6\xf5\xd2\xf6DD\x08A\xf9\xf1\x83,\xc5S/\xa2\xdf\x08\xe1\xf5y~\xae\xabVv\xfb\xaf\xa6\xb14{{\x1fR\xfeZ4\xaf\xc1T\xbeM/$#L\x7f\x15\x04\x7fc`\xde\xef\xa4\xbd\xd8+U\xa7e\xd3\x8c1\xec\xd1\xd4\x85B\xc2*%\x14\x9dB\xe2\xcf5\xf8\x14\x85\xbd+\x16%OuX\xc5&amp;=r\xb2\xd7f\x18\x05C\xd1\xfeew\x18\xd5\xc9\xb2\xe5\x1d\x14\xb6\x1aE\x13\xb6FUDS\xd1Y{\xca\x97,\xcb\xa7J%\x04\xa5\x9b\x1c\xdd\xfa\xea\x80\xc2c\xa0\x03\xb8cw\xb24\x0e\xfb\xebN\xd6Kw\xb4_{\xa9\xfc\xfa!\xf6\x8e!\xedu]Y\xb9j\xa8\xdak\xfd\xfaGb\xf3\xc11\xa5\xcf\xd1\xa6\xd1\xbf(p$\x13\xd9o\xef\xd1(\xb3\x96C\xb1\\\xa6\xf174iu\x14\x17w\x85\xba\x96\x87R\xad\x17\x13\xc9,\x99\x84\xb0\xf5{\x94\x12\r\xa4}\xa7g\x9b\xb3l\xef\xcf\x11\xce=B\xd8\x1eA{\xad\xdc\xfe\xa6\xf3\x88\x8be"gG\xf2y\x97\x98\'x\n\xe6\xef\xfcafl\xdb4\xf6\xc8\xe9\xfa\x80n\x08\xea"\\W\xfa)\xc6B_\x9fQ\xbdf\x83\x99\xd8\xfb\xb2\xfc \x85\xed\xaf\xb3\xe2\xf73\t\xacd\x169\xcdk\xad\x8a\xbc\x0bv\x95zF\x1cx\xa2Jb\xc6\xd8\x07S\xa4\x9b-f6\xec7\xb4X\xf5\x8d|n\xad\xd6\xa2\xe7\xd4\xda\xdci[\xac]\x96\'\x96\xe1\xde\xeb\xd1\xcb\x8b\xb7^\xe5*&gt;\xab\xb8T\xe6\xe1U(e\x96:\xbe\xdc3\x8398\x1aG\xad\x88\xeb (\x91VV\xaa\xf54\xaf\xa5\x08&amp;\x87~x+[;\xd9\xec\xcca\xfdsY\x96\xbc\x9f\x1e\xfcT\x1d\x8f\xb6\xca\xef\x10\x95U\x13|t/\xa6\xc9\xc9\xcaf\xe7*\xe5\x11Pzj\xa1\n\xa4\xae\x1fk\xac\x8d\xb1\\\xa4\x9c\x7f\xf3\x8d\xc5\xfe\xc5f:\x0eM\x92\x96$s\xfb/*m;\xab\\\x8b\xf0\xf3\x8d\xe2\x00\xcd/Plg~rU\x1e\x94\x19\xf2)-E\xc5\x98:\xa4\xed\xb5\x98\x0e\xd5\x9ab\xaf\xdd\x12j?0\x10\x98\xdb\xcb\xb2\x98L\xe3L)\x1e%9\xfb\x05G@3\xb0\xdb\x9a\xcd\x04\x8b\xe8\xe3{\xbe\xe9vyp.\xe5&lt;,\xea/"T\x96\xd2\xdc\x14SNT\xb4,\xcbB\xdf\xe85^\xcb3\xb1\xee\x82lG\xa6\xf5\x8b\xbc\x8b\x19\xfd\xc36\x98)\x14g/\xa7o\xef\x89\x02\x85\x17\x84\x10O\xb3G\xd4\xc9\x87\x87\xee\x9c\x89]b)M\xefi\xeb\\~\xbe\x97\xb1Y\xf8\'\x8f\xbf\xea\x9e\xb6l2+\xed\xfc\xf3\x96\x8c\xd3\xfc\x19\xf4\xa2nK\x95\x1d\xdf\xa5\xb6\xddH;I-\xe0\xb7\x84\xf2\xb3\x08\xe1\xa6Y\x94Fi5\xb9\xa6\x91\xea\xb7\xf6iSe\xa5\xe2\xcd\x16\xfe\x86b\xd2Q\xfd\x9a\x84X\x88\xd8\xa3\xee\xc4\xae6\xdb\xa4h\xd1U\'\rEi~\xad\r\xfb\xbau\xd6\x18\x10;:\xb3\xa7\xcfBOAr|)\x01L\xc6y\xd2\xb7\xf3!\xfe@p*\xdd6\x0c\x9a\x9dF\xff\\l\x9f\xf6lFI3\x7f\x1dO\xa7"s_E\xb4\x82\xc4\x82l\x9b\xc0\x10\x88\xe8\xcf1\xe1\xc4"]\x87m\x9a\x9b\xe9\x89\xfa\xacVT\xb0Z\x97AD\xd3\xb5^\xd6\n\x0e[\xd1\tQ\xd2\x83\xe5\x12\xd0ia\x99\x8d\xa4\x9b^\xac\x13\'U\x00\x18\x94\xe1\xde\xd3\xec\xbb\x13\x8ck\x9f\xe6\xd9\xd1\xb9Z\x87\xcb`\x00\xf5\x0c\xe3\xaa\x84&lt;\xa5fOv\x89\x8ag\xed;l0\x8a\xb5J-\xb7#\xbc|Sk\xa7y\x7f\xb2,*J\xab\n\x8f\x97\xcblv;Tj\xae\xe7,\xed\xdc\x0c0\x9b\xb7\xbc\xd2\xd7\xbf\x838\xdb\xd3%\x8a\x15\xc9\xfe&lt;\xf8\xd8!k\xc1\x04f\xb9\x99\xe8:\xac\xab\xbf\xd6\xef:~\xdb\xea\xfe\xfa\xe2\xc4e\x85\x10\xd2h\x8f]\xf45\xbd\x02\x1b\xc6\x15\x8bh\r\x8a*\x02\x07\xbe\x92\xaa\x97"\t[\x08\xaf]Y\xa4Ll\x13+\x1b\xb9\x7f\x08\xc2y\x11\x17\xf5Vr\x034\xd4:~.\r\xa9.\x0e\xb2&gt;\xa2\x10\xben\xea\xba*\x9aa\x8b\xb3\x1b\\\xca\xafn#\xe6Z\x0e*h#|\xb0\x1b\xece\xb5g\x04\x0e\xe2\x1f\xfc\xe3K\xf8\xe9t\xb4\xcft\xbb\xcb\x96ij\x1c""\xfa\xb3\xdc&lt;\x1eF\x85^\xd0\xfb\xeb(\xd2\xd8S\xb1\x88b\x9e*\x8a\x97\x8a\x19(\x04\xa2\xdf\x1d\xf8\xdc\xa0\x98Q\x9bV\x1b\x1aS\xcc(\xb6^\xe4=\xc6v\t\xad\x1d\x9d\x9b\xc4\x12\xbf\xc2\x91\x7fD)\x98\x06\xed\xafS\xe6\x0b\x8a\x01i\xea\xf0\xfe\x98\xd4W\xb2\xf1\x99\xe5W\xc7\xe7\xc0\xad\xa1M\xaf(\xd6\xfc\xf3J\xd4\xe6\xeb\x95\xa6^z\xfdz_\x8f\x1b\x12\x9dJ\x97\xec\x93\xd3R\xa4j\xb3\xea]\xfb\xfa\x94eS\x8b\xe4\'\x18\x9eZ\xb8+\x1c\xa7\xbd\xb4\xb8\x10m\xff\x0b\xe7)\x8d\xd7&lt;\x8fu\x92\xa9\x82\xb5\xf4\x1cUK\xa5%&amp;\xb9?\x90\xc8\xf6tT0$Y\x97V&amp;f\xba\xc4b\xd96e\x9d\xae\x88~\xa3\xc9\xce\xa6*\x19\xadp\x923j\xf5%\xa2\xef\x18X\xd3\xd9\x1dj\xf7\xc5\x9e\xf8Z\x8fchk\xed \xed\xf7\x9b(\xcb\x1a\xc6\x94\xc1\x9a\xe2\xfa\xdd\xa9n+\xfe\x8e\xa5\x01\xc2\xc1\x85\xa4\xcb\x96\xec\xc9`V\xd0\xa5K*x\xfa\x9a\xc6o\x92v\xf0\xc0Eu\xd7\x14\xd4\xc9\x86}2T\x1a\xdf^)\xcbW:\xb8\xec\xd2|D)\x1d/ZD\xf4MDD\xf4\xbbl/\xa1\x82\xba\xfdiN\xd68\xc7\x07\xa3`\x9eX\xcb\x10\xb2\t\xe0*\xef\xcft\xac\x1f\xbe\x8egp\x1bc\xe4)\xb7zmF\xe6\x8a\xac\xd8\xf1\x1d\x92=\xad\x8dY\x0e\x01y) I\xb7\xfa\xb7\xc1\x005\xf3\xa0ox\x8a\x90\xc3\xc3\xabk\xa3\x8e\xceN\xfc\xff\xa8i\xbb \xe0g\xc8\x9bl\x99\x92\x13\x94\xbaJ\xcd\xce\x05\xa31\xd8T\xa5\xee\xc1\x93\xe5\xd1\n\xc6\xa1B\xbfdT\'/b\x0c\xec\xfds[\xbc\xa8\xe2\xd9h\xeb\x19^Ym\xb5\xf5\xc2,WJ\x9a\xcb\xf6"3T\x05\xa5\xeb[m\x903|Y\x12\xa7*\x99\xe7\x1dh\xd8u\xe9\x16}x\xf2\x9f&gt;\x0e\xc14S=\xed9\xee\xbb\x1d\xe5\x1f\xf8\xcb\x07n\xc1\xdaM\xc6\x97\xf5h\xec\xd5\x02\xe5+\r\xe2g\xfe\nC\xdb\x80\xb4\x04\xbb\x14B`\xe6m\xfb\x97"+W\xfa\xe6\xcb\xf23,g\xeb{\x163\xe1Dt\xbc(1\xb0\xf7d\xf0\xf7\x8e\xbd*\x84\xe7%/\xdb\xaa\xb6\xc9Q\x97e\t\xee\xf6\x17{jM\xa4\xb1\xb1\x91T_{\x1fd\x10\x87l\xcf\xd7mc+\xd9\xdd\xc4\xb3\xd9J\xb4\xee\xe3\x19Z\r%\xaa\xbc\xb8\xc2\xb0d\xe4;\xc8\x9a\xa9Y\xfbW\xde`X\x08\xd9\xfc\x84\x8d\xb5\xa0\xbf\xbf\xa4\xde\x9e\xa12\xbeN\x02\xaf\x82h\xa6\xfaU\xed\xae\xe8\x7f\x94.\xc5\xa59)\xfb`\x1a\x90gZ\xb2X\x9c\x1e\x19\x952\x97e\xf9\x19\xd9,KuiZ\xba\xf6!~!\xb38\x84\xb0&lt;\xefPW}\'\xc4\xf1y\xfd\xb3\xf9\x9c7Yx\xf1\xd1|*\xbc\xf1\xd3\nz\xed\xffhE\xaeQ$}M\xa5\x85\xdd\xec\xd5m\x84*\xb3\xa9\x80b\x89q4/\xa6\xabj\xdb]E/\xba\x1c\xaf\xf5\x90\xf2g\xb5\x90v"7\x88\xfe\x01\x13\xc0=\xb0\x8e\xa6\xf8Wvu\x89\xaf\x079\x9cC\x7f\x9fP\x99\xde\xb0\x83\xa6\xe4?\x02\x95i/Z\xb8\xbdH\xf8\x05\xd2\xbb_\x8a\xb7F\xb7\xc6\x05\xeb\xf8\xa2P\x91]\x92\x8d)g\x91\x93I\x97\x8d\x81\xb2\xd7D\x15u\xa4\x10^\x9dI\x08\xe1\xab\xf60\xe4Y\x13\xf4Q8^\x92\xfe\x1d\xca\x0b\x9f\x83\xfb\xa4Q\xa4zN\x12\x02i^\xed\xef\xb9\xb4\xf0\x12\xc2\xe277\xee^y\xda"\xbc\x12\xec\xa7\xb2\xbf\x93\x96,\xab\xe0\xdc\xb6Z\x03\x7f\x9b\x1d\xc7\xcf\xcd\xc0\xa5\xd4\x0f\x08\x93\x9c!\x84@\xff\xc6\xfa\xa7K\xacWuq\x82_\xe64\xe4\xe4)Ez\\9\xdar\xd6\xab\xdf\'-\x94lk\xb3\xfc\xf1\xcf\xe3\xb4\xbdf\xb6\xb1\xba4\xac\xcd\x8d\xf4\x9d\xf9\xc6\xcc\xc6\x9f\\\x8be\x80[]\x08\x81\xe8\x0f\xdb\x19\xc6\xf1\x98a\x14\xe4\x15\xc9D\xc9\x9e\xc9\xaev\xeb\xaa\xb8e\x9a\xdf\xb6\xa7\xd4b\xd7\xb1\t\xbf3\xb4J\x06\xb7a\x9b\xb7\xbd\xa3W\x88\xb3\xaaC\xd4\x86D\x8c\xd1\x99v\xcd\xd1\r\xab\xfc&gt;W1\xa94\xa608\x13\xa2\r\xe2&lt;]\xb20\x9eI\xf5\x8d\x1b\xb1\x14\xd1_\x9f;\x14\x9d\x03~\x8a\xae)\x8c\x98!\xbab\xf9\x99+\xeaS\xf69R\x03\xeaVU\x9ek2\x14\x89^\xd7\xdda\xa4\xb7\x89\xec\xe1\xf7\xe1\x12\xa0B\xe9\x0f\x9e\x9e#\xf1&lt;\xb1E\x9d\xe6\xfd\xe5\xd2\xdb#\xed?\xea\x1d\x8d\\\xef*\xea\x83\xfcE\x94Zl\x7f\xbf\xafkC\xd35\x18\xd5\xb2\xda\x82\xd1+PQ!\xd4\xce\xecD\xb1\xe0\xfd\xd3\xba\r\x1aU\xd7\xdbST{\xfa\x8e\x8b%\xbd[\xdb\rN$$\xd2\xf2)\xa12r\xf1\x14\xd0\xbd\xb0nwCv\x93\xd6q \x9dup\xd3\x11vY\x96t\x9f\xd8\xbcXyy\xfd.\xaa\xf2\xdb&amp;\r\x86\xf9j"\xfa\xb7q/.K\xcfRf\xdd\x00\x88\xbd)(N\xb3\t?\x9eP\xba\x81$HK\x97\xae\xdaV\x8c\xb2\xc6\xb7S\xef\x9d\xc4\xeaH\xcf#9\x0f\xcf79\x1e;\xbd\xd9B&gt;f\xc5\xab\x91\x89M\x14k]\x9a\x9a\xfb\x8f\x19\xe5q\x13X\xe6\x82\x15\xd3\x1b\xa6\x7f.!\x84\x1f\xcczj\xfd\x85\xa3\xca2!\xb9M\':\xe2\xcbT\x1b\x84\xfb{R\xb6\xcd\x80\xfd\xfe\x9b*.\xe4\xd3Cw3j\xcf\xd2\t\x02\x93\x1b\xb9\xc9M\xcb,\xbf$Sx\xbaqN\xd7G!\xf6S7J\x98\xd6"\x85\x16@\x92\x9b\x8b\x96QCU\xd3v!{\xac\x1b\x13\xde[\xd0\x13T\xa3\xd9\xde\x10\xbc,emJ\x0b\x8fg\x1eD\x19a\xfb\xc5\x98\xe3\xdfyH\x8fO\xa7\x973#59\x13mzL\x10\x91\xd6\xb6\xf6\x8c\xda"\xbfx\xbc=\x04\xde\xab\xab"c\xed3\x85m{\xbaK\x17\xd7&gt;#\x9b\x8cC\xc5\x8c*45\xbe\x11\xfd\xedj\x0e\xdaI\xf4#!\xfc[\x9aj\xb5\xd4\x9aY\x90\x96\xfc\x10\xa3\xbc3`\xdd\xb7\xfe\xa5\x84\xe3\xba-bg\xd9\x0e\xb0\x17\x19j6q!\xaf\xd5]\xc8\x96f\x88\xfb\xd1e9w\x04M\x89\x067\x04;\x00\x99/\xdb"pB\xb6\xd49\xf1hu\x1d\xc6!\x04\xe9Q\xc5\xb9l\xab\x13\xae|\xbe\x92\xe3&amp;U\x92j\xdes\xd3.t\x98\x97\xed\t\xb63Y\xb5\xfb\xfeh\xaf\x9e\xa8\xeem\xb6U\xfc;\xd7\xd7}\xf1\x808\x90\xbc\xbb\xca{g\xb7zY\x96\xf8\x93\x83&lt;D\x1e\x0f\xd7\x96\xaaM[\xb6\xf3b\xf3\xf78\x95\xa7B\xfb\x17\xb8,:\xe7\x97\x9e\x15\xcd2\x8a\xefV\x89W\xf7\xa1\xb3\x84\xf0\x89g\x8d\xa0\xf3\x82@Usn\xc8\xb7\xdf\xca\x92\xa7\x02\xb1\xf8\xd1\x11\xfd\xd3\x9b3\xf9n:\xa6\x873\xa7\x16[\xaab\x92z\x97\xb5E\xafP\xb6C\x94\xc7\x92\xea\xa5\x81z\x14\x02w\xb1\x9d\xc5\xd3\xd9\x88\xcb)\xdb\x8at\xb7\xf1\xe9\xd2o\xae~K\xe5\xedC3\x9b\x8c9\xa1\xa1\xb1Tm\x8c\x97RT2\xd6\x92a\xd5g\xb0\xb1Rq\xff\xbeAVJ\x17J!\x10\x85_l\x95vZ\xd0\x00\x1b\xadq\xb0\xf4H)EU4d\xaab\x8f&amp;\x95U\xebM\rc\xfa\x0c\x13[\x8c\x94o\xf3\xc4\xacbS\xdbA\xb0\xdaAT\xd0Z\x97\\\xe0pq"\xfa\xf7J\xdbf\xc7\\\xd5\x00_{8M!\xd3\xe1\xb7\xf4F/\xaaZG\xd2\x9aI\xccL\xf4\xef:\x95\x96\xdaC\xdc!\x15W[e\x86t\xde\xd2\x95\xa6\x89R\xce?-\xd9\t\xce\xc2\x19&gt;\xca\x0cD\xef\xa7\xe5o:\xea\xd0\x16qB6\xd3\x17\xcaZ\x18\xb9\x85Q]\x93&amp;]R\x8cLZ)\x8f\xfbZaS\x91\xd5;y\xad\xd5M\x8f*\xa1\x03\xa7\xa8\xd2r\xc3\x88\xf7i\xd4\xeei\x90\xc1*\xd3\xfe\xaf&amp;\xf3hv\xf6\xa1.\xf6\x99\xae\xee\xc8dz*E\x8e\xf9;+.z~\xb5\n\x1dd\x82\xad\xb1\\\x9b#1\'L\xc39Xr\xa7Y\xf9GB\x90mu ;\x7f4\x8a\x9b\xf8\x05\xf5Z\x0c\xaf\x82ui1\x8d\xd2\x91_\x16&lt;\x12\xf7\xf4\x97\xecy\x1alH\x02\x81\x95\xb9\xb4\x81\xa7\xef6{4{m\xcb\x13\xa5\xaa\t\xad\xf1k\xaaL\x9f\xeaJwk\xd7F\xea^u/\n\xe1\x1b[j!\xcb/\x12\xf9\x87\xb2\xd6y\xc5}\xd3&lt;\xa5\x9fs\xa5\x1d\xd6;\xa8Z\x95\xf1\x9d\xb1:\x87\x84\x0f\x16\x1d\x0c\x0c\xa1\x9dK$y\x941fdn\xedo\xd5&lt;&amp;\x8a\t\xfe\xfbB\xces\xf6\x8c$\x05\xd6rI(\xe4I\xafv\xd8$\xcbw\x8c%\x9e\xa1\xcc\xc9\x1b\xb3\xdd\xa8\x06S\xdb$8\xd7\xce\n\x99\x9c\xec\x1a}\xc6\xe8Y\x87\xa6n\nN\xc9B\xb5\xdf ^J6\xa6D\xdf5\xc1\xaa\xee\x82\xfa\xb6l\xc4\x9eYB@\xce6Hj\xcbp\xe5\xd2\xb6\xb0"\xa2\x8fa\x99g\xf5S&amp;\xed\x9c\x01\xd8fI\x16n\x8cl\x83M\xa1\x0c\xa4g\x1cq\xcd\x191\x93?\xe3V\xa0\xbf\x15\xcb\xb2\xf3\x86w\x96bm\xb04}b\x17\x94\x1d\xd7jsG\x7f*=(\xe5,\x14\xd5lH\xb2d\xe9\x1e\x1b\xd7\x0c\xf4nr\xe6\x11\xc75\xca\x8d8\xc9\x14\x1f\x032\xeaX\x8a\x1f\xaa\xa74\xc5\xa9\xe84\xdb\x9aF\xa9\xb9r\xb9\xd2\x81\x1c\x91\xaaU\xe0{\x06)\xbay\xcd\xf8\xc7!\x84\xf0\x95c3\xb4\xb1\xf51m\xa8\x87\xa4R\xa0\xb8\xa5\xf3h\'zf\xd9J\xa2\x97\xb6\xb6AV"+O!\xd0\xbb\xfb\x84\x98\xba\xedKe\xed\xcbM\xbc\xd4n\xdf\x9f\x89\xfa\xc6}\xb0\x88\xb6h&amp;\xf6\xb9\xcd\xc5&lt;\xe8/1\xdc\x05D\x14~nY^`dxv\x08\xaf\xde\xbe\xdb\x15}\xa2\xf2\xc5\xab\xcaS\xcb\xab\x9c\xe5\xf8\x01\x90\xfd[\x0b-Oc\xe7\x0eZ&lt;o\xee\x97\x17E\xcd\xfd\xae\xcd:B\xfd_\xa4\x8a\xf9X\xd5\x92\xefs8\x9f\xca\x8fY\xe3\x89TG\xbd\xc4\xd3,CN\xda\x1djF.\xd6\xb6\xaa\x08@\xea\x17\x1b\xf9J[|\xaf\x80G\x9d\rw\xa7\xd5a\x9d_r\xcc|\xa0tKq\x04\xe5\xc6K\xbe\x1d\x9e\xb7,\xbf\xd8f\xbfhj\x9f\xf3\xaf\xcd\x9eT\xe4\x16\xe1\xf8\x99\x97k|0\x1cA\xb6\xda\xc1z\xf4\x0f!,\xcb\xafPX1\x8b~\x14\x00\x00 \x00IDAT\xb83\x86\xf5\x85\n\xbbdJ_\xeb\xf1\xd2\x10Vg0&lt;{\xb30\xc4\xa1\xbb[\xe8\xa9\x98*\x8e\x88\xbd\xb7`\x91\xbe\r\xaf\x1b\xb0\x95a\xc2\xb2\x04\xa1Hu\xc0\xd8\xafQ\xc83\x1f\xaay\xcc\nkKF\xab\xaa\x83t\xd9_\x88\xb4\xb7\x7fo\xa3\n_%\xf4C\xc4^\x86\xc4\xa3^V\xa3\xa4\xc0\x9e\xe7\x83C\xf8\x7fE{dU/\xf1\x1848\xb5\xa7_N\xa6\xf5\x8b\xc3\x87\t\xba\xabs\x1f\x10\xd7\xd4z\xf4\x7fa^&gt;+\xf8\x8bY\xfe\xad\xdbE\x81\xfb\xd4%\xf5\xe8\xfe]eg\x04_\x9dp\xd5\xb4vshZla\xd9~\x01\xc6\x8e8\xc96\xe3\x18G\x94@\r\xdb\xdb\xca6\xd9\xa3}\x15\xd0$E&lt;v\xc8d\xda\xc5M\xab,\x8du\xdbR\x03Z\x1b\x8aR\x1b\xfcE\xff\x8cj\xf3\xcb\x89\x88^\x19\x05\xcaJ5;K\xdd\x99\x00\xd1&gt;.\xa8&lt;\x03\xa9\xd4\xa40\xc9\x93_\x90\xc0\xee\'Sz\xe4\xd2\'\xb6\xe9\xa6B\\\x1cU\x15\x95GC\x8dV\xb9\n2-\xe1\xd7\xd7\x94w(\x8f\xa4~\xa8U;8\x05\x8f\xa3j\xc3u\x82v{\x02H}n|\x88\xf6\xbb~\xcd\xb6v{V\xbeNJ\x14,\xe5\r\xc5/\x1c\xe3\x9f\x15q\x9a\xc43\x89\x8aE)Z\xa2\xe6$\xa51\xe5\x1cP\x96\xdd+\xe2\xa8\x85\xd4\x0bv\xd7\xd0f\x830\xf9\x85\x10\xde\xa8kKs,\xfbW\xcb\xa5\x06\xa1\xfa\x82\xc02\x9be\x13n\xc5\xb9\n\xbe\xd7\xf8\x04\xf0j_\xb6\xdc\x15\xb3&gt;\xee\xd0\x0e\xce\xa2\xea\x10\x9a\xd3TKu\\\xcasF\xed\xce\x02\x86\x84\x94\x06\tIDK\xd2{F\x91$\x96\x0b\x14\xed,?\x13_i\xb6\xcfFZk\x10\x9fT&gt;\xc9(^\x97\x96-\xc3\xe9\x88\xbc\xdcfk2\xf0TG\xcbF!|\xa7\xa3\xee&lt;1\xb1sd\xaf\xb9}\xc8m#z\x93z\xd9\x95/\xd8\xe4hF\xe4{#\xa6\xd7c^\x9b\xaf\xa4\xe69\xb3\x95y\x0f\xcf\x7fY\xcf\x1a\x05\xdc\x12\xd1c\x9a&lt;(]o\xce\xb0\xc9\xaf:\xb5\xdc\x1d[\x8e\xfc\xdb\x073\xe0\xcaaH\x7f\xd8\\\xc9_\x0f\x81&lt;\xb9#b\x96\xa5\x8c&lt;\xd5\xe2[\x8a\xb2\xbc\xcd\xdag-\xb1\xfd\x9b\xf6\xcb17d\xe6\xbd\xaf^\x85XP;\x14R*@f\xed\xa6#\xdb@D\x7fAJ\xdc\xf7^\xad}\xdacX\xa3dg\xbbU\xb3}\xf0\x96\xa1\xfc\xfa\xa6 \xc4Pve\'\x82\x10\xd8`\xf3\xb8f\x96!+[Q\xc4\x83\xcb\t},\x04&amp;#s\x96\xd3=2\xc5\x9c\xceC\x80\xb2\xa4\xa6\xb4j\x8f]\x84\xb5\xb3\x90\xc1S/g\x07qE\xda\x96eM\xa0\x9f\xafTJ\xeb\x85\xc3$s\x92\xfb\x13\xe7\xc4\x0e\xbf@\xadb\xd22e\xbe\x9d\\Epo\x1d\xb2Ryb\xbbj\x8f\xda\xd4?\x85\xbe&gt;\xafq\x80\x854\xf6\\\x03\xc0\xd9m\xaf1\x07\xc0\xdc\xbeo\x1ag\xc7\x98i\xf1\xe0\x0ek\'\xd6\xb1\x94!\xb7j\xfa\xd98UX\xd3\x89\x02\xd1\xff\x9e\x17l\xdf\x82h\xe9v\xf5\xb3\\\xf4}\xf2\x9e,\x93\xb4\xd7\xeb\xf4\xc5c\x14\xfeW\xad&lt;\xeffK\xf06\xc5\x80\xb7P{q\xda\xa7\xf0L\xbb\x9a_\x9f\xc2--\x8ac\x18)\xe0j\x92\x91\xff\x9a\x99\x83j\x1b\xd5\xf26"\x19\x1b\xff|\x8e\xae\x86p\x13-i\x15\xde\xda6\xe79w\xb4\x86\x8a\xe9\x81\xbe\xbe\x1ez4\xc3\xc8\xfdf\xa1Rz\xfc#]\xbc\xeb\x12\x8a\x99\xbb,@\xd1\x91\x88\xb2HG\x9f)[\xe5\xb2\xbe\x85\xc4{M\xf1B;\xb7, \xcc\t[\x89\xc2/n\xde\xd4FS\x9d\x05\xadK\x1eM\xba\xa8&amp;\x83\xc1)\x10\xbda\x08\x81\xe8\xbd\x8ea6\xaf?D\x99\xdbHnwYSK]T\x87:\xc1\xd4\x11C\xe7A\xc5}WvI\xa6\x90@\x1f\x98\x15i]E\xb2R\x99\xea\x10\xc2G\xef\xbd\xdfV\xaf\xaa\xc6\xae\x93\x876\x1b\x94\xc9\xf2\xcbj\'-r;7nOC\xd1\x0b\xd5rvG;K\xf5\xb6V\xdb\x8c+\xf9\xea\x89\x8b$`\x91\xf5\xfd\xa8#\xd4\xb4\xf0?\xf7\xcfs\x96\x00E4\xb4,i\x94&lt;c\x88\xf4B\xdfT\xcbPX\xc5Sl\xe3\xf9\xdfT\x1c#\xc4k\xfe*\x1f\xc5\x9d\x05fpF\xd7|\xb2\xaa\xab\xd2\x1aDD\xf4\x0f\xf9\xd1Jz\xa9\xc1\xc8\xb2\xef*\xaaGN\x90\x06\x1a\xb0k@I\xe9\x1d\xba\xc1 \xa5o]\x10\xe6xd!z\xd1W\xae\x9f\xe3\xd5\xae\x05\xc5j\xf1\x19\xb1\xc09/zWv\x8e%dP\x8eA\xb4\xfce\xf7iyr\x99J\x8d\xe8-Y\xad\xcf&lt;\xc2j"NQy\xe2\xbc\x1e\x1f\xf7\x9f\x8a\x93\x98\xf2\xcbKTP7\xa0\xcf\xec\x7fRqK\xabl\xd7h\xedR\x05N\xe0\xde\xba\xc3\xf0\x8f\xf2\xd4HH\x19\x1e\xc3\x9aI\xa2LC\xa9r\x8c[\xb7MY&lt;\xca\x02_\xc5ZL_u\x9a\xdf\x80\xd3k\x14j\xd3\xd5\x95\x94M\x9c8\xc0/\x19\x05\xbd\x91}\xd0y\xfe\x98C\x82\x9dA+G\xf4n\x86Iw\xd2A\x1e\xc4\xba\xfb\x9b\x1co\x95P\xd9\xdbo}\xa5K\xf2\xa2\x8e\xf5\xd2\xdc\x17\x9f\xb9\xecY\x96P}A\xd0\xde\xed\xfcM2\xf9\x1b\xbe\xf6\x0b\xb2\x88\xfd\xe5$\xd2\x95\xea\xcb\xd4\xb6\xf7|i\xb6\xa5\xef\x84\xb1^=\x16\xd8ky\xf6\xab\xaf\x0c\xcb\xf3]\xaf[\tI\xed\xd4\xd7\xc5(\xd9\xca\x16\xf3\xf0;C\xf8\xff$\xc7({\xe4\x1e\xd8\xeb\x9e\xb8\xb7\xd15G\xc1\xc27.\xa8\x97\xd1\x86|\x9c\xfa-\xa1\x07\x1e\xfb\xd6\xee\xd3\xdeT\xe6\x0fP\x0f\xba\x11\xae&amp;6\xab\xd1\xbe\xd3\xe7\x86|\xbc=gY\xea\xdf9\xaf\x98J\xc7\xc8\x97\xc9\xc2trAT\x17\x84\xe9\xc4~\xc5\xe3\xb2\x1c\xa5\xcex\x87h\xdd\x885\xf3^ \xbe\x90o\xe8\x9d\x97\xca\x88Z\'\xef\xaa\xdc+\xa7\x8a|\x87#\xcd\xfaB\xb4\rGsE\x07\x1a\xb4\xd53\xdd\x9a\x13@\x08\xe1X\x1b\xc5\xc88f\xd4\x83!\x9b\xb3=S8\xe7uN1\xea1\x92\xb5\xac\xde\xb8\xc6\xa5\x1e\x96\x9d\xed\xb3#\xfaG\xb4M \x1b\xbc\x92\xa6]WL=\xb2H\xd2~9H\x9b\t\xb3\x11\xd6\x8b\x95\xd0\xdcun\xb0\x9eal\x7f\xfc\x9b\xb9\x11TX\xba\xb0\xd5\xef6/\r\xb0H-\x11\xfc&gt;\x91\xbe\xfe\xf3d\xc8\xf8k\xb5F*D!|\xf2Z\x1d\xfa{\x17\x9d\x95\xd8\xad\xb1,a\xd9V\x13!\xacF\xaf\xd3\xc0\xadOrF\xce\xbe\xfc,\xcb"\xb8\xcd\x93\x99\xff\xae\xa3\xe9\xc43I&lt;\xd90\xdb\x12\xeb\xa0\x93\xe2\xff\x8c\xf3\xd3\xe4\x06\x9aG\x9d\xdf\xe3\x1d\x16\xea\xc7\xbe]f\x88\xe94\xe9\xb9)\r*\xde\x88Y\xcb\x7f\x98Bg&gt;\xcf\'ZE\xf4\xcfHq\xda\xac\x81\xae\tp!\x04\xa2\xbf[vk\xe1\x9c\xc5\xdd\xec\xab\xcc\xd38\xc9\x80\xe4\x06\x8c\xa4\xaeI\x1f&amp;\x8ai\xd0\xfe\x12\xf9`\xfe`\xc5q\xf82i\xa3\xca{&lt;S\x14\x06:X\x13\xeb)"\x1e\xd4\xce\xda\x18\x95-|\\\n|\x05.d\xa1\xe2(\xa6&lt;\xbc*\x8f\xcb\x06-\'E~&lt;\x84\xd1\xcf\x12\x8f\x8d\xda\xa9g\x1a\xe9\x8d\x16\xc3\xa4ce\x99\xb4\x9bi\x9c]M\xaf\x85I\x1b.\xd1\x04\xed\x87b\xc4\xd3\xc5\xd2?\xd7Fv\xdae\xb4\xcc\x94\xfcM\x10;\x88\x1b\x01G@s\xf8\xba\x90\x8c\x87\xc4[\xd3&gt;\xe2\xa3\x9fC\xe9\xeb\xf8\xfdsy&lt;\xab\tY\xd4\x9e:\xbd\x7f\x9c\x92\xce\xed\xe4\'H\x8a\x91\x15\xc8\xb1n2\xce\xdf\x96$\x9bR\xb6T\x99%\xf86=Y\x11\xcdbK\x82\xd9$Y-\x8b\x05\xef\xccu\xe5"\xa9\xe0\xec\xb1,/R~\x96$\x1cq\xb0\xdf\xec|\xd6V\x8f\x1c\xb7\xc0\xb8\xa5\xe5\xeb\xa1h$\xed\x19\xa4UBPLm\x1bO\xe6Aq\'|u3_:\x10i\xf5ZJ\xbf\xf7/F\x87c\'+e\xf3l\xe6\xe8\xb5\xf9\x89\x87m&amp;\xcfA\xe6h\x17K\x11\xd1\xb7\xe9\x19F\xa2Q\x16\xf4\xd7\x0foW\xb3G\x13\x15\x056\x18\xa0\xb7ck+U\x85\x8b\x06\xd7mkY\x10x\x10O\x96\xd4*l\xdae9\x8dz\xfb\xeb`tS\xccP\x91\x90\n\xf1e.mh7=)No&lt;P\xb6_\xb7\x02\xa6\x90\n\xb1\xd1[\xb7~\xb1\x94SB\xeb\xa1P\xee\rzI\xbe[\xd7\xb6\xcc&gt;u\xd9\x9a4\xf4m\xed_/\x84\xdfL%\xf3\x877\x8c\xe6\x8a\x1a5\xa5\xd4{\x13\x97\xd2_\xe5\xec\x11Q\x93\x1f\xd2Ul\xd9\x9eJ\xc1\xcd\x1e\x9a7V\xcb\x16\xde=D94\xdb\x11O\xf6\xec\x07\xc3\xe6\x9e\xfbeh\xc7\x80\xe6yT\xf3\xc1fY\x9c\x0f"\xb9Mf\x9c\xfc\x94G\xb8\xa5\xe4\x8e\xe8\x94\x81#\xa0\nC\x1d\x99&lt;NS\xcb\xdb\xa7k/\xb2\xed\xe2\x7f\xaf,y\x1ci\xc3)8:\x11\xd1\x17\xaak\xb1_\x08\x81\x88\xfeU\xba\n\xdb\x1e:\x8a\x12\xb9\xa8\xfc\xd0\xe3\xd8\x01\x93t\xef\xba\xbb\xafb\xc1\x93v\xd5\xecI\x8d\x10\x8eq[_\xd0-i\xff\x8eP\xf6\xc9\xd1\t\xc5\tOi@\xd0\xa2\xb0\xa1O\x0c\xd0\xbfS2C\x13"a\x9c4Z\xf6\xb4\xa0\xd9\xc3\xf5\x92R\xc1ig3D\x99\x14\x9c\xfa\xdc/\xdb\xb9a\xcb\xe9\xca\x1c\xbd\xd2\xd9\xce\x15z\x8b}\xf4a\x03\xfd\xa9\xcc\x06\xe7\xd6{\x8fE\xc26\xbf\x94\xe0\xdc\xc8;\xebR\xc90,a\x9cA\x15\x94&gt;\x89\xb4\xf3\xa7xc\xdaJ\x9bZ\xdb\x10\x98\xfb\x86[\xecHw\x97~u\xd9\x08\x9dBe\xd4\xec\x9dx\xa1E\x80\xb1v\xc1\xbe&amp;\xbdn\x02\xa0"\x0e^\xa4W\x1aC&lt;\xb14\xc33\xf0\xca!*\xdcJ\xd1\x05u4;\x11\xfd\xa0\'[M\x08\xd7&lt;\xbd\xef\xab\x1eEJ\x8f\x08F\x96)\n\xa1h\xcfj\xf7%\xea&gt;\xde\x93\xab\r\xf1\xbe\x85\x94\x8d\x88\xc2\x9f\xcfS\xaa\xeeS\n\x99\xdd\x91\x92\x8aYrN7\xf7)c\x8d\xbd\xb4\xe9\xb5\x1d@_\xe7\xacr\xde(\x04"\xfa\x97\x8a\x90r\xd0\xfa%7X\xa2+\xa5\xfd`\xde\x1e\\\xffl\x1b\xc0b\xe3\xc8\xab~\xd1\xe6\x11w\xdf\x9b(O\xf1\x16/\xf2\x8b\xeb\xca\x8b\x87b\xb7v^\x1dQ\x82\xd4S\xc7e\xb1\x1f\xb9\xf0\xb3\xf9\x9f\x95t*z\xaa\xa3\x89\xce\xeb\xc7l\x0e\x9e \xb0\xa8U\xd31\x00N\x94,b;\x1aGo\xa4\xdc\x99\x19\xbfW\xb3\x8e\xc2\xed\xbe\xa8T2\xef\xe6E~SPt\x8cey\x1d\xcdB\xcb\x0c\xfdV\x9e\xe1gU\xe1\xc7}\xd7p\x04\x8f\x86\x9b\xd2\xdb\xff\xd9\x93\xe9\xae7\n\x84\x10\xb6{\xce\x1d\xae\xcfUP\xb4@b\xca=\xc0\xaa\x08\xcaZ!v\x87O\xfd\xeaW\xd9\xcd\x81\xec\xce\xb0}\x0f@\xfd\x06\xc3\xef_\x96oqX`\xd8\xe6\xb8\x97[\x19\x95\xcb\xb2(.\xda\xdd;D\xb9\xf3\xf49R\x83\xc6\x9a|+\xd6;\xea\x89\x9b\xc02\xb4w\xb6\xf3\xc6\x0b\x85@\xf4\xbf\xac\x9fg\xdd\xabY\xf8CD\x95\xf5\xc8R\x8e\xe4\xcd\xb0#\xb1\xd3$\xab.\xc9\x93\xe1\xf1\xeb\x08\xde\xeao\xab\x96}075\xdaR\xdcY\rAy\x7fQV,\x04\xfa\xad \xb6\x95`a\x08D\xf4\x9f\xc6\xd2L\xdf\xb2h6O\xe8}b\xdb\xa2\xcc\x18Jf\x1e\xdam\xc9\xb76\x1e-Z\xf8\xe6\xfdb\x97\xd7\xc4\xf6E\x7f\xf29\xab\xa7ng\xdd-e\x0f,l\tgh\xd9\xf1\xcc.VEq(\xd4G\xb9\x8b\x0c\xc5~\x99\xa7g#\xd5\xd8;\x0b\xba\\\x1b\xd2\xf7V\xd2\x13\xb1\xf6\x01Q\x89\xad\xd4I)\xefM|;\xd0\xfc\xe4\xc7\xce\xcct\xa9\xa2\xb6\x0c\xff\xb4\xccC\xec\x83x\xd5\xd85w7Z\xd3N\xdcP\xcaR~1&amp;\xc5\x8b\xec_\x9en\xe9UNH*\x87l_X4\xc5\x97\xe46\xff\x97J]\xe6\x9cu\x94\x06\xbb2\x97\xa3@\x96V\x17\xf7\xf9\xbb\xc0\xa3T\x9b\xe1\xcd\xf8\xe5\x97}w\xbeuO\x95\xacq\xb3\xe66:\xa0\xdb\xf3tK\x12cDA\xa2g\xccu\x8fLdS\xe0#\xf7X\x12\xcf\x9dE\x03\xe4KJ\xcd?\xad%\xc4\xab\x06\xe8\xb3~\xadZ\x96"^\x9e\xd8\xb9\xfcH\x17\x8a\xa6\xbeO\xa9\xd7ng)\x07\xe9\x83b.\xab\xdc&amp;\xe1|\x8e\x14\xa4\xb5\x98\xca6\xe4C\x1d1\x1d\xdb\xcf\xc14\xe8?\x16|\x9d\xfd\xa9\xc6\xa3"g\x8b\xdb}E&amp;\xea\x15Ya*\'\x18=\xfa;\x95\xe66\xe8\x05\xb9\xd8V\xf9DD\xf4\x95}z\xb9v1[\x0c\x16F\xe5c\xa2\x96\x85\xde&lt;Qd\xd8`\xa74Qv(\x17\xeb\x11\xae\x15?\x84Hk\x08[\xf2\xae\xf9\x1b\xc4\xf4\xd2HY\xc8O%\xdf\xd9&amp;"\xa2O\xb6\xeb\xa2[r,;\xfa%hv\xd6\xc4\xfa\x97/\xd7\x90\xf8\xf9\x9d\xd8\xf4@\xb1c\xb7}id|\x1a*\n\x93\xf2&lt;\xa2\r+o1g\xc3\xa1\x96\xe7\xc2\'\xfa\xdf,\x1f6\x86\xc5\x1a\x01\xfff\x9eS\xb0\xa4\x12,\xe8\x98E&amp;Y-#Ve\xfd\xcb\xaf\x99[[u\x0c\xc9\xc3\xd3\x0c/\x90\xdd\xaf\xaa\x9d\x19\xf0ku\x83\xd7:\x8a\x93z\xbb\xc7\xfd?\xce\xba\x87\xe4\x90\xcd\xb0\xcd\xa3\xf4l\xdf\xd8\x8d9[\xc9\xd3\xc3\xec\xfeb\xf93\xbb\xa7\x1d\xeb\xb27+\x87h\xe6\xdbU!\x1e\x03bqQ\x0e\x8f)\x1dZ\x04\x81\xf3\xbeT\xa1\xc9)C\x00\xd1G\xc8</t>
        </is>
      </c>
      <c r="E527" t="inlineStr">
        <is>
          <t>&lt;class 'numpy.ndarray'&gt;</t>
        </is>
      </c>
    </row>
    <row r="528">
      <c r="A528" s="1" t="n">
        <v>526</v>
      </c>
      <c r="B528" t="inlineStr">
        <is>
          <t>steps_per_sec</t>
        </is>
      </c>
      <c r="C528" t="n">
        <v>7600</v>
      </c>
      <c r="D528" t="inlineStr">
        <is>
          <t>10.109273</t>
        </is>
      </c>
      <c r="E528" t="inlineStr">
        <is>
          <t>&lt;class 'numpy.ndarray'&gt;</t>
        </is>
      </c>
    </row>
    <row r="529">
      <c r="A529" s="1" t="n">
        <v>527</v>
      </c>
      <c r="B529" t="inlineStr">
        <is>
          <t>Loss/object_center</t>
        </is>
      </c>
      <c r="C529" t="n">
        <v>7600</v>
      </c>
      <c r="D529" t="inlineStr">
        <is>
          <t>0.4238974</t>
        </is>
      </c>
      <c r="E529" t="inlineStr">
        <is>
          <t>&lt;class 'numpy.ndarray'&gt;</t>
        </is>
      </c>
    </row>
    <row r="530">
      <c r="A530" s="1" t="n">
        <v>528</v>
      </c>
      <c r="B530" t="inlineStr">
        <is>
          <t>Loss/box/scale</t>
        </is>
      </c>
      <c r="C530" t="n">
        <v>7600</v>
      </c>
      <c r="D530" t="inlineStr">
        <is>
          <t>0.10545681</t>
        </is>
      </c>
      <c r="E530" t="inlineStr">
        <is>
          <t>&lt;class 'numpy.ndarray'&gt;</t>
        </is>
      </c>
    </row>
    <row r="531">
      <c r="A531" s="1" t="n">
        <v>529</v>
      </c>
      <c r="B531" t="inlineStr">
        <is>
          <t>Loss/box/offset</t>
        </is>
      </c>
      <c r="C531" t="n">
        <v>7600</v>
      </c>
      <c r="D531" t="inlineStr">
        <is>
          <t>0.1369712</t>
        </is>
      </c>
      <c r="E531" t="inlineStr">
        <is>
          <t>&lt;class 'numpy.ndarray'&gt;</t>
        </is>
      </c>
    </row>
    <row r="532">
      <c r="A532" s="1" t="n">
        <v>530</v>
      </c>
      <c r="B532" t="inlineStr">
        <is>
          <t>Loss/total_loss</t>
        </is>
      </c>
      <c r="C532" t="n">
        <v>7600</v>
      </c>
      <c r="D532" t="inlineStr">
        <is>
          <t>0.66632545</t>
        </is>
      </c>
      <c r="E532" t="inlineStr">
        <is>
          <t>&lt;class 'numpy.ndarray'&gt;</t>
        </is>
      </c>
    </row>
    <row r="533">
      <c r="A533" s="1" t="n">
        <v>531</v>
      </c>
      <c r="B533" t="inlineStr">
        <is>
          <t>learning_rate</t>
        </is>
      </c>
      <c r="C533" t="n">
        <v>7600</v>
      </c>
      <c r="D533" t="inlineStr">
        <is>
          <t>0.0009997222</t>
        </is>
      </c>
      <c r="E533" t="inlineStr">
        <is>
          <t>&lt;class 'numpy.ndarray'&gt;</t>
        </is>
      </c>
    </row>
    <row r="534">
      <c r="A534" s="1" t="n">
        <v>532</v>
      </c>
      <c r="B534" t="inlineStr">
        <is>
          <t>train_input_images</t>
        </is>
      </c>
      <c r="C534" t="n">
        <v>7600</v>
      </c>
      <c r="D534" t="inlineStr">
        <is>
          <t>[b'512' b'512'
 b'\x89PNG\r\n\x1a\n\x00\x00\x00\rIHDR\x00\x00\x02\x00\x00\x00\x02\x00\x08\x02\x00\x00\x00{\x1aC\xad\x00\x00 \x00IDATx\x9c\xed\x9d{\xe8~\xdfR\xd7\xf7\xfe\x99\x82Iy\xcbR\xa3\xe8XJ\xe7\x0fK\x8f\xda\r\xbb\x12aIJ*e\xd8M\xc5\x8c \xcb0I\xa2N\x98v\xc1\xd4\xb2L-"B\x89:J`\x98\x91\x05F\x872\x03\x13SB=ia\xc7\xd4\xca\xf0\x12\x06BN\x7f&lt;\x9f\xcf~\xf6e]f\xcd\x9aYk\xd6\xda\xef\xd7\x1f\xbf\xdf\xe7\xbb\x9f\xb5gf\xcd\x9a5\xeb\xb6\x9f\xfd,\x0b\x00\x00\x00\x00\x00\x00\x00\x00\x00\x00\x00\x00\x00\x00\x00\x00\x00\x00\x00\x00\x00\x00\x00\x00\x00\x00\x00\x00\x00\xa6\x85\x88\xbaK(U\xa7\xab\xb1\xb1\xfd\x02\xfc[\x08@=D\x9f\xd6\xdb\x84\xfb\xe10\xb984\t\x00\x00\x06c\xb8\xd9}G\xa5\x9e\x81;\x00\x00\x1c\xdex\xfc\xef\x91C\xd7uUW\x80d$F&lt;\xb0\xe9\xb7"hN\xb0\xf51\xd7\x01\xe0\x0cz\x05\x00\x00\xc8\xb1\xc8\xa0\xf52\x91\xd7\x01\x00\x00pq\xb8\x18\xb0^\xa0`\xaf\x00\x00 \xe3\x8d\xde\x06(cp\x8a\xa1\x80i6\xb68\xb9\x01\x00\x00_\x8c;\xab\x1d\xd7r\x00\x00H1\\v#\x9c.\x00`\x0fz\xd9\xfc\x8c\x97\xfd\x89\xe8\xcd\xcb\xf2:\x0c\xd0\xcf\xbc^\x1c\xad"\x00\xdc\x10\xf4\xd3&gt;\xcc\xe1\xf7D\xa2\x9f\xa3\x82\x00\xed81h\\ \'\x96\xfd\xe9\x8b\x9f\x05\x9a\x1a48p\x16\x00\xb7\xe0\x91\x19\xd3\x1d\xde\x7f\xf2\xa4\xc7\x18p\xa9\x08\x1d\xe9c\x9c{\xe0\x19\x00\xe6\x83\xfb\x18(\x11\xa5\x1f6\x1c\xe0Y\xc4G\n#Z\x8f\xe9\x0c\x8fQr\x80\x97F\x04\x836H\xc3\x1a\x00\x1e\x9d\x7f\x9a`"\xa2X:C\x9a\x033\x81h\x06i\xb8+\x80u\xae\xd4x\x1a\xcc\xd6u\x1da\t\xe3\x88\xa2\xd9\x80\xf5\xd4\x01\xdbS\x00\xc8\xa8\xfd&amp;\xf0\xb6k&gt;B\x1f\\\x03\x7f\xed\xaf\xbc\x1dc\x00\x97"O\xe9\xba\xf5\x9a\xee\xd7u%\xfaAU%V`\xac\xda\x80+\xc6`\xa6\x83Q\x9c\xf4N\x80\x93\xe6sb\xc6\x10\xc4&lt;\x85\xce\x08\xcc\xf9\xa2\xdd\xdfT\x11s\x88S\xd0\x9e\xd1\x13d\xd6|"\xa2/mc\x0bPe\xf0\xc8\x04\xa03\xd3\xf7\xa0\xc7d\xeb-\xbcb-\x0cr\xc9\x9d\xeb\xae\x00}no\x0b\x00x\x05\x9dy\x83\xff\xcd\x9a!\x06\x00\xff\x16\xca\xc0\xb1\'\x00g\x12\x0f\n\x03&amp;\xfc\xaf\xda\xd8\xfd\x1e-\xc82\xdb\xef\x01\x00P\x0f\x92\x91.\x89\xd9\xb3`f=\xebd\xbc\x0b&amp;\x03\x00Z\x08\x00\xb0C\xf3\r\x8c\x18\x9e\x151\x19\x00TZ\xc8z\x10\xc1 u\x05.\x01\'LC\x02\xa9\xbc;~\xb7\x80jb\x83\x13\xb5\x88\xbd+7t\tV\xabi\x12!\xb1w\x1d\xdc8(~\x07\x80 \xcc8\xbba"\x0320\t\x15\xb3w]\x85\x1b\xe1\x7fp\x01\x13\n\x00F\x87\xf3 \xa8\xb8\xa7\x9b\xa6\x88\xfb\xe6\x9f\xfb\xd6\x1c\x00\xa0M\xe2\x876\xa8.\xdb S\xa9p^\x7f\xe1\t\xe8J\xe8\x06k\xdaS\x90 f@\x9ac\xb2^\x1f\x87t\x88\x99\x91\x18\xe2\xdbz\x1e\x80\x97\x80C\x10\x96 O"\xcbc\x00\x00\x00\xcc\xca)\xb9!\xd3\x9d9\xfd\x94.\xc6\x03\x00\xc0\xb8tL_\x93d\xce9j\x01\x00\x00-\xa9&lt;\xfd\x06}@\x9b\x01`\xc1\r\xfb\xd5\r\xab\x0cf\x06\xa3#h\x0f\xa2\x0e(\xa3\x15P\x08L\x00@\x02\x8c^3\x83\xc6\x05#r\r[\x9az6\x83,\x1c\x86\x08)\xec\x8e\xa0?\x00\x00pN\r\x00\x0bt\x13\xc0\xc7a\xb4\xe0\xdb\xd8Q\xee\xf0R\x87\xf9x\xb4\xda\xd6\xd3\xf0\xbe\x01\x00jq8p\x01p\xe2\xfa\xe5D"\xa2OA\xf4\x82F0#m\xbc\x80\x1c\xcd^M\xe8\x9f\xf6\xb6\x000H\x7f5\xbd\xd7\x17\xd7\xc7\xeb\xeaG\x067\xdf/\xf0+\x00j0\xdf;\xdf&gt;\x1d\xcf\xd1\xcfG\x1f\xc6@\x82\xc1~\x11\x0c\x80\x13\x9e\xd3\xd3\x1c\xe7\x0f8G\x99\x18\x0c\x00O&lt;\xa7\x12P\xc9#\x8b\xa1\x85\x05\xc0i\x133\xe1\xd8\x8e\xdf\'\xb9\x0f\x811;\xd2\xf6x.\x08\x80+\x13\xae\x00\xd0\xc3{\xe1a\tum{\x0fV\x01\xe0\x93\xaa\x01 \xd6\xb1\xbaw8W]\xdem\x02R7\xab\xc7\xd0\x1b\xd5\xf8p\xfb\xfe\xbf\x00\x80\x13U\x03@\xac\xf3u\x9f\x81\xbbZ\x03\x88\xd3\xa2\xf5Of?\xcc\x1a&lt;5&gt;\xcd_\xd7u\xef\xea\xedo\xac\x08U\xc0 \xaa\x82\xb7\x9f\xd2\n\x0c\x00\x9e\xcc\xbb55\x99\x8b\x7fo\xb6\x9c\xabx=\x93\xcb\xf2\xc8\xfe\xa0\x0b\xb1^s\x9a\xa6\xb8\xc0u\x0f\x07 \x07\xf3K\x00\x88s\xd0\x8cQ\x82\xed\x8d\x05\xb3$0;\x88p\xd0\x18~\xc8\x8d2T\x803h\xb7Q\xe8&gt;\xfdG\'\x07\xe3\x11\x8cY\x842pK0\xd1w\xcf\xfe\xb3\xf2\xeb{\x1b04Nb\x12K\xe3\xbbp\x93\xef\xc7\xed\xfb\xd5\x1d\xea\x0b\x00\xd0\xc4\xc5\xb8\x0c\x80*N\xe6\x9b\x00,\x0b\xc2\xd1\x12\xf8\x16\x00\x00\x00\xb0\x02c\xec\r\x11O\xad\x88\xfe\xbb\xae%\x00\x00\x13\xb0~\x02\xb7b\xc2\x97\xc1\x01\x90\x00)\x1e\x80&gt;\xa0\xe75\x00\t.\r\xfc\x03*A\x04\x819Ar\x04\xe0A\xfa\'\xa6[Z\x02\x00\x00\x008\x80\xe8\xf9j-|\xc7\x12L\x8f\xff\x08\x8f\x19\xe8\xdfr\x9f\xdc\xcao?\xab\xa8t\xc05_\xbc&gt;.\xe2[\x97`N\xfc\x07v\xc4@tI\x19\xf0[\x80\xf4|\x1fK\x01\x00\x00\x18.\r\xb2\x1e\x03\xcd\xd6\xea1f\x0eWy\x00\xfa\xb2\xcd\x9c\xf0\xd3\x95\xa0\x0b\xf9\x01\x80\x19\x94\x18\x03\xc0pt\x0f\xd6\xed\xf7\xa1\xb0\xed\xc0\xc1yz\x19\xf1}\x8be_\x04KWo\xb8\xca\x83\x9b\xd31^\x83\xbb\xa6\xeb\xbab7uh\x86k\xbb\xb2\x01 \xfc\x0b\x01*\x86\x00p\x1bb]f\xb8\xf4\xd1\x98^SL\xfe.\xc8p\x93\xe07\x96\xa2\xb0\x0b\xceN\x10\xb5\x00\x14\xb1\xeb2H\xfa\xce\x19qc\x87O\xf1\xbb\x80\xae\xae\x98\xd8;\xe0\xe6\x18e\xe7}\x97\x89\xfd\r\x9c\x10l\x14\xfaSj\xf2\xbd\xcf\x00h9|\xf3+P\x00\xd3\x19\x00\n\x89\xf6&amp;C\x8df\xa2\'\xa5M6\xeb\xdb,\n\x87\xc0\xb1i\x0b\xe2\r\x80\x18\xb1^c\xb9\x04@\x8f,\xa3\xcd\x82\xcc\xfb\xa2\xef1\nr\x1eN "\xa2Oha\x13\x00\xb3\x80\xac&lt;\x19\x03\xef\x82\xa4\rg\x0c\x00\x8a\xb6hr\xf3\x07\xeb\xee\\w\x00\x80\x1a\xd7u\xc0\x10\xa9\x95o\xe4\x10\xd5\x01@L\xaf\x08G\xbf\x9a\x90\xc7\x9bA{[\x91g\x08#My\xd4?\xed\x87\xbb\xfbhR\xb236\xf4\x0e&gt;\xf0\x14\x18\x00\xf4h\x00\xac\xb9E\'\xbb\xe7\xf7\xd2\xe7\xa8\xf1\x1d[\xae\x15\xae|\xeb\xca\x180\x15\xf7|3\x89\xc3*;4\t\x000?\xa3\xa4\x9e1\xac\x94\xd2~$\x9e\xdb\x9f\xa0\x17\xf5a\x8c\xc8\x04\xb7c\x94a\x18\x804\x88\xe3\xd9@n\x02\xa0\x1e\x8b^\x84\xbe\xe9\x9fyZ\xc8\x7f\xb4\xf9\xb7\x10\xdc\x13\xf5\xb8\xa4\xbb&gt;\xc1\x014\x99\xec\x10x\xa6\xba\x80\xc9@l\x02\x00\x0c\xc1\xf8\xe7\x19\xb4\x8e)p.X\x96\xc2nFDD\xbf\xc3\xce\x98\x8e\xa0?\x00\x00@\nL\xcan\x0e\x02`\\&amp;\xdb\xbe6\xa2\xf8\x17\xc1\xac\xf1\xd6f\xbe\xacQ\xc5\x9b\xab\xd3\x18\x19\x9bv\x02~\xa2\x0b\x00\xd0\x9aF?E4\xd4\x00\x00\x00\x00 \x0f\'\xb3\x97f\xff\x1f\x90\x1a3.\xd8C\x00\x00\x8c\x07\xd2\x96\np#\x00 \x05\xfd\xee\xde\x16\x00`\x03\xc6?03#\xc6\xf7\x886\x03\x00\x00h\x01\x95~\xd1\xc1\xce\x94N`\x8c\x04\'\x10\x12\xe0F\x14\x1d]6\xe8\x1b\x1fi\xad\x00\x18\x83\x04z#\xd0\xd8\x00\x00p_0\x06L\x00\x9a\x10\x00\x00\xc6f\xc4\xc1x&lt;\x8b\x01\x0f\x87\xd1\xe8\xd0\xa4\xb1p\xf7*\x08\xc0\xc4o\xe8\xbb5\x0c\xd4\x81\x17c\xcc\x0f\xfanc\x8c\x1c\x8ev\x04W\xfcN\x1a\xa4\xccV\x9f[\x81\xc6K\x93~\x9aG\xf0\x9a\x82\xf9\xfa?X\xd0\x8f\x00pKM\xcaE\xbe\x06\'\x88\xde\xf7\xfaU\x8f;\xc7I\xe9\x17_\x00\x00\xb6\xc8:$:1\xb8\x82\xe4\x0e\x00\x08\x83wuN\x0fZ\xb8\x11p4\x18\x91\xe1\xe2\xd6\xce\xdc\xc1\x1c\xd1\x89\xe1\x02\xe6\x8e|Eo\x03\x00\x00\x00\xb4\x00#2\x00\'\xb6\x89*f\xac\xa0\x11\xbdB\x8d\xbe\xb0\x8bZ\xa0O\xb7\x10\xa2/\xb8C\xa2\x9c\xb5\x8a\x95mg\xda\xf4w\x88\xabey}\x85\xe4]jk\x03\x9eH\xabD\xec;\xff\x9ewn\x1e\xb8;\xc8\xfe\x16\x0c\xea\xd1t$|\x80\x85\xc6z\tc\xbaZ\xc0m*\n\xda\x82\x01\xc0\x0f-\xdb\x02\xed\x0e&lt;\xb0\x8f\xc2\xd8lt\x7f\x19q\x0b\xa6\xe5\xaf\xf66`8\x90\x0e\x86F\xb0\x89\x87\x16\xd7\xc4\x8f7\x1f\x83\xff\xd76T\xd7J\x15\xb8\x1d\x83FW{\xb3\x07u\xd4&lt;\x10\xbd\xd7\xf1\x9fh\x0f/\xa0%6\x06\nK\xfa\xa9\xde\x16\x0c\xce@m=!\xf0\xfe=a6\xbb\xe1\xd7Y\x93\x16 ,k8m\xa0\xc7\x9c\t\'\x83\'\xbf\xb9\xb7\x01\xc0\x9aO-\xbf\x05\x19bth\xc7\xf9\xa3\x96f$&gt;B\x905\xe1\xe5\'~\xb68\xb8\xfe\xe8\x0f\xed\xcb\x01pWh\xa2^@\xb4l\xe9\x17\xbf\xf3\xa5\x02\x11\x8d\xe8\xc9\xfcOB\xaefq\x8f\xc5\xe6M\x18\xa5\xa13\xcf\xa2\x0cR\x0b\x0e\xeb\x9a\xca\xfb\x82\xa7-Gib;F\xcc\xfe`f\xd0\'K\xa9\xf1\xd8oQ\xb4\xa3w\xdb\x05\x07\x00\x04\xd3\xe4\xe0\xcb\xc0CS\xd4th\xe6\x81(zI\x8bz\xcb"-\xdc\x94\x1f\xd7\x16\x880r\x08\xda\x04d\xd1\xed\xb9\xedC\x0e\x99\x87\x0b&lt;\x05\xc0|pW\x0f\x8c\xee?b\x8a\x18\xd1f\x8fX\xac.\xb5E\x0e\xa3]\x8b6\xb5\x10k\x99\xc3\xc9\xc0\x08\xda\xfd\x97U\x1e\xe14\x13\xf8\xf5\xf0\xe5\xd5\t\xff\xa1\xfc\xc6\xef\xd9\xdd\x0e\x9a1\xd9+k\x1a\x9bg\xf4\xb5\x03\xd7.\x061\x9c\xf7\r\xb0!\x1c\xaa\xd1\xbe\x8ey\xb4N\xa2\x8d\xf6\xbfJ\x86\xa6\x04\xf7\xc5:\xfa\xe9M\xa6\xe2\x15\xe0\xd4\x1f9B@G\xa7\xa55\xd3?\xd7\xb1\rQ\x01@\x06\x87\x9d\xc4\x9fE\xa0\x98\x9a\xb8\xbaI\xfb\xdbu=\x87\x9dz&lt;\xe6va\xb6vD\x8f\xef\xa6\xb60\x06\x8c\x0b\x85b\xc9I\xd4\x10\xe5Sa\xfa\xcdt\xc8\xa4\xa0\x96\x11c\x88\xe8+K\xa3?\xbb\xab\xfb,)\xb7\xab\x83X\xd0\x97\xca\xee\xc3\x19\x00j\xe4\x83\xb1\xb9U\xeb\xa7^\x7f\xb8,\xefS)\xfc\xe8J\xc1\xaf,\x81,\xd1\xb7hz\xc2\xd4\xba\xca(\xbd\x03\x9ec\x03\xb8\x83\xdef&amp;\xd9J\xf0\xed\xa00\xbd\xcd\x9a\x82z?\n\xeeG\xd3=\x08\xbf\xc1\x8e\xffj\xd3\x99\xde\x91\xdb\x00\xb8k,\x98\xb9\xa9\xfeM\x90D\x0b\xde&amp;i\xcd\xa0ol6%\xff:\xe84pg\x11p\xd7\xc0\xacg\xf8\xb7\xa6\x07\x12"\xbaI^\xea\xbbh\xda7Y\xcc\x0e,\xeb\x96eY\xe8\x1d\xbd-\x00\xda\x9cO\x08.\x07\x06\xbdp\xdb\xe1\x12{=t-\xd6\xd2\xb28\'3\x92\xdf\xf3*\x17^\xfd}@\x81\x04\xeb3d\xad\xa6\xf3\x12\x015\xd0[0\x00.\xcb\xa3K\xdb\xab0\xd6\x90\xd1\xe8)k\xb9\xe3\xcb\x92\xd9\xff\x8a\x1fg\x8a\xd3%\xa7\n\xe9\xaf\r\x07?e\x8a\xad\xf1\x9d\x13\xcf\xefqh\x12\xf0E\x9b\x8cq\x98|-\x0b\xfd[s\x8ds\xc09\xea\xdd_\xb6;\x13\xae\x14\xf90\xe9\x14\x06\x85\x12\x0e\xf3\xf7\xd4cl\x06o\x0cd\x8d\x1f2\xad\x96\xdcz\x00\xb8u\xe5\x9d1w[\x18\xd5\x8e\xe2\x03\xc09\x1b\xbe\xfe\xf3=\x1a.\x02j2x\xe9\x8d\x8f{iwE&amp;*\xa7\xe5\x0b\xd2\x06\xd4\xabx\xf9\xa3^\x16\x184\xa7\x0cj6\x87\xca=\xd6\xc9\xa8\xf7@p\x00\xa0P\xf6\xdf\'(\xc5\x01\xe0\x07T\xa4\xbc"\x9b\xb3\xc7\xf6s\xc4\xba\x046\xf0\xf9\x15JZ\xd0}\xce\xc0\x1f\xe0nP\x98O\t\x1c\xfcn\xc3C\xe1\x1eP\xb0\x9c8\xf9\xb4\xe9\xa4H\x8eSrx\xfa\x8c\xf0\x9c\xec\x9d@s\x07\x89e\xba\xc3C\x84\xbb\xad\x91\xedz\x91?\x1b|#\x04_:\x11s\x9f\xaeq\xf8\x1e\xc0M\xea&lt;\x01*\x9314\xf7\x061\\\xba\x1f\x18\xae\x9e+\x9d 7p\xfdI\xc5\xc3&gt;\x85-2\x07\x12\xae\x02uef\xbb\xc64\xeb\xa1\xda/\x82\xe9\xd2\xea m`\x1e\xee\xa9O\x1f1G\xdf\xd3\xfd\xab\xc0\xa5\xeb\xba\xbcf\x8a!\x9c\xf6\xa8`\xd9\xf7\xd7\x82r\xaa\xe7\r\x1c\t\xd7\xe7\x97\xe2%\xa9\xf4{y\xf5L3y\xf25\x004o\xc7\xf18O\xeb\xa4\x03f\xcc\xd1\x1c\xf7\xb7\x1f\xa5e\x1a_7\xe8\xf5\xcc\xd8\xfd\xbd\xee}H\xcb\xe2`\xdaX/\xfeda\xaf\xbeH\xaf_\x8d\xd6J\x07\x9c\xe5]Q\xebL3Q\xf55\x00\x8c\xce$A\x91\xa3\xfd(-\xd3\xb8\xbeL\xd2\xf5t\x85\x9f\x8dY\x98-o\xed7#\xf1\xce\x93\xdd\xba\xaeY\x0bc\x8e\xd9\xce\xf0\x17\xd5\xd6q\xee\xb1=\xa9:\xdf\xe7$\xa4\x19\xb7=\x97\xbbfI\xcf\xa1\x95X8\x9c\x8e|\x8f%\xcb\xea4\xe2\x0b\xe0\xf69!\x11\xcc-SG:}\xdf\xb6\xc71\t8\xe7\xbc\x0c&lt;zV}\xb4\x9c\x9eC\x9f\xb9\xe5\x98\x9a\x9c\x10\xf9\xf5G\xfaq\xa0\xeb\xa7~k2\x025]\xe3\x9e\xddJ\x85\xc4\x16P\xd4\xa1\xf0\xb5\x18\xd6\xf1W\x85|\x87+O\xe37\xc1&lt;\xa5\xd4\x0b\xe1\xeb\xf2\x9f\xfd\x89\xf1[\x8cm\xe0\x9a\xc1\xd8\xc9\x11\x1a`!\xf4\xa4b\xf7}@{m\x13\xa1\xe2-\xa2o6\xf5;\x9aT\xcc\xf5[\xb5\xd7\x96"\xc7\xdd&amp;h\xff\x93\xf7\x0f\x0c\x06n\xeb\xc2\xa4\xd4\xfe\xa2\xc7g\x93\xc5\x94\xe6\x02\'\xb1\xda\x02\x832Go\xf4\x17\x06\xad\x86\xf9\xc3\x15\xa6\xd2\xa7&amp;\x9d\xfa\xaf%\x9b\x19\xc6\'\x98\xf9\xf7\x1f\xf55\xaf\x9e|\x06\xdf\xfd\xfdA\x86\x86\x14t\xe4t\xc9\x9f\'\x92Y\xc3\x04a\xd0\x1f8qD\x12I0;\xf7\xe7\x8b\xaa\xb30\xa3T]\xe3\xc4\xc8\xdc\xc5^\x04\xcc0\xa0&gt;\x18\xa5"/g\x00.\x8cu\xb6\x8b\xba\xe4ZQ\xab\x8d\xf7r\x06\t\x9b\'\xeb\xba:l\xb8\x039\xeb\xf8\x1b\xb8\xf5\x8dCD\x7f\xa8Z\x88\\{\xb5\x84\x82w]\xec\xb29\xf3\xae\xf6\xdf\xe7\xb2c\xb0\x8a\x14,\xbe\x9c\x8c\x16\xe5\x0cj\xf6\xb8$6On\x8b[\x070\xedj\xd9\x82N\\5\xf7\n\xf2\xf5)\xa0\xc3\x8b\xaeRU\x92|i\xde\tw}m\xb2be\xf9\x92T\x94\xce\xd7Hn\xe7\x85L\xbbT&amp;\xb6\xccfm\xe6\xaa\xb4=\xe9\x1a\xf3^k\xe17\x90_\x06\x80\xcb\x0b\x06\xc2\xa5\x1dW$\xcf\xbe\xa9\x06[\xa0\xd5\xa1X\xd9ZI\x8foN\xed8-\x0b&lt;w\x95\x07Z\xf65X\r\xfd9\xaf#\xe8&gt;\x88T\xbcp\xf2\xe5\xe1\xa0\x9eg\x8f\xe9S\xb3\xc1\x0e\xe8=\xd4\xbd\xdb7\x1a\xe3\xfaSfwp\xff\xe7\xea\x83\xd3\xd5/\x92\x9b\xe9\x02\xbe\xaf\x9a\xc5\x83\xb5\xa2\x11\x03\xfb\xe5Ms\xcc\xc2\x96\x96t\':\xa3\xa3q\xbe\\GDn\xe7\xf4\x03\xb91\x86\xb8\n\xe1\xd4p\x94E\xbb/\x96?J\x0f\xed\xac\t\x9a\x1b\x00w\x14\xcd2&lt;\x9c5\xf6\xb7\xa0\x02\xb5\xa7\x9bv\xeb\x80\xbd\xe4\xd3\x9e\x0f\xf1\xdf\xa6v\x1bL\xe3\xc7\xbf\xab\xd5\xabo\xe4\xcf\xdd\xf3c\x12]Cg\x89\xa6\x0c\xe4)\xf2\xfd\xd5\xd6\xc6\x04\x9f\x19\xdb;\xe7\xebZZ\xe3\x9bf\x11#\x08\xce\xcax.\xbd9\xb1\xa7\x0fZ\x03\xefwA\xd1\xeb\xdd\x9b/\x16B\x88\xaa\x13\xdd[*F\xd1\x19\xa9\xdbZ\xb4g\xf8\xe49|\x05F&amp;\xe8\xf7okm\x85\x02\x87=\x9f\x8evt\xc2I\x95e\x1d\xf9\xfc\xd4\xd6S\xda\x7f\xa9\xb4\xa7\x17v\t\r\xa9\xd2\x10&lt;\xcc\xa0B\xdfZ\x06g\x13\xed-\xbaI[\x9f\xe0\xd4yD\xbf\xd0\xe5\x8f\x8e\xc4B\xeb\x9e!\x07\\\xe0*\xf8\xa8\xf7 \xe4\x04W\x8d\xe2\x87\xb9\xb7\x1c&amp;\xae\x1a\x003\x83\xae\xcba\xf2\xf4\xdd\xdb\x00\x0b\xc2?\x08\xd3\xa0\x11\x15\x03\xa5W\xcc\x15\xa9\xed\xdb1l\x1f+lR\xb5On\xa0\xa3\x1fV\xcf)\xb6]o\xed\xbf\xcf1(\x89\x86\x98\xff\xfb\x1d\x14\xf9;u\x8b4\xbe&amp;\x18\x00\x8a\x18\xc0\xc4r\xc2\xcf\xf6\xc4\xdbc\xdc\xaf\xbfN\xd9|\'\x88\xbe\xa9\xb7\t\xc33D.\xca\x13|\x0e7X\xb3I*&lt;\x11*-\x92\x10Q#\x7f\xd0h\xe9e\xf4\xa0\xee\x02\x03\x11\xfdM\xe0@\xf0}\xa8\xad)b&amp;\xd8\xdfP\xa4\xf2U\x04D\x1f\xf6\xf8\x1f\xbb|\x81p\x81m.\xfc_g\x82\x87\x1a\xa4\xd1u\xf2U\x9a\x8bF\x04Ex8\xcf\xa9\xf9\xca\xe2\xf3\x1d\x03\xa1\x8a\x10\xfd\xd7\x02\x99\xa5F\x8c\xcc\xf5m\r\xe5\x12~R1t\x8a\x04\xbdSI\xa9.\x1e\xb6I\xfd0e\xa5\xe6\xa4\xb4\xa9\xfa6l\xe2\t\\\x0f\x83\xd9}\xd8\x0f!\xf5N\x9f\xa0\xe5\xd2\xf6?\xa7)\x91\x8f\x8c\x18\xdf\xaf\x93\xe0\xa8!\x8a\xf2\xa4\x9f\xa4\x9a\xb5\xc4n\x0c\xf0\xe2\x02O\xbc:\xfb\xcf(I\x8bjQ\x91\xdf\x98\xeb\x02\xcb\xf0\x8b\xa9Fr\xed\x85\xabc\xf5\x90\xd5\x0f[H\x1d\x01?\xb3j\xbe\x1d\xfb\x92.L\x9f\x97C\x82+)\\Sf\x14*{N\xcc\xb73\xb9\x88\x83\x87\xda\xde\xcd\xe7O\xdc\xe4\xff\xb2wT\xed\x0f\x06,\x8dz\xf29\xaa\xd2|\xb8\xfc\xa68\xf1\xbd\xba\x19&gt;\xaa\x15\xa0M\x8eq\xd2\xac=\x91y\xd9C2*\n\x11\xf2q\xb2]\x837\xe3\xbd\xd9\x03&amp;\x83\x88\xbe\xdbL\xb2\x8d\xe0\x01\t\xfa\xe2\xfa8M\x13K\x8a\n?\xc9\x16\xe3\x97\xf7\xc97\xd4\xddn\xb5\x07Z\xe1\xcc6\xad\xd0\xa5\xad\xc7\n\xb0l\xf7QTT*\xcd\x7fo\x9d\xe4\xdbQW\x8b\xdd\xba\xfe42\x05\xd3\xfaio4Qr\x14\xdcZ,\xf6&amp;\xb1S\x8f\xdb\xba\xefy\x18)\xd8`\xec\x1b\x8c*\x8fi\xc5.\xf2\x9fkJ\xf4J\xff\xbd\xb5\xf1\xe3[\xba&lt;\xbf\x08v2\xda\xf1O\x9b\xaeK4\xecv%\xfcQ\x13\x14*5\xb2\xe8c\xab4PVF\x8c=\x0ck\xdc\x9a2o&lt;\x8c\x148\x83s\x87b:9U\xae\xde\xb7\xa7*\xef\xc7\xf5\xf5E\xe3Ae\xd0\xbd\xeb\x1a\x8d#\xc7\x89\xe8\x85\x93}4\x82\xcd\x1b/\x03@\xb0\x01|V#a\xd4\xe9#o\xe3\xb0Go.\xcb\xd2\xbb\xa1c\xcd\xe43\xfc8\xac\xeb\xaa\x1c{u\xcb\xd6\xfd\xbd\xe6N\xbd\xd8\xb9o\xc7D\xa2\x17\xc9.\xf8\xb4\x19cEm\xf4U\x10W\\\xe5\xd3\xd8pu\x8c\xf5\xb1\xda\xa2\x98\xd2\x16\xf1\xe9\x90\x84U\xb2WG0\xbd\x92&gt;\xfa\xaa\xe7\xb0\'Y\'\xb62o\x9e\'\xe9\x8c)y\x82\xf3\xed\x17]va\xf6\x10\x1c\xb3WW-\xdf)\xae\x12\xa3\x90\xec\x86\xec\xc2\x1b`[\xba\xa2h[\x7f\xe8\x03\x80R\xeePG;\xb4Bd\x7f\x1e\xa0"R\xabYOR*\xc5\x96&gt;\xb8Q\xa3K\x05\x8e\r\x1e\xecl\xc3\x1b\xcb\xb2\x10\x11gC\x963\xc0*\x0f\xc2\x99f\x88*\xf3\xd0~\xea60\xc5\xd5\xed\x15\x88o\x8d\t\xec\xdf\x10\x02\x14\xa3\xf8\xd1\xad\\\xad\xbdN\xa6\x94\xdav9,,Q]\xb5\xffS\x1cK\xb1\xf3\x86\xec\x8dEv\x8a\x83|\xd0\xde\xd1\x08\xddy=\x91\xa3/\xaf\t\x18\xd6\xf0!y&gt;\x80\xa4\xed\xf6\xff\xad+\xae!\xfb\xc7\x9c2%k\x97\x14\x05\xdf\xecQA\xb1\x95\xbfKKP{*\xd3\xa3E\x86*\x1a\x00\xd2\x85GN\xfec&lt;\x07\xd9\x8c^MY\xaf\xd4\xda\xf2\x84\xe8^\xb9\xb2r\xdfUw\xb7\xea,\xbc\xeci\xdd\xd0\x89\x91\xb1Rw\xb8\xb5&gt;\x1dgCg\x7f\x0e\xfe\xeb\xa6\xdcu\x93\x02\xed\xbc\xb1W\xea\xdf\xe7\x1b\xaaO\x91*\x9dC\x10\xbd\x9f\xe0\xae\x90\x9c\x1a\x1b\xc4\xf7\xde\x14\x87\x0e\xa3\x0b\xcb\xce\xce\xe9S\x7f\x1a\x9cw\x99"\x99\x00\xea[\xc1\xd3[\x97(\x0f#\x9fF\xc0\xfc\xaaz\x11G\\M\xc6\x07\xebS\rr\xa4\xa9\xfc\xeb\x180X\x03\x14\xa2\xfd\x889\xa7\xcc\xb4\x1e\x9d\xb6b]\xc9\xfa\xb4\xcb\x8eq\xe0\x16u#\x8a\xb4;\x89=f\xef\x8en\xb0$?\xb5\xc6\x8b\x13\x9bp\x9fA\xae\x19\'/\xf6\xf5\xea\xbf\xe8\xa8\xdb\x8c\xf9bUw\'\xaa?\x8d[\xe8\xa7\x9bi\x1a\x9fS\xae\'\xda=\xceD\x9a\rG\xf4%*r\x9csu\xd7\xe9\x8aiG\xe0\xcc\x8b\x87K%\x83\x99\xcb \xdb\x04\xf3U\xb9\xaaJ\x1dW\x00\xc3\xf5\x16&gt;\x9c\x99&gt;\xb3\x8c\x8d\x81\xb7\xe6VNM\x87\xd0\xf5C\xfa\x902\tKe\xfe\xf1\xd4\x18\xae\x8c\xe1R9\xef\x18\xb0\xc6\xde\xe1\xef\xf3`;\xa8\x0b\x9b\xdb?\x8a]\xb2\x85YMx,=\x19\xc5\xf6+W/\xd5W\xb1\xc4Out\x08\x06hQ%g\xf3H\x0e\xdb\x8d\x82\xc2\x8d\xfe\xe1\xf2\xcbX\xd6\x06)J\xeb\xc35\x10\x1f\xa3z\x8d\x98|\xf6O\x1e\xf6\xb4C@\xfa\xa9\xea\xfc\xed\xf3\xc6w\x8cf\x03@c{J\x9b\xf2n\xed\xaeBG\xa7\xf5m/Z\x96_\xd8Q\xbd\x01\x93D\x7f\xb0\x1a\xccL0\xdf\n\x97\x03\x7f\xeaW,Y\xf4\xa8O\xe5\x10\x1e\x15\x1b\x12I\xc7oZ\xd8\xe1&lt;\xa8&lt;L~\x9b\to\xd3\x16Z\xfb3\xcd"\xa7\xee\xe8B\xcd\x8cZ\xd2.\xeb\xf2H\xef|0}D\x1187V\x16\xa8a\x13~\x9f`\xb8K=Kh\x97y\x93\xdf\xf9?}\xda28cS1\xb7\xd1\xf2\xc6\x92}\x85\xb7hO\xa0\xd2\xd7\r\x02\xa9q\xaa\xb2x\x1b\xe4\xd3\xdb/\xff\x8c\x14Sh\x8e\xdfx\x9f\xcc\xce\xc4\xd1\xeb=\xdd\xd0\xec\xa5\xa7\xdb\x8f\x7f\x9c\xd2\xfdf@0\\\xdb\x98w\xfda\x92\x87A\rT\xb7#1\x027\xb6D\x8cOS\x8bV\x00\xfb\xe1\xb6\xf1F\xdci\xec)\xb8Q\xdd\x94\xe6\xb4\xa9\x82\xcb\xf0&lt;\xb0\x0f9N\xf8\xa5?oY\xdd\xd8&lt;\xd5\xbf\xcf\xd59\xfc"\x18?\x83$~\xc0\xd3:\r\xc5\xd6wi\xde\xfdR\xd2\xc3+\xda\x99Y;h\xea\xcb^\xfcQB\xa9\xf3\xc5\x8d\xb55t\xa9\x13\x9b9\xdd\xe8\\dY^\xf2D\xbd\xe8\xb4y\x16\xe1\xa9\xeb\x93\xd3t\xfb\xfa\xe3\xc0\x97\xf2IiZf1\xd8&amp;\xe9\'\x9b\x1d\xa4\x84\xd6\x14\xfc$d\x1bJ\x03\x94\x99\xc7\xff\xaf\xb1\x19\\\xb1\xe5\xb7\x18\x0fT)\xe1\xe9\xd1\xc9\xc3\x08\x9a\x80\xf3\x1bGB\xc9\xebJT\x96\xb0\x82#}{\x07\xaa\xfbd\xfb\xb9\x1b\xe7\xc1\x10dD\x9b\xd59\x0c\x00Z\x1ea\x1dZF\xae\xa7m\x10M:Y\x92k\n\x17pY\x85\\\x14\xb5\x0bJ\xda\xfe\x13A\xb1[w\xdcp3Q]\xe8\x97\xbe\xb9\x86\xa8\xc7\xce\xdb\r_\xa8\x90#|&gt;\xdcu\xe3\xa9x\x05\x90\xb5\x96;\x1d\x10U\xfb\xb1t\x13\xdc\xd8\x98D\xa3\x16-\xfcc\x9e|\xc8\xb8~Z6\xc8\xb1\xcb\xd7\x1f0t\xcc\x80\x16\xaaM+\xa3\x9e\x11\xd6Ub\xf0\xd5\x0c~\x18l\xbb+\x89\xf2\x1c\x93\xac\xbbz\xe3\x93\xb3 7]\x88t\xf7;\x07u#yge\x99\xb3\xdfla}\xb3+\x86\xb4^x\xb4\xc91Ww\x05\x1d\xe8\xb4\xad]Z5\x0cp_\x8c\xf23\xd5e\xa9\xfez\x88l\x00\xa8\xd0\xa8?\xc8\xe9\n\x04]\x88=*\xe3\x99zS9\xe7\xe4\xe3\xf8#Ox\x0b(QA\xad\'\x0e=,\xbe\xd4\x11/\xe66_\xac\xebaI\x98\xf6\x92\x8a\xfb\x0e\xea\x9ez\xcb\x84\xec\xedT_\xd2v\x8c\x12\x0f!\xda\xcb\x86\xad\x1d\x9d\xefQ\x18\xec\x98e\xea\xeb\xdb\x1f6\xd0\xf1o\x0f\x1d\xa3\r\xb1\x14\xdcfw21\xdc\x16-\x14L\xd1\xb5\xe13\xc2*n\x14r\x0f\xe6\xfb.\xa4"\x1e,\x9f\'\r\x96ottK:\x93x&lt;\xc2\xb5vt\xe1z\x91+\\\xd9\xd8a\xf0\x133\xef\xecm@\x1b\x14\xdf\xf8\xe6\xa5\xe5\xe6\xa6x\x00`&gt;\xe8\x89\xd6c\xb0\xf7R\xfa\xa0\x95^\xbf\x7fT9\xf7\xb7h\x16\x0fI\xb6\xc8\x06-{\x9bU\xbc\x8b\x7f\xbb\xb4\xaa\x85R\x0f\xf1\xe9\x97J\xef\xc4\x96\xe7\x0e6\'&lt;\xa2\xe2\x92\xfa\xd4\xcf\xbf\x9f\x1amGp\xca\xdc4\x9ez\xad\xb9\xb3J\x996ul\xb8\xbe13L\xbc2\xdd\x14I\xf4\xb1\xc25\x16\x813\xd5\xe3\xb4&lt;\x89\x14N\xae\xad\x1a&gt;+\xf9M\xa7\xf2Fv\xf4\xe0T\xf5\xdb\x8e\x85\xcd`\xcdH\xce\xb7t8,\x04,\xf6mc\xb2\x07r\xd1\xa2%\xb6`\x97?Y01\x004\x9e`Z\xeb\xf2p0\xae\xce\xa9F\xf3UpD\x88\xe8;\x8e\xff\x0c\x1c\xe3\xb54H\x05q\x1e\xf1\x86\x85\x9d\x8dkN\xf4yz\xa2\xc6\xcb\x1a\x82\xa3\x8e\x81\xe2S\x85\x16\xbbs\xea\x02\'m \xd6\xc9h\xf9-\xc0\x1d\xa6\xcdF\x9f\x14S\x1a5\xc6\xce\x1a\xebl\x9a\x16~\xb7l\xee\x10\xa2o\xd5m\x02\x81\xb4\xed\x96Q\x82\xe1\xbc\\\x8b\x7f\xea\xa5F\xdb\xf3\x85\xfa\x92\xd5%2\xf5\x9a\xe6h\x86\x96f\x157\xcd\x92\xd6)\xd8K\x07\x18\x16\xfa\x9b:m\x94\xb8\x7f{\xfc\xecte\xbbQ\xab\x11\x1f\x15\xf9\x9f\x92\x1b\x85\xba\x82\xd7\xcb\xf5\xe7u\xa5&gt;U\xd7\' 6\x00\x10\xfdm"\xa2?\xba\xfc\xfc\x1eV\xd5\xd0&amp;\'\xa6\x06\x80f\x0f\x08N\xba\xa5\x9e~\xe2\xc0E\xb7)\'\xeb\xc8P\x1f\xb42\xe6\xa9\xe2U5?\x9e\x9f]\xc0\xd0.\x1d\xba?\xc20\xd8,\x07\xc7MYx\x03\xc0\xf1\x9f\xa6\x06\x95P\xb3\x06W\x94\t\xbc!N\x94\xd7\xfb\xfe\x06S\x08_\x9f\x14\xc1\x19R\xd1G\xddG\x17e\x14\x17t\xbd\x18\xdd~\x0e\xed\xeb\x98\x9f\xba\x86\xca\xd7[\x99\x9b\x96V+`\x9a\xd1H\xcf\xf2\xf1z\xba\xda\x04I\xa2\x81N\x9b\xdd\xd7\xbdo\x0f]\xf5\xbaA\xcf\xa9\x8eP\xd7\x10\x87\x19\x95\xc6u\xdf2v\xed\\%\xf3F9\x1d\xfd+\xcb\xf2\xa5\xee[\x84\xc3\x7fs\x7f\x9au\r\t"\xa2\xf7\xb7\xb1\xe9\xa4\x85\xe1\x1c\xb5Qm\xd3\xa8w\xf0Py\xfb(\x9d\xb1\x05\x1e\x16\x10\xbd\xf5\xe7!\xfa=\xbdM\xd0\x98\xce\\\x046;U\x0b\xdb\xe3\xbf\xe1E\xf0\xebu\xda\x96i\x93\x98\x8at\xe4\xc7\t\xb6\xcd\x9e\x9b\xdb\xb1il\xac\xabP\x104\x9feh\x86\x05\xa6\xe7\xcf\xa6\xa2j\xc6o\xe3\x95\xdf\x17\xdb\t\xe7\x19\xd0\xb3S\xb3s\xa2\xe4\xaefp\xcc\xc1lz0d\xadUtOM88\x0f&amp;\'9\x85B\xd4\x08\x04|\xb2\xde&amp;\xfa\xbd\xcd\x8c\xe9K0&amp;\xf3w%\xe5ta\xbf\xd7ow\xa2\x00\x0e\xdc\xc4\x9d\x82j&amp;\x0fQ\xc3\x19\x9f\xe80_cm\xf26\x9f\xbb\xa5\x95\x8d2\x97\x1c\xc5\xce\x13M6\x97\x9a\xaa\xb3 \xb2)\xda\xde\x90$\x83:W\x0b\xeb\xea_\xc5\x17\xed\xea\x9an(\xf1\'Y\xb2\xb9XG\xdal\x7f[\xab\x90\xa1kX\xf7-M\x15\xf5\xc6[\x94\xf2\xa5\xb3/\x1cV\xc0\xa1I|\xae\xa9\xd3I\x8c\x14\xc5+\xfd\x9c\xc3P\xf4m\x0c\xe1u\xd6MHK\x9f\xc0\xfbWL\xdd\x7f\x97\x80o9\xc4\x8d\xe2\xd3\xcd\'\xd7D\x9f\xb8\xa5L\x85\xcc\xb2\xa4\xc0\xf4\x00\x10Y\xba*\x1b\xc2\x1d~"\xe5\xee&lt;\xc7\x8f\x11l\xd3\xd0\x16\x1f\xd1\xbf\x0e_\x7f\xfemge\x84Jo\xb3\x16\xa9\xa35h7\xe2\xa9\xa1I\xc7\xabk\xaa`\xca\xf8k6\x03\x98`\xe1\xd7=\n\xb3+\xd6\xe7\xa8\xd6\xd6\xb0,\x14\xf9\xdbD\x974Z\xf8S\x01\xa6\xb4w\x9c\xafD\xc5\xa6\x1a4wE\x0b\xce\x89Q\xf8F\xe6\x86d\xbf\xees\x9a\xea]\xff\xc8\xde;\x06]]l*&lt;\\\xb3\xaa\xc1F$\xa1\xb1\x87\xc3\xfd\x9f1\x00\x14\xa8\xb0?\xddb\x1a\xa58\xcc7\xdd\xb7\xb1\\^s\x17[J*\xa4\x03@\x85\xfa\xa4X\xa2\xcfW\x15x~\xc8g\xa4\xe4^\xcf\xb8u\xbd._\xc4-G\xcb\xf2\x9dG9E\xa2\x1ao_\xc4\xb6\x05\x12f4H\x19\x16d\xebe\xa7\xb7\xb2\xc0r\x1c\xa7\xd3\xe5\xb7\x92\x9c\t\xcd\xc9!*\xcei\xefd"\xa2\xb7\xb7T\x08"X7\xbc\xe9.\x93\x91\xe4\xcc\x96\nG\x82\xa69\x0cu{\xda\xaa\x1e\x08E\xdf\xe8:\xf9\xd1l\xb1\x9e\x92\x1d&lt;\x84JC\xb3\x8afS`""\xfa\xea\\\x99\xcb\xe0\xc7\x91\\a\xd5\x1d\xe9\xee\xaf\xcah3[i\x9a\xf4\x02\xab\x8dZ\xea6\x04\xd0\xbb\x07\x8c1QT!U\xe6\x96\x96\x8eL\xad\xde\xdaY\xd1\x0e\x87\x8bl\xb7\xda\xc7\xc6\xfcp\xcfR#w\xe7Dx\xba(\xb8)j@\xc71@\x1d\xf9\xc2\xab\xfa\x84\xf64\x05\x0e\xed\xb6}z\x8d\n1\xa3\xb7\xe9\x89Xu\xfe\xa0\x81L]9\x935\x849\x0e\xfd\x153)0\x96X&amp;S\xc5\xcd\xb1\xca\xf4\x9f(_z\x1aL\xf4\xb6f-~=\t\x8f}T\xca\xb7\xd6\xdd~b\xdf(\xfbF\xd7\xf5S\xa2\xdd\xd5\x9f\x95\x88\x1a \x12I\xf4\x11\x95zkno \xd0)\xf5\xf5df\x1b\xdd4Z3=,5\x83x^\xa2\xcb\x1f\xed\xa9\x19\x02\xdc\xc6\xbb[\xc3\xbc\xe1\xc4Q\xd2\xa5p b\xd3a|\xfa\xe80\xf6?\x97q\x02[\x02\xc2A\x15\xe9\xc7\x1bZ\xfa\xba\xe3\xdeH\x1b\xbd\xc11\x80\xd3\x91\xb2\xe6\x15\xd9\xcf\x1c5Y\xa2J\x1ew\xa9\xec\xf6m\xe8\x16\x81\xea\x02\x15\xa7t\xccy\xe4\xcf.\xbb\xa5,h\x9d\xc7\xcd\xc4\xf0\xf3\xf2p\xcf\x004\x8e\xaa\xf3FP\xf9\x82\xa0\xd9\x18\xb9\x1f\x9f\x12\x05\x88\xe8\xef\xc7\xefM\\\x91\x19S\xc9;9\xa3TH{\x03\x9f\xa7U \xfd\x81\xfe\x9c\xb7t\x19\xd9&lt;\x94\x0bj\xf5r\xca\x87\x174\xd7+lk\xfe\x80\xd2\xd4\xb5&amp;\xfb/\x1a\xc9\xa8\xb2\x16\xd7\x81\xc1"7\x11\xd1\xffS\x17jO\x8d+\x86H\xf0\xacu\x80\xf8\xb1\xd7n\xeb\x7f\xc0Cef\'k\xe4\xf4=\xa7\xed\x14\x958:\t\xe1\x8cv\x12\xb1SoyU\x12\x8b7\x8b\xf6U\xa1\xfb6N\xfbf\r\xb6\x91\xba\x15\xba\xdbYZ\xa2&amp;\x81\xef\x8f.\xbe{=\xa2P[ \xd3\xa7\x06\xca\xffh\x9d\xcc.&lt;O\xb6-7)\x88\xfe\xe3\xa6\xc5@x\xd9\x94B\xdd\x86\xbd\xb8z\xe1\xbd\xf2\xd4\xe3\xc9\xa5}&lt;h\x99!\xc3n |\x99\x01\x8c04\xceL\xda\x99\xceG\x944\x925\x8d\x85\x1dAE\xc7&lt;_\xb3\x980]\xba\xf1\xc7\xa3\x96\x01\x90\xdf\xfdo\xb8\x07A\xf4\xdb\xcfW.\xc6\xb4\xb1\xa4\x86\xe2,\xdcJ\xd1\xc0\\\xf7\xd9\xdb\xa9\xd6z2$\xafHE\xcf&amp;\xed.\xc1\xa1\xd6@\x06\t\xfaus\x86{\x0bgaw+j\x0e\xa8Jo\xd4\\\xa9h\t2f[:x\xe74\xc5\xeb\xb3\xeb\xe2i^\xa6(a\xb8t\xb3\xb77\x16\x0c\xb2\xb9|\xe3\x9d\x16]\x84\xc7H\x89gm\xcbo\'\xf6\x8d\x05f(y\xbd(N\x9c\xb7u\x8c_\xde\xdb\x00+z%\xfd\xab\r\xed\x96\xc3m\xd4\xe8\x91pN\x91\xdf\x8a\xf6\xca\x82\xfb\x9ev\x93\xc4\xf8\x8d\xb2\xfb\xe4\\w\xba8\xa3\x97\x9d\x9d\xdb\xdaEk&lt;VD0\xb4\xbb\xea}\xddS\x1f\xc8cq\xc4\xef\xad\xe1\xb3\xbd\xa8\xe1f\xf1v\xfc\x15\xdc%\xc8\xdf(\xd4\x1b0\xa0i\x1b\xb9\x8b\x89A\x88OM\xdeTT\xde\x88\xf4\xa9;\xbf\xd1K\x8dv\x1aK\x83\x06y.?\x16K\xeb\xe5\x07\xf5\xcd\x84g\x19\xfb\x98\xa3e\xa1\x0f4\x9f\x92w\x0cQ\xfa\xd8^\x9au\x88=\xac"x\x88\xc5\x08AW=_\xf9\x14\xdb\xba\xe8\xee\\}Q\x9d1^\xa88L\xef\xb0\x84\xbf\xd8\xe0n\xe1\\\n\xfd\xba~\xaa\x8f\x83ep\xec\xac\x9d\xfb{j\x8b\xd8\xd1\xe8~\x93\x92{\xec\xdc\xbcb\x89\xad\xd4\x8e&gt;\xe6\xbb\x8b)\xf0\xa3\xebngBo\xe5\x15K\x1d\xb1\xb8\nm \xe2\xef\xf1\x8a\xcd\xda\xd2\x9c\x01 ~\xaf\x8dM\xaf|\xf3A\x97\x952\xca\x9dQ\xc5\x14\xc7,\xd22\xf4\x8f\x044\x96\xed\x9e\xcd\x17\xb3Fa\xd0\xfe\xe8\xeb\x16\x94\xaf\x07m\xecP\xa5h\x92\xa8\xa3QK\x8e\xfa\x1c\xaa\xabv\xbe\xa2\xec\x15\xf1\x98\x17\xdc\x07\xf7\x13\xc5\x0e\x0f\xc3*\x89o\xe0D\xca\xe3\xec\xe7\x86\xa0\xbd\xaf\xc4\x8e\x10jzG\xd1\xad-\x07\x80\xc0s&gt;\xb9[4\r(*&lt;`v\xba\x9e\xe7\xf7%\xd3\xb8\xd2\x84\xe0\xa4v:\xd4\x1f!\xd6n\x04\xbf9#|tw\x13\xfd\x86eY\xdeY#!r\x91~\xe2\xb9G\xb19\xaa\xd4]\x8a\xe7\x84\xc5\xaa\xf7[L*\x16\xc4U\xbc\xac\xcfl\xb40\xe1k\xa7?\x1b\xff\xa8\xbc};R\xb2\x84R\xe8\xe9\xfak\xd9P\x9f\x1a=#\xbd0D5\x8c\x1eqi_w\xe5\xb9\xe4\xe1|2\x8a\\~\x89\x19\xb1\x7f2%\xb49]\xf0\xf3&lt;\x0c\x07EC\x07\xaau\x02\xc3\x93\x9e\xc3A\x17\xf7\x96\x19\xbcj]\x83\x06&gt;z\xce\xef\xa47*\x96l\x0c\x85\x06\x80\xe5r1z{\xe8\x13\xc1\x14\x9e3\x8b\x8f5\xd3$\x1d\xc9\rAw\xb6qp\xcb\xc9\xbbi\xcc &amp;\x9br\xce\x08\x9fl\xaf\xb1U\x03\x17i\x89\x15\x0eN\xb1\x83\xa9\xff*A\xb0\x0e\xa0\xd7\xff\xaa{\xe8\xcb\xe3\x1f}@\x85X\x95\xa6\xcc\xca\xb8O&gt;\x10\xfbS\xe0\xc3\x7f#\xd5k;\x00\xd8\x89\xbe3\x97D\x16*\xd3\xe4\xa5\x1bZ[\x01\xc9\xc9u\xed\x0eLV\xf5)\xf1\'\xa6\xde\xd6\xc3\x1d}\xb0\x99\xe4\x9c\xe1\x89\x8f\x99\x03\xea\xc2\xdbc\xbc\xc9\x940\x11,\xce\xeb\xef\xb0\x81f[I\xe8VF\xb2\xd5\xa0\xa8^\x83\x9a\xf4T\xa5\xf74\x00}\xcbi\xe4\x00\x00 \x00IDAT$\xd5\x11\xa5\x02\xf1S\xcf\x85i\x1b\x1d\x13\tT\xd2vo\xcf\x15\xd0\xfe\xc6\x90.1\x0b=De:\x00\xba\xe3\xc0Cr\x82\xab\xeapI{cF\xa2}\xc7\xb8O\x03\xa4\xb7}\x12\xe5\x83\x1f]J\xb2\xa4\x95\xd8\xfb\xbc%?d&amp;\x0b\x90H\xbb\nFJ=\x8c\x1f\x1d\x11T\xff\xb9\xe45p\x9d\xdb1\xfe\xbe\xf0[:\x9b\x18\xb6\xcf\xb5Z\xb4\xefl4;\x00\xec?\x92\xe5\xcd\xc8\x92"/J\xec\x97\xeb\x80\x14\xbc\xde\x1e\xf6h\xdb\x81^f}\x89\x8d\xd8\xcaY\x02\xc8\x10_\xda76D\x99\xad\x7ffv\xc3\xdd\xf6c6t!V&amp;\xf6\xcf\xa8\xe4\xc8\x9a7\x96\x97\x13\x16fuqH\x98\xdd\xbe\t3\xab\x93\xb1c*\x80lzna\x89[\x9c\xd7w]\x96\x85\x1e\xff\xbb\x13D\xb4\xae\xb5\x95&amp;\xa2\xa5^\xcaQ\xa0\x8a\xbcX\xcc\x9d\x84?6\\\x1e\xd7\xb7[\xb4\x0cPu\x8c\x95L-\xd4m;\xb5\xa0N\xa3\xd8t\xf3\xd2\xba\x0b|\x95\xb0\\\xbd\x0f6\x86^;`/\x03\xdeXB\xceM\x8cY\xef\x96~\xb2E\xc3\xa6,E\x83jp\x86\xa8\xe2\xf1u\xe4\xc8[\x96e\xa1\xb7/\xebk%\x0c\xf2\xb5\xae\xc0z\xe8\xf5\xe9\xd8E\xfby\x01\xad@8-\xd7\xd6\xd7\xd6\xe1,\xb9\xf2F\xaa\x98x\x15[X\xf7l\xf9@oMJk\xd6\x07\x8d"\xdac\x16\xe1o\x1c\x1f\xae\x97kI}Z(\xad\x91\xa8\xf7\xd6\x93e\xc6u\xff\x87\x93/\x147\xbe\x1cn\xa3Y\xd8\x13\xcc\xcb\xcc\x92\xc12\xb1\xc6\xban\xbb\xd5T\xa5M\xb3\xbcc\xaf1Y\xf2\xba\x15\xf9CF6\x1d\x95\xda+\x19\x13\x87\xbd\xb7%\xe9\xf5\x8d\x9d[t%\xf7\x1d\x00\\\xf1|\x02\xd2\xcd\xd7\x88b\x1a\x13\x8dEDD\x9fq\xb8bhI\x95\xf0m\x8d\xc5\xd3\xd5\xe7\x14a\xcaP\xd7\x81\x9b0*\xb5X\n\xe7(\n\xd6o\xabw\xfa\xd3\xbc\x9c\xb4I\xf6\xc1\'\x1b\x00tT\xdb\x88\x15\xd3\xac\xe2\x95\xa2b\x8dE\xaf;W\xdd=\x19$2V\x19g\x8f\n\r&gt;\xdd\xd8\x8b7\x96\x88G\xae\x9bk\x02\x97\'\xee\xd0&lt;;M~\x1aW\x14\xf8d\xdbu]\xd7\xf5\x0b\xe2\x9ff\rH\xd7n\x7f\xe8\xba\x17\x92~B\xc9\x14\xcd^\xe1f%A\x91\x13\xb6S\x92\r\xb7\xa9df\xba\xaa\xef\xb4;\xf1d\x82\xab\xf7\xd6X?\xb9\x90\xad[\xac\xfaY\r\x8f\xd6\x8de6\x86i\xe0B\xe9\xa8\xdbr\xd6YJ\xdf\xe9\x03GH\xbd\x1a\xfe\n \xf6\x99Neewe\x9e\xa7$N\xb1\xa4\x842\xa5\x9c\x95_\xa5\xb3\x12+\x80\xaf\xcf\x99\xa7\x8b`Q\xab\xa8HPfh\x86\xa9`_3i\xd7i\x7fQ\xae\xa4\xa1\x19J\xd3\xdb\x84\x8c\xeb\xf2_$?L\xac\x98L\xcb\x83\xe4/5\x08\xc9\x0e\x00F\xdd\xa6j\xef\xbb\xba\xe1\xb2-Ua]P\x9d\xae&lt;\xbe^\xbf)\xaf\xbdm\x9e\xbdq\xc0\xae\xd7MIlN\xdd\xc6\x83\xf4z\x92\x91\xa5\x899\xc5\xa4g\xdc\x9e-\x7fP?r\x1f.\xfe\xd6\xd6iB\x7f\xb0\xd1\x15\x97U\'\xdd{\xd8:\x8e\xbeI\x85\x96\xb4f\x0b\xbbXf jjk\x91\xa6\xcd^k\x0b+\x13\x0f3s\x85\xd2\xdf\x8fU\xaa\xa3\xf8&amp;\x83\x13\x0e\xd6Z\x9aG\xc9\x97\xdfugk\x9eS\x93\xf5\xb6\xcb;*\x0e\xaa\xf13\xd1\xafm\xac\xd1\x8a\xc0\x1c\xa4y\x08\x16=\xf6\xf0\xdaG\xfeU\xa3\xf9\xb5\xe5\xbd\x1e\x03BJi]\xe6\xa9y5\xdb(e\xdd\xf1\xd2\xe2\x0f\x0b/K3\x80k\xb2q\xd8\xeb\x8ch_X\xb7\xaf\xf4J\xc43\r\x00 K\xfa4\xa8M0\xf0\xd5\x8c\x15\x9c*\xeb\xf5\xdb-\xbe\xd2\xbbc\xf5r\xc4\x14\x8e\x07\xf23\xae\xfdV\x98PDH\xa6L\x9a\x96\r\'1\x1d\xa3\xba{\x87\xf2\xd6\xafu\xc3,\xf5i\xfc.\xa6\r\x97\x8d\x81@/\xf3\xe3\xd8JT\xf2\xc0$\xbeX\xcc\xe6#\xf4u\x91\xeb\xd5\x92\x7f_\xdd\xed[\x96\xe0\xf7\x8dlI\xeb\xae\x91\x18\xbc[\xa6\xbczEW\tz\x03a\xeb\x89\x1dGO\xb3\x99\xbei\xf9z\xc4\xfa\xb6\x06\xa5\xc8u\xb1L\xddh\xf18\x1e\xf0W\x7f-\x03b\xafkk\x83\xaf*\x92P]\x92__\xff]ki\xf8\xd8\xdf\xa1\xed\xa4\x12\x82.R\xec\x8c\xd3LT\xf9\xc4\\\xba\x98\xc5F\xd1I\x9e\x11\xf5\x8bo\xdd\xc9\x87\x8a(M\x98\x93\xdc\x93\xf5\xf2\xb1z\'\xb0\xe0.U\xc7%\xe2\x92r\xed\x14\xfc\xccb\x00\xb0\x8e\x94\x87\t\x95}#\xf1\xa9\xf8\xb9\xac\xe7l\x8e\xf10\xdfi\xa2P\xaakDL\x16\xe2z9\xee\xf4\xcf\x11\x1beP\xb3\x1b\xf1\xf0\xceG\x1c\xaeX\xe9z\x9b\x95\xe0\x0c\xa53\x97}\xb2\xbb\xf6\x01M\xcb\xb4\x91\x0e\x00?\x1a\xbe^g\x8c\x80\xbd\xc6`\xbf-X\x08\xea\x8d\x85\xfbK\x9f\'\x10\x9a\x94\x1f]\xb0\x1eo)\x9d`\t\xee\xb2#=\x03\xcb\x96\xa9\x91_\x8f\x13\x1f\xd6\xb2-\xb7\xa3\x93\xe5_\\!&lt;\xb4[\x17\xb4A\xae\xa3-\xb1.\xd4\xb1\x02\x16\xb3{ST\x147~cw\xd6\xe6\x06\xfe\xdc/\xb9*\x84&lt;E\tn\xb4`\xa0\xee\x1f\xa3\xf2$\xb2\'\x82u\x90z\x83u\xda+\x97,c\xa3\xdb\xd6jv\x15H\x1e\xae\xe7\x0ca.\xfd\x88\xf01\x9b\xbcd\xdeF\x16\xbdU\xaa\x80\xad=Z&amp;~\x0bk\xa7NbWT\x9a\x9e\xb0\xceZ\x86\xc7\xdaM?i*\xfd\xc2\x04\xad.\xdey\x9f\x83\x9aSG\xa2\xe7\x1b`e\xcf\x05\x98\x1f\xdb\xc8f\xe8\xd9\x02\x0c\xa1\x9e\x03\xaa&gt;\xda\x1b\xd4n\xa4.\xb9\xed\xfc&lt;w\x15\xa5[\x8a\xa0#\x9c\xa3Z#\xe1\x82\xbbT\x02f\xe2\xc0{\xee}\'\xc7\xa7\xebS\x0c\xe9\xfd\xfd\x84\xb4\xa0\xf6\xa2\x92}\xdb\x82y\x90\x10Ln\x02\xbbG\r\xbc\xec\x99\xd2\x12tPn*\xa4\x92}4\xc6v\xfd\x8c\xf3\x7f\xa4\xc6$\xf8\x9c\xe6\xdb \xd9\\\x99\xfb\xf4\xc7_\xfe(\xb9\x8b\xafN&amp;\xe7\x1f\xed%\xc8\xec\xd0\xe6eo]A\x0eqDy\xdb\x86m\x9f\x16\xb7\xd1\xce[FvfNW\x98\xdb\x8e\xa5\x03\x8f\n\xc9\xbd\xf5@`i\x99\xe4\xed\x18|?K\n~\xea\xad\x83Y\xc3\xac-\xbf\x1dK\xfd\xd7e3\xbd\xa6\x0f\xaa\x07\xc9sO\xc2x)\xb9DZ\xe7\x161\xef\xa4\x92&gt;S\x8c]\xf6W\xee*z\x02i\xf7\x90\xc9?\x08}\xa4\xa4\x85]r\xfb\xe3\xfb\x82rz\x86Ml\xed\xeb0\x92\x99\xd4\xa4\xda\xfd\xee\xd3~?9\\\x98aIK7\x96nz\xdbY\xd2\x99\x8e=\xcaH\xb3@,/:\xbf\x87o@\xf6J=\xe7\xb1J]\x81\x12Z\'L\x9c|\xb4\x84\xfc \xf6\xcc4\xdd&gt;Q\x0f~\xf7\xdfr}\xa2\xcc\x9b"weoLh\x8c|T*\x0cD\xa0W\x96\xe6\x83\xc1727\x8b,m\xe2\x1a@D\x9fmf\x84\xe3\xf4]\x0fg]\xcf\x15E\x1f.\xd6&gt;\x1cZ\x96\xd7t\xea\xfc\xa0\xdbi\x98l\xa3\x94\xda\xfeJJ78!\xb2/B\x1ft\xb8^\xad:\xf5i\x8dp-\xbaDy\x93g\xd7\xc47r\xf7\r\x12\xd3y\x17M\xab\x8dz\xa5\xd2~:\xb9\xb1h.\xaf\x82\xe9\xe8b-Gv\xdf\xa4\x91\x9bc_m\x83\xed\xec\xbc\xd2\x94\x04%34\xc4\xb8@\xcb!1\x9f\xcc\xe4\xab"R#_\xecx\xc0\xd2\x9e\x83\xa2\x92\xc3[-Qb\xe8\x92R\xe4y&lt;\xf7\x91nen\x1a\xfc\x9e\xab\xed\xd32\x85\x1d\x0f\x8d\x05V\xc7\xdb\xdd\xeab\x128N\xf0g\xe4\x83\xe7V{\xf9\x8dt\xb9R\xa41Z \xab\x97=\xa7\x8c\xaf#\x97\xc3k\xcb\xca\x915\xa8\xdb0(#\xbd\x90\xdfo\xdd\xaaW\x98\xb7\xf3\xae\xab\xb3\x80\x87\xea\xd8\x83b\xcd\xb6/zm\xb0.q\xbdv\xf6(ny+I\xf2\x8b\xee\x1e\x8e\x9d\x10\xc5EI\xe8\x16^\x1a)\x95\xcbR=\x7f\x8cY=\x10\xc9\x97v\x0b/\xb7\xa2\xa0+j\x0c\xbd\xa2\xfe\xdczG\xd84\xc0\xacc\xb7\xe3\xee\\p^\x92\xde04:\xe7\xe3\xece%\xde\xd7\xa6\xb0FG\x8e\nb\xea\x15\xf1\x04\xdc\xdb\xbc\xa9\x19E\xb6\xb6[\xdfH\x1f\x10\xd4\x1b*\x16"z\xbb\x8a,7\x98:\xd3\xaep\x81\xd8\xd0\x15zy\x881e\x83\xc5Zg\xac&lt;p\xe0\xd5e\xe3U\xc0v\xe2\xc6\xdb\xe09\xc7Av\x13\xb3\xd3\x94\xede\xc3\x8a\xfep\xe1]\xe5Z\xca\xee\xa8b\xc4\xa0\x15\xf3r\x8c\x19\nK\x81\x17\x8a\x16\x82\xbb\xbb\xf2e\xec\x88\xec\xfe?\xf7bs\x8b\x8fg\xa2#F\x07\'"\xa2/L~\x8a\xdd\x8brF\xf1\x87E\xcb\x11}\xa2V\x07\x16\xdc\xd8\xe0\xccb\xebW\xa3\xb4\xb2\x98\x8e\xa72W\xfa\xdaAD\xf4\xef\x96wYL\x9e\xb4\x89i&lt;\x1b\x10)\x90\x9eoYO\xb9N\x7f\x8c\x81bz\x9a\x0c\xed\xc3\x0fEa\x9d\xd9\xf7%\xdd^\xa5\xd5K\xe9{\xebe\xf4&lt;\xcf\xe8%\xdf\xa1\r\x8ci{q\xccpV\x03\t\xed\x81\x9c\xf9z.\xedk:\xc4\xb1\xc4\xa3\xddm)\xaa\xf8\xc3O\x0eSCK\xec\xea\xe2-\x0eKMQ7\xfe$o/\xff\xf4wlR\\\xaeQ\xb3\x12\x95V\x9d\xeb\xd8\xfcy\x81R\x99\xbe\xc2\x97\x83|;\xc2qM\xe9\x07{[p\xc4\xb3\xaf\x04\x1c7a\x15\xa4)\xd8\xa4\x8d\xc0\xa8\x8e\x9d\xff\xaa\xf9\x1d\xba\xf2#\x7f\xb7\x81?a\x97\t\xe7\x17\xcb\x16&amp;\xfa\xbbbK\xbc\xe3mv\xd6\x85\xeeN\xa8\xd7\xbd\xb7\xffK#\x05\x18\x81N\xdb)e\x8d\r3E\x94b]\x98;\x1b\x9c\x87,U"\xb6e3\xc5t\x05\x0fr\xd3\xffl`\xd5\xb4\xdc\xac\xba\\\xb2=\xd3n\xaa\xc2\xa1Y\x94Vf\xf0\xa0\x1b5\xf2T\xa5\x80\xb4p\xd6v\xb0\xae:\xfa\xa8T\x01\xbe\xf6\x1a3\xa3\x19\xd9 \xd4S=\x8b=5\x11\xe8\x9d\x19x$M\xf6m\x9fW\x07\xd6l\xb0\x8a?UQ\xa1\xc5n\x0b\xc8|\xf5\x9d\x13Rso\xd9\xf1\x8f\\\x13[~(\xd8\xc2\x85\x85\x19V:\xb7KOz\xc4}\xa4\xc8\x18d2\x17t\xdf\x06\t"0\x88Y\t\xce\\\x95#\x89\xb5\xaa\xaf\xc6a\xd3&lt;pkXG\xd4]\xc2qr\x97fh\xd0\xf8\x9c\x95\x8a\xcf\xdc5\x12\r\xb2\x98\xae\x06?\xed\xdd&amp;\xf4jV\'\xa6\x06\xca\'\xadZ\xcf~\xa8H\xd1\xc3\x9b=\xbd\xd8\x87\x85z\x04^\xc5\xd5\xac\xc2OcIL\xc5\xe4\xc4*\xac\xe5\x08\xcf\xa3t\xe5\x8e\x87Q\xbdT\xa4\xb6\xd9\xe2\x10\xdd\xa8k\x88&amp;\xdb\xc64\xfdT\xe1\x8d\x97J1k\x19\xdb|\x8b\xed \xf1e\x8ao/Rq\xbd\x1e\xcc\xaab\xf9\x9b\x00\xad\xee\xb6\x97\x91\x959\xc0\xa8\x10\xab\xc3)\x08\xdc\xa6\xe0\x96\xe8\xfa\xc0hv\xf3\xbe*\xa2\xba\xae\xbaN\xa5\x07\x8d=\xf1\x89\x82lFE\xc7\xb9\xf3\xc7\x16\xef\xa736\x8b\x9a\xa7\x82pj*\xb8\xbdg\xf0\xbc\xb8\xab\x97\xfaz\xf6\x15Hd\x04\xb1\x87}vl\xe6\xdc\xc4\x03\xd6;o\xbd\xa4=&lt;\xad~89\n\x82&lt;\xcb/\\\xb5%\x98\x13\xf5\xd6\x12i23.r\x04\xb7\x08\x0f\xa8\xc5\xe5\x07\xe3\xb2\x96\xcc\x97\x01N\xa8i\x95t\xf7\x1e\xa8\xbd\x1d\x0e\xd52\xb6zd\xe6\xfe;\xd4\r\xa8,\x93\xd8`\xd0\xd9\x90\xe9\x91\x8b\xc6\x8e.?\xc3\x1dw\x97S,\xfft\xdc/\x95cM_\xd3\xfanS\x06w\xae\xf9\xf7\xbam\xd5?n\xafb\x7fR\xca\xf4\x04E\x9cfq\x8c\xd7}\xef\xc5\x9b(G0k\xe5\xa4\xf2\xaciH\x03;\x18\xf0S\x12\xbdnP\xbaMb\t\xbbB\x8bh%\x8d\xac)\xe7\xeb\x1f\xb1t\xa6\xe1\xd1\x9a\x86\x89\xee"&amp;\x15\xd5XMD\x9f[X~\xdb\xda\x8d\x19\xc6\x17u\xb9\xf2A\xea\xae+\x92\xa0;\x00p\x96_\x8b\x9b\x14\xc4\x82iq\xa2@\xcd.m3:\xac\r\x8bvc\xb7\xb9[\xbd^\x83\xb5\x7f,\xb7\xda\x19S\xe4\x8ch\x92\xed=\xa8&amp;\xb4\xbf\xf4\x9a\xc3\xc2tY\xccr\x87`\x9eg\xe46-\xa9-\xe7\x19\x05\xd2\xb4d\x99Rc&amp;\x11\x11}\xfc\xe9J\xadAl\xd5m\x14\x9d\xf5\x8aolbpE\x92\xad\xd2\xfbK\xc22\xb9[\nY\xbcM\x00k\xcc((,\x92\xafXK\x0f\x1eK\xa0\x9c\xaf\xfb=\xdd\xe0\x97t5\x9ct*\xe7\x0c\xbaa\x1a\xc4`I\xa1+\x8f\xa5\xf18\xb7\xad\xdd\xf6\xe4/\xef\xf2k\xeb:w\xd0\x81\xbc4o\xd1U\x8a\xee\x</t>
        </is>
      </c>
      <c r="E534" t="inlineStr">
        <is>
          <t>&lt;class 'numpy.ndarray'&gt;</t>
        </is>
      </c>
    </row>
    <row r="535">
      <c r="A535" s="1" t="n">
        <v>533</v>
      </c>
      <c r="B535" t="inlineStr">
        <is>
          <t>steps_per_sec</t>
        </is>
      </c>
      <c r="C535" t="n">
        <v>7700</v>
      </c>
      <c r="D535" t="inlineStr">
        <is>
          <t>10.08663</t>
        </is>
      </c>
      <c r="E535" t="inlineStr">
        <is>
          <t>&lt;class 'numpy.ndarray'&gt;</t>
        </is>
      </c>
    </row>
    <row r="536">
      <c r="A536" s="1" t="n">
        <v>534</v>
      </c>
      <c r="B536" t="inlineStr">
        <is>
          <t>Loss/object_center</t>
        </is>
      </c>
      <c r="C536" t="n">
        <v>7700</v>
      </c>
      <c r="D536" t="inlineStr">
        <is>
          <t>0.10031957</t>
        </is>
      </c>
      <c r="E536" t="inlineStr">
        <is>
          <t>&lt;class 'numpy.ndarray'&gt;</t>
        </is>
      </c>
    </row>
    <row r="537">
      <c r="A537" s="1" t="n">
        <v>535</v>
      </c>
      <c r="B537" t="inlineStr">
        <is>
          <t>Loss/box/scale</t>
        </is>
      </c>
      <c r="C537" t="n">
        <v>7700</v>
      </c>
      <c r="D537" t="inlineStr">
        <is>
          <t>0.04763719</t>
        </is>
      </c>
      <c r="E537" t="inlineStr">
        <is>
          <t>&lt;class 'numpy.ndarray'&gt;</t>
        </is>
      </c>
    </row>
    <row r="538">
      <c r="A538" s="1" t="n">
        <v>536</v>
      </c>
      <c r="B538" t="inlineStr">
        <is>
          <t>Loss/box/offset</t>
        </is>
      </c>
      <c r="C538" t="n">
        <v>7700</v>
      </c>
      <c r="D538" t="inlineStr">
        <is>
          <t>0.17479825</t>
        </is>
      </c>
      <c r="E538" t="inlineStr">
        <is>
          <t>&lt;class 'numpy.ndarray'&gt;</t>
        </is>
      </c>
    </row>
    <row r="539">
      <c r="A539" s="1" t="n">
        <v>537</v>
      </c>
      <c r="B539" t="inlineStr">
        <is>
          <t>Loss/total_loss</t>
        </is>
      </c>
      <c r="C539" t="n">
        <v>7700</v>
      </c>
      <c r="D539" t="inlineStr">
        <is>
          <t>0.322755</t>
        </is>
      </c>
      <c r="E539" t="inlineStr">
        <is>
          <t>&lt;class 'numpy.ndarray'&gt;</t>
        </is>
      </c>
    </row>
    <row r="540">
      <c r="A540" s="1" t="n">
        <v>538</v>
      </c>
      <c r="B540" t="inlineStr">
        <is>
          <t>learning_rate</t>
        </is>
      </c>
      <c r="C540" t="n">
        <v>7700</v>
      </c>
      <c r="D540" t="inlineStr">
        <is>
          <t>0.0009997004</t>
        </is>
      </c>
      <c r="E540" t="inlineStr">
        <is>
          <t>&lt;class 'numpy.ndarray'&gt;</t>
        </is>
      </c>
    </row>
    <row r="541">
      <c r="A541" s="1" t="n">
        <v>539</v>
      </c>
      <c r="B541" t="inlineStr">
        <is>
          <t>train_input_images</t>
        </is>
      </c>
      <c r="C541" t="n">
        <v>7700</v>
      </c>
      <c r="D541" t="inlineStr">
        <is>
          <t>[b'512' b'512'
 b'\x89PNG\r\n\x1a\n\x00\x00\x00\rIHDR\x00\x00\x02\x00\x00\x00\x02\x00\x08\x02\x00\x00\x00{\x1aC\xad\x00\x00 \x00IDATx\x9c\xed\x9dy\xec~\xcfU\xd7\xe7\xfe(Z\xa9Q\x08\x85b\n\xb2/\xb1TYD\xc0\xa5M\xd9THe1 \x101,\xc6\xb2hm\x81\x82\x02-\xd4\x80$\xa4&amp;@\x9aF -\x15\x11\x94?\x84\xa0\x08\x16E\x85@\xb0\xa0\x90(\x02\x05\xd1\x94\x1a\x84R\x14d1\xa8\x1c\xff\xb8\xcf\x9dg\xee\xbd\xb3\x9c\x9993s\xe6&gt;\xefW\xfa\xfb\xf6\xf9&lt;\xcf\xdcs\xce\x9c9\xb3\xcf\xbd\xd7\x18\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2\x88\x88\x8c!\xa2\xdeJ7\x8d\xee\xe7Bi\x12&amp;\x01U\xd4G\xc5\xc5\xb8\x9e/\x1a5;S\x87\x8d\xac\xe9D\x86\xbe\x81\x9btX\x07\x00\xc0@\x1e0\nG\r\xf8\x0eJ\xe7m\x04\xda\xd9}\x16L\xf4\xb4\x1ai\\K_[\xac\x04\x80fth\x1e&amp;m\x83\x92\xbc\xefh\x03\x0e\x84:\x80b\xef\x87\xae-\x96\xfaE\x99\xaa\xf5w_!W,\xfdM\x01@\'k\rY\x96\x8cJA\xa8BB\x10Q\xc4\xf3\x11?o\xed\xdab\x96~e\xb1\xea\\\x96\x9b\xd9\xb6m\xe5\x04OV\xe2\xfbU\xeb%yf\xf2\xa5W\xae\xbc\x0b\xf5\x7fg)\x95C\x03\x00\x80,\xfd\xabc\xb2\r\xe8\xdf&gt;x\'1\xc5\xd7\xaa`\xa0MD\xf7\x95A\xd77\xbe\xefbB@\x88\xa4\x035F\xa4\x8fx0(\xcc\xc3,\x8e\xe5\xd3g-\x8e\x0e\x7f^\xce\x8d\x82\x901\xdf9\xda\x86\x04\x9c\x06\xe8\xd0\xdc\xf3\x9b~\xa6\nq\x1e!(sK\xa15\xaa\x8cIb\xb7X\xa7\xb18\xcc\x90,\xf4)\xeb\xb3\x92\x0b\x94\x17\x93\'\xfa\xa8YW\xbb"n\x8d-\xff\xf1\x82 kA\xad\x9e\xd5\xa6\xe2\xe6h\xa2V\x8c\xc3{7\x93|8\xa6\xd2\xb9\x94\xa5\x98\xd2\xe8=\xb2YP\x15\xfd\x87\x98\xa2mEb\x909]\xb9g\x9d\xe8\xe8\x88\xfe\xb8\x1bA\xc5[%\xfd6\x82\xccm\xf0P\xd0*i\xf06\x9f\xb8\xb5\xdd\x1ah\xec\xb8^\x80\xb2z\x9d\x90i\xcc\xe2\x84\x07\xdd\xff+Qbw\x95\xfb\xd7\xd0\xf8Nx\x0bz(s\xcac\xd6\x11\xdc\xd4\xb4\x8e\xaa\x9a\x8e0C\x0bBH+\xfd\x9b\xad$\x95\xdd\xcc\xe3\x0c5XK@\x95\xb3\xa1e\x9bdi\x8b\x12qH\xd9^t\xe7\x91L\xe3\xac\xcf\xd1\xfa\xab\n\x80\x0eh\xdd\xe4XLM\xb4&lt;\xcc\x12\x10\xab\x03x\xb5s\xd0\xb5\x8c\xf5\xd4l\x8d\x849 RU\x17Zx\x9c\x9c\x0f\xb7-\xd9\xf6\xc3\xff\x0e\xf2\xe5\xe8{cmOea\xc6\x96\xcd\xb9\xb9^\x96\xba\x80Y\x16c^lD\xf7\xea\x94\x94TW\xceGe%\x1dJw\x99\x979\xe6XO\xe2\xc4\xb4\\\x11\x90\xe3|\xe5\xe7\xb5zr\xed\xdc\x9d\xd1p.\xab\xddI\xb5\xe1YkM\xa7S@7\x96\xe5\xe7\x85\xc6q\xb6\xf1\xcf\xb8\xe4?\x89h\xe6\xe9RP+\x82\x08\x15\xc1b\xcc\xb2,\xcb\xb2\x18\xfb?\xae\xfeY\xc6\xf2%\\;wgn10\x0e\xfa#\r\x85\xb7\xc8\x9a\xde\x96a"\x0e\xc3\xcfD\xe2\xee\xf7\x91\xd1\'&lt;\xe4\x8c\x8f\xcd\xa3U\x01\xd4y\x0eT\xea(\xd5\xe3-cLE\xd6@\x10\xbe;\x93\xf1\xb1\x1e\xfc\xad7\xc9\xe5kd\xc5\xb1Q_\x17\x1e\x0e\xfd\xcd\xd3\xec\xe8\xday\xf3\xb1\xed\x94=\x1e\xb4\xdd\xd6{\xfff\x84\r\xa1\x1ah\x7f\xbaL\x15\xbdLF\xc0%y\xcc\xe8\xd4v&gt;\xf0\xe1x\xa8f\xf1\xa12\xeb\xf2\xb0\x197\xd36\xac\xe4\x1e\'\x1b\x8d\x123z\xd2w\x13x\x1c\x8f\xb35W{`7\xff\xeao\xaf\xd1\'\xc79\xe3\x0fU\x97m|\xcf\x92\xe9\xfb\x19\xe2N\x0f\xfc\x99\xc51\x00Tp\x1e\xc5&lt;H\xe0\xfb:\x80\x87\xc8\xba]\x01O.\x85ks\x08\xfdj\xe1I\xe2\x12]\xca\xf2\x0e\xe6`\xba\xb0\xf1\xb6\x83\x0f\x15\xfd\x8f\x95\xdb\xfbq\xb8\'\'s\xad3\x12\xba\xf5\x01\x00\xe4q\x99\x90\xbc@\x16&amp;\xa2s\xd0\x10}\xad\x99\xe1$L\x88\xb9Z\xff\xdbdK\xa5\xa9\x1am\x9a\x9a\x16\xc7C\xe7\x05\x8e\xe00KC\xa6\x90\xb7\x19m\x00\x87\xb5tu\x962\x7f\x10\x90g\x7f}V\xad\x04\x9d\x8e\x03\xady\x9c"Gx\x170\x91\xd3\x0e\xb3\x95\x02\xcb\x87ou\xa8\xed\xc0\x06\x00\x1fh\xc3\xd6+U\x01\xda\xce\x14U\xd9\x1c\xc2dK@D/\x1emC\x04\x8e\x0b\x1f\xa5\x03`F\xd55\xdc\x10\xcf\xectkY\xda\xe2S\xc4\x1a\xaf\x08e\x19\x1d\xc0\\\x8dQ\xa5\xa9\xa1\x8b\xb3\x84\xd6\xfb\xab\xd5\x8di\xaa\x1ey1\xd1\xb0\xa2\x9edf\x1f\xc4\x0f\x0f\xc5\xbf\x95\x10r\x8d\xb0h\x17\xde\xfen[B\xc8X\xca\x1d\x16\xbfR\xb0$\xbc\rZ\xae|~\xfa\xa9\x9b\xc8dW7q\xdef\x86\x88\xe8\x15\xcd$K\x0cpV\x19\x9f!c\xd40\xda\xad"\x85\x06\xcb2\xce\xaf\xbb\x1cH\x92U\xa0C\x9eh\x14\xfd\xf5%}:\xb07\xeb\xa0\xe3B\xc4\xe6d\xd5\x92EZ\xbc\xa7t\x1c\xfa\xb4;\xab\xdat\xb2\x1f\\\xbb\xab\xd69\xf3\x98\x13\xf4%\xb1\xc2\xa3o\x063\xd0\x1e%\x8e \xfa\x19\xaf\x13~\xa8\xbf)\x12\xcc{\xabA%\xf4\xea\xd37\x0e\x9dl \xa2\x8f\x0c\xff\xda\xc7\x080\x90\xd4\x12\x7fO[TC_7\xda\x02\x1f\xb3\xefH]\xf8\xe8HA\xd6D:\x80&lt;\x8d\xbcV&gt;\xd7\xa0\'\xe5$\xbe\xeb0\x8f\xf4x5%D\x1cN\xb7\x7fP"\x86\x88\x94G&amp;\x11\xcdX{\x96\xeb\x0e3K\xb2\xb6,\xf5c\xae\xac `&amp;]\x96\x85r"\xec\x82O\x03\xbdL\x98f\xf4\xe5DR/z\x9c\x1d\xb5-\xeb\xf6\xea\xc4\xd5\xbcfGV\x9cai\xd6\x86\x163\xb1Z\xf7V\x92\xfbb\xcbkz\x81\x8f\xe6\x99`\xf1\xdcL[\xa6T\xedH\xebr\r\x08`C\xbf\xd1\x9d\x1f\xfa\xc3\xa0\xdbf\x98\xd5\xa1\xad\xdd\x88p6\xb4t\x06\xb0,\x13\xe4z\x02\x13c\xf0\x87$\x1d\xc6#\x07\x15s{\xf6\xfa4\xdb\xaf\xd5_\xa7z\xbd\xe0\xcf\xad\x11R\xca\xf8r\xfei~\x19S\xafW/\xd4R}\xb2\xcaN\x81\xd1N\xb5"w\x91\x01$\xa1\xe8\x9f=U\x9b\x8a\x92\x1d\x1b\x12cw\xaak\xb4\xda\n\x95\xb9\x17\x9d\xad\xe2\xc0\x13\xdav\xf6W[B&amp;\xb1\xac]\x9c\x97#\xf1r\xa6\xe1I\t6vo\xa10\xd6\x9a\x14\xeb\xec\xe4\xaa+\xc2\x9d\xb9\x8dT\xf6\xa1\xdd\xd3\xb3\xc7\xe9\xdd\xe8\xbaP\xce\xd0\x93\xc7BE\x96\xb3\x15\x91\xa3\xd2[[\xd5m\x02[#\x0fQxo\xfa}\xd9p;\x86\xc5\xa6Y\x16fD,\x8b\x82\xb6\xcc\xb1\x94\xfeqU(s*\xf0\xc4\x95\xfc\x82\xd0\xba\x8d\x1f\x8a\xc1\xfbr\xf3g\xb77\xa5.0\xc6\xd7\xa3A\x88e\xfbA\xfd\xb7\xe7\xb0\x8b\xbb\x8e\xd0#\xa3\xff\xb2}_\x91\xc3\xbc\xb2\xd4\xdb\x12\xcf\x8e]7\xac\xd4S\xb3\xd5\xa6\xc5\xd7jh\x1a~\x05\xa2\xf5T\x07&gt;D\nks\x1ek\x9d\xfa\xad\xd1f\xa8\xe0\xeb\xf7Q\x98,\xd8\x9ab\x9fh\xe1E\x90a\xeb\xa4\xf3V\xd0Ax\xfbZ\xa6\x07\x1f\xc7\xdb\x05\xcd\x7fY\xd7\xd8\xb6\xb7VXX\x8261%y\x0b\xb2\x9d\xeb\x1f\xa7\x92h\x80&gt;n\xb4\x05\x13r\xe1\xf0$\x89\x83\x9b\xc5\x0b\x00Y\xe9_%1A\x8f3~\x1f\xb2\x95\xe4\x7f\x92!\xdf\xdf\x014k\xa9\xfbt\x00\xcd\xce\xe5\x0101\xf7\xb3\x0f#Tg%\xees\x87\x81\xba\xe7D%sL\xd1\x1e\x98\x9e\x9d\xddm\x86\xa4\xf5i\xa6\x85\x05\x92\xd2\x19\x86:\x83\xaaQ\xe8\xe5b{\xca\x86\x0b\xf7\x95\xcc\xd1\x9e8\xe8\x0f\xd9\x13o:V\xfec4;}\x1a\xe5\xfe\xbc\xd0\x18\xe3n\xfe7\xcbcz\xcb\x99\xd6\xf3\t\x9b\x11v\x97\xffv\xd2~\xffL\x0c\xef\x19\x00\xca|&lt;\x8b\x93\xdb\xfb\x89\x9e&gt;\xc8\x9d\xe52f_l~\xcf\x98{]\xe9v|B6\x8fz8\xc4\xe7\xd4\x94\x95\x91\xbdjx\x11\x1f\xaa|\xa8\x05\xa8/\xb2+\x15\xfa\x99C\xbb\x9f\x9bMN\x18\xa4\x8f\x81\xde\x0f\xa7\xed\x1f\x97a\x0fZ.\x1b!u\xc5\xc5\xb3,\xbd\x9fp#\xda\xfa\xaf\x12c"\x87\x84\xed\xf5\xee\xe9%2\xf4%\xa3\x8d\x10\xa5,0\x96\xd3\x87\x9e\xdc\xe7\x1f\xeb\x9f\xceO\xe1\x16\xa0\xd6\xd2\xdcg\xf8&lt;\x1a\xf4\xf6M\xa5s\xce\x9b\xe7\x0b,\xdb\xd2\xd1\x06\xedq\xbf\xdf\'\x13^\xbb\xc8\xf5\x9e\x1e?\x7fg\xe9\x85z\xb2\xf0\xe0\xb8\xf5\x97\x99~\xfe\x8a\xde\x90z\xef4t\xee\xb6~\',\xd3\\(,\xbc}\x80;J2\x12e\x1cR\xcaO/\xa8\x1dp \xe7\x83\xfd|\x99\x03\xe0\xf9\x1d@,\xf5\xd8\xf8\xbcHK\x14\xe6\x89\xe2\xcc-\xfb5\xa1,7}VX\xa6\xfd\xff\xabN\xecn\x0fQh y\rUgE.\xc3\x1eycZ\x08\r\xebjwH\xac\x05\xbb\xb5\x9a\xcd\xea\'W\x08\xd4\x96\xf3\x8b-\xcbhs\xaf\x11\x8cv\x11)\x9a\xeb\xde\xf0\xdd\xb0\xa4s\xa4\\\x97;\xf6\xd7Ln\x1en+i\x9f\xd6\xc4\x98&gt;\xbcu\xc5\xb5\xf3\x96\xbbr\xcb\xd5\xd6)I\xab\x14f\xef2$\x03H\xd6\xf5\xf5\xf1\xaa6\xe2C8kkc\r\x19\xc9D\xe5\xe5\xa2?\xd6V\xf3\x14\x9a(e\xd1\xed\x14\x90\xba\xfc]\x85\xe4\x82\x8c\xf0\x04En\xea\xad0\xe8\xbd8\x87\xd4\xc6\x1a2\x92\xc9\x97\\\x94G\x9aF\xf3\xa4\n\xfc\xd6\x01|\xac\x8c4?"\x9d|\xd9PAc\xd1\xb5d1\xc6\x98\x8f)n\x0efi\xf4\xe7\x82\xe8\xbdF\x9bpY\x987\x82\x15\x07\xf6\xb2&gt;(\x98W\xa1H\xc7n\xc1p\x03\x9a\x80\x0e\xa0\x0f\xe40\xda\x96\xe9!\xaa]R\xbbp\x19P\xea\x11\xbfl9\xee\xfd\x94~\xde\xbf\xcb=\xc3}jM\xef\x90\x98.\x04\xe7:\x10\xa2\x138P\x84\xc3\xa3\x0e.\xe0R\xc1,H\r5\x98B\xde\xa5}S\xd6\xa9\x03\xe8\x1cF\xd35\x05\x9a;\x00\x9dV\xa9\xe5\x1a\xee\xbaoS\x8f\xb5C\x1f"\xc3\xff\x9a^\xe4\x13\xab\x94k\x04\xd3\xf7V\xd4{\xf4\xaaes\xc9L\x01Yn\xc3\xb2/(\x97\xf0\x16g\x99\'*\x0c\xbc\x08O\xb9\xb9\xe5\xe7\x98\xe9\x97\xe1\xcf\x8d\x9a\x85zG\xddn\x01\x9e\xfc\xc4\xc6\x19j\xff@.D\xe9\xec\xd8u\xfa\xaaG\xbf\xed\xc3\xe0\xb0\xf6\x7f\xb9\x8a\xd5\x85G\xe86\xcbrxX\xba%\xa2\x17K\xd9\xa3\xd5\xe9Z\xed\xda1\x81\x89}\xa16\xf7B\x8b?\xe5Ed\x0e}\xf8\xb3\xc3\xc8\x7f\x8aJQ\xce#L\x9dB\xc1\x97\xcc\xf8a\x07/~\x90\x80\x19\x8d\xf6\xe9o\x97w{#\x98^\xbb\x80{\xb3Z\xb7\x06\x1d\x80:\x0f\x9eMz\x84\xe6\x8bI\x99\x17\xd2\x8f\x83\xbe\x00\xc1\x07U\'/\\\x9f\xdb\xb3,\xb4\xfe\x15\x9ef\xf2\xa3\xf0&amp;\xe0\x8aQ+\xd8\xabE*6\xa7(\xe9&amp;\xe4\xc5\xf4\x9b3{\xfa=w\xcfC\x8f\xe7C\xf0v8\xbaIR\xb7\xa4\xe25)n&amp;\xbf\xf0\xf5\x87\t\xed\x9f#)&amp;\xb4g\x17\xaa\xf3\xbe\xea\x08\xce\xe4\xfa\x15\xb1d\x99;QYnw\x1b\xd6\xc8Evb1jX\x94\x1c\x84\xf64\xcbqE/\x95\xd2\x10\x05k;\xbd\x1c/\x19\x95d\x8a\x19\xf9Z\xe2\xef ,t\xc0\xa1R\xfa\xa9\x9e*\xa3prOd\x88&gt;5\x9e0\xb7\x03(\xe3\xadRkP\x1f\xa4\xf5\xac\xd1}\x19\xed\xa3\x1b\x08\x8f*-F\xfc\xf5\xf5\xd6\t\xfc\xf4\xe7\xc4\xee\xcde\xdaJ\x19LI\xb7-\x94mP\xe61`T(g\xe9\xfd\x03\x119Z[^/\xf4\xb6\xc68K\xcc}L\xee_\xca\xaa\n\xc3\xf1\xb6\x80Q\x17\xe8\x01z\xc6^;\xb6\xc5\xc6\xc9\xb3!N(8\xbd\xdf&amp;#Y\x89w\x13F2\xaa$3N\xc4g\xf7\xa1=\xf0\xce\xcd\xc8#\xd7\x13\xebg\x85\xedv\x1fk\x8e\xfb\xb7]\x94\x828\xad6\x81C\x8f\xc0\x0c\x7f\x1b\xddpRVi\xd2=\x81\xf7\xfbo\x8e\xfc\xe8\x91r\xff\xc8P\x1a\xb7\xe7p\xf1\xce\x08\x89\xb7\xaa2m\x0b\xbc\x19\\[\xf1\xca\xb3en\xd1\x99\xc9N\x9b\xbd\xfb"\x0e)%eS7\x0e!{g\xcbG_\x88\x88\xe8\xaf\xef\xbe\t\xa5\x0c\xb8\x92Zl\x8b\xa7\x88\xb4V\x8c\x19\x007\xb6\xcf\xe9\nj\xc5}\xd9\xe1\xb4\x16w\xf8PIM\xa07\xaa$z\x1a\x11\xdaO\xe9\x94X\xa5\x87sAM7 \xe8\xdf\x01\xcc\xe4\x1d&amp;\xfb\xb3.t\xf8\x1c\\P\xea\x1e)\xc5:\x93\x87d\xceZ\xdc\x1e\xae2\xa3\x17\x8c\x98(\xab\xf7~}\xb4\x19\x1a\xf8\xbb\xa3\r\x00\xad\xa1\'\xe5$n\xb0\xc8\xecH/\x15l;\x00\xa2\x9d\x90\xc8\xbe\xd9\x90\x93p\xe5\x1d@\xce\x85D\xef\xd8\x7f\x8d\xbe3M\xc7G\x1a\\w\x88\xe4qf\xf0\xc6\x1c\xad\xed\x00\xa2\xdc\xe7\x94Y\r\xcb\xb5\x17\xa6bg\xf5GS\xd6\x1e\xd5\xdf9\xa1\xb0\xbc\xb7\x9e\xbe\xa1a\xaf\x1b\xb1\xcb\xbd\xe2\xd4\xcc\x9ej\xab`\xb6\x0bC\xb6\x8b\x01\x9fa\xaeS\xd2\xca(\x1c-\x1fVrj$0\x13\xdf&gt;\xdcO\xda\xa9\xf3\x8a\xdd\x99\xb8\x7f\xd3HKQ\x07P\xe9/]\xbef\xa3-H@\x0f\xa4J]I\xec(\x8ca\x91\xd6\x97/\xe1\xbc\xd9([\xb1\xe3\xd2\x88W\x04\x87F\xd9\xfdS\xc3\xc2\x97\x88\xea\xac\x0c\xe8\x0b[\x90``\x91\t\xd6\x8d\'\xa4\xde.&lt;\xea\xb1!\x9f\xbc\xaf\xae\x82\x8f/\xa9_G\xb6\x83\xdcz\xa3\x98\x12h;Sy\xbeD\xae9\x8d\xd9\xb2$~7&amp;Ps&lt;\'D\xc7=\x8a\x86\xfb\x0e\xd8Tl\xf03\xa0\xe1\xa9;\xad;]\xbb\xf7\x98\xa5Em\xd78\xa4\xc8\xeee\xd4\xa2\xa4v\x83\xb2M\x85\xc2\x05\x04\x17\xbeyE\xeb\xef\xe5\x1d@\x87\r\xea\xb3ag\x83\xddnLm9\xea4,\xb9\xfbR\xf3\xeb-M\xb6Q\ri\x1a"DD\xf4\xac\x02\xe1m\x8f\xac\xcc\x86\xbdi\xa6\xb9CJVN\x1b\x99\x12W\xba\xad&amp;\'\xb5\xd3\xf7eJ^\xdd\xfd\x8c\x9b\x962\xf3\x9a\xe2\xef\x00|\xc9\xdeAk\x16.\xcct\x0e\xd79D(\x984tF\xafe5\xe8\x8c\x863\x1dL,\x8b?=\xee{\xc6h\x03\xc62\xaa "j\xd5\x84\xc64\x88x\xec%*\xf7\x08\xe7f\xf8\xf2\x82\xda\x02\xcd\xf5I\xd9&lt;\x17MI\x12\n?T\xd9\x97\xf8\xe6P\x1b\xd5\xcf,\xd7\xebW{\x0e\x0c\x813\x02\xd5\xf5ol %\xb5\xbbN+6\xb5\xd5\xea\xd6o\xb4\x91;\x11\x9a\xa7\x0b\x9am\x93\xc5\xad!\x0f\x92eq\xdc\xa3S\xf5n$"z3\xdf\x97\x87\x0e`l\xe3\xdb8`\xe2\xa29Z\xdd\xb28\x97\x8a\xfe5\xa2\x81$=#\xf30\xb8\xd0\xa3\xdf\x04).\xdf\xd5\xb0\xfe\xf1\xf1|c\x9e/*\x90\xd3$Ie\xf2\xaa]H2[\xf7 \x96\x88\xe7eY\x96\xff\x976)K\xa6w\x8f\xa7\xa6\xb0:\x9cf\x89\xbe\xb2\x8ba\xf9r\x7f3\xda\xad\x9dq\x0f\xfe\xad\xff[\x96k\x86l\x1d\xe7\x97\x18\xceZ\xb5k\x8c\x1e2@\x90u\xf4\xb7\n\x8dI\x99\xe8\x8c\x12\xcd\xcb\x14\x9c\xb2q\x17\x97\x0e\x17\xf2m8\'\xd6YXL\x8ec\xf9@^\xdc\x05\xd2`\x9a\xc6&gt;\x98\xd6\xc7;\xa6\x8e\x96B\x9e\x16\xfd\xb5\x91;Z8\xba[\xb9\xf5\xebj"6\xe4\xfc\xd4\xe7\xa4`\xb8\xe9\xe1:\xec\x9c2\xb7\x03`\xa6\x9c\x11\xca\xf1\xa4\xe7\xf2\x97\x88[\xe4\x08o(;\xac\xb4Aq\xf7\xae\xd9\xd7\x0e\xd9\x08[4\x8f\xb6\xa3\x94\xaeARs-\x91NW\x9f\xed\t\xb5\xfe\xbbo\x86\x9e\x1f\x1b\xebEr\x18g\x851:\x8e\x964rDo\xe7\xb6S\xa6\xa1\x90\xe2\xd0W\x8c\xb6\x80\xc1\xf8\xda\xb6A\xdb\xb33\x89\xfd\x8a\x98\xf5\x84\x8f\xbb\xc4\xa7&amp;7\\\xbck\xfa\x03\xecXU\x8fR\\=\xfc\xcf\xd3\x95\xdaH\x1b\x1eEZz\xc2J\x9a\xda\xaf\xc4=\xb1\x95\x8a\xd1\xe6}\xe9\xcd\x8c\xf4\xe2u\x1f{\xe2\x901D_k\xd8\xd1\x1fO\xa2#OM\x10/0\xa6\xc0\xa6.U\x12\x87\x95\xad\xbf\xe8)\x8ct\xb9(q\xda\x9d\xd0\x11\x85\x16\xbd\x99\xae\x9c\xfb\x18n!\xc7\xf1\xa1_+\x8f\xeeU\xc2\x0c\x18o\x8a\xc8^\xe2\x05\xb8y\xe6\xbf\t\xcb\xe4\xab\xce\x93\x1c\xbdJ\xb0\x8c\x94\x14\xb7\xec^\x14g\xe8V\x99q\xe9w\x02\xc7\r\x12-$\xf7x\x13\x7f\xd1\xe0b\x14g\xd9^\x16:\xbf\x1b9\xba\xd7\xef1X\xa9\xdc\xf9m\xe7m\xc6\x16\x19\xd4\x1b\x9f\x9d\x8b1fy\xba\xa4\x16\xfe\x19\xee\xac\xd3\xde\xcfu&gt;{+gHZA]n}\x0c\x9d\x8f\xa0\x1d\xf1L\xe9\xc9\xf2\x8e\xe8\xac\xbcU\xad\xab\xec\x0c\x9b\xcdR\x9a\x13\x1f^\xc5~\x8d\xcat\x13\x901D\xff\xa1\xca\xca\xbep\xcaQ\xb6\xac\x1b\x05O\x9f\xc5\xe8vZ\xe8D\xde\x85-l\x1aD\x9fSjf\x86\x9d\xd1&amp;\xc4\x03\x86\xd1\x1c\xdc\xe6\x10\xd2v5\'\x92m\x91V\xe9\xaa\xcb)\x8d:\x80\x83\xccz\x15V@\xc53)\x92*\xe4\xdb[r$G\xd2$\xc6.\x82\x06\x8d\xc6\x9eV\xf8\xba\xc6mt+\xcf\xd1\xe9\x83\x1e\xd6Hz\xd7\xd0\xafs\x0e\xed\x99T\xf6|\xf5*&amp;\xe5\x90)\x19G\x05|%\xe2\xc0vE\xd0\xa2\x8fg\xca*\xdbgZM\x9d7&amp;U\xdb\x9d\xf4j|\xedq\xc8\t\xaad\xf8^\xb0\x01\xdb\xe8\x93\xb3\xeby\xafE\x07`\x8c;\x150\xf4\x8a\xfb\x97\x02\x92\xcfZ\xea\x85\x1e\x04j\xaa%I\x93TY\x0b\xeeh\x8b\xa4\x15\xafI\xbc\xa3o\xfa2\x03\xaai:Ri\x1d25\xad\xb5\xff\xdcT`\tk \x14}\xf3\x89\x16+\xf5\xd1l\t\x88yPLY\x07PfH\xa7a\xb5s\xefR\xdcgR.-\x13\xd2\xad4\xb5\x05\xcf\x10\xca\xf6\xa2*[\xefn\x1d\x00_E\xfc\\_\x87 y\x90(\x8c\x1d\x03-\xf0\xf2z.\xc9\x9eO\x1aU\x99\xc9\xfb\x91M\xa7\xf3UG-\xd4&gt;\xe8\x17\xa9\xf28\x18s\xef\xcc\n\xa5\x99uY\xd7+\xbc\x03\x9aj{\xc9\x02\xf7\x16\xb1\xb5\xf9\xc8\x8a\xfc\x02e\xf6\xd1\xbc\xfc\x0c\x12\xbd*$\'z\xd5Q\xc3y\r-.\xa1\xac\t(\xe8D\xf5\x0ez\xcaF"\xf6\x83\xde\x8c\xb5\'+\xe3\xae\xafB&gt;S\xee\xc9]\xb9W\x08I\x86\x8dr?\x88P\xd8\x89\xd6h\xac\xf0\xeak2U\xdby^\xfc*\xda\x93k\x15\x9d\xacr\x1f\xcb\xdd\xa8i*\xb3\xf6:M%m\xf5\x1fs\xf9,\xf4{\xaa\xb3\x81|\x87\\\xa7\xf2\xb09g6^\xddZ{\xc7\xab:\xaes\xbd\x82\xd7\x01\x1c\xd7\xc4\x98\xfd\xc7\x10\x86w\x00\xdb 2\xe3\x12\xd6\x9d\xc0\xcc\x1d\xb3\xf5\xe5\x03\xb2\xaf\xd4x\x04\x9a\xbfL\xa7\x1aY\x03\x93\xb1T\xe0\x90\xd7\x14[\xa3\x9bC\xc3\xb0\xfeqp\xe0bn\xafd\xf2J\xe8\x10]%\x0bGKj\xe2p{\t\x0c\x19C;\xf9:\xe6\xc7\xde&amp;q\xd9\xe8m\x8c\xb5$\xb5\x12\xe81\x9bu\x12f\x9e\xa9w\xb1\x9d\x05\xb3\x16\xa5\xe3\x10\x954\xf2\x94\xd6\xb1\xa0\x18n\xe6Ht\xb48\x8a\xfb\xf1\x9eS&gt;\xce_13\xda\xdf\x1f\xb2\xa5PS\xac\x05\xebo\xee7Op\xa6\x88\xe7\xf7\x8a\xe9\xa5\xda\xcedI\xec\xb7j\'\xae\x8a\xdd\xa0\xc0\xe7P\x1a&gt;\xb2\x03.\xdfR\xc6\xe0\x02v3\xb7UC\xfd3\xc68d\x8c1\xcfY&lt;\xf98\x95&amp;7\xa3\xcb\xb0b\x1a\xde\x17\x17\x84\xc2aR\xe9\xc9\xc1\xe8L\xa9\x86\xf6\x8c6\xa7!\xdb"\xec\x87Vf\x93\xe8Mt\x17x\xef9]\x17jp\xa6\xb7\x03\xb8\x7f\xe6\n\xc9\xbeD\x90\xb1&gt;L\x96a\xbc\xe2t\x1b\x08g\x88uK\xb3\xee\xa8[T\xcb\xca\x0fJ\x0b&gt;)\xe2\xac[L\xb4\xe0#\x0b3\xf8\xe8D\x13cZ\x08\xcd\xc4n\xc1\xd5v\x00w\x81G\x8f\xd9?\xcf\x1fR\xb6\xf5\xee0B\xea\x9e\xbd/\xac\xcf\xebc\x8d\x8f\xb1\x9d(\xa76\xc4+\xce}u\xe8\x17\x1a\xdaY\x89\x86\x91J[.\x9d\xb9\x18\xac\xed\x90\xad\xfc\x99\x1d@Y\x1fQ\xdf\x07\x0b\x16\xa2l\xc4\x1fDy\xfd\x99\xabnp\xc3w?}\xd1\xc9\x86n\xb9%\xba\xbdS\xc80r\xc7\x9e!\x85;\x80\xd2\xfa\xd2\x8e\xb3!DDS\xaf\xc0=\x1a\x82\x0fN?\xb7\xcb\xe9ZQ\x11\xcc\xff=Z\xa9\x8a\x05g]X\xd2\x16\xe7H\xb6\x87\xfc8\xad?\xf3\xc0Bg"F\x13\xbd\xb4\xa9\xdev\xc2\xad\nq-\xf1\x82.\x1b\x01\x00\xe0\xc1\x0e-G\x1b\xc2\x85\xf6\xed\xd7Ww\xd9b\x8a\xd4\xb6`-uV\x12\xe9t\tKih*\x10\xae\xfc\x87_\xbd%;\xa4\xf9\x18\x1b_M\xf3\xdb\xb4\x03\x90\x15\xab\x81KfjV\xe6j\xfa{"\xe2\x16q\xd7\xe6\xb6\x0b\xe7\x84\xc4\x13r\xb1\xd6\xa7i{J\xba_\x92\x81:^O\xfaF08x\x08M\xeb^\xbd\xe4\xe1\x07\x11=\x06d\x1c\xde\x05Lz\xbb++\xecow=\xe9(S\x15F\xe4\xc3\xb8\x13\xf8\xe4`%\x1e\x8fSs\xef\x82\x8e\x0c\xb6\xdaWTz\x8a|\xb9\xdd\xd0Zv\xf5\xceM\x817\x05;\xbf\xab\xf4@\x19\xce\xdd\xa7\xe2\xfd\xdb\xf96\x8b\xe6}\xe8\x85Jf\n\x8e\x1d\x80\x7f\x94t\xfa\xe6\x15\xc7\x14WC6\xcc\x95\xacz\xd2\xe8\x05\xeb\x08\x957\x1b\xae\xbd\xc7\xfd\xf39\xc1\xd6\x96E\xb4((\xa2l\x8e\x99i\x9f\x85\xa6\xbdgV\x18\xb8\x1bB\xc3I&gt;\xdbB\x0f\xd1\x99\xf2\x07O\x93\x8d$Y\x19i\xda@\x97\xb5\xff-Lz\xf0\x95\x10\x9b\xef\xd0\x06r+\xbd\xd2\xd2\xfc\x9b\xf3\rr\xe0\xca\xd3\xb6\x7f\xab\xcc\x1c\xe7 \x03;}[\x83\x1e\x13*:\xff\xa3!\x94\xderoF#\x934\xe4t k\xce\xa9\xe3\xc9\xfd\xb2\x80\xcc\x13\xde\'#\x1d[\\\xa2wb\xa4Q\x17\xc9\xf7&gt;\x80\xfep:q\x07\x83\xbcz\x959-\x8fF\xb6+Y\x1eq\xcbFa|\xab%v\xc3\x84\xf3\xf9g\x87\x0ec\xc5\x95\xda~\xa5O\xa6^\x179\x19,m\x00M{\xc8\xe7\xdc%\x17\xe4\xa1\xe1j\xc4\x9c^\xbd\xd1.\xca\x99~Q6\xe9\x04\xc6\xe4D\xc5\xf0s\x8d-t\xd3\x8e\xfck}_F\xd2\xc7m\xc8S\xdf\x8c\xb1\xb6\xd4\xbb\xa2\xa9\xf5\xaeh\xd6\xfb\x00\x82\x82\xba\xbb\xb9\xdd\xe3\xb6\xdd]\xc44\x9e\x9b\x98\xae\xb3w\xd2\x13\xa1\xf8Y\x98\xc7G\x96\xa5\xd5\x11 f]h\xa1{\x9f\xa3\xe8\x0e\x9f\xf7\xcf\xb3\xd9a\x17\x8d:@E\x81\xbe*\x94\xd8t9\xa9\xfc\x1d\xab:\x8f\xff\xbc\xa7\xa72B\xbd\xa9\x9fE_\xee!(k\x06B\xf3\xdf\xfe\x96\\\x03\x11\xd7i\xe8}\x87\x8f\x7fi\xf8\xb0\xf7\x19\xb2O\xa0\x12XHi\n\xfdRF\xf4\xae\xa5\xf3\xf2\xd0\xaf\xf4\x15Y%G\xff\x8b\x9f6)\xab"d\xea\'\xd4\xb9Uwx5\x03\xb2\x88\xecaj\x88\n\xd7\x86\xe0:I{\xd5R\x02\x05\xa5\x15\xda`\x0c}\xc0qKl\xa0=grW\xbd\xe2)\x875\x83\xab\xa02a\xf5w\x03du!\xf7\xfd\xaej\xbdi]\xca\xa2\x8d\xc3\xdf\x1am@\x01\x9d;\x80\xbcjV\x1a\x06\xf5\xc1\x937\x1eT\xd0\x01\x901D\xdf+h\x83G\x85\xb2*\x19\xea\x00tY\xc9\xe4i\xa3\r\x88s\x18[\xb5\xee\x05\xca\xa4\x0f\x0f\xd0\xf1\xc3\xe0|D\xeeKHJxg\'ePH@r\x89=\x05\xd7\xec\x95v\x18\xe7d\xad\xaas\xa4%uU\xca\xef\xe3\x96,r\xc7\x13\xacd\x1a\xf2\xa7\xcd\xd1&amp;\xb4\x7f\xd5HW\xd6\xf8\xab\xef\xd4$f\x89\xb2"KB\x0e\xa3m\xe91p\xdb\x86/\x89d\xdf\xe4$\xe6\x08,\xb7\xa7[g\x93\xaf\xe2`\xd6\xfa\x87\x96X\t\x10\xb1\xae\xd1$\xb5\x9e\xf3\x9d\xe4\xa4\xf3I)\xa4\xec1!D\xe3\x1f\x88\xa6\x13f\x08\x1d\xea\x83\xce\xa8\x93\xc5fY$\xb3\xb7\xb5\xdbe1\x15u\xd6\xf6H\xed\xfc\xef\xae1g&lt;\xe6\xc1\x187_Dt\x7f\xda\x82\xd6X!\xa2\x90m\x91\x9f&lt;\x89;\xb6u\xbbc\xa0\xfc\xd6_\xbc\x1fNJ\xd3V\xe4\xc51\xd8a\x043v\x90\xc4\x8esmE:\x1dd\x8a\x9e\xa1\xb4\x1b\x8d\xb6\x8f\x94\xb2\x9a\xe2\xc9\x17O\xce\xc0\xd0\x8f\x1cQ\xcf:\xbd\xde\xb3b\xec\xef\x03`\xb7\xfe\x86a%\x11}7\xdb\x8e\xc7i\x0cZ\x0f_\xec6IS-\xf5d\x1d\xc9\xd7\x9e\x19\x06\x87\x12)\xddh\xbd\xaf\x82\x84\xee\x89\xc9\x94;\xc7p\xc4\xcdj"h\xd4G\xbe*J\x1a#\xfe\x0c\x85Jg\x97=\x17X\xa4t\xa9]=\xd3\x89\xbb\x1c\x9e\xf4[q )!\xcb\xfe\xc3r\x81\xadn\xcc\xb5\x94\xa4\xaes\x82\xa6k\x0en\x07\xc0Z\x1b\x8c\x1a\xa3m)\x18\x80\x1b\xba7\xa8tA{r\xafmd\xd5\x10\x0e\x1eX\xff\xfc\x07\xd1\xc4=\xf3O\x02\x87\x9a\xf2\xcc\x8e\xa4\xbbX\xd1k@io\x8a~\xfe\xda\x94m\x0c\xdak\xa7\x98\t\x14\xccZdw\x89E\xa8\x9f{\x15\xccH"\xc9*\x8d\x19\x85l\xd0\n6\x8f\x85\xcf\x02j:\x10Y\x0f|\xdd?\xabg\x02\x13\x9bAO-\xb9j\xab\x0c?\xec\x1e\xf3`\x06\xd5T\xd5\x7f\x80\xad\xc2\xd1X\xe7\xee)\xeao\x17$\xfd \x1fU\xb9\xcdyV\x07\x90\x9b\xf5\xb2\x95\x81\x81\x90\xf3/(\xa3p9\xa8\x915\x12\x94\x05p\xfe\xc3Q\n\x94t\x82\xf6\r\x05\xbdHD\x9a\x80ae\xda\xc1\x8ev\x1e\x99\xae\xf5\xaf\xb4v\x9a\xac\xaa\xe4\xcd[\n\'\xa2\x97\xde&gt;\xb4TSA\xd1&amp;\x8a\x8c\xde\x8c\xc4\xb3U\xea3\x03m\x17\xd1|\x162uq(\x82\x88\x88\xfee{\x15(\xada\x1c\xfax\xb7$\x86\x97K\xee\xccI*\x96\xf2:\x80\xd9\xe6\xf4M\xd1p\xea!\xf6\x106\x94S\x84!qL\x0e\x9dUg\xa1\xdc\xbc2\xc8\xec\xde\x16\xe7\xd6\x1c%%"n\x82x\xaef\x08\xde\xc7\xc2\x96\xc7\x93\x8e?\xdc~\x16\xdej\xbb\xc6\xa9\x9e\xf5\xb0\x82\xde\xe5\x80\xa1\xd0v\xb2\x87_\xd0\xf5\'L:\xb0\xec\xfeo\xad\x17\xc7w}\x98\xa1\xb9h\xa1YD\xa4\xed\'%\x84\x01I\x96eYK\xe5t\n\x88\xb6.\xa0\xb4\xd8\xfc\x97\xe9\x18\x00T\x8eC\xb8\xef\x9d\x92f\xd98\xd7\xf5{i9\xc3\xd2\x0fnc\x06\xcbq\xe9Wao\xd2x\xe5 \x158\xe2\x01\xa8 \x9c[!\xd6\x99\xb9&gt;j\xf5*?P\x88\xbf4\xc8\x18\xfa\xdc\xf2M\x9b\xd0%J\xa6\x80:\xac\x90\xc7\xaeK\x8c&lt;&amp;Q\xb2\x1b\x99N/\x95\x9f\\\xf3\x98\xb6M\xb147\x90\xd8Z\xf3\xa3\xa2\xc4\x1d\x89ri\x17\xd6\x03+L\\u\xfdM\x8f\x19\x96\xf0S\xce\xd3\xbed\x9f\xf7mbE@\xd7\xd7d\xb4\xe9\\\x99\xbe\xedM\xfb\xe7,\xa5&amp;\xcb#\xe69\x8c\xfc\xf6\x8cJQyZ\x99u\xac\x91}\xdf\x10\xd1\xa8\xb5\xa9\xd5iU\r\x9ev\xb3\xb5Fc~:\x99&amp;\x7f8\x7fN\xaf6\x8a\xfa@\xf4\xc5\xa3MP\x84l$\xd4\x9f8\x1f\xc3\xa1Z\xad\x9f\x93\xf9(\xcej\xe82\xfa\xb5\x07\x9d\x90\xea\x8c\x1bO\xd3\xe9M\xd6\xc7\x1a\xab\xee\xe4)\x85\xaec\xd2\xdap\x7fy\x85\xb5\xbe\xeaB\xe7AG\xb5$D\xcf\xec\xafT\xf8&amp;\x02z\x0fC_XcNJ~\xd4\xb6\x0b\x04_.\xde*\'X\x0f\xcb\xe4\x90\x1d\nl\xd7+,\x19\xb7\xc1\xda\xfe\xe5ne~\xfa\xe8\xf5\x90\xfe\xda\xdd\xd2&lt;\xfd\xb4\xa3\xb7e\xa2\\#\x17\\\x1e#\x97\xc2\xd8\xa6m\xb4!AB\xd3\x82\x9e6\xaf\xaa:(\xac\xa9\xae\x87v\x8b/\xa7\xb2\x8d8.\x91UJ\xebU\x91y\x1d@\x17S\xea\xb0Vz\x87\xbf\xca\xb3\x11\xb9\xc7\xcb\x8ef\xc8{\x1f\xc0\xf1\x82U\xd8\xb5\x0epQ\xfb\x83\xdb\x9bp\x897\xffe\n\xa2\xed\xd5y\xf1K\x96@\x8b\xd0\xf5\xb0\xde\xb2jl\xaf\'\xa0#\xe9\xa5\xf5Z[\xd5\x173\xf8Yt\x1c\x83\x03W\x921\x9d|\xed\xb5\xb2[\\\xb9\xca\xcb\xdd\xe5^\x1eh\x005\x1fk\x153\xed&lt;\xe4Q\xdb\xef\xf1\xed\x12\xef\xbd\x9bz$K\xf8a\xbdB?\xcc\xb2h\x94\x9d\xcai\x81\xac1\x11\x15\xf5Cg\xe5#VA\xb6ie\xed }\xb7g)aX7\\\x83?\xb4\xa6u\n\xee\xa6\xce\x10L\x92\xe7\xa5R\x99\xf5L\x12%\xf4~R\xd1UikG\x94^h\tb`,U\xaf\x0b\xc9\x9a\x93TW\xdb\x01H\x1a4\x94H^\xe8\x05\xf7G\xf3\xd6d\xb8\xc0\xdb^\xbd\xf4\x8f\xba\x8c\x15\x0e\x7f\x86U\xcaX2],U\xda{\xa5\xcac\x8c\xa1O\x19\xa14\\\rFv\x00C\x14\xe7\x13i\xffY\xf3\xa7A\xbd~\x01\x1c#[\xe4\xe4\xe0\xde\x92\x0e\x80\x9c\xfbB\xec\x97\xcb\xf1\x0cdk\xe2C\x859\x82@\x9c\xd5\x1fDD_\x85=\xed1\x83\xee)f\x8dg\xc8\x08\x8c\xbe+yy\xaa\x03`\xf5\x01\x93x\x7f\x94\x91\x07\xff\x14\x14\xf8.T|\xdd\x89\x90\xa5)3\xa2\xba\xbe\xb6\xb1\xee\xa6\xe2k)(\xd1K2\xa6\x03\xe8\xacO\x02\x8a\xd0\xd1\x8c\'Ll\x14\xc9\xb4d\x92\xf6_\x0be\x85\x1c\n\x93\xf7\x9b\xc5\xffsX\xd9\x0b\xfd\xbe\xf8\xf1\xee\x1a\xf5\xfbD\x8aX\xeb?\xae3(\xe6lf\x96\xf9S\xe4Q\x90\xe2\x82U\x1b\x1aD\xf4\xca\xd16\xdc\xf9d\xdf\x97zN8D\xeeg\x01\x97\xe7^}\x9f\xcbH\xa3\xae\xa6\xfb9[9\xd6\xf0\xf3\xf1\xc2\xcb@\xdd\'\xd9\x1c]\x07\x93\xecg\xbdGY\xf9\x90\xf4\xb9~q\x81R\x10\x91F\xb3\xae\x05\xa7\xf4=UnY\x16c\x88Hm\xf9\x1c\x0e\xc5{\xb3Yyp\xbe\xc6\x1e\xd0\x1a\xd7\xe1\xe5\x81*\xd5\xb3\t\xf6\x90^A_\x9e\xbf\'A\xce!\xe2z\xabZ\xd0\xdf0\xb5\xaeh\x04?\xbf\xbe\xc5\xa0\x8flj\xdb,\xd0\xa5\x07\xf8\xf3"3/y\xba\x88)"B\xa4#L\xffl\xfe\xab{)\xd2\xed\x86V\xe4\xe6\xf9\xdc\x0341kN\xe0\x0bmxCT\xf5$,&gt;O!c\x8c\xe8\x8c\xdb\xf5N\x87\x89|\xeb)\xb0\xe6\xe5\x08\x9d\xe4z\xcc\xdb\xe2?\x88\xcf\x1fg\x01G6\xa7\xda\xfcvz%d\x17\xbc5\xe7|?\xdb\xf9\xcb\x03\x1aZ\xff\xb2a\x1fQ\xf3g\xc5\x158\'2s\x7f\x88\x01]\xb6\xc7T\xd5\xe5\x1e\x90}\xd0Hu\xf0N3aJ\xcd\xedTe#\xd7\xabc:\x00/\xde\xca\xc4\xd9\x89\x93\x8a\xa4\xfb\xabw\xf3\xa8\xd0\xae\xa6\x0e\xdc\xa6\x87a{\x1a5uZ\xf2\xbf\x0e\xff\xd7\x0f\xce7\xc9\x8b\x1a\x1a$\x87\xe0\xf2\xd4Z;\x8a\xaa\xc9\xd1\x9f\xb3L\x95B\x99\xbd\xef\x17\xe6\xb8\xf7\x16cm\x16\x0c\x0bd&gt;A\xf4\x1aq;DH\x07\x19#\x82\xf8\x8e\xee\x1c\x8e\xa5\x9dM\x13\x88^e?W\x9aD\xb9\x8d\xa2\x9a.\xf0\x0eoA_\xcf\x00\x96\x19\xe4c\xed\xd5\xe3.9TfIG\x93\xa2\x02"\xa2\x9fh\xaf\x82\xb6\xe7L0\xd6\xac.\xcf\xa4{\xa1\xae\xd9\xee=\xfd\xc9K&lt;475\xf0\xf0\xaf\xc8#\xd2\x14\x14\x8a\xd7\xc8\xa9\x0f\x0b\xd9\xd5\xb02\xf7rF\x18\xb9b\x159SA\xc8\x95\xc37]C\xd5R\xc8t\x1e9T\xe2mZ\x1f\x1c?\x04[\xff\x96\xd1@{\xbd\xc7\x9f"\xa6*h\x1a\\\xb3\xa7\x0b\x0f/\x1d\xf2\x92\xdf\x01d\xabh\xba\x070M\xe3X\\s\xeb\x97qr:\x9b\x1a=\xfdX\xc7E\xa3\xad\xc8\xe39k!\xda\xdb#\xb7"}\xc6 {\xfc\x84\x9d\xba\x046i\x88\xd67\xb4t*\x13f\'XPa\x86\xc4S&lt;#J\xd6o]\xacE\xb4\xfdk\xb3\x10*\x97\x91\x9b\xc0-\xe6M"\xf4,Z\xbe\xaee9\x0eT\xcfx\x87\xa4O\x161\xd4=\x01\x12\xb7SH]O\xfe\xb5\xb9u\xe6\xf5\xa22\xde\xdd\xe6=\x0b\xb7\x15\xf1\xf9\xd7\x9bu\x7f\x89\xbb{\xb4\x8aY\xdc/\xd8\xb6\x95r\xbc\xafX\xe6\x8e\x1f\x93m{\xd9\x80\x8e\xf2m\xce\x8a\x98&gt;\xcd\xd7;:\xfa\xdc\xef\x05\xc2;c\xb8\xaauy\xe4\x87m\xf7\xb8?\x87\xa9\xd3Z&gt;\xb1E\t\xa2\xf3\xc2q\x86\xe4\x93\xa2\x84\x19W\x99\xe3G\x889:\xe7\xf2\xa4\xe4Z#O2k\x04\xb2\x94\xeeK\x9f~LB\xe6\x07\xe55\xe8\xc5\xd9&lt;xi\xe6\xf6`\x10\xc7\xc6b\x8c\x151\xee\r\xa2\xfb\xa1M\x07p\xaf~\x8e\xf6c\x9a\x17\xe6\t&lt;\x9b\x98j\xfa\x05\x9b\x94\x9b\xba\xf8\xaf\xde\x9f\x89\x88\xbe\x94%\xff\xa3z\x85\xcd\xe6\x90\x7fQtmz\x13x\xd7\x0e\x9e\x86\x1a\x91\xf2\xb0\xc2\x0b\x0c\x0b\x1b,\x1f\xde\xc5\xe4\xda\xd1\xcdx\xb7P\xfew\x07}\x17CQ\x88\xa5\xb0Sl\xb1v1\xaa\xeb\xfey\xaf\xe7\xd0\x0c$\xcd87.\x91\xd6\x84B}CqN\x18Fz\x7f\xe4\xcf?\xde\xbc{m?|\x93{9\xd3\xbd\xb73\xe3\xc6\xd0\xdf\xe8:\x1e\x07\x16\xe2\x8d\xe8I\xe8\x06\xcd!\xf3\xe0\x17\xe4_\xa2k\xc1\xf6\xb6\xad\xbe\x18\xd3\xde2\xb7\x98G\xed\xe7\xdcl\xd8\x1e$\xc9\xb7\x84\xb6\x87\x16\x1c\x82\xf5\xfcpGo\xd4\xd7\xe4\xf7\x97\x8dyj\xc8\xaaM]\x8d\xfc,?\x8c"|\x00$o&lt;\xac\xca\x00\x00 \x00IDATa\xb8-\xaf\xb1\x19\xa4\xd3C/\xce\xdf\\\x8c\x9eqUS\xca\xd4\xb7Q\x96\xd7U\xe9h\xbb\xfcv\x96@$y\x97\x03\x91\xc0\xa3\x95\x05K\x8b\xe8\x8d\xcb\xf26\xb9\xdaM\xb4\x1b+n\xa7j\x98\xba)I\x1aO\xce\x7fgf\xc9\xf89n;\xb7;C\xe8\x16\x99J\xbay\x0e\x92\xa7\x80\xeeG\x17*\xb2\xbd\x0ek\xcf\x12(\xb5\xb9\x98;\xa7\xf6\x1e\xa4\xc8\x9d\xfd\xfdjV\xea(\xb9\xad\xbfqkl\xe8XH\xf4Iz\xbb\xbf\xe5\x96$\xf8A_&lt;\xdd\xb6\xd6\x8a\xaf\xa2\xa4\x8d\x9f\xbf\xf57\xa7\x17\x03\\\xb5\xf5?\x94S\xb7\x02\xb2\x0f\xcc0\xc6\xfc@\xd1\xdax\xb7\x15Ba\x8f\xb4\x9bg\xa5\x87f\xcerJ\xb9\x16\x9eG\xbc\xd9\xec?\xf2\xddf\x00A\xb5\xa1% \xe33\xde\xfb};D\xd6\x8b\xd8\x8a\xf2\xc6$N\xdd{\x9d1\xef\xe1Z\x18\xac\x96\xea\x9b\x7fol\xafs\xc4z\xdb\xa7\x9e\xf65\xe5\x1e0\xcb\xe2]\xd8\x18\x8b\xf0}\x00\xed\x9eo\x93\x9e\x98\xaf\xc9J\xe5\xdb}X\xa69\x9e\x16\xa5\x7f\xd1\xde\xfa&lt;\xfb\xd7\xc9x\xf6\x18bY|9j\xc9b\xf5\xe6\x935:Z\xb6+\xce[\xbe!1\x8eU\xefi\x18\xad??\xe8Gn\xff\xfau~\xb4\x88lm\xed\xdaX\xfc\xab\xae\xc6,\xcb2ds\xf8:\xf8\x8fX\xc8\xd5\xab\x9a\xeb\xc9\x98\xd77X\x94\xf0*"7\xd7Q\x0fd\x1dV\x99\x05\x99s\x1a5\xabOE^\x14\x0cT\x11Z\xac\xa1\xc92\xdc\xc22\xdd\x87"&gt;\x08\xf9\xe6\x1a\x83&amp;\x82\x8c\xf9\xca\xd0O\xd2U@\xb0\x03\xc8\x92cS&amp;\x1b\x05"\xa2\xf7:\x1e?-\xb6\xd0U\x1a7 \xd8\x01\xa8\xae\xf8\xd7D\x9b\xf7\xe9\xc5\xea;\x80\xa1\xbe*.*=E\x9c\xa4\xd5\xc4m\xcb\xbfgjH\xdb\xa2\xac\xacn\x92[P\xa6\xe8\xc2\xfa!\xe5:\xad\x8b\x9f\xc6\xb9\xa7\xdc\x85E\x9e\xb1\x9b\x04c\x96\xfbS\xc5\xad\x18\n\x18\x10\nD\xcc\xd9\x87@\xeb\x01\x075G]\xd7\xa0z+c\xfeG\xfeU\x85\x1a\xa3\x8d\xceZ\x95\xacp~M&lt;[h$\x8e#\x1bS"F\xb0-\x12\xe7\xe0\xff\xb6\xcf\x02\xf2\x9fLY2\xd6Lst\xdd\xa4\xd6\xf7\xbck\x8b\xcaLk\x8c1\x9fo\xd7\xd0\x839s\x0f\x06l\xd6\x16Xe\xcc\xe2&gt;\xec\xc3\x18s\xdaJ\x1d\x11v\xfb\x89H\x7f\xfd\xd3\xb0\x16\xfby\x07\xbe\x9d\xcf\x82SR\xe7\xa7\xac\xd6\xdf8\xf6\x17\x1cn\x89l\xb3\xad\xe7\xbaN\xba2u\x1c\xd4\tP$De\xebo\xcc\xdd\xc3m+j\xd3IP\\\xae\xccZP;\xe3\xeb\x04\xbf~\x93p^O\x08-\x98~\xaeo!\x88ag\x86\xa1J\x9a}\r6\xb8hX\n\x88\xa8\xe7\xdf\xa1\x1d\xb8&lt;;w\xa1\x83\xbf\xfe\xbd\xbd\x9cS\xc2\x87t\xf4\xdaZ\xe7\xabZ\xac\x13\x84\x04;\x00\n\x7fn\xe1\xbe\xfb\x02z&lt;\x99\x9c\xde\xe1{P\x07\xc8\xf9\x90\xd5\x9e\xe7\xb6\xfe\xdb%l\xc3\xf2wMD\xe8_:\xb9\n\x15E\xcfld\xc4\xaa/\x12.\xd9|\'If\xf9\xd6\x84~\t\xa3\xee\xe4\xf5\xc0\xe4~\xcekk\xf8pd\xca\xea\xad\x1c%\xb5\xc3f3\x99\xdf]o\x91#?\xcb\x18f\xb2\xac\x1e\x88o@7\x88\x88~\xb8\xe8\xc2\xedrQs\xaeL\xe6`\xe5v\x1cN\t\xa3,\xe1v\x00n\xca\xc88\xd7-\x81-\x82}o\xa43\x86\xe8\xf57\xd1/\x15\xeb\x00\xca$\xe8\xe9\xf9\x9b\x9a\xf1\x8bI\xed\x9e\x95\x9fV\xc6dWT\xc6\x05*\x8aP\x88\x82b\xe8\x13\xc3:\x9d\x9c\x9b\xf7\xd6\xe1]@\xfb:W\x88\xbb\x80|\xffd\xed\x8c\xae\x18\xee\xd6\x9a\x0fY\xb3\xbb;\xc9|\xbb\t\xe2i\xb3\xebL\xc5\xe4C\xdbjO\x88x\x01Ehj\x12_\xfe}&lt;1\xce\xdb\xbf\xb0\xd7^fH\xd6Ek\x11|x\x91|\xa2c%\x15\xc4\t\x90w\x16\x17\xde\x08w\xa4o\xe7U\xda\x9aZ\xdaf\xe7\xa3\r\xf1\x13\xec\x00\xec\xcf\x89\xebK\xab\xcdA\xa3l\xc1\xd54y\xf4\xa6\xe6\xa3\xa1\x0e\xc1\xd0\xb9\xe9oJ;\xcb\xdd\xe8en,\xd9\xc4\xf7\xcf9\xbe\xf5\xd6\x172\x86\xe8C\xd23\xa1haV\x160\xfd\xc4\x15v;\x15\xae\xb7\xe8\xf7\xe7\xcd\xc0\x16\x0bg\xf1\xcc\xbb[\x0b\xde\x94o\xe8\xbe\x8cC\xc6\x10\xfd\xb3\x0b\xd4\x84+\xd1\xb9 8\xa5/h\x91w\x1a\x1d7\xcc\x9b\xb8\xd8K\xee\x85\x08\xfb\x02\xe2\xfe\xea\xe3M\x8deV\xdf\x88\xf6o\x88\xf7kG\xdd\xd4\x02]\xf4,\xfe,M\xf2C\xb4[f\x7f\xc9\xb5GZ\th\x0b\x19C\xf4{G[qBs;J\xf4\xa7\xbah\x11\x18\xac\xd9-w\xd0\x8dnq\xdbGQ\xbc"\x1e~\xd0\\m\xc14\xc4\xa7\xab\xc3\x11\xb4*\x92\xc9\x90\x03\xce\xdf\x11}\xe11\x8d\xbb\xd9\xae\xf6\x04\xea\xcf\xb4\x14&gt;\xcf\x86\xbcr\xb2\xaa"3mY\xa9D\x86D-\x8a\xf9\x1a\xa1S\xb3\xcf:\x0c\xfe\xcaf\x7fd\rs\xbb\xba\xb3\xd0\x88\xa2\xac\xa3 jA\x1b\xad\x01N\x11\xf0\x83\x9e\xd5\x01\x94\x1e\xcb\xae\x9f\x13{\xc4\x86~*\x16\xca\xd1\xdbR\xf8\x10E\xd3P\x1b.\xbe(\xac\xf4\xf2\xbd\x0fx\xc3\xc3\x15X\xf1lO\xeb\x08!\xcd\x9cV\x0f\x86\xe8Ogu\x00\x14\xed3\xfaCo\xb6\xff\x93\xdeu\x90!33\xbc$CS\x93[\xa0}\xcf\xe1\x9b\x1c\xc9\xa5\xed\xe05\xa0\xcc\xd7:\x12\xbd\x0f\xc7]j]\xf9a\xa3\r\xe8O}lgI\x18[\xa1\xc6VbuM\xc8Z\x08=\x8b\x9f#-\xa9\xab\xd1\xd42d\xc0#w\x00\x05\xb0:\x80\xc8\t\xeb\x06&amp;\xf1y\xf1P\xed\x07\xfa\x84\\q\x0b`\xaf)\x1bQ\x15h\xac\xe4\xac\xb7\xa7\x156\xdb\x05:\x9b\x98i\x0b"s\x88\xd7\xd0g\xc9=\x86\x0e\xc3\x87\xb3\xdcoK\x1e\nF\xf7\xb0\x87\xe8\xbf$\x12\xc8h\x11\xf6yn]\x08\x08y\x94`8\xf4\x1c\xfcz9\xd0?\x07\x03\x89}\x93\xa0\x8cjU\xc1\x91k\x8a\x06\xcb\xfb\xf8\xf0x\x98\'\x99^U\xb9\x8a\x12\x1f\x1e\xfe\xe7\xa1\x03vweOF\xe0V\x8c5e)\x18\t\xd3ETA=\xe8\\u\xbc\xbaX\xc7\xa8\xfe\x9a\x80\xea\xfe\r\xc5\xf9\xd5Q\x19/*9W\x85\xc8\xc5\xab|\x9do\xc9\xf1B\xe1\xd7\x1eE~\xf2&amp;^?\xcc\x94w\xa1w\xc5\xad\x112Q\xc6\xe3\xd8\x18&amp;*\x7f\xa5\x9d\x98o;\xc6UM~\x8f\xa22\xb3O\xeb\x05$\xf0\x86\x95u0\xdf\xc8[Ym\xc2\xf9Zc\xe3\xca\x18\xd3\xb1\xadp\xdf\x08f\xdf3\xe8\xcc\xda\xa2\x17\xbb6.\xd1w\\M7\xfc\x157x\xdeF\xd0\xbb\xeeA\xf4j\xce\xb5\xe7\xb7_\xf5\x81\xa8\xf7\xc8\x91\xcfV\xcd\xea\x05\xed\xde1\xd7\x8e[\xf3$$-W\xcer{\x01\xaa@i.\xa7\xf7t\tFHUA,\xcb\xb2,_d\xcc\xb2,\x9fS\xf0\xb2@)\xc8\xecn&gt;"\xd1=\x10f\x9d\xd4Xe\xf7h[\xa9\x03g\xda\x95\x11m\xf2\xc5%\'\xf4\xfa\x14&gt;N\x086*\xce\x02\xa1\xc5F\xbcy\xe1u\xa3i\x14\xeb\xde\x02\xad?qd\x8c!\xfa\xab\x95\x12R\xf2\xd1\xfa\xeb\x85\x18\'\x05\xfa#\x12\xd8G\x99\xc7\xf3*\xbb/\xb4y\xa0\x92\xa6\xddy\x1f\xaeS\x18R\xd8"\xb5\x8b\x0c"\xc5\xcc\x11\xa1\xa7r(1\xa3\x1b\x1d\xf2{\x9bk\xb6W\x94ES\x8b.\xd6\xdc\x1fh=\xe7V8b\xb8\x08\xb9\x1e\r\x15\x83x\xd1\xb4\x18\x91\x85\x14\x19c\xe8\xef\x04~\xddq\xfc\xbe\x83y\xa0\x1bW-\xd0\x0e+\xa2\x1d\x1a\xe8U\xfa\xd4\xf5\x8e\xe8u\x81\xefw\x99"\xe7\xfb\xf66\xfd\xc9\xcc\xf4\xc6\x10\xfdm\xef\xf7\xe2h(g[w\x88~\xfa\xfc\xfd(\xab\xdaq\xd5|q\xb8d\xc6\xfd\xe3\x97\xd9 j\x9e\x91\x1e\x13\xdf\xac\xc46\xa7\xf5\x96\xd1~@\xbd\xbe[n\xfbRx\x80\xa06\xca\xbc\x86=\xa7\xb7\x15#a\xde\xe03{c\x91\xc5%\xf3I\xceN\xf85\n\x94\xdaGfg\x17%\x95=W\xd6$\n|6\xd3\xd6y\xdbu=\xafF\xc8#\x8dy\x99\x99\x8c\xb8\xa3\xdb\xba\\7.\x95\x99\x13\xa1\xaa=c\xcc\xcfh\xf34\x88\r\xff\x895\xcc,\x91\xdcD\xea^\xc5\xcc\xe1\x15\xaf\x1d\x82YS\xe2%j\x1c\x12|\xe1\x9aG\xd9W\xea\x004\xd0\xa5\x15z\x93\x9c,^\x02\x91PP\x15M\x891l\xa9\xccr\x83\xda\xa3\xdb\xba\xf9\xe0\x17\xb7\xee\x0e\xe05^\xabtZk\xe9l\x99\x1eWx\xcbe\xb1\xbf5\xba\xa7\x90*\xee!t\xcd\xedyw\x1cE\x9fZ\xb1\x1eX\xb5V\xb9\x19\x8c\\\x98\x92\xa9\xfay\t\xb7\x82hf\xa2\xf2\xec\x0fdT\x15\xa8a=\xd0\xad\xd3\xde\xd56\x8d\x96\xb5\xc7[\x8bo\x8f\x82hw\xf7q\x8d\xd8\xc5A\xcc\xa0j\x0e\xb6,\x91\xdfN\x97\x86\x06\x03\xf1\x0c\xfe,\xc7\xac\x0e4\x1b\xd8\x1d\xb2\xafg\xd0T\x00\xd1\x87Z\xfb\xbf\xabZ\x9a\xf5\x8c\xaa*\xe0\xe2\xee\xa0\xdevq\xb6\xdb{\x06[\xe6c\xd4\xb3I8\xb4\xf7\xd7o\x19\x13X\xcf\x1d\xb2\xfd\x9d\xa5\xb4\xf5\x9al\xc1!*\xfa\x96`\x82O\x92\xd0\xa2\x8a\x9eO\xd7\x19\xe8%U\x1b\xd1\x9f\x9eJp(\x91!v\xd3\x0e]kVD\xef3\xd8\x00eU^O\xd1\xd8\x81\xc3P\x1b\xf6\xc1J\xd5\x8b\xdd\x8e\x9c\xf3\xce\x98\xa1\x9f\x8aE\x83{\x9aVK!\xed\xd1i\xd5\x85!c\xe2O5\xd1\xd0\xda\x1e\x86\xff\xf5\xf6dI \xfa\xea\xa4\xa8bK.\x89\x16\x9fdY\xd1\xc2\xe8\xfd\xc8\x85\x0e?U\xc9\xfc\xd8\xf2\xad`\rU:\x84N\xab.O\xfa\xb4\x05\xfd\xa0[.=\x8b\x89\xf6O\x8a\x15\x89]\xa9\xf8\xd7p\x08\x9b\xe8\xff\x0e\xd4^\xce#\xd4\xf3Hp\x94e_j\x91DC\xe0z\x89{\x8cu#\xd8\xd6\xf1?I\xd84p\xa3\xe9\xe8\xe1e!u\xd2\x8a\xb4\xad\x9c\x94\xa1!\x17%\xe5\x93\x15Bt\xfa\x9c\xa5\xafu3\x17\xda\x8d\xa2\x06\xc5S\xd0p\xdf\xcc{\xeen&gt;\xa4v\x06\x10\x81o0\xb9\x87\xa8&amp;AIqD\xac8,\x1ev\x9c\x01\x1c\xd5)\xf1U\x88\x02\xcbH\xe2=\xa0\xa3H\x16G\xf0T\xa2\t\x1fg\\\xbf\xb7r\xd5\xee\xaa\xf7\'\xcb\'\xdbi\xb9c\xfa\x83\x10jvBW\x10\rFR\xe3\xe3}Tw\xa4\xad)\xb4\x9d\xf0\xeb\x7f\xc6\xd1\x13\xae\xce\x9f\xda\xc8-D"\xb2/$\x1b\x98\x9f\xe2\xd8K\x1e{}\xc2\xff\xf5W\x06O^\x1e\x8a9\xcf\x1a\xb2\x1f:\r\x13z\x9e]1\xcek\xd18\x1a\xd7\xf79\x9d\x8f\xe0zN\xben\xd2\xd4\x0e\xaf\x98\x07u\xdb\x9e\xb1i\\C\xbd\xd2u\x15\x87\x9a\x13\xeeJ\xcc8S`\xd6\x9a\x95\xc1\xf9)\xae\xf8\x8d&amp;\xdc\x9f\xe1L9\xc5\x85\x0b2d=\x9d\xa3Q\xbc)\x1c\xb5p\xf4g:\xeb\x13B\xc4Qq\x87\xf7,\x89\x19\x97\r\xdb!\xe8\x05%\xad\\Y\xd1\x1e\xcee\xa9\x0b\x8e&gt;\x06I\xe5]\xa1\x03]~y\x90^\xd5Ni\x8c\xcej\x15\xa2\xed\xf4\xeb\x8a\xe8)\xdf\xb2\xb2\xa3\x13-l+\xa7\xe9.\xb9\xfc\xc9\x04m\xee\xf31\xc4\xc8\t\xfc\xa2\x95\x9e\x95Rv3\xb3\x9f\xd9#v\xb6\xed\x07=\xb5&gt;\xd7\x0e"\xd6\x0c \xb0\x07\xd0\x85\xa5\xe9\xca\x9ax\xc9i]\xd6\xdc\xd1\xddHw+{,d\xcc\x9fM\xa6\xd1a\xea\xcam\xe3\xb6\x93.\xe1\xe1V\xb78s\x15u+\xbc\x97\xde\xd5\x07\x8e\xc9\xf4\xb2\xc4\x92\xeb\xf0e9&gt;\xf7\xc2+AE\xa3F\xa5\x9bW\xee\x85D\xcd[?\xbb\x17\x1f\xd9\x94\xb7M\x8cc\x98\xe4\x11\x82b_\xc9B\xd6\xdd\xbaO}h\x86\xc2g\xed\x84\x15\x19\xe1b\x92\rBN\x05\xd9\xaa\xd5\xf8(k\xe1LAi\xb9\xf2G\xce\x00,\xcc\x9c\x1f\xa61\xdb\xfe\x8c\x15"o\xd8]\xd7\x1a\xf4Vo\xce@R\xf8Qv\x9c\x03\xa6\xad\xef\xaeX\xe5;~\x18_/\xa7\xe4\xed\xfb\xa8qF\x822\xc5$U\xdc\xeb\xca\x04G\xda\xa2\xe2,\x8eC\x83\'T\xca\xaes)\xd9\xbe\x0eB\xef\xed\xfb2j\xee\xd9=\xdd\x0fZ\xf8\x95\x1e\x96)\xfb8=\xa4C\xe9\x86\x0f8\x11/\xa2\xb1%\xd8)\x86\xf3\x03\x95F\xaf8R\xf1\x99\x9c\xd3c3\xce\xbf\n\xb6!\xb4\x1d\x00]\x05\xa9k\x0el&gt;\x0f[.\x91\x9c\xf3}\xd2"\xb7v#\x9e^\xee\xfb\xd5\xb1\xbe\xa0\xec\xcaZmo\xea\xa6\x87=\xd0\xb5t#V\x11Dw\x8f]Qne\x14\x12/\xc3q?s\xb4y\xe4\xb6\xad){(\xf3\xd5\xe8"9&lt;u0\xf4qu\x02\x85\xec\xf0$\xd8\xfd*R\xbaI\t\x87\xa5$n\xc18\xff&amp;\x93\xf1\xe1\x87\xf5\xba\xb3o\xb5h\xa8\t \x8b\xfa\xd2\x92=\x15s\x18.h\x0e\xa7v\xad\xff\xd3\x8b\xae\xfa\x8b\xdb\x87\xb8A</t>
        </is>
      </c>
      <c r="E541" t="inlineStr">
        <is>
          <t>&lt;class 'numpy.ndarray'&gt;</t>
        </is>
      </c>
    </row>
    <row r="542">
      <c r="A542" s="1" t="n">
        <v>540</v>
      </c>
      <c r="B542" t="inlineStr">
        <is>
          <t>steps_per_sec</t>
        </is>
      </c>
      <c r="C542" t="n">
        <v>7800</v>
      </c>
      <c r="D542" t="inlineStr">
        <is>
          <t>10.191615</t>
        </is>
      </c>
      <c r="E542" t="inlineStr">
        <is>
          <t>&lt;class 'numpy.ndarray'&gt;</t>
        </is>
      </c>
    </row>
    <row r="543">
      <c r="A543" s="1" t="n">
        <v>541</v>
      </c>
      <c r="B543" t="inlineStr">
        <is>
          <t>Loss/object_center</t>
        </is>
      </c>
      <c r="C543" t="n">
        <v>7800</v>
      </c>
      <c r="D543" t="inlineStr">
        <is>
          <t>0.4257927</t>
        </is>
      </c>
      <c r="E543" t="inlineStr">
        <is>
          <t>&lt;class 'numpy.ndarray'&gt;</t>
        </is>
      </c>
    </row>
    <row r="544">
      <c r="A544" s="1" t="n">
        <v>542</v>
      </c>
      <c r="B544" t="inlineStr">
        <is>
          <t>Loss/box/scale</t>
        </is>
      </c>
      <c r="C544" t="n">
        <v>7800</v>
      </c>
      <c r="D544" t="inlineStr">
        <is>
          <t>0.06305372</t>
        </is>
      </c>
      <c r="E544" t="inlineStr">
        <is>
          <t>&lt;class 'numpy.ndarray'&gt;</t>
        </is>
      </c>
    </row>
    <row r="545">
      <c r="A545" s="1" t="n">
        <v>543</v>
      </c>
      <c r="B545" t="inlineStr">
        <is>
          <t>Loss/box/offset</t>
        </is>
      </c>
      <c r="C545" t="n">
        <v>7800</v>
      </c>
      <c r="D545" t="inlineStr">
        <is>
          <t>0.18229347</t>
        </is>
      </c>
      <c r="E545" t="inlineStr">
        <is>
          <t>&lt;class 'numpy.ndarray'&gt;</t>
        </is>
      </c>
    </row>
    <row r="546">
      <c r="A546" s="1" t="n">
        <v>544</v>
      </c>
      <c r="B546" t="inlineStr">
        <is>
          <t>Loss/total_loss</t>
        </is>
      </c>
      <c r="C546" t="n">
        <v>7800</v>
      </c>
      <c r="D546" t="inlineStr">
        <is>
          <t>0.6711399</t>
        </is>
      </c>
      <c r="E546" t="inlineStr">
        <is>
          <t>&lt;class 'numpy.ndarray'&gt;</t>
        </is>
      </c>
    </row>
    <row r="547">
      <c r="A547" s="1" t="n">
        <v>545</v>
      </c>
      <c r="B547" t="inlineStr">
        <is>
          <t>learning_rate</t>
        </is>
      </c>
      <c r="C547" t="n">
        <v>7800</v>
      </c>
      <c r="D547" t="inlineStr">
        <is>
          <t>0.0009996778</t>
        </is>
      </c>
      <c r="E547" t="inlineStr">
        <is>
          <t>&lt;class 'numpy.ndarray'&gt;</t>
        </is>
      </c>
    </row>
    <row r="548">
      <c r="A548" s="1" t="n">
        <v>546</v>
      </c>
      <c r="B548" t="inlineStr">
        <is>
          <t>train_input_images</t>
        </is>
      </c>
      <c r="C548" t="n">
        <v>7800</v>
      </c>
      <c r="D548" t="inlineStr">
        <is>
          <t>[b'512' b'512'
 b'\x89PNG\r\n\x1a\n\x00\x00\x00\rIHDR\x00\x00\x02\x00\x00\x00\x02\x00\x08\x02\x00\x00\x00{\x1aC\xad\x00\x00 \x00IDATx\x9c\xed}}\xec}\xcdQ\xd7\x9e\x82\x0f\xa0\x08\x14\xc4\xd8VRc+\x15\x14[#J\xad$\xbeD+V\x01\x85\x96b\x10\x104\x91*%H\xd5\xb4\x02\xa2i)\x10!V\xa3A%)h\xf1\xa5\xa01\xa0M\x15\x04AP\x01[K\xd1\x08\x14\xa2U\xa3\x16\xa8/\x94\x88X\xaa\xe3\x1f\xf7\xdes\xf7\xec\xcb\xec\xcc\xec\xec\xee\xec\xb9\xfb\xc9\xd3_\xef\xf7\xdc\xdd\x99\xcf\xce\xce\xce\xcc\xee9\xf7^\xe7\x16\x16\x16\x16\x16\x16\x16\x16\x16\x16\x16\x16\x16\x16\x16\x16\x16\x16\x16\x16\x16\x16\x16\x16\x9cs@isCs6)\xbd\xb7\xd7\xf7\x8b\xc1\x8b\\\xaf\x1f\x88\x9a\x11\x07\x124\x00_i\x82XY&gt;\x00|KB\x0b\xce\x82\x07dP1+\xf0\xdfB\xfb\xc6B\x00\x00\xe0E\xb5t\x1f\x1e\xbd\xd7R/\xcc2\xae\xfe\xd1lb\x14\xe3\xa6Jz\xc0\xfb#\x14\x90L\x10\\\xf9\xe6\xc3\xbbi\x15\xc9\x8e\xfbu/\x01\x94i\xfbI"\'\x13a\x1b7\x80c6J\x92O\xbd\xb5\xdc\xfd\x810v\xa6g\xf1\xb4Yx\x0e\xc6=\xf0\xd1\xaa\xe6\xdf_Q\xd8\x16\xb5\xc0\xdf\xc6T\'\xaeG\xc2\xe3j\x9d(\x10K~\xa96\x17\xd9\x10q\xc8\xb5\'\xd2\xf8\x1b\xb4f1=R\x8d_l\xb10\'z\xc6\xba\x15X\'\xc6-\xdcWu\xb7\x89 \xf8\xb6\x90\x1f\x1f\x13\x85\xd7S\xdb\x8b\\\x1e\xbaoG\xfe\x03I\xbbs\xee\xdf\x8b\xd9/\x8c\x83\xe5U#\x80\xcaa\xc0\xc20\x14O\x84\x83pV#\xea\x94\x082A\x90\x00\x8a\xc7&gt;\xf4w\xeb\xf1\x80\xb3\xd3\x1f\xc5)^\xb3 @\xa5\xd1\x96\xc5\x150\x97\xe3\n\xb8r\x07\x98L\x8d\xc1\x02\x87\xa8\x8b,\x00\xd0\xef\xdc\xf2e\xcbE\xcd\xe5\x12\xc3\xb1\xcc\xf5P8\xc3l\x8b]v\xa0\xaf\xb3\xaa\xec\xf8\xc4FK\x91:\x00\xfe\xf0\xf5\xc5 \x021\x86\x13XX0\x8b\xe9W\x07^\xab\xe2\xb5,~\x13\xb5\x9di\x04A\x1c\xfe\xa5\xfb]"Q\xa3&amp;\x18\x00~|\x88\xe2\x85\x85\x11\xa8Yh\xd3G\xe1\x81 D@vw\xb3\xf3\xf1M\xb7\x17\xc1\xad\xdd\x85\x85\x85\x85GD\xfd\r\xab\xd4\xe3\x955\xf2"\xf9\x91\xba\xce\x87\xe0\x03a\x9b\x9ds\xe6\r\xb8`\x19\xcby\xc6\xe32\x05\xf0\xc9h\x9b&gt;T.\xba\xd6\x13\x14\x0b\x0b\x0b\x0b\xf5\xa8\x8f\xa4\xfdc\xf1c&gt;f\xba\xb0\xb0\xb0\xa0\t\x950z\xf9\xe0\xab\xba\xd8\x92\xd2\x13&amp;\x00\xb3\x832J\xeb\x14\x98\xeb\x0e\xd9\xc2y0\xb5\x93\t\xc8\xab\x8fwj\x03.,,,(\xa3\xff\x81\xd2\x8a\xc1F\xb0\xd2\xe1\xc2\xc2\xc2\xc2\x88\x9b"+\xf8.,&lt;6\xb6\x81\xba\x01\xdc\xd6F?\x00l\x15\xa2\xf1\xc8X#\xb9\xa8\xb4\x91\xf0\x85\x85\x85\x85\x18\xef]/B\x16m\xaf_]\xe96W\x17\xac\x15A\xac\x88\x83fZ\xe4\xb7m[%\xf9\xc2\xc2BOt\x8d\xbc~\xaa\xd8\x0b\xde\xcaj]\x85U\xbd\x10#9la\xe1a1&lt;\x92\xcc\x88\'u\xd3\x14O\x8f\x85\xd9\xd2*\xba\xd7\x87\xcc\x16\x06b9\xdf\x82\x0c\xfa!\x18\x00l\xc4\xf6\x02\x1a\xad\x99\tF\xfe\xd88k\x9dx\xd6q\x11\xf1\xe0\xc3\x17\xa3\x95\xc9\x8c\xcfG\xd3\x8a\xc9\xf2\xc0;\xc3\xb8\x1b,,&lt;8\x94\x8f\x80(\xdf\xb73|\xbb\xda\xe1\x97\xb3F\x0fq\x0c\xe2a\xaf\xe8\xffP\xf8\xa3\xa3\t,p\xd1\xe8\x08\xc8\xe8\xcao\xfcC\xbf&gt;l\x1a`\xc19\xe7`\xec\xe3\xcf\xda\x10o\xb3\xd6\xfel\xa1\xdfM`\x1b\xe8W\x99?\xe4\x1e`\x0e\x9c,\xe6\x89\x83\xf8\x8a\xfe\x0b\xfa\t`\xdb6\x9b\x8e\xd5\xf7\\\xa6\xdf^\xc3&amp;L}\xf96\x00\x00|\xfbh\x16M`\xc7\xc8\x0bE\x18\x9c,\xe5H\x8dl*\xfd\xa3\xa1\xfe{\xcf1\xa6\xff\xd1\xcd\xfd\xb2\xb3\xd5\x9bS \xe9`S\x9cxLAr\xe14\xe8\x97\x00\x06bh\xe25h\x8f\x07Eg\xe7\xec\xa0\xce\xe6r[\x98\x08\x0f\xe1=\x83w^k\x8d\x9a\xc1\xc9"&amp;8g\xe7\x9bT\x16fD\x8f\x9b\xc0c\xe3\xef\xf8s\xb7\xf1\x0c\x16L\x83\xf2\xeb.\xc96[\xf7\xaf\x90Z\xbe\x1ccj\x8b\xf4H\x00g\xafP\xbe\xa2\xbc\x91\x8a~\xfel\xa1\x1b\xfc\x98\xd5\xcd\x15\xbf"\xc3$\x1d\xc7S\xac\x82\xc8\x8e0\xef\xb9\xbe\xce\xbe\x96%\x98\xda"S\x93/\xa3c\xc1\xb2\x15J\x81\xb5tl\xa0\xf3\x87\x00\x82/@\\^\xb0`\n\x83?\x07p\xa2\x1dei \xe7\x19\xe9\xdcC\xe9\x1c\x80\xfd\x88\xbf?\x02\xd7\x97B\x0f\x18\x19\x94\x11\x1a\x13A\x92\x00\xb86\xc6fe\xdb\x1eg\xc6N\xe3\x9c\xab\x8a\xad\xc1\x99\xd2\xc0&gt;\n#;\x1b#4&amp;\xc2\x19\xecU\xfc\xf0\x81\x1d,\x07\x9d\x0e\x03\x8f\x8c\x16\x16Z\xe3\x0c_\x051K\xf4_\x98\x12\xcb\x8b\x16\xce\x8b\xe9\x13\xc0\xeb2\xd7mF\x7f\x8b\x9c\x16Pt\xaf\xc7W\xf9\xbf\xd0\x0fU\xbf\x9cna\xaf:\xd1\xf9\xcf\x05\x16\x8c\xb6\xb0pb\x18\tMS@t\x13\xf8\xcf\xdd^\x18\x08\xb0k\xa6\x17\x16\x16|\xac\x98@G\xc5\x0e \xdf9\xfdU\\\xdd7\xb7\x96w\x00\xa7/R\x82\x01\x9e~\xbc\x0b\x0b3\xa2\xe2\x1e@&amp;\xbc^\xc2n\xfc\xe6\xcc\xd1\x7fk\xf1\xe4\xa3\xc9\xf4\xa4\x86 \xdc\xaf\xe8\xbf0\x0b\xe2/\xe1\xb0YJ\xaa\xa0\xea&amp;0b\x17\x7f\xbd\x9f\xc4|J!l\xffZ\xec\x15\x12\x17\x16\x0c"\xae]N\xbcV\xe5\t g\x97\xe0\xfa\x19\xa2\xbf\xea\xec\x9f\xd8\x99\x16\x16F\xe1\x04q\x06\x00\x00&gt;\xab\xb3\xd2\xe6\x8f\x81\x9e!\x7f\x028x\xc9\xc9\x8fl\x16\x16f\xc6\xf4A\xc6]\xce\x18^\xdb[gg}\xdd`\xb6"8\x83\xa7\x8a \xbb\x0f|\xb2\x1fp_\xb8\xc0\xe6C\x016Y5\xc5\xf4\x1f\x04\xcb\xe1\xd1&amp;r\x06Hfd\xcd\xa2eP\xca\xac\xfe\xa5\x18\x80P\xe9\x03\x06\x8d\xd3&amp;\x00=4\xf4\t\xb3\xdb\x94\x16\x98hq=\xd2\xb4P\x91\xf3\xd5\xa2\xa9rw\n\xab\x19!\x1a\'\x0e\xe5\x9dc\x82\x82\x99\xccn\xd2\r\x86\xd7y\xfdr\xc7\xfe\x14\xd3h"\x0b\xe3\x010S^g\xe1A\x8e\x834v\x00\x00\x7f]A\xca\xa3\xc0`Z\xe2\x81\xbc*&amp;\x1f\xa7\x0e\xa6\x9fn\x14\'\x8e\x90\x8f\x10\xfd\x9d\xce\x0e\xc0jIhp\xed\x19\xb4\x92\x00\x00\xe0\x9e\xb3mo\x1d\xcdc\xa1;\x1e\xa4.~\x1c\x9c|.M\xe5\x80x\xe5|\x8cs\xdf\xb3V\xd4\xc2\xc2\xa9a\xf9\xa0L\x99\xd7{\x9c{o]\x89u\xe8\x95\x00J?\x08|id\xd6\x0b\x16F`U\xd3\x0b&gt;\x86\xf8\x83\xf2S@\xa6\xa2\xbfk\x18s\xb7\xdb\xbf\x1b1\xfa\xfb0\xb4+\x99\x01\x16\xcc\xd5\xa2\x92\xd8\xb6\xcd\xd4\x0eu\x16\x9c\xd5dC\xaa\x81\xf5\x18\xa8\x0c\xe0\xdc\xe6~l\x7f]\xc6\xe1\xc7\xc1\x9bP\nq\x9aub\xa1Hn\xb48\xd7\x0e@\x80e2E\x9c\xdf\x98\xe9\xef&amp;\xd5\x01\xbd\xf6_+}aa\xc1\x1c\xce\xbf\x03\xd8\x1aF_j^\x99:\xfa\xafS\x8a\x05\x04\x00\xcf\x1eM\xe1$\x18r\x1e8sd\xe2`\xe0a\xab\xd9\xe2\xdf\xec\'\xf8\x16\x16\x16\xfa\xa0\xd3\x0e \xfb9\xf2n\x8f\xe9\x0c\x8a\xc2t\xbd\xfdS\xd4\x10\x8b\xac\xdb\x9e\x0b\x0bv\xd0)\x01\xe4\xe2`\xcf\xaf\x8a6[\x89_ \xa6\x07\xf0\x84X)1\x1c+\x06m\xe3\xb3\xb0\xb00\x04\xe2/\xb0\xabDm\x02\x98\xab\xa0\xeb\x19}\xde\xd1\xef\x87\x10\xde-\xeeIfX\x98\xe53\xffh\xde\x02\x01\x93\xce\x7f\x0b\xda\xb8\xc4\xbc\xc61\x06\xac\xfa~\xf6\xdc!\xb2\xf1O\xb8\xf4q\xd6n\x16\xb8&lt;\xe64\xd6\xe0\xebv\xc2C!9\xdd\xcb\x07.\xc0\xa3\x9f\xb5\xd8X\xb5\x03\xc8\x8d\xc3\xd4\x08c4\xfb\x91\xb2\xcd\xb9\x7f\xb5+h ?\xabu\xb8\xc1M\xcf\xf7\x826\xd2\xd3}\xea\x1fO\xa7\x03_\x8c\xc3\x97j\x00v\x02\xb0E\xbf\x06\x7fL{(\x9b\xdb\xb6_3\xff\x0f`.,Hp\x86\x1f\x7f\xb5\x84n_b\xa3\x80\xe4\xb7\x1d\xed\xe5\x80e\xb7P\xacY,\x0f\xb3)\xd6\xde\x7f!\x86\xb5\xb3\x8eY\xd0\xd9nk\x86\xae\xa8\xc9\x04\xcb\xd1-\x7f\xdf\xe1\x03bM\xc7\x02\x11\xcbMBp\xbe:\xe2\x84\x91\x7f\xc5\x8e\x07\xc4\x03\xee\xe1\x1ep\xc8S\xc2\xc2m%8b4\x1d\x05P\xc6p\x86q\x0e\xc2\x8bG\x13Xh\r\xf8\xb0\xe3\x9f\x83h,,,X\xc4\x8a\x08\x14\x00\xfc\xa5\xd1\x14\x14 .\n\xa7\xaf&amp;\'\xa7\xbf\xb0\x90\x00\xbe*\xc9\x9f\x9d^\x8bc\xe1\x8e\xa47Xp\x92&amp;\x9f\x03XX\x98\x05\xa9EX\xfc\xd8sY\xec\t\xef\x0e\x11`!\xa2\r\x042\xf8\x8c7&lt;\xa2\x93\x90\xf0\xd8\x8e\xd4\x1c\xcb\xbc9\x00!\x8a-\xeb-$Q\xf4\x8b\x07O\x90\x0b&amp;P\xe9\x85\xa7w\xe2`\x80\xa6\xc6k\x8a\xcc\xc3\x02\xf9n\xe3\xceL\x16&amp;\xc3r\x91\x85\x85\x85\xf3cE\xba&gt;x\xc7h\x02\x0b\xc6]}\x95\xab\x8aXF\xa3\xc2\xb8\xa5.\xcf\xf3\x9b\xa6\xb80\t\xcc\xbb\xfah\x06\x0b\x8f\t\x83\x1f\x9b\x82g\x85\x9f\xea\xb2\xc7qaa\xe1lXqf&lt;\x8eA\xff\xa9\x97\x1d\x00\x98LT\x0b\x0b\x0b\xd6\x80G\x89\xdfQ\xd1w\xa19\xf0\x8a\x7f\xae\x1c0\x11UE\x0c\x19\xf3CZZ\x8e\x81\xd6\xb2\xbc(\xe8\xcc\xfa\x8f\xa1\xd3o\x027\x02\xf5c\x99\xfe\x1f\xdeGt\xe0x\xcd\xb2\x0f\xf9x\xcc\x0f\x19m#\x96\xc7CZZ\x8e\xb1\xd6\xb2\xbbz\xc9\xf5e\x7f\x03\xb6\xd5h\xe4+\xf7B\xeb_\x965\x80sn\xdb\xb6\xcb\xf7_\xc2\xed\xcf\x01\xfc\x16hX_1\xbf\xb0\xa0\x0b\xf6\x0e\x80^&amp;\x03\xabuO\x00\xf8Qd\x8f\xfe\xce*\xdf\xd3\xe3\xfbi\xcdV\xf4\x9f\x0e\'^P\x94\x0f\x8d\xdb\x07\xffG\xe19U\x98\x91\xb2:\x9e\xa7\xfb\x99\xcf\xb6m\xc7\x06\xad\xd9\xae26\t#\x9bE.\xd6l.\xf8Pt\xe3&gt;\xae\xc5\xffM`\x0e\'\xb3?\x13\xbag\xa6\xce\xe4\xfcL\xb3\x1e@:\x00^:\x9a\x81\x046\xdd[\x80\xe5\x87t\x00\xfc\xd5\xdc[\xd3y\x83\t\xc2\xads]\xe2\x1e\xc0\xf1w\xaf\x00\xdc~\x0fig\xd2\xe2\xb7\xb1v&amp;\xc1m\xe7Y\xe2\xc8\xa4u\xfaB\x11k+\xf3\x98xon\x87\x13\x84\x80\xcd\xe5\xbf\x9e\xd5[\x03k9\xc4X&amp;9+V\xf4o\x8d[\xb5\xb7,=\x08\xc8\'\x01n\xa71=6\xc26\xbfl\xd2\x06\x8b\x85\x853\xc3\xe0\x81\xef\xdc\x9f\x03\xe0\xc1\xcb\xbc\x87\xb3x\xb8\xc5?iffM\xea\xb6m=\xef9\xc7H\xb2\xddYXs\xd0\x07G\xe7\x88a/@\x9d\nF\xef\x88&gt;\x14.e~\xee\xcb\x80\xa6X\x00\xcfk#v};\xde\x03\xa2\xe8\xffS\xac\x08\x16Z&lt;yq&gt;+-\xcc\x07\x96\x17\xae\x8f&gt;\xcc\x825A\xeaX\x06\xd5\xc7\x03&gt;\xd1x\x8e\xf1\x9ec\x14\x02&lt;\xbd\xa5p;V\xb5\xc3\xe4\xa1\xf0pfWL\x00Mm\xa7(\xda\xda\x1c?`\x0e^X\x08\xb0\x96\xc00\x98\r@&gt;\xa7\x1a\x866G\xe7\xa3\xf3\x14pu\xfdH#\x1e\x8f\x81\x16\x13k\xca\xa1\xeb]\xd7\xfc\x02](\xc1\xf8\x14\x06\xec\xac\xb1U\xdb\x84\x19\x0b\r\x0b\x83\xbe\r\xbb\xef3H=\x95\x99\x87\xfdr\x93\x8d\x9a\x1b\x8f\xa73\x06\x1b\x14\xa3\xc1Gv \xe2\xa9{\x8cY\xb1\xb0\x14[p\xc8\xc9\xb40^E\xc4O\xfd\xf5\xdc(\x8b\x15\xf5!\xa8\xf6X*\xdc\xbeX\x8d\xd4\xd8\xfcgJ;\x7f2\xbe\xa8\xae\xc5\xf7R,\xe4`\xd0\xda\xba\x0e\t6\xbe\xa5\xb15\xa2\xe0{\x19o\xee\xf7A\x16*`\xea\x06@=\x0f|,\xfdG\xdaM\xdf\xd8)\x04\xe7\xe0\xf3\x862\xb0\n;\x8bk\x16\xe0\xe5&gt;x\r\xf6+\x0f\x88\x95\xfd\xb2\xb0\xbfMi\x81\xce[\x9f]i|q\x95f&gt;(\x9b\x92\xc7\xf4\xd8$\x02\x8f\x8a}\xe9]\xce\xfd\xfc\xa1\x1f\xc87\x82G\xf9*\x08\xc9\x06\x85\xfe\xd37\x84C\xc5\xaf\xe6\xe9\x16\xa2\xbeN\xdc2_\x98\xd1\x0e\x91\x96\'\xf5\xd4&gt;\r\x08\x01*h\x02\xf0\xb5\xb9\x96\xe7\xb6m\xe2\xf3\xcc\x1f\x1b~\xfb\xfa\x07tge\x13\x13\xe7\xbd!\xb5j\x12vNT\x11\x9b\xc8\xcc\xd5\xda\xc8\x99Ht\xff\x01`\xd6\xaf\x0f\r\xd9\xbbX\x98w\xb7\xca\x7f\x0fi\xa7\xf2~\x086\t#\xf3xA7\xbf\xaa\xdd\x01\x00\xa3P\x9e\x1e\xb9\x81\xdaq\x1d\x84\x89\x1d\x92\x05l\xc2\x9f\x7fo4@\xbcX\xb6cU\x15\x1e\xe7\xdd\x19l\x97\x1f\x82\xbd\xfeD\x95\x99Y\xcb\xa1\x9b_\xd5&amp;\x80m\xdc\xf7\xe6\x076\x12x.\xb7\x0b2PYq\xcd\xed\x12to\xbd\\\xb9\xf2\xdb\xf1!J\xaey\xce8\x07df\x07&lt;\x0b\xd0X\xa3\x9d|&amp;F\xc6D\xe0\x9c\x837:\x80\xcb+U\x8d\x91\xd2\xf3\xe6\xd1.\x90\x99\x0f\xbeC\x9bGG\xf4\xf7\x17b\xfe`\x11\x93|\xbc#\xf5xv\xff\x87\xb5e\xb0\xcf\xd0&gt;\xd4\xcd\x97\xf0\xa8\xa3;]\x0e-\xd2\xef)\x11P\x92\xd4\x03\xd3\'\xfc)\xc0=\x9f\xedp\x9eK&lt;dl\xcd$\xb1Z\xb6\xcd?U\x1c[\x93\xe2\xc3\xb7s\x03\xa03\xec\xdc\xf4\x8a!\x8e\xbf6\x87\xd3\x1aUG@s\xe5\xba\x91`\x1a*\xe9\x89\x8a\xd6\x06\xb2\xbb\x0fX\x13\xde\x03\x8f\xc3\xd7$\xae~8\xbdQ\x98\xe2\x18=\x8by\x997@U\x02\xb0\xb0\x00:\xa4\xa0z\x15*\x86b=\x0fS\xc8\x16f2wzP\xb7_O\xed\xcbe\x81\x81\xebgj\xbb8\xd2\xff\xd4\x13u\xf1\xb7\xab\xd7\x19\x08_\xc3a\xees\x00\xdc\x1f\xe6\xed0\x87\xd3\xb9\t\xa5@\xa3\x1b\xb9\xf5Iw*\x07l\xed~=om[c\x88\xbf\xfbo\xdb\xb6\x0e\xe6\xfc Nc\xcco\xb6\xedB\xf6i\x97\xbf\x9c~\x0ex \xefz\xa0\xa1\x9e\x11\x8c\x04\xd0\x94\xc7\x02\x1f\xa6f\xc4`\x1c\xc8\xdd\xff\x05\x00x\xff\xeb\xf6\xb2\xe6Y\x03s\x03\xae\x80&lt;\x01\x02&lt;\xe1\xdc\xff\xd1\xfd\xd8\xd1\xc2\x10\xac\xc9Z\xe8\x80\x9en\x96\x89\xe9\xfbGL\x0e\x9f5\xe1\xb2:\xd3g\xee\xe4G@\xdb\xf6n\xad\x8f\x1d\x9d)\xa3\x0eAM\x15F\xbf!\xbcpn\xb4.\xe5{\xbaYF\xd7&gt;\xc2O\xb9\xc5\xf0\x0f\x10\xb0\x12\x0fc\x05\xbaVxp\xcb&amp;\x13\x00\xdc\xde2\xbbI\x1f\xcdb\xe1\x80\x93\xcd\x08\xfeq\x80o\x18Mo!\rk&gt;h\x84\x0f\xbe8\x91wO\xb6\xaa\x1f\x045s\xb6f\xfc\x02\xdf\x0e\xe0\xbdX\xf6QC7S\x9ef\xc6d\x03\xa9\x0b\x07\x8f\xf2\xc3O\x8f\x06\xe2.j\xcd\xb1)\\\xbf\x8bba\x07\xc5\x1c\xc3CUk\x02b\xf9\xc5(\xc0=lY\xde9\x1c\xc4\xf9\xca\xb5\xda\xbb_^\x8cZ;\xa7_\xb3\x02\x04\x8f\x1e]\x96\xa69\x96\x0b\xe7\x80e\xc7\xea\xbf8\x7f\xa3\xc9\x88\x80\x83\xfdx\xe2\x88\x88\x7f8i1fa\x0b|\xfc[q\xf1S\xa7\xfe\xc5\xf7\x1aEqa\xe1\x94x\xcc[\xcd\x0f2d\xad}m\x1fs\xc5\xa1?\xf9\xeeC\xcc\x1c\x1d\'3\xc8\xc9\x86c\x13\x81\x91\x97\xcd/Xv\x18\x88\xf29m)C\xd8\xc2\x1c,\xa7\xc2\x99Lz\xa6\xb1,\x0c\x07\xf1\xbbaj\xbcN\xfcM\x18e\xc9\x10V\xf7\xf8\x03{\xfds\x80\xe4\x83`v&gt;7t\x8eH\xd3\xe1\xa3X=\re\xc7=\xce\x8a\xfbm\xde\xb1&lt;\x9cs\xce\xc1\xd7\x1d\xff\xd4\xe6\xb4m$\x8f\xc2\xdb\xe0Quk\xf8\xc9^\xf0_\x82\xbb\x7f\xfb\x10\xc0\x17e\xfbt\xcc\x013\xadUX\xdfX\xb0\x80by\xc8\x82\x8f\xb1\xfe\x10\xc5\xf1-Y\xec\x01\xc0\xe5\x9a\xdf\xde\xf4OB\x8e:\xab\x9abmS\xec\xf2\xd9\xcdY\x900d\x12\xc5J)\xddL\xfd|#\x0b\x87\'C4\x84P\xbbHuM\x01c\x11\xc3\xdf\x00\x04\xefLr\xfa\x7fA\xcf\x040\x8fU\xa8\x88m7\xd1\xd4\xef(\xdc\xd4j0\xa4\xcag\x1c\xdbQR\x913\x97\x0b\x8c\xbd]9J\xb3\xe0\xa9\xdc4\x9c\x83\x17\x16\x9a)S\xd7\x05\x85\xe2\xfd\x98\xd2\xf8`2\x98\x82v\x1f\x8aF\x0c\xe1y\xd4\xcf\xa9\xe9&gt;\x05\xfas\xedc\x1f\xf8w\xd2\x8e^&lt;\xa1\x07\x1f\xe2\xf5F\xc8&amp;\x80\xe8A\xb5\xb3%\x80\xfb7o\xd8\x1e\x08\x0ex\xdeh\x06%D\x9e\x94k\xd6\x83LJ\xaf\xa1\xe97Ef\x81\x05\xca\xdc\xf9m\x8c\xcc5)\xfcO\x97\x00\xc0\x96}{U.\xd1\x95\x7f\xdeL2\xa3/\xfcSZ\xb3\n\x1d\x0bgD\x9d\xd7%z\xb7s1A@\xb4\x14\xa0\x0e\xf8\xd2T\x9bd\xe3\xceT\x19\x00\xf8\xedF\xf8\x997\x15\t\xc5\x01\xcc&gt;\xc0\x853\xc1\xc2\x9a\x1bN\xa0\x08\xf8\x8f\xce\xb9\xc47\xff\xb8h9\xef\xf5\xf4,\xf1?\xc4dt\xf5\xa0\xf5\xe1\x11\x1d!\x1d\xa7\x00\x86n)p\x7f\xd3]=o\xd5\x12\x94\x02\x9d\'kH\xadg\xe6AW\xbb\x14\xc4\xa8\x1e\xa4\x8a~\xfc\xac\xe19\xa3\t\x9c\t\x8a\x9e\x04\xbfd\xa4\xf6S\x02~\x92\xd3\x98\xfa\xfd\xa0U\x9f\x86\xf5\xe5\xe4"\xd1\x9aV"\xd2g;\x99\x0c=\xcd\xf9\xcf\x05\xb9\xdb\x00\xfb^\xa6;\xa3\x85\x87\x86Y\x97\xc3\x8a&gt;\x0e\xe58*4\x1d\xb0\xf1`d\x93\x15\x8e\\\x88\x87\x7f08\xfaK&gt;(qa\xd9\xef\xf7\x9d\x9ds\xe6?\xe1\t\xe6\x19r\x01p\xff\xd0\n\xb4\xff\xc8\xf8,\x06Dx\xe6\xde\xea`=u\xec\x91(\x1e\x91?\xccYf\xcd\x02\xc0\xfb_\x0e\xd3\x18\x93\x98\xa8\xd2\x1b\x05\xbe\xba\xe7\xf3\xbb,\x10\x01\xf0C\xc56?\xd6\x83\xc6\x04e]M\x85F\xe9\n\x1fK\xa61\xf2sXw\xed\xfbk\x15&gt;\xed\x06e\xc7\xbb\xe2;\xc37\x03\xbe\xc0\x0cG\x02\x00\xe0\x89\xaa\xee\xf9\xb7*\xc4.\xf8\x88\x8d\xcc\xb2\xeda\xa3\xaa\xc7\xa1\xa8k\x81\x85\xfd\xfb&amp;\x07i_3\xc7\x86\x9d\'\xe9\xe5\xa0\x0f\x80;P\xb3\'\x8f*x\xdah\x02,\xc0\xed_\xfa\x84\x14\xe7n\xa5\x84\x00\xf5\x0e?\xd6V\x81\xf6J*\x9dG\xf28n\xa6\x8fe\xbbI\xb1\xa6\xed\xc1!s\x80\xdczW\xd9)r\x95v\x93\xbf\x82\x9c\x04\xea\xd36$\xd9\\t\x9e \xcf\xf5\xd9T\t\xce\x82A\xba\x1d\x9e~J,\x01\xb1?\xa4\xda %\x7f,J\xe6{\xc1\xc7\xa3H]\xbe\x8b\xab\xa47N\x10I\x9c\xf3}"~\xab\xe5=\x1c\x81l-&gt;\x16f\xeeb\x00\xc1y\x9a\xeb\x97\x00\xa4\x1d\xbbt\xe9\x83\xc3\rRr\x97v|*1\xfcp\t\xbe?\xff.Y\x88\x0e\x9bj\x9c\xfbp\xbb-\x86\x1bnF\x02\x9d\xddM\xa6m\xb8a\x03\xf4g\x83[\x80q\xb3\rm(.\x1dpi+\xa8-,\\\x01\x00\x00?\xdeFr\xea\xa2\xb4#U)\xb7\xfd\x9f!\xb4Y\xc1\x82\x89\x81\x8f\xf7\xe0\xef\xd6\x13k1\xb4\xe5_sc\x05\x88\x18\xf0\x97o/n\xc6\xf9\xf8\xe3\x9f\x0b\x0f\x8e\x7f&amp;\xea\xc5\xbb[\x13\x9c\xfb\xdb~\xea\xbf\x12\x82\xbbY\x0b\x83q\xe2\xd9*&gt;}q\xbd= }07/\xff\xfd\x88\x02\x17X\xe8\xfd\xa4c\xe6\xdel_\x16\t\x00\xed\xbb\xdc}?\x0f\xae\x8f\xdb\x1e\rQ\xbb\xd0\x1e\x16\x16\xc6\x0e\xda!\x0fpW\xc2\xd8s\xdbky\xd5_\xaf\xd5u\xdb\xed\x01\xadF\xd2j\x84\x17]\x11\xa9lZlJ\x16\x18xiw\x8d3\xce\xb1w\xbb\x8c\xd1\x05{2\xaf\xce\n\xf1\x92\x9b\xd1\xaaF@\xcc\xd0\xcdy0Q\x17\xb2\x15\x89\xb4\x05\xe9\xc7\x92\xfab"\xeb)\xe3\xcbD\xbd\x1e\xd6\\;|\x8fi\x14J\x0cF\xa8\x9e\xe89\xfa\x8764\x01\xc4\'\xcb\x13\'Z\x88L\xe6\x04k\xed\x8f\x1fh\xae\x89\x15%\xc0\x0b\xce\xf1\xa4`\x07&lt;\xe0\x90\x17\x10\x88\x17\xcer$"\x88\x86R\xb4\xe7I\xa6f9\xd9\xc2B\r\xf0{8pk#\x93,f\xd5\r\xfeG\n,\xd0\xe8\xd6\xf1$`=\x7fb\x16?3\x9a\x80\x11\xfc\xaa\xe3\x9fvf\xd6\x0e\x93\xa9A\xbf\xfd#\xfb\xe0a\xfa:\xda%x\x98\x8d"3\xf7\\\x10\x9d\x12\x05&gt;\x9f\xaa\xbbn\x15}Mc\xd5\xfe\xaeq`\xda-\xdc\xcd\xce\xc1\x8c\xae)&gt;\x19\xc4\x11\x93\xe2\t\x82\x83x\n\x1fp\x0e\xe0\xd3\x8f\x17\x9ds\xee\x97\x14?\xad\x16\'&lt;\\Y\xd4\xbd\x11\x8a\x92\xa7Yt\x93\xd0\x9c\x18\xa4\x85\xa7\xfa\x99\xcci\x9co\xa1z\x01\xc6\xe5\x85\xf8\x96)\xc0\xbf\xd6\xddO\x14;\x92\x96\xc6\x9b\xcbI\xa2\'VEu\x87Y[X\xe3\xd4\xdaJ\xe78\xc4\x8b\x81;\xd8DCnZ\xb7\x8a\x17a\xb0=\x95-g\xbc\x03"S+z$O\x93&amp;\xf2\r\xeb\xb0`JAQ\xd3\x88\xc9X\x1c\x0e[\xf9c|\xb36\x9f\x81\xc0O\x96\xd5\xb4\xe8\x8a\xa3\xebe~*\x10\x7f\x0b\xe0\xadx\xaf[\xb3\x06\x06\xcc\x9f\x7f2&gt;US\xaa\x03\x88\xcb\xe1\xaca\xa19\xe0\x97\x1f\xfe\xfc\xf2A4\x16\x02\x10\xfd\x19\xbc\x7f\xcdBR{\xda^\xcf1=\xf9c*]F\xda"\x86\x0e\x9f"\xe3N2\x18\xba\x95\xf5\xb2\xb4M\xac5pV\xe4\xb6Ak\xc2\x11\x00\x00\xc0\xcb\x97\x89\x9c\x1b\x1d\x1a\xd6\x14\xec\xc0\x9e\xbe\xe8\xc7\xe2\xe4 \xde\x8d\x9f\xf4\x01\x0fx\x83s\xce}\xb7\x06\xbd\xcf\xaad"}^\x08\x11\xa8ks\\\x98\xcd\xf9=!\xcc\xdeC\xee\x8f\x86\xcf\xab\xd5&lt;F\xad\xc8C\x1b\xa6\xb9-\xaf.\x01\xb97\x90l){\xb7\x05\xd6\xdc.8g;\x00i\xc1r \xdb\xbf\xc7\x90\x1eJ\xb4\x80\xe8\xfa\xaaK\x83v\xaa\x95\x1e\x1bm\x07\x8at\xad[\xdc^\x9b\x82\x04V\xadi-\xe5\x8c\xc4#\x8d\x95\x87\x11\xa5\xc7\xda0\x99\xc0\xd4\xb3\x90\xb85\xdd\xdd\xad\xb8\x9e|x`\x89\xa7H\xb2j\xf6g\xa2\x8ad\xce\x03@\x9f%\xcf\x8d\xb8\xde\x16\xe7\xb3\xe5&gt;\xa2\x16\x8eb\xdc\xf7\x8c\xd3\xeb\x8f\x19\x83\x05\xe5i\xfal@h\xc3\xa7\xf8\x9c\xabP2\x99\x80X\xc5\x04\x80#\xd2\xef\xfe\xc5!\xd4\xe6\x03\xbex^\xa1\xb1B\xac\xb9\xa3"\x1fkC\x9b\x02\x9c\xa7\xe9\xf9\xc2\xd9=\x10\xed\xbcs\x98\xa0\xaf\x1e\x91\xe6b\'\x03%\x01\x0c!6#\xd8\x9bMi\x9b\xc7\x9c\x94\xc7\x1cu\x12\xacx\xda\xd4jD&amp;\xc8\x01C\xa3\x8eZ\xd8\x95\xaf`xG\xf9Q\xb9\xe4E\xa5O~\xb7\x9b\x86G\x98\xdf\x07\x18bs\xcc\x15\x0b\x02\xae\xbc\xf3w\x8ap\x9a\xbc\x16F\xeb0\x0b\xb2[\x08\x13`.\'\xde1#\xe7\xfeh\xb0\xd2\xde8\x8a\xc0\x9a\xf1J\xb0\xca5q\x9d^nC\xdf\xb2\x14\x9e\xc3\xa1\xb6T\xc1\xa4q\xb2\x00\x80\xbf&gt;\x9a\x80-\xa3Z#c\x8a\x8f\xab^\x06\xadg\xbb\x142\x06\x9b\xd3\xdal\xe6\x10\xcf\xb2\xe2\tL\x9b\xef\x1a\xd2\x95GTj-z1\x91\x7f\xc2\xa9\'\x07[&amp;\xec\x13A\x0ew\x89\xb3m\x9a|+KB\x02\xb7\xbd\xad\x19;\xa08}{\x83\xf2iu\xbda\xc7\x05\x08\xf8\xfa\x8e\xba\x8e\x8f&lt;\\\xc6\x8c?yi\xd8\x83\x12\xb0\xec\xf0U\xe0\x1d\x02Nh\x05\xf8\x96)i\xdb\x81\xd8z\xf0\xdbti(\x8aB\x1e%\xcc\xf7\xd2\xd65\x10\xc4\x14(&lt;\x02\xf2S\xacso\x10\x88h\x8fxhx\xa2\xb69\x8f\n\x88S\xb7\x9ad-A\xd5\xd2\x821\xd6\x93\xb1\x8c\xcb\xf0\xba\x1d\xbb\xab\xcf\xf2\\\xd3Cg\xcb\x1a\xd7\xc5\xe6\xedL\xd1\xfeY \xff\xf5\xf5o\x0b7i\xe9\x9b?\xe7\x1c\xc0W\x08\xb4\xc3\xdf\x8d\xae\xb3\xa4\x0c\x84?[\xd1[\xfd\xe9\x08\t\x8cf:\x18\xc3gj^T\x15\x19\xf8\xbb\xf9\x95\x95i\xcf\'`\xe60:8dS.+\x83\xdb\x12\xa5\x03\xbd\xe0]\xe8n(#\x93\xc2\x80\x1dO\xf2a\x90\x12\x05\xddh\xcb\x0fj\xfe\x83\xa64\xd7\xc5\x7f\xecx(\'\xa6\xeb\xdf:\xaaQ\x91\xbf\xedT{(\x148\x80\xe2\xadc\x01\xaeq\xffw\x8d\xd2\xbfP\x81\xa2/Z\t\x03\x11:\x13\xabT\x96&lt;\x0f\xad\x13)\xa2Ao9z\xda\xfd3\xee\xfb\xc5!T\xec!L\x00\xc3g\x0b\x05\xe5\xd4\xf1~\xa2\xd5\x98\xcc\xc2\x01\x82\x10?\xca\xdb\xba\x9dr\xa6\xb57S\xbd&lt;\xbe\x03\x9a\xba\x8d@x=\x9f\xfd\xdc\x87~(/\xd7\xf5"e\x81\t\x15\xa9S\xa6\xfe\x9b\xbf\x01\x18\xbfw\x9b\xc4v8[\xec\xd9\x92\xe8Q\xeb\x9eP1/\xc0\xb7\xd5\x0b\xa1\xea\xbajdT\x06\x9f\xdc\x8e\xcd\x11\xf0i\x9c\xc6V\x1d\x1bn\xeeJ&lt;\xed\xd9{\x05/\xe8\xea\x02\x81\x03k8\xf99\xaa\xd5\xd9\xac\xc2\xd8\xc3\xbb\x07A``\xba\x0f\x8e\x9a\x98\xb1.q\x0f4\xa9\xe5j\xc7Y\x91y\xc4oZv\x00\xa5*\'\x06\xc3\xb1\xe5\x8b:\xfc\x87\x97\xd0f\xdf\x15^\x19\xbd.\xf4\x01t/Xh\x8c\xdc4&lt;\xda\xdc\xf8\x0ei\xd99-\xd0"\xd5\xef\xce\xfdRl\xdbz\x806A9r\x9b\x06\x9fe\xd3\xf3\x03k\x0693$\xb7\x01x\xf2\'H\xddP\xf7Tx\xa9\x9c\x91\xca\xed\x8e \x01\xdc\xaf\xbff\x0c\x1f\xcbx;\xa1M\xd21\xe0\xcf\x86\xa1\xbf[\x0e(\xdf\x8c\x8d\xafh\xdc\xae(\xaa\x8b\x9b\xe4\x0c\xb2r\xc3|8\xebtq\x1e\xaaie\x03u\xc9\x93\xae\xaea\xa7=\xdc\xf6\x90\x8d\xfe\x95i\xe0\xd2\xed\t\xef\xb5\x91X\xf9\x03\xd1\x95\xfa\xf3\x9c\x81C\xdb\x86hE\x00\x00\xdbf\x8eU7\x80\xea\x94\xb0\xa45\xb5\xbc\xee\xb8\x14\xa12\xea\xcb\xeamh=\x80\xa4\xf8\xb1V\xbd\x1c\x9a\x94\xdbm\xdb&amp;5\xd1ev\xfa\x0c3gdj\xdf\x87\r[\xads\x17\xfbH\xe7x\x00\xe2\xdf\xa8\x19\x92fYJ\xe3\xc6\xaf;\xfe\xf92V\xa9NW\xdc\xb1\xea,\x1d1\x8d\xaf\xf2\x04\x98\x91v\xcdyf\xaa\xf6\xbf\xbd\xb5\xff\x17\xbdw\xc2\x9b\x9f4\xe4F=\xa55\x82H\xfa\xaa\xe3\xd3]\xeaCU\xb4\xd1\x94\xe6\x9e\x10\xbe\x9dc\x9b\xe3\x87\x03s\xcd\xd1\xdd\xf3\xbb\xd3\x0e4\n\x08\xb0J\xa2\xe4\xad\xd4;\xbe\xfd\xde\xec"\x14\x82$\xc1%w.$\r\xb0\x1bfb\x0b\x85\x19&gt;?\xddM\x07I\x91;\xb1\x95M\x021f\x8d\x9d!\xf5\xda\xec\xc4=\xdf97(\xfa\x0f\xb4\t\xc4\t\x00y\xcbk\x02q"\tf\xfc\x91\xf2E\xc6\x84\xb3!N\x00C8(6\xf3\xdb\x13;\x04[\x9fi\'\x93\x84k\x89GN\x00\x13;7\x01\x95&gt;\xdf\xe8a-E\xc4\x8a\xd2\xd1\xfd\x86\x8f\xcd\xe4\x00\x8a\xfc\xb9C!\x13\'I\x00\x8e\x13(\xef]\xb4\t\xd4\xb7L\xbe3\xf3\xb4\xb4\x02D\t\x8f-\xe1\x8a\xdf\xa4\xc3\x87\xc3\xe4\xef\xc4\xddUH\xf0\xe1\x1f\x9a\x17[&amp;\xa3\xb0&gt;\xa7]\xb8\xa7:\xc5\'\x11\xde\x93\x85\xbc\x87/k\xc7\x16\x81\x8a\x8d\xda\xdd\xba@\xa2\xff[[\xe8S\x04\xbd\xcaK\x8e\xd0``m\xb7\xa20\xe34R9\x14EC\xfa~_o\xf6\xa4\x84n\x15U\xbd\x9e\x9d\x7f\xbcP\xfc\xb7\xe2^\x95\xf5\xa3\xd8D\xa9\xf8\x0e\x00\xf0\xda\xbdA\xaaMQ\xa6\x8c\x89\xa0\x97\xae\x84\x07\x05\xd1p5\x0e\xda\x191\xc9ghI\xd6\xdf\xf1\x8c\xc9\x1c\x82yLv\x08\\\xa22:PTL\x01\xff\x89\xb5\xe0\xc5\xb1\x19\x06D\xac\x1e\xcf\xb2rn\x02\xd0\xa4\xd7MS\x1e\xac\xf1\x0e$\xdc\xfc\xd1\xd5\xdd\x103&gt;&amp;\x0b\xa2\x87\x97%\x8a\x983\x01\xe0\xdcf\xf4\xc9\xfa\x16\x80\x19&gt;\x1d\xa2E\x12\x97C\x89,\x97\xee\xbb\xf7\x02\xc0\xbb\xb6\xed\x03\xeb\x99\xddr\xc9\xb6\xe5h\xdc\x9c\xf2z\xc7\xd79\xb7\xed\xf1Mw\x06\x15]")\n\x91OQ]O\xaf\x8f\xcfwZTS,\xe0\x81\x00p\x8a\xe6Y\xd6\x1e\x02\xddI\xcc\xa8\xa0F\x7fMu\xdb\xe6n\x1e\x05\xde\x0b"\x8f\x16U\x94\x96L\xbc\xf0\xea0\xa1\xc3\xf1$n\x87x7W\xdc\xcbO\x11\x8f\xe8\xbb\xb0\x16\xfb5-\xf3\xd4,\x8cF\x9bt\xe3\'1\x8a\xe4\xe8Voj\x11-\xe179\xdb\xe6y\x14\xc3\xb5\xc0\x81s\xf0?\xaf\xfd\x08\xcd\x1d|3uqQ\x93PQNAK\xa5\xf83\x02&gt;3\xbar[\xe2=O\xfa\x8c\x87\x95F\xc0G\\\xfdd\x8e\xb8kQ\xb2p\xb6:x\x94@\xba\x8cP\xb1N"\n\x89\x8f\xd6\x9b\x9e\xb6\xe7\xa4\xa5\x98\x04\xac^\x93\xe3\x93\xa4\x18\x96\x957;#^\r\xfbg\x0b\xec\xc5\x82\xd3\xdc\x97\n\x11\x9b\x1bJ\x03k4\xe6w\x97\x1a\xc4&lt;\xa7@]\x10\x1f\xf0 S\xd3\xee\xb8_y\x95\x87\x90\x98\x88RM_^\xe7\xbd})\xe0\xea$\x80\xa0s\xa1\xe0\xe0\xf3\t.\xc2g\x84\xd2\\\xbcl\xf3#\xf2f\x7f\x8e\xc5m\x90\xa7\xf0\xac\x80\xbe\x13d5\xd6ERu|\x11\xe0\xf0EN\x03\t\xef(r\xb84hA5g47\xee6&gt;\xa2]f\x81\xf8\xe4\x97.\xe7\x12rt\xef\xef!\xda\xfd\xb7\xb2\xe1c\xdb\x82\xa4$\xb3\x89\xe3\xcf21\xa2\xc5C@|Lp\xf2na\xcd\x16Q|\xd0c\x8aQ\\\x01/G\xdf\xedEC\x00\xf8\xe0\xe8J\xdc\xc6^\xa2&gt;\rr[\xe3\xae\x1c*jF\xadz\x93%\xe4\xa2SPq\xab3\xc9\xd3+S\xf9\xf1h\x07\xa0\x88&gt;.\x94\xdc\xa3\xe0\x8dO\x88\xe2\xc0(\x13\x0c\x00\x9f\xa7Gi"\xf4=\xac\xa0\xae\xb4n\xce:\xfb\x9a\xd0\x8a^\xbb\x18V@l\x91\x00b\x15\xa1FZ\xfb\x98\x01\x8b\x89\x8a\x07V\x8a\xf8\xe6\xa2\xfc\x06\xa9k&gt;PL\xd0\xd3H\x16\x8aJ1\x86\xf0\xac\x89\x14x/\xca\\\xd0O\x99\xe9z{\xa22\n\\\xba\xee\xf7\xd2\xb8Q\xb2Q\xf4\xdf\xbb\xc6\x12\xc4q\xbc\xd8\xed\xd0\xd8\xc0\xfc\x96\t\xf7`1\x03F\xcdV\x8b{\xeb\xa3B\xf0\xf5\x85\xa8\xfb\'\x95\xc4&gt;8\x9a\xdaA\\\xe4\xc6r\xe4\xda\xb5\x13\x00\xa61$\x80q+\x88\xaa\xa3xH\x18/9\xbe\xe5\xb0?\x13\xa2H\xea\xd4\xe6w\x1f7\xa9z\xb6\xbf\x8aM\x05\xdcF~?#*\xcb\xb7\x05"\x92V\xad\xf7CbY\x90\x0b\xfd\xdfX\xa3\xbb\x02\xb7\xd0\xc6\xdc+\xb4\\\xb9ccBR7%;6\xe2\xa3\x8f\xa2u;\x0f\xc6N\x0e0A\xe2\xe1\x01\xaf8\x1c\xb0\x00\xdc\x0e^\xb4\xfd$Y\xe5\xc5o\t\xa4Q\x1a\xab\xd4\xfd\xc4\xeeHr\xdaM\xcd\xe5\x91\xcf\xa3,1\x18+\x19\xb8\x13\x81\x90\xb1\x11\x96\x9a!7\xf8v\x89\xbd\x85XS\xe8\x9f;{\xaa\xcb\xa1]h\x8ec4\xb7P\x95(\xad\x93\xd3\x1fP\xf2\x84\xdc\x9b\xbe=U&amp;\xb1\xc8\x84*\'\xe5\x00\xdc\xbe\x95\xaau\xc5\x9a\x00e\x0c5u\x90\x96\x89\xce`k\x14=\x07H\x9a\xf4\xda\x9aK\xdc\xb5-N\xe6H\xc9\xfa\xac\xb2X\xae\xdc\xf7\xe0\x02U \xd8\x9ahq\x80\x17\xf3\xbbXv9n\x02`\xbf\xcbfD\x85i\xb3\x92\xf1lf\xfb\xfa\xf9"v\xb4s\n\xa7\x8b\xe8\x16(\xc4\x17\xe9\xddu\xc9H$X\x9a\xa3\xce&gt;\xd3\xdfE\xfds\xc8\xe0b\xb1\x97QT\x15\x0b\xdc\r\xf5\x0f\x8aU\xa5\xa4Y6+\x1f\'\x1b\x8e\x11$\x8e4\xf5\x8ae\x81vJ\x03\xb3~@\x1c\xceD\x9e\x9c=\xdb\xe14\x9e\x1b\xf5\xb7Vl\xda\xc5"\xa7\x0cdT\x91\xea\x878#\xb5\x07\xa35\x9d\xc7a\xe0Q[\xf1\xc6\xe6\xf5\xce6K\x85\x80\x96\x14\x00\x00\xf0_\xe2\x8b\xaeW\x1em\xa1Dv\x80q\x9e\xfdq\xcd8\xb8\xdbgE\x18\xb4\xbe\xaeG\xd4=\x07\xc2m\xff\x88\x99 \x00\xbc%\xff\x96\x87\xb2\x9c|K\x8a\xa1\xc6\x1a3\xbe\xf1C\xdcB\xddc4QQ\xc7q&gt;W\xda\x11\x00\xbe\\\x93\x88I\xc4\xce\xcaJn\xe7X\xfcD\x18\xcc:\xf6\x01 |\x10P\xa4\xcb\xbb\x87\x11]\xa9\x11\x0b\x1fG}\xe2\x88\x9e*\xfa\xc3`\xa6\xe7\x1e#\xb7\x10\x98=\x08\xca&gt;\xd5j\xf7\xe4\x83\x8d\xd8U\xe9\x8f\x7f\x0cttF\x8a\xd2#\xd8b\xb0Z\xce*\'\x90\x9aD\xc4\xc5\x1b\x1d[\x9b\r\x9a2\xf8\xe9Gw\\\x1c\xcf\xcf6\xe5R\x12\x0c\xa1\xdb\x84v\xf6\x9a3yi\x1a\xc4\x04`\xb9\xd2\x89\xa1U\t\xb2\x9aA\x83\x9fzompDz\xeb\xc2\xc7\xb8/\xc9\xe8\x15;=\xa0=\xe9%&amp;&amp;\x84q,W\x0b\xee\xc2\xf7\xaf\x98\x9d\x85+p\x8a8\xf9\t\x867\x02p\xc8\x01\x93\x1d\xa6\xd1g\xb4\xdb\xd4\x1b\xf11\x83\xe7\'\x8d\xf0]\xe8\xbb\x95u\x80V\xc7d\xf8\xf7k/]\xed\x95\xa2l\xb80\x13\xc5\xf8\xee7\xf0\x8f\xc6j\xac&lt;\xbc\xc2\x1d\x85\x1a\xdd\xc9\xbe\xb2\x89\x88\'4\xa7Q\x90\xe4b!I\xd5\x06a\x96\x9b\x05Z,\x0e\x85\x90\x92h\x7f\xed\x158\xa4\xb7\x03\xb8\xdf\x7f\xce9\xedo S%\xae\x9a \xf4\xf9\xd7\x8b}\xe7\x06%\xb5\xca\xac\xf0\xd5\x15}\xe9z\x1b\xedZ\x9a\xdc\x1f#\x0bM\x8e\x08\xe0+\x91w\x05b/\x7f\n~\xe2h\xd4\xaa\xb0\xbc\x16s\xa5\xabY\xec\xeb\x86\xb6\xca\xfe{\xfe\xf6\xc33\xa1cE\xec\xa7\x87\xe4\xf5\xc3E\xe2\xe8.\xff\xfeiL\xddd\xa0\x87E\xa4U\xf3\xe2\x1d\x82?\x85\x07s\xc3A\xb4\xf6\xb3\x9ai/4\xa8\xe8;\x10\xed\x0e$U\xc4\x86\x05l\xbdD\x92F=i\xb7\xe3\xc1\xd8\xce\x9fk\xf8NF\xbcuh\xaa.+\xb6\x85PE\x88\r\xa4\xb8\xfd)\x1d7\x89\xef\xc21\xba5\x9a\xa7\xd8h\xd5\xb6\x92S\xc5u\xef\xdc85\x81\xe1\xb4\xa0\x04\xee\x08\xe3\xa8\x83\x1b\xe9\xab%\xa4\xca\x1cD\xbd\xd8\x02\x05\xc6\xe1u\x98\x1f\xc4\xbd\xc5\x1c@N\x81\x00\xcawV\xaaL\x00\x00 \x00IDAT\xdf\x95$\xb3C\x1f\xf359\xc9\xb14\xf7\xc5\xb0\xae\xc8\xb6^\x8e8\xe5W\xea\xad\x94\xb9W\x9d_\xdaR\x0b\xae\xbd^\x0eC#aQ\x0b\xa7\xb2\xe3a\x91"2G\xb2\x13\x8e\xc4\xc7\xd8\xb8 \xde\x01\xf4D\xbeD\xb2R%\xb3\xb6zM\xb7t\xed\xd0;\xfceV;k\x0bU\x14\xa8\x8e\xe3\xee$z\x97\xcc\x7f\xaf\x18\x8cxx\x0e=\xe9\x197\xc5`\x88\xad\xd3\xcd\xac\xea\x8a\xfa$\x00]\x158g\x83.\xaeV\xa0\x886\x82\xffBE\xf7\x85\x00|PE_\xe1\x8d\xb1\xe4\x15+e\x8b\x07{\x8c\xce\x85\x1eq\xaa\xa6/\x93\x9eL\x17[\xcb~hN\xd0x}\x94BD\x8cB\xa3\'v}\xe9*\xb8\'\x95\x13\xa1O\xad\x90{\xa4B\xb8dll\xbc\xb8\x12\xb0\x9ba\x94\xc7%N\x90\x8d\xc2\xedg\xba\x16x\xfd\xfe\x96\xbc~\xf74\xb69\xa5U\x14%a(\xe8e\xc1\x81\xee+\x9fO^q*\x83\xfb\xa5\xcf\x1b\x94?\xaeY\\\xe7,\x9ey\xbd^\xe5\x19\xe1\xcfE\xf0\xba\xb2\x94TI!\x95\x12\xcc\x01\xbc\x7f\xafW\xe0\xf0n\xdf\xa3\xb4\xfdE\xef\xe2"\xe7\x1f\xddx\x00|\xaf\x9a(-A\xbeL\xd5\x03\x82X\xd2\xa8\xf3\x07\x0b\xc7\x1e\x8d\xd4\x0f\x1f\x17\x11\xb1\'\x8c\xe1a\x8c\x83\x15\x8c\xb2\x85\x919h\xb3w)&lt;3@8V\x02\xa4Y\x8b\xa0&amp;;(\xef\x03#\xae\xe2JGd\x9d\xd1\x88\x83\xf8\xae\x83L\x8e:\xbe\x93\xdf\xc5\xc2l6\x01e`\xb46j\x0f\xb4e\xdf\x92\xcb\x14w,\xf4\xfcB\xa1`\xc2\xda\xa8\x96\xa3\x9f\x00,T\xca\xccG3\xb5\x94\xf69\xa3o\xae\xa2\xb5\x02\x02t9\\O/z\x1eQt\xd3\xd4\x0e5\xf6\xca\x9e\x93\x18\x88\x0e\xd6\x80F\xe7\x86*\xfcS;\xfa\xa4pg\xb0\xd1\xcdv:\tJ;\xcb&gt;\x19\xde\x8a\xeb\x91c\n\x1ct\xb4T7 \xb6q\x95\xa1L\xdc\xb3Z\xb5.\x9e$\xe8SQ\xf8S\xbf\x18\xc6\x8ay\xc6\xe1\x7fmY[\xe5\xde\xe1\x06\xb5-\x12\x04\x00\x0e\xc0m\xdb\xad\x91\xe0\x8b|h\x10mbb\xc2\x15\x92\xdf\xe6J\x9eLR\xc7\x84V\xe2\xc1\xb9\x89\xe3K\xa6&gt;\xbbhdr\x10\x11(Z\x9c4%\xd1\x83*\xb7\xcb\x87\xebU\xf3\x8bZ8N\xcf\xb1a\xf1)Z\x01p\x18\xfc\xa9\xfa*\xb1\x90\xbc\xf0\x167\xc6\xe9\x058\xde\x08\xe0\x9d\xc8\xdd\xec\x9c\x8aF7\x8d\x1bH\xbd\x0bW\x94o\xa7\x9a\xdba\x90\xd2\x89\x91\xdc\x1b\x1d\xee\xc9\xa5\x13@:KM\x06\xfc\x1cY\xbc\xd2\x14\xcd\xe1\xe5\xffL\x83&lt;\xc9\x9aJJ\xeb\xc6\x06Q\x9d\x96\x1c=Q\xb5L\xc2+\x19\xaf\x10\xd8\xf9\x94\xf1\xb1\xf8h@O\xbd\xa3\xa4\xd9\x9cY\xca\xa2\xea\x7f\xa6\'\x87O\xad\xd9\xa3\x02\xba\xd2\xdeThpo\xa9W\x18\xb6/csJ\xe37&amp;*\xa8\xe7\xd2\xae\x8b\x9eE\x83\n\x86\x1b\x7fW\xdfs{*F\xc0\x119)\xb2\xeb\x06\xe0!\xdb\xa6B\xb2\x98\x98\x0cM\x13/e:\xfb\x0c\xf9\xa2\x05\xd7U\xf3\xbcS\xd3\xc2M &lt;ft\x8e,\x91\xdc\x18\xe1\xed5f\x07\xdb^\\\xde\xc9\x15\x85\x00p\xf9Xh%\xc4\x03\x81/A\xdfEt%.r\x95\x97\x11\x0b}\xe2z\xdd|\x0e\x08/\xd2r\x83)\xe0\xb5C\xadpZ&gt;\xef\x95\x00x\x8a\xb8\xa4\x9aN:"7\xe1\x87\xa3M]\x04^9\x15s\xe1\x1b\xf8\x03\xa9?\x8e\x03t\x8a\x83\xb7\xf6?k\xbc\x02\xb9\x8b&amp;\x14\x08\x9f\x18\xab\xa0\xef\x1b\x1ay\xb8\x11\x9fdc\x0f\x9d_\xec_\xec;\x98\xf7\xe9\xa9L\x84\xbdD\xc2\xa3\xd2\xfd\x00\xaae6\xe2\xb6\x87\x9f\xcb\x13UT1Qe\xb0\x10\x83&gt;w\xc5\x04\x90\xbb\x9d\x93\x15\xf8\xcf\xd1w9\xbf\x8d\x90LT\x82\xbe\xc9\xb7\x02\xe1\x1c\xc9\xb6\x8e\xaa\xa8\xa8\\\xd2c\xab\x83G\x88G\x97\xdc\xd3m\x98\xa5\xea5&gt;p+\xf7*+-\xa9\xee0\xfcnFV,\x11\xe8\x9c+\x8ant\xd3pl\x16n#\xfe\xbdL\xa7\x1a\xf6}\xcf\xfdO\xda\x06\x88\x8b\x9f\xa6\x9d\x15[\x84J\x02h1b\n+\x95E\x9b\x8ch\xf5PY\x9c\x17\x19\xa6\xf2\\h.\xef\xa2\x1d\x92\x02\xc4\xf1+j\xa0\xa3\x85x1I \xf2\xd5\xe6\x8eQ0\xca\xde\xcck\x7f{\x91\x15\x88\xcb)N\x04\x0bu\xc1MHf\xe2e\xc0\xc2\x0f\xee+\x9f\xfcY4\x8a\'i\xed\xe9\x86\x838\x96gDW\xbeF\x91C\xf5Z\xf2{\xe7\xd6\x03\x80Z\xe2D\x99\xdc\xb57\x9a\xf7\xd6\x83H\xca\xa7\x8f\xe5\xd2\xf2\x8f\xdc^kF\xca\x92\xd2\xdc\x9fx\xe3\xf8]"eE\xa7\xd5\x85\xa9jL\r\xe2!\xd5\x17\xb9A\xb3\xb9\x8ck?\x0c\xe9\x9a\x14~{\xdb\x8c;v\xf6s\xb6\xea\xc0\x8a8K\xa9\x1d\x80T\xa3\xb0_^`\xf1\x06\x92\xc8\x1bS\xf7rY\x02\x94\xe1\x95 #i\x8c\x81\xcc\xddx\x15\xbd@\x81HQg\xd0?\xc7P\xa1"\x1d\xbc~\xad\xaaRS)\xda\x0e\x13\x04\x94\xa2w\x94Q\x11\xad\xe5\x80\xce\x7f*\xc1\x7fM\xdd\nT\xeb\xd5\x85w\xc6\x95\xe5oi\x89\xa4`\x9c^\x11*E\xad\xf1I\x92\x85\xe6\xffT\xa7e\xf7\xe9\'\xa3Zd\xebV\x06D\x97\xb5\xbb#9X&amp;\x89\x9cR\xb6\xe6\x1c\xe4\x03zc\xcb\x80w\x1e\xff\xb4I\x9bW\x92\xb7?\xb0\x13\xc0\xbf\xf7\x885\x8b\xdeoG5^K\xac\x95o!H\x04uY\x8e\x8f_\x04u\xe1\x95\xa1\xd1G\x0b}\x06\x9b\xf2\x08t)\x1e\xeb5\xcbO\xac\x83_\xf8s=t\x89\x85\xcb\xacd`MW\xa3g\xb9GT7\x1c\xb9[y5\t\xc0\x02\xc2\x04@\xb8\xa1\xa7\xa9]Q\xd6\x08\xe0\xf7\xfcU\xd7\xc8\x1b\x01\x9eJ\xe2clAQ\xc8\xfc\x01\x99d\x91:\x8aib!\x86\x0c\xaa\x02p\xee\xb3roU\xbb\x0f\xd1\xc4\xa6\xdc4\x87\x9dg@\x17=\xa6\xe0\x9e\x93\n\xb9\x95\xc42\x02\xd3}\x8cz\x8f\xe2\xc9V\x9a.\x8d\x8cR\x9d\xf3\x87n\x0e\x9c4Hpq\xbf\xdd\x1a7e\x1d\xbc\xe8\xe2Yu\xd5d0@V\xdf\xb2\xd2)\x02P#&lt;O5\x84\xe1H\xbac\xcd"\xcfm\xce(\xbb6\xae\xca\x8b\xc070\xbb0\x95\xe8\xf4\x9d\x1a\xc1.$\x13\xf2\xf4uq;\xfe\xa4\xffg5\x87dXO6\xce\nI\x89\xad\xe0\x95E\xcdjm\'\xbc\x12\xd7X\xe4\xfdy1\x1f\xc5\x88s/U\xdcQdC#Z\xa4\xa9\xd9\xd4\xdd\x7fOW\x82^|]\x82N=\n\x99\xa6%9\x90\xe5k\xd1 \x1e\x92\x10\xa33EN\x0b\x03\xc62[\xcc\xd1\xaedW\xc7\x1a\x0b{\xe1\xb4\x11\x8b\xab\xf3\xa7\xa7\xbe&lt;=\x03\x9a/\xf8H\x1d\xb5/s\xe7^S\xeb\xf9\x1d\xb9r\x12\xb1\xc3\xfbW\x05~\xd9\xa2\'\xd5\x93oo\r\x00\x00\xc0\xf7i\xe5\x00\xba\xd2b\x03\xbc\x89\x9f\x00J\x85\xd7\xbdYQQ\xec\xa28\xcfX\x1a\xf9"K0\x8fC\xa3\x0c\xd1T\xc2\xf9\xd1z\xf1#\xf2!z\xe1\xe3\x99\xa8\xcc\xe0\x85"@\xfa\x01qOB\xb6;\xdc\xf6\xa1\x0f\xe2\x9a\xc3\xf3\xca\xc0\xdcv\xad\xa6\xb1\x06i?I\xde\xb7\x08\xf2\x81\x94R\xa2\xd0\xe9\x10\x01\\\x94\xd2r-\x91&lt;Wsc\xe0qV\x1c\x1b@\xff\x9e\x07\x99\xfc2\x01\xb9\xf7A\x9b\xaf\xe8c-\t\xf5\xc53:f\xca\xd1$\x1f\x13$g+\x8c\x0b\xfe\x15U\xcb\xad\x17\x9d]Ili\x13\x80\xf5}\xa7\xde\x87-4\x0e\x0f+\x05p\x17\x14\xa5=\x8b\x10\x87\x80\xd0\xdffE\x87\xfcoD~\xaem\xb2@\xb8\xac\x19J\xd9B\'P\xd9\xab\x1b\x0e\x85\x18\xbfK;2IE\xf5\xb1\xc9\x0f:\xe9\xaa\\\xa4\xd1\xdb\xaaJ\x89\xfd~\xbc\x01cg\xd0\xc1\xe1\x10\xfdH\x92\xaeP\xa7\x10\xa6\xc9\xcdH\x94\x16B\x0c\xdc\x83\xe7@\xf7\x8cnAm\x14\x90\x11\x02;\xb9V\xed\xe4|\xbd\xb1d\xec\xcf\xfc[|\x1a\x9a\x93\xe2\xfbO\xfcBK&gt;\xbe\xfb\xc1\xaf\xb0t\xa5.\n\x85\x04D(r\xbc\xbe\xbf\xd9I\xf3qN2\xdc\x0ef\x1f\x0b\xf5\x01\x8e"\x01\xf2\x1f\xe8\x07\xe7\xe0\xfdj\xf4\'t\xe5\xdf\x92\x0c\x96\xb4\x0fmyC"\xa1\xeeu\xe4\x96\xc5\xa9\x89,6|\xbbv]\x8a\x1f\x1d\x9eV\x97\xbb\xc0\x87\x0b\xd4\xf5\x07\x97\x12\xc0\xaf\x17\x1f"\x85\x8d\xebb\x9cb=\x94\xdec\xa1\xf2\x91" \xd8\xc0I\xc8\\^\xb0z\t4\x8d\x02\xe5\x1c\xa3\x95\xea\xd2\xa4\xea\xd6\xd8HM\xc4\xadg\x15\xd1Y/\x96\x05=\xc7\xcd\xd9\n/\xb7q\xbd\xc5\xe9\xa4&amp;\x80T\xed\\\xe8\xc2\xd7\xa5\x05\xfa\xa0X\xbd\xea\xa1\xbe\xa1Q\x13Ek\x93\x8c\xf2X\x17\xe6\x86\x95\xde\xf8T\xe89n\xd2L+g\x01\x1e\xb8\x8as\x89\xa4\x18I\x159\x08TPD\xf5\x08IG\x8dI\x1a\xce\xb9\xaf\x8dN\t\\\xc4\xb0\x86\xaf\x85\xc8H\xecU\x13\xd4J;\'\xba\xe0\xb9q\x19iPR\x08\xef\xca\xa8\x91\x1a\x07\xb3c8,o\xda\xee\x01\x91 P\x8a7\xd8K\xe6d\x87\xc0\xc9XdZ\x04\xdfDE\xdc\x98CM\xf7\xb8\xde\x07\xe7\xe0\x1f\x13\xfb2nS#YGe\x16\xd4\xa3\xea\xd8B\xb5uQ@\xa9\xa5\xc4\x14Zp7\x1b&lt;\xc7\xe0W:\xe7hG\xb4E\xe4\x02:k\x12\xb9S\x0e\xb7\x83\x0b\x8aL$\xfa\xfb\x8d)\x19%vq\ns\x15;S$\x10\xd3Xb\xbe\xf8\xba*\x91\x0c\x16\x10\xb5Av\x1e\xbb\xf1\xd9{A\xf8z\x88\x04\xc6\xba*\x07\xaa_\x19\xf0\xea\x12]\xe5\x124\x89\xe3\xc7C9\x86MRr\x160\xd87Qq\xab\xc1\x11\x95h\xffK+\x04\x06\xc2\x1b!\xb0\x00\xfc[\xe7\xbcM\x18\xcf\x02\x02\xd5\x9c\xc6a\xdft\xd1\x90H\xb1t\xb1\x04\x1aa\xc7\\\xca\xe42\x11s\xcb\x9dL"L\x8az\x83\xd2\x87\xd8\xf15t\x1d\xd5H\x98\x97\xd6\xabx\x85+\xc1\x1c\xc8u\xf7\x9b\xac\r\xa6\x10\x8eKq\xf0\xe5dQ\x02\xdc\x97DE_z\xfbvS\xc3\xad\x91\xa9b\xf9Q\x86\xde \x19\xfd\x93\x11\xb6\xa9\xe9r\xf42\r\xd4\x0e4\x08d\xe2+\xadT\xe7DUZ^\xdd\x7f\x14{\x1d$(\xc9\x19\x80\xb0\xd6\xd3\x18\x03Q\x06\xc0\x17\xd6\xeb\xa2)R\x18 \x1c7\x89\xf5\x00\xd19C#\xe0U\xaaX\xa6/\x08\xcb\xe2\xe9\xd0]\x90\x9c\x17b7\x01dz5$\x80$r\'u?F\x05\xa0\x17^\xb5\xd0\xe2X\xb2\x93{\xb5\x80z\x028:\x1c\x83C\xb1\xadJz\x97\x8d\xef^\xe9\xab\x9f\xc0\x92UW\x8ae\xf9}.\xbc\xb2iHO!\x04\xeat\x13\x00\xab\x17\xc5=\x00\xe0\t\xb2\x1c\x97\x1f\x0e\x8bO\xee\xad\xff\x9ey\xf7iE\xc9|\xa5\xa3b#\x00\xc0\xd7\xc4\x17?\x8e\xc8\xa6\xdd\x92\x1f\x8fx\xbf\x9fh\xa3T\x03\x16\xdb|\xbd\xef\xeb\xf5*K\x1c\xba\x15\x83\x192l&amp;\xc5\xc5\xac\x85}\x1b\x9b\x8b\xa1I\xd5\xec\xc0\x1a\xfc\xa9\xba\xa3\x12$\x80\xfd\x8dC\xf0e\x1eF\xe1\x17\xc5\xa8\xf4\xd5F^\x0e\x00\x00O\xd0\x89\xe5F\xd1a\x11\xc2\x1fL\x90i\xa2h\xa2$\xd1\x93ke\xb9\xed\x9c\xfb\rW\x07B\xdb\xa7:"\xc2\xbd\xe0%\xa1\'F\x18\x98\x08G\x87\x82"\x94\xcf*\x94\xb0+\r\xae45W\xacT&amp;!\xe6y\xb9\x92\x8bAA{$O\xc8X\x8dB\xeb\tKl1{\x95\x8ct\t\xb1\xb4\x9b\x87\xbc\xb0($\xc7\xe3\xe6\xa5\x05\xd5\xa7\x82\xd8\x95:XD\xc0\xad\xf3\xc2\xa8\xd1\xcbH\x00"EH\xcc\xf5\xab\xe0?4"\xa0d[\xeei)\xf5V\x90\x04jh\'\xb3`\xb1K\xe7(\x90Lzv\xe2PH\xec85\x89\xf6\xa9+9\xab\x02\xbc\x85ho&lt;\x9a\xe3m\x82\xf6vl\xab\x06\xca\xa0d\x03\xef\xb3\x1e\xf0\x98\x9b\xa8\x02\xf8\x92\x0b[\x10\xbf\x84d\xaa\xd0\x02\x1cC\x95\x82\xc0(\x8c&amp;\xeb\xa9\x80C\xf0\x82\xa5\x8e\xdf\x05S\xf4_\x88B2\x1c2\xb9\xa4HI\xc1\xe1s\x12\x92W\xb3S#SM&amp;S\x90\xd3\xa7\xf2\xd3S\xd3t\xe2\x16\xd2\xd0\xb2W\xa6:\x180\x19\x00\xf0\xf4\xbe\xd1\xbf\xdb\xd8\xb9\xbb\x8a\x16\x92\x13}\xf5J\x93\xe0\x8a\x1f_\x8aF\xce\xbd\xde\xffd\x91\xdc\x95\xaa\xcfb\xee(lR\xe0[\x9f\xdc\xac)\x8e?\x10\xd5\xa7\xde=\x0f\x9</t>
        </is>
      </c>
      <c r="E548" t="inlineStr">
        <is>
          <t>&lt;class 'numpy.ndarray'&gt;</t>
        </is>
      </c>
    </row>
    <row r="549">
      <c r="A549" s="1" t="n">
        <v>547</v>
      </c>
      <c r="B549" t="inlineStr">
        <is>
          <t>steps_per_sec</t>
        </is>
      </c>
      <c r="C549" t="n">
        <v>7900</v>
      </c>
      <c r="D549" t="inlineStr">
        <is>
          <t>9.972033</t>
        </is>
      </c>
      <c r="E549" t="inlineStr">
        <is>
          <t>&lt;class 'numpy.ndarray'&gt;</t>
        </is>
      </c>
    </row>
    <row r="550">
      <c r="A550" s="1" t="n">
        <v>548</v>
      </c>
      <c r="B550" t="inlineStr">
        <is>
          <t>Loss/object_center</t>
        </is>
      </c>
      <c r="C550" t="n">
        <v>7900</v>
      </c>
      <c r="D550" t="inlineStr">
        <is>
          <t>0.39497873</t>
        </is>
      </c>
      <c r="E550" t="inlineStr">
        <is>
          <t>&lt;class 'numpy.ndarray'&gt;</t>
        </is>
      </c>
    </row>
    <row r="551">
      <c r="A551" s="1" t="n">
        <v>549</v>
      </c>
      <c r="B551" t="inlineStr">
        <is>
          <t>Loss/box/scale</t>
        </is>
      </c>
      <c r="C551" t="n">
        <v>7900</v>
      </c>
      <c r="D551" t="inlineStr">
        <is>
          <t>0.06139459</t>
        </is>
      </c>
      <c r="E551" t="inlineStr">
        <is>
          <t>&lt;class 'numpy.ndarray'&gt;</t>
        </is>
      </c>
    </row>
    <row r="552">
      <c r="A552" s="1" t="n">
        <v>550</v>
      </c>
      <c r="B552" t="inlineStr">
        <is>
          <t>Loss/box/offset</t>
        </is>
      </c>
      <c r="C552" t="n">
        <v>7900</v>
      </c>
      <c r="D552" t="inlineStr">
        <is>
          <t>0.16981757</t>
        </is>
      </c>
      <c r="E552" t="inlineStr">
        <is>
          <t>&lt;class 'numpy.ndarray'&gt;</t>
        </is>
      </c>
    </row>
    <row r="553">
      <c r="A553" s="1" t="n">
        <v>551</v>
      </c>
      <c r="B553" t="inlineStr">
        <is>
          <t>Loss/total_loss</t>
        </is>
      </c>
      <c r="C553" t="n">
        <v>7900</v>
      </c>
      <c r="D553" t="inlineStr">
        <is>
          <t>0.6261909</t>
        </is>
      </c>
      <c r="E553" t="inlineStr">
        <is>
          <t>&lt;class 'numpy.ndarray'&gt;</t>
        </is>
      </c>
    </row>
    <row r="554">
      <c r="A554" s="1" t="n">
        <v>552</v>
      </c>
      <c r="B554" t="inlineStr">
        <is>
          <t>learning_rate</t>
        </is>
      </c>
      <c r="C554" t="n">
        <v>7900</v>
      </c>
      <c r="D554" t="inlineStr">
        <is>
          <t>0.0009996543</t>
        </is>
      </c>
      <c r="E554" t="inlineStr">
        <is>
          <t>&lt;class 'numpy.ndarray'&gt;</t>
        </is>
      </c>
    </row>
    <row r="555">
      <c r="A555" s="1" t="n">
        <v>553</v>
      </c>
      <c r="B555" t="inlineStr">
        <is>
          <t>train_input_images</t>
        </is>
      </c>
      <c r="C555" t="n">
        <v>7900</v>
      </c>
      <c r="D555" t="inlineStr">
        <is>
          <t>[b'512' b'512'
 b'\x89PNG\r\n\x1a\n\x00\x00\x00\rIHDR\x00\x00\x02\x00\x00\x00\x02\x00\x08\x02\x00\x00\x00{\x1aC\xad\x00\x00 \x00IDATx\x9c\xed\xbdy\xf8=\xcdQ\x17\xda\xf3\x06D\x90\x98@\x02\x08\x0f\xc8\xf2D@e\xcb\x05Qd\x91 HHX\xd5\x84 \x01r\x8d\x97%\x08\x84\xd5\xe4\xb2\x84%\x82F\xc5\x87\x9d\x08\xc8\xa6@X%\x84\xc8"\x10\t\xb9`T\x0c\x9b1\xd7\x10\xcce1d\xc1\x04\x84\xa0\t\xa9\xfb\xc7\xcc\xf4\xf4RU]U\xdd=\xd3s\xbe\xf3y\xde\xe7\xf7\x9e3S]\xf5\xe9\xea\xaa\xeae\xce9_\xe7.\\\xb8p\xe1\xc2\x85\x0b\x17.\\\xb8p\xe1\xc2\x85\x0b\x17.\\\xb8p\xe1\xc2\x85\x0b\x17.\\\xb8p\xe1\xc2\x85\x0b\x17.\\\xb8p\xe1\xc2\x85\x0b\x17.\\\xb8p\xe1\xc2\x85\x0b\x17.\\\xb8p\xe1\xc2\x85\x0b\x17.\\\xb8p\xe1\xc2\x85\x0b\x17.\\\xb8p\xe1\xc2\x85\x0b\x17.\\\xb8p\xe1\xc2\x85\x0b\x17.\\\xb8pa \x00\xfcy\x008\x9aE_\xd4w\x0f\x00\x86\xf5\x12\xc3\r\xe2{\x00\x80\n\x8f\xdb\xb7\x9e\xd8\xbf\xd3\xa3y\xf9N\x0e\xfb\x85\x13\xa22R\xeb\x03\x1d\x00\xe0\xff\xab\xd4\xd1\x05\xfc\xcc\x94\xdc\x00\xa0\xa6\x80\x86|zi\xbe%4\x1f\x00\x80\x06\xab\x9cX\xe1\xe9\x07r:\x9a\xc0\xe9\x01\xb7\xe2\xc4\xa4#spO\xd3\xe9;\x17gi\xda!\xdfk*\x99o\xc0\x03\xa7\x03\x00P~\x07\x80kD\x1a\xe2\x9e\xdd,\x9dt\xae|dI\xe0f\x82\xf1f:\xc2"]\xdb\xdfv\xafO\x9at\x13]\xe3o\xa0\xfa\x9ftP.\x0c\x84o\xdb\xc5\n\x00\x00|\xc0.\xa6\xba\x00\xbe\xdf\xb9\xe8H\x87;\xdcA\xc5n`\x8f\xdf\t\x97_\xcc\x18*\xa6N?\x9dv\xc5 \xc7;\xdb1\xc5\x18|\xce\x05\xb4\x88\'\x0bI\xb2\xd0\xdf\xc0\x82\xb3\x0e\xadN\x02\x01\xdc]w\xe5\x90\xd8\xef\x08\xa8\x1fj&amp;T\x98\xff\xa3\xce\x7f+4\xb7\xc4J\xef@&gt;#\xadZ\x1a\x83;V\x1ej\xb5\xb6;\xe6\xce7\x9a\x04\xef\xb4\'\x87\xc5\xd0\x13\x80p\x03^\x13\x9e\xd3\xfc\xdf4\x1d\x1b\x9e\xe3\x1f5\x8c2\x17*!q\xab/p\xd3\x94\x1e&gt;\xdf\xf6\x06\xa0\x18uS;\x0f\xdc\xb6\'/\\\x90\x82:\x80\xee\xa7\xfcB~\xac\x1f:*w\xd9u\xfa?8\xae\xd1i\x85^;\x00\xbc\xccu2vZ4w\xc8\xb5\xce*"wQ\xee2\xbf\x158\xa4\xd0\x00\xc0\xa7\xeeo\x95\xc5h3\xe2S\x8e\x8bs\xef\x87\x81\xdc1 \x92\x88\x01\x18.\x86f\xf4 \xc4w\x13\x02\x99\x01\x1dr{\x00l\x07@\n\x0f\x10\xa5\xc73\xc8@~tj\x98:8\xc0\xb8\x9d\x12{L\xa4\xb0\x9b%=:}\xaf\x84W\xbb\x86\xea\xe4\\*\x866\x9c\'\x8bku\x9fC\xf2\xd9\x12\x98\x85\x88\xcf\x02\xad\xcb9\x08/\xb6#hA\xa7\x98T\x11p\xb1\x1f\x80\xf0\x0fz\xfd\xfa\xac\x9a[\x07\xb1\xd5g\xa8.\x14`\x9e\xfd\x8b\rk\xd6\x15\xe1\xa2$\xd13\xecb\xe5\xb6\xd7Q\xe8\xe7\xfc\x93-\xc2\xd1\x1c\x8f\x87\xca\x0f\x12\xb9;\xe8S\xbf\xd1\x07\x80\x8f*\n\xc3\xbbu\'\xb4?\xf8\x10\xaaI\xb5\xf7\xc1\xb4Y\x95\x15P;\x01@\xe1\x93\xa6\x17v\x062\x07h\xaa\xff&gt;\x93\xc4\xa9\x03\xe6\xa5G\x13\x18\x07g\x1d\xc2V`\xb2\xa5\xea\xc3\xfb\xe4\xcf:V(U\xda\xd2*\xb9V\x97\ra\xae\x8f\xcb\x92?\xd9\x01(\x97\xff\xfb\x8cc\x0f+g\x89\xc0\x90\xa5\x8d\xf2\x93\x1b1\xd9\x01\xf0\xc4\xa3\x19\xf4\xc3\xceU\x8f\xb1d+\x19`\xeaB.\xcfW\x17\x7f\xe3\x1c\xd99\x00Tc\x12J\xfaq@\x9b_\xfe\xbf\xc0\xe3\x8a\x90s\xa0\xd5\xa4\x03\xa6\xc5\xbbz\xc2\xe0\xf64/V\xa9\xba1\x90S\xe6\xae,\x9c;\xcf\xda9\xc1 \xb4\xc7`Q\x8bk\x13o\xc1\xd9\x1d\xb6\xc3\x07X\xff\x12\xfdD\x04\xde\x94\x99\x1b\xaa(\xdd\xcdP&gt;]\x9f\xe1\x88O\x85\x1e\x15\x1b\xb6\xf5V\xaa\x04`\xce\xd9\x86\xc4\x02\xe5=\xb4\xde4\x06\x9c6\rG:\x86E\xbdF\x7fx\x0c-\xd20\x96C\x8f\x80\xf9\x19\x80B\xd8`\xa0)\xcc\x85l7\xe6\x8d\x9e\x90\xd5\xeb\x08\xb5\x01\xc0sZj\xb4b\xc0\xd2wS\xb0?\x06T~"s\xa7\x87~\xea\xa3\xed+\xb6\xd48\x97\xd3\xb4\xab\xe1\x1fnd\x91\x13\x08|\xd8\xca\x95;\x8f\xc9\x9e\xd6N\x15n\xfb\xa2\xc9\x9f\x0e\x0c\x83U\x98)\x00\xbf\x87\nr\x0f\x90oq\x18G\xeb\xd28|\x06bR\x7f "\xb7%&gt;~\x19\xc7?\x17\x06\x05\x08\xa6\xbe\x86a\xadJ\x13\x00\x80?ldx\x0cP\xdf5+7\xbc\xe9-j\xd7\xe7\xf6\xfb`+\xcaO\xe9ok\xbf\xb9\xa6\x16\'\xa0\x88\xe1\x1c\xcem\x05e\xfa\xf5#\x92\xdbj?\x10\xf9\x99\x92\xc4D\xf3\xa5\xd65\x01xH:\xf6\xee{\x10\xa9\xc5\x08U\xf9h\xfb7\x82\xa4,\x88\x8e+\xfa\xb1\x19\x07\xe0\x9f\x82\xeecn\xf9\x18xKk6]\x03\xa4\xf6-\xe4\xf6[k\x84\x07p\xb9\x0e\xda Q~\xfa\xe0\xafj\xf9\x885wR|n\x8c0\x9d\x1f\x86\xe0\x90\xb1\xb7\x15\x81X\xc0\xa3\xc8\xa8\xf8X\xcc\x8c\xa4\xed]\x0e\x0f\xd7\x7f\xbd3\xebO\x1c&lt;\xb8\xcf==\xf1\t\'\xae\xa4-+\xc2\xf4\xb8n\x1c\x07w\xd7I\x10@\xde\xa4+\x1f\xa1\x95\xdd"\xfbN/\x10v\x81\xf4tn\x07*b\xd4\x07\x84$\xc2\xc7\x0f\xbc\xc1\xe9\xe58\xe4;\x1cZ\x1c\xf1\'!\xc5?\x8eJ\xfd\xa5F\x10\x9e\xa0\xb1\xce\x0f\xff\x10\xa0\x90\x8f\xd9\x96\\f\x96\xabeS\xcf\xa13\x8e*8\x92\xbfq\x08\x00C\x15\x9b\x90/\xf3\xcdp\xce\xa5\xc5\x08\x9f&amp;\xea\x17\xb3\xc7\xc1Y\x7fR\x19\x00~\xe6h\x0e\x83\xa0U\xda\x0fR\xc5\x9ac\x87o\x1d\xf7\x80\x81\xef\xfe\xdd\x94[&lt;\x9d\xff\xf7A\'\xaf\xe4Zo\xc6\xff\x863\x8f\xfd\xd1e\x07@\xf58\xff\xa3\xdb\x16\xcd\x00\xce\xfd~C\xb7.g\xac\xd5\x91\xd7\x82\xcd\xb8\x81\xc2\xe2\xeb\xd5-\x96?\xb8\xb8\xbc\x1b*C\xae?\xdf\xb1\'\xd0\xbf\xc7\xd9\xdb\xe8g\x10\xd7\xdbFa\xdb3\x86\x0b\x1b\x96\xa7y\xff\xa0\x91\xb6\xf5!\xdb&lt;\xa7\xa8\x1e\xf92\xc2\x86`\xaa\\/\x1c\xb5\xd6\xb0\xads\xbc\xfc8K\xa4a\xd7kC\x92\xba`\xc1\x9d\x1e\xc8\x1e\x9d\x7f\xc2\xbe&gt;U\xfcT\x83\xe13|u\x89\x0ep\xaf\x03\xc3\xcb2\xe1\xf9\x17c\xfc\xe2\xcd)\xf6\xec\x06\xd4\xefn\xf7\x84\x96\xe9\x89\xbav\xd7!\x1c(C\xdd\x14^\xdc\r~3\xa1\xa5Q=\x07\xe0m\xc7L\x12\xe1\xc3|\xb29\xbfW\xd3w\x19`\xdcM\xc0) \xdf\x1f\xefI\xe3\xc2\xf9P\x9f\x84\x03L\x00`\xf88\xc9U\x80z@\xee\xcf\x1bp\xfe8\xec\xc7\t\xe6\xae\x14~\xa1\xa3\xee\xbb\x8a\xaeQc&lt;p\x10\x87\xb2|\xed\x9f\x8b\x08OEvN\xa9g\xd0\x16U\x93\xdc\x00\xa5\xe0\x06q\x8a\x13\x9e\xe1\t\xee\x8d\xf1\x87\xec\xac@W\x1d\r&gt;\xe4\xa3Y\xce\x14%\x99\x9b\xe3\xc7\xc5\x15\xba\x17\xb4\x18d+p!\xc1\x11_\x04\xdb\x07\xad\xa3\xcd\x7f\x96Ku\x9e@k+4\xdc!]\x18\xfd\x89\xf1\x84\xcc!\x9fj;\xc5:\xf7\x96\xd0\xf6\x00G\xf8Q\xc8\x9a\x8f\x12\x0c\x8e1\xa3\xf7\x06\'\x80iEtQ\xf9i\\\xea{\x0c\x86/$j\x07~\xb7\xea\xca\x1b\ni\xd7~}\xa3\x15\xc6`\xa1\xc2\x88I/D\xe0\xed\x7f\xdaH%\xfey\x8d\xd0&amp;w\xd8\xf8\xdd\xd4\x8dZZ\x1a\xd8\x8c\x81;e\xf4\xb6\x07\xf5\x89\x9d1\xf7\x87\x80\x1e\xd3\x0b\x88\x02\xc0\xfb\x04\xdf0\x08\xaf\x0f\xd8M-n\xa2\x13\xe7\xc0\x1c0\xdb\x93\xa1\xc0\xf9L\xce4\x1c T\x91\xb1\x08\n\x8fOM\xcao\x12\xbft4\x81\xee\x98C\xc2\xf0\x91\xf9\xdd\x80\'@\x89i(\x00\xc17\x8d\xc7\xec\xe3\x85aqG"\x06\x9c\x03x\x10\xb9\xf6o\xb1\xca\x97~\x06\xbd\xd6NK\xc0?&gt;\x9a\xc1 8]\x16$\xab~\xd7\xa2\xfa\xbfY-\xa9\xa1\x11\xadm\x0f\xa4q\xb2@;%\x80\x98\xd8\xcc\x9f\x8cxB5\xa5\x84\xc3\x15\x05c\x01\xe0}5\xc2\r\x86\x8f9\x95\xb2\xd5\xa9zV\xadf\xc1\xbcg\x95_\xc8\xaa\x04\x04Ho\x9dp\xee\x1f\x16\xc5\x8f\xa5\xd1\x87\xef\x8d\x02/P\xd80\x98\x9b\xe8\xd9\x14J\xed^\xbf\xcf!\xc0n.\x82\xa0\x8a\xd5[\xf4\xe5\xe8\xcfSw\xdf!\x14\x93~9\xa0\x88\x17iH6D\xdb\xcf{\xd8LS\xd6\x0f\xe46\x02\x8e\x9d\x9b\x17\x0ew\xd8\xff\x14\xeexX\x9e\x18\xc2\x91+-\x97\xb6S\x9d\xb3\xc7\xc0\xb0\xcb\xffDfOV\xbba\xdbM\x06N\x90\xac\xc4\x8b\xeeP\t\xd7 \\\xd7\xf7\xb43\x16n"\xf5O\x02\x89\x9f\x85\x05];o\xf3r\x12m\xfe\x10\xe3\x8a\x15\x14"\x1f^\xb9\x96A2q\xb6\xb5em\xfbVM\xb9\x8c\x02(\xfdl0\xd1\xea\nc=\xca\xc5\x9dl\x18)\x11\x1e(\x87YU?\x018\xd6\xe8\x1d/l\x10\xa1\xe4\xa8\x1bu\x95\xed#.\xbau\xcc\xdf\x9a\x9b\xb4\xf82\xbcJ&gt;\xcb\xa0[\x1aB\x953v~^x\xb7\x80&amp;\xc3\'\xd7i+o\xb1[\x9c\x03\xae\xd3\xd2\xf1\x1f&gt;\x01x\xf9\xfe1\n\x19x\x81z\x8bc\xc2\xd07\xf2\x1b\x00ad\xfa+[\x98\x01\xd3\xb69\xd2\xea_\xfcc\x1b\xa7\x1ae\x03\xdb\xf3t\xeeT@\xeb\x03\xf6\x05.\xd9\xd3\xda\xe2\x03\x80\x0eS\xf4\xb7\xb6U\xa7]\x9eX\n\xd0/W\x1auwc\x02\xd0\xb2n\xb0H\x87t\xb3\xeb\xeb&gt;\xe3\xc4H\xbe\x86A\xa4\x13\xe1F\x19\xdd\x1f\xad&gt;-\xd2\x80J\xc9Jo\x13\x8dq\x08\xdf\xdd\xdcT8\x17\xda\x87D\t*g4\\\xce+\xe4K\x13@qzP3\xaclo3ZqP`ZcB\xf2"\x15\xf8\x96\x86\xf5\xbd@\x0e\x9d\xd1y\x81\xf8n\xc7!\xa3\x17\x1cV\x85\x02\x81\xb3\xaebN\x87=\xfd\x8c\x84\xd1n\xb6i\x9c"\xd2\x92\xe2\x9e\xae[c\x19\x9d\xe6\x964\x03\xb5\xf0\x9c\xedC/\x02\x0e\xda\xc3\xbd\xfa\x02\xe1\xdb\x175}]\x9d!\tF\x0eA\x94[\x8d\xfb%m\xeb\x1f\xc3\xdc9\xec\xe3/\xc6F\xfe +\x15`\x1e]\x8e\x91\x03\x83\xd0@\xe1\xf7\x01\xa4\xc0i\x0f\x7f\x9c\xe1\xa9)&amp;\x0e\xc1\xbf\xf5\x80\xcf\x1d\xcb\xa5\x1fu4\x01\x15\x9a\x9c\x1a%/.T\xa12\x9a\r-\xf3}\xba\xd9:\xae\xbf\xc12P\xa4\x83/\xbb&amp;\xbb\x86F\x85g*\xf0\x16\'N\x15\x80_U\xad\x1e\xf6\xe9\xe7Y\xbc\xd9\x83\xa7\xf9T\xad!\x190\xfd\xb1\xd8\x0b\x1b\xc2\xc3\xc1V\xae4\xab\xa8!\xd0)\x08\x84Jg\xde#\x84!u\xce#\xf7-\xc0\xbf\xe9\xc0kt\x8c0v*0[\x1c\xaeUS\x02\xda\xa72rq\xb9\xe6\xab\xf87\xc023\xd7\x15\xdf\x9a\x81\xf0\x04\xec\x1c*\xac\xd7\xe3`\xebH\xb9_\xae\'\xcf\x06F\x03\xbc\x95{\xcb\xe3\xb6\xf0\xdb#\x93\x91\\\xd4/\x05\xf8\rbop{\xd37\x8c\xce\xf4\x8f\xe5yJ\x9c\xdd[g\x1fo\xb4\x04\xef\xd6\xa5z\xef\x9d\xd7\xff\xfb9y\x18%;\x80\x8f\x07\xf9f\x17\xe2Y\x96\xb7x\xda\x18\x1c\x00\xaa\xf5\xcb~\xdf^\xa1&gt;?\xe7\x1c&lt;\xc8\xa2\xadr\xa7bF\xd1b\xdb\xf5\xe3\xd2\xcd\xf7l\xa5\xaf\xe3_P8|\xeb\x03\x8f\x8a\xaf4\xd4\x9c}\xfc\xdf\x80\xe7\x84:\xab\x18\xed\x8a\xb6\xa1"Q\xa6: \xba\x90B\x9e\xdc\xe8n\xd76\xdeUg\xfd\x96VV{4\r\xa1\x98D\x92\xfb\xf8\x13\xfb\xe9\xa6\xbc\xf9\xf2D\x01\x00\xe0\r%\x0c\x19\xbb/\x08u\xee\xfe\x89\xde\xae\xf6\xa8G\x1d\x8d\xad8\x07\xf0\xae\xb6\x86m\xf90\xe37\xce\xf9\xd5\xe0\xb8|\xe4\x1c\x16.=\xce@\xc7\x0fHa\x8f\xf7\xcf.\x00\x80W\xcf/\x9a\xea\xec\xdf\x0b\xe8P\xf8t\x04z|\x90\xac\xd1\xf2\xc8+2(T\xed\xe1\x96\x05\x84\xd6F5 @\x1b\x85\x15L\x9a\x10\xb8`A\xfb\xc9\xa4\x02C\x91\x11"\xac\x14\xcdr\x89Us.\xff\xf0@\xb6\x05G\x13p\xbe\x82\xd3\x02A\xf3&gt;\xb46\xfd-\x0b\xb4W\x05\xe1\x04\x90I\xfe3\x82IA\x7f\xfb\xe9\xbc\xad\xbe\x1bB\xd7\xc5\xe6!U\xf8\xbe\xeb\xc1"e\\\xcb\xe8\x90^\xb4\x9b\x00n9\xf6\xc3\xde\x15\xca\xeb\xbedTM\xfcg\xb7\xb6\xeb\xe1!\xa1L\xed_\xd1\xda\xb6"O\x07&gt;? \xfb\xee\xee\xdak\xc1\xf9j\xa3a;k\x16t\xa5\xad}BX\x94\x0b\xd7\x01\xdbJV\xd6J\xc8A\x05\xee\xe4TY\x11l\x9b\xf7\x1a|w#\xcd\xa7\xdb\x06\xb5\xc22\xca;\xf6\xbf\xd2\x14\xd5\x9a\xdaX\xa8\x94\xb4\x82\xfc\xa8\x87\x7f6vW\xa3\xb2\x11\xa0Eb\xcb\xc72\x94/\xca\xd8hh[\x8d\x8f\xf9\xf3\xa0\x87\x9c\xc9\x0e\x82\x86\xe3\x8a\x06\x89D9\xc0}\x1aQ\xd8\x98\x18n\xd9\x0c1\x19\xda/c\n\x1b\xa9\x16\xdb\xe1\x1b\xcd\xf8\xa6\xc8w\x85\x99@\xad\x0b\xe5;\x00OF0\x01$o\xa5C\r;~|~g\xd8\xfa%\xdc\xa6\x9c\xcbi\xf0\x8b\xa6V\xebZ\xde\xd2\xf0\\\x0e\n\xb0m\xa6\xcf\xd0\x87\xa3\x96q\'pM\r\xba\xba\xf57\xc4\x19\x92\x95uR\xf2\xbdf\x01\xe7\xbeb\xf7\x98\x90\xcdd:JG\x85\x97ps\xa6\xdd\xc3\xd5\xf09J\x8f\xef\xe1\xeb\xe9uR\xaeQ\x9d`HV\xc4EmZ4\xd98\x9e\xb18&amp;\xce&lt;E\x17\xa6\xa3\t\xec\x81y`\xa6I\xd1Y\x00`\xe4\xa9\xbb\x00NcDj\xce\xcb8M/\x0c\xbdn\x02\xb9\xdd%a\xa6\xc9a\x818/ \r\xfc;u\x1c\xf4\xd9\x12T\x84\xc99]_\x00 \xefC\xa8p\x9f\x81M\x9c\x19\xd68\x8a\xc1Q\x81w\xe148\xc5\xc6\x90\x02\xb3n\xfa\xf2\n\x9d\x98\x15\xab:Z\xed\x85\x86\x90\x7f\xb2\xc0\xbe{H?\x82\xb2\xd8\xc57\x07;&gt;Ge:5Z\xd4\x89\xf6L\xcd\xff&amp;\xdf\x05\x14\xf2\xe0\xa8\x0c\xa3\xd1\xa2\x90G\xceU\xb5\xd3\'\x05\xde\xd4F\xa7\x17\x9a\x1f9\xd8N\x1b\x1a&gt;\xdd-\n\x00&lt;\xb0F?\xb128,\xb6!\xc3\xce\xa6\x0b2\xd9\x95_l\x94Jh\x13m5;v\xec\x86\xc0&gt;\x0e\x00\xf8\xbd\xfeFR\xdc\xab\xa2\xadm\x02(\xab\xb5\xeaH\xe2\xd5\xf8(X\xdc\x8b\xa3\xb2B\xf6Q\x9cB\xcc2\xdd\xecr\xc2\xbeK\x11a,H\xca\xff\xfa\x19\x8d\xcf\x0c[\xe99@\xa0J^j\xb5v\xa4d|\x97=\x19\xfd\x04\xd0\x85\xdb\x99\xb0O\xaa\x03\xf5\xd0\xad\x87-h\xb0\xf5Nw\xfa\xbb8\x8a1p\xc8\x12o7\xa8\xd6\xb0R\x19\xc3Sz\x93o\x9b\xcc7\x85)M\xb6\xd6\x96L\x12\xf9\x15\xa1\x97\xb6\xc5\x87/\xbbt\x17 \xfb\xb79\xc2\n\x8ev\xe1&amp;3\xe5\xac\xe87\x14\x89\xe6\xfbPb\xe9\xd1mi\x15\x99\xdd\xd6\x86\x93q\x91N4\xa3\xb2\xae\x06\xa3M\'B2\xf2]\x82\xb6w\xc6\t 3\xb4\x15J\x83\xba&gt;\xc8\xdd\xb1z\xe8\xe1N9Q\xf1\x8e5\x17b\xe1\x1aKe]\xa4\xb0gu\xba\xb0\x07\x98\x90PEj\xa63]1Y\tb\xfa\x83\run\x17\xe3\xd3\xe7\xf8\xa2\xb9\xc6\xfe\xe8]V+\xd5\xabV\xd6\xcc"\xba-RC\xd6\xe9\x9f\xe9\x17y]\xa19|\xcbY\xa7\x98\x97\x1d.cs\xe0\xdc}\xcfQ\x86\x8b=\xf6\x02\x9d\x8a\x91\x19\xd34\xf1\x9f\x07D\xb9\xf2\x9f\x8aK\xee\xd6\xf4\x17m;\xad&amp;\xa6L\x12%6M\xf8\xf5\xcaU&lt;\xe3\x82\xa1\x868D\xabO3R\xb5\xa4\xd5\x87%\xa7i*~\xf2r\xb7\x0ffN\xc4[t\xc1\xfe\x8e\x1a\xcd\xf0\xd8B\x10N\xc2X\x8a\xbd\xc5{\x8erlx\x9d\xc8\xfa\xed5\xc7\xf9\xfa\xc8\xec\x89P\x9e\xba\xaak\x99\x0f\xf1dO Q,\xdc\x87\xd6p\xb3\x89\r[\xe2\xf7\x81|\x9d\xbe3Z\x8d\x14\xffT\xc0\xd1G\xe7\xc5gQ\x99\x15\xd1\xc2\x1c\xe0?\xb0d\\\xf1/&amp;$f\xd0\xdd\xb3&lt;+\xe5^\x85\xb3\xff\xb2\xc0`\x11\xde\x17\x00\x1f\x95]i\xd6\xffd\x02\x90\xe8\xaf\xda=X\x8f\x92\xefZ\xb97\x14\xf2\xfd\x1d"?\x7f\xc8\x05\x85\xfd\x0b\xb6\xe9e\x97\x84\x02\xbcx\xb8\x00\xda\x9ad\x02\xcc\x04\x10A|\xe2O\xeaY\xdfRV\x84\xda\xa4v\xcfyXZ\xc0\rv\xc99\xd7\xf9\xd9&amp;\xaa\xd9v^)4g\xd3\x93K\x03\xb8O4\xf3h\x81\xb6\x83\x02\xf0\xbe\x9f\x1d+\xd7f\xe9\x9e\x13\x80\xedg\x8b\xb6\xe6\x82C\xd7\xa4&amp;&amp;1\x83\xc6Or\xa9\\\xc1\x97\xd7\xef\x15^\x0f\x05\xbe\xad\xd0\x8b(\x92\xf9\x90\x86\xe7fW\x8aM\x94\x99\xf22\x89\xd0\xaaY,{*\x1c\xde\xb1uPk\x99@\x16\x8b-\xd8a\x862\xc5\xc5ES\x9d9]T\x83\xff\xef\xe8\x91\xf5\xe0y\xd8\xd6V\xef\x92\xadX\r\xfd\xed\x1a\';\x03\x00\xe0g\x15\x7f.&amp;m\xde\x89\x16j\x8b\rh&gt;t\xdbN\x00\xce\xb9\'\x0b\xe5v\xc4]y\xf8\x00kW\xfdh\x99\x1f\xbc\xcc\xcb\t\xb7jq\xf4\xa3T^\x83\x9d\x00\xf1\x8bCP\xa13T\xe2\x9c\xab\x7f.\xb5h\xa9dc\xb0\x1b\x0c\x07\xb4#\x00\xfaQn\xaeAbb\x9f\xc7\x89Q\xc9\x9b-\x12\xbdK\xf2\xae7=\xad\x15&gt;Bxm\r*\t\xff\x83c\xb7Z\x9d\x1b.\x84\xe4k\xf9p\xad\x8a6\xa0.\xe6\xe2\xeay?W[\xe7\x01|-\xd3p\x07\xf0n\x95j. \x00\xe7\x00&gt;\xd8\xbf}&amp;#\xd9y\xa3\x00\xf0cU\xcd\x83m4\x04\x171C\x9b\x88O\x9a\xc7\xd6\xd8n\x84&amp;\x1eF*\x83\xaa\xf9H\xfb\xe6]\xe1\xcbg\xd8\x7f\xad\'\xd2\x13g\xa9\xd1\xd4n(\x90\xe8\xd9&amp;\x0cZ^A\xb8\xd4Y\x89BnC\xaa\xdd\x86\x9f&lt;\xf8\xee\x7f4\x81N\xa8\\[\xf4\xc3V\xeb\x89\xf5O\xce9\x17\xa4z\x16\x1e$*\x9e]\xef\xe5\xa7&amp;\x15@d\xa8\xb9\xc61Q\x1f\xe5I\xeb\xa22o.\xb1\xec\xdfF\xff\xbe\x8b\x0b\x85\x1b\xad\x17\xeauD\x0f\x1e\x98\xbb\xd1\xc5\xb7E\x9f\xd0\x1ePd\x0e,k\xb6\xa3\xff\xde\xa0(\xd5\xac-j\xc0\xeb\x99or{\xe8,\xa8\x98\xe4\xa9\x0f\xc8\x83bX.\xa9Z\x8d\x9d~A6:\x92\xa2\x1f\xbc\x8eJ\x7f(PY\xfb\xa3\x19\xa5\x98]\xca\x80f$\x1f\x82)/h\x13Z\x1d\x06\x06\xc2\xf9:\xb48"z\x13a\x08=F\xa2a\xff*\x06\xaf\xd5\x80I\xb2]\x06\xa2\x841*\xeb{\xadu\x9d0\xc5\x98\xdb]\xc7\t\x00\xe0\xe57\xf5I\x81\xb1\xc0\xc7b\xb8\x0f\x00\xb8\x07\x02XmA\xac\xf6\xeb\xcb\x91\xa7\xff\x1cE}\xa4\x00\xa8\xe7\x9e=A\xb12\xb0\xc5\xb7G\xac\xbc\xfaX\xf2\x81\xdb4\x83.\x87U\x04z\xc0G$q\\#\xd6\xd3\x94\x95\r\xda\x1cM\xa4\xf3\x19\xeb\xa7Z\xec\xf8\x97\xc4\xfc.|\xaf\x80_4\x1b\xbbI|j\xf0\x1aJ{\xaeVU5\x08\x8b\xb4v\xab\xb0&lt;\x19\xcbt\x88\x96\x1e\xbbWa\xbf\x9d\x07\xf8\xdaQ\'\x00\xe5\xca\x94S\xa5?aP5\x88\x9b\xe4{&gt;cD\xb1o\rh8\xa7j\r\t\xfb\xaf\xa9\xe9\xf4#\xba\xcfA\xd5\x96\x97\xff(m\xbe\tF\x0c\x9fe\x8b\r/\xa4G1Z\xef\x038\x00\x07\xdf\\x\xa0\x042\xfdZP\xf3\x87dF\xd9\x7f\x02(\xe2\x10&gt;\xfa\xb2\xdb\xce\xb4~\x08\xc8\x02\xd4\xc7u=\xb4V\xafzI\x9d\xd1\x95x\x99\x15Hfm\x1f\xac\xf0\xde\x81\x19\xc3\'\xb5 \xd9ow\x0e@\x8b\xa0\xb4m\xa4G\xfd\xc9*\xff"\xad\xbf\x04\xbd\x1e\x0b\x1fl\x111b}/\xe2\x95G\x13(\xe2p\xaf\xa6en\xc8!^\x97;\xc4]\x01\xe7&amp;\xbd\xf2\x8f\x91m\x1cX\xcd\xa2.T\x96#\xb3i^\x7f\x9f:t( \xc3\x11\x04\xb8\xb7\xee\x90\xe3\xd7\x8f\x96\x0b\xc7o\xf5\xe6\x1e\xaforF\x1c\x9e5\xb6\xb2"U~SUa\'0Kr\xee\x96\xf5\xcc\xcaP\xdd\xd2c\xbd[+\xff1\x00\xdea\xffi\xe0\xec&gt;\xad\xe7&gt;`\xf7\x07\xa4\xb4\',O\x14Zx\x0c\xe0\xc1\x83\xa4\xc3\x08\x1cPP\xde\x91n,\x0c\xe6\x86\x18\x90}q\';\xdd\x0c\xa7\xf6\x9cm\xdco,Z\xe6\xf0\xf7\xc9\xcf\xf4n\xd9\xa1\x02\x00|@#\xbb\\\xeai71\x00\xf0\xe3\xc1\xeb:v\x8d\x01p?S\xab\xbd\xfbq\x17K\xa1&lt;\xce\xf8\xf48\x11\x82\xdf1\x94\xc9\x07\xff&amp;\x17/\x9c\x1a\xbe\xc4\xcc\xb5\xf8\xf1\x85\x13\x89M\xb2\x1f\xa5\x1f\x08l\x15\x91&lt;Bs\xbb\x84%d/\x10\x99\xc0K\xe6\x93\x06\xb3\x9f\xdb\xed\xd2\xc09\xf7\x05\xd8#\xa5\x9b)\x86\x11\x04\'k\xedl\r\xe9=\x80\xef\xc3\xcf\x1c\xb3\x90\x1a\x7f\xe74&gt;\xc3\x11\x80\x8d,!\xb9\x07\x1d\xff\xc1\x84\xfc:r \x9e\xd4Y\x97?\xa6R\xc6\x00/\x7f?\xd9\'5\x92\xbb\x85\x8d\x0e}on\xf8\x86\xa1\xce\xea.\xc8\x91=\xad\\\xde\xbf\xf6x\x1b\xacZ\x1cR)\xbcQ\x83\xf5~\x84\x01\xaf\x08\xc6%\x0c\xa2\x7f\xcb\x8aze\xb8\xe6\xe5mc\xf5\xdd\xc1&lt;`\x1f\xa7/a\x10\xa0\x0b\x85VV\x14|\xca\x9fkd\xebo\xfc\xbah\xbaX\xff\xd1\x0c\x12*\xcco\x85\n\x85:Q\xd1\xca\x0f\x05\xec_ \xf7\xf8\x9b\xc0\xbeO\xcb\x8f\xf4&gt;\xa8\xb9~9\x87\xcf\x97)L\xeb\xb2\x81\x15\xaavs\xc5vq\x13\x98V\x18\xf5\x07i\xe6\x954\xff\xfd\xdd\x84\xde\xe9~\xb16q\xc8D\xbc&gt;\x16a\x10\xe4\xf1\xe0\xafl\xd3&lt;\xab\xcd\x10\xc0\xfa\x88\x9f\x9cc\xa3-\xab\xadrV\xdf\x88i\xb5\x0f\x16\xe1\xcf\t\xbbU\xd6\x13wc\nF\xe7\xb5cqI\x7f+\xb2\x7f`\xf8q\xdf\x1e\x82\xb5T\xbe=4\xa3\xad\xeb\xcc\xfai\xfc\x85\xadX\xae:\xff\xa2s\xce\xb9\xcf\xf2\xc4\xfe\x99n\x85\x8ev\xe1\xf0uk=\x81`\xbf\x82\x1c/47w:\x18v\xaefC\xda|ab\x120\x9d\xf0t\xc5B\xbb\xed\xda\x8b7j)\x14\xcaS/\xf6\xae\\\xd3\xa9\x90\x0e\x7f\xebM\x8eWW~\xae\xd0\xd2h\xaaY\xf0T\x83\r\xbe\x06\xa4\x8chP\xbe\x1b\xb0\x88\x8aB)UZ\x1e\x89\xd8\x9aB\xff\xafq&amp;\x9d\xa2\x8eA$m\x95v_$I\xd1\xc2\x18\xcd\xff\xfe\x14\x92\xfe\xcep\xd2b\xe2\x90*)\x99l_\x9b2\xe5\xce9\x80/\xc9\xed0\x96O&lt;/\xa0\xa5\xbf\xc7\x1c\x10\x19\r\xac7\xd3Y&lt;\xaf\xc4N\x8d\xea\t\xe8\xd6\x17\x95\xc6\x06\x80\xef/\x93\xf0\\\xaa\xec\xb8\x88\xea\x18\xc1%\xbb\x95\x92\x82\xca.+\xee\xa5\xe7j\xe1P\xfd\xea|\xe5\xf9\xe9i{\x89K\x81\x8f$1]T\x88Z\xfeZT\xd8P:\xbbl\xf8UD\xe6\t-Y\x1d\x8f\xfd\'\x00p\x0e\xe0;\x8fJ\xce\x8d\x06\x14J\x15\xdbv+\x82*\r\xf0H\xad\xa9\x03P?\xf4]W\x0f\xbda/1\xeb\x94S\xd9\xf3\xa5\x08\x82\xe8I\x18\xa3dc%\x10#h\xe8\x0eO\x9a\x87\xcd!Q\x04\xd9\x8b\xed\xd6\xca\xf0\xac\xc1\x8d\x02\xe8i\xa0\x97\xc5\xde\x06:#\xe4~\xdaN(\xb0C\x1f\x8fr\xe3\xba\xfc\x94\t\x93\x8b\xdc$$HC2+\x7f\x8c\xb1%h\xfe\xec\xb0y\x85\x9e#\x8ao@\x1b\xe2\xbfg\xd9\xcb"f]\xd5\xea\x16\x00.\xdf\x88\rZ\x9f\x19R\xc0\xbemMcD\xe7\xf4\x00\xfc\xab\xa3\x19\xc8 \t\xd8\\\x00\x94\x0f\x18\x989\xa07\x8a{\xd6\xfcn\r\xa9=f\xfd\xe0\xdf\xfc\x16\x00rlk\xb7U*i\x83\xd6\xbb\xde\xc8\xf7\\;\xd7\x7f\xb3\x15\x9e\x9f_A\x18\xb5\x0f\x80A\xa8\xd7\x9fiX\x8c\x06\xcf\x99\xcb\x07\xe2k\x13\xc5\n\xce\xef\xe5\xf5AR\x93\x1bL\xc9\x0b\xf4\xebL\x07}\xa9 \xc6\x9c\x05\xbd\xb0K\x1e\x15\x0b\rz\xd7\xc6CR\xd3\x06I\xb7\x83q\xaf\xd2C\xbc\xe6\xf88kC.d{\x92/*WY\xdf\xc1\xcb]\xb2W\x7f\xcbLB8\r\xe8t\x1e\x94\xf0\x9d"\xd3O\x81v\r\xa5\x87\x01m\xc3~iR\xba\x0b\x00\xf0e^\xbf\xb14y\xf9&amp;\xceo\xb8)\x19\x0eM\x16\xff\x925\x8eD\x80k\x0b\xf3\xbf\xe0_\xd7\x00\xc0\xc1\x1f\xe8&gt;\xb9\xd1p\x82\xdcs\xaem\x0e\xb2\xd6\x87\xa7\x10\r~*M\x04\xddI\x8eT\'\x00\xf1c\x0c\xfb`\xe7\xd5\xd8\xb0\x00ku\x02q\x8a\x05\x1b)\r1S\xab\x11a\xf4/\xba!\x954\xd4p\xb3\xb5\x8d\xca\xd0\xda\xb1V\xe3\xd4j\xb8\xe1\xcd\xa5s\xcf\x1ag{\x04Z\xed" \xf6|\xbd\xc2\x1a\x02\x84\xc0s\x85Eayq\xd0\xc6\xae\x87\xdf H\x87\xa3`X\xc5\x9b\xe7B\xb4\x15\xfe\xe0A\x93bo\x97\x1c\x98ki\r\x82\xb5,\x8az"\xaa\xec\x85\xa3y-A;\x90\t\xc0\x1a@My%\xca\x9f\xa0\xd2~l\x9c!\x89\xf4Y\xe5&amp;m\x9f\xe61d\xa2\xbbx\x13i\xf3\xdbF\x98\x08\xf0\xec\xf4ze\x05\xd0J"m3\x125e\x16mY\xbf\xbe9}\xf1\x07\x0c\xfd\x8dnG\xba\xf0\x82\x8eI\x98hNz8\xce\x90}G\x0b%\xcd\xcf\xc7]\xc3\xad\x12|[\x1bE\x88\xe6*\x8a\xb6\xd6\xc7&amp;|\xb3A\xf9\x11\xecC\xeeY A\xbc\xa1\x07\xd9\xdfL-\xca\x94\x05\x9a\x864Z\xdc\x00&gt;\x03\x95t\xaaIn\x9c:b\xc0\xce3\x987\x94\xcc\x9f\xa4\xfc\xaf\xf4\xe0p\xfc\xe6we\xd2\xe5y]\xb9-\xa2\x8d\xfb\xc2\xcb\xb0\x18\xf9Y\x1cJl\x04\xae\xdb\xaa\xdfv\x8e*p{\x93\xe3_\xf8\x94\x96\x11\xc8\x97\x9atb\x188\xae\xce\x8d|\x18\xf8Q\xc9o%\xeb\x91\x82\xb9\xbfF\xe4\xe1\xeb\x8e5\xc0\x062m\xeb\x0b\xaeM\x99~\x9d\\:\xfe&lt;D\xa1\x07o\x80\x87\xf8\xc34\x9bg\xc2V\xe0\xdc\xe7\xb5f\xc8\xdb\x95sN\x0f\xa5_Ya:T\xf5CE\x9e\x0e@\xfb\x07\xa2.\x88\x91G\x80\xb6\xca\xc8\xe5\xe1\xfe\xa2\xad\xa8\xdc\xfaM\xa2\x89\x07\xce[\xa6[\x81\xd8E\xb55\x91B\xd16\x1e\xe8WeWz\x0f\x9e\x81u\xd8\xd3\xef\xa9\xb4N\x9e\x02A\xea\x07\xd9\x97B\xeeD\xac\'\xfej\xd2\xe7\xfd\xb7W\xd7\x04\xb0\x03\xce\xbbk\xb6\xae\xa4-\x86\x14\xc2\xb4\x12a\x85\xa2\xdafW\xc0\xbf6(\xd4\x986nVZ\r\x8f\xa8\xac\xaf\xb6\x06\x0c\xe6=\xfe \x0c\x8f&amp;\x7f\xff`\xc2\xfenF+\xa0e\x887\'!\x03X\xf2\xe0\x92\x1d\xe2\xc6\xa0\x91\xca\x99~a\xdduX\xfbc\xdaaIg\xf3O2d\xf3\xdf!\xd1\xaa\n\xe2!\xd7\x96\xaa\xa2\xe6\xf2\xf7S\x99\x8c\xb1\xfc\x81\xa9\x1d\xab\xaa\xb0\x0e\x00\xf6\xc8w\xc0\xea\x7f\x18\x18O\x8c\xe9\xa5NKQd\xf3H\x88u2\xa7lN\x1f\xeb?\xb7\x86U\xb2Y&gt; \x02\xba\x9a\x1c\'\xa2\xb7\x85\xb9\xbf\xb2\xafuH\xdef\xcf\xed\xd0#/N\xa7)\xaa\xb5;\x80\xcd]\x82V\x89\xf2\x86\xbb\x8ds\xc3\xf0\xd9\x00\xbb-V\x87\xc1\x02\xbc\xe2\x16\x06\x12\x9do\x98N\xa17\xf2uM\x9c\xc6\xea\x9a\x12N\xae\xe6\x1d\xbdP27\x9d\\\x7fX\x87\x9ah\xed\xd4\x1e\x8b\xa1=\x0f\xd9\x84eq\xb9\xf1,\xd5w\xaa\xfbN\x00\xce/\xea\r\xb6\xce|\x92Y\x05\xe6d\x90me,\xb2\xe1g;\xf9\x92\x14\xdd%\xc6&amp;\xdc\xd9B\x081\x1f\xdb\x80\xb3{\xa39\x04Mzc%\x12s\x8e\x18\x8bB\x13\x13\xab\x9a\xe6\xaa\t \xadA\xaf\xc1\xc5\x82\xd7H\xc3\x1a\xa0\xd3\'\xe2\xe4\xa6\xf5\x02\xc0}dY\x86\xb4\xd8\xa9xq\xcb\x8e\xd2\x03\xb6\xc4m\xda\xf1i8\xa0\x12[\xce\xe4\xc3\x1b\x9c3d\x13@m\xcf\xf3\x8a\xff\xf3JV\x00\xf0\xae\xf3\x0b\xa1EB\xadi-\\\x92\xa9\x0e\x0b\xed\xc2\xa7k\x1c\xd6/\x8e\x1e+\xd6\x80L\x00\xe2G\x1a\xdas\t\xc9-\xc3\xaabX\xd4t%ofX\x97(-\xfe)F\xc5h\xc3q\x13\x01b\x859\xa4\xd4M\x0cfFE\xf3\xf5#y\xab\xa2\x82\x07\xeb8r%hP[4j\x93\xc9+T\x93c\xf4}\xea\xff\x0e\xb1\x9dt\x84\x98Y\xb9&amp;mh\x94\x94\xb3\x1b\x9d\xe8\xed\xbd\x91\xa3\x82\x16\x14\x05\x00\x97.\x14v2|8Zu\x15\xe0oDo)\xb1&amp;\xc6d\x08\x17\x9e\xbb\xd9bev\xaa&gt;\xce\xd7\xfa\xfc\n\x00\xbc\x8bs\xd9,\xb2\xf9j\x07r2(\x8e\xfe*\xb6\xb05\xe3\xe1O\xab\xac\n(\xb5\xc8\x99an\x83\x9d\xc8\xd3\x17; \x99\x9e\x0f\xaf\xa1\xaa\\\x93\xcc\xa6\xb7\x89\xde\'\xecG\xa1\xfe\xa0\xa3-\x8a\xabo\xb4\x89\xc1Jb\x0e%\x90k&gt;\xd0W\xccvD\xe8\xaePL\xd8\x11(9D\xa4\xa4\xc5\x04\x90[GW\xbe\x87\x0c\x19&lt;\x97\xdaX\x14L\x0b\xb3\xafa\x17\x92q\xe4\x07\x95\x9aMW\xbc\xfb@\x85c(\xd8\xa2a7\xbcE\xba\xaa=\x90\x8b\x14~\xef\x19\x1dq\xc0r\xc5\xa6\x10\xb9\x98\x81\x92\t\x95\x9c\xc1\x7f\xee\xbdS\xd7\xc9\xe6\x0c\xd3\x94\xbc5\x17O3E=\xcc\x94l\x9e\x99\x12\xd3~F\xa1\x94\xc1\xb6=-\xa8\x1a\x04\x95\xee\xa2r\xa1\xca\xe3b\x9c\xf7[6\x0b\xe6g\xec\xce97M\xf3\x9b\xa3\xbe:\x04\xb17\xa1)\x19F[\x0fC\x1er\xb5\xa0\t&amp;\xd4\n\x1a\xed\xc3~\x11\x0c\x00Pr\x00@q\xa6\\\x04\x00\xfe[c\xd341\x1aj \x89\x13p\xceY\xad\xcf\xbd\xe0\x9b\xce]\xe3;\x18\x85A&amp;W\xc3\x90\xb4\x88\x8d\x8b\xa4;\x81\xa4=P}sU\x06\xddi\x00\xc0/\xc7o\xf3O\xfe\xecI\x06\xbdh\x98\xbf\x8b\xc7\xc7\xb8\xad\xfc\xa0\xb6\xda\x17\rW\x1e\xa1\x1b\x92\xa51\xbe\xe4)\xec\x0cZ\xf1j\x80\x84\xbcs\xee\x9d\xd1\xf5\xa0R\x1b/_\xf9\x90\xa0\x1fD{\x9d\xa1\xc6\xaf\x11\xc0:(7\xe8\x8b\x1aH\xdc1\x07P\xb1\xb6\x1e\xee\xd9N\xdb\xf9r\xc7\xeb\xb6\xea\xcd\xc1\x1c\xbfz\x9e[\xe1\x83t\x0eH\xe4{\xb3\xd5\x02\xb6\xedg\x031\x8f\x9fs\xdc\xd3`\xb3\x1f\xe4\xf9ujh{P\x9f.\xf2\x91\xcaW&lt;\x94\xe4\x05\x1c\xfc\xf2\xd0\xac\xb3\x95*\x89f\xf5\xb6@\x13\xa3\xda\xae\xfc\xf1\xe3\x82/\x1cDt\x1fp\x08\xab~\xb0u\xa8u\xa8\xd7~h\xd5\xde6~\xd4a6\x97?\x10\xaa\xea\x11\xe1a\x1dO\xf1\xe0\n7y{\xe2\xf8\x1f\x83\x93C\xee5f\xe1\x19\x89\x01@|\x9e\xd86\xdf\xda\x9cTB\x1e\xf3\x8c\xc5\xb8iI\xfe\x95\xcb\x1a\xdc@+6\xa4W1\xff\xfc\x18\xb5&amp;\xaat]\xfd(6LQ\xc8FP\xce\xae\xeda\xf74U\x9d2K\x0f\xee\xd1\xb6\xd1\xbb\xcf\x97d\xe8|,\xbe\xe8\xf7\xf2\xf9\x13dj\x8b\x99\xbd@Y\xcdq\xc83)\xf0\xcc\xf2\x8e\x94\\\xe5\xa6d\xd13\xd2\x94p#\x90,v\xc2\xe2\x03\xce\xc1\x1f/\xcc\xfc\xc5\xe9\xe1\x85\xeb\x8b7+\x18=`\xb8\x99\xf5Ts\xe5\xf2\xfeyw\x03|\xbc\xca-\xe3\xec\x11\xe4\'&lt;\xc9#\x10^g\xb0=:\xbe\xb3\x8c\xfd\xe2\x83\xabH\x98z\xfcS\x8a\x19|\x9d\xbe\x86A9\xd3\x7f?\xd5&amp;$\xdc\x1c\xf0AGY\xbe\xc3 ?p\x96\xad=\xf9\xf3\x16~_\x08\xa0\xa8\x05y\xab\x1d\x00\xbf\x95]\x91\xb7\xd5p\xbc\xb7B\xd6\x88\xa3Kb\x04\x80\'\xc2}\x8b2\x1f\xe8\xa3G2\x01\xb4cW\x852U\xb4\tv1T\x98\xcc\x01\xb6U\x91t\xa3\xdf\x7f}Mt9\xe6\x10\xc8\x08\xc3\xe0\xac\x88\xbaz$\x11\x05\x8a#\x91\x87-\xb2$i\xfd\xd4\xb77\xe4!8B\xa4j\x194\xe4lS\xc4\xd4A\xb3\xce\xa2\x89\xb6\xa0\x96\xde\xbc\xbcd\xda\xc8v\x00\xdd\x03lM\xdbv\n\xd3\xcf/\xa4w\xb7\x03\x86d\xc7#\xf3\xd2Yq\xa3\xddr\xc9\xa8\xd9V\x16y(\xa8Lc\xb7\xf6\xf8h`\xdbbj[\xff\xf2uG\xae\x87\x07\xda\xc6&lt;\xd6\xf4\xad\x06J\x9a\x03\xad\xf5\xf9\xc5\xbf\xcaj\x10\x87\xb4\x8e\x9b\r\xcc\xc0\x91\t%W\x1e%2~\x9d\x92\xbfe\xdc|?k\x16,\xc6\xdd.\xc0\x9e\x87E\xdeh`]}\xbae\xb7\xcb\xdf\x1d \xba\xec\xa3O+L\xc2\xa2U7\xe7\xf5\x01m7\xa5A\xeb9\xde\xed\x06l\xcb\xb5`\xb5\x1e\xdc:&amp;\xa1\xb6+\x82&amp;]I\x1e\xf0)\xa0\xde&gt;\x1f&lt;P\xcd\x9f\xeb\x98\xe4\x9f6 \xa0\x9d\xb7b\xaa\x93\xdb\xeb\x9b\x8a\xbc\x15\xcf\n\xe0\x15]s\x83\xcb\xbd\x97Y\x07\x91\xb9\x95D\x06\xff\x95\xddo\x92\x0f%\xb0v#%\xe4w\x98\x01\xdck\x0e\xfa\x82=@\xf5\x01\xd1zf\xbb\xbe\x9d\xffW\xff\xf9\x1f\'\xa8\xe0!\x90\x0f\x1c\x96\xfa5\xec7\xe1{\xa1f\x9d\x0boGo\xeb\x9a\x16\x8a\xca\x884,\x04Z\xc1\xb8\xff\xe8A%1\x11?1\x935\xe9\xbb82\xef\xd5\xea\xedz\xeb\xad\xb4\x15dbyn\x1fP\xc9F\x86\xe4\x8c\xd4;\xa2\xe6L\xafy\xa8T\x8e\x0e|\x18\xf7y\x93M\xccl\xe0\xa4\xa8\xaf\xadhk\xf4z\xcd\x10.\xf3\xb7\xb9\xed\xf3\xe3+6\x12EC\x81f\xdf\xd1\x1f\xc8\xc9HjD\xebb\xcb\x1e\x86\x14\x99,%\xb2\x15\x13"f\x8e\xf9\x9c\x06o\xb1\x07\x1b\x08^\xd4L&lt;y\x9b\xe4\xf8\xc5\x0c\x88a\xd1\xf0\x03e\x199&gt;\xbd\xa5\xb2\x0b\x04\xfe\xb3\xbe\xc9n\xd9\n\xeb\x7f\x9fe\xd6`\xa5*i\x87l2\xe8\x07S\x92\xacj\xb5 \xdd\x14\x12\x17\x8bV\xaa\x0f\x040\x9d\xf1\xd3\xbcC\x8e\x89\xc5\xfb\x9e\xfb\xae/\xa4C\xac\xa3Q\xb7*\xda^;\xe7\xff\xe2f\x8f\x0f\xde7U\xee\xb9\x00\x00 \x00IDAT\x1c\x8b\xdd\xe2b\x90\xfe\x8e\x88\x11\xf6tL\x13\xeaV=i\t\xcf\\\x86"\xe3?\xd1TcT\xeb8f\t\x0f\x00\xefF\xb6\x12h\xd6\xd0 \x95\x00T\xae\x85\xfb\xa1r!,\xd4_\xab\xa4\xb8\x8f\xb1\x9c\xad\x91\xaa\xd0\xb9\xb0\xa6\x1b\xfb\x0f9&lt;`w\x93\x87\x80*L\x83e\x99\x14\x968\xae6g\x9b\x00\x9c\x89m\x91\x8c\xf3\xcbv\x81|\xf6\x99\x13\xa5E\x9d8\xcf\x84;\xe6\x0ekl}\xb1m\x1b\xda\x01\xa5Qr\x86\t6z\x9f\xd7\xc6\nz\x1d"\xa8\r\xed\x8f\x84\xe8\x96Y\xfd\xd9\x0f\xf1[@\xe7\x18%\x0c\x86g\xf4\xe6\x87\xfa\xcc\xaa\xb9\x12\xb6t\x99\xd6_\xf2\x99\xf2O\xb0\xd0\xa6b\x15\xcc=\xbee\x15\xa6\x89\xe3;\x85\xbf\xd92ya\x003\x07\xf8\xbd\xe5\xff\x0b\xfe\xa9\xa2if\xb2\xfe\xc3`\x06\xf8\xc0\xc8\x0f\xd2\x97[\x19\xa5\xd9\x87(Q[\x0f\xa8Q\xe3Co\xfc\x0f\xd1\x00@\xd2\xb5\xed\xf5\xf8\xec\r8]\xb5g\xd62;#\xa9\xd4\x00?\xcc\xaddE\x8fv\x11\xb5\x9d 8\x16`nq\xab\xbf\xc1#*\\\xd0\xa9\xe8n{\x11L\xe7\x08\x9d\x1ep\x99\xbd\x10\xfa\xb8\xfd\\\xd47k\x06s\xef\x1e\x80\xbf\xba\xecs\x8f&amp;2\x1c|\xbaQ\xceA7\x92\x02\x85\x10~\xe2\xa5_\xcc\xf1\x9a\rF{&lt;\x10^\xd46\xd4FL\x00\xb0\x1e\x86@6p\xe1\x88\xa0%\x16ud\x83\xc7K\xd94\x9c?\x0b\x81\xb8G\x89\xe9c3\xb7\x95i\xb9\x9e\xbf\xa9\xd1c w\'\'\x00x&amp;\x19\xf8\xa9\xe4\x1dsM\t\x10\xbcH\x83\x8f[AG\xee6TU\xa1&lt;3\xa2\x8b\xf9_W\x99\xed\x05&gt;\xf0l1\x07Y\xf7\x83B\xff\x0eQ\x85\x8d_;\xcco\xf0\xfe\xe4,\xc5\xd0\x03\xacdG\x02\xc7\x95\x9b\xa1\xea\\\x13.\xd9\x9c}\xd5+1D\xe5?v\xf1\xb2\x98\xc2Z\x14U\xd5\xc4}\xefA5s\x03\xf8#\xa1\x92\xdc\xdb\xaa`\x95\x0b3\xc3*\x1c\xf1C\x90gr\x1b\xb5\xd9\xe4\x0b\xe0\xfe[u\x15\xc6Fs\x9d\xda\x839~\xbb\x1b\xb55\x9b\xadR\x92\xef\x81Lv\xbb\x07OU\xa1\x08\xa6\xf3\xa6\xa4n\x11rO\xf9M+\x00\x00&lt;\x9eX\xd7\x90\x11\xef\xcd\xe1UI\xc6\xb6+*9(J3\xfd\xb6\xdcVy\xae}/\xe4\xa2\xd8\xde\xee\xe8:/\x05\xf5\xbf\xd1\xc23\x98\x00\xc2\x03\x9c\xe8zu\xb5u\xd9\xa8y=\t\x01\x9e\'*c\xf0\xc6nU\xb5\xde\x10\x9f/\xd7\xf4\x10AR\x1a\xeaW\x8ex\xf5\'\x96Q\xc5VR\xa3/\xc9\xdb\xbe\x89\xb0\xedh\xb8\xed\xa8\x8d\xc3\xe0\x9b\x0ed"\xc1Z\xf4\xa5\xf2od&gt;\xd4\x8ag\x14t\x02 \xdb&gt;{\xb8\x98\x91\xd0\xd6)\xb4rhE\xe0x\xcc]i\xb4\xaf$\x87\xc7\xe6\xb2B\x80\xc6K3\x97\x85{(\xa96\x9dY\xff\\\xe7\x9cs\xdf\xaeW\xa50\xba0\xefi\xe3\x08\xb4J\x98kQ\xa6B\xb2\xa9\xc83e7\x1a\xe9\x95\nU\xf14\xf6\xc4\n^\xb8~\xc9\xad\xd5\x87?\xd8\xd6\xfa\x9d\xc6\xfb\x9bZ\x01\x04\xd3\xc0|\xa5\xd1)^\x9e!oS\xa3Nb\xf1YC\x1f\xb2\x9b\xd1\xaaG\rW*\x8b\xc2\x9bsu\x82\xa8\xfc\xe7w\xa9&amp;\xfb\xb0\xca2Th7\xec\xd2\x9e\xc3\x07\x15\x7f\xd2\xa3\x12]\xbeh\x00\xfdT\x9b\x00\x18\x19\xf4b*\x13\x04\xc1\xfc\xed\x0c\x88\xff\x88\xbc\x8d\x8c\xcb\x94H\xc8\xf0\xd6\x8b\x1a\xf2\xbe\xd4`\xd9Mt\xfb\xb1\xdarw\xdcR\xb0\x1b\xf4%\xd6#\x1c\x0bT\xcf\xfc\xe58\xe7\x9c\x9b&amp;\xef\x1fC\xcc\xd4\x87YoD\xf5\xb1\xc4\x15\x8dyFs\xe1\xaf\xcf\x13\xb7\x03J\x93s\xb0&amp;\xecb\xdf\xe7/\xc57\xe9\x91_\x0e\x0c&gt;\x10\x95\xe8\xf2M\xe0\xe9\xe8\xea\x9fL\xa7H\xf5\x97=v\xcc\x7f1\x1c\x0f\x1d\r\xb7\tS\x82\xba\xeb\x1bQ&gt;\x14\x88\x13\xaa\xb0q(+\xa1\xca\xc0\xff$?#\xe3WR!1\xa1\xe9\xa4\x9fH#p\xce\xb9\x876I\xce\xe4{\x98\r4&amp;1\xa1\xae\xfe\xb8\x9a\xe3\xf0jd\xfd&gt;\xb9\xf5\xdb\xb9\xc5\xee\xa11\xcf\x00\xdfU\xf8\x0f\x9bE\x075\xc8\xb2f\xfe\xffZ\xeb\xb7\xf1\xe5c\xaf\xc9\x9f\x070\xe0U\xd7\x19cs\x987\xe0h#\xf4\xe2\x8b\x0c\xca\x11\xcd\xa2\x02*\xd5/\xfe\xc0\x8fP\xa1DU\xd1\xd5\x90}\xc5Lx\xba\xba\xcf6\x1c\xed\x02\xfca\xb5\xc2,\x08\xc1\xb9\x87I\x9aG\xf5m\x8fc\x93"\xa8\xd3\x9e\xdd\xa8\x01\n,\xcd3\x91\xfc#\xbc\x05\xce\xdb\xd4r\xc49\xde\xceGO7\x0bA]\x8a\x84\xc3V\x1dia\xa6){\xfb\x93\xb1A\x92\'a6\xd6t\x89\x99ol\xbe\xe2\x14&gt;\xcd\xa0/\xd4\xecP\xd5\x92a]\xaa\xdb\xfaZ`K\x15\xef:\xa4\x05\xf5\x08\x10\xf5\x1f\xff\xb6c%\xdf\xb0U\xf3^\x7fp;U\xb7\x00\xf8zE9\xd0\x8e\x03:r\xf95\x88\xef\xee&gt;\x01t7\xf1\xffp\xd6\xb9\xfe*\x86F"\xd3\xe4Qm\xebR\x14\xaa{\xbd6*q\xe55\xcd\xe5s@AFo=l\xdb55\xbcr\xb4\x1f\xd4\x04 Q\xa8g\x92\xbem\xa5\xeaB\x15*\xe3/\x0f\x9a&amp;\n\xb5J\x9aT\xaf\x9a\x9a"\'\xd3|\xf9S\x0fmMt\xa5aRT\x14\x13B\xe5\xa0\xff\x19g-%^\xb3!V\x93\xb7\xe9\x15}\x16\xa0\xf3\x8a\xbfHi\x9b\xafm\xce\xfcn)g\x03\xa8U\xa3\xe1Dh\xb0\xec99\xd0\xb0P4oJ\xc6\t\x8f\xbf\xb1VzC\x8fv\xce\xc1\x97qj\xc5\xaa\x92\x94\x9e{\xf1\x1f\x9bD\xea\x98\xc7\x97\xc0~\xc0\xceP\xc2\x94\xd6q\xb4R\x8e\x9as\xce\xc1o6\x1b\x8b\xf90\n~\x08\xb1\xa8\xf5\x1eS\xdc\x13\x19\xc8\xb6c~\x86H\xdb\nL\x1c\x85bq\x18\x8a\xedX`\xfc\x02\xd0=o\x9b\x00eh\x9a\x00\xf0\xe7]\x8cQ\xe2\x16\xb9\x88\xcb\x95hIz\xd3\xf0\x81\x86\xa6}Q\xc8\xc3\xd6u9P\x8b\xfc\x12\x83Q\x95\x7f-\x96\xd4\x9ap\x84\xa3&lt;o6\xb4\xec\xdeK\xdaR\xaa"\x19Z\xb8yA\xa0\x14\xbe\x85\xb0y\xa1\x94\x8d[\xbe\x06E8\xe4\r\x93\x96+\x9a\x15\x8b\xfd|\xf8k\xe8\xaeYZ\xa1\x02S(\xbf\x1e\xc94c\xb1X\x04xrS\x95\xea\xef\xfe\xb8d\xb3\xdf\x8e\x06\xe9g\x19\xc9$\xf4\x00\xfer\xae\xbf\xcb$&amp;\x06j\x99\xe7\xf2\xbdDCf\x02@L\xe8\xa9\xf2:\xd1^$\xf3\x13%)4!j\xe5\x1c|\xcf\x1d~\x84\xb0\x7f\xc7\xf9\xa5\r5\x88\xf0q}Y9|^\xf1/\x8e\t\x90\x03\x97-\x1d\xd6w\xc8\n\x1d/@\xedN\xde\xc2\xeb~R\x97w\r\xbe\x84\xd4\xa3&amp;fh\x83\xea\xa1J6f\xd1\x93\xd5N\x1by*V\xcez\xf9\xda\x0e\x9f\x00h26\xbb\x05V\x87\xcf\xe7\x17&lt;\xf8q\x10\x8e\x10\x9e\t\x82\x9c\x17-\x0f\x052\r\xd1#$\xe5\xc1^i\x9c\xa8S\x11\x87\x9cIZ#\x92\xe3\x08+\xa5b\xe9Q\xa8\xb2\x13\x10\xfdZ\xa7D\xd5\xfa\xa2\xbcF\x0e\x05\xaaz\xdd\xa7N\xa2[y\xdaz;\xbb\xa5\x83\xafN8\xf2o\x02\x8f&lt;\xc1\xc1\xd7\xcd\xff_\xbe\xeeH\xca\x05w\xc8\xee\xe0\x7f\xc8\xd4\x15\xbf *\xf9V\xe2\x9e\xdf\\\x04\xd7\xe5\x8f\x94n\xbf\xc1\xb0.\xc0\xc1\xb9\xaf\xcd\x8a2\xac\x07\xd15\x96\xa8k\xcb\x17Z\xa7\xf2w\xd8\xa7\x95\xeaL\xc4\xab4\xd2\xda\xbe\xbcjw\xac\xecGD\x10\xd3\xd3D\xb6U\xb9y\xf9\x9e\xads\xce\xed\xf7\x0b\x16\xe1\x1f\xce\xa5~\x19\xa2U\x85\xc9\xd5,\x7f\xf1\xb8i_s\xb6\xb7\xfc+\x14\xfd68G\xcd+\xbc\xd9a\xe7\xba\xe2\x1ap\x1f\x7f\xc6\xcb\xe1\xf7I\x0ckW{\xa8\xa4\xa4yq\xbf\x9f0I\x19J\xc8\xc5\x9a\x95-vB\xe2|C+R \xf3\xa4\x95\xa3\x80L\x0b\xfd\xdbX\xc7\xda\x92\xbe\xb4\xb2r!\x85!\xa9\x0c\xde\xec\xed}-\xa5b/\xd0\xfd;o\xc2\xe0\x93q\x82R~h\x06\x00\xf0\x15\x9c@\x1d\x8d\xb9\x16\xfc\xb4/\n\xa1r\xad\xb7Fv\xafn\xca\x9d\x9b|\xbe\xe8\x10?|\x8e\xd5i\x12\xe8\xa1\x18\xe8\xf1\xca\x83A\xad\xbc\xf3tx#\xe0O-c\xc9\xbe\x13\x80?\x8f\xd0\xac\x8fZ\xf2\x81|\xf9\xc9\x96HClu\\\x9d\xd5k\x00\x00xs\xea\x16\xdd\x04_\xc1\xd9\x08\xacJ\xc2\x8b\xb4\xbcRs|EGLek\x9b5\x7f\xb4\xcc\xa4\x12\xc44#o\x8e?\x89\xa1\x0c\xf1\xca\x1bO\x0f\xab1\xb3\xdak\x02(#\x8e\x00B&amp;\x96\xa4d\x92\x18R9&gt;o.m\xd5\xecP2\x8d\x95\xe2\n\xe2\x90\xd82,\x8a[\xd9E.\xa2N\x0b\x8a\x85\xc5\x90\xac\xa1\xbd(\xd4\xd1\xcbh\xe4W\xceTrB\xaa\x10\x02\x15.fDsz\xeb\x8a\xb0\\|\xce\xe4\xf5\xf1\xb0\xce\xb4\xedu\x06o[*G\xcd\x15NK\x0b\xcd\x1d\xc0\xa7\'\x17\x7fVhZ&amp;&amp;\xc48\xa1\x0c\xbe\\\xceoK\x13d\x98\xab59)\x9a\x00\xb0\xb9Ph\xb1fjO\x9a\x8d3X\tf^\xe0\xdcg\xe0w\xf1\xee\x97\xa6\x80\x92QC\x9b\xa2\xceA\x1d|[h\xe8\xe5\x86\xdb.i!\x90\x85,\x04\xf2n\xd4.\xbb\x91"~u\x14\xd2;\xca\xe7rW\xd4{\x0c\x9d\x90$$)\xe1\xe5E\x1d\xb7\xb6\xc1P\t ~.I\xe5+\xa9!;\xc9R\xe6\x8e\xe2\xceC\xd1\xd5\tCE\xadG\x91\x95m\xbd\xe9\x95\xf2\xe7\xcb*\x87T.\x9d\x84\xfa{h.\x18]_,W\x9aR\xa2\xcaS\x85B\xac\xa8Q\xc2t\xf3\x01s!\x870D\xf9\xc8\x0c\xe7x\xbfiP\r\x88$I\xb9\xbb\xce\x01\xc0\xb3"\xaaR\xd3\x8c\xce;\r\x08^\xc8\x97ci\xf2\x18\xec\x96\xdah\xc7VR\xfd\x93\xa4U\x19hZz\xb8\xf52\xd9J\xa1\x7f\xcd\xcf\xb75\xb0\x93\x9aH\xaf\xb8\xf4\xf0G\xe7^\xd1\xe2.\x85B\x7f\x80W\x13\x02N\x19u\x87L\xb4\x060\x1ec.\xe2\xd7\xfd\xdd/\xc1\x9b\x87o\xe5\x9am\x00\xf8\xca\xec\x8aY\x95s\xd5\xfb\xb9sc\xcfh\x06Au\xb8\xbb#A@\x95:\xbd}\x87\xe6\xb6\xab\x8b"I\xb3|\x0e\x90X\x83\xf47\'\xd2\xbb\xceZ;$\x91\xdc\t\xbe\'\x8a\xa8@\xa7\xedh]_&gt;`\t\xe5\xf2\x06\x86\xd1\xf7MvH\xf9\xd0\xd6\x08\xf5\xe5\xc8o\x02\x1f\x08\xff\xcdEN\x86\xfd\xcb\xd4\xf9\xe8A\xf6\xa2!\xf8\x82\x13E\x15\x11Wi\x9e$\xca\x19\xd3\xb1\t\x07\xdfD1\x0c\xdfN\xd8\xc5\x1a\xa4\x8a\xfc\x9f_o\x07\xd3\xd7.\xa7i\x12\x8dx\xf4\xd7s1K\xb6o}\xaa\xfe\xfe\xb6\xa58F\xb1\x97\xceR\xeb\x17b\'\xe1\xf4\x85\xe4T\xf8\'\xe0\xb1\xbf\xdc\x9b\xe8\x9d\xa6\xe8\x0f\x11\'\x7f\x918\x8dU\xac;\x99\xfd\xed\x9a\xf6\x9b\xb7\xfc\x8c\x05\x81XnB\xf2\xb7\x94\xef\x16v\xdd\x01@\xf9\x13\x8a\x8c\x00\x84\xbf\x12\xba\xae\xc2\x00&gt;}y\xfb\x95\xba\xa7L\xf1\xcf;\xd2\x16\xe9\x15R\xb8\x16C\xefR\xb7B\x01\xd6\xfao\xd9\x06\xa6\xdf\x98\x02\xfd\xa5\x87\xae1\x04\x0fE\xbe\x81aTU\xbdeQ[\x14\x8a\x85\xa7(2\x86\xe6^\xa0U\x92\xba"\xe1\xa0jU\xef\xf9\x9a\xb4\xba\x10\xc1\x10C\xc9\x91\x99z\xfcK|\x8a\x02^\xe6\xa3\xb7\x8biGZ1\xca\xcf\x07\xf9\xd5\x07\xc0\xbf\x08I\xee\x1f\x8e\xdb\xc2\xf1-\x1b\xa8\xfa\x8e\xe4\x8a/\xa0\xb5\xba\rd\x92\xa8\xab\xe2 \x1c\x97m\x1c+l\xd9\xc84\xcc\xaa~\xd5\x19&gt;^\xe7Id+ 7F4\xc9vK\xd7\x04\xa0\x84\xd6a\xf9\x9c\xef_\x03\xbcqpQ\xa4Ji|%\x90^\xd1\xac\xfd\r&amp;\x83\xb6LQX\xe7!\xec\x96s\x00\xf0\xc3M\xc90\x10\xcc\xa3\xdc\xdd/w\xe9\x8a\xbb\r\xad\x94C\xb4\xe6-\n\xf7\xdb\xd6\xf0v\x17\xeb\x7f^\xa6\xcd@\x805]\x0f\xb9\xe7\xc2\x85K\xc3%\x9da\x97\xc0hs\xb1\xc7\xe2\t\x00\xf2[\xfem\xfa\x15\x9e[E\xbfT\x89\xad\xd4&gt;\xc6QEE2\xdfTY4\xb4\xac3\x9d\xc4g\xc3|p\xd8\x1eEH\xa9\x89u\xb9\xb9J{\xab\xcf\xde\xac\r\xa1P\xb3\x98\x80\xea:\xaf\xca\xb7\xfa\x1aN\xac\xcd\x97\xbagc\xf2\x90\xcb\x85\xfd\x9b|\xf7/\xb2.\xb6\x8bj\xe6-B\x06\xfc\x16\xda\xd6Juh\xb4\xed\x06\x883D\xadYC4\x94dVL\x8cN*J\x12\x01\t\xe7\\g\xa1U\xdc\xb0e\xf9_\x15\x16\xaf\xa4\x02?\xd8\xce\xbc\xec\xe0\xae\x89\x89~\xf9i\xd3l+\xd0r[\x00_\x98\x08\xd7-_J\x02\xce\xbd;f\xe2\x1fq:EC/\t\xf80+\xc2mt\x9a8\</t>
        </is>
      </c>
      <c r="E555" t="inlineStr">
        <is>
          <t>&lt;class 'numpy.ndarray'&gt;</t>
        </is>
      </c>
    </row>
    <row r="556">
      <c r="A556" s="1" t="n">
        <v>554</v>
      </c>
      <c r="B556" t="inlineStr">
        <is>
          <t>steps_per_sec</t>
        </is>
      </c>
      <c r="C556" t="n">
        <v>8000</v>
      </c>
      <c r="D556" t="inlineStr">
        <is>
          <t>10.113227</t>
        </is>
      </c>
      <c r="E556" t="inlineStr">
        <is>
          <t>&lt;class 'numpy.ndarray'&gt;</t>
        </is>
      </c>
    </row>
    <row r="557">
      <c r="A557" s="1" t="n">
        <v>555</v>
      </c>
      <c r="B557" t="inlineStr">
        <is>
          <t>Loss/object_center</t>
        </is>
      </c>
      <c r="C557" t="n">
        <v>8000</v>
      </c>
      <c r="D557" t="inlineStr">
        <is>
          <t>0.16138941</t>
        </is>
      </c>
      <c r="E557" t="inlineStr">
        <is>
          <t>&lt;class 'numpy.ndarray'&gt;</t>
        </is>
      </c>
    </row>
    <row r="558">
      <c r="A558" s="1" t="n">
        <v>556</v>
      </c>
      <c r="B558" t="inlineStr">
        <is>
          <t>Loss/box/scale</t>
        </is>
      </c>
      <c r="C558" t="n">
        <v>8000</v>
      </c>
      <c r="D558" t="inlineStr">
        <is>
          <t>0.05803482</t>
        </is>
      </c>
      <c r="E558" t="inlineStr">
        <is>
          <t>&lt;class 'numpy.ndarray'&gt;</t>
        </is>
      </c>
    </row>
    <row r="559">
      <c r="A559" s="1" t="n">
        <v>557</v>
      </c>
      <c r="B559" t="inlineStr">
        <is>
          <t>Loss/box/offset</t>
        </is>
      </c>
      <c r="C559" t="n">
        <v>8000</v>
      </c>
      <c r="D559" t="inlineStr">
        <is>
          <t>0.20972249</t>
        </is>
      </c>
      <c r="E559" t="inlineStr">
        <is>
          <t>&lt;class 'numpy.ndarray'&gt;</t>
        </is>
      </c>
    </row>
    <row r="560">
      <c r="A560" s="1" t="n">
        <v>558</v>
      </c>
      <c r="B560" t="inlineStr">
        <is>
          <t>Loss/total_loss</t>
        </is>
      </c>
      <c r="C560" t="n">
        <v>8000</v>
      </c>
      <c r="D560" t="inlineStr">
        <is>
          <t>0.4291467</t>
        </is>
      </c>
      <c r="E560" t="inlineStr">
        <is>
          <t>&lt;class 'numpy.ndarray'&gt;</t>
        </is>
      </c>
    </row>
    <row r="561">
      <c r="A561" s="1" t="n">
        <v>559</v>
      </c>
      <c r="B561" t="inlineStr">
        <is>
          <t>learning_rate</t>
        </is>
      </c>
      <c r="C561" t="n">
        <v>8000</v>
      </c>
      <c r="D561" t="inlineStr">
        <is>
          <t>0.0009996302</t>
        </is>
      </c>
      <c r="E561" t="inlineStr">
        <is>
          <t>&lt;class 'numpy.ndarray'&gt;</t>
        </is>
      </c>
    </row>
    <row r="562">
      <c r="A562" s="1" t="n">
        <v>560</v>
      </c>
      <c r="B562" t="inlineStr">
        <is>
          <t>train_input_images</t>
        </is>
      </c>
      <c r="C562" t="n">
        <v>8000</v>
      </c>
      <c r="D562" t="inlineStr">
        <is>
          <t>[b'512' b'512'
 b'\x89PNG\r\n\x1a\n\x00\x00\x00\rIHDR\x00\x00\x02\x00\x00\x00\x02\x00\x08\x02\x00\x00\x00{\x1aC\xad\x00\x00 \x00IDATx\x9c\xed\xbd\x7f\xfc\x7f_5\'\xba_Q$\\\x15]\x113\xc8-\x14\xd3TS&amp;$\xa2\x8c\x1fS)\xe9F\xd3\x84\x99p\xf5\xcb\xcf\x07J3\x98\xf1+*!L\xa4\x89\x9a\x19"&lt;\x9a\x91~a2\xb8\x14i\xe6&amp;\x84\x9bG\xb7\xef`\x8a"\x92\xd6\xfd\xe3\xbc\xce9\xfb\xec\xbd\xf6\xdak\xed\xbd\xf6&gt;\xfb\xbc^\xeb\xf9\xf8\xf6\xe9\xbc\xce\xd9{\xad\xb5\xf7^{\xfd\xda\xe7\xf5z;g0\x18\x0c\x06\x83\xc1`0\x18\x0c\x06\x83\xc1`0\x18\x0c\x06\x83\xc1`0\x18\x0c\x06\x83\xc1`0\x18\x0c\x06\x83\xc1`0\x18\x0c\x06\x83\xc1`0\x18\x0c\x06\x83\xc1`0\x18\x0c\x06\x83\xc1`0\x18\x0c\x86\xab\x06\x00\x00@o\xa6\x9d\xf9\x8d\x8d\x1b\xed-\x80\xa1-\x9e\xbf\xb7\x00\x86,\xae\xda$\x9dN5\xbd\x0b\xa6\xae\x8a\x9fa/\x00\xfc\xc1\xde"\x1c\x0f\xcc\xedq\xd5\x06\xc8`0\x8c\x8f\xfe\xa9\xe2\x05\xc0&amp;\xcd`0\\\x02v)\x17\x1e\x1a\xd7&lt;]\xd7;r\x83\xe1Rq\xc5\x06\xad\x04\xaf\xdf[\x80\x0e\xb8\x18\'w!\xc30\x18\xda\xc16I\x19.\xc6J^*l\x81\x0c\x86! \xda\x88\xb6k\r\x07\xc5\xd1U\xf7\xe8\xf2\x1bt`z\x90\xc5Q\xa2K])\x0f2hC\x13\xbc\xff\xde\x02\x18\x0c\x06\x83\x0c\xe6\xb3\xb4\x00\xef\xe9&gt;{o\x19\x0c\x86Qp\x94$\xa0\x11\xa0\xfb\x0c\x14\xb0\xb3\x97\xdc\x0c\x06\xc3X\xb8\x00\x93\x942\xab\xa3\r\xad\xbf\x972\x18\x9c\xfd\x14\x84\x81D\x93\xaf\xcdw\xb6t\xa91\x0cepO\xce\x9d\xea~\x14\xc1`0\x18\x10\xf0\xcb\x0b\xca\'\xb1\xb7S%g0\x18\xae\x16\x03EkG\x83\xa8\xbe&lt;T\\\\\x89\xcb\x19\x89\x12.rB\n\x8eO.r\x1e\xf4qI\xb6`/\xec&gt;\x83\xf4"B$a\xaa=A\xe7wJ\xe4\x92\xa1`\x1aM{\r\xa6\x01U\xb0-T\x89\xc3M_\xd9\x82\x1f\xe2\r\x96\xf1%4\x18\x0c\x86C\xa2\xde\xbc\x9ay.\x06\xfe\x9aSo)\x0c\x86f\x18&lt;|\x1b\\\xbc\x0e\x08R\x80\x11\xe6c\x04\x19\x1a\xc1\xf4\xcd`\xe8\r\xdbs1\x98\x86\x88\xd3\xcal\x9a\x086[\x06\xc3p8D5\\\x05%_vm!\xc7\xb5\xc2&amp;\xb3\x1eW\xb2U\r\x86B\x8c\xb0C\x92o%u\x96cT\xd8&lt;\x94\xe1zb5\x1a\xf6M\xe0\x0cLGv\x04\xb5Em\xf7:\xe7\xecO\x9c\x17\xc1L\xff\x82w\xdd[\x80\xd1a\x1blG\x10\xbf\x8e`?\x9c`\xa8\x85\xa9PA\x06\xd09q2_\xbd#\xcc\xc8\x8e\x8c\xb78\xe7r\x19\xea[z\x08r0\xac&amp;\xc5l\xcb\xf8\x01.\x00\x98\x192\x18b\x80d\xf7\x8a\x1a_6\xfc\x98\xd2l\xcb\xe8g\x00\xb6B\x86\x00\x17\x13\xb6\xc5\xd9\xadhh\xa2\x8dq\xac]\x14\xffB\x89\xa1\x11Fw\x00\x06C\x80c\xd92&gt;\x00\xc0\xddfo!\x06\x008+\xce\x8c\r?rA\xdf\xa6\xb2\xc2\xbd\xc1`(C\x8b\x174\x03\x820C\x97\xcb\xb5 \xfa\xfd\xc8}\xc40\x18F\x80\xa9\xff\xb1\x00\xf0+\xe6\x00\x14@L^\xa3\x99\xfd\xbd!7\xdb\x80"\xf5\x87M\x82\xe1@\x00\xfb"\xd8Aa+fh\r\xb3\x0b\xd7\x00s\x00\x06Cs\xd8\x0eK\xc1\xac\x8f\x16\x8ag\xd2\x96\xa0-*\xe7\xb7\xbf\x8bn\xc7\xce\x14\xed\xf2P\xaf\xdeZ\x92\x18\x0c\xc5\x18\xf85\xd0a\xbe\x01 \xf8\x83\xba\x89\xfb\xa3\x8c\xc4\xa0\x87\x9ao\xa8\xdcMQ\x8e\xcbB\x0b\xaf\xf8\x16\x8b\xc0\x0c}\x90\xfe\x83\xba\x16\xf1)\xe0\x92\xe6\xf0\x92\xc6\xa2\x88\x16\xd3bS\xdd\t\xbaE\x9b\xf2\xd2\xde~K\x0e\xf0\xcfP\xd6v\xded\x10!\xab-\x00\x00\x7fY\xd2qp\x1c]~\xc3&gt;\x80\xc4\xb5\xc1p\x91\xb8\xd4\x97X\xc2\xef\x18\xed#\x85\xc1\xa0\x84\x8b\xdc\xa5Y\\\xe7\xa8k \x9d/\xda\xfc_\xcc\xec\x9b\x1e\x19\x8e\r3\x85\xc5\xb0\x89\xbb6h\xad8\x00\xc0\x97\x99\xf30\x18\x0c\x86\x83\xe0R\x8bZ\x06\xc3Ea\xc73v\x03\n[\x8c\x056\x15R\x0c\xfc=\x80\xc3\xe2\xc2\xedc\x97\xd1\x8d&lt;\x87\xe3JvA(X\x7f\x00;40\xec\x8akP\xbf\xa7\xed-\x80\xa13\xc6Qj",\x18GH\x83\xc1`\xe8\x87\x91\xb3%]\\\xcd@\r\xc7\xc4\xf5lE\xc3\x80\xd8W\xfdFV\xfe\x91e3\x18\x86\x86m\x9d\xa3\xc0V\xca`\x18\x02\xb6\x15\r\x83\xc3\x82b\x83\xc1\x90\x81\x19\t]\xb46\xbb\xc5\xd4\xcb:\xd6\x0f\xc6\xfc\x90\xc10.lw\x1e\x05\xa2\x95\x02\x00\xf8Y\r\xa6\xd5\xe6\xdb\xbe\xfd5\n6\xbf\xa7\xd6fQt\xc9\x8e\xf3\x87=G\x90\xc1p\xa9\xe0h\x97\xf4\xf7\xc6\x99\x8d\xb3\xcdF\xd6|\xb0\xf0E\x84`)G^Z\x1f\xbe\x0f\xd8K\xe2\xa3\xcc\x95\xe1\x10\x08\x7f\x11sH\xed\x9a\xb6\xdd\x90\xa2\x19\x8a0\xa0\x9eq\x02|\x98\xd1G$T\x80\xbdX\x1b\xae\x16\xa6t\x06\x15\xac?\x05Q\xf3\'\xeeZ\xe0\x10\x86\x15\x00\x96y;\x80\xb8\x86K\xc1`\x9b\xd5pT\x8c\xabG\xb1\x03\x88]\x94\xdff4\x07va\xf0]\x9d\xc1\xb0\x0b`d\x83uL\x1c\xef\xc7\xe0\xe0\xeb\x9c\xdb\xef\xf8\xf7\x10yI\x0b\x98\xf5\xdf\x0bW\xabr\x08l*:c\xc7\xf9\x86\x08\x8bH\xf1#\xdb$\x86K\xc5\xc3\xf6\x16\xe0\xa00\xb3pl\x04\xe6=X\xcb\xac\x03H\xad\xfd\xed[\xc9\xbb?L\xd9\r(v\xb7\x83\xbb\x0b`8\x1e\xe8\xd0\xfe\x823\x80K\x1a\xcb\x04\xf8dn\xcb\xf7e\xb8\xb1K\x9b\x1d=\xa03s\xcd\xd3uy[\xe9\xba\x90\xb5\xec\xbb8\x00\xd3)\x0e\xfc\x15)[\x1c\x9b\xe7b\xf0\xb7\x83\xee\xc61\x83{9x\xc0\x18;\x90\xb6\xeeZ\xd6\x7f\x84\x91N\x18G\x12\x15\xb4\xf8\xfb\x91\x176E1\xcc\x8a\x1a\x0cgp\nA\x9dE2\xf0!]\x9dM\xde\x806\xa8\x93\xc7`0d\x10\xec\xb17\xee#\xc5\x8a\xb8\xda?N\xd5\x7f\x04\x19.\x06\x9cUM\x86\x02\r\xe41\x0c\x85\xbfo\xab\xdc\x01c\xd8U\x04A*0\xa8\x94{c\xd4\xd5\xcb\x83\xe9\xd3S\xcd\x0e;\xee\x9dqI\xe5S\x83\x02\xf6r\x00/\xdb\x85\xebaA\xac\xd2\x98\x1bRK\xaaq\x92\xbf\xdd\xa18\t\x00\xcf-\xef\xfba\x83\xaa\x9c\xa1\x04\xd9\xb7n\xbaI\xd2\x1a\x973\x12\xc3\xf5A\xf7\xb7\x8e/i_\x1b\x0c\x06\x83\xe1B\xb0\xb8\xa6o\xdbS\n\x83\x87\xce\xf1\xc2\x95\x87\'\xc4\xe0\x0f=3\x07\x15\xfe\x90B7\x83\xfd\xd1\x15Cs\x98\x86\xa5pP\x1b\xea\xce\x7f\xc1\xaa\x17\xafN|\x0c\x06\x83\xa1\x1a\n\x7fh[A\x8a\x0b\xc4q\xfd\xa5\xc1\xd0\x08\x85\xbf\xf1\x0b\xf6\xeb\xf0\xc3\xc3~&lt;\xdd\xe1F\xdf4\xd7`8\x03\xf9{\x00\x9c?\x0el{h|\x0c\xb8B\x9d#\xf0D\xc8o/\x92\n \x9a(\x9b\xd5\xc3\x01q\x00\x81m\x1f\xc7\xd6\x8f\xff\n\xf8\xd0\xc2\xed\x8d\xffR\xe4\x93\x8a\xd7|\xdb)\xe2,\xa7;\xb8\xee\xf1!\x1a\x86l\xc9.e\x8a\x0c#bt\xf3oH\xa3\x7f\xec\x7fF\xf4\xf2`\xf8\xbb"\x02\x9a\x9a\x12\x1a\x0c#\xe0]\xb3-*\xcb\xfd\x00n\xd9\xfe\x95\xc9\xc4^\xb9\x88\x15\xd3\xebQ6\x81\xbe\xeeM\xc6Z\xa4\x03h\xe3\xd3\xe9\x14\xfc\xe4\xdc\xb0\x8b;\xb2l\x86\xcb@^\xc1\n6\x9e\xdf\x11\xe7:LY)\x06\xea\xf0\x00\xc2\xca\x98\xa15\x00\xc0\xb9\x93;\xb9\xd3r=E\x129\xed\x99\x15\xef\xdc7\xdd\xe0\x8c\x91\xb5\xd1`h\x8a\xcd\x19\x00j\xb0O\xa7S\x81\xf1\xf3\xf6\xd8\xa7\xa3O\x87-\xe7$\xc2\xc6\xfe\x82\\&gt;\x08\x1d\x80\xe5\xff\xd7\xf8c\xb9\xc7\xd4\x1c8a,:\xa8\x1d\xc0\xaf\x0f\xaa\xdc\x06\xc3\x16M\x0c[*i\x00\x17\xee^\x0b\xbe\xae\x19Du1\x0e\xd2\xfd;\xb4\xda,\xeaw.?n[\xc7.A]\t\xed%i\xc3Q\x80\xbc\x05\x94\x02\xff\x07{]*\x8eva,=l\x1e\xb0\x0bFN\x8cZ\x80\xb2\x92\xde\xa3\nc\x1a\x85\xff\xd8\xd7\x02J\x89\'\xd1\xcd\xfa\xbf\xa6\x0f\x9b\x08HRo08\xf6\xdf\xf4(~\x13\xe3\xe2\x01`\xef\x92\x9e\xb1\xf9\xf3\x0fS0\xcf\xd6\x16\xbf#\x84\x8f\xeey1\xba\x07\xce}\xe4\xde2,8\xf6T^+\xf4\x93_\xc7\xcb\xd07B\x8c\x91/\xdbK\x17\xa3\xc1\xfb\xeb?\xb2\x17\xc9RE\x18\xff\x9d4\x11\xc1\xc3\xe1\xc2^[\xb0\xbd\xd9\x08\x82\x12\x10\x13\xfe{{\xc8\x11\x9c\xf4\xdb7:B\x19\x0e\x89\xd3\xb9l\xe8\x9cs\xa7\xd3Id\xac\x13o4\\\xcd\x81&gt;\xf6\xd5\xb7=\xe4\xd0\xc1u\xac\xd9\x0e\xd0t\x00\xbe~\xa1\xdaV\xa0\x81M\x17&gt;\x90gG%\x1b\xa1\x1c\xb1\xbb\x00)\x9c\xe4q\xfa\xe4+R\xbf\x04\xe17\xab\x13m\\,\x03[F{\xc1\x83\xf5\x01[M\xfe\xfa\x81\x15{\\@\x91\xb1\x06\xef\x0b\xf6h\x99\xf5\x01\xd8\x01@\x9f\xe5\x19A\x05&amp;\x19\xe2!/\x7f\xe6~{\xb3\xb7\xc8\x87\xde\'\xe9\x1f\xfd\xd9L\xece\x94\xfe\'@*\xcc\n&gt;2\x86\xac8\x1d\x83\xcc\xec b\x1c\x06Z[bs\xf8\x96(\x01\xed\xe2\x00\x8e\x85\x1b\x1f\xdc\x1c\x0f\x85E\xc7\xfa\xeb[\xcaF\xef\x0bx\xd5|Q$\xdb\x80#2\x0c\x81@\xdd\xd1\xadf\xe6\x7f@L)H3\xe2\xb6\xc2c\xc1\x8b\xd2~\xa5\xa0\xfb\x87\xe9\n\xa3A\xc14\xac\n\xba[4K\xeb@\xf6\x7fh\xe1\x8e`[\xe1\x97\xea\xba\x0b\x1b\x8f?!\xbb\x03\xdeT\xfb\xa3\x8aG\x99\xe4\xf1\xcd\xcb5\x82H\x00~#\xd5\xbe\x9bp\x86\x83\xc3T\xa5\x0c\xfcMv \xab\n\xe0^\xbc\xb7\x0cW\n\xe2x\xaa\xac\xfe\xa3\x9c\xa3\x14\x11\xeb\xac\xf5Rv\xf7n\xcf\xc2\xb0/R\xbb q\x00~\xdf\x16\x02\x1c\xc6\xfcc\xb0bQ\x8c\x86\xbf\x05\xb4\xf2\xd8\xfe\xa2/\xf2\xa0/v\xffR\xc9P_\xd2\xd9}6R\x18V\xb0\xa1\x00\xe8\x8f\xd7:\xe7\x1a\xfc\x1e\x91\x88\xec\xee\xcb\x17\xcf\xcc\xee"\r\x08\xfd/\x82\xb9\xc8\xb0\x87\xe1\xfe\xf9iC\x1bH\xfby\x15\xbe5\xa1\x84?r\x82N\x87`\x0b\x00\x86\xfdC\'\xb6W\x03$\xbe\xda\xb6\x99\xa7\xafnf\xfd\x9dtE\xfeXL_W\x11\xe3\x190\x8d\xea\x8d\x03\x9d\xf7\xee\x05\xda\x014\x9d6\xb0#\x16\x83\x10|u\xe1h\xd6\xf6\xa5\xc12\x89\x0c\xc7\x81Y\x9b\x02\xb4s\x02\xd0\xf8\x05P\x99$\xbcfG\x87h\xb6GX\x9a\x1a\xb0|\x80\xc60\xe1f\xb4\x18\x95\xe4\r\xd5\xb0\xe3\x971q\x19\x99\xd9\xa7\xed-\x00\x1f\xbf\xdd\xffm\x82\xec\xaf\xf3F\x1f\xb5$\x84\xdb)\x11J\xd1Wmfh\x08\xc2\xcc\x00|\x84\xd5\x88jP\xf9N\xf78\x93\xfe\xa6\xed\xc7v\xa2\x8d3\xe4\x16\x88\x7f\nbw\x19\x0c\xc3b\xb7s\x91\xe9\xa8*\xbe\x7f%?Y%\x02\xfa\xa6\xc7\xfa\xd49W\xfaZ\xd1P\xef#\x05\xb0w6\n\xd0\xee\x04\xf8L?\xa7\x8a\xcb\x9f\xee\xec\xbfv\x8b\xab3\x1b\xc2G\x93\xb7\x80h\xd0U\xbf\x11\x0e\x8d\x87\x8a_\x002\x960\xf5\x0b\xc7\x9c\xd7\xc6w\xdc)\xf6\xc5\xdd&amp;\xd8\xd5\xa5\x9f\xe6\x7fk$\xf8\x94\xe8\x0e\xb7*ev_\x8e\x1d\xa6,\xfe\xa3\x1cY\x98K\xbfH\xd0\xe1\xa4\x9b=D\xeb\xd5\xcf\x8a\x11\xb6\x1f85\x01\x08\xff\x06\xb22\xfd\xf6c\xafa\x91U\x98\x91S\xde]p\xce\x00\xba\x85b\x00\x93;\xbf\xbb\xa8\xd7\xcd\x1bI3\x0c\xeeW\xd1\xf7\xe1J2\xf4\xc7\x8e~}\xd1\xf7\x079q\xe48\xac\x019gT-\xf72:v\xb5C\xe3j\x82\xbf\x9b\xfd\xabA\xc3.\xdeNX\xbf\xa3\xdbs7\x96\xe5\xfe\x96\x07(b\x840v\xca\x05wYV?R\x16ME\xb7\x9dR09\xcb\xb9Z\xbd\x84\xccaN\x01u\x9fD\xcd\xd0\x02\xe7\x0c\xe0t:1_\xda\xadG\x8e\x11\x91\xbe\xe9\x1f\x0c\x00&lt;Y\x97`\x7f\x94M\xc9\xee\x9bu\xce\x05\xd5p\x7fIc?P\x14ME?3w\x92\xff\x1d47e3og\xb6\'\xb6\x13\x93\xf5\xa9\xe8\xafu\x86b\x14\xf7\xc4pSUj\x17\x8f\xdev k\xc1\'M:\xbfNP\xab\x9f\xbb\xc1b"\x0e\x98\xaf\xac\xf8\xd1\xe8\x08\x89\x8b:\xb4\n\xd3\xd3\xfb\x02|R\xd3\xc4v\x9e\xd2\xe2\x14\xaa\xf5\x0bN\xd7\t\xf1[@\xea\x05FtE\xe7_\x0b\x9a"\x8b\xb8\xc1\x01\xde\x1e1M\xcd\x82\xf9\xc7~\xfd6\x179\xa7j\x9ar:!\x7f\x0b\x9ej~\xca\xb4h\x80x\xc5_\xc3\xeci\xd6\xbf\x01\xbaN\xa8\xff\xa2\xee\xf9z\xfa\xe3\xdd.S\xbbD_\x1c\x1aP\x1bZ\xbf\x83a0\xa8\x83\x93\x01\x14D\xdf\x9d\x8f\x15\x0b0\xbe\x84\x1d\x10\xfelg\xd3\xaf\x90\x9cYb,\xb2Z\x98*\x07\r\xb5\x84\xf5\x138\xbd\xf4?\xd0\x90\x8e\x89+\xdc\xdbe\x95\x1cN\xad\x12\xe6\xaf\x1a\x96Mh\xf0\xbd0\x98\xbf-\xb6\xfb\xfa\\d9Q\x8aM\t\xa8\xa1\xf5\xcf\xb2`\x1c\x0eh\n\xb4\xb2\xd5#\xa5D\xc7\x94R\x03;\xcf\xe2\x0e\xbf\xb2\'\x7fE\x82\xdd\x1ej\x0ey\x83\x1a\xeeT\xa6\xda\xdd\xfa;w\x88Brs\xc8\xd6\xa1\xf8\xb4*\x13\xfes\xc2\x10\x97\xb4\xd6\x9d^\xcb\xe3d\xca\xa3\x06\x9e\xbe\xf0\xc1@,\x0e\xaa\xc1\xb1f\x0f\x95V\xba\xa9\x07\x192\xfa\x83\x13\x83\xc8v \x08\x0f\x81+g\xf7\xfd\xf0\xfe\xac\xd7\xc8\xba\xffl@\xc0\x8f3\xf41\xad\xbf\x0bB\xb0\xf4#\x83\x14\xc7\x9a\xbd\x93\xb7\x8d\x16\xf5\xfe\x06\xe1\x18F\x182$~pb\x04\xd9\x0c\x08\x96W\xf8\x01~x\xb9\xc3\xed;wO\xa1\x95\xd0\x06\xc3%b\xda0\xcb\xc6\x19y\xff\x8c,\xdbe\xa0\xcfw\x1a\xfd\x97\x7f\x84\xf9&amp;\xc3\xbe\xd7\x9e\xbb\xd6\xcd\x82\xbd\xf2o\xc8b(%a*\xfc\xd2,n?\xbf\x94W^\xf0\xb4Z\xcd \xe8\xfak\xa0\xfe\x97?\xc7\x89\xdf+\x15\xb1\xf2k\x90\xba\xd8\x7f6\r\xc3\x83\xf3\xd2\'\xc0\xbd\xcfo\xff\xc0\x8f&amp;*-\x94\xae\xdd\xc9eZ\x8c\xb2a\xae\x1e]3\x803\xcb\xd3)x\xaf\x9fx1\x948\xfb\xa5\xbb\x1f\x0e\xed\xbe\xe88\xce\x8bw\x86\x11\xb0|\xcd&gt;\xf7G&amp;\xaa\xb4\xb1\xf2\xe5\xd1\x0e\xb0,\xc4)f\x00T,\x8f\xe8@\xc6\xfaOM\x00\x80s\xf6;B\x1a\x11\x83/\xd3\xb9&gt; \xf7d\xcc\x81/T[L\xd4\x90so\xa0\xf0h\xe7\x9cs7\xa3\x95\x8d\\\xd7\xf9\x14\x81ju\x9a~\xcb\x08\xd6\xf6eh\xa7_f\xfd;az\'\xda\xaf\xf90\x8fp\xe9\xb3\xdf]\xce\x81\t^\x00\xfd*0\x0f\xd8\n\xb3\xf0\x9d&amp;\xa3^\x8c1}\xeah\x10\xf8\xf8\x86R$9\xdeP\xb1\x8e\x9cm\xa5\xb2\xf7`\x0fe3\xf5\xae\x05\x08u\x9a6\xdf?\x88\xd1\xcf\xf6J9\x80nk\x0b\x00\xbf\xb3\xfd\xd8Y\x8c\x98\x05\xcc\xfe\xb5\x90\xe0\xc5m\x0c\xc5\x11\xd5Z:\x9e$\xa3-@\xfd\x1fv\xcf\xee\x8b\x9eC\x1emzwG\xe9!\xbe\xfc\x87A\x92\x12$\x0e\x00\\\xe6\x07Aq\x12\xe3\xd4\xf5v\x91\x84xs#\xdbe\xc2\x8d\x9c{\xa7\xbe\\{\xc2\xd7\xd5\x94\xde\xb2\xbe\xe5W\xfd\xb6\xd8\xc0\xf5p\xc3\x95\xe2F_Z\xd4\xadR\x95\x13\xdf\x07\xf6^\x18]6\xdb\xe9\xe4~)\xc3\x8b\xf8\x96SS&lt;\x9e|\xdaT\x92T\x9d\xe7\x14]d\x11\xb4\xfc;^\xa0z\xa7\xe3T\xff}\xeb\x1f&lt;\xfa\xb4\xa5\r\x87\x8e\x92\x18\xe3 \xb5\x80\xadW\x16~Y\xd8\xfe(\xaafH!.\xd7\x04w\xce\xe7\x04A\x97\xa8e\xae\xfcs-h7\xec\x80.\xc1\xe7p\x13_\xa9,_\xaf&amp;H\x06\xbb\xab\xf4\xde\xfcC\x8c&amp;\xcf\xd5\xa1F#\x97\xaatl\xb0\xa9:\xfe\x97s\x0f\x00RL\x15M\xe4\xee\x1b\xd2pI\xc8j\x93\xae\xba\x15P\xeb\xfe+v\x16\xe3_.\x16;\x1d\xd8\xed\xd81\xc4:Pj\xff\x95$oH\xbb+\xa6\xc9\xff\xbe\xe9\xba\xe7\x1bS\x07\x99\xc3C\x08Y\x0c\xe9\xe8z\xbe\xcc\xb62}\x99s\x97\xbe\x10c\x82[\x97\xac9\x01K\x19\x9d\xf3_\x7f$\x7f(\x94\xe8Nt1\x18\x16dU\x17\x9a\xfe\x19\x8c\xc3\xfeb\xe5Q\xe44\xd4\x80\xfdE\xb0\n\xef\xbc\xec\xae\xed6[o\x9eN\'\xff\xcbb\xac(\xd5L?\x89\xfaH\x1f\xb6\xd7\x07N\xd2s\xa9"\xc7\xfa\x83\xf7\xaf\x08\xa1\xf5\'\xbf=\xd5g\x8a\xd7\xa35\xb2\x19\xf2\xfb?ij-\xc0\xa4|X\xbd\x1c\x02\\\x07\x10\xef\x91\xd2y_\xdf\xd8LQ\xc8o\xc8\xd3i\x90\xc2|\xfa=\n\x1d\xf9\x98d\xe2F\xf5!m\xec\xab[\xf8\x80\xd6\x85&lt;\xf0~\x85\xad\x8a\xcdl5+\xe5\xa1\x7f9\x8a\xf3\xde3\xef\xdb\xf1\xa4\x0c\x8b$Ud6\xd4P&lt;YH\n\xfb^K\x95\x00\x86\x86@\x97\x86X/\xac\xe8\x8f\xbf\xff\xe36^\x02\xaf\xfc/=`\x8eO\xfd;L\x91\x08\xfc@Q\xafb\xc0\xfc\xebH\xf5\xb6\x10\xe0\xb3\xeb\xe5\xb9$(:\x98\x0ei\xd0\xe12-\xa5@g\xe7/\x88\x19\xc4(z\xbb\x80{\x98K\x9f\xfb\xa6\xda\xfb\x1f\xe5\xd2y\xd4j:\xa7)\x80s\xcf*\xa3\xd6\xd8(|x_v\x9dQ9\x98]\x0eE\xa5\x98\xd4\x1f\x9c\x83\xdf\xd8\x8b\xfb\xf8\x93d\x18\x00\x94eg\xbb\x07&amp;\x97\x16\xf2\xff\xdb\x8a\xbew\xf5\xaeE\xc2u(\xb3^\xf0\xf6=\x84mb\x8a\xf8\xe6\xa6Bx\xa0\xbf\xff\xb1\xa4\xaa\xcc\xe3\x04\x16\xc7\x8bV\xc2a\xb1C\x01\xad@[\n\xca\x95\xe0\x15\x7f\x91\xa7\xaa#G\xde\xf4\x80\xe9\x9c\x02T\xdeTJI\xbb\xd7{\x1aP\xfd\xda\x8c\xbda28D\x0b\x04\xe4/\x8dO\xbb\x9d\xf3K\x1b\xae\xc1\xebX\xcb@`\xfey\xf9SN\xe0\xab\xc2\xf9\x10\xb8g\x90\xb4\x9e\x831\x17\xe1\xfc\xb6h\xf29\x1a\xefgO\xdb\x14\x81\xfc\xc5\x0c\xef\x9d\xa6\x16\xf4\xe9\xfbR\x88W_\xf5\x84\xd90\x14\x04\xf6zF^\x1d\xda\x9f\xe5\xd2\x1c\x1670\x1f\x80\xd713\xa8\x80\xae\xf5Xa1\x06\xe7\x87\x192;\x01#!\x9d\xea\xf3\xa9\xfb\x9f\xf3{(\x14\xe2[\x00\x18\xe5\x8b\x9e\xaf\xc0\xf2_|\xcc\xb6l-\xf1\xf94\x8el\xf3\x7f\xc9i\x96\x0b\x84\x13&lt;F\x01pg\xec&gt;C\x17l\xeb\xc19\x80o\xc7\x1fE\x8e\xaf\xc3,\xe0\x0e\x80\xdf}\xf9\xef\xf5\xbb\xa9\x8dt\x92r\x1eQ\x9fc1\xf8\x8c\xb2-\x01\xbe\xb6Z\x1c\xe7\xd4^\xf2\xb9\xd0\xed}\x01\xb8\x80\xa5\xc9\xfa\x8f}\xc7\x882\xaf9\xe2\xd6E\x81\x0c\x9f\xc9\xe8\xf5\xda:\xa9\x0c1D?\xcc\xa7\xa5V\xe3X\x87l\xa2f\x18\x17k\x81bo{\xe7\x9c\xfbW\xbcf\xed$\xad|\xc7\xa9\x9c\xef\xde\xf3?\xc2\xea\x13\x18\\&lt;\x1a\x07\x16]\x0fG^@\xc3\xa8\xe0\x18i\x98\x95o\xad\xe7\x90a\xf2\xf4\xe8\xbbI\xa6\x05\xa2\xaaCT\x1dr9\xb1\x19\x85\x8b\xfdS\xa2\x05er,C\xe8\xfd\x9b\x9a\xa1\x18:tZ\xa0\xe1k\xcd\xc3(\x8fa\x83\xbc\x01\xed\xb8p\x81\x96(\xbc\xc2\xbc\xfd\x92\xf3rsGs\x86r-8\x13\xe37?\x9f\n\x92\x1d\xfeG\x96\xc8\xde{X\xad\xe4}\xef\xde!9_\xab\x03\xa54\x93i\xa8B\xbb\xfac\x018/H\x88\xa8\xc9\xda7\xb6\xf8\xffE\xd2x\xb1\xc8\xc5"\xb5\x18\xc9\xe01\x9a\x96p\xe8\xa4\xa3\xca\xa9\xa5\xb1&gt;?z\xc9S\xcf\xf0\xc3*\xf3\x10\x06-\x8c\xb0\xf9\xb5D\xf8T\x84r\xf3x\xbf\x80\xba\xa2TC\xd5g\xba\x81U\xfd\xe3S\xe3\xfd\xb0\x04\xc0\xcf\xb0I.]\xfc\xd4S\xda{P\x00\xbc\xd7\xde"\\\x1f\x8a\xac\x0c\xb3Ys\xc5\xa4\x02\x1fU\x19 \xda\xf9\xf4\xc6\x93\xd7^\xc6\xda\xc4\xf0\xa1\x17R\x9f\xc9\xb0\x18c\xd6\x19%\xd3\xb5\t\xf0\xba\xd4\xb03\\\x1d. \xfd\x07\xe7\xa6@j1\xfde\xfc\xa7~\xe8\xef\x83\xfa$\xd1\x00\x19}\xca\xd9\xde\xea\x07\x15\x9dq\x19\xa5\x03\xb4b\xc3\xed[q\x06Dt\xebPq\x1d\xc4\x0b6\xc5\xee\xd1\xcc\xd5\x81\x95\xf9\xd2O\xc9\x05\xfb[\xac\xfdr&lt;\xcb`^\x82\xa7H\x1a\xc3\xf6\xe2\x1d\xca\xb2\x84\\Z\x90\x12\xcd\xe4&amp;=z\xa8\xda\xf9\xaa\x06\x99Z\x01Xu\xa1:\x07\x00\xb9R~ \x92"v\x9f\xe4\x1a0E\xb7/\t\x8f\x08\xa9[\xf6\x9b~(\x9b`\xbb\xb5\xa7\xc9B\xf0\xdf\x01\xd5\xaf\xfc&lt;Y\xb50\xddm\xeb\xd6\xf0\xe1[\xf04w\xa4w\x97:\x18\xc0\xf6BN\xe1\x7f\x1f\xfc\xc4hd\xd9\x0e\x86\xd4D\xfe\xf5~E\x80]\x167\xf0+\xe4y\xc0\xe2\x03\x0e\xf6~\xce \xdbf\x08!\x18\xa84\x82\x8a\x0e\xa0@\x0cH\x84J\x1f\xd1\x80\xa9Nv\xc8o9\x86\x1a_\x0b\xea\'\xbb\xc3\xdb5\xf5,\xb6\xd6?\xbf\xf3\xe1\x15c)\xe2\xe0!\xdb%\x819\xcf\x8d\xe2\x83\x1aC\x19\x1f\xed\x10G\xd0\xf1\x8b\x12\xf5"%)\x98\xf6\x0e\x02\xe6\x8bnn\xa48N\xa4=\xc0\xf8\xa3\xac\xc8).\xc6`\xd9!\x1fD\x92b\nV\xd9\x1d\x9eV\xc3\xc7 \x00\xf1\xb2\x00}\x13\xd2\x8f\xf8xlE_\xb8+\xf2\xf2\xdb\xfa\xef\xf6\xfe\xe2\x1bF\x08\xe0\xcc;4\xc7d\xf4\xba\xcds\xf6\xc4Xb\xd3\xf5\xd5\x83UQ\xa9\xa0\xd3\xa7\x16\x9ci\xe0\x9b$\x89@D[\xdb\xa8\x04\xd8\xa9\x83{H\x8e\xc8D\xa9\xb8\xa0\x14\x04\xfe3\xcd\xdf\n\xb88v\x12\xd0\x19\xa6f%\xd0\xb5\x93\x95\x07\xa1\xa8\x89\x87\xedS\xa6\x85\x1d&lt;y|\xe9\xf6c\xe5\x01]\r\xa2\xb4\xc6\xbb\x16\xd1a\xdf\xaf\x19\xe5\x0fUSP\x04\xf3\xf5!\x1d^&lt;I`9\x8e\x92~Ie\xd9_\xde\xde!\xd6\x14]\xd6A\xd6\xc5\xb0\'\x98\x99o!q\xd5J+#\xc7D\xca&gt;\x1c\xcay\xd6\x7f\xa2Bf\xa6V\xd37\xfavBa\x08\xc9\x96\xa7r\x0eG\xfbU\xea\x0e6\xef\xe7r\x93\xb6q\xdb\xb0\xbeo*\x95-p\x00\x8c\xf6\xe7\x8b\x8f\xf3\xf3\x83%\x99 \xbf\xfa\xa0R\xfb2 \xe0O\xe8\x9b\xe54\x0b*Bc&amp;\x8c\x01\xfc\xba\xe7\xe6~c\x8e\xc3"&lt;\x18\xec\xfc\xfa\xc7\xb4\x1c\x0f\xd3\xa0u\xe9\xc0\xf3f\xbdx&lt;K*\xc8\x1a\xf9E\xad\xa5\x8bA\x19-\xca\xdf\xe5/0d_\xa5\xc7\x1a\xfc#m1\x0c"\xec;\xcfW\xbb\xca\xa5\x15|5R8\xfd\xaf\x9c\xb8\xac$\x93\xe7XW\xban\x07\x87h\xbfI\xbfu\x95m\n\xcf.\xe9\xd5\x07\xfd-\x11\x00&lt;\xb7\x9a\xc2\xd5\x1aPC\x1f\xfc\x9ew]p\xe4\xa0\x0eS\xf7$ZLM\x8f\x97\xc0\xa4].(b\xad\xb7\xe0\xfek!\xd8S\xbf\xcd!\xf7\xce\xb1\xd4\x83\x89\x03\x88\xb87l\x8a\x1a\x02\xdd$\xd9\xf3\x9cb\xca\x99.B\xfa\x9c\xfc\xb4\x03Z\x8f\x94I\x90xA\x05\xa25=\x82m\xbc"\xc0_Gw\xf6\x10\xa3\x03\x9e\xa77\xb4oQ\xa2s\xbd\x08\x8e\xff\xa5\xef\x03p\x88\xb3\x04\x98\x82\xd3\xb47J\x17\x1f7\x0e \xd9=\x1a)M*+0\xdd\x80\xd3\xbe\x9d\xbb\xbaT\xc3\xa1\x8b\xd1\x92\x03\xf4D7{\xa7?\xa42\x14\xbc&lt;\x12q\x14\x92\xb8J\xdc\xa8\xa6\xf3i\xfb\xf1\t\xa7\x13\xdeN\x02\xe6\xaa\x9dN\'w:M\x12\x9c\xa6\x8f&gt;\x91\x8fr@~a\xf7\xc4\x10\xf5\xb4H\x93k\x0c\xd1\xbfR\xc4\x92\x9eN\'\x8e\x90\\\xfa\x8c6j\xcc.\x1a\xf1\xa2\xfc\xf6.r\xcc\x085\x1fBu\r\x03\x8bj\x8e\xa2W\xfb\xfc8f\xb9x\r\xa3\xa3X\x1b\x917\xb0\xcd\x03\xf4\x027\n\xe6\xb5a&amp;\x13t\xda\xc1\xa7\x93\x15\x86)CM\x1a\x94\xaaJ\xb1fl\xdb\x08\xaf\xe4\xa4\xebu\x861\xa1\xb2:\xb1F\xaad\x03\xa2J\xef$A\xaa\xf1\xad\xeb\xa51\xec\x8b\xd0xmu\xd7\xb7\xa1\xea\xa9(\xc7\x01p\x98&gt;\xb8\\\x80\x7f\x1c:\x80 \xea)$[\xee\xbd\x14\x9d\xf1\x11A\x0c\x1f\x9c{\xddb\x8fjXT\xf4\xdd\x0b\x00\xbf?_\xc8\xb4J#c\x80\xf7\xcc\x11\x1f\xa1He\x10#\xb5l\xc1\x8b\x9a\xe0\x1c&lt;%o\xd4\xca\xb6%\xbd\xe1\xf9\xc9D|\xf3\xa7ye\xc4\xd8\xd6\x83\x07\xac=+\x80*s\x00\x00O\x92vi\x87\xd6{:\xf5&gt;{*o\xbb\xd9\xd2\xe0\x87\xdb\n68\x88\xafbI_\xda.\xe1\xde\x94\xbaaw\x10!y\x7f\x94\xc7\xd1\x1a\xa7\xbb\xcc\x92W1j\xf6\xea\xa5\xfe\xb1\xed\x9a\xd2\xefA\xe3P\xa88\xf0\xac([V\xe1\x90\x13}\xb5\x80\xc4u%\xa9F\xf0M@\x1f\xd5.\t\xd5\xa3\x8b\x02\x8e\xb5k\x91\xccQ\xb8&amp;\xa1\xdb6n\xb4\x8e\x9c\xe3\x93C`\xc9)\x0f\xe1\xc3\xa0\xceO\x1b\xf6\xc1\x92\\W*Y\xb6j_C\xdc9\xf7.\xa9\x83\xd0\x8a@\xa95R\xe3&amp;\n\x1a-\xf0\xf8Y\x18f\xfb\xef\xdd~\xfc\x12\xb2\xf1\xc8\xf3\x7f1\xb0\x196\x14\x82ih\xda)\x18\xff\xccv\xd3\xcb\xbf\xfe\xb13\x9dTK\xdd\x10)\xc9H\xce\xc3?I\x0e\x1f\xa5\x7f\x86o\xdf\xcd.M\xb38\n&amp;z\xbd\xc4\xd0\rx\xa6\xd8_\x0e\xc3\xe0\xc8\xea\x04\xf3H\x96i\x01\xc8\xd3\xd6\xb6 \x186\x95\xa6\xe7@G+\x04]&lt;T\x14\x87\xb9j\x0f\x95\xd1\xc4nJ(\x18\x0e\x00\x91\xe5\xf2+B\xa27m\xe8\xa6\xa2\x8a\x87H\x00\xbfWO(:\xa8\xfar\x90\xa8s*)A\x9b\xed\x85EH/#)%\xa5#Q9\xf1\xfa\x99T\x19\xc2\xc8\xbb\xc9\xa0\x8b\xf37\x81\x0bV\xf1\xb4\xfd\xb6^\xd6\x0c/_Y\xcc}\xad\x16\xf8_\x03\x8c\xbf\x03L\x11\xf6z\xb5@`\x9d?u}\xa2\xc6P4\xde\x14\x05A\xe3\xd3\xc9\x15\xcd\xf0.8!W\xa5\x14\xf6B\xf5w\xbf+\xfb\xa3\x15\xc8\xa6\x1c\xd3\x92\xd8yFGT\xbfOR\xce(\xb8S\x16/K\x03[\x82\x05#\xe0\r\xcb\xdf?\xb5}zh\x14L\x7f\xd9\x90u\xf3\x06x\x86"\xb1k\x04\xf8\xff6\xadan\xbf4j8\x06\xea\xab\x18\xcc\x14X\xa5`\xd2\xeeP  \xcc\xe1\xf3\xd8\xa5q\x03y\x8e\x8b\xd1Nz\x01 x\xa9iG\xf9\xbeg\x0f\xa6\x95_\x90fs\x01\x00\xf7\x89\xce9\xe7^\xe9\x1c\xc0\xa5~#\xe5\xe2P\xaf\x1f\x9c#\xe2\x1a\xdb-=\x12P\x7f/(\xc3N\x1cY\x9f\x85S\x94o4\xb3\x1bCw\xbc\x02\xbe\xe89g_Qv~\xad\xab\xe2U\x1f\xb4\x19Np\xbb\xe1\xc6WHC+\xa0\xe5\xa0J{,\xb2\xe9\xde9v\x05\xcb,\x178\xf3\xf2?\xb2\xfb\xb6}\xcf\xe9\xe27_\xfd\xb1\xf9\xc5\x83,\x87\xb2\x1d\xc0\xfb\xe8s7\xec\x80v\xab\x01\x98u\xd6ew\xdf\xb2\x97\x82\xd8?\xf9\xf0\x8al\x9b\xb5\xf1RN\xdd\xd0\x7f\xe6\x1e\x1a\xdf\xae\x1a\xd63\x7f2\xf0q\x85K\xb2W\xe2h\x10`-\xd1,w$\xef\x8f\xe6[\xdeE\\D\xaa\xa9kA\x14\xces\x18+d9\xf0}\x15\xbd\r\xb5@2\xd7Q\xbd\xa0nY\x7f\xd0A:\xe7\xcc\x01\x1c\x05\xd3Vy\x81\xa0\xbds\x92Bd\xbb\xf0?U\xe5\xfc\x80\xf5\xfa\xa8_\x01\xdb}\xe7\xbc!q\x9f\xe9P\xf9\xf0\x1b\xc3}%==\n\xc5\xab\xac\xf2\xc2\xdb\x95\xc3&amp;l8\xc8\x0c\xae\xb0K\xd9\xc1\xa9\x94x\xd6s\x10\x0e`\xf3\x91\xc98\xc5\xa5\xae{\x15\xeb\xf8\x05\xf0\x84?K\xfd\xb6{\x96~&lt;\xc3\xf4x\x99\x15&amp;\xa9\r\xfdyQ\xeb\x85K\xe2:\xfe\xf8\xebtU\xdd\xbf\xae0f\xa9\x9e\xcd\xca}\xe7\xa3\xb2\xec\x92\xa1\xd7\x8e\x9c@\xa9\x18\xb96\xe6"$\xe0\xd8\xcb\x03}\x11\xfc\xfb\xaa\xd4\xabaDv\xb8p\xaf\xc3+R1\xe9\'y\x1b\x98Y\xcd+\x10\xb0\xe92\x08\xbe\x133\xc0\xc1~\x95\x13\x8a\xba\nb\xafb\xa6\xd9\x06\x87\xdae\xfb\x83S;\xcb:\x80\xd6S\xbeyo\x8c\xd9\x05\xbb\xa3\xae\x1ca\x98\x83l\x89dcW\x1aM\x87,4\x88\xb4\xa0\x9c\xd7\xab\x7fQ\xc7\x80\x8d\xf0\xa8\xa6\x8e\xdaS\xea\xbag\xb1\xaf\t{q{\x16\xd2\xe1\x99E\xef\x07\x91\x0f\x7f\x0f\xaf\x17\xab\\\xbbm\xd5g]\xc7\x89\x08xS\xa4\xc6\xae\xccN\x15L\xd70\x13\xac\x83\xa6i\xcfD\x9b_H\xd1e\xdd\x94~7\x1c\\\xfc\x0b\xc2m\xbd\xda\xee\xdb\xa2\xe4\x1d\xed\x12T\t\xb1\xd2\xb3v\x90^\xd4\xa5\x93s"9\xa2us\x11n,\x95\xc7\x03\xa7\xf1|\x91k\x99^\xd6\x017\xf3R\xe9\xfe\x95\x16\xc4\x1b\xd0\x94b\xb3\x07w\x94#\xc2P\xc2\x18V\xd0\xe6\x00}\xb7\xa1\xccl\rh\x0e&amp;\xf4?}Zf\x91y\xa2X\xd3\xc6cz\x0b\xfe\xea}\xec\xdaK\xc2\xa3;Z\x94\xfehv\xce\x0bn\xea\x19\xb7=\x86\xd9o\xed\x06W\x1b\xc3\x8a5Pm}*\xc8xmyX\xb5\x11\xb9I5\xa6\r\xb8H\x97\x18m?\xd4\xf6\xee_\xf4P\xf4:(\x9d\xd7\x92\xac\x05\xc4\xffL*\x8e&amp;\x16g\x19\xdf\xec\xc3\xda\xe0\x00\x9e\xec\xbcW&gt;tM\xfcZ%\x88\x96\xf9\xbb\xb0\xf6_\xa5\xc5\xf8R\xa0\xae\xa6)\x82\xa2\xaa\xd75l\x9e\x1d\xc7\x08\x0e\xf9\x8ea\xdc \xf9T\xf8Z\xf6PG\x02C\ts\x8dX&lt;Ax\xbfzaXee\x1e\x1dT\xbc2\xf9tB\xe6\xba\xdchG\xa5/`\xfc,})\xf6\xc7\x80VGk\xbfx\x04\xf3w*\xa1R\xef\x1a\xcd\']\x1d\x82&lt;\xa0m\xd1G\x8eF9\x8a\x9b\xf7\x03H\x86\x0c^\xbc\x96?$(\x96\xb2\r\xf8;\r\x1e\xb2\xfdX\x1f\rTt\xdcw\x1ak\xb8\xeb\x1b\\\xc9Vh\xb1\x8fc\x15b\x1c\x95\xd1O\xc1\x8dgs\xae\x0e\xbe\x0f\xe0\xd4\xe5\x87\x82T\xda\xd4\xeb7\x9c\xf6\xe0d\xe1?8\x07\xef\xcf\x15\xa35\xb6\xce\x8f\x1a\xaf\xe8&lt;s/m9\xa8\xd1\xe8&amp;vMJ\x91~\x89\x0b\x00\xe0~\x9bc\xc2[\xdcP"\x9da$\xa8\x9c\x07\x9c\xb3\xb9\xcd\x1d\xeae\xe4\xa3l\xdf0=J\xcf\xd1\x9c\xcf\x96P\x1e\n\xe7\xdc\x88!\xdcg\xb4\x17\xc6\xc0\xc4\x7f\x12\xb6\xa7\x82\x80\xdc[\xdd#j\xad\xa1\x0c\xc1\x81pei\x9b\x1b\x1a{\x7f\x02t\xc7\nC\t\xaf\xdc\xcb?Du(\xb8\x1b\xcfuk\x7fPW\xd0\x90\xf5\x06xj\x057\x19\xc7!\xdd\xa8s\xaa\x9a\xc9\xfc\xeae1k\xf0\xff\x05@\xdf\xda\x18\x19\xe0]\x0c\x1bZ\r\x07\xc0\xa0EY\x85\x0eA0%\xed\xf8k\xcf\xaf u\xc0\xf8\xd3U\x86\xd6\xa3\xea9o\x05\xdb\xb2L&lt;\xdf\r\x1c\x17\xbea8\xfaXtq#\xff\x83\xa8J(\x9d\xc7\xd3\xe9\xc4i\xc6\'\x8b\x12\x9cnF\x81\xcf\xa9l\xd5\xe1\x93\x8b\xba\x15\xe0\xc4\x9205\x83\xca\xa6\x87\'L\x16?\xa2A\x84\t\xce\x04\xb0\xf4\xafR\x8c\xc6\xed\x170wS%`\x9e\xb4\x1e\xcc\x1ac\x99\xb0\x0b\x18K+\x00hf\x005\xafs\xe9\xa5\x1d\xc5\x1d5\xb3\x9fB\x01\xf8\x8d5\x18uJ/\x1a\xbd\x8e2@\xd6"\x92\xa0\xd1&lt;$\xd9U\x84\xff-P6|x\x81j\rM\x8f\xd4\xe5\x80\xef\x00.r\xfa\xb4\n_\xf5\x93\xd3\xdf\xf9t\xab/5\x1d\x18A;yV\xaf\xc2770\xce\x8b\xc2\xedP\xc0\xfa3J\xe3\xa7\xf0\x1c+\xd1\xa6\xc4\x01\\\xa8\xd9\x19\x0b\xfc\xf0\xbf\xe9b\x0c\x10\xd2\x15\x02\xad\x92I\x87\xa3n\'G\x88\x91\x9d\xff\xde\xc8[\xfb\xb3\xfe\x9cFS\x90=f$vSps\x90e2\\\x1d\xb6\xd6J\'\x10n\x07\xf9\t\xd8{9\xf45\x9bj\xe2\xf4W\xf6\x8b\x01\x00\x7f]\xd1\x1d%8B\x00\xb5h\xd5\xee\x92\x14\x00\xbc\xe5\xd6z_KD\xa7fC\xe2\xaa\x9e{\xbf\xb3\'\nX~l\xbe\x89A\x0e\xbe\x03\x18\xd6C\x04\x00x\'`\x89\'\'(S\x15c\xd7C\x85\xca\xbaVuYly\xa70\xafW5\x9c$\x08\x04a\x8eQK\xbc\x98]\xde\x01@a%\xe4\xa7E\x82\xc9\xe9w\x06D\x15\xa1q\xc3\xd5\x03\x01$\xd6\xffX8\xef\x1c\xde\xd7_[\xc9@T\xa2[\xbf\xf2\x8f1\x10|I\xcd\xaf\xdeh\x08SMc&amp;\x95\x18EYf\xd6b\x15\xa8\xfaO)\xa9\x0b\xdb\x9b*\x90\xce\x89\xcd \x02n\xe0\xdf\xeeu\x0eu\x8a{\x83\x88\xf2|\x93\n\xb3\x8b\xea&amp;\x86\xf3\n2A\x03\xc4U\xfc\xabq\xbf\xf6\xa9\xb5\xf3u\xcd\xaa\xbf\xca /\xc1\xa5*6\x8d\xf6\x9d\xe1J\xb1j\xe7\x06\xb9^\xa5\x8c\xb4P_\x8e\xe8\xd6\xb7\xbch[\xf1\xd7`\xb0`\x1f\x82\x06\xbe\xdd\x87O\xd8:\x80\x1fA\xbe\xc3\xackw\xe0\xf9\x8a\xc4$|\x13\x03\xf9k\xf5\x01\xfa\x0e`\xdeU\xc8\xba$&gt;\x9a\x95_\xb0\x84\x9b*s\xf2\x81\xf5$.\t\xe7\xfd\xdf2\xa9&lt;\xb3\xa8\xe8\xdb\x02\xc5v\xbc\xe7\xce\xe4\x14+\xe0/7\xed\x01\xe0W\xcbx\xcd\xcb\xf4\xdcI\x1f\xee\xa8\x90\xe4\rh\xc3PU\x8f\x0b\xcaDw&amp;\x97\x80c\xaa\xe3\x1b\xb7bH1H\x16\x9e*\xc4\x9d\x9f\x02\xf2\x13\x88\xe0\xdc\xfb\xf1\xe9G\xf5[\x83\x1a\xf8\xd3J\xb7L==z\xc129\xae\xdc\xd0\xfcB\x19l\xef\x8be\xf0\xafo{\x96\n"\x19\xea_6o\x17\x10\x8c\xb3\x81\xd1\xf4\xe8/\x91\x86X_\xfef)\xeauP\xd0\x0e\x80\xe8\xe5\xd8\xae\xd7\xb0?(c\xf7\xff8\x00\x80\xbb\xf6\x13\xc65N\\\xb82&lt;\x80|\xea_\xfb&amp;\xbba\xbe\xd5\x88\xb0\x02v_\xacz\x1c~\x00\t`N1\xf8H\x1d\x11\xa5n\xb2X\xef\xf2\xca\xe9\xf1UQ\r\xf0C\xda\x04\xaf\rK\xc9\x00\x00 \x00IDAT\x1b\xbf\\\xecG\xa9\x054w\\\xfa\x895\x00&lt;\xf8rMI\x7f\x1ct&amp;\xfd3\x98&gt;\xbcJ:\xce\xf9\xebzq\xbe\xaf$Y\x8a\xaf\xf6\xb2\xbeL\x95\xda\xe5\xe0p\x9b\x07\x1c\xabL\xb1~a\xc7k\xe2\x07\xe0\xea\x03\xe7\xd4\x91W\xee\x87\x9bw\x0c~u\xabr@53\xb2\xcb\x84\x96\x15="\n\x9d$\x07\x80\xfb\xd7t\xf7\xe8\x1c\xb1bs8\x81\xfb\xe1XS\x03\xe0\x00\x1e6\xed\x1aB\x17\xfd}\xe5\xb7\x81\xe8i\xdc\xab2}a7\xe3\xb4\xea\x87\xcf\x97k\xc2;=O\xec\xea,\xb8\xdb\xd5\x7f,\x02l\xcc\\\xee\x95\xdcJ\xdb\rim\xf3Uw(,\x9b\x8e\xd1r4\xd9\r\xed\xb1\xac\xfa\x97\xb6c\xe1\x9dy\xd2J\x16?}\x9as\x00\xf0\xe2h\xeb\x06\xa5\xf9&gt;\x01z@\x7f\xaf\xac \x9e\x87,~qi\xaf\x9aN\xb5\x9b\x00&amp;\xd1\xe5\xfc&lt;+\t\'\xd5\xe3\xb0\xcb4\x90D\t\xddtG\xc7\xd1\x9a{0\x94\xa12\xef\x06\xef\xf7\xae}\x9a&gt;\xf1n&gt;`+\x18\xd4\xbf\xc0\x83\xd1\x14\x8c\x83c\xf5b\xfa\x85\xb2\xa1\xf4\xe5\xe4\xe0e,\xe2\\j\xf3\t\r\xc0\x9d\xd2m\xbey@\xfbE\xa4\xad\xad\xa5\xfd\xd0\x99\xfb#y\xedw\nu\x0c\x1aPI\xf6k\xb8\xa3\x86[B!O\x9f\xc8\x02\xda\xe5\xe6\xb0\xbd\xd6\x9a\xe1,\x9ds\xf6Sr\x90\xae\xbc\x8d\xcb\x1c\x00B\xa7\xda}g\x1d!\x8f\xc8\xe3S\xdd/\xcf\xf8\x113\x06\xf0\xa7\xe1\x1du\xee\xda\x04\rI\xec\x11\x1c;x\x1d\xf2*}-MJe\x97\x12St\x7fy\x14\x99i\xa6\x19]3\x0c\xff\xa6s\x00\xf7\xf2\x9b\xfdh~\x04YF\xcak\xe4\xbb\x8a\x16j@\xd3\x04\xf6/\xa0-i\x9c\xa2lR\x10\xbc\x83Q\x94\x041\xf2.k_I:\xa85\x8d\xd9\xd3\x14B\x86z\xee\x06e\xf0\x03F\xdaF\xec\xb8\xb6\xb4\xed~\xc9t\x13\x1e\x15\xf6\x8a\xf2\x8f\xd0C\xb0Y\xc7\xd3\xe2\xfb\x95TG\x0e\xd6\x1c\xa5\x99\x03@\xcbh\n\xc4\x87\xaf\x0c\xd4gfX\x19\xad\x82\x9a&lt;\x1d\x0f\x1a\xab\xe4:\x8a\x00\xe7\xdeeW\x01\x0c\x9dP\xbc\xd7{\xd6F\xc2;\x1a\xc2\x10\x11n\xb2\xcbc\xa5L\xce\x8c\x1e\x96m#7@snTk\xac\xd1\xc9\xec\xe9\x00\xca\xea\x87R\t[\x8ch\x8d\x15\xaa\xd3b\xe9\x9c7]\xa1M\x86m\xb6\xbf\x1b\x14\xaa\xaes`(\xe8\xc2h\x8c6\tC\x98m]\xbeL?\xe3\x94&lt;\xb51\xa2\xf0mm\x86\xb7gx\x91vX\xeaT&gt;\xd3\xbf\xc7\xec\xbb\x8c\xeb\x8d\xe8S\x9d\x81,&amp;\xac\x7f\xfc\xafYN\xd4#58S\xb7$\x82\x89G\x8a\\\xb4H\x19\xf2\xa8\xd9}\x88\x8d\xd3\xa9\x1b\xb2DZZ\xd4\xc8_&lt;\xfc\x8d\xfb\xc1\x1d\xc0\xda\x92\x8f\xbf!9\xf6\x81?.\xc5\xac\x0b\xf1\xdf\x1e\xbbW\xa8\xb0a\ns\xc0\nC\x99\xc0\xafJ\xd9\xeb,\xbbDLs\xc4\xa93d\x80V\x03\n\xcd\xa2\xd2\xc1\x11r\xb3\x8e`\xb2\xbc\xde\xd0\x01\xbc\xd7\xda\x92O\x96\x94\xa7\xf3\xde\xab\xb1\xff\xc1\xa8\x11\x07\xd0&amp;\xd2\x9b\xf8\xbe\xd6\xcf0&lt;\x8e\xb3$\x9a3\xf9\xff\xe9\x91j\x01dk\'[\x02\xa3\x8d\x82H\x8a\x18L\x9ccBq+\xd6PB\xed\xe9K\x95(\xab[\x1b\xbf(L\xd7\xd3\x99\xbc!\xba\xd8\x17\x00w\x93\xb5\x0f\xbb;\x00\xf8\xc1\xf5\xa3\xc2\x91\t\xc0\xd39\xa1\xebrR\xedK\x12_\xab\xa3&amp;\xa1\xbc*\xe8N\x91M\xf8\x10X\x8a\xce\xc5}S\x8f\xea\x11X\x84Zj\x91G\xa1\xf7\xbd \xfc\xc7\xce9\xa4D\xb4\xc0\x9f\xae\xb8\xddZ\xde\x91\xf7\x9d\xb9SR\r\xbb\xe3\xe9P n\x9c|\x848?\x82\xa3`\xa5Z\x98K\xd1\x90\xdf\x97\x1e\xb8\x86&lt;\x86}P\x1c\xe5\xb5\xf6\xe1\xb4\xf5\x7fF\xae\x98\x83\x10\xd4\x91\x8b\x05\x90\xfc\x1dp\x99\xb3)\xea\x98\'\x0b7-\xef\xeb\x7f\xc4\x16\x83S\xbe\xd8\x17"9\x88\xe1\xbc}\xd7A\x89X\xfbMo\x9d![&amp;\x8e\xa1\tn\x14|\x16U*b\x9cN\'\x11{\x008\x9dN \xef(\xc5\xe9tBYL\x8e\xe1\xdd&lt;\x01\x98\x92\xb4\x157\xe0ur\'\x8c\xa3\xbf\x97\x96k\xa6`\xf1Y\x1e\xb7#\xa3\xcd\xe9\xf46\x1e\xb1U\x98\xb38\x00\x81\x18\xc1GH\xcb\xd9Z\x85\xf8\x10\xc9A4\xbe1@0\xa8\x9e\xd6\xb3x&gt;\xdfP\xca\xd1\\\xc3\x0e\x08b@\xd6\xbb7\x00p\xe7V2\xec\x02\x80\x8f\x8a\xc3\xe1\xb0\xa2=\x07\xa4\xcf\xdd).{eQ/\xa2\x90\xc2]\xeb\xe0N\x91\x18\x9c\x8eH\xf9\xeb\xfb\xa3;^\xbe\xb8\xbb\xda\xd4@]\x85\xfe0\xc3\x8eE\xa4|qA\xc0\xa5\x85\x00\x06\x05d\xd7\xafQ\x011\x16c)\x1f\x97\xd5\xed\x05e\x90\x99\xfa\xb7{\xc6\x05-\xbfr,f\xd3\xa9)#\xbe\x1e!`\x964n\x1c,\xf1\xbeu\x95\x94\xbe1O\x17\x06\xc4"\xf9\xafi\x91bV,\x19.\xb3\xfex\xbc~EZ\xac\xa9\x15\x9d\xb8\x80o\xda~\xdcK\x0c\xf6\x8a}\x07\xde\xdd\xbdH\xb216\xce\x06s\x00\xe8\x9b\x1d\x98\x93\x18\xf4\xfd\x0f\xe9\xf9\x01\xdaX\xfa~\x0b\xb0\x7fWU\xe5\xc8\xb4\x1d\x14\x97\x14\xd6H\x99?\x8dxK\xa9T^\x1c\xe0\x9e+gG\x10\xd4\x05\xc7\t\r\xb8\xc5.\x07\xf4v\x05\xe7^/\xda\xb1p\xae\xe96?\xe3\x9d/~W\xd2\xd89\x07\x9f\xb4\xd9\x1b\xcc\xaa\x88\xc3\xb4\x90\x7f|\xd2\'\x91R\x04x\x0e\x80\xb3?a\x8bl{\xb1&lt;\xd8\x12\xdcGNG\x05h\xd0p\xd9\xd8w\xa8\xba\xdf\xe10t\xffn\x11\xfd\xb4h/\x89"\x17~D\x1cv\xdc\xbe\xb0\xf4")\x85Die)\xbc\xc0;\xca\t\xaa#,\xfd\x0b\xd7e\xb1\xfd-\x84D\x1d\x80:\x1b\xa6\x8f\xe7\xfa\xb9/\x90\xb1^\x08\xc2\x1d\xe3Gwh\xe4r\x0eaX\xaf\xcd\xdd6\xc7.\xd3Yl\x88\x15X\xd7)P\xf9A\x19\xfd4\xca?\xf6\x8e\xb3\n\xcdw\xe0\xdb\xbaA\x97\x97\xfa\xa6\xf8\xe44#\x87e\xd5\xa9D\xd3y\xe55\x15\xc16\t1\xbc\xc11r\x1ap\xee\x96&lt;\x82-`\x0e@\x19\xbbL\xe7#\xb7\xb5\x02E\xca\x13\xbd\x1d\\Z\x1dK\x00\xf8\xf8\xf8f\x15I\x8aW\x962\xfe\x07M\xa4\\\xbah\x16n%k\x08\xb6\x17\x1d\xb6\x17\xfe\x11TJ\xa4\x0e\xc2\xf4a\x17\xb3\x10\xcd\xb69\x80\xe1@\x07\x0bk2\x1b\x1e\xae"\x0e\x00\xb6-\xcb\xc3\xedj-\x99$\x7fKn3h9\x9b2"\xa2^\x1f\xc3\xf0R\x8a[k\xf0m*\x92\x0e}\xdd@\xceqe-\xac\xa7UMf\x874\xae\x84EE_C\x0f0\xd5\xd4\xaf\xe4\xfc]\xaeN\x1a\xba},\x03\x08n\xc6\x8a\xc2\xac\x1d\x01\xc0\x03\x19\xcd\xb6]\x84\x1dfy:\xe0pg__\xe5\x1c\xc0\x1f\x15w\x1f\xca.\xc0\xbf\xae\xa6\xe0yDN\x86\x01\x91\x15\xce\x06"\xe9G\x99z\x0e}\x93\xb9\xd7\x06Z\xad\x19\x99\x19\xeb&amp;\xc7AA\xc7\x1d\xa8V\xc1\xac\x88,\xcf\x91\xa0\x1e\xfa\x83\xa8\xc1\x0fFwB\x19\x82;\xd1W\x1a\x97\xed$\x8ann\x89&amp;\xcb\x0c\n\x08\xcdj\ne\xe8\xc6\xab\x9e\xd1\x81v/\xc0\xf3\xca\xfb\xaeD\x900\xa8B\xa8\x99\x88s\x9f\x99\xde\xad1\xdf\xb0\xcd\xb3\xb9GS\x8a+\x02\xaf\xaf.\xa82\x9e\x0e\xe9\xb3\x06\x03\xe5\x00\xb0\x19&lt;\xd71\xb5+\t\xf2.%\xc4\xb1J\xa8\x97\xa6\xa4\xf7\xe4\x8e% )\x0b\xa2\xda\x0b\xce\x01\xbc\x03\xee\xd7\x80\xef&amp;\xed\xe3.\xe8\xfb\xca\xb9d\xe9\xaaO2x\xff\x96t\x07\xe0\x9c\xe8\x12\xcf\xd6\xb2R\xa9\x0c"0\xb7\xf6\xf8\x96\x95\xaf\x87\x06\x19F\x98\xd4\x9f,\xed\x18o\xc4\x8d\x0f\xa0S\xe9\x8a\x91\x13\xde%\x10OLY\xd2\x03+\xc7-3\x90\xeb\x1b\xa55\x13\xb5[o}L\x0b\xdci"&gt;\xfc~N\xcdb\xf2\xbe\x17\xab\xa6FW|\xae\x90\x14\x92\xbdL\xaf&amp;\x88\x9c_m\n\xb7L\xbe\x90\xa5\x15N\r\xaf\x0c\x86N\xe0+B\xe5\x16\xaa\xd49\xb8]Mo\x1e\x0b\x86\x80h\x8d\xab`f\x1ey\xe6\xa8c\x95\x08\x0c\xb5\xd1\x01\xbe\x85\x8a\xd6\x1d\xfe\'6\xa9\xf6\xce\x01|xj\x1ao\xb7\xad ie\xa2ZS\x8a\xd7\x9d\xd8\xa5\xd7J\xd6\x8d9\x18z\x81Y\x82\xa4(0m\x9fjVH\x9c\x9d\xd0\xf7[\x18\xcd\x82]\r7\xac\xc2\x14\x8b\xd4\xc3\x01T\xbf\xeb\xa5\x08\xc50\xdc\x91\x99S\\z\xe2\x94\x92P"\x9d\x01\xf0\xcd}\xac3\x00\xc0s:\xf0\xb9\x1ad_\x0cg\xaek\xcd\xe2\xc7u\x06\x15\xca\xcb\xce\x11o!\xcc8\xa2!\xf3^\x01I*\x04\xe3w\xa7\x1d\xc0\xbe\xef&amp;\xe9\x9e6\xd5C7\x80(p&amp;\xc2\xc5\x15R\xaf\x06\xbd\xbf\n\xdc\'\x9do\x19F\x01\x7f]3%\xc2\x01v\xfbS\xe6\x8b\x94eD\xdf\x9e\xfa\xaf\x05\xe5\xf8r\x19\xf5\x91\x0cB?\xa1\x88Z\x9b\xc1u\x9e\xb3Jf\xf9jx\xcb\xe1\x94\xa7u\xf5L\x89`\xe2\xc7\xaaY\xd4\x12\xb8nLkC\x1c\xef\x9c\x9b\xddQ6\xd1\x00\xf0*\xda]\x17V\x18\n:%\x05\xf0\xca\xa9\n\xd4\xb6\x1fK\xeaK\x7fV+\x05"I9\x1d\x15*\x8d1\x98\xd3\xdc(\x12\x0c\xf6\x97\xe3{V\xe7\x98l\xfc\xe3\x81b\xd9\xfa\x9c1\\2\x92\xc5k\xffZ\xaf\xd6\xb9\xfc\xe7\x13w\xe3mf\x11\xe0\x03\xf6\x96`\x06\'\x90\x84\x8f\xe9#\xcb\xccn\xb0\x95\x85\xb9\x90\xf5)\xd1}].N~\xa6\x12\xef\x0e\xbcY\xb1\xb9|~Y\xbf\x1cYO\xe6)\xfay%\xa7\x17\xac\x85\xaf\xb2\xf1,3\xfb\xf2\xa2\xee\x86\xde\x00\x86\x85\x1a\xcbZ\x1c\r\xfe\xdcr\\{\x07,\xbbt\x04O\x00\xbf\xe0\x00n\x16\xdb\xe4\x82\x12&lt;8\x07\xff\x8d\xd1f\xc5\xbb\x88\x88\x87\x179\xe18\xc2\x8b\xcf\x188mJ_\xa6\xa8\xd1\nxB\xe1\xebj\x06\xd9\xac\xf5\x9f\xddTNw\xe8\x85\xee\xa6\xa9-\xf2\xb6z0\x03[.\xb5\xca\x17\x81Rg9\x1a.\n\x1d\xe6\xcc\xf0\xe1\x95\xc43|IC\x0c\xde\xbfb\xe2\x00o%\xc9\xb6C\xfc\xd2\x81\x97Z\xb9a\x14\xfc\x98h\x112\xf8\x1d\xd53\xd9\xa0\xfd/\xa4\x9b\x05\xc1\x1d\xde\xcc%\x83\x88\xcf\x14\x89\xc5\x00\x8c\xed\xc0n?_\xa4^\xf2\x19Gv\x00\xf8\xd9\x16de2\xc8H\xb5^}B\x93\xd76s\\\xc5\x94d\x1bI\xe0[\xb5\xcb\xb9\xc2\x10\x89\xe3e\xa2\xe9\xbc\xe2\x1aS\xc7\xbd^\xe0X\x80J\x9a\x00\x0e\xe0\xbb\xa3\x9b\xfb\xa8,\x1a+\xb5\xe5\x08\xd3\xbf\xfa\xac\nh*&amp;\x19\xbahm(\x97\x97\x0e\x08\x1e\xab\x03\xe0\x10\x8cu\x89\xe7\x00JV\x8d\xe9\x90\x00\xe0\x9fKio)T\xf5\xbe&gt;\xa8\xccW\xa8\x1fz\x1c\xd1\x14&gt;\xc6-r\xbd*\x85I\xedm\x80\xf7f2\xd2\x92\'\xaek\x008\x80/\xd3\xa2\xdf\x13\x9cUB\xcf\x93\xf2\xb3\xc4\x97!\xba\xf3Lv_\xe7\x9c\xff\x15`\xbe\x8d\x93pX{}Db6b\xe2\xb1YO\xe6\xc7\xccS\xeb\xe8\xfd7&amp;}u\xbc4\xd7\xc02\t\x19\xb4\xc2\x96TX\x1a\'w\xea\xeaRY\xd5\xf5%\xf4\xe9\xb0\x82\xa3\x99;\xfa~\x82J\xad\x19\xe1\xc88\x01N\x12dw\x18d\x1b\x05G\x88\x95\x0e;E\xbf\x18e\xb1\xf0"\x9d\xc0Q\xc1\xe3\xc09\xf8\xa1\xf5\x18\x80\xc3Zk\xab\x11\xf5UE.\x06M$\x83V\xc6\x9d\xd6\xb8\x1e\x8dQ(g\xc59P\x83\xc9;\xdbY\x85Z\x99\xa6p\x8bo\x9ekP\x8a\xb4I\xbe\xfc\xd0x+U}\xea\xc9*\xdd\xcc`\xb4D\xe8\xa3\xa3\x03\xf8\xac\xf2\xf7|$-\xc1\xd9\xa1n\x17\\\xf6,ok \x97&lt;TN"\xd2\x82Q\t\x85\x06\x19\xcfB\xb9f\x95\x0bj\x92\x8dxe\x98z\xdcS\x02\x00{6hw\x9e\x1au\x0b\x05[^:X\xe4\xc6S\xdb\xeal\xde\xa0\x86\x0e\x8b0\xe9\xc2\xb4\xde\xb7\x9f\x99\xce\x11\x9f\x80\x7f\x8d\xd2pk\xee\xe9v-&amp;\x8a\xda\xff\xc5#\xbd\xf5|Q\xd6\x7fo\x14\xdb&amp;\xda\\f\x8b\xe3\x93\xf1*\x9e4\xe2\x85\xabr\x9a\xf3\xa0\xee^\x9f\xb1}Fx\xe7w\x02FB\xa9\\\xd5\\\x01\xc0[\xcd\x01\x0c\x81\x1a\x93*\xaa2-\x16\xbf*\xc4+4\r,\xca\xb4`\xed\xb4U\x9d\xb2\x17\x85i\x93\x1e\x18\xa9\x15\xa4\xb5\x94\x8e\xd0\</t>
        </is>
      </c>
      <c r="E562" t="inlineStr">
        <is>
          <t>&lt;class 'numpy.ndarray'&gt;</t>
        </is>
      </c>
    </row>
    <row r="563">
      <c r="A563" s="1" t="n">
        <v>561</v>
      </c>
      <c r="B563" t="inlineStr">
        <is>
          <t>steps_per_sec</t>
        </is>
      </c>
      <c r="C563" t="n">
        <v>8100</v>
      </c>
      <c r="D563" t="inlineStr">
        <is>
          <t>8.920322</t>
        </is>
      </c>
      <c r="E563" t="inlineStr">
        <is>
          <t>&lt;class 'numpy.ndarray'&gt;</t>
        </is>
      </c>
    </row>
    <row r="564">
      <c r="A564" s="1" t="n">
        <v>562</v>
      </c>
      <c r="B564" t="inlineStr">
        <is>
          <t>Loss/object_center</t>
        </is>
      </c>
      <c r="C564" t="n">
        <v>8100</v>
      </c>
      <c r="D564" t="inlineStr">
        <is>
          <t>0.35248417</t>
        </is>
      </c>
      <c r="E564" t="inlineStr">
        <is>
          <t>&lt;class 'numpy.ndarray'&gt;</t>
        </is>
      </c>
    </row>
    <row r="565">
      <c r="A565" s="1" t="n">
        <v>563</v>
      </c>
      <c r="B565" t="inlineStr">
        <is>
          <t>Loss/box/scale</t>
        </is>
      </c>
      <c r="C565" t="n">
        <v>8100</v>
      </c>
      <c r="D565" t="inlineStr">
        <is>
          <t>0.019337703</t>
        </is>
      </c>
      <c r="E565" t="inlineStr">
        <is>
          <t>&lt;class 'numpy.ndarray'&gt;</t>
        </is>
      </c>
    </row>
    <row r="566">
      <c r="A566" s="1" t="n">
        <v>564</v>
      </c>
      <c r="B566" t="inlineStr">
        <is>
          <t>Loss/box/offset</t>
        </is>
      </c>
      <c r="C566" t="n">
        <v>8100</v>
      </c>
      <c r="D566" t="inlineStr">
        <is>
          <t>0.2530807</t>
        </is>
      </c>
      <c r="E566" t="inlineStr">
        <is>
          <t>&lt;class 'numpy.ndarray'&gt;</t>
        </is>
      </c>
    </row>
    <row r="567">
      <c r="A567" s="1" t="n">
        <v>565</v>
      </c>
      <c r="B567" t="inlineStr">
        <is>
          <t>Loss/total_loss</t>
        </is>
      </c>
      <c r="C567" t="n">
        <v>8100</v>
      </c>
      <c r="D567" t="inlineStr">
        <is>
          <t>0.6249026</t>
        </is>
      </c>
      <c r="E567" t="inlineStr">
        <is>
          <t>&lt;class 'numpy.ndarray'&gt;</t>
        </is>
      </c>
    </row>
    <row r="568">
      <c r="A568" s="1" t="n">
        <v>566</v>
      </c>
      <c r="B568" t="inlineStr">
        <is>
          <t>learning_rate</t>
        </is>
      </c>
      <c r="C568" t="n">
        <v>8100</v>
      </c>
      <c r="D568" t="inlineStr">
        <is>
          <t>0.000999605</t>
        </is>
      </c>
      <c r="E568" t="inlineStr">
        <is>
          <t>&lt;class 'numpy.ndarray'&gt;</t>
        </is>
      </c>
    </row>
    <row r="569">
      <c r="A569" s="1" t="n">
        <v>567</v>
      </c>
      <c r="B569" t="inlineStr">
        <is>
          <t>train_input_images</t>
        </is>
      </c>
      <c r="C569" t="n">
        <v>8100</v>
      </c>
      <c r="D569" t="inlineStr">
        <is>
          <t>[b'512' b'512'
 b'\x89PNG\r\n\x1a\n\x00\x00\x00\rIHDR\x00\x00\x02\x00\x00\x00\x02\x00\x08\x02\x00\x00\x00{\x1aC\xad\x00\x00 \x00IDATx\x9c\xed\xbd{\xfc\x7fOQ\x17&gt;+^ \x0cE\x11\xc9Kb*\x9a\xb7\x10\x14-\r!Q\x1f\x88\x16*\x16\x9a\xa1i\x1a\x92\x86\x17\x94\xc4{\n\xf6S\xbc\x80x\xc3K\x19\xa1\x18h\x8af^0\xb5\x0c\x11\x01\x01\r\xef\x17\xc2L\x1f\x06\x82W*p~\x7f\x9cs\xf6\xecefvfw\xcfy\xbd\xde\x9f\xef&lt;\x1f\xf0\xf9\xbe\xde\xe7\xec\xce&lt;wvvvw\xce\x9e\xd7\x0b\xc0\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x0e\x87\xc3\xe1p8\x1cS\x80\x88\x88\xfb\x9fo\xbd^\xc1\xd7\x1d\x14;V\xdd\xac\x0eOV8\x01\x88\xab\xa9/F`\xae\xb4\xad97\xb1/F\x80\xf8\x01\xe2\xdd\xf4\xf3\xcd\xb0\xcc\xc2\xb2\xe8\xc8\x1bA\x1d\x17?\x8c\x7f\xde\xe6\x9cq\x18\x17\x8fJ\xd7\x80s,p\xeb\x85\xcb[\xaeA7\x1eX\xc5qS]H\xe2\xe9M\xec\xda\x9b\xc6w\xed\xaf\x934\xddh \xdf\x84\xf1\xa6\x1d\xed\xea\x98\xe0@5"\x01P{[\xe4y\xe3\x86\xd3\xcd\xc2\\\xf3.}\xd6\xe1fqd\xbdpl\xfe0i$8 ~\xec\xc1z\xaf\x10\x07\x86\x85T\xae\xac\xe3"\xc3\xdc\xeaj\xf8\x1a\xfe\x16^\xfb\xf4\x86\xad.8\x9c\x80e\x02Z\x8a\xdd\xc4\x05\xe0m\x19\xfd\x13\xc0\xb9\x1dM\xaa\x8b\xb4\x9f8"\xf9#Fx]\x06\x07\x1a\xbf\x10-,\x9fo\xc48\x1f$\x89g\xadn$\x0e\x97\x9c\x00\xcc\xae\xe6\x13\xc0,\x9cc\xc4t\x02\xb0U\x8cu\xa9\xbb\xbf\xbb\x8f\x9d\x8f\x9e\xc2\xf3  &gt;\xc0\xdd\x95\x80j\xcb\x7f\x02\x8fsQ\x8f\x02\x04@|\xb3Kfa\x14\xb8*b\xd7m\xaa\xdb"\xe4\xce\x18L\xdc/\xd3\xc0_co\xd1\xe5\x95\xbaN\xf0\xa3\x0e\r\xe9\xa3cH\x16I\xbf&lt;\x91\xd6\xc5q\xdb\x1c\xc3\'\x04\xfa#4\\Ug\xf9\x04pk\xc0\x90eM\xcf/\xb5\x0b#"\xe2\xf3T\x04\xcc\xbbO}\xd1\x01`\xf2\xa1/{v\x03 &lt;;\xbd,n\xba\xad\x8f\xa0&gt;n\x90)&amp;\xc5\x04\xf1\xe2]\xce\xd2~\xe3p\xcdm^V\xb5\xfa\xf2\x0f\x03x\x95\xa2\x965\xa6_6\xfb\xaa\x8c\x81\x17\x7fPw\x08\xae*\xc5\x9f\x9d2\xbe\x1a[_\xcf\x1c9h\x0f\xbd\x07\xcb\x85\xea\t@\x7f|H\xcb\xd5q\n:\xc6X\xe1E\xf8\xe5\xdcc[\xc3\xa9&lt;\xce3Op\x17b-\x93\xde:\x9e\xc0\x85q=q\xf6\xe2\x98\x18\xe8\xaf\xc1\xa0u\xcf\xea\xf7\xb0B1r/\xac\x15\xdb,q\xdb\xc0\xad4\xe2\xa6$F\xb83\x08\x83r\x11\x00\xdfQ\xab\xfa\xb6\x1b\t\xaf\xb9\xd9\xd7\xcb\xec\xeaA\xc6he_\x0be\xb7|h\xcfvM\xd9\x9b\xf8K\xbar7\x16S"\xcd\x7fo\xd9\xf3\x1f\x0e\xab8\x13\xe4\xf2\x7f&lt;0k]\x0eq\x9d\tz\x15\xdd`\\a\xb3q}\xec~\x85\xd4\x8e\xc2\x11-\xdd\xf7\xe9\xc6q$\x97\xef\xde,\xb3\x02\xed\x9b\x89\x9b\x02\xb2%\'=\xc3\xbc\xa8\x19\x11\xf7\x8cew\x9e\xf9"\xcepS\xfc\xefu\xc6E\xdcs\\\xc4A\x08\xe1|\x9d\xf8\x13\x17\xd8p\x94\xb1\xef`\x15Z\x84\x00\x10\x02\xd5\x0b\x98\x8el\x00\x00\xf8\xfc\xa5\xc6\x08\x8d\x10\xe8\x03\x86\xb7\x00\xa8V_\xc0\xb9\xcf\xc5\xeb\x01d\xd3\x1cb\xff\x88VW\xc4\xc7\x99\xd6\xfb%\x88b\xc6\xb1\x93\x9d\x1a\xba\x11sH\x8d\xabz&amp;|&gt;n\xc9D`\xdf1;\xac\xaf0\xc3E#\xdc\xf4\xfcY\xcf\xf3\xfaq\r\x8d\xb9\x94O/:\xefz\x98\x11\xd2F}\xd9\x9e\xcd\'8$U\x1a\x98C\x0c\x00\x11\x1f6M\xd4\x89\xd3\xc9\\C\xdcD\xe0\'\x1e#\xf6\x06\xda\xb4\xa0\xcc\x8d\x13\xcdQB\xe5\x04p\x1b\xf7\xbd\x83p)\x93b\xf2\xef!\xf2\tW$\x1e#\x17\xe5O\x98\x03:\x96\\\xb4\x9c\xd93\x93V\xeb$9S\xc4\xcc\xc7\xd2\xc0\x97\x0et\x12\x9d\xd8M]\xad\x93Z\xa7\xea\x83\xf0V\xa9\xde\xb1\xc3\x12\xca!\xe6\x13\xc0m\x10\x7f\x1d\x00z7\xdf\xfa\xf2\xca\xe8?1p\x0f\n\x01\x00\xfc\x0f\x07\x9cA?s3q\x96\xaa\x1e`\xaf\xcf-\xf8\xfe\xc9tN\x85pF{-@V\x19\x18\x1f\xca16\xd1g|&amp;\x99\x8e#r\x11\xb1\x9b&amp;\xc6_J\xcb\xa9\x13\xc0\x14\xc2W/\xb1\xa9\xf1l\x85\x89j]/N\xdb\xa9\xfd\xbfA\x01\xa7\xe23\xb6V\x0b\xbf\xf0\x83\xf8\x1d\xf4Q\x9f\x96\xb5\xf8\xc8^\x8e@\x1bi\xa3:\xb8\\\xe2\x1b\xae~\xe9\xa3Am=2\xc3\xde\x102\xb0B7\xa8\xb1\x0b\'g\x9dY\xda\x95\x91\xe7l\xdcx\x97\xb4@\xee\xc44g=\xd2\xdf\xcb:\xba\x90p#\xc6~\xc7R\xee\xedTb%cN\x1f\xdc\x1auZQ\x93(\x8d\xe0\x1a8,@\xfcr\xd2z\x08\xf0\xde\x87\xab&gt;k\x02\xd84\x94\xa7\x1b\x14\xdaE\xafk\x8f\xack\xe9\xe8\x03\xec\xdc\x8f\x8e\xdf\x9b\x14\xb8\x9b\xd6\x1dv\xcd\xa5\x84j\xadt=v=\x1br\xd3\xe7\x8e\xed\xf6@\x05\xf8%\x9d3\xdc\x96\xbb\xac\xc6\x11QX)\xeb\xbc\t@\xbc+\x89\xba\x9a\x1d\xde\xd0ab\x04\x00D\xf2\xa0w]\xf2\xda\x8e-\xa3\x8e\xf9\xa5\x80\x08\x10\x8e2\x9a\xbe\xe3\x1c\x1cj\x97\xbeB\'\xbf \x16\x07\x9e\xebf\xca1\xbb\xc4\xd6\xe9\xee]\x87\xecT\x85|\xf74,C;\xd5^_IA\xbf\x08\xa6\x9f\x9d\x84F\xa6"\xaem` "\xc0s\xb5\x85/\xb1\xe1\n\x87E\x7f\x80\xd5!\x8eX\x83 \xc2w\xd9\xcdu\x11\x0bg\xda\xed\xa6\xa8{\xa7\xa3\xbf.\xdb\xf0c\x11&amp;\xb7\r\xd5/\x82\x85\x10N\x089r\xf4\xbf\x08pK\x1eea\x19\x11\x02\xfd&gt;\xa6R\xe8\x83:+v*\x9c\x89\xf8\x94\xa6\xbcn\xca\xed^.\xcfu\xe0I\xd0\xc3\x9at\xc8\xf6\xfb0 \xde\xed\x82d\xaf\xd3T\xf8FsN\xdf\xcfMtX\x1f\x1d\xcbw;\xec^\x9eA\xd8\x1f\xe0\xd1\xcf\x81\x8d\xe2\'\xe0*\xdc\xe9\xd2\xfaK\x90|\xd2.\x92O\x94\xc3\xe5\xcc:\xeb|\x11\'\xfc L\x1c\x00\x8b\x90\x17\x99k\xd9T\\v\x02\x18\xf9}\xda\x83\xf0\xb4\x03\xd2\xe8\x98\xfc\xef\xe2XG\x96\xe5\x8b\xee\x90y\xd2\xcb\xe20\xf2\xd7\x8e\xa3\x02V\xefo\xb2s\xdd\x11/\xb6\x1f\xb8\xdf\xb6;T@m\x94d\x90\x1c"\x9f-\xf9\xb8\xfd\xf3_1\xa9\xb8h\xcf\xea\xb5\x9f\xccR\xd9\x89\xf1\x0c[\xa7\x96m%~\xf2\xc4\xb0yi\xab\x18b\xfc\x85\xa2}\x02\xd3\xbc\r\xa0f\xf2\xeb\xbdM\xb8^L\xef\xc8\xd49\xf4\xa6M\xe2\xfbh&lt;R\xd6\xc6\xfbN\xce\xabt\xcfy\'@:=u\x89\ts`}0\xa2t\xb4\x95\x8dLE\xb2F9\xc7\xa2\xa9\x16Y\xe1\x9bO\x9a\xe9\x97\xeaQ\xd2\xd1\xadL"\xc9\x90\xa6)\xf1_Sxn\x1a\xed\xc2\xb8HC\x10\x11\xf1\xbd\xba5\xeb\xbb4\xf6\xfeE"\xe0\xc9P\xbe!1\xa6\xe2\x94\x907Rw\xa3x\xd4\xd3\x94\xe4\xc3\xf9\xee\xd4\x8eM3\xfc\xbc\x10\xc0\xc9\xbb\xb9\xa3i\xd0H\xcf\xf0\x0c\xc4 &amp;,\xff\x8d\xf5\x8f\xcb\xdd\xdf\xa6\xbc\xe0d\xa7\x1fH0\x9e\xf1\x06\x00\x02|\xdc\xc1*J\x8d\xc6\xc5i\xfdg%p\x84L\x7f\xdd\xcb\xe2V\x8e\xdd7\xa2e\x88\x88\xad\xef\xdcY:\xe9F4\xa7\x03\x87\xc7\xa6\x03\x14Xw\xbe\x97]%u\xac\xd0{V\x15\xcb\x87\xd7\\\x8b\xa3\xd6[\xbd\xf4/\x92\xe4\x97\x1e\xcb\xa8\x13\xb3|\xe7d\x1f\\\xfdaL\xe3Q\xa7e\x91\x17]\x1c\xe7\xc5yom\x08J\x1b\x15\x11C\x08\xdd\xd5O\x00i\xa5\x89\xa6\xeb\xc6\xea\xf2\xf3H \xa4N\xad\x95\x8b7\xea\xbd\xb6\x91\x8e\xdb\xec=\x97Q\'.8d\x10\xd1jB\xce\xec\xa8\xf0\xb7u\x85\xc8\xbf\x9d\xa3\x11r\x04\x16\xad\xdd\n\xb5\xbf\x08f8\x8f\x01\xfb\xfb\x08\xc4\xdde|\x1f3Sv[a\xe9\xb1\xeb\x18S,j\xb7\n#\xefw\x8c!\x1e\x87X\x99\xcc\x93\x1c \roZ?\xb9A\xd1?\xa2o\x08\x84p-\xd1\x1f.?d,{D\xfeV\xf3\xc5\xb1mQ\xa2:ipr\xef\x1c\xfb\xce\xdbo\xf2g`\x84\x18.\xec\xdf\x11\x01\xf1C4\x07\xb0\xf4$e9W\xb2_\xbe\xc5`:\xf0`\xcd\xcf\xe0.\xbf\x97\x9fB\x05}\xfdxw\x19?&amp;\x80\xbf)\xde\x9d\xdd\x8a/Y\xc4^\xd3HB|\xda\xa1|\n\xd9z??\x84\xcdeA\xfa*~\xc4\rh-\xda\xbf{\xd6\xa1A\xdfSnS\xe9[\xb5\xd3\xd08w\xf6\xa8\xd8\x84\xcf\xd5p\xdc\xd1\x06I\xe9\xd7\xf2\xb7\x8eSZ\xb5\xf4V\xf5F\x15RK u\xf1:1\xe50\xe2\xfa\x9e\xcb\x14B\xb5\xf0\xa9\xc5N\x86\xcf\xacV`\x85\x1e!\n\x7fH&amp;\x80\xc9=t\xd0\x04p\x82\x1fu\x1c(\xb8\x05&lt;\xbc\x93~\xd1\xee,\xe8G\xdf\x9a\xa5\xecH|\xeb$97\xc5\x0fn\x05\x9f\xbd\x85P\xf4\x04~\xf7zqb7q\xb9\xd9\xa8`\xe2\xf2E\x0e\x8ax\xddk\x82\x94W\x93%\x02\xe0\xb7\\us\x8e\x05\xdb\xc7c?\xe8z\x13\xc1f\x8a\x8f\x11;\x88\xdbN\xbf\xdc\\\xdcq\xdez\x82\xeb\xee\xa3\xd6\xe9\x8a\xd7\x1d&gt;\xd3*\xb3\x9f\x0e\x8b\xf7\x955\xaa\x13\x03\xcf\x8c\xb3\xda\xf5\xadn\x8f\xe5#K\x8f\xd3\xc0\xa1\x1c.\x05M\xb3^&amp;&gt;\xe56\xe8\x1a\xac\x7f\xdd\x98b"\x07\x07y!v\xa6\xdd\x8b\x14\xb1\xbe\xdf\x11\x00_~\x1c/^\xaf\xda:\'\x1cF\xe8\xc3D&gt;]\'\x91\x01\xe0\xe6\x1c\xbb^l\xa5\xe4\x8a\x8a\xaf\x1c\xdf\xdd!7\x01\xe6Z\xd0~N\xf9\x96\xc1\xfe\x08\xf26j\x80c\x91\x06\xa4\x8b\x1b8u{\\\xc6\x8f=8\xe0\xe5O\x94\x12H\x9f\xa4_\xdc\xce\x07A\xfb\x1e@\x8ap\x05\xe6\xc0\x8fR-s\xac\x87!\x94?8\x91\xfd\'\xbf\x9a&amp;y/m\xa4C\xa01\xe7\x11\xed\xbe\xc6\x95\x98\xa3\x88\xfe\xb0\x0c\xb9\xd6\x99\xfa\xe2\xca\xf4\x83\xab\xb3p\x95\xa4n\x05\x8c\x1b\xd6p\x16bXW\x07na\xcfQ\x86\xe1\xb9)\xa0\xdb\xd4\x93\xa7&amp;\xbe\xf0*\xa7C\xc4/Z\x9f&lt;\x1b\xbf\x1c)M\xb2_W\x93\xb2,\xd0\xb5Q\xbb\xb1\x98r@\xb3\xa5bZ\xa7a\xf2\xaf\xb2\xb0\xa3\xc6\xe8cs\xb7l\x8e+\x8fG\xe9\xe03\x8d\xc5K\xb5J\x18\xe6\xd3\x9fz\xfe\xd6,A7\x14\xe7L\xa7\xd1\xeb\xf4\xba\xbe\xc7\x03\x8d\xe3Zq\xd9\xe3(\xf8`\xc0\x8f-\xf8\x88\xe5\x93S\xa17h\x05\x8d\xd5w=h\x9e\x03\x1f}&lt;\xd2*\xf6TSw8\xe5\x1a\x97\x0f\xa1\x93h\xd9\x0ca8\x93\x80\x80\x88\x7f\xeb`b\x8e\x93\x81\x88\xf8\x88K\x93\xb8\xe1\xa8\x87ysX!\x02\xe2\xa3\xc02\x01\\\xe1\x81KX\xf9K\xbf\x1e\x99F\xff#\xf8\x9b\x04G\x1a\x88\xbfx\xa5\xb3\xeeu\xb2\x82\x1b\xb5T\xb9Y\xb8\xacA\x970\xe4\x18D\xdf\xb8\xd0\xe4Op[z#\xfe\xfd+\x1c\x80\xda\xc3&amp;\xd7\x04\x84c7%C\xe0\xe8 \xde\xe3\xea\xb8^\x14\xd7c\x8bW^\x9a\x00\xcc}\xa4&lt;K\xd0m\t\xc7E\x92\xb8\xf0\xc7j\xb5\x9b*\x9c\x12\xcbnS]\xbfN\xab\x9fs\x01\xc5\x9dv\x9e\xd0\xc1S\xbd\xf4\x82\xee\x12\x8fR\\\xe1\x14~\x11\xcc\x9c\x00\xdc\xa0v\x1cg\xb2\xd8\x1d\xc5\x04\x90dq\x01\xf1\x11W\xba\x9e\xbd\x1cpv\xb8\xbb.\xdc\xcf^\xe5Z\xf7&lt;\xfd\x98\xdb \xc4w\x9b"\xa7\x14;K\xce\x91\xdf\x90\xe3\xb8Z\xc4n/\x8el$\xe9ls\x9a\xfdbO\xcb\x8f9\xe2\xc8gMn\x88\xb3w\xd3\x8c}\xfe\x19\xad\xc7\xf1\x1d^\xc2*\xbd\xa6 2q\x06\xb8)\xde\x12\x81H\x1c\xccP\xd4\xba\x95\xd6\x007\x1e\xcd\xde\xe0\xfa\x0bK\xa8\x0ft\\n\x19x\x84b\x04@|\x1e)\xf5\x8a\xbc\\\xa6\x82\xea\xe8S\xd8\xafr\x02\xa5\xaf\x94eN\xf6\x88\x99i\xa8\xc3^\x9b\xc0\xf7g5^\t\xea\xa4\xb0\xaa\xd6ml\x02\xb8\xe6\xa66\x17d#\x83\xba*\xbc|(\xb7\x0e\xc3\x8d\xd0\x02\xf1-\xf5\x1a\x95\xb4b\x12\xb8\x96{\xd2:u}&gt;\xd3\xee\x00\xc3W\x01\n\xd2\xea[\x1a\'\xd0D\xffno\xe8\xa8s[\x8bA\x17Gj\xee\xb6\xaf\x9e\xd5A\xfau\xcf\xa8\xa2\x01\xf7&gt;\x02\xb1\xe1\x1aV\xe2\xa0N\x07/[\xb1\x18\xe0YN\xa9\xbb\r\x89dP\x9f\x052L\x00LX\xcf\xcb@\xdd\xa8\xe4\xee\xe35\x8a\xe6@\xf8i\x9e\x1ei_&amp;\xadjY\x87\xd0H\xa6\x8a}\xf2\xf5\x8d\x90&amp;4\xe7\xe7\x8eR\r\xf0\x95\xe7kM\x1e\xfa\xf5\xd5\xbd6\xe0]\xcfUw\xa3\xdc\xdb\x04\xd21\xe2x\xc6#G\xb7u\xed8\x97\x05\xe6\xcd\xactMP\xa1\xfa\xda.\xac\xbe#\x13\x87\xbf\xf0\x0b\xf9\xaf\x0c\x14n\x9d\x89u\xda\xbd\x10\x95\xe8G\xd7`\x8a\x05q%t\x04\xa5t\xdc\\O\x93G0&gt;F\xac\xea\xe0*\xbfS\xf3\x08pQv\xba\xe7\xec\x8at\xa2g\xf5\xc2\x12\x03\xe5 0%N6\xbe\r\x14\x8b\xffn\x8a\xc7g\x1f\x81\xfa\x95\x8c\xff\x00\xb0|\xb7\xede\x97V\x97]\xd4\x15\xd9\xb8vy\x80\xfft\x18\x19+N\xcb\xc0\\\x1c\xcbb\xe5*\x86\xcd\xad\x8a\x17\xa8J\x05\x80/\x9a\xa4P\x9ezN\xf5\xeb"\xfe\xdd\xba{\xcd\x12_\x00\xf0\x8b\xf2\x13\x8b\xc3T7\xf3\x83\xe7\xe3\x84\x99p\xa2\n\xdb\xd6\xfd*q\x93\xb9\xdbPL\xd5\xcd\x86c\x0e\x93"C\xe1.-\x8d\xe30\nI\x9ag\t\xa7\xba6\xa7\xe76\xe2\x9e\xe2S\x1a&lt;\xf0\x94\xce\x11B\xaf\x1b\xb5Ww;z\x9a?\xbd\xa1\xb8\xc9\xdci\xe0\xaf2\xd7+4\xe4\xb4Jr\xf7\xf4\x8f\x85\xf3\xe7\xcf*?B\xc4\'\x8b\x8f0[\x9c\xb7\'\xe70m\xf1w\xa0\x03\xbd\xc9\xa2\xa0W\xc3\xf5;\xf7\xd2\x07\x9c\xc7\x1c\x11[\xae\xdd"\x15N\x08\xb0\xc2\x88U\x8e\xc9f\xa1\xebw\xc5q\x1c\xdd\xc6\x9fV\x9e\xd1\xe0y\xcc}\x96+M\x00\n\xf1H\xccI\x1a\xa5 ,\x07\x9bb\xe2\xcdk_\xb5 ~Hj\x98{u\n9\xbb\x8dV\xd7\x923\xc8\xd3c\xdf\xb6\xe2\x98(\xf2X\x8c\x1c\xda\x11d\xaa\x8a}\xb8\xf6|\x1eG0\xed\xbe\x1bd\xf3nL\x8c\xad\x84pM\xcab\xe7\xd0,0\x81\xe5\xe0\xbe\xbc\x8a\xfe\x96,S\xaf\xe2\x1b3\xf8k\xeb\xe0~\xeb\x92\xc4d\x1c8\x02\x16\xf9\x83\xd5\x0f\xfeV\xf1s\xd0\xcd[\x08"\xc4:\x0e\x00\xf1o5\xadt)C"~\xda\x05\xb4\xf2\x98\xbb\xb8\xce$ospS\xbe\x10MG\xa2-\xa3\x0b`l&lt;\x8e\xf0\xc1OH\xd7\xf27\'\xac\x9b\x90\x9a%\xddU\x9d0\xe2\xba=D\xb3N\xe9\xc3\x14\xb7\xdd\xe8\xbd\xf6F\xcf\x00\xdd\xdc\x11\x7f\xdd0\x01 }2z\x16\x99\xf31\xb8\x9dB\xbc\xc3\x1c\x1a\xc9wo\xf4&lt;/\x15\xef\xae\x9f\xbf\x1a\x10\xf1\x85u\xddIS\x00\x0e\x84\x08\x92\xd2\x0c9Cdn\x12Nhn\xa1\xc24r\x8e\x9b\x032-\x9d\x11p\xde 8\x06\x1aV\x88_\xd5\xcd\x9c\x9d\x00\xa8\xcb\xda\x8c\xf3\xd5Y\x91\xc5\xc5\xb9\xa6ng\x9d\x90L\x1e\x9b\x8d_\x12\x06\xd6\xb5\xf09y\x08+\x17\xc4\x87\xd2+\x95\xd9\x03znp8\xe0\xbd\x89\xe3\x8f\xf1c\xf2\x06D\xb4\x85Fmf8#O\xd4\xbdv\x81\x00\xd0\xf5\x82\xc6R1\xbdr\xe6\xfb\x10\xca\xd6\rk)\xdf(,\xee\x02\x1046\xcb\xecwN`\x9b&lt;\x1f\xd0\xaa:\xc7\x86\xd7\x89ed\xe9\x07\x08@\x80\x00!\x1f\x92\xfb\xa0\x9e\xf1\x9e\xe9\xe0\xf8\xe9\x0b,E\xe1\x91\x80\x03\x94\x1dV\x81\xf3\xfc\xac\xf1"\x98\x15\xa1\x8b\x99y:\xcb\x94,/l\xd9\xd5R\x13)"\xfc\x0eQ\x10\x94*\x96\xc4\xc4R\xd2\xdc\xa8\x8b\xae\xffL\x06D\xfc0]1\xd3\xce\x0cZ&amp; "\xc5q\x08\xfb\xd8\xd3\xb6\xe2\xca\xa3\x7f\xf72TW\xa5\x1c\xfa\\\xad\xb0\x18*\xac\xe6\r\t\xec\xd4h\xe0\xa6h\x08+\x1f\xcb\xb2Rl\x82m\xb9\xb9\x88EL\x9f"\xc4Y6\xe4%_l\x91l`u\xcer\xfed\x94C\xa0\xb0\xa6b!C.O\xb65\x8d\x9d\x0f\x94\x0b\x7f\x8a\xd7\x8d\xc7\xdeL\xa6a\xf2\xa0\x8d\xd5o1\xb3\x9c\x83tr\xb5\x1a0]r\xa6\x01\xa1\xb9\xd3\xc5b\xd3v\x03\xbf\xa6B\xbb\xe9\x17\xe3\xa4i\'AV\xdc\x10\xc0\xfeE,\xcd\x806y\x07`\xc5\x03\x0e\x90)/t\xca\xb5F\x95ua\xbf\xa1(\x96a\xd4\x9aHB\x11\xf2n\xf5\xb8F\x07\xfd\xa4\xa7\x82:@\xdc\x9c\xac\xfe\x85\x91\x8c\x02\xd5\x12\xb5\xacNV\xd9\xcf{\x00\x84 \xf5E\xbdR\xcd\x05\xa88\\\xf4\xc1\x882\xd4\xce\xdc\xbcHZ\xa4\xe8\xc4\xd7:\x87\xdd$L\xe9n\xc4\x9fC\x9c\xfc\xc5(\xed\x03\'\xa0:\xf2\x85\xf8\x81\xfc\xad\x03\x1e\x18]1po\xf2\x07\xa9\x9f\xe8n\xdbb\xbe\x02" ~\xd0&lt;\x9a7\x1b\x98\xd9y\xd4\xaf\x94\xd5\x11\xe1\'\xf9!c\xe2\xd1\xc1\x99ki}\xcc\xfa\x84A6nyS\xdd?\x98\xfd\x88\xf8lLdo\x15\x83/\x1b\xd5n=8QV\xbf%\xde\x03\x18\xc1\xac 5\xc5\x82\xb7L\x07\\\xa1O\xe1\xaf\xa9\x86g\x1f\xef\xb5\xce\xb3\xe0\xab\x19i\x88\xf8:\xeb\x15\x93`J\x97\xe8\'\'\x8f\xe8}\xb2?Z\x93\x86\xca4Q\xa8:\xf1=M\x97h\xbem1\xf5\xbfd\t\x9d\xaa\xe7\xad\xd4\x8e\x03\xe2\xe7\xe9\x8a\xb1- \xdb\x88\xfc\xad\x1e\x923\xe6\x92+\xef\x08\x13\xae\xbc\x15\x9c\xa1G\xba\x00\x11\x11\x1f]^|3\xc3\x08E\x00\xc4\x17Y\xd4\xed\x921\x8d\xfeF\xfb\xdf2^7\x07\x87Z\x03\xf19\x85\xf8\xfb\xb7\xc9\xb0\x8cP1\x85\x08b3\tof\x14qe\x10\xe6ln\x02\x98&gt;\xffq\x03O/[\x93\xd3;\x1a\xb7|$\x90;}\xba\xfd5\xe1\x18\xb1\xfd\xc5\x15\xa4X\nFz\xb3M\xd1\x99\x96\x18\xb1\xfb\xc5\xc7\x8c\x12E7i\xd7\x05|\xaf\xa6\xcb\xd8\xa7\x8f\xb1\xea\xad}-\xc0V\x9c\x15\x96{8\xfc3~2n\xbeui\\\xcb\xf6\xdf\x82\xd3\x92$\xc8|\x96\xaa\xd8Y\xc5H\xd2U\xb7\xc1\xcdj\x9f\xfe\x015\xd8\x197\xc2\t\xcb\x19{\xc6\x04\x90\x16@D\xfc\xf8\xe2\xbaJ\x14)\xfc\xdfj\x98]\x13:\xc6@\x8c\x05\x87\x12\x83Ik\xea\xeb\x9c\xa7IJ\xecV\xec\n\xb6\x17}\xe1\xf2\xf9\xbd\xd1\xf0PV\xa0\xb3\xe7\xdd\xabP\xb0\x87 \xfd\xe4\xb4W\xe4\xcb\xe8\xf8\xf7\x9f\x95A\xf6l\x1f\x00\x7f\xde\x0c\xaf\xe0m\xc9\xf4X\xf4r\xbaVO\t[\xe7j3\x8b/\xa7\xa7\x85\xe3\xed\xf9Y\xe9[\x06\x08\xbb\x9b\x87\x10\x04\x0b\xecU\x12\xc36\x8d|Y\xa4]|U$M\x83\xeb\x1a\x8c\\\x84\'#y\x03wkcwb\xa7|\xaf\xc1\xfe\x87B\xdd:\xb8B\x00\xb1Q\x88G\xbe\xc5%\xcc-\x17\\\x1c\xa1\xfaW\xb4\xba\xf9a&gt;{0e\x1eJ,\xed{5\xde\\\x18w\x00\x18?\\\xe7\xfa:\xa2gq(H;w\xc8\xbcsW\xad\x83\xd8\xa5\x0b\xed\xa6\x86%\xaf\xf8\x0b\xd4\xf5\xb6"+\xb1\x9f;\xa4S\x84/\x89\xd5\xab\xc3\x1a\xb3\xf8)t\x9f\xa6J\xe0\xc0\xb6\xfahs\xa0n\x02p\x8c\xe0\xda&amp;\x80bU1}\xdc\x9d\xdc\xdaT\x15~\xd3\x01\xf2M\x85-q\xcc\x90\xa7\xa5\xb4l\x9f\xd7 \xf6]\x16\x9e\x1c\xbe!\xa1\xf44Ex$\x0b\x18-F?m\xb6\xc8\x18\xc0\xd5\x8c\xca\xdc\x8f\xcf2\xc1&gt;\x01\xcc\xd6\xa6w\xee\x9b\x85&gt;\xf7\xbc\xb2\t\xe0\xe1\xe9(\x9b5\xea\xf2\xa3&amp;g&lt;\xf9@\x80w\x00xY~\xd1 a\xc6\x0f\x16}I)\xb3\x1d\xc5\xac\xcf*jQ\xf8\x9d\xb4F\x8b\xd4\x9c\xcf&amp;\xe0\xe8@L\xb4\x85\xdc\x01\x9c&lt;X\xf09\xd76D\xe1\xf7\xba\xebv\x95\x9f\xd8\xf23\xa3\xc0\xc9\xc8&lt;\xf4&gt;\x97f\xd3\x8bb\x98M\xc9\xd8\\t\xf8\x9a\xd1\xfdP\xb4-9\xc5wH\x04L\x0c[\x19\xda\xb2\x94i\x0cr!\x98\xacn\x9d\xbdH\xaa\xb4\xf6\x8b\xaf\x93\xc6\x95k\x1fy\x1f\xd6H\xbdG\xa7\xeb5\x95\xe4\x0e2\xf6*\x17Dk\x8c\x1d\xbe8\x92\xb4\xcf\xf6\x99}\xc8M\x1au\xe7\xdbD\x06\xe2\x7fI\xa9\x90)\x94#8g~"\x14k\xcb\xc9\x08\xf2ojf\x85I\x1a\x1a\xbd\xbb\xa2\x16u\x1c\xcb\x16 \xb2\xdc.\x8fC\xe9\\a\x9b\xe5\xc1\xff\x9e7-\x82\x9b@\xb6Z\xe8\x9d:\xfaO\x08\x9a\xea\xf5\xd4\xf4h5\xb9%\x8b\xccIB\x06\xd9l^\x9d\xe7T\x8b2\t\xee=\xa4\x8d"\xa00\xaaq\x02\xe8\xef\xa3c\x1f\x1f\xca\x05\x84Yd\xcc\xefN\x9dB\x94\x9a0\xae\xa9\x99ex\xed\x94\x94\xae\x11\x9e\xfdu+Q\x93\xc3\xcdM\x81r\xa3\xddm\x9c\xa2\x96^\xce\x11\xfdq\\\xa6nD`s\x8ch\xb4\xcb\xedZn\x1c\xd7vY.~\xa9Q\xce\xcd\x1c\x8a\t\xef\xcfb\xefN\x10N\xdc\x9d\xfe\x8b`\xb0D\x06\xe9\xa4|,\xba\x1de\x05\xb9\xc2l \xce&lt;!\x8b\xc9\xff\xc3\xf6\x05\xb9Wt8\x1c\xa4\x17\x11\x8e\xd5\x9bx\\\xcfO\xa4-\xd5;~G\t\x01,\xefv\xd8\x84\xcf6\xe6f\xa5Q\xbe#\xc4\xa6\x8f\x08\x8d(\x8d{\xa0\xfa\xcd\x862\xbc]\xfa\x05\rSw \x1f\x06\xe3\xad\xbe\x06!\xec\xab]R\xc2\xf4_\x04S}\x03u(\xbeD\xfb\xdc\xde\x9a\xfb\r\xd9!\x7f\xeb-\x00\x00\xfe\\\xb2h\x02\xb8tv\x88\xfc\xf9\x9a\xd3(u\x7f#y\x08\x01 Y"\x18*\x1e\xe8P\xdc\xaf\xd9\x0c/:[\x9b\xe6\x7f\xd0(1\xd2\xe0)#"\xba\xbb\xe2\xa5?\x95\xb9\x96\x12\x8fR\xaa\xff_\xf9/J\x8c%L\xfa\xea\xeeB\xee\x9b\n\xd4\x88[\x7f\xd6P6]\xcf#\xe5\xa8\xfco_\xc7\xa2\xf4\xf2\x0f\xaf\xcfB\xb2\xf3\xfa\xec\xdb@s\x8f\xc2\x8d\xb0\xdc\x88G\x93\xdb\xf3:\xb9\x7f\xfd\xb9\r=\xb7\xb4!\\\x93\xd2\xbc\x85R2f\x83NM&amp;1uR\xfb/\x94\xd5Y\x99_\x90$\xdf\x0bzd\x15\xc4\x98\x15\xcf\xafK\x8fgTd\xae\xcam\xa6\xf8\xf1\'d\x02%\x1f\x1a\xd1\xe2p\\\n\xc4\x94\x80\x88\xf8\xa4ks\xe9\x8e\xf5r\xda4\xfc\x04\xb6zz\xc6F\xb9]\xe8\x9b\x00\xf6\xea\x8a\xca\x1a\xa9\x98\xb41\x9d\xbd\xe4#OJ\xe6\xd7\xd6\xfd\xd6\xbe\x9f?\x1dq\x02G\xbc\xe1\x1c\\#\xa7[\x1a\xe7{\xc2\xc8\x83\xbbB\x8e\xe0\xc9\xca6\x1d\xd1r\xc4\x97uM\x00)\x1e\xa2)\xac\x10;4\xde\x0bN|1\xe1\xdb\x1cl*\xa8c/\xc7\x06+\x83\xe0z\x07J\x89#\xb86\xa6\xaf\xbc\x85S\x1a\x8a\xd5.\xb2\xf2\xb0k\x9d\x01\xd4\x88\xab\x9b\x11\t\x8e\x1b\xed\x0b$y|\xac\xf6\x88\x08=Z\xa72Tb\xfa\xb8\xbc\x0b%\xd6$W\xbfX\x1c\x1a\x83\x8d\xa9\xe5\xd8Xe\xdb\xabixD\xb61\t\xd3\x0cRi\x13\xf11Z2\x92@v\xb3|F\xfc\x8fB\x11U\xb3k\x91\xe0#\xb6\x81\xccE\xee\x96\tS\x9en\xddt\x9c6\x01\x8ckQ\xc4\xf4\x1b9\xa5\x8d\x0fMj\xed\xfc\xc5C\x13\x80X+\xbds\xa8\xad\x8f\xeeF\x83x\xbc\x87*\x94\x9b\x19$v\x9ebI\x81\x04\xe2\xb7\x9d36\x1e\xa9\xb0F\xbd\x85\xaf\xb3a\xb9\xff~\xc8\xb1\xa4\xaf\x0c\xa4\xf5L\xbdg\xda\xdd^?\x92a"\x16\xbb!\xcdI\xb1.h\xf0#F\x02H|F[\xe6\xee\x87&amp;\x80;\n\x1a\x93+7\xcf\xe6=@\x00\xc4Ob\xef&amp;\x0ejZ\x89\xcc\x8d\xc8\x82\xb43b\xbf\x82FZ&amp;-\x85\xd5\xb4!$1\xcfi\xc8q\xf6\xea\x8e\xce\xfa&gt;D|\x9a\x9e\xcf\xf5\xe3\x9c\xb5\xcbi\x98\xd5\x92:\xc8\xef\x13\x80eK\x84\x88\xff,\xe1&amp;\x94\xee\x98Nh9\xc3\x12\xceF\x1d\xa1\xe8b\xfc\xa3\xed\xae\xc9\xd8L\xf2\xa6\xe0M\xab+\xb5a\xc8g}\xf8v\xa7Nf\xd3\x11WL\xf8"\xd5;\xfd\xc2\x9fRE;\xb1k\x06\xd7\xf0\x1b\xea\t\x139\x17\x01\xa7\x08S\xf1\xcf\xd7\x1a\x04JF\xbd\xb8\xbd/\xa6^=\x97r\xfb\xf7K\x1e\xc2\xc1\x87)\xca\xcc\xc8\x89\xbf\xef\x01=\xd4m\xb0+\x0c\r\xe9c!\xbc\xb1\xf1\xcb\x84\x13\x1a8n\xc5s:\xa2~87$-\x11\x9bm\x02\xf2\x10\x83?`\xd8?\xa5&gt;\xa9\xa9\x80w8{\x94\xa1\xe5U]\xc4_\x99\x16o\xc7\x17_\xf4z\xf6\x84g\x1d-\x13t\xccL\\\xe1#f7[\xfar\xb3\xe7K\xad\x15\xf1\xa9\x96\xe2\x8e[\x01\xdc\xb2\xec\x88\x11Y\x8f\xb0\x89#%]\xf8\x97m\xe1\x07v\x91\xedI\x97\x80\x8d}\xc0\xf7\x9c\xb4\x9c\xed\x93\xff\'y\xf5B\xc4\xa5V\xe14\xa1&gt;\x1e\xc6\xd0\xa6&gt;\x8c4a\x02\x980xp\xcbf\xf6\xd4\xed\xaa\x88\xbd\x1dqk\xe3B\xa3d&gt;\xe8(_|G\xf7\xe1\x1c,+\xf1\xde\x07\xc2\xf6*\xf1\xb1\xe5\x97\x14S\x08\'\xed\x8f\xaag\x0f\xc7\x99.*H&gt;H\xe5_\x94N\x84\xd1\xe6\x84\xc0\x8b\xbavA(\xf9\xac\xab\xbe\x91\xd7;\xd3\r\x1d\xc8\x97\xef*\xc7\x86\x9b\xdb\x11g\x05\xab\x99\xe8\x8d\xe6\xadu^y\xa5\n\xe5[`A\xfe\'\x8bp`\x02\x88O)\xb4\xe5c4\xb7\xab\xab\xd7\x825\xf3\xba\xd6\xe4/\x83#\x91~\x0bQ\xfe\x15p\xed\xba\x0bi\xfdWU\xa9\x12yZa+\x81b\xdbH\x14\xb0\x8f\xb2t\xeb\x10\x05\xac_\x7f\xc6\'O\xc9\x9eD\xc4/2\xebw\xdc\xc2\xc8F\xcb\x993@\xb7\xae%,\x18\xab\x87V\\\xa8\xee\x12\xc5\xf7\xb1\xf4\\^J\x08\x99.e4\xc2\xb8\xddP\xcf\x01\xfb7\'\x86\x00\xf0\x93\xab*\x9d]BM\xecf\xcc\xfe&lt;\xd2x\xa7\x9c\r\xfb\xd6&gt;\\aD\xc4/\xce\xaf0\x1a%\xe1\xd4&lt;\x1cs\xf7\xf8\xaf\xdb\xe7\x10\x96\xfbd\x02\xd7\xdcT\xc7m\t\xb7\xb0s,\xc3\xea\xb3\xb2\xc1U\xde\xa5+\xe6\xa3H\xbfB\xdf\xea\xfc\x9a\x96a\x85x]U=\x7f\xd4a\x02\x8a\x04.\x06\xd2\xd6\x8d\xf0\x97\x9c\xe7\xd1\xe4\xbb\x0fj\xed=\x07\xea\xd6\xdd\xb0\xf6\xeb\xd7o\x05\xac\x02\x8b\xac\xda\x10\xb1?\xec\xad}\xdbEt\xaeK\x8f\xa76.&gt;\xe4\x8f\xc3\xba\x1ez&gt;\xbd4D\x80\xcff+\xeex\xb1J\x11"\xe2\xf7u\x92$\x06?\x11\x03\xf3*\xf1\xa25\x96\xe1\xbf\xcc\xd2\xc8\x9a\x14\xd0\xa9 I\x8c0CD\xc4\x7f\xb5/\x8d\x97\x8b\xedZ\x1dZb\xe0\xee\xe6\x99;A\x8f\x98Bf\xfbqw\x93\xd50\x8b+\x85\xd2\xa7b_\xd8\xb2\xbaq\x80\xe1\x9d\xfa)jt\xf1\xdft\xcb\x95\xefT\xd4Y\xef(\x14#\x9a/\xb6\xa7\xcb\xcd\x92-!1\xe9\xf1\x9eh*\x07\xe2b\x14\x17\x9fM\xcf\xd2\x01\x00\xffcV^\xd0\xbb\xa0\xf1\xbb]\x8a\xdfv0\xfc\xf4\xd2\xc6 \xab\x11\x8f\xc0\xf4\xfch\xd4\xc6p\x91\xa1\x14\xa0\xe4\x8cQ(i\xb8%k\x19o\x85\x10Z\x92\xd3\x0e\x18\xf9\x05\x0e\x84d\xac\x0f\x08B\xb5\xc5n(\x9a&gt;\x8c\xd8\xe9xI\xf5\xf9\xbf=\xb3\x88\x8d\xf4\r\x0f\xc0~\x0f\xc2\xdd\xe8Q\xd6\xd4X\x94Fu\xa6{"V\xe6!\xc0\x16\x13`\xb6}\xeb \xa8\n\x05K\xc9\xaa\xba\x89[\xda\xad\xb1\xe2&gt;\x96\xb7K\xa9\xe51\xb1\x83^\xd9Rk\x0bP GW\xf6!0\xf1H\x81\xd0\x94\xc5"\x05\xad\xf5c\xa9\xa9\x0b\xa9\xee\xe2g\xb9(\xed\xfb\x04\x9e\xdaB\x9cZ-\xfb\xfc\xb8F\xe0\x8b\xc4\xc7;j\x02\x8c\x9cD`\x9f\xf1\xb6\x08!\xdd\xbd\x05\x10\xb6\x01G\xb6h\xb0\x991X\xd5\xd7\x9b}\x8a\x00/k\x89\x87\xd0|\xc8Y"\xdc\r\x12N\x88\xf8\xdf\x94m\xac\xfd\xe8\x92\x0b\x03\xc44\xeaM\x16^\t\xd4,\xaf5\xc1P\xa1y9\xe4\x11^\x11\xa3\xff\x9aR\x08\x00\x00O$+%\xcc\xf0\x1d\xd4\x8a\xf6\x0e=\xf4\xd7\xf1\x00\x98\xf8En7\xe4\x1dPG\x1c\x04\xcb\x9e7y*\xd2\xe0Y\xdc-vPE\x13\x882}-\xa9\xa8\x92d\xc6\x04\xb7\xf3\t\xb8mW\x07\x15\xdd\x08p\xdd\x15\x13}\x08\xf0B\xa9\xfao\xfe\x18y]4`\xb4\xb0\xecx_\x9a\x94\xef\xc0\xcf\xf0\xad\xd3C\x99`\xb4* \x7f\xf7|\xbb5k\x0cih\xc0\x9a\xfd\xb3h\xb4\x96\xa7\xeb\xee\x1c\xd6\xbf\xb2\x90\x02\x80\x88\x0f\x06x\xb7s\r\xd2\x80\x9e\x87P\x92\x1eo\x8a\t \x1dT#\x11J\xbfY\xa9\xd3v\\g 1\x19\xf4\xb1\xdb\x05""&gt;!\xbf\xc8\x87oC.r\xa3\x97\xb9\xa0\xb2\xaeZ\xcb8N\xf0vl\x8d.D@|\xa8\xdc\x9b=Q\x00\xdb~2\xa5\xf5\xb1\x81\xaf\xdb-\xe1\x98\xb8\xb3\x08E\xbc\xddi\x1a\xdb|&amp;\xe9m\xcc\xfd\xba\xc0\xb8u\xdcc\xf2\x90\xf3\xbb\xe3\xf4\x86\x908\xae\xa2\xf0\x8b8!\xed\xf67$\xcf\xf3\x92Z\x08\xe2\x17\xee|\xd2\x00\xc1\x8fI\xaa\xe7\x86\xc8\tK\x8c\xf1\x86\x17\xed\xb2U\xdc\x8a#\x00\xbe\xde\x08\x8b\x96\xae\xb3\xb6 \xc9\xe8zG\xe6\xfaf\xae\xd9&lt;\xa7\x85\x1c\x85\x96KU\x97\xc4\x16\xcb\xa6/S\xd75i\xd1G\x95\xad\xe4\xab\xd4\xf2\x199\xd2\xda\x85\x8d!\xd1&amp;\xdb\xff6Q\x9d\xf6\x9f\xd6g\x85~\x9ctv\x85V\xa4n\xeaA\xc3&amp;\xdd\xf8\'\x81\xb2\xb1\x1a-\xbclB\x8cf\x84\xbc\xcd\xac\t\xa0#\xfc\xe7\x9epB\xf0J\xc5\xd7\xba\x0eU.\x98\xa8\xe9\x0c\x17A\x1a5\xfa%l\x01(\xbb~LGwK\xfc09\x86\xe6w9\xee\xd6F\x19\x92\xcc\xbd\xed\xca\x03\xce\x9c\x8d\x08X6\xf7\rA=\x15\xe5|Nu\xf3\x94\xf5P\x03\xef\x1c\rW%\x7f\xe4\x8as6\xec\x9b&amp;A\xe3\xdc\t\x00l\xeb\xa9\x994\xae\x19B\xbf\xcf\x1a\xa2\xf7\x9c\xe83\xcb\x07\x9d@y\x17\xcb\xccy\x87\xec\x00\xba+R\xa1#\xdeR\r\xd5\xb4\xa5\xcd*\xfa\xd9B\xf9\xbc\x84\xc3O\xc5%\x7f\xb7\x88\x92\xcf\x8c\xe9\xbb[D\xdb\xac\xe5\x95\x0e%\xc7b\x8e\x05M\xea\x00\xf0o\x8b\x13\x00cX=\xcfr\x02\xd0\xef\xba\xae\xa6\x87\xfaxt\x98\x88\xbb\xdb\xa5\x9fT1A\xce\x8f\'\xebGMy\xf6\xd6#hVG\x0c\x81}}J\x89\x96H\n2\xd9),\xc3+\xf2\xfeM\xcb\x0ff&amp;\x0e\x1d\x1fw\xb1w\xc4H\x06)\x91Ro\xc6g\xb8\x03\x17\xc8\xae\r\x17!\x89\x00\x0f\xaa\xae\xec\x9f\xf1\xd3\x88*]\x13\x80)\xa1w\x11S|)uQ\xe6\xf1\x0c\xe6\xba\xdeq\x07\x97r*\x15\x93\x02+\xa6K\xda\xd6&gt;\xa0\xa9\xb1\xbe\xad\x8c\xaa\x1d@Fta|S\xa0P\xa6\xc2\xc8\t`\r\x97\xbfB\x94Q\xb6%\xfdSIX\x8f\xbe^\x98\xd3q\xa6\xfe\xf8\xe1\xd6H;th)7\xc2\x97\x82\xdc\x1b\x98\x16;\xac\x19_\x99\xe7\r\xf4\xc0d\x8b:\x97\xdd\xdd\'\xc9\xb9\x11K\x8a\x88\xb9\\\xdb\x91\xbd7\x8ewT\xd4\x14\xbd+\x00\x004O\x12LW\x8dXM\x00QQ\xa5\xd74\x01`\x92\x8c*(MX1\xe7\x1d\x88iC\x86\x85+u\x7f7(\xfa\xa3i\xb8\xe38\x17\xab\xaak\x0b\x06\xe9 |\x8f\xe4\n]\xf2\x142\xd6\xf2\x03a\xe4\x0c\x9c\xcc*\x9a\xe2*\x8d\x91a\xbc\xe7.\xd5\xc6\xe9\xdeV\x98b\x8a\xf4"\xc4\xa7!\x08\xff\xcb\x9cTL1\xf8N\x1d\x8b\x1d\x8a\x88\x075\xf9\n\xb7\x8f\xc3\xcf(\xf4"\xe2C\x19\x0e\xd3\xa17K\x15@\xaf;\x94&amp;(\xbd\xed\xfa\x19SP\xe4F\xc4\xbbt\x154=~&lt;\x1a\xca\xd4\xc7\x19T\xe6a.g.\x8c\xce\x92\x1f\xb5@.|D\x01&amp;\x1f\x8ef~,F\xe8n6\xd5\x94\x84tXvkT\xb2R\xea(\xd6\x89\xd8\n:f&amp;\x9b\x8aY\xc9\xe5]\xf2\x8d\xf59%[\xcc\xa39Y\x80\x13&gt;h\x8d\xb9\xc6D\x00|\xa6\xd4\xea\xf3\xbb\xaf#\xd3hVQ&amp;\xa8\x9f \x14\x86$\x86\xe0;\x10\xfdnN\x8a\xb6\xb8\x15\x06\x1f\xd9/\xe6k\xe8\x1f\xe8\x15s9\x9c\xe6z{R\xef`\x8f\'U\x9c\x19(\xefSY\xf5\x88H\xbd%\x1cg\xc9;\tJ\x0b`\x02\xab|e\x85\xa2\\\xac(K\xe8\xebA\xae!\x1dm\xa4\xe5tQ\xb2W\xd2JFD\xfc\xf3\xceN\x94m\xa5R}\xa1Q\xc1i\xc5#\xadm\x80\xd0\x1dg\x1a\r\x01\x10\x7f&lt;\x9b\xe1g\xab\xaf2$\xdb\x9f\x0f\x9c\xa8\x84\xd7N5\xa7;\xa2\x99\xb4\x18\xaa\x03 ~\x95rDuk\xe9\x06i\xae\xb9\\\xcaI\xba\xf0\x98\xfcVVL#\\W\xce\xea\x12\xe4VR/\xe2\x9cG#\x91Nb\xce\xbb\xd9$\xf0b\xe5\x86\x9a\xec9?\xec\xd4\xa3\xfe\x80\x81?\x04=\x9bCI\xe3\xab\x80\x9c\x00\x06\xd5\xa5t\x8b\xf1\xdc\xdc\x18N\x04i\xb7\xdc\x15fi\xf9\xd1\x81\xba\xb9q\x0e\xeah]\xc4!\xccU\xd9\xea\xd0AT\x1aD\x9e\x004),E\xa1\xe6sHS\x1c\xbc\xec\x88.\xf0\xfb\xab\xc6th\x0f\t\xd4\'Q\xf5m\x1c1G\xed!\xa4u1\xfb\x82)\x9b\xaa\xee\xaf\x8aS\x0f\x0e"\x00\x00 \x00IDAT*\xf9\xe5?\xf6\x1b\x96\x1b\xf2\xf7\x90f\x1e?\xe3\x0bW\x17y\x0b\x11L\xff\xd8hA2\xceG\xbe%\x95\xaey\xec\xf7\xae\xaa\x10\x92\xf1&lt;\x85\xcd\x90\x95\x167\x88\x1d\xb1\xcf\xbe\xaf\ta\xee\xd7\t!\xa0\xa2\xc1|\x81\xf2\xce\xfc\xaf\xf8\x87\xbdg\x98_\x98\x80|\x04\xcdR\x1d\x02\x90\xbf\xfb\x80\xb8~\xc3}\xa1\xba,\xc6\xff\xa6wC\xeb\xf1x\xf3M\x15b\xfc\xae\xf5\tbm\xdf\xf2\xdf\xd4\xc9u\xb7\x91I\x1elgi`~\x0f@;\x99\x08_Y\xae\xc9\x1c\xefu\'\xf8\x0b\xae\xff\xe4\x0b\x81\xa4\x11a\xfd\xff\xfe\x13\xcf}V\x0b\xcc@=3\xfa\xcb]\x13B\xf7/\x05LF\x80\xfd+\xc9\xe3O\xde\x0f.;\x08-b{\xa3\xad\x88\x12\xf5\xf7\xe0\x1bm\xa7^q%\xa3\x97)\xd1\xd1aJ\xa6d\xa1\x10\xe0\xbd6\t\x0f\xa3\xee\xdb\xe9\x18*#\x00\xe2+a\xd2\x8ey\xff\xfa\xfb^\tq\xc1j\xfe\x8d\x97V\x9c\x0c\xdb\xefv\x9c\x93\x1b\x980\xf0\xbbw\x13m\xc9:\xed\xdd|\xf6\x9d`Z\x8b\xd2\x8e\x08\x88o|\xda^\xb5\x03\x1c\xb7\x87\x88\xdbO\x1c\xde\x05\xdf\x1a\xc0\xe4\x9dR\xd9 t\xa2\xc3\xa0\x085\t\xa8\xc2\x19\x07\xc7\xd7\x11=&lt;+{\xd9\x94\x83\x14:u\xd9+r\x15\xac\x82\xceO\xbb\xa38\xbagGju\xab\xd2\xe4\xe9\xb8\xa2\xcd\xacD\x99\xd4\xd6\x88\x88\xf8\x01\x1a\xf9?!\xa9\xbe\xd8\xb3\xc7\x1aE~|w/\xb2pu\xe7&lt;7\xbc\xc9\xb8;u\xb16\x9di\x12U\x16\xac#\xc5HoM\xefj\xa4\x18\xf6\xc8A$\x87pYf\xd2\x04\xd0\x07\xeb\xb3\xa82\xf8l\x9d\x9e\xcf\x016\x02\xd6o\xf7\xc74\xd1o\xac{ \x8a\xa0\xdc#!\xae\xa10\xfd\x93\x8en\xf1\xce\x14C\\\xc4\xf9\x04$s[cx\xd4\x8c\xe5fLl$=!\xddw\x92\xf4\xd3A\x8cm4L\x00z\xbb\xce\xf55\x9c4\x91\xecBf\x0c\x07eD\xcf]\xfb\x07\xce\x1f~\xd6v\x96N\xb2}\x94\x07)#g\xfb\xd0\xc7\xd9\xa2.\xab~\xc0\xa2!gF\xa6n\x98\x80\x9eW\xff\x86\xb4M\xe4\xd8\xdb-~\x04s\x85a\xe6\x8e^VK\xc1J\xd1\xd9\xd1\x9f\x04\xb1\xaf\x9e\xb7?\xc0\xeaO\xac\xae\x9f`\xaa\xb9\xde\x9czW\xc7\xb8\x82\x96\x87\x17\x8a\xba8B\xe1\xfc\xa9\xa0Y\xf6\xee\x8b,\xa4\x84\xa6\x90\xe3\x07SK\xbbE\xff\x0f\xe7\xb1\xa2\xfc\xa0\x18\xa4\xf9\x8e\xa1\xbf\xf9*}\x17\x810xZ\xd6i\xc7\xbb\xb8\xfd\x99\xcePc\xca,@\x8c0\xd0\x01\xf1.\xfa&gt;\x8eE\x84\x89v\xd6\xe2\x8e\xbcX\x0b\xbdN\xff\x140a^\x14\x1b\xbb\xe7HGT$A\xb3\x0e=zk\xcb\xab\xa8\x8b\xf7\xd9\xfb\x1d\xb6PM\xf3\'\x1d\xfe\xf9\xa3\x90\r\xff,\x0f!\xc7\xb7\xb8\xa7,z\xed\xf1)7u\xf7\xe5I\xa7)\x96R=2\xc6\xc3\x8e\xb8\x90\x8d?\xe2\x04\xcb\xb2{+$#\xe2!\xca\x06\x80\xc9\xffAm\x8a\xcd\x8cDqL\xa4\xe9\x05\x1a\x94\xe6\x12q\xf3\x95\xab\xb2\xaa\x80\xa3} \xf5\xf0\x11=\x9b\xb1K\x99\x1a\xb1\xabs0\xa3\xe0z\xb0\xb4\xeb zV\xa3Q\x15\xd7J\xfb\xb2\x0b\x1a\x841\x8e\x07&amp;\\[\x1b\x9b\x92\x01\x98\xe0\xba\xf41\xd0J\xed\xae~\xf2\x14\x1d\x96\x83\x82!\x1e\xcd&lt;\x08\xdbY\xc4\x1c\xdf\xd5\xaf\xb2\x98\x81\xdf\xaaW\x0e!\xf7)\x10\xe3\xa7\xb4\xb8Hn=Q:\xbd\x98z\xcc\xb4\xddw&amp;4A\x08\x10nN\xf4\x07P\r\xc1\x91Ew&amp;gd\xf8\xac\xbd\xf7\xd5\xb0Q\x0eA\xea\xf5Tit\xd6e\x14\x9c\xb1\x91\xcd\x97\xcc\x04%\x12\xc7\xceL\xdb\x19p\xddA_\x8a\xe2\xde}AK6l\x96\xd8\xe2\xdb\xdc6\x9e\xbck;bw\x7fP\x06Y)\x06\xf3\xb9\xad\xa9=\xe6\xa3\x8a\xb2z\xde\xe9&gt;4\xd6!\xd2\xeb\xcd\xdd%\xc6\xa7&amp;\xf2\x0e\x94\x80\x8a(\xab\xf7!\x89\x05~gD\x94B\xd7\x9f\x16lgzH\x9e\xdf\x13id\x9dn\xa50\xcb\xf8}\xb5e\x0f\xa9\xf1j\x85\xef\x91\xdc\n\x8d\x9c\x109\x9d;\xabsW\x1a_\xd9\x99SBD\xc4G$\x7f\xbe59\x8c4V\xaa\xed\x80\x88\x8bc#3\xfc5\xd2p\x92\xad\xcc\xd3\x11\x02\xc0\xd8k\xb4\x92\xf08\xc1j\xa6h|_\x80\x9fN\xaf\xd4/\xce\x99_\xeb\xd0U\xa8\xd7\xbfJuw\x06x\x05\xddk\xf9\xee\x12\xf6\xa9i,o0g\xe3\xc9I&gt;!\x99Pt\x8a\xc9C\xb4\xf2E\x89\xe36,$\x9c\x9f\x811\xa5p\x9b\x06\xe1j\xc5\xe2B{cB\x92\xdd\xae\xce\x8b-M]Qc\xc9\x92\x8ar\x08\xfb\x90\\\xca\xef\x1f\x9bL\xf22\xb5\x0f\x9bZ\xad\x0fS\x1a\x98\xdf\xc9\\\xdf\xed\xbc(\xe6\xad\x122\xe8\xadZ\x97\x0b\xeb\xab\xc5\r\x87\xfbCV\xf5\xf6)\xcd\xf5^1N\x8bb\x85\xa2\x10\xc2A\xbd\xaf!\xb0\xa9n\xb4\xbe\x18\xf0J\xdf8\x0e}*\x8bZ\xc2,\x82\x00\xdfZ|\x13L2\x8b\xec\xc5p\xf9\xd2\x82\xb0,^kS\xcc\xedY\xdb\x17$ \x161\x1d\x0b\xc7\x03\x80\x10\xfa\xe6\xa7f\x05\x93\xcc\xab}\x84c\x00\xd7\xd3q\xf3(\xd7%q\x0cS\x1b\x9ad\xb2\xdd1\xd5\xd8\xb9\x8d\x1aI\x01\x91\x99\xaek\x00a\xb4A\x81cug\x9d\xc7\x90T\xfc\xa2tw\xb2:\xfb9E\x8d\x93 \xbe\x05&amp;\x85\xc9\xf2s\x9d\r\xf1mt\xc4\xae\xc2\xc9\x8bL\xf8L\xc9\xdd\xe20\xf9\xf78\x14\xd6G\x04\xfc\xe8v\xf9\xeb\x9c\x00@1~\x04\xce\xc75\xaaHa\xcf-/&lt;\xee\xb304-\xd7\xc4$\xf2\x89\xde\xa0yZ3EK\xfc\xf0\xe2\xe2\xd6l\xb5K\xd7\x7f\xa2\xad\x8a&amp;\xce\xc6\xd7&amp;\xd8\xf2\xf1:\'\x0c\x11\x11_` \xb6\xf9UcH\x1e\x96TP\x02\xb3\xb6\xff\xf08\x998$5Kj^J\xee\xd9\xd8\xfb\xc3 r-4\x0e\xdak\x8e\xfe\x0bdF\x19\xef\xd7\xaf\xee\x1e\xec\x8b\xba\xb1\xba\xdbU7[\x8cv\x01\xfe\x8d]\xc8\x9d\x07\x97\xe4S\xfd\xc1\xb4%\xe5\xae\xcf\xa2C\xba=" \xdeO+A\xad\xa5\x9feK;\xe2\xebs*\x92F\x11;\xbc\xbe\xf8\x83\xf8\xd4f\'\xe2\x01\xf3\xa8\x15\x07\x9a\xbd[rZs\xc4\x99+\x97-\xc5\x14\x05\xf4\xd2\xac\xb5\x0c\x9c\xf5E\x8d\xb0.\xc6\x15\x02\r\x82\x84\xb2\x98\x97Q\x8a\x14\x16tM\x1a\\\x1f^z0f\xd0\xa4D\x10\x00\xffq]qZ\x17\x03\x97\xcd\xb38\xb6v\xa4\x1cl\x7fL\xdf\xc9*o\xcd\xb5\xd9&amp;\xb60\x1dU\xe0\xe2X\xb9\xfd\xda\xa5y\xa4@\xfc\x8fEf\xaa\xaf\x7f\xa8\xd1.$\xbe-\x02\xc9\xbbb\x15=g\xe9.\x00\xe2\x87\xd0\xce\xd4\xd2R\xdb\xa1\xcf\xff\xea\x88\xd0%\x86f\xa5\x94\xd6\xa7\x9d\xf4\x07D\xfc\x91\xbd\xc0\x87\x1f\xb1\x18"C\xdb\xa0\xdd\x129\x94\xba\xe1~at\xd9:\x0b\x8f$c\x85\x9043\x0fR&amp;W\\H\x98;R\x0e\xc2\xc5\xd3P* \x00\xfe\x13c\x95\xea\x00u\xdd\r=\xb1\xa7\xc5\xb3\xbeb\rR\x82\xf0\x85$\x17Pb+\xc8\x14Jf\x10=!A\x11&gt;|\xdcl\xd6\x98\x92T\x1c\xdf\x01\xd8\x1e\x00\xf4!\xa6\x11j&amp;\xa3\x92O\x7fZn\x8dh\x9b7\xeeE\xbb\x89\x8e43\xd6\xe3h\xeb\xadX\x0c\xa2\xb4N\x1c\x9e\x85.D\xbcoj\xba\xaf\x01|\xb3\xcc\x1f\xf0\xe0\x87\xf9M\\\x9c\x00\x8dq\xbfFD|\xf1\xf6\x81\xf1\xda\xcc\xa7\xc7\xd4\xc1\xd1\t\x9c\x96\xea2\x94J\xd9\xe1~\xa6\x89\xa2\x19Y\xf8l8u2\xe9Sj\xadE\xe2\xdf_n\x01%,i\x0fT*:\x18U2s\xdd\xcdgb\x01u\x82\x88)\xd4|\x13&gt;\x8d\xcb$i\xd3\xa0\xe0l\x8e\x95p\xba\xd8\xda\xde\x97\x97\xaa\x9b\x8a\xedP\xca\xcc\x87\xf3\x83\x0e \xd2\x0b\xc12\xd6l\x9a\xec\xb5g\x8f\xa1\n\xf8\xff\x00\x11\xf1;\xaa\xeb\x88\x88\xf04\xa5\x10f\xc7C\x94\xec\xe6\t\xf0\xb5\x89\xae\x9am,v\x9a9/\xddu*\x02\x07.\x0b\x00\x10\xf1I\xe7j\xd7\xec&lt;\x84\xedf\xe1\x9e\xca\xfe\x1b\xe9\xe6\xdd3\x89\x88\xdc\x18,4\x13..\xe1K\xb6\x0f:\xc78,\xfew\xecn\xf1M\xaei\x1f@f9\xd8\xc2\xbb\xb7q\x05l}|2\n\'\xfc\xdc&gt;!\xd4\x0e`n{\xd3\xec\x13\x93\x83\x82c4_/\x0ej\xe9,\x0b\xf6Iiv!j\xb6\xa4\xa2\x17""\xfeG\x15\x8d\xfa\xb3\x15\xdc\xaa|\xfaH\x89\x82\x94\xf1\xf7\xb8\xa1\xa2\xd9O\xe3\x87\xceSWY\x11{}o\x97\xd8\xc7\xa0\xe3\xee\xa0\xea)\x02\xd7\xa8z\xff9Y\xe9\xe3\xe6\x00\xbd\xd2\xd3\xf4^\x16\x07\xb5\xf3\x03-~\xc8Y\xbbo\x10\xce\x0f\x88\xbd\x1e\x91\x05ke\x15\xaaV\xbcPPI\xb3\x1fS\x90JW\x8d\xfa\x8b\x8e\x93\x89\x8aS\xbb\x16\xa6\xee\x97H\xabi3 J\xb1\xd7+\xc7:"~q\xb2\xc8e\xc2\xea\x9a\x93\xb4\xe3\x7f?o[W\x8d\xf6\xa1\xe9\x7fb\' \x02~\xf6H\xf5\x8b\rRmnD\\\xf7\xb0\xb7\xec\x02Y\x0e\x8a[\x1d\xfdi\xad\x92{\xdfg"\xfe\xa7\x18\x8b\xb3\x0f\x87ug\x9eO\xd7N\x00\xc7p9\x1bE4\x9bl\xe9f\\\xa9\x15\xa7\x05\x85\xaaiB\x83H\xa3\xe7\x1c\xba9\xcb\x05HV\xcd\xfd\xb5\x89L^\xb7\xbb\xaa\x84{n\x92q\xd8\xb3\xc9\x8e\xe8\x96\xb9\x0e\xc8&gt;&amp;c\xd5;\xd4\x99\xab\xb4\x1c\x8c\xba\xfe\xd9\xa3\x1d\xb4\xfd\xaby\x1e\x90\xf2Q\t\xc7o\x8e\xe5\xf5$c\xd1z\x047\xc6\xe1&lt;\xa4\xa9\x7frey\xb0\xfeK\xa2\xdeN\x99[+\x18\x88\x0b\xca\xe9]\xa1\x98\xec\x00e\xac\xa9\x1c\x08\xba|H\xa0\x8c-J\r\xc9\x9f&gt;?O5\x17\xe3\xee.\rc\xbbh\xc4\x1f\xef\xe63&gt;\x9fi\x15}\xd6\xccnU\xfa^\x971i\xdc{\x12sI\x0b[83\xddRR\xb3\x1a\xc5\x03\xd6C\\\x80:\xd4\x8b\n\xc9\x17\x8c\x0eCm\xd4dx\x04\xad\xc5zd\xf7\x00\xc5B):\r\xe9rJG\x14$\x1f\x84#e\xb7\xf5\x92;\x15\x9cr&lt;\xb4J\x04\xa9\xa3\xc1|\x9c\xacn\nH\x1b\x95\xee\xdd\xdb\xb4\xba/\xa6\x9b\xa8\x1e\x89\x82\x82\xed\xf6\x0b\xeb"\xc8\x98\xe24&lt;\x80\n_\xd3\xc9 \x96\x16\x83\xad\xed\xb3U\x19Y1\x04&amp;\x7f\xb3(R\x12\xb1\xfa\x0eU\xc4\xf6\x17\x1e\xaf3\t\x8b\xe5\xa7v\xc6\xbe.\xfff\xfdvU\x05|5\xc0\x1b \x00m\x85\xd8\xe5\xb3\xbe\xfd\x1f l?oW\xf4K\xbf\x86M\xee\xae\xa5\xf1\x03{\xdb\xed\xda\xa9\xae\x13\x8b\x1b\xb7\xbe\xfa\xb8\xd3\x99\xd9Q=\xd52\x88\x18\x19\xca\n2&gt;U\x99f\xff\x1e\x8d\x94^\xf9\xbd\xe2\xb3i\x11]s\xb9\x96\x0b\x96\xd7\xfd$\xa4\x1ad\x0b\x8boT\xc7l_\xc8~s\x03\xe0\x9b\x8a\xaa\x8e\x9a\xc3\t\x1d\x0c~\x96\xa9r\xdal\x1fn\xbf\xfd\xc2\xdd\xd1\x8a\xd6\xdf \xe4~\xee\xb1\xbf\xbd\xa9@\xe9g-q\xf3\xe1\xedO\xd0\xd9\xf9\xf2\xfb\x05&gt;F\xd7?u`\x95\xcdT\x99\xec\x0e\xf1\x17(M|\xa8\xd2\x9d\xaez\xc4\xce\xa1\x148[&gt;\xd9\xd2\xd3\x1eb\x15\x10F\xd6\xe4\t@\x06\xdd\x8b\xe4\xb62\x84\x10^\xaer\x17\xb1\xe7\xca\xd9&amp;Gh=\xf0\x905\xbf7]\xadI\xca\x06Mz\x14\x01\x10\x7f\x00\x01\xf0\xa9\x87M?\xcb\xaf\x9a\xac\x1f\xd3\x1fp&gt;a\x02Z\xf4\x10A\xa5\xd9\xd8+\xd8#\xac\xbf\x06CR\x8d\xbfP+\xed{\xac\xfa\xecm\x16\xc6H\xb7\xcc\xe9B\xc6\x1d\xbb{\xfa\x19\xd4\xbb\xe2\xbf\x02@\xf2\x06\xb6V\xfbN#\xd6\xbc\xfc\xb2\xa6\x80\x86\x10\x99E\x94\xf3\x8a\xe9M\xdc\xdee\xc7\nS\x9b\xb2\x9d\xacxR\xff\xbac.%M3\x8b\x84c~q\x1e\x93K\xa72#\x9e\x07\x00\x00O\xbf0\x0b\x1b\xba\r\xa7\xda\xe8t\x8d\x07+%\xab+Z\xc1U*\x83F\xf2\xbfn`u\xc2\x8d(#&gt;&gt;\xc4\x8c\x1b\xa3\x85~Nc\xe2\x89\x05[\xb8\x86a\x88\x00\x88?\xb8~FUgD\xfaYG\xca\x1d\x90\xdc\xc9&lt;\x80\xef\xbc\xa6iP|$\x02\x00\xbf\xbf\xabx\xd3N?\x9e\xd7C\x88\xbf\xad\x1buD\xa3\xba\xc7\xe1\x95 \xe5\xde\xd7\x8e\xe3\x9a\x7f\xa6Y\xf5\xbd(;\xdeHhVJ(ViMJz\xe1\xf5-\xc4\xa7\x0c\xf6o\x1e\x7f$JD\x9cI\xf2\x90\xb2Qj!\xc6\x0e%\xe6\xa1\xcb\x8f\xeb\xc8\xa6\xd9\xb0\xfa\x1a\xe6w\xb9\xaa\xb2\xb1\xca9 \xa9B*"\x85K-d\xc8+a\xef\xeb!9\xa4\x91\xf1\xfb\xae\xc0Qz\x81y\xe0\xebk\x</t>
        </is>
      </c>
      <c r="E569" t="inlineStr">
        <is>
          <t>&lt;class 'numpy.ndarray'&gt;</t>
        </is>
      </c>
    </row>
    <row r="570">
      <c r="A570" s="1" t="n">
        <v>568</v>
      </c>
      <c r="B570" t="inlineStr">
        <is>
          <t>steps_per_sec</t>
        </is>
      </c>
      <c r="C570" t="n">
        <v>8200</v>
      </c>
      <c r="D570" t="inlineStr">
        <is>
          <t>10.16263</t>
        </is>
      </c>
      <c r="E570" t="inlineStr">
        <is>
          <t>&lt;class 'numpy.ndarray'&gt;</t>
        </is>
      </c>
    </row>
    <row r="571">
      <c r="A571" s="1" t="n">
        <v>569</v>
      </c>
      <c r="B571" t="inlineStr">
        <is>
          <t>Loss/object_center</t>
        </is>
      </c>
      <c r="C571" t="n">
        <v>8200</v>
      </c>
      <c r="D571" t="inlineStr">
        <is>
          <t>0.08735738</t>
        </is>
      </c>
      <c r="E571" t="inlineStr">
        <is>
          <t>&lt;class 'numpy.ndarray'&gt;</t>
        </is>
      </c>
    </row>
    <row r="572">
      <c r="A572" s="1" t="n">
        <v>570</v>
      </c>
      <c r="B572" t="inlineStr">
        <is>
          <t>Loss/box/scale</t>
        </is>
      </c>
      <c r="C572" t="n">
        <v>8200</v>
      </c>
      <c r="D572" t="inlineStr">
        <is>
          <t>0.12621133</t>
        </is>
      </c>
      <c r="E572" t="inlineStr">
        <is>
          <t>&lt;class 'numpy.ndarray'&gt;</t>
        </is>
      </c>
    </row>
    <row r="573">
      <c r="A573" s="1" t="n">
        <v>571</v>
      </c>
      <c r="B573" t="inlineStr">
        <is>
          <t>Loss/box/offset</t>
        </is>
      </c>
      <c r="C573" t="n">
        <v>8200</v>
      </c>
      <c r="D573" t="inlineStr">
        <is>
          <t>0.18104976</t>
        </is>
      </c>
      <c r="E573" t="inlineStr">
        <is>
          <t>&lt;class 'numpy.ndarray'&gt;</t>
        </is>
      </c>
    </row>
    <row r="574">
      <c r="A574" s="1" t="n">
        <v>572</v>
      </c>
      <c r="B574" t="inlineStr">
        <is>
          <t>Loss/total_loss</t>
        </is>
      </c>
      <c r="C574" t="n">
        <v>8200</v>
      </c>
      <c r="D574" t="inlineStr">
        <is>
          <t>0.39461848</t>
        </is>
      </c>
      <c r="E574" t="inlineStr">
        <is>
          <t>&lt;class 'numpy.ndarray'&gt;</t>
        </is>
      </c>
    </row>
    <row r="575">
      <c r="A575" s="1" t="n">
        <v>573</v>
      </c>
      <c r="B575" t="inlineStr">
        <is>
          <t>learning_rate</t>
        </is>
      </c>
      <c r="C575" t="n">
        <v>8200</v>
      </c>
      <c r="D575" t="inlineStr">
        <is>
          <t>0.0009995792</t>
        </is>
      </c>
      <c r="E575" t="inlineStr">
        <is>
          <t>&lt;class 'numpy.ndarray'&gt;</t>
        </is>
      </c>
    </row>
    <row r="576">
      <c r="A576" s="1" t="n">
        <v>574</v>
      </c>
      <c r="B576" t="inlineStr">
        <is>
          <t>train_input_images</t>
        </is>
      </c>
      <c r="C576" t="n">
        <v>8200</v>
      </c>
      <c r="D576" t="inlineStr">
        <is>
          <t>[b'512' b'512'
 b'\x89PNG\r\n\x1a\n\x00\x00\x00\rIHDR\x00\x00\x02\x00\x00\x00\x02\x00\x08\x02\x00\x00\x00{\x1aC\xad\x00\x00\x1b}IDATx\x9c\xed\xdd;\xa8\xb5\xcd~\x10\xf0\x99\x93\x83 )\x0e\xd8\x18\xf1X\x18\x02)r \x88\xc8\xb1\xb1\x10c\x11\x91\x88U )\xbc\xc0)D\x10\xc1&amp;6*\x16!\xa0\x85\x9a\x10\x08\xb9\x80\x90@\x1aK!\x9c$\x95`\xa3\x9d\x81\x90h@+\xc1\x14AE\x90 \xe7o\xb1\xf6Z\xef\xda{\xaf\xbd\xf6\xba&lt;\xcf\xcc\x7ff~\xbf\xe2\xfd\xf6\xf7^\xd63k\x9e\xb9_K\x01\x00\x00\x00\x00\x00\x00\x00\x00\x00\x00\x00\x00\x00\x00H+z\x07\x00x\x8c\xcc\x0b\x00\x00\xb3\x8bR"\x86i\xfaGD\xce\xd0~\xa5w\x00\x00\xee\x97\xb18\x05\x00\x00\x00\x00\xfaI9\x07\x03\x00\x00\x00\x00\x00\x00\x00\x00\x00\x00\x00\x00\x00\x00\x00\x00\x00\x00\x00\x00\x00\x00\x00\x00\x00\x00\x00\x00\x00\x17E\xb8\x97\x17 \x8b\xaf\xb4~\xa0:\x00 \x87\xe6\x15@\xad\xad\x9f\x08\xc0%_m\xfc&lt;\xc5?@\x12\x8d{\x00\xca\x7f\x00\x00\x00\x00\x00\x00\x00\xeeb\xbb\x19\xc0-\x9a\xef\x03hC\r\x00\xf0\x99I+\x00\xcbM\x01`oQ\xcao\x97\x12\xa5\xc4\xd7t\xbd`$\x9a\xcal\xe34\xf3R\x9d\xf6\x01\x83\x98t\x08\x88\xf6\x94\xfb\x0c"J\xf9\xeb\xbd\xc3\x00\xb3i\xb9\xfe*\xc2j/xV\xeb\xc3\xe0\x98R\x94R"\xda\x0e\xfeT\x8b\xbd\xe0I\x86\x80\xb8\xd5\xb5\x16w\xc4\'\x7fak\xb5\x96\xf23\x06\x9d\x96\xa6\xfe\x87\x14\xe28&amp;cT\x86f6Il\xffd\xeb\x0f|C\x96`\ta\\\x9e\xd1\xfc\xc2\xfe\x8f\x90!\x00\x00`\x1f\xff\xc9\xac\x00\x00\x00\x00\xccN\xdf\x9f\x8b$\x8c\xeb\xec\x03`x\x11Q,@\xe2\x9d\x97\xcd)\xf1W\xbe\xbbwH\x80\x1dY\x81\x9aG\x9ew\xf1wO\xdbSz\x87\x84t\xa4\x89\x99\x84\x1d7i(r\x07\xb2\xee\x10P-\xe5/\xf4\x0eC_Q\xca\x9f\xee\x1d\x86\xadT\xc7P\x03\xdcNK\x8d\x9dHV\xa3\xd0hZZH\x01l\xed\xd8\xaa\xa8\xa5\xb6?#\x96\xfb\xac;\x04DQ\xfa\xb3\xa3X9u\xe9\x02\x01\x8b2\xba\x08\xb0\xa8\x88\xd9\x9a\xc0\x93}\x9d\xd4\xb4\x1d\x80Tv]g\xac\xbc{E\xff\x11\xa0\x81\x94\x93\xc0\x97\x96\r\x1c/\x9c\xfag\xed\x83\x03\x93\xd1\xbc\xe2`\x98\x89\xfa/}\x02\xcb\xcaXI\xc4\xc5\x16\x11@z\x06\xf4 \xad\x94C@LG\x1dp;\xb7+s\xd1\x1e)B\x05\xc0x"J\xfc\xef\xde\x81\xd8M=\xfcb\xdc\x87\xb7\xb4\t\x18\x90\xe6,\x00\x90\xd4\x9a\xcd\x14C@\x00\x07\x0bV\x01\xb0\xbf\x97\x89\xcd\xde\xc1\x80+\x16L\xa1&amp;\x9ah\xa1\xe36\x8e\xd3\x91\xd7\xce\xbe\x867\x0c\x01\xd1V\xc3FV|\xb9/\xfe\xf4\xf0\xe5\x9axp\x85\n\x80&amp;\xba,j|]\xdc\xd7\xd3/@)E\x05@\x1b\xb5\x94\x1f\xaf\xb5t;\xc8\xe3\xa5&amp;\xb0\xb6\x1e\xce\xc9\x10L+\xcaY\'\xc0\x11R\r\x1d\x86\xdaf\x8d\xf2\x99&amp;\x93\xf4\x00Z\xd8\xf50q&gt;\xf2*\x97\x8a\xff\x86f-\xfa\xcb\x97Y\xa5I\x92\x93\n\xa0\x85\x97U(\xb3$\x9a\x81L\\\x12%7}\xcc\xcf\x91\x99U\x00\r\xcd\x9e%r\x9a\xbe$\xa2\x8f)\xdas\xf2\x06\xc0\xad\xce\xfb\xf1\x13\xb4-\xf4\x00\x80k\x9cM\x9d\xc4\x1e\xef@\x05\x00|H\xc1\x7f\xaes=\xb8CM\xac\x02\x00&gt;\xf4\xb2wc\x90\xb1\x8e\xfd{*=\xc7\x7f\xf6x\xe2\x18\xef\x15\xe0\xbaS\xe9\xbfk\xd1\x1c\x113\x8c\xfd\x1f\xe9\x01\x00\xdc\xaaoo\xc8\x10\x10\xc0\xa26\xaf}T\x00\xc0D\x9a4\xd0\xad\x8c\x82uE)\xf1\x13\xbd\x03A?\xafO\x19\x07\x16#\xfb\x030\x9e\xc6u\x97\xaa2-s\x00t\xf6\xb5\xde\x01XQ\xe3\xee\x8b\x11s\xe0"\x05\xc3\xf4L\x99\x02\xac+"~\xe8\xf0\xc3\xb6\x1f\xabvy\xce4;\xda\xee6\xd3\xb5&gt;\xb0\xa67E\x7f\xfbMZ\xa3\x17#\x0b\xcf\x01DD\xfc\xe7\xde\x81\x00F6x\xf7c\xe8\xda\xebY\xa3\xd7\xde@\xc7N\xc0\xcb\xa3G&gt;\x1ah\xe1\x1e\x80\xd2\x1f\xc6Wk-\xff\xa2WV\xfe\xf1\xa2\x18\x01\x00\x00\x00\x00\x00\x00\xd8\xd7\xc8\xcb2y\x8em\x81\x00\x00\xfb\xd2\xde\xba]\xceh\xb2\x86\x15x\xc4\x04\xdb\xa0Xz#\x18\xf0\xa4\xadJ\xff\x9c\r\xe4\xe9\xa9\x00\x80\xc7m2\x04\x14\x11\xad\xaf(\xa0\x94\xa2\x02\x00\x920\x9d\x000\x8c\r\x0bl\xb3\xc9\x00\xfbZ\xa1\x98\x9d\xff\x1b\x02p\x91\xc5\xa9\xecB\xaa\x82]\xc9`\x8dY\xc2{\x07\x17\xc8@\x94rZ\xb1\xb3\xd5\x1e\x80C\xd3\xaa\xd6z\xf8\xf0^[\x0bN\xc1\xe8\xf2\xf4.\xac\x02\xba\xc3B\xe9\xa2\x93\xf8\xfb\xbdC\x90@$\xefk\xee\x19\xb6\xbaX\xf9\xdb\x9d\xb8\x86\\b\xeb\xf6\xf5\xb6\xce+\xa7\xcd{\x00\x9b|\x1a\xc0\xc02Oc\xfe\xaf\xdc\xc1\x03\x00\x00\x00\x00\x00\x00\x00\x00\x00\x00\x00\x00\x00\x80]\x84\x131\x01\x00\x00\x00\x00\x92\xf8\x9a\x11[\x00\x00\x00\x00\x80\xb6\\V\x03\xa4\x90\xfd\x82\xdf\x19\xc5\xdf\xeb\x1d\x02`qJ}&gt;\x12\x91\xa5Y\xf0\x95\xde\x01\x80I\xa5\xc8\xe0\xe4\x94%q\xa8\x00`\x17\xb5\xde\xfdO\xb2\x94\n\xec\xee\xfe\xc4\x01\x83r\xbe\r\x00\x8c\'"\xc9x5\xdb3\x04\x04|J\r\xf0\x89A+I\x15\x00\xc0\xb3\xea\x03s&gt;\x00\xf9}\xbbw\x00\x00\x00F\xf3\xaf\x86\x1d"\x04\xe0)q\xd2;$\xf9\x89\xa4\xc5I\x00-\x99\x04n\xe24A\x14QJ\xf9\x8b=\x83\x92\x9d\xc9\xb4\xe5I\x00\xccH\xc3\x06\x00x1A\xb3\xc0\xa0\r\xc0\xa2\xe2\xbf\xf5\x0e\xc1\x08~\xbbw\x00\x00\xe8#\xe7\x1a\x10\x93\xc0\x00Md\xac\x02\x00\x00\x00\x00h\xa7\xcb\x1c\x819\x00\x00\x00\x80\x8bR\xae\xe3\x02x\xd0\x00C@I\x8a\xdd8\xfe\xea\x86[`\x0e\xd9+\x80\x97b7A\x1dP\x8f\xbfV\xa7U\x01\xb4\xd1\xbf\xec?\xca\x13\x12\x00\x00.\x8b\xac\x070\xe4\x91}\x08\x08\xe01/C\xb5\xaa\x00\x00\xc0P&gt;\x0c\xa9\xe3p\x8e\xb5\x7f\xf3\x08\x9dB\x80e\x174~iJ\xb8\x82\x16xT\x0c^\x86.:\t\\_\xdf\xd2\x0e\xc0Z"Rl1\x03\x00\x00\xb2\n\x1bK\xb6\x13b\x13\x1e\xb5I\xdeYt\x0e\xe09\xca\xac-\xa9\x03\xa0\x97\xa1g\xb0[\xb3vhs\x87\x08\x15\x99\x9c;d4\x99\xec\xe4T\xf2\x9c\xc7\xc9&amp;\x0b\x90\xf4\x00\x1e\xa2\xd1\xba\x91\xd3\xd1\xaa\xfa\x01\xbc!A|q\xa9.\xdc\xa4zT\x01\x8cm\x9aL\xa2\xb9\xd7\xc0\x9bZ6I\xe2y\x13\x8c/\x81\xd4&amp;8\xda/o\xa8\x00\xc6\xa6\xd4\xe4.\xdf\x7f\xfc!"\xb2$\x9e\x0f\nzm\x82s\xb5\xd6="D\x14\xdf\xe1\xbc\x01%u2\xa2\xd1w\xae\xb2-=\x80G(\xfd\x19\x94\x84;\xa8\x9d\xd6L\x7fu\xf3O\x9c\x98r\x1f\x98\x89\x1e\x00kq\xfe\x07\x9c,T\x01\xc8\xf6\x94R\x0e\xabNVH\x0c\x1f}\xc3\x88\xff\xd34\x1c\x90\x81\x83\x078Y!%|\xf4\x1de\x84\x8e\xb2\xc5\xfbB=\x00\x13`\x9c\xac0\x9d\xb3\xc9wTUl+[\xb2[\xa8\x02\xa8u\x89l\x0f\xeca\x8f\x9a0"]\x9f\x00\x98\xdc?\xb8\xf9o\xde\xd8\x03\x88\xc3\xc8\xd2\xc3\x01Z\x95\xab\x86\x81\xf1\xbc?U"gAf\xd1\x170\xbcC)\xf6\xff\xba\x0e\xca\x9f\x1e\x1c\'\xef\xfe\xa8QHB\x87c\x1b\x0b\xcd\x01\xc0@\xde\xaf\xd5\x89R\xbe\xeb\xf4G\xfd\xc2\xf4\xe6w\x0e\xffm&gt;\xb7\x16\xe7O\xe7a*\x00\xb6aq\xe13&gt;:\xa7\xf3\xfc \xf8Z:\x17y\xb5\xd6\x1f\xa95^\xffN\xb7\xd0\x9c\x89\xf8\xc7\xbd\x830\xaa\x14\xef\x0f\x16w\xd8\x9c\xf6\xea\xba\x8fKw\x80\x9c~?I\xc9\xdb\xcbG\x91\xb3\xf7\x13\xe7\x8bvg\x01A\x7f\xb5\\\xbe\xf4\xe3\xc2\xdf\xdc\xfaN\xa8\xb9\xbd\xafY\x1f3_\xd1\x7f`\x08\x082:\x958W\x06\xd6\xb6*\x93\xe2\x7f\x96(\xe5/m\xf4i{;E\xc7M\x85r\xacr\xf2\x07\xdb\x88\xef)\xf1{\xbd\x03\x01\xa5\x94\'V1\xde&gt;!\x13\xa5D\xfc\xe5\x07\x1e\xd1\xd1\xedq\xf2\r\xb3S\xdc%,.`|\xd7K\xbd\xd5\x12\xf8j\xdf\x17\x98\xdc\xf5S\x04\xe2j3Y\x81HF\xd7Sm/\xe9\x02\xc4\xf2\xc2\xc8\x06S\x92\xa6\xe1\x162\n\x00\x00\x00\x00\xc0\x84\xfa\xce\xfe\x99\xa4\x81i8\n\x82\xfb\xcc\xba\'\x1e\xae\xbb\xeb\x00\xa2\xc3_\xcd\x9fU\x1c\x051\x9eZ\xabR\x18\xb6\xb2\xcb\xea\xf3A6\x94\xaa\x00\x98\xc7\x00\x19ng\xefnj\xe1\x06QJ)\xff\xe8\xd3\xbfv:\x9d\xe9\x86\x8ft\x0394\xa5\xe4+W+\x80\xc5c\xe6\x8a\xdbw\xd5\x1d\x8ef\xfa\x1b\xa5\xc4o4\x08W\x0b\xea(&amp;1\xeb\x89\xedwy3N}8\t\xb3q\xa4\xe4&lt;\xa4\xfaz\xa8^\xe2m\xbd\xd4c\x08\x88I\xac\x97y/z\x1d\t\xd1\xe1\xea\xc4\xa4\xaf\xe1\x966\xfez7\xc8\xab\x00\x98\x87:\xe0b\x04\x88\x96O\x0b\xf5Z\xeb)\x9e\x96\xaa\x01,\x03\x85\xa9(\xee/\xb8\xa1]\x7f\x88\xb6\xd5bo\xec\x1e@\xce\xd3C!\x8d\xb5\x8a\xb3\xcf\x88\x8d\xb7\xf4\x00`Z\xb5\x16\xa5\x1eWH\x1c\x13\xca\xb9\x0c\x03\xeer\xec\xdc\xaf6*\xd3\x94\xa8ec\x96c\xb2\x89\x975\xac\x1f\xa7%5\xc4\xf3\xc6\x9e\x03\x00fU\xaf\x9ezr6\xf5\x17\xf1\xc3\x8d\x824\x9f\xbcU\xa7q\x0c\xe0\x8a\xbbNg\x03\x80\xa7\xfc\xfc\\\x1b\x05\xd4\x9c\x00\xb7:[w&gt;C\xc7\xc3\x1c\x00\xc0\xad\xceJ\xfd\x99z\x02\x00\xdc\xc6\xfeS\x80\xa78\xbf\x1b`Qa\x18\x05`\x11\xda\xfb\xd9\x98\x04\xde\x97\x1b\xfa\xe0\xcc\xea9![Y\xa0\x02h#\xd9k\x87\x1e\x86^8\xf9\x1fn\xbe9\xf2\x8a\xa1c\x80\x07)\xfda\x02\xffr\x8b:\x00\x00\x008\xe3\x96\xa7\x96\xcc\x01\xc0\x8e\x14gd\xa6\x02\x80\xbd\x99\xf7\xbb\xc3!\xb2\xd4\x9am\xb8\x12\x12v\xe4NF2\xd3\x03\x80QEL\xba\xc0\xccZI\x80\xeb,H\x04X\xd4\x0f\xf6\x0e\x00\xdcA{\x056\x11\xeb\xedHZ\xe8\xab6\xd4z\x0e\xe0\xbf6~\x1e\x0c\xebJ\xf9n\x8c\x9c\xf1,\xd5`\x81gD|\xde\xc6\x97\x9dxR\xd3\x1e\x80\x83\x90\xe0f\x9f\x17\xef\xb2\x13O\xb2\x0c\x14rR\xbc\x7fB\x07\x88nFO|\x11\x11?\xd4;\x10\x004\xf3_\xbe\xdcQ\xb3\xd8"\x12\xe0\x1d\xdd\xcc\xb5\xbc*\xf3\xcd\xc9\xc0n""\x7f\x0e3\x07\xb0\xaa\xfcis7\xfa=40D\x0es\x18\xdc\x8a\x86H\x9a\xfbY\xfa\xcb\x03\r\x18`\x07\x923\x04\xb4\x8bC\xd9\xaf\x0e\x002S\x01\x00,J\x05\xb0\x8b\xe3(\xf3w\xba\x86\x82\x8dOL\x8bYN`n\xfc%"J\xfc\xfb\x96\x0f\xe4V&amp;\x81w\xb3\xf8L\xeb\x8c\xeaap/b\xee\x1bKb\xbby\xf2\xc3GM\x1d[c\xf3f\x98\xdc\x86\xc5\x19\t\x1d{3\x1a\\\xa4\xf4[\xbd\x03\x00{\xf8\x81\xde\x018\x99`P\x0e\xa62\xc3H9\xcc\xae\xe9$\xb02a%sL\x97\x02p\xbf\xcf\xef3QA\xd0\x83twb\x19(}D\x149\x91&gt;4=\xa0;cD\x00\x00\x00\x00\xf0\x8613\xb6e\x12\x18\x06\xa2\x06XHDD\xfc\xce\xae\x8f\xb0{\x1a \x9d\xd32\xb9]\xcf\xb8\xd0\x03\xc8k\xf3E2\xe7\x0b\xf3\r&amp;tt}\x7f\xc4\xb6\'\x982\xaa&amp;\x8ds\x15@j\xdb\x1ee|\xfe\x83\x93\xb3:S\xc4sU-\xa5\xd6\xba\xf7\x11w\x8a\x81\xa4^\x8e\x1d.\xa5l\xd7\x07&lt;T\'\xb7|\xdaK\xc5\xe3\x80\xc5\xdd8\xa3tD\x87a\x99g\xb2\x85\xf7\xce\xad\xe2\xa8\xdf\xd3K1\xed\xb8\x9b\x10\xb7\xab\x8a\'z\x80\xdb\x96\t\x86\x80\xb8l\xff\xde\xe7Z.\xe4Y\xa3@\x9b\x1ah\xe2$\xcf%99B\xc1%\xb1\xf5\x10\x10\x1d\x9d\xf7\xfdO\xd7\x8ay\xaf\xf4\xa5\x07\x90\x97\xf2a&amp;\xaf\xde\xe5\xcb\xe0\xda0-V\x1e\x101\xc0\x10\x9f\n\x00ZS\xb5w\xd7d\xbc(\xd4\xf1\xc0&lt;"F\x1aj\xbf\xa2\xcd\xb7\xc8\x1fSz\x00\xc0\xcdj)#\x94kI\xe8\xe8\x01Syf\x11\xa2\x9a\x03\x00`\x1c\xdf\xee\x1d\x00F\x17\xf1\xe7\x9e\xfe\x04]\x08\x80\xd1\xc48\xc5\xf7RG\xf1\x99\x04\xce.\x1c\x0fYJ\x11\t\x83\x1bl:t\x99\x94\xa6\x02\xc8n\xb0\x9c\xb3\xa3\x9f*\xe3\xb4"y/\xd5\xee\x87O\x12R\xa6\xa0\x02\xb0%-\x89\x03=\x00\x80E\xa9\x00\x00\x00\x80\x89=s\x15\x03\xc0L\xd6\x1b\x02\x8ar\xef\x8et\xf5\x05\'\x12\xc34,,.\xa5|\xb5w\x00Z\xab\xb5\xdc\xb5\xb4\xf2\x90D"\xd9"\xb6\xc7\x9c\xee\x19\x9e\xe0\xbbt\x13\xf1\xd4\x9d\xb0\xcf=\xb9xwlj\xbd\x1e\xc0\xa3fh*\x1c\xdb;\x1a&gt;\x0fsQ\xe6&lt;\xbc\xc9l\x15@\xc6\x82\xe9\x94J~\xb3k06!\xc5\xc3Q\xd5\x9d\xca\xb3\xcf\xf44:Q\xf2\xbd\x95\xc3 P\xb6P=\xc60\x02p\x92\xa8 p\x07:@K\xb9\x86\x80\x00\xee\x15\x11\xf1\xf5\xde\x81\x18S\xa2\xb6\xf6\xf9\x04\x80N\x00\xac&amp;R\x95G\xfb\xcb0\x1e\xab\x07\xb0\x16k\x9fIk\xa9\xd2\xff\xa4on\xccT\x01\x9cjB\xcd\xff\x1d\xd5\x92s\xb5\xd5\xfeB\xedGo\xd9\x92_\xa2\n\xe0\xb0*\xcb:\xeb]\x9d"\xb7{I\xd8\xed\xf9\xbd\xbf8K\x8b\xf8\x8d\xb7\xbf\xd3%\x1cdr\xbc\xf6\xab\xe5\xb3\xbaW\x00\x1d\x02\x90\xe1\x8b\xb3\xb2\xf3\xe4\x17\t\xfa\xa4\x89z\x00\xfc\x89&amp;}\x9fZ^:\x02\x9d\x0b\xc2\x1e=\xbdZ\xab\x01FzJ\x96\xfcr\x85\x86f\xba\xaf\xb88T?\xd2\x1f\xcb\xb2\xf3\x89\x19t\xef\xc6\xc2\xa0\xe2\xfb\xef\xff\'\x9b\x06\xa0s\xcd\x93a%,Oz)\xfe\xbdE\xd8\xdf\xb6ef\xcf9\x80S\xb3Q\xfbq\x06\xf1\xc3\xbdC\xd0Nd\x98\xbfcI\xdb\xae\x94\xec\xd9h\xb3\xf5w\x0e\x0b\x0ee\xea\xb92\x87\xbe\x15@9\x1b\xd1\x92\x9bF\xa54\x847F\xc9\x14\x1dn\x04\xbb\xd8qN\x1fQ|(\x7f*\xdf\\\xbfk\xc1`K\xad\x13\xf1\xf9\xb9\xff\xaf\xc2!;\xadd\x94\xf6\x11\xcc\xad\xf9$\xb0i3\x8eL\xa2B_\xad+\x80\xb36\x9fS\x7f`\tj\xfa\xb4R\xec\x03(F\x03\xd6\xd3}+2\xcd\x18\xf1K\xcbY@\xf4\xa10\x80\xee\xban\x04;\xfe\xa0i\x00\xd0^\x82\x8d`\x8a\x7f\x80\xd5\x845A0\xa9!\xb2\xb6\xd9\xe9\x9eC@u\x81\x81\xe0\x88\xf2\xefz\x87\x01\x80\x0e"\x1cu\xc7\x8a\x868*/\x7f\x08\xe1\x13\x121\x0f\xdb/\xf1H\x96CH\xb1\n\x88\x87\x85.\x06O\xd8i\x0cv\x84\xd6?\xbd\r\xd1I\xcc\xeco\x89\xc3UE\xc4\xef\xf5\x0e\x03o\xb8"\xe2s\xa1u\xb0\xa9\xf8v\xc3gI\xdfix\x17{xr]\xa2\x97r\x13q\xb4\xa1\x96Q\xe9\x1a\xac&lt;\xe2\xef\x18\xf9\xdb\xde3\xc9;\xc6\xac\x00\xa6_\x879\xb9\x87O\xd49\xa6\xd4;\xb6\xe19\xb8)\x9b\xc3\xe1\xea^\xc7V\x9e9\xb3\xe8x\xbd\xd5`o\xa3\xc3\x850l\xe8\xb9\xd2\xff\xa1\x7f?V\x02\x9fZ-%\xfe\xa6\xd7\xb1\x99g\n\xefZ\x8b\xf64\xc3x\xac\xb3z\xd7?\xfa\xc9\xcbw\xff\x00\xb0\x00\x15\x00w\x19n\x0c\x1d\xe02\xc5\xd9\xa7\xdeL\x9c\xee\x1da\x03N\xd3\xeek\xd4\xfb\x00\xbcD\x98A\xad\xe5\xd5\xc9\xf0\r\x1e\xa9\xf0\x18\xdc/\x95\x12_\xef\x1d\x08 \x99[Z\xf7\x7fr\xff`\xc0\xd8~\xb2w\x00\xe0.\x91x\x97J\xca@\xbd\xb0n\xa9\xbf\x97\x05\xf9\x9dCA\x1f\xee\xcb}\xd2\xfb\xe25[dF\xe4\xdd\x1f0\xea\x1c\xc0T"LN-+i\xc1\xb0\x91&amp;i\xfaWK)\xa5\xd6\xb41Yk-5\xe9\x8a\xb8\xa4Q\xb6\x8e\xf3r?m\n&gt;xx\xd71\xe5\xb8S4\xf9+f?\x91r\xcfv\xba\x00-\xe5\xb8}\xfcE\xc2\xf4q\xce`\x057\x8a\x08\te\x08\x86\x80z\xfa)Y\x84\xe9\xa4\x1c\xea\xe0\xb21J\xa0\xb9\xdb\x9e\x03\x8d\x02\xc1-\x1e\x18-4\xc0\xd8\xc5H=\x80\xf8\xde\xde!\x00n\xf0\xc8\x19\x83\xdb\x87\x82\xcf\r\x13\xed\x113\x1fC\xe9\xa4e\xf8\x88u\xd2,\xc1\xe0)\xbc\x97u\x83\x17\x00\x00\xc3\x89\xd0\xeb\x02\x80y5\xa8\xe6\x07\x1d\xa4j\xbd\nh\xc8H\x82%\xcd\x91[#b\xefs\x186)\xfd\xe7\x88\xedOD)\xff\xbaw\x18\xa6\x11\x7f\xd8;\x04\xc0V\x15\xc0m\x1f2hW\x83\x8d\x85\xa4\x009\xec\x9a\x13\xdf]\x9a\xb6\xe5\x9a\xa816\x82)\xe8\xde\xab\xa5\xfc\x0f\x9b\x06\x98\xc5\xd0Y|\xe7\xed;\xaf.M[NX\x08\xbc\x05\x11\xc8\xe2\xd2f\x80O\x03\x16\xf1G#\xbey\xfcy\x81\x9c\xfc\xe6\x1b*\xff\x9f\'\x06a\x02Kdd\x05\xfe\xe6\xc4(0\x06e\xd5\xe6D)\x00\xf0!\r\x85\xe7\r4g9\xc6*\xa0R\xca\x7f\xef\x1d\x00XA\xc2\x85e\x11\xf1\x13\x9b|\xce\x16\x1f\x92\xf6q\xf3x\x1fq\x03\xd5\xa8\xc0\xb6\xb6\xca\xfc-\x0b\x91QJ\xab\x94=\x80\xf8\xb5\xde!\x98\x84\xcdbLa\xbc\r/\x1b\x06x\xb9\xd6\xef\xfb\xf6\xbe\x1e\xc0\xc3D[B\xde\xc9\x82\x14b\x00\xebR\x01\x00\x00\x0cB\xb3\x8dY\xa5\x9c\x04.%\xbe\xf12d&amp;\xef\xd1W\x84\x89\x14\x9er\xb8\x8f R\xb6$\xbe\xda;\x00\x17\xbc*\xf6#\x06\\\x02\x90H\xa4\\\xd9=\x94(\xa2q\x7f\x87\\\xbf\xf3\xb1\x9a\xbd\xc4\xf9/O~\xc7\x88\xd80\x96\xd2\xf5\x004\xfa\xb75e~\xea@\xb2lb\xd2\xec\x9f7\x17\xa6\xab\x00\xde\xfaky\xe3\x0e\xe0S\xb5\x96\r\xeb\x80m;I\xb9\x8a\xd7\xf7\xf5\xff\xa4]\xc2\xb5\x0c\xdd\xbb\x7fI\x93MB\xbf\xf2x\xe7)\xef\x0f\x9aNn\x91p 1Wx\xa2\\\xe8kO\x9c \xd6\x910\xe9\xdf\xaeM\xb9|J\xfc\xcb&amp;\xf8\x95\xeb\xbf\x83m\xc7\xf7o\x91k\x08h\xed\xb7?\xb3\xa1\xdfl\xa3,yh\xfa\xfc\xca\xb5\x87u\x19"o\xf6\xc8\xd5K\xff\xde\x01\xc8"\xce\xf4\x0e\x0b$\xd2\xa7\x02h\xf5P\xb9=\xbe\xa7w\x082P\x01@\x12-\xcf\x13\x8c\xe8T\xc3\xfd\xe2\xba\x07\xf5d\xect\x9d\xbf\x89\x8fF\xc4\x86\x1eS\x86Q\x1cf&amp;f\x9d\x968\x14#+\xcc?\x7f$\xd7\x1c\xc0\x8d\xe2\xe3\xa6\x82\x9e\xc3\x82\x9cz\xbd\x9f\x89K\xc4C\xddvX\xe3\xd59(\xa5\x94\x1b\xd2\xf0\x1eE[\xea\n\xe0z\x85|\xf5\xa5e/\x0e\xfe\x8d2\xab\x94\xb2Q\x9a\xae\xa5\xfc\xf1\xf5\xdan\xcd\xa4m\x17?3P|hD\x96Rj)\x7f\xbb\x96r\xfc\x9a\x873\x1b\xba\xb8\x1e\xcf\xf1\xee\x87\x99]\x7f\xabW\xde\xfa@\x1d\x80A\x82\xb9\xaf\x81\xde\x17\xd9\xc4\xd7\x1fo@|Ty$O\x8f\x99\xc3v\x87\'\xe3X\x97\x7f\x1a\x91&gt;\xcb\xb1\x9a\xa5\xd2b\xa7\xc3\xe0\x9e\xebT\xd6\xa7?a5C\xef\xc5\x85\x96\x96\xca$}\xe6\x00\xeaF\xb1\xac\xe5\x98\xd6\x8d\xaf\xe60\xfa\xaa:oC~\xe1\x8d\xd4\x93\xc0\xd7\x1dRs\x9e4\xdd&gt;$\xc9wK\xdcZ\x07\xd4\xb5\xda\\\xa5\x94?\xb6\xd1\xe7\x1c\x06\xd0\xbey\xc3\xdf\xc9\x9cN\xc65A\xc4\x0e\x9c\xf5\xb2\xad\xde\x8d\x88\x8f\x82r\\l\xb6q@\xb3\xc5\xc0\xb9\x8e\x83NW^\xc4d\xe2xU\xc1\x95o\xfb\xaex\x1a)j\x92o\xf7\xc9\x9c\x01o4p\x0f \x9b\xfaq*x\xf9\x93\xdd\x1a\nC\xb7Av\xb1H\x84\xd4\xab\xc9\xee\xf0W\xde\xfe\xf1\x1a1\xd3\xc4\xe6\xe5\xfeKw\xedw?\xfc\x0b\xdf\xd9\xf6y\xb9\xeb\xd7\xcfE&lt;\x7f\xc1\xce\xc0ni\x00\xf6\xd2\xb1\xed\xe6P\xc9\x8f\xac\xd37\x1a\xd1-\' \xf0J\xcb\x11\xb8\x84\xad\xec\xf8\xab\xbdC\x00\x0b\xdb\xbc\xf8\x89\xb6eZ\xc9y\'\xf0\xdd\x96\xec\x08\xbc\xcc\x81/\xf7\xbdy\xa1\xa3\xd3\xd7\x1e\xa5\xf4\xf5\x05\xee{\xf4\xaa\xc7\xae\x00\x8e\xbb\xb7\xdb\x1dW\x9b/\xc7\xa5\x0cTs+\x96\x86\xf54\x06\xa8\x15\xd0N\xaf8\x7fY\xf2\xb8\xf5Sg\x98\x04\xae\xf5\xb3\x89\xb0\xa7\xc5\xab\xff\xa4 \xcf\x9f[02\xf6]W\xc0\x07^RZ\xfb\x04wh\xe6.u\x18\\"/\xf1\x9e+\xbf\x1d\xea\x80\xad\x16\x95\xd3\xd8\x93\x83\xbd\t\'\xa5\x16\xb1{{\xf3\x9d\xfd\xde\xf4\xd8C@\xd4Z\x8d\x01\xc1\xdc\xeanu\x80\n`xJ\xff\xeb\xd2V\x90\x06\xf16\x97\xf6]\xa7e\x08\x88\x99\xe5:-dS\xb5\xd6R~\xacT\')}\xb1_K\xb9\xbb\x97\xe6\x82w\xdd\xc5\xe1\n\xb2Y\xd3\xd6\xc4\x92\x9c\xd5r%\x08\xdd\xc36\x19\xf1y\x17=\x80\x9b\xd4\xdaa\xe6\x87\'E\xfc\xc7\xd3O]\x03\xf2\xa1\xf6\xc1J\x1a\x11\xdb\xe9\xb7\xff|\xfa\xa8]^\x8e\xd6$\xb7\x8a3\xbd\xc3\xf2EDD\xfc\xd3\xde\xa1`c\xd9\x92\xd9\x8d\xfaL\x02\x1f6S\x8c\xd5\xa4&gt;\xbd\xdd\x1dvc\xb0\x93/c\xc2\x89\xa6\x07k\xfd\xd1\xdeA88L\x90\x14\xd3\xd1\x0bkZ\x01\x9c\x15\x9d\x83U\x95#\xd6\xed\xd4Z"\xd2\xcd\x0b\x9e\x97\xb5\x11Q\xbeS\xebwu\x0b\x0c[y\xa0\x12\xcdpO_\xe3\x1e\xc0\xa8\r\rM\xa4A\xd5z\xda\xc3\xf7\xe5\xb0\x88\\}\xb8\xdf\xea\xf6dW\xab\xf6\x95!\x11\xf6\tA\x86\xaa\x8fu\x9c_\xdcq\x18\xf7\x90\xf6\xa0\xb4_\x05tXO\xd9\xf8\xa1\x93\x19t\xba)\x89\x87\x0b\xfe\xf8\xfa\x96\xc1\x80\x0cZ\xb7\x83\\z\xf0\xbc\t.\xa2\x1b\xcbi\xb2T\x94\x7f$\xd1\x1c\xfbs\xce\xd7\xa7\xe4\x1a*\xdc\x87\xa3 \x865{\xd2\xcc\xa3\xaeq\xe6\xf237WO\x143\xc7\xe3\x9e\xd7\xe8d\xf7\xdb\x08\xb6\xff\x01\xce\xbf\xb6\xeb\x03\xfa\xa9\r\xce\xbf\xe6\xb5\x85"\xfc\xfe\x82\xafoI\xb9\xc9\xd3\xbf\x0c\xab.\xf3\x9e\xfbh\xb61\xc7@9\x0f[3\xed&lt;\x9c7\xe7\x88\xaax\xfdC\xc47VL\x04{S\x01p.\xe7+\x9a/\xe9D|\xf3\x96\xef4\xc7\x17\xff\xbf[|H\xd8\xfd\xb3\x93fw\xb8G\xc4\x1f4y\x16\x0f\x93\xc7\xda\xe8^\x9c\xb5\xbc\xfaf\xab\xef)qv\x13\xcf5\xe1O\xff\xdc\x0bd\x05\xf9\x13z\xcb\x00\xe6\x8f\x8d\x07\xecT\x98e?\r4"\xe2\xcf&lt;\xf2\xcf\x8e?l\x1a\x1aH*{k\xa7\xe5\xd4\xeac\xf3\xb8\xf1Y$\xfeN)\xff\xf0\xd1 =\xec\xac!\xbb\xd2\xect\xfc\xfeS\x13q9\x8f\x81\x84\x9d\xc4\xa4\xcd\xde\x8b\xf6\xc8\xd4\x17K\x8c\x0c1\xbah9\x16\xf1sO\r\x1a\x9a\x04\x06n\x13#4\x19w\n\xd8J\xdd\n \x87\x88H\xb5\xb3\xeeu\xf1z9`g\xc7\t\xce#\xfb\x1c\x00\xc3\xe9\xbe\xe0\x84\xc6\xe2\xb1\xd1\x92o=\xf1\xb8\xf8\xc1\x07\xff\xf1\xadO\xb8`\xbe\xd2\x1f\xb6\xf7i?z\xa9\xdaa\xee\xea\xf0\xe5\xae\xec\xe6_p\xf3\xe7\xc5k\x8f\x7f\xce\x97\x8f\xfa\xb9\r\x83\xb7\x9f\xa6\x95\xda4\'F\xf1\x8cX\xe90\xf0Si2\xe5\xf7\x9d\xe6U\x9e\x17\xfaO~\x9dl\xa3[\xd7\xb5\x1d\x02\x9a\xb8-\xb4\x0c\x07z\xdf\xe5P\x12\x0cS\x1e\xf0t\x1b\xd5A]\x1f\xca;\xc5\x9ec\xc9\xd7\x10\x9e\xef\xf2\'\x8f\xeax\xfds\xb6\xd0\xa6\nR\x9e\x90&lt;\xe3\x90\x9e\x8f\xa37\xbdC\xd3V\xebI\xe0\xbcU\xa3\xeb&gt;n\xf3|\xf3&amp;o\x1a(\xa5\xbc\t\xde\xdcC\xf8\x9f\xf9\xb4\xb2O\xfe*oq\xfa~5S\xe3\xfd4\x1b\xf1\xd3\xbdC\x02\xeb\xea5\xc9\x99D\xdf\xde^\x94\xf2+\xcf&lt;\xfb\xe6\xa7$\x94}W\x02\\4_\x8a]&lt;\x13\xf6\xac\x00\x8e\x05\xe0\x82%a\xb3\xf2\xdf&gt;\x00\xb8\xe6\xa3Q\x81U&amp;\xc3\x9f\x1b\x13\xc91\xa0rA\xf67w\x8c\xf6\xbdk\x81U*\x805gx\xb6rGc$\xc9\x18j\x03\xb5\x94-\xca\x91\xe4I2\xc5\xeb\xdc!Q\xa5\xf8^W\xc4\x87\xff\xb3\xadU*\x80\xe3\\O\xf2\xec6\xbc\xec\xf9jC[\xb5&amp;4L\xae\x8a8$\xaa\x85RV)\xed\xbe\xee*\x97\xc2g\x99\xdd\x1fS\xad\xf5PJ-\x15\x89\xf1\xf1%\xe9\xa7\x02{\xa9\x08\xe9d\xa4}U[\xa9o\x96#\xef\xb6\xe1n\x99\x1e\x00\xcf\xa9\xb5\xaeu\x86\xc3\xc9\xc5\x16\xfaFQ\xa1\xed\x7fM\x82R\xbf\xe3\xebiS\xe9\xa9\x00\xb8\xd5r\xcd\xb0\xfd\xdd\x12\xa5\xcbV\x11\xc7\x85\xf9\xddR]|k\x9b\x9a\xfe\xe1\x8f\xa8GO~\x0e\xf0\x88\x8fV\xe3m\xbbJ\xcf\xd9y9}zG\xd8\xad\x9f\xf3\xf4g\xd8\x15\x00}\\\xdc\x0b,7.b\x93\x17\xbd]Ca\x93\x8fa\x7f\xde\xd4\xdc\xbc\xdfux\xd7Ii\x82\xedj\x95\x8dN\xf4#\x81=`\xdb\xde\xe7\xd8\x93\xc0\x12\xd0N\x8e\xc7#\x96\x88?\xe8\x1d\x96\xcd\x18\xb7I\xe5x\xcc\xc3\xef\x1a\xe0\xe6\x11\x12\xcdN\x86\xb8#\xfb\x01\x93}\x9d\x83._\xea\xcf?\xfd\tgi\xcc\x0cgO\x03/\xec\xdbosDr{\x7f\xf17Yq\xa0\x18\x8e\x88\xeb\xa1\x9do/\xdb\xb8\xb9\xe0\xd0\xfe\xaf\xb5\x1e~(c~\x8b\xd1\x8d=\x04\xd4]\x97\x96K\xad\xb5\xfc\xd2\x8eY\xe5u&gt;\x1c)O~Z\x82\x8c\xf4eR\xda0\xad\xd7\xd3ui/\xff\xef\xe5p\xb3H\xd3\xa3\xcf\x11\x8a\xed%\x89^n\xe7m50Y\xbe\x18\xf6,\xa0\xe39-\xbd\xc31m\xbf\xf5\xa5o\xce@\xe6\x1b\xe1\xcad\xa6r\xffd\xd4!\xa0Z\xeb\xb4Eo\x1a\xa2ws\xc7\x9e\xeb/\xef\xf1\xe19\xf3\xc3dM\xe6\x83i\xbeQ\xca$s\x1b\xcd\x1dF4\xee\xb4\xedc\xa6\xf9\xbe\xa7\xb5\xd1e\x8a\xaf3\xbc\x96Up\xcb\n\xdf\xaa8&amp;3MR\xce3\xf5\xb8\x95Q\x87\x80J\xab\xe6\xff\xa9\xc6o\xf2\xb4\xc3\xa3\x06h\\luN\x16+\x18 A\xdf\xe0\xb0g\xa1\x94\xaccm\x0fIT\x01\xe4\xacZ\xeb\xd9\xaf\xed\x1e\xda\xf5\x14\xdc\x9b\x1c\xdeT\xbe\xf7\x05\xd7\xc57\x1e\xfd\x97\xc9\xb3\xe4\xe8rV\x00|\xc4\xfbbD\xa3\xa7\xdb\x91\xc3N&amp;\x7f\xf8\xf4\'H\x8a\x0c\'I\x05\x10\x8f\x16\xe5\xdb\x06&gt;\xd1\x10\x10\x8d\xfd\x91\xa73C\xaf.q\xff\xec\xcb\xfd\x1e.\xf2\xe6\x14qWB\xde\xa9\xd6\x1av#\x18\xdb\xa8#\x16\xa7\xc6bG\x95\xe0\xcd%\x99]\xbb;\x18\x7f\xaa\xee\xb1\x181E\\l\xe2\xb0J7\xc9\xdb\x1dH\xda\xed\x14\xd3\xac\x1f\x7f\xc0c\xdf\xfd\xd3\xb3\xf06w*\x91\xd6|M-\x9d\x8e\xcc;\xd8*\xc2\xe7\x19\x02\xb25\xf81\x17\xa3\xec\xfbZ\x87\x82\x0b"\xe2\x9f\xdf\xf87\xbf\x1c\xaf\xdf\xa3?\'\xdf\xed\xec\xcb\n\xd4\xf3\xdfaVn\xe3:\xf8\xd1\xde\x01\xe8\xe5\xae\xdb\x18^\xdf\xdf\xf0ow\x0f\x1c\xcd\xbd\xb9\xa2#\xc9&lt;6{9\xdd\x92\xd1; \xf4qW&amp;W"\xac\xe0[\xfb\xdc\xd4\xa4\xef\x96TD\x18\xd2Z\xd61{\xdf\x9a\x02V\x9e/Y\xcd\xb6\xf3.\xf3\xcc\x01L&amp;\xfdV`J94\xca~\xfdr\x8f\xed\xf6U~\x1f\xb5\xe6nO\x01\xb5\xd6R\xaa~\x00\x0c\xc3`\xde\x04\xae\x8c\xcc\xc6\x9f\xbd\xf5\xb2\xa0\xad\x92\x80\xd4\xb4\x88\r_\xb3Vf7\xb1\xc3\xa2.\x1a\xbb\x94\x13\xbf\xbc\xcc8\x9e\x1d\xd6\xe8\xe0\xc2A\x06\x82\xd2\xae&lt;\xdeD\x83o\xb7\xe1#\x9a\x0e\x01i\x9e|$m\xc4&lt;\xdf\xa8\\k\xe9B\xad\xe5l\xe4\xe7\xd5\x9d\xb7\xad\xe4\x8f\xe4\x89K\xffRZd\xe6\r#\xd0N\xe0\x16N\x9b8\xde\xdd\xb7\xde\xfe\xb4\xe9;\x9cR\xf2\xc3-\x8e\xecE\xd1\xf3j=\xc4\xce\x97\xf8\xa9o\xfe\xbc\xe9A\xe2\xf9K\xff\xe9\xe5\xef\x81\xd1\xda\x95e\x9d\xbf\xdf&gt;4\xf7\x88x\xb6\x10\x9f\xbb\x07p\xdfy.\rM\x17\xd30\xb2e\xf3\xe3\xa9\xf2{8\x06\x92W\x1b\xe7\x81KR\xcd\xa5\x08\xc4\x08\xc4\x92e\xa0\x8d\xdc\xd5-\x9c*U\xd67\xff}\xe2#R\xba\x14\xb8\x9e\xe5\xafB\xedv\x86kT\x00)u\xca\xc3\xbb&gt;\xf5\xe6}\xado\xfff\x9eLzW\xcb\xba_1\x9c&amp;\xbeHO\x05\x90Q\xaf\x86\xc9\x1eO\xbd\xff3\xdf\x9c{8\x92W/\xae\xd3xP\xad\x99\xea\xcc\xde\xae\xc7\xbf\xb1\xb2\xc6\xcb@\x7fv\xe5\xc8&gt;\xa5\xb5\xd5\x8e\xfa9\x15\x8b\xb7|\xe5Z\x93\xde\x88|\xe3\xfb\xba\x1e\xf46/\xbd\xde\xd9\x86X*5\x9e\xcb\x98\xce&amp;\xb6l:;\xf7\xf3;\x9c\xe84\x84u\xbe\xf0\x9b\x85O?p\xfa\xfd\xbe\x93\x03\x1fK\x1b0\x00\x00\x00\x00\x00\x00\x00\x00\x00\x00\x00\x00\x00\x00\x00\x00\x00\x00\x00\x00\x00\x00\x00\x00\x00\x00\x00\x00\x00\x00\x00\x00\x00\x00\x00\x00\x00\x00\x00\x00\x00\x00\x00\x00\x00\x00\x00\x00\x00\x00\x00\x00\x00\x00\x00\x00\x00\x00\x00\x00\x00\x00\x00\x00\x00\x00\x00\x00\x00\x00\x00\x00\x00\x00\x00\x00\x00\x00\x00\xae\xfa\xff\xbb\x8b\xf2\x19\x92kNk\x00\x00\x00\x00IEND\xaeB`\x82']</t>
        </is>
      </c>
      <c r="E576" t="inlineStr">
        <is>
          <t>&lt;class 'numpy.ndarray'&gt;</t>
        </is>
      </c>
    </row>
    <row r="577">
      <c r="A577" s="1" t="n">
        <v>575</v>
      </c>
      <c r="B577" t="inlineStr">
        <is>
          <t>steps_per_sec</t>
        </is>
      </c>
      <c r="C577" t="n">
        <v>8300</v>
      </c>
      <c r="D577" t="inlineStr">
        <is>
          <t>10.11983</t>
        </is>
      </c>
      <c r="E577" t="inlineStr">
        <is>
          <t>&lt;class 'numpy.ndarray'&gt;</t>
        </is>
      </c>
    </row>
    <row r="578">
      <c r="A578" s="1" t="n">
        <v>576</v>
      </c>
      <c r="B578" t="inlineStr">
        <is>
          <t>Loss/object_center</t>
        </is>
      </c>
      <c r="C578" t="n">
        <v>8300</v>
      </c>
      <c r="D578" t="inlineStr">
        <is>
          <t>0.22518003</t>
        </is>
      </c>
      <c r="E578" t="inlineStr">
        <is>
          <t>&lt;class 'numpy.ndarray'&gt;</t>
        </is>
      </c>
    </row>
    <row r="579">
      <c r="A579" s="1" t="n">
        <v>577</v>
      </c>
      <c r="B579" t="inlineStr">
        <is>
          <t>Loss/box/scale</t>
        </is>
      </c>
      <c r="C579" t="n">
        <v>8300</v>
      </c>
      <c r="D579" t="inlineStr">
        <is>
          <t>0.063056566</t>
        </is>
      </c>
      <c r="E579" t="inlineStr">
        <is>
          <t>&lt;class 'numpy.ndarray'&gt;</t>
        </is>
      </c>
    </row>
    <row r="580">
      <c r="A580" s="1" t="n">
        <v>578</v>
      </c>
      <c r="B580" t="inlineStr">
        <is>
          <t>Loss/box/offset</t>
        </is>
      </c>
      <c r="C580" t="n">
        <v>8300</v>
      </c>
      <c r="D580" t="inlineStr">
        <is>
          <t>0.15305221</t>
        </is>
      </c>
      <c r="E580" t="inlineStr">
        <is>
          <t>&lt;class 'numpy.ndarray'&gt;</t>
        </is>
      </c>
    </row>
    <row r="581">
      <c r="A581" s="1" t="n">
        <v>579</v>
      </c>
      <c r="B581" t="inlineStr">
        <is>
          <t>Loss/total_loss</t>
        </is>
      </c>
      <c r="C581" t="n">
        <v>8300</v>
      </c>
      <c r="D581" t="inlineStr">
        <is>
          <t>0.4412888</t>
        </is>
      </c>
      <c r="E581" t="inlineStr">
        <is>
          <t>&lt;class 'numpy.ndarray'&gt;</t>
        </is>
      </c>
    </row>
    <row r="582">
      <c r="A582" s="1" t="n">
        <v>580</v>
      </c>
      <c r="B582" t="inlineStr">
        <is>
          <t>learning_rate</t>
        </is>
      </c>
      <c r="C582" t="n">
        <v>8300</v>
      </c>
      <c r="D582" t="inlineStr">
        <is>
          <t>0.0009995524</t>
        </is>
      </c>
      <c r="E582" t="inlineStr">
        <is>
          <t>&lt;class 'numpy.ndarray'&gt;</t>
        </is>
      </c>
    </row>
    <row r="583">
      <c r="A583" s="1" t="n">
        <v>581</v>
      </c>
      <c r="B583" t="inlineStr">
        <is>
          <t>train_input_images</t>
        </is>
      </c>
      <c r="C583" t="n">
        <v>8300</v>
      </c>
      <c r="D583" t="inlineStr">
        <is>
          <t>[b'512' b'512'
 b'\x89PNG\r\n\x1a\n\x00\x00\x00\rIHDR\x00\x00\x02\x00\x00\x00\x02\x00\x08\x02\x00\x00\x00{\x1aC\xad\x00\x00 \x00IDATx\x9c\xed\x9d_\xe8\xbd\xcfq\xd7\x9f\'\xad\xd4 \x86JK+\xd8Bc\xc4\xb6\x17\xf6Fo\xecE)\x12\xda\x8a\x14,\x11b\xa2\xd8h.\n\x05\xffAm\xc1\xc4\xa8\x01i\xfd\x1b{W\xadF\xa8Z\xb1h\x05\x11!\xd8\x82Rj\xa8\xf5J\xbc\x91\x9ahnT\x14\x82\xb55ZK\xbb^\x9c\xcf\xe7\xf9&lt;g\xff\xce\xee\xce\xcc\xce\xee\xbe_\x90_&gt;\xdfs\x9e\x9d\x9d\x9d\x9d\x9d\xdd\x9d\xdds\xceq\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H\xe3^Q\xae\xd1{\xc5\xfb#,\x92\xfa\xbb\xa8|X\xd7\x93\x84/\x8bW\x1a\x95\xfc\x9d1\r\xb9L\x97\x91\x93j\xe3\xe3\xc5\xa2\x02\xeeF\xa7\x92\x00\x80\xa5\xc8\x87\x06\xd1\xa8\xa1\x13\x95R\x13\x80\xfb\xab\xf1\x07\xe2B\xae?~\xa2 \xbfX{\xaaT\xbe\x17\x8a\x1aR@\xf8\xdf\x16\xe3s\xbfq\xf5\xd6\xc4\xbd\xfe\x97\xb2\x84\xac\x10\x9b\x08yU\xd0W\xb5\x9d\x15=\xc9\x8c\x89\nW\xd9\xf9\x06\xb24?\x94\x80\xf1\x01z\xc0\xee\x0f\x1c\xce}\xb8\xb5\xe0`\xe7\t\xeb\x97\xde\x97\x84u\xb5\x05z\xa2\x9e\xc3-\x0c\x96\x07&gt;\x06\n)\x9db.&gt;|ra\xee\xb6\xca\xef6(&amp;\x95POH2\xf0\x80\xa9\xc1^\xac\xe7\xf0=Y\xac\xa2\x04\x9c\xaf.\x0c\xfa\x15l\x81P\xb2~,m\x81Y\xb9Q\xc6m\x08\x00\xd8\x9a!)\x0e9\x0cjlP%\x00\xc0.\xf0\xc6qFi.\xfb\xcfF\x99\x13NZk\x83\x1e\x01:\xc0\xd3\xe2t\xdaE\xcd\xac\xe8?\x00\x00X\x13\x9c\xa6\x02\x00\x00?=\x81U3(c\x02\x90\x006\x05\x00,\xc8\xb7\x8dV\x00\xec\x03\x16\'`2L\x9d\xee\x92\xbeu\xc7\xd8 \xb3\xa5\r\x00\x00\xec\x80\x91\x99@\xf3\xa3\xbcF\x9a\xac\xc0&gt;-\x05@\x87s\xb4\x02z8\xe7\x8e\xf3\x8cn\xc8\xcf\x93\xdf\x0e\xce9\t\xb1\x00\x00\xc0\x85`\x84zD@\xde8\xd8&amp;\xadj\xe5\x88\xa8\r\x00\xd8\x04\xe6`w\x05\xe8G\xcc\x1d\x1bL\xbb2\x06\x98\x07\x00`\x02\xbba\xb3\xbc\x83Q\x96\xd7\xcd\xf7\x99@\x9f\xdez\xf1\xd9\x02\x00\xc0\xea4N\xcb\x96\xa7t\xf6\xc0m\xb6\xa5[a\xd9\xe5@\x06t\x9ce\xda;&amp;\xd5\xafn\xdc\xc9\xb2\xdc\x9a}[\x0f\xc6\xe8\x05`aZR@\x8f\xaf^H\xc5\x85a\xd1\xff\xffH\n\xb7\x9d\x0e\xc2\xcc\x07\x00h\xe0\x8bG+\xc0\x83x\x80\xb6\x1d\x07\x11\xa6\xa7\x00\xdb)`\x8d\x96\x1d\xc0\x8eNlz\x030\x1e\xdb\x1b$+\xec8p\x80m\x1ao\x01\xc5\xb3\xff\xe4\x1f\x07\xe6E\xa5\xba\x1dC\x1c\xbd\xcd{F6\xe3\x89A\x00\x8aTO\x00\x19\xa7\x7f|\xec\xeb\xd0]\xe9\xb0\x0e\xc2\xf38\xcfd0\xdbo\xb4\xeb\x87\xf5\xda\xdfU\x1e\x0bV\xf4`v\xaa\'\x80\xbc\xd3+\x0f\t\xbe\xd0\xf0\x9f\x8f\xf3&lt;\xce\xe3&lt;\x8e\xf38\xce\xf3|\xd7y\x1e\xc7/\x86\xd5\x19\rE\xab\x10\xf5\x9f5\xe2,|\x07\x18\x84\xf3\x83`\xd3\xf2\x89\xe3|\xb7\x17c~\xe18\x8e\xf3\xd7\x1f\xe7\xe9_k\xc20\x1e\xc1\\\xd13\xaa\xeb\xb5?\x06\xc0\x0e\x13\xaf\xad\xb8\x93?\xd7_\xcf\xb5\x1cA\xd0_cE\n\x08\xe0\xde\xce\x8c&lt;\xbe\xf5\x11P\xc0\x0e\xe0\x81;\xdcW\x1d\xee8\x9c\xbf|;\xaf\xff\xbc=\xeb\x9c\xfb\x84\x9af\x80\x85\x86\xc5\x02\xa2\xff\xa4\xa0\xd3\xd6\xc7\xf1s8\xf7&gt;\xe7\x9cs\x9f\xf2\x82\x85\x8bV7\xa6\xdd\x00L\t\x06\x8cMx\xe6J\xfd\xb5\x92@\x04~\xe8\x7f\x13\xfb\xda\xa4H\x16\xe8@"h/\x14&lt;\\\xa8\n\xecc@\x06\x9e\x14\xd0\n\x1ev\x1e~\x9e\xc0\xbd\xcc\t\xff\xf1\xf5\xed\xe7w\xb1\xa4\xd9\x08\x05\x0f\x17\xaab\x85\xb1\t\xc4\xc0\x19\xc0q\x1c\xa9Q\xe2~\xf58\xbe\xee8~\xcb\x11\xdf)\xfd\x05a\xa5\x00\x00`_Rkl\x8e\x84\xff\x8b\xfc{&gt;\xdf\xb9x\xae\xdf\xfd\xad\xc4[\xce\xbdW\xc7\x10\x00\x80\x048\x8f\x13\xc4\xa6i;\x02\xff\xbf\xf3\'\x80\x7f\xfd\xd6\xc6\xf8ao\x81aF\x00`.0Z\x0c\x92L\x01}\xdf\xe3\xffV\xeb\xb3\xdf\xf6\xf2\xff\x8f\xaf\xac8\x8e\xe3\x1b\x8f\xc3\x1d\xeeq\xfb\xb3\xa5\xad\x8b\xd9\x07\x00)p\x1aa\x90B\x97\xa4&gt;R\xe1\x86\xfe\xe4/\xc3R\xe2\x93\xe7\xf9\xe1WiG\xd7&lt;w\xfd\xf2%\xfc\x1b\x88\x02\x1f\x03\xec\x14\'\x80\x88\xcf\x8d\x8d\xfe\x07\xcb\x04p\xd3\xde\xdd\xfe\xd7\'\t\x00\xa0\xc1=.a^\xec\xa1p\x0b\x88\xf2\xe5\\n\xf2\xec\x1e|\x07\x00\xe3x\x11\xe6\x1e\x82\x84\xa2\xff\xd41\x8d\x0e\xc3\xef\x01\x9c\xc7|\x1f\xbe\xbe\xab\xeb\x9cC*\x1f\x00\xcb`\x8d/\x04\xd3\x07\xc1X\xa4hp\x1e\xe7\xf9\x15\xe7y\x1c\xc7\xbf8\x8e\x03\x81\x1f\x00\xb01\x8b\xfc&amp;0\x953\xfc\xc2\x07\x00\xb6\xc6).\xe0&amp;\xca\xd7\xcf\xa2g\'\x9b}\x12\xd8\xb9\xc7\x8d\xcf\xe0k\xfe\xd9\xc4\x0bH\x05\xa0\x9d\xa2Oj\xc69\xae\xa8\x8a\x81\xc6\xc5\x94\xb3\\_\xf7\xbf8\xe1\xcb\xc5\x9f\xe7\xd3\x80FY\x13\x82\xefL\x07,8w\xff5\r\xe9\xba\xa6\xd9@\xcc\x02u\x07`j\xcamw\x82\xf35\xfa\xbb\x97\xff\x1d\x9f~}+\xde\xc0e\xbd\r\xe3\x08\xb0pjE\xffc\xe6\xf5\x96YvL\x01\xbd\xf1#\xe7\xf1;_\xbe\x03(\xf2\xf0c\xb6\xf8`\xda\xe7\xe0\x8e\xc0\x1e\xa6\xd6j\xc08\xb3\x86\xb0./\x7f\x04\xee/9\x8e_z\x91u\x7f\xcf\xfb\r\xb0\xe4\xe7\x84c\xab\x91\xe1\x1f\x91\x03\x00\x00:\xb3\xee\x00\xea\x82\xec\x9f8\x8f\xf3&lt;\x8e\xaf|\x94\xfc\x9f\xc7q8w\xfc_\xe7\xaf\xfd\xcf\xf3\x11\xff\xcb\xd1?\xf1\xfay\x9e\x88\xfe\xab\x82\x955X\x8f\x89\xa3U\xcd\x80\x8c\xe5)\xdf\x8a\x7f\xf1q\xfeJ\xec\xfd_s\x1c\xff/#\x13\xa1\x1e\x0005\xb3\xee\x00\x8e\xba\x00\x1c,\xf6\x9f\xe6\x8e\x1f\x89\x14\xf8\xfe#\x1b\xfd\x91\xff\x07\x00\x80\xa1\xd4\x7f}\xff\xcbw\xf8;\xf7Y\xef+\xfd\xef_\x07\xe1\xbe\xa7,\x99\xb5\x15\x8c\xc2RU }\x01\x00\xf0\x99\xfb\x93\xc0\xe7y\xb6\x846\xaf\xc8M\xc4\xeb\xcf\x00\xffd\xb1\xde\xeaJs\xd2\x18\x85\xa5\xaa\xc0\x86\x05\x00\xe0\xb3B\\P^\xde"\x98\x02\x00\xd6\x80\xed\x0c\xc0\xb9\xcfp\x89\xaaE5"\x93\xebB\xd6ey\xd0\xc5`v\xd8&amp;\x80\xf3|\x0f\x97\xa8\xa6\xdaU\xe6\x80\x9aj\x1aTj\x0e(\x94\x82\x08V\xecL\xb4\x17t\xee\x87F\xabP\x81\xda\xcc\x9a\xaah\x9f\xa9\xbd\xdd\x835\xbfD\x90\x88H\xb7\x9d\xe7\xe3\xe3\x00\x13\x8dv\x00\x00\x05|\xb9P|\x07@\x89\xa4\x06\xcd\xc6\xfb9\xac\xf3\x12w\xce\xb4\xd6\x03 \xc5\xf7\x8cV\x00Xc\xc1\xb8\xe6:~\xe0\xf7\x0e\x82&gt;\x88\x82e#X\x86\x8a3\x80p[\xe0\xb8b-+\xa7\xfc\x82}\xbd\x14\xe1z-\x92c\x8d\xe8\x8f\x1e\xa7\xb0\xbc\x95Vp\xe5\x0c\xcd\xfd\xb7\xc6 \x07\x00\x80\x0c\x13\x7f\x15\x04\x85\xf3\x06\xa9\xc0\xbf\xafy\x18\x80\xbdY~\x81\x0cd\x19\xe8@\xec\xdf\xe8\x00\x00\x00\x00\x00\x00&amp;c\xcf\xe5\xe0\xe2) \x00\x8e]\xc76\x00\x00lA&gt;\xc4c\x02\x00\x00\x80e\x11\xfd\x16\r0)X\x16\x00\x00\xc0\xa6 \xc4\xdb\x02\xbd\x01\x00\x00+\x80\xd9\x15( \xe1f6]\xd7\xa6V`m\xba&gt;\xf1\xe4\x9c3\xf5\x91\xd9\xfb\x10\xb2\xa4\x17\x00\xc0\x16\x06\xbf\xccx\x08\x8b\x18\xe1i\xf5t\x9e\xd7\x97\xdfc\x1a\x00`a\xda\xbe\x98\x0f\xd1\xffbz;\xb8\xe3\xc8\x84{|q#\x00\x00\xa4\x98\xff\x83`\xd9\xc5~\xe3\xaf\xc6\x03n\xd0\t\xdbbp\x00\x1aTi\x14\xf3O\x00\xaf\\]\x1av.\xba{8\xd8\x86m\x8b\xc1-\xb8A\x95F\x91\xfaE0jyCs\xe9\xdb\x97\xbb\xb9\xfbk\xde+\x00\x80U1\x14\x8e&amp;!\xb5\x03\x98\xc3\x8e\x9e\x96/?\xe0\xa8;\xbd\xcfa)\xf0\nb\xc4\xc2\x08\x8d\xfd\x85}&amp;&gt;\x01\xd0\xed8v3\xe5\xd5\xed\xdc\x88\xae\xba\xd5\xe8\x96\xf6\x955\x98z\xfb\x0f\xef\x8a"\xfd\xd5\xeeS\xfbL\x1e\x8d3\x005\xafU\xf81\xc8(o\r\xc4\xf8\x04@\x1d\xfc\x88S3\xf3\x1f\x02\xbfv|\xea\x16\x90\xa6\x0e\x00\x88\x820\xc7\x08\xb6S\x8b\xe0^\x89\xbeu\x08\xf7\xb4)\'\xfa\xef\xa3\x15\x00\n r\x01\xf0\x84\xbbM\x03\x8f\xa9\xe0&gt;%l8`\xf6k\xf1xt\xdc,\\\xebl\xe8\xdeE`\x93Mq\xc6\x96\xe4k\x83a\xa6\xc3&amp;v\x16j\xe6&amp;\xd6\xd3\x00\x96\x04 \x03b\rX\x19\xe9\xebV\xc3\x99\xb7qk\xf7\x0b\x00\xc0\x04f\x03\x8dY\xc5\xdaX|\xa6\x05\xfb\xf1\xb9\xd1\n\x00P\xc6H\xd8E\xfc\x07\x00H\xc3|\xad\x18_\xbf\x0c\x00\xef(XuLE\x978K\xb6\xd42{\x99[m,\xe1\x17\'\x00\x0b\xab:\xd2[\xf4\x7f\x1d\x90\xf89\xbf\t\x98=/1\xbb\xfe`\n\xe0f\x19\x9e?\xae\x93|@Y\xabm\xc1L\xbb&amp;\x9ay\x83\xfb\x8f\xb2]\x0c_\xc4\xad\x9a9\x99\x1a\xef\xa7[\xa3\xdd\xf3\xf8\xf0~\xfa}\xc0\xc9\xfc\xdf\x05T\tqq1|\x15\xd2Y\xbd^\xf4w\xee\xfe\xa3l\xe7y&gt;\xbe\x19i\xf8"n\x81\xf01\xdc\x86\xbc\xf8_\xde~\xbd\xfe\xa1\xf8\x1bk\xb5\xde(F\x07\xc9\xf0\xe5\xdbc\xec\r\xd4\x81\xd1\x02\xa2\xc6\xf4\x82\xd4\xa3\xa2\xc7\x9e\x80^\xa9\xea~e\xb4kmK\xe8*W_&lt;\xfex}\xe0\xbc&amp;\x0b\xf4\x944Fw\x00\xdf2\xba\xe3\x87{\x1e\xaf\x02R\x1f\xb2\x7f\xfe\xe75\x98\x8f\xca\xef\xe0c\xb7v\xa6\xea\xe1=\x0b\x1e8\xf7\xf6\x93\xdd\xcf?\xe5\x14\xfe\xa2\x1f\x90\x02\x83\xc1\x04\n\x8bt\x8a\xfc\x065\xc2\xcb\x1b\xe1\x05\x0f;\\+L\xa0O*\x9a_nb\xf30im\x8c\xee\x00v\xa3\xd9\xcb)W&amp;\xe8?\x97Q\x1f\xfd\x19\x84\xa8r;\xb1\x00F\xb8\x1c\xd8\xb0\xdf,\x0b&amp;\x80\x16\xec\xecL\x89\xc1]Ha\xaf\xe6\xfb\xda\xff09\x9e\xf7\xf9\xe9\xa8i.S\xde\xba#Tx\x93\xce\x1a\x08&amp;\x80\x16\xfa\xfd\x92~\x19\xa9\xb3\xa2\x07\xda\x03\t\x07\xad\xa3\xb9\xa6:\xe7\xben\xb4.Y\x9e\xcf\x81\x8f\x9d&amp;i\xb0#\x8c\xab2#\xab&lt;\xe7!T\x8b\x8c\xd8\xe5\xb1c7\xdfO\xd2\x1e\xc3\xe8JUB\xbe\xb7\xbf\xbe\xd9\xc0L;7v.5\xda\xd1\x04\xdc1\xd5/\x94$\xcf\xfd(\xd8\x8e\xe6\xabR\xb0\xef\xf0\xeb\xf0\xa6X\xf5\x8bY\x00\xd0\xa18\x01\\\xd1\x1f1G\x07\x91\xab\x81\xec\x12\x00\x00k\x10\xcb\xc9\x9c\xf7\xef~\xc02K\x13\x98\xda\x16SL\x96\xd8\x17\x82f\x8a\x9f\x06\x00`_2gV\x16\xce{\x01#{v\xe8\x9e\xad\x06I\xe0\x10\x00\x00\x00\xb4\x91\x9by\xdaf\xb5\xfc\xd5\xb7*\x99\x98V\xd5\xf8Bk\xc1\xb1}4\xb0v;\xce\xe9\xddF\xb5\xa2\x16\x00\x96i\x18\xc0?\xd6Q\x97\x9dx1)w\x03Z0\xa5\x85\x0e\x8d~\xd2\xc0\xb1~\x04\x01\x00\xd0\xc8\x0e#p\xd56\xdaoW&gt;\xc6c\x02\x00`0\x18\x81\xe0\x90q\x03J|\xdfg\x17\x80\xef\x02\x02\x16\xc1\xa5\xc0)p\xc2\xbf\xdb%\xfdC\x11\x85;\xa9\x1bL\x01\x98\x00\x00\x10\xe4\n1K.(\xcf\xe0\x1ba\x89\x08Y#/4\x88\xfe\xe5\tf\xc9^\xbb\x93\x9c\x00\xdc\x06\x8d\x07\xb5\xe8;\xc4\xecNx\x85\x98\xf5\xf64=]#a\r\xe7\x1c]\xa8\xbb\xfe\x13\x089\xe6\xf7::\xe9\x1d\xc06&amp;\xe8d\xdela\x83\xda=\xa3\xb6\xaa2\xa9\xaf\x14U\xff\x82\xc9\x85\xb16\xa5\xd5\xe9\xf3\x08\xf4\xf1w6\xea\xdf\xbdR@\xee\xe7\xf8e.\xf9\xf5\xe5\x12c\xa0\xcaFB\x06e\xe9\xa9\x81\xdd\xfd\xe8\x15\x9b\x11j\xca\x95\x903jL5\x92\xae\x8c\xef{\xd1D\xe7+\x80\xa6\xf8\xa2!0\x17.\xf8E\x97\xfc\x93\x03\x9d0\xfa]\xa4\xce=\x1dcP\xbe\xb0z%L\xb7\r\x01\x0b\xec\x8c\xfd\xef\xc5\xac\x1a\xa1\xc3\x87\xb3\x17\xdc#?Ep\x9b\xcc2\x8f\xadD&lt;\x05\xe4F\x7fb\xf0\xb1\x9b\\\xdb\xf4\x00\xe4i\xf3~\xcdT\x8c\xffm\xfe\xd9z\xed\x0f\xe7\xf3&lt;\x83\x06X\xd7\xb9\x93\xf8\x04p&gt;\xb7[?M6$\xaf\xbey6P\x81y\xbf\xeb\x94\xa8\x9e\x91V\x8c\n\xb5\xc6C\xfc\x93z\tU\x83WMt\xa8\x1c\xa6;\x0c\x0cd\xf8\x86\x1ddx\x9bi\x82NB\xc7e\xa0\xfc\xde\xe4&gt;\xf9\x9f\x02\xe1rf\xb7K\xb2@\x9a\xf5&lt;I\xadE\x03\xbf\xb6l\x81\x08\xe0\x12\xe6s.\xf5\xce\x9a\x8c\xbf\x05\x84\xebF\x0b`v\xd5\x99?GM\xa9m\xff\xf4\xf5\xc8\xfe|\xae\xd9\xee\xb0\xc6\xec\x87\x16\xe3\xd9d\x9e\xb4\x0f:\xc2&amp;\xc3W\xe8\\\n\xac\xea`\xee\x99\xd1\xeaXB\xc2\x1c\x9fa\x97\x18\xb0C\x1f\xba\x0f\x90\x9f\x84O\x9bA\xbf/\xe6\nj\xd3(\xba\tw\xcfa\xec\x9b\x89&lt;\x12\xb4A\xbd3#\xad\x87\x0c\xd390\xdf&amp;\x80EL\xb1\x96\x99&amp;\xad\xc5I\xf5\x04\xfa\x07\x00Q\x82\xaf\xae,\x8c\xb9/\xa4\x03\xf4\xf5z\x7f`\xc5\xc0\x07\xcc\x0c\xbb\xc9\xa0_e7\xd2\x86j\x90?\xfbbmr\xf5\xc7\xf0\x18\xb1D\xcb\xd9\xf4\x10\x9bZYG\xc2f\r\x13\xc0W\n\xa8\xa1IC\x93m^\xc05\xa2\x8f\x115\x06\xf2;\xd2o\xb1\x18\x87}\x8df\xa1\xc3,\xe8\x00L\xb3\x9b\x8b \x92\xf6`\xcaz\x972H\xa9\x03+\xc0\x11/\x86\x9bb\xc3l\x8f4\x12\xf6i\x96\xc9\x90\xeeGw\x03\xc0\x8b\xfe\x98\xcaW\x88An\x9c\x81\x1dT\xacZ\x7fo\x01g\x05-L\x11\xe6j?\x8a2\xb6Qj\xb5O\xd1w\xab\x927~\xf2\x8a \xba\x0c\x00\n\x7f\xbe\xa3l\xed5A0\x17\x1d\xc9\x1f^E4\xb0\xe6\xbd\xd6\xf4Y\x90\x8f\x8dV`,\xec\xfe\xb5\x9b\xc7b\x88\x0e\'\xec\x02z\x97Tu\x9eCwO\x01:)\n\xcc\xb2\x15\xd6\xba\xdb\xb9\xaf\x1f\xadB#\xd6,\xb9/\xe8\t\x00.\xda2\xe33r\xbfK:V\x93(&amp;\x95\x02`4\xde\x97A\xda\x1c\xbd \x85\xd0\xe9N\x83\x98\xda\t\x80\xf8\xfc\xc0\xbb\xad\x07\xae\x12\xd5\xb2[\xf8\x90k\xaf\xe6\xcd\x19\xf7\xf4O8\xfdL\x14\xa3g\xf4\xed\xe2L\x9fy7\xfa\x16E`\x9bK\xdb\t)\x94\xab\xae:\x9a\x80\xf5\x91^\x8a\xc3Y\x97\xa4\xf3[@\xae0\x9d\x89\xd7m\x9f\n\xccH\x9b"K\x86\xad\xb18\xb00;\xb5\xeb\xb8\x19Y\xa6!\\\xb4\x05\xee{\xe8\xa7&lt;\\+\xbcA%\n\xb7&lt;\xd2\xd72\x8a\x05"\xcc\xd21\xb3\xe8Y\xc5\x02\x8d\x9a\xbe\x01\xf3PNw\xb0Jcg\x01o\x9f\x9e|\x1f\xfcK-5@\x15[\x9d\x03\x0f\xf8\xb2\x8dp\xed\xfcK\xda:\x00 \xc2&gt;\x81\x03l\xc8\xa4\xee=Jm\xc6zS\x8b\x92\x86\n&amp;\xedD\x90\x04=\xaa\x00\x8c\xbc&lt;\xa9\xbb=C\xea\r\x1f\xd0\xf1?\xf89\x00-X\x1e9\x16t[\xe0\xba\xb0\x10\xfdw+\xcb\x0f\xfco\x06ef\xb73\xb0\x82\xe6\x05\x7f\xea\x93\xa2z\x8cFs\t9\x17c\x83Z\x85\x7f\xb6~\x80\xa0\xf6@+;\x014\xa8\x00\x00\x00\xcf\xcc\x12I(\xa1S\'G\x84\xd5\xf74\xb8g\xc2w\x87h5\x110Q\x1eXg\x08\\n9\xfb\x87\x817\xe7\x1d=\x85\xd1\x8b\x19.\xe3\x9c\xe79V\x13\xe3\xe4\xad\xb3\xb9\x8f9\xe7~VF2\xc5-\x89+\xf5\x89\xfa\xe8\xf6)\xb3it\x06e\xb0\xa9\xa4\x03;Ua\xdf\xaf\\\xf0\xf5\x7fl\x92i)#\xce\x1a\xb9\x04\xa5\xe4\x9b\xefMC \xaa\x82\x07=^\x00\x07"\xa2`\xa8\x86\xe1\xac\x7fl \x1as\x10\xd0\xa8\x8c\xb2\x933\xdfI\xa6\x95\x93\xc1x\x8f\x84,\xf0Q)\t\xe8gx\\7m\x9ae\xea\x80\x15n/0_\'\x9d\x06T\xb3\xff\\#Eg`\xcfe\x13:\xde\xd6\xff\xe9\xef\x11\xfa\xd0\xc9\xa8\xb7jg\x89 }\x9fw\x08\x13\xa9:\x96\xd1w\xc9\x07V\xbe\x02\xbcA\x10\xa3fw\x96&lt;\tX\xad=\xaf\xcc\xd5.\xfbnETp\xbd\x01r\xe1m\x05\xaeh\xc0\x9e\xf7\xfft\x93J\x85\'+u\xb8\xfe\xb8jX\xb6_kY\xd8\xc5\xa7\x06\xfdb\x01\xb9E\xd2C\xf0\xc0^\x0e\xd3A\x12\xca\xe4\xc5\x86\xb3\x8e\x9aA0\xbe^\x18n\x88\xbc\x7fhjB\xc1\x9eF\x05\x0c\xda\xf00\xa0\xd5\xbc\xc7\x9bwz\xd4\x9b"\x01`]?\xd0O\xd5\xb1\xc4\xb0+L&amp;\x87JJ\xa9\xa8\xb66\x9b0/\x0b\xd8s\xc8\x1c\xc0[\xdf\x02\xbd\xb0;\xc6\xbb\xf0\xb1O\xb7\xad\xe3\x0b3\xe887\n~PU\xc3\x10\xbf\xd4\x9f6\xe0\xd8\x1aL\xb1%\x9c\x85\xbb\x1d\xc7\xa6z\xadq\x19\xc2\xa6\xbf\x15U\xb2\xa6\xb3\xa3}\x7f\xaa5\xb5ki&gt;$\x98\xbd\xe1J\xd8\x1c\x8d\x0b\xb3\xad\xad\x9f\xaed\x8cU\xc5\x12\x9d\xc6\xd0?D\xa5\xe3\x82?^\xfeiO\xd5\x95\xa8\xfb2\xb8\xf3&lt;\x07~\xb5\x99\x9c+\xd8u2|\x07C\xe9\xdb\xe26\xa3`\x8c\xf4y\xcf\xb7_\x17i$\xeeqV\x11\xd6\xec\x9c\xbb\x1a\xe6\xb5P3\xe0\xd8\x8d\x03b`p\x01\xd0\x8bsN5NU\x8e\xdbl\\\xe3Q\\\xd9\x02\xa2\xac\xd4\x96"\xbb\xb4\x13\x80;\x8f\x98\xb8\xfc8\x7f,\xf5\xbd\x17\xcf\xf3\xbc\xbf\xfe0\x82\xa6Aj\'\xb0\x96*8\x82\xf8V3A\x01\xb9\xcf\xb9\xf4\x97\xc5\xc9\xc4\x1d\x95+(\xc3&gt;\x93\xc1(}"\x9fiV\xd4\xdd\xc8&lt;\xf0\xfc\xca?\x9f\xc82\xbcl\xda\xec(w\xcf\x08\\$\xeeO\xdb\xfa\xcdz\xdc\xbb2\xda\xab\x99\x80"\xa4\x12;\x9a\x9av-tZ\x8b\xa7\xa2\xbf{\xfe{\xcf\xf5S\xd8\xe4=\xed\x90&lt;\x04\xf6\xce{\xef\xd7\xf2\x84Uj\xc1\xa6V\xbcH4\x91b\xb7\xe8&amp;8\xb55~\xf2\x19\xc3\x9d\xe2\x9c\x9bes\x7f6ef\x9e\x8c\xff\\\xfcLO*\xd1\xb0\xe8\xfdm\xb9[\xe9dL\xbaF\x03\x89\x90n\x01\x9d\xe7y\xcf\x18\xa6\xee\x02\t\xe5\xcb\xd8\xfb\x83.\xcf\x94+\xf0Z7\xdf\xb4bWR\x16KS\xe4Ok{x\xb8K\xb4l\xbe\xd3\xdb\xb5\x86+7Stk\x1b\xe7y\x0e\xef_\xbbT\x99\xc6\x8e\x15\xd1\xa1\x19X\xce`\x86(`v\xa0F3\t\xa2\xba\xa6\xa6\x84\'R\x0fl\x96\xfa(\xb6t\x1fS&lt;(\xec\x00\xee\xe6\xc8o\x9a&lt;\xc3-\xbbH8\x8ec!/i^\xcd\xc9Y\x80(\xd9\xc2:\xd4K\x89\xb8\xd7\x8b4\x9eno\xd7\xef\xb3\xe7\xb1\xcd\x90L\x91&gt;\xb4yl-\xd9\xbbs\xf8\xda"J\xd1V\x16\xfcJ\x93\xba\x0f\x82E1\x1e\r\xc3\x0e5\xae\xf0,\\C\xa5\xc7\x9e\x91M\xf7&lt;#\xd0S&gt;\x8c\x1d/\xe1\xbet\xde\xe8\x9e\xdfb\xd73*\xfa\xa1\xedy\x9e\xc7\xdf;\x0e\x81\x15[\xc4\x1a\x95e\x19M\xe1\xdc7p\x89\x02&gt;\xd3\x1d\rM\xa4*\x10E\xd4\x13\x9c\xbf\xee/feZ+\xca^\xf1\x8cVy/\xd1|\xcb\xa8V\x9f~\xde+$wcx&amp;~g\xf5\x13\x13\n\x1f9\x11\xe5a\xd8\xd7m\xfaH\x1d\x86U?-~R4v\xc0\xc8b\xd8\x94{D\x02\xf1k}\xf7q\xc1&gt;F\xaeT\x18\xafL\t\'\x9c=&gt;\xf4\x13O\x01E\x8f\x8c\xae?\xdco\xf7\xdfe\xefl.Q\xf3\xf6\xee\xc3\x04\xaf\xfb\xf4\x9a\x82\x02\xeb\xaf6\x99\xd8i\xddq\x82\xf9e\xaa\x9d\xcf\xcb\xaf\xae\x92\xb4\xa2\x99MF\xa4\x96\xd8\xf5\xf1NX&gt;\xd6\x1b\x11\xdb)ta&lt;{\xe57\xad\xcaC}\x87\xc8b\xad\x8d\r\xfa\xe4\x1d\xc6Z\x03\xa34+\x19M\xbf8\xf79\xe7\xca\x9f\xcee$\x93~\x8a*\x91\xd2\xaaj\x02\xb8^w\xff\xa6\xbf\x05\x9c\x841m\x94&amp;v\xc8]\xec\xf1/3$va\xfa)\x82h\x8d\xdeF\xf8q.a!w1$\x85\x920\x91\x15M\x94\x95\xe9\xac\x8bX\xfc\xfeX,\xb8&lt;&gt;N\xe3\xe7\x85\x1a4\xa9J\t\x16\xc3\\\xf8\xd9\xbd\xa8\xe7\x1c\xafY,\x0bc\np\xb1N_\x86\xa3\xc2\x9f\x12\xe0\xbb2\xe8\x18\xf61\xa3\xb7\xe5\x02\xfa5\xa4Kp\x0f\xb7K\xa4\xfb_Z\xf1\xfc"\xaf\x02I\xadb\x84\x8b\xbc*\xad,@\xcf\xe3#\x02\x84$\xaf\x81\x16\x17\x0e\xe5\x07Z\xf4i\'\xecY\xef\x95\xa9\xfb\x9e\xb8]\xfd\x98\xb4\x1e1t\x0c\xfb\xf8F\x84\xe6\x9a\xfa\xf7\xfb\xf7c\xb0\xccc\x0f%\x0bWB?_\xdd\x8e\xaaO\xe1\x84\x0f\xf8\xc5\xd3\x1f\xe6Om\xd7\xa8\x8arS\xae\x9a\xac\xdb\xd4\x11\x00\xcc\x81\xfeq\x08ov&gt;\xfe&lt;\x9f\xa8!\xb0(Ym\xb4H\xe2\xfd\xb8\xfejS)\x9ds\xef\x95 Q\x8a\x85)\x1clM,\x18~\x96\xee\xef\xd13Zr\x96\x86\xcf\x02q\xfd\xde"9[i0\x05\x1cN\xe6\xc7\x9f\xbf\x8a\xa0R\xff\xb6\x9eR\xd0\xfd\xa56\x19z\xbc\xcd\xc7\xc5\'\x15\xb41\x0b\x8b7\xf4\xeb\x80P\x08X\x88^n\xeeqrJ\x10\x89\xce\x01\xfa\\\xfb\x8f\xaa"\xcb\x0c\xbd\xb0!\xce}u\xf6\xf9\x9f\x92Tg\x12\x8a\x89E5M\xc0\x1d\x9b\x96\xe7\xd2\xe9\x9e!q\xaf_W)\xd4\xe0\x9e\x0f\xc1*\xf7\xc1\x90,VTB\xad\x08\xefy\x0b\xcbJ\xc0\x00\xfa\xc3\x14\xc3\xbbcvoh9J\x91\xd0#S\x1dK~f\xb4\x9f4\xc3\x9f\xbbs\xff\x80W\xe0:\xc8y\xc9\xb4\xee\xb7&gt;\rY\x02\xb3t\x1d\xc9\xfc5FE\xe6\xa3\xb8\xef\xe7M\xf0\x16k\x1c\x8be\xdd\x04i&gt;,\x1a\xd2\xa3\x9bv\x12H\xb3\xc6\x9aw8=)\xb2\xba\x8a\xb4\xfa\x08\xce@B\xc7L?\xacP\x87y4/\xa5HTg\x81\xc8\x11\x9f\xbe\x0e\xe1+\xe6Mm_\xc3"\x0b4a)\xf4w\x00\x1bz@~\xfb\xc5.\x96\x11\xb3\x9d\xa5p\xe1eT\xcb\x1bv\xf3.\xfbn\x95p\xc6R\xbc\x8c\xd7\xc02\x16z\x08L\x8a\xbe\xf3\xf0\\nyMog\xa4\r\xbe\xcb\x19CB\x17;\r\x94X\xd3\xd8i\x9d]b\xd7fIV\xd3\x1f\x1e\xca\xbd9\xd0{\x18k\xb6\x16\xc5:a\x98\x00Z\xabc4"}\x88E_\xff\x12&gt;M\x14X\xc7\xf9\xc0\x85\xb9\xd5Q\x00\xcbR\x91E\x93\xe1USd\xc9%\xf4\x0c\xbaI\x9bB3nw\x0cV*\x9e\x7fkKU\xb1\xeb1\x0b\x13\xed\x00\x0c\xd2\xd0~\x8a\xd1v7\xab0\xdb\xfam\xcf4\xcf\xf5\xf1\xb4M\xe6\xd1\x15\xa0\x1f\n]\x7fOd\xebQ\xaa\xf2\xde\xad\xae\x92v\x7f\x96\xd2\xb9\xb3\xcc\xf1\x13\xa8\xb8\x07\xe1\'\x81\xbd(\xe1e\x0e\xfa\xcfY\xe8\xbb[\xe2\xc3\xa0\x85\xfe\t\xa0\xbd\xa0\x98dS\xc8o\xccg\xbd\xe3\x01\x8apE\xc0\x81\x97\xc7\xd8\xab\x86\xe3&gt;av${\x8a\xcd\x95?\x99e\x05\xfd`"U\x07\xa2\xf6\x81\xa9\xe38\x9c\xfb\xe3M\xa5\x92\xf7aB\x87\xb4\xd9\xe9\x89&amp;\xfci}Mv\xa1\xfb\x0e\x96\xd4\xda_ze*:\x00FM\x00\x99Jk\x15\xb2\x19 z\xa8m\xd1z\x16\x00\x80\x1f\xd2\xda\xbc~,\xc9\x06hv\x81\xa3\x83\x05}}\xda\xa3\xea\xf0fvR\xb5&gt;\x18rh\xa9V\xe5&amp;\xf7\xbeR\x84\x9aN\xa4\xfc|X\x9b\x00zHm\xb4\xcd*\xec\xb1\xf3\x04P\x05\xb1\xb1\xefo*\xd5\\]\xbe\x08\xd1\x0f-\xdf\xdd\xd0Q\xc9\\\xb3\x87#j\x11\x83~v\xb0_\xba\x17\xce)\x19\x14%\xc7\x04*&amp;Pv\x83\xd8+r\xf5\xd7Q4\xc5\x14\xae\xb8,\xfe\xa1\x90b]FhX\xb4\xdbl\xc8\x9d\xeeC\x1d\xeb\r4\x0e\xcc\xf7\xc0\xbb\x06\xda#\x07{\xd6\xc18\xe7\xdc;\xfa$0i\xc2K\xc3\t\xb6\xe6U\x10}\x82\xeb\xda\x1d\xa2\xbe#"\xbc_,\xb5\xf6U&gt;\xcb\xbd\x06\xb0\xc9\xf4(w\xe1X\x8fQ\xc8\xe7\xdb\x1c\x11\xd6N2L)3\x10\x9bv0\xa5\x93\xe7\xba6-61BW}\xa8\xb5\x7f\x9b\x90\xe0\xa0"\x99&amp;PR\xb7\x8d\x92Y\xa4\\\xd2:.\xf5\x82\x8906\xd1\x83\xa9Hy\x8e5\x9f\xd2\xde\xb54\x17L\x7f~g\x1f\xdc\x1f\xbe\xfd=N\x8df\xee:+\'\xbb6\xc9\xadu2\xad\xe2b4/\xeaS\x05\xe7u\x8e\x19i\x1b\xf9c\xaf*m\xe2!\xfe\xf5\x8a\xb6\x8f4\x12$\xdbD(\x15\xd3y_\xc3\xcd\xb9\xb0\x00\x15H%p\x04\x84\x13\xa5\xfdlV\xc2\xd8\x99X,]6G\x98\xa3\xb3Xs\xccR\x9cw\xd1\x11\x8dX6\x1co\x10\xcc\x94a4\x01\xcf5\x9b\xd1y\\z\xe5t=\x877\x8a\x8b\xf8\xd6Y_\x8fz\xd6\xb0\xffQ\xd9\x90E\xda\x0c\xa6#\x95d\x93\xf0\xc8!c{\x99\x98n\x96\x81W\x93\xafzg\xe9bO\xcb\xe9\xf4gFbp\xaet$5p\\IT-\'v\xb8\x84Q\xd4-3\xf9&gt;f\x11\x8a\r_\x8c\xfe\xddS\x8bt\x91bCD\x99\xd7\t\xdb\x89:\xe3\xe5\xa4;Z\xe4f\x93L\xf3MM&lt;\xf4G\xf5\x17\xe3\x99\xf1l\xca\xbb\x9a\xfbZ?`\xd1\xcf~lN\xf6\xb5r\x98\xcf\xde\x18e\xadD\xe0:\xa3\x141\xc1\xc3\x1a\x03#TU\xc5\xb5\xa7 \xb5\x11\r\x98\xa2!t\xf6\xf4\xe975\x97\x0ch\xdb\x94\xe4\x8e\xe5\x82q:j^\x99\x9efs,\x96$\x19\x88f\x8b\xe8s\xc0\xeb\x18\x1b\xa0\tK\x9d\xd2\x06m\xdb({=-\xda\xf5\x19\r\xbd\x8e\xbe\xd4h[\x00\xb9Ovh\xf9\xa4\xd5q\xdc:.e\x9c\xc4\x8b\xf4Z,\xeeD\x87am\x02(\x8a\xed\x1c3\x96w\xc7\xc3I\x8d\xb7E\x9a\'\tq&gt;\xf0\xa2\x8f\xf4\xdcO\x17\xdf\xb9;\xbc\xcf"C\x18\xae\xc0v\xecfk\x9b\xed\xe5uz\xfa\x82\x8b\xad\xc6q+\x89!\x95\x86\xc9z\xe1\t\x80\xf2LIg\xb2\x9e\xd6\x86\x88\xcd1k\x11\xb1A([;\xfa\xf7`\xed;\xd2 \xe7\xaaL\x1ev\xaff?D\x99"BUg\x84\xc6\xdd\xe7\x89V\x9aK6\xce`\x7f+\x184\x96A\x95D\x91\x1e\x8a\x16\xeciA\x87(63\x0c\xdf\x1b{QtS5\xd6\x06-\xb3\xaca\xa7\x1a\x03\xcc\xd1\xc9\xa4\x06,\x860\x0b\xed\xb2\xa0\xc3DX8\xd3\xb2\xd0a]\x87\xd8\xdb\xba\\m\xca\xb2\xe1\x01\xaa&amp;\xefa\x11\xa3\x84r&amp;\x97\x0b\xba\x9eS4\xa7\n\x96\xfb\xb5\x8c\x94\'ci\r\xfa\xb8\xb4W\xcb@\xae\xe7\x93\xd6\xb1iq\x1d\x9d\xae\xf1\x19\xc6\xfa\xf0\xc5\xe8+6\xa1$F+\xa4\x95\xabk&lt;XnVn\x8an\x08\xa3\x7f\xea\x95\xa8\xfb=\xf8\xbc\xa8\x8a\x89Jy\x0b\xb6I\x9ee\xac\xcdD\xca\xa6\xc2W\x14\x1a\x17\xce\xd1b\xf4\xbb\n\xd4*\xae9\x80\xf6|cEm\xc5&amp;\xe4n!!\xb7js\x80{\x91\x1e\x17\x8a\x96\xa5\xcf\x7f~\xacoS\xa2D\xa7}\x8c\x90\x9a\x17\tS\x8e\x94J\x13\xa3\xdf\xc1\x9a\xce\xdd8\xc7\xd4\x97\xd51\xa3h\xb6I\xf4RfQ0\xcb\xfc\xad\x13\xe0,d\xde{j\x19\x1b\xd3yWi\xde\x1f,\x92\x816\xc4~\xcb?\x96\xd9/Wh\xc2\xb4\x1e\x14\x82]\x1f\xe7\xac\xecB4\xad\xdd\x99n~\xcb\x80g\xd5\xbe\xde\x89\xee\x0c\x9e\xb7D\x9cm7b\xc6\xfe\xe7\xc1`\xe4:,\xe5\xf1=\x0b\xf6\xe6\xe29\xc9}9\x01^efa`\xc3GU\x9d\xaa\xf5\xe1&gt;\x8c\xae\x9e\xd3\xe1y\xedrH\xce\xa9\xd4\x15\xdb\xb3\x02,\xcal;\xac6\xc2T\x1f\x13\x951\xa5\xb3&amp;vR\x88C\xba\xa0y3\xc1\x15\x9b;\xc5\xf4\x14\x1f\x95#\xa5\x8b\xdavTZg\xae\x8e\xa1h\xdb\xd0\x1e\x9bF\xb0\xb6\xafg\r\x1c~\x12\xdcx\xe2\xa5"\xd2\xb1\xd7m\t,\xc2V\xc3`z=\x83\xdc\xe9\xe8@\x18\xcf\xe2X\xe4LJ\x98~d4Gz\xaf\xf3\x1e\xef1\xde&gt;\xa8^\x04\xc4\x14\xc8\xef~R\xff\xec\x89\x0b\x12\xf3\xfa\xbet\xed\r;\xaaP\xe8\xbc\x86\xe9\x87r0H|\xb2\x13\xb2m\x7f9\xfdV\xe4\xca\x84\xe8yO\xf1\xdd\xdaM\xbd\xe5\x11\x9e9\x13\x8e\xbc(\xacL\x11\x96\xa5XTF^*}@\xb1&lt;\x06r(\x9b\xb0\xe0\x19X\x9c\n\x109!\xbc\xbd\xfbk\x83g*\x85\x93\xaa\xce\xcc\xf7\x89\xb7\xbc\x7f~$/D\x14R\x1aPmN\xadQcy\x9c\xfb\'\xa3U\x00\xdc4\x8c7Mxo15\x17\xacY8\xe7\x84\x0c\x0c\x18\x99\xfb*=\x17HD\xef\xd80V\x87\xf3\xcc\x06`\x8a\xc18\xf7\x07\x95*\xca\xfe\xb3\\\x9c\xd5Qn+Y[\xf7M\x0f\x86\xab \xdf\xd8S\\\x93\x9e\x86\xbaW\xba\x14\x10\xdb1w\x8a\xb5\x19\x16\xc3]Q~\xa6\xaf\x13\xde\xa8\x14O\xed\xa0\x1d\x83\t&gt;\xae\xa4\xe4A\x88\xe6\xf6\xcf\xc03\n*\xefr\xde\x8a\x87\xd1$\xb6}\xa1\x9f=\xd6\xd6\x9e\x125p\xe6n\xabq\xeca)c\xa5^C\x8c\x8f)0\x12\xea\x94\xc3U]\x9f\x1a\xcd\xcf\xd7\xc2\x12.\xeb\x1b\x95}\xf7\xf5\xbf\xf7\xe0\xfe\xd8uE\x17\x8f\xce\xb9o\xaf\xaa\xbe\x92\xab\xda\xcc\xe9.\xd7|\x90\xd1\xa1\xf9\xdd\x81T)\xd6\xd0\n\xb3\r\x9f\x15}{\xf6\x1f\xe0\xd0\xc7FO\xe3\x96q\xb5\'\x83|7C\xbb\x88\xbb\x99\xaa=_(\xd3\xddx{\x91)\xabSP\xa9\xf6y\x15W\t\xed\xd3/\xa4\xf3\xb1\xb9x\xf5\xb4\xd1z\x98\x82q!S[Z\xc8\xc9\xeeB{\x96\x18\x96\x87\xca\x17Z\x0b\xb2$d\xf3\xf17\xf3^\xed\xf202\x01\xc4^\xa4\x88\xa2?\xdc)\x8a%L\xcbA\xec}kjg\x18\x9b\xdd\x9a\x12\xe9\xdd+]\x8d\x979Y\xbe\n\xcbd\x94\xe4U&gt;\x1a:\xd9\xcf\xb7\xd9Rj\x89XO\xe9\xd3\x0fT&gt;/\xea\x81\x9a\xd5e\xc8O\x9c\xe1\xcb\xc3\x07\x8e\xc2\x02\x11\x18\x85\xd8\xf5\x94\xa7\xf4\xfd\x98wA\xdd&amp;\xd3+u\xff\xe3u#\xec\xbf"A\x8f\xe4T\xc0\xcao&gt;\x9e\xfe\xd9\\\xf7N\x0c\x0f\xf4\x0fB%\x84\xb6\xe0&amp;Z;\x11\x9d\xa1g8SL\x00u\xcf\xff\x1d\xf2\x93\xb4J\x8dtV4\x04x\xd3@\xf3tu/gj_\xd8\x90\xd1\x92&amp;\xb3\xe5"j\x99\xd9\xd16\xb7\xb4\xaa\xa0){\xee\xc8\xa8\x0e\xe8\x1fIf]\x87Q\xaf\xbb\x95(\xabl5\x9b8\x81\x05Zd\x16\xe1\xae"Z)\xfd\xc9x\x17p\xabd\x01.Gr\x7f}\xbc\x0e\xa0\x91\xba\x99\\N\x8fn\xd6p$\'\xb0\xd7\xee1\x0cK\xb2+\xb2\x86\xfd\xc1\xba\xaaY\xc2\x84\xc0d\xc6-Q\x97\xdaU\xbcD\xac\xb0\xb6\xdf\x02\xb28\xf7_d\xc4\xce\xe1FQ%\xa5\xd3z\n\x96\xf1\xec\x9f\xaf\x91m\xe1Ya\x01\x96\n\xdb\x15\xa8\x13+!\x94\x83)\x86\xd8\xee\xb4\xa5\xbc\x8b\x97Of\xec{v\x8d\xbf\xa1[\x82\xfd#\x10\x96Z4\x93T\xe5g\x12\x8b\x03\xe2\x85+\xfd\xb6x\xfb\xa7r\xc1\xee\xb3}Vi\xc1+\xcd\xe2@\x03\x8d\xcbI1\xc9\x1e\xbf\xc8\'\xaa\x08o%B\x9b\x0cR\x0c\xaa|&gt;\xacB.\x94\xbc{\xdc w\xff\x94\xf6X,\rU]\xd7\x9cq\xacm9\xc8\xab@\xf1L\x0b\x88#jq~\xa7I\xfc=\x1d\x0f\xe5S\xcb\xcf\n9\x84\x08\x9eJ.\xe9$\xc7\x16\x1b\xe4\x99\xe6\x18l\xd7@\x95\xe8GV\xa0\x1ae\xbb\xb2\x9f\xb9e*\x92\x93^\xe5\x91\xcd\x19y\xbe,\xb6\xe9\xf1\xd3\x99\r(&lt;\xd0,\xda6\xa2\xeb!\x0br\xc0\xdc4;(\xe3\xd9\x9d\xd0~\\m\xc1\xdb\xcfp%y\xdd\xa0a\x070*\x9f\x96,\xcb\xa4\xc0\xf0\x9e\x9d\x0eX\xac\x05\xfd\xab\x14\x8c\x95v\xa2\xa9\x86\xc4\xc6\xc8\xdd"E&amp;uS!\xb0t\x80o\xea\xb4\xf3\xaa\xce\x88;\xb1\xb3j\xbb\xf2DO\x80#\x8f)\xa9\x03\xd4\'\x89=\xfd\xbe\r\x96\x90\xfd\xf4\xfc\xe3\x8f\xd6J\xa57O\n\x87\x04s\xb9_\x8fA\xaa\x8fv\xff\x98\xdd\xe9\xd6\xa6V\xaa\xd87\x01Q\xbf\xfcA\x19c\x88\xb1n/\x02\xcf\x1b\x8b\xc2\x03\x12\x95^\xff\x1c\xe5~\xd6B\x92)e2D\xad\xb6\xed\x89\xcb\n\xcc\xe2yt\x8a\xcb[5M\xcc\x12Y\x00~\xeb\xedo\xa6\xf8\xd8\xb6!\xe8\xa9\xf7\xc3\x84g\xac\x85\xfe\x0bv\x9d\xd2\x16\xfe\x1a\xee\xaa\xdej\x8cV9\xd6\xe0\x16;{vDmZ\xb5\x1b\xb5\xb9\x97\x9f\xf1l\xe3\x0e\xf1\xac\x95\xa5\x14]%\x83\x86b\xc4~\xeb\x8c(\xd8\xa0\x85K\x94\xb2osq2\xe3\x8aa\r\x98\x15\xc1R/\xba\x90\x1d;\xd7\xab\xf5\x83&gt;cu\xcd\xca\x1b1\xfe\xc5z\x13\xefz-jg\xf9\x85\xd5Ef\xbeQHy+\x17\xefg\xb8\x02G\xa2k\xda\x0e-\x88\xc7\x9e\xf6{\x8dQ\xc3\xfc\n\x8c^M\x8fF\xa3V\x1b\xe3\x9d\xdb\x08\xd2\x170\xf4\xc9\x1c\x02G\xdf\xedo~s\xe1\x95\xcc.\x81\xdc\xde4%\x84\xb7?\xb8\xf4d\x93\xd3/%%9{\xc5\xab\xe1-\xa0A\xaa\xe7\x9e\x82\xb2\xd8\x00\x00 \x00IDAT\xf4\xf3\xe0\x8c\xf0d\xaej\xef\xba%\x16\x98\x12&amp;\xf0\xd4\xfbnI\xe1\xfa\x9d\x98\x99\xbf9\xf33}M\xbb\xca\x1a\xb1\x0f\xa9`\xc7\xbb\xc5\xda\xf3Z\xdd{\x0fA\x7f\x02\x18\xb3\xf0\xfaC\xa5\xa1\xa2N\xd5\x12\x99\n\xc1k\x8e\xee\xf6G\xc9\xfe}\x15U\x16\xa78C&gt;\x90W\x85\x18\xe2\xc3\xce\xfd~\xff\x81\x8c\x96\xf5\x8c\xf5m\xde\xda\x1b\x92i`5\xb8z\x98q"\x11\xa5\x7fq\x99\x8cD\x84g\x88\x92\x9d{?\xcbM\x06i;7\x04\xf7\x82@\xf7\x81\xf4[\xad\xcb\xe1\xee]\x8e\xb8\x19\xa7=\xfdf\xc1\xf2zq}\xa66\x8a\xa8\xf2\x9el\xe9\xe3\x93\xb7%s\xba"i\x1d\x18\xb1\xa9\xaa\xcd\t Y\xef\x84\x97X\x88I\x82\xf0E\x85\xcd\xcdl\xb6d\xe2\x9e\x99\x89\xa6/\x14\xecB\xafBZ\x1b\x96tp\xe4\xad\xc4\x03\xb5\x95\x8d\xba)A\xe7r\x18\xa9\x94\x17!w\xb4$\x9d\xa9\xf9y\xc1\x0e`\x18\x06M\xcf{\x06\xa8\xd9\xe1S\xbb\xd7\xd4\xcas\xd1\xecx\x9a\xd6{\'\x87\x10\xf7\xcd\x1cR.ip\x9eIq\xce\xfd\xb7\xd1:\x84x\xe3\xb0\xd9\xb9\xec\xaf\xa6/(Z\xce\xd1\x92nD\xb7\x17\xfdH\xa7\x01)\xf2\x83so[\xb6\xe2\\\xc1\xd5V=\xa2\xd29\xa8\xbaq\xc1^\x8b\xbeL\xe7n\xc9\x8a\xee\x8a\x1at\xa8\xd8\xf4\xa4%\x18?~dW\xcf\xdd\xe0\x95\xdc\xa6I\xbf\x10\x16e&lt;\x99\xc5\t@(\xcfI\xd4\xa7_\x07\xa0\x87N?=\xad\xe8\x15=\x83\xb8\x9c\xa4\xa8\xc4\xb5U\xaa\xcd\x861U\x1b\xd7\x81q\x02\xb8O\xb7\xfd\x01h\xf9\xf0a\xb3\x81m\x0b\x9dh\xa1\xe1\r\xe4\x9d\x17\xa7\xa4a;\xa9\x80tP+V\x11\xf5\x0c\xba\x13g\x1c\xeb\xed\x00s\xc4}\xcd\x86M^\xcf\xc4\x9cZ\xa9\xb3d\xde\xe4\xb7&gt;\x9c\xd2&gt;\xca\'\xaaj}\xc0+\x90\x97\xe1\xdb\xb8\xdd\xa2}\x04Rf\xd9\xfcXm\xa3\xca\xff\xee\x99"\xaf\x98\xa9\xd6\xb5\xa5G\x14f\\\xcac\xae\xa6S\xc2\x87\xd8\xe7\xc86qmj\xd0\xcb\xdc7@\x03c\xf7\xdb\xdf\xbfR~\xa6M2\xa3LS\x83\xd4:\xa9 \xe2\xf9\\\x7fr \xccTZ\xee\'\x97\x18u\xca\x1a\xdb\x89\xefB\xa8\xb9A\xb1\x96f5\x9c{WQr\xcf6\xe8\xbe\x1c\xd1\xa7Ak;\x1ehG\x13\xbb\xdcs\xb5\xc4\xe7y\xeb\xd5\xc1Kn\x84\xb3\x91\xf7\xfc\xdf\x0eC?|)\xc0\xacIj\x15+O\x0f5\x0f7\x10\x95X;i\xd1\x97kSD\xc6\tT\xdc\x81)|%\x83X\xc6CB\xaaW\xc5L\x96oV\xb63{\x90&lt;\xea`\xadQ.\xc3~\x15\x88\xee\xc2\xf3\xe2\xacy\x885}.\xac\xea5\x940\xc5Q\xb5&amp;\xef\\\xc2\xa3G\x88$\x03\\\x87\xfd\x19\x07*{np"\xa2G\x08\xf9\x89\xc7k\xef\xdb\xfe\x9bv\xbf\xa0\xf6\x81\x88\x9e5\xd6\x96\xee\x98\xfc,N\xd7\xf4:\xaec\xd1jw.\x0fu\xeeK\xf3\x8f\xe5$8\xf7\x0fK\xb5\xb4(W*\xde\xba\x9c\xec\xd1\x85G\x87\x86Z\xf2\x15\xe5;\x88\xfe|s-y\xdc\xed\xbfF\xa0\xb4\xe5\xfe\x88sO\x11&lt;\x13\xca\xab\xaa\xa0&lt;\xd93\xf7\xbb\xefh+Z_\xd1\xd0\xb3k_\x99\xd1:\x80\'"\x1b^\xdd\xea\xae\xd7\xd9\x9d#\xea\xf7\xfa\x1e\x98\xcf-(+3\x96\xa8\xb3\x11\xcd\x12]&gt;;\xf7\xfd\xd7+w\x0fb1\xec\'\x08\xcf4\xf7\xa9D\\NI\xea\xaf\xa2mc\x04H\x8c\xb5\xe3\xc0\xbd?Wv8\xba\xf1\xfc\xda\x97\xa65i\x16\xd1\x87E\x88\x94\xa1\xe9\x9d\x98y.\x1a\x8b\x892\x1bJe\n\x12\x17\xdd\xf7\x995\x9a\xd5i\xd3\xaa\x8a\x94\xe5\xa3\xcaD\xd7"\xce\xb9\x7f\xf6\xf4\xcf\x88\xa8\xbc\x02-z\x8baL\x9d\t\t]Y\xa1F\xcb\x02\xe9\xa1\xcd\xfb\xa7\x9c\r\xed\x8d\xba\x8a\x84\x06\xcbF\xa4\xcd\xbc,KQ\x8f#1\x010\xc25\xc3\xb5\xce\xafm\x95\x17\x94\xe1-\xe2\xdc\x7f\xb06(f\x85\xe2\xca\\\xc38#\x8dKx\'\xce9\xf7\x97\x87\xd4&lt;\ro+\xe2\x8e\xf5\xaf\xf4\xf3\\\x84\xd1\xff\xf5\xc5\xf4b&lt;-*\xff\x804\xaa\xab\xbc\'?\xe1\x94\xf6\xf2O\x06\x91\x80\xcc\x93\xebs-\xacR\xaf\x1b\x08\rm\x9b\x00\x89*\xfa\xc9T\xd4\x16\xc1)O\xce\xb8:\x8bGs\xf74\x07\\/\x1e\x1d{\xbe\xab\xd4o&amp;\x07e\x16{:\xd7\x127\xc5\xf69\xe5zk\x9f\x9f\xd1\xeb\x86Qe\xac\x81A\x96\xbd\xac)\xfa\x8c\xd0Xc"\xd2\xd9\xca\xfc\xca\x9d^4\x14\tw\x00m\xa2B\xb1D%\xbb\xebj.\xf8\xb1\x9e}\xde\xc5\xbfM\xca\x1f\x90\xbc\x05/\x10\x97r\x8cF5\xd8CW\x03\xfd=fiA\xc1\xd2\x12e\x83p\xed\xba\x14\xb0\xa3\x92\x17\xfd_^\xe4\xc8q\xb7\xae\xc7\x9f\x85\xbc\xb7^JL\xacD\xd9\xec$\xf7\xbb\xfdW\x9a5 T\x07\xea\xf0\xa6}.\xcb\x16\x85\xec\xd6\x7f\x7f@1\x9b\xa9\xb9\xe5\x92[\x1d\xf3V\x14\x97\xf9g\xe3\xfax\xb4H\x1e\x91=\xa3\xafl\xf2\xa1\x9cW+\xd1\x1a\xf7\n"\x9b\xe0\xdc\xbbGTj\xc2\x97xf\xdf~\x11y\xf9\x8f\xc4H}\x91\xc8\xebUBj\x1e\xee\x84\xe5\x00\xcc\x97\xc9\xbanu\xee\xbc\xc4\x1e4\xe3HO9\xfa\x0cW`\x02X\xf2\x98:4\xae\xb68\xc4\x86;!\xfa\xc3U\x155P\x1b8\xe4\x1enf\n\xf7k\xe0j\x97\xd7G\r\xf3G\xad\x85\x86\x984Z\xe9\xd5\xf6\x94\xa3\xfe\xbekkU\x12U|\xeb\xb5\x96\x16=7\xe2O\xa9\xd7h\xc7\xe2\xa1\x1e\xbc\xbaE\xbd\xbc-\xc9\xdbS#\x17o\xa3W\xa8\x82{]\xf2U\xbc\xd55:M&lt;\xa4\xee{\xabE\x9b\x9f_0\xddtP=\x8e\xd2t\xe6Ya\xdf\x10\xd8\t\xfdDR\xab\x18}M\x06\xe2\x9eF)G\xde\xe9\xa7\xe3K3\xe5\xa0/\xfa\xbc}\x14Z\xe4\x9c\x17\xfd}\x05\x1a6\xac\x99\xa7\xf3\x1b\x85p\xe2\xc9\xefE\xc0\xe0\x8c\x90\xfb\xad\xba\xd5\x91\xaf\xd95\xf8\xcb\xd4\x1ev\xb5\x97\xb1\rE\x83\x88\x1fNT=\xfc\xaf4\x0e&lt;o\xb3\xec\x07R\xcb\xe4Z\xe1&lt;\x13\xf6\xb3\x90\xf7\xd7\x17l\x88\xf5\x14M:\x8bpi\x05\xdep_6\xf23\x8d\x91\x17\xb5*b/\xc2H1\x9a\xa4v\xdf\xd7\xf3\xfdC%\xcctO4\xec\x04\xb3j\x955v\x86\xab\xe1\xb9\xa6\x1e!\x99\x7f\x12K\x01~6\x9cEG\xb5W0\x0c\x95Z\xe4nO\xd6I\x9ev\x10F\xd7\xe6\x9d\x02\xfb\xef L1\xd6\xdc\xc7c/\x06\x81\x82e\x97\x03\xba\x98\xc3\x9fF+p\xd8vV\x85N|\xcb\x966\x95e\xd4O\xcd\xf2\xec\x15\xbd%\x9d\x13.=v(\xfex\x90\xf2\xe5\x9d\xbc\xbd\xf3\x80\xc43\x86\x86\x15\x00o\xd0\x83\x98{}&gt;\x90\xd0~\x9bmv\xfa\xa7\x80\x89\xec\xd3\x96\x9dhk`K6\x92U\x9a(\xcd\xfaXk\xc84t%y\xc5\xd6\xa1\\R\xc7:E\xde&gt;,\xba\xe9\x1cNP\nLwLb\x13v\x9b|\x05\xaf8E\x9a\xc3\x0b\xfb\x1d6\x10\'j\xdc\xd4n\xb7V\xb2\xc4~\\\xbf\xacB+\xaal\x15&gt;\xcc\xa5aC\x87Y\x1b\x9cN+A\xfa\x96^\xeb\xdc$}\xeaMZ\xa6\xa2\xae*\x12\xb7\xa2\xefGDrs\x7f\x85c?\x97JM\x00O\x07\x12D\xd1k\x13\xed\xbd\xbb\xf9\xe6=\xd3\x1b\x8e\x84\xdd2\x13@s\xbe\xb5V\xcf!S\xa9Y\xba\xac!v\xd4Dt\t\x96\x8a\x9a\xeb\xd0\x99n\xc3\x1a\xd7sB6\x9eB\xff\xeb?V\xb5W&amp; \xb24Y\xc7j^\x97\xe5\xf5\xd1\xefJ\xf7z\n\xdaP\xaa\xb7\xeao\xe9\x97QS\xdd\xed(\xf5\xf9\xf5xJ\xb3g\x15\\;\xd9{\xf3\x81\xb4\x1b\xf4\xccj\xcde\xd9w\x15;\x12X\xbf\xf0\x0c\xac)Dor\x80\xb6\xd87\xde}\xc6\xd5\xcb\xf0\x1ap?\x98y\xa0m5\x9aM\xf8\xd0\xb4J\xebSU]?\xbc\xc2g\xf5\x15}\xd8\'UvZ\xb2\x8a\xcf\xc5M\xc5\x8e!\xcaP*e\x1e\x81\xcff\xafr3\x9dt\x19\xb5 \xaf\x1e1\xc9\xc4\xe8\xdf:M\xd4\xa84"\x0fcD\xc8\xa6\xf4\xef\x95\x94\xb7\x90\xfa\n\xe4\xab\xa6\x1bP~\xfc\xd6\x91\xd1\xc5\xdf\x1c\x88U\x14\xd6\xe8\xfe\xfe\xe1\xdcoj\x90@\x94/T\xaaS\xc3\xda\xc4H\x7f&gt;6\xecbi\x13I\x14\'\xca13\xe6\xec\xe1%\x04\xdb\x8a\xef\x8c\xe6\xda\x96\xd1\xda\xa9\xc9Hb\xba\xad\x9a&amp;;%0\xe2&gt;\x98\xbe\xf7\x12K\xa3\xb3o\xa1(\xcf8\xe7\xfe+c\xadw\xe12b+\x14`\xeatK\x8b\xaeIp?\x94x}\xce\x1d\xa2\xa8\xe4\xe1\x1b\xa0\xf0y\xd1H4\xf5:Q\x94\xeaU\xbc\xa5\xc0\xc4\xbb\xb6`\x11\xe2\xc2Db\xbf\\P$3\xe0M\xb9l\n\t\r\xb9Cj\xbf\x04\xeb\xbd \x04k\x9c"?\xd9t\xfd&amp;?X\xee\xe1?#\xc5\xec\x88+\xb5\x9d\xad\xa2\x9f\xbf\xd5\xb8\xc32b\x18\xa1}\x93\xfb_yM\x84k\xa8\xc6\xb9\x7ft\xfb\xbb\xe5@UhU\xee\x08_\xb1\xd2 \x9cq\x99\xcf\xb8\x8bw\x89;\x94\x8c\xf8C \xf1\xfa]\xab\xe2\xbb\xa9\x07\xa4i\x98\x9f\xda|;\xf9$\xc1\x97\xc6\xcep\x06C\xcd\x18\xdc\x8d\xfb\x8bl\xf2+\x95\xb9\xfd]]j\xd0`+\x0c\xf8\xa8N\xcd\xaa2\x0e\x9bh\x14\xc8\xc4\xb5*QO\xef\x12\x8a\xa7$8\xf9\x95\xc7k\x93s\x0f\\#$\x11\xf1\x13\x05\x89\x81U\xe6,!W\xe3\xcb\x9c\xfaM:\xd5yU\xb3?\x99z8\xbf\x0f\xa3\x0b_\x96\xda\xd0\xc9\xb8&lt;\xf4\x9fi\x90k\x06Mg\xca\x04\xcab\x91\xc6u\x1fQ32\xf7h\xaf?\x0e\x93\x06,%m\xc44j&lt;R\xd6YA\xf3\xd6Bli\xfb\xf2\xa8\xad\x18\xc8X\xfc\xa3\xd1\xe7\xab\xe5\xb7T-:-\x8d\xe2\xae+\xe3\xae\xab8\x97\x13G\xb2\x901\x89\x1b#\x92\xa8?\xd9\xa7I\xe6-\x03\x8eD\xdf\x8bw\xee\xbaj\x056\xe0\t|\xda(??\x10V\xcc\xab\x8c\xf2\x06\xcb4\xd1@P\xb7\xdbb\xd5\'^E\xdf\xbaCm\xc9\xf6\xe0\xbb\xae\xd7\t\x0f\x0f\x81b\x90\x9eAbm)\xca\xa2\xcf\xf8nK\xa3\xb3\xfc\xcfW\x94\x89\xef\x19i\xe1\x8b\xef\x94\xf7\x1f\x0bc\xd0\n,\xae\x03s\xde\xb1\xef^\x8ck\x7f\x9d\xa6F\xd7(t\xc7\xe5\xea\x11\x86\x91B\xce\xb2&gt;-\x90K\xc7\xa7\xcdj4Hks\x1e\xfa\xcc\xd1_{\xea\xe1\xa2\xcb\xd8\x1f\xb9#q\xaf\x8cV\xa4\x91\xe1\x8ak\xeeBD+\xd2_lFk\xd4w\xc5b\xdcl\xd8LS\'ZB\xf4\xe4\xd9\xe8\x94v~r\xf1\x9a(\xb0v\x06\xa2O\xba G*Y$dV\t\xb1\x16\xb6\x96\xfd\x1adbA\xf2\xad\xeeJ/!\x12=\x9e\xca\x95]\xc1\xa8\'\x1fE\xd5!\xe1\xdeO\xfflm~\xbe\x14E\\\xe7&lt;A\xc7x\x94\xac\x9b~\xe4\xf4\xd8\x8a\xc2\xbe\xa9\xa9\x14h\x86nX\xc6.xg\xcdpbI*&gt;/\xe2\xde\x1f}\xa6 \xc4\xff&amp;\xa1K\x1a5\x88g\xe6\x9e\xda6\x86?\xc2U5\x93\x84\xd9\x8c\xaa\xda\xed3uvaq\xee\x0b1t\x12\x05\x0bVR\xce\x8f\xf3\x12\xc4\xbb\xc8\x03m\x9a\xd7\x96\xeaw\xfb\xd4,r{\xfdp\xbf\xabZ&amp;\xf1\xc5y\xa1d\xbdtj\xdc\x88\xbb\xaf\xbb\x1bc\xb5*bMA}\xdf\r\xe5G\xeb\xfap\xe5\xc2\x93R\xa3~\xb2\xce\t|\xec9\xac\xf4%:\x8be\xbd[\xa6\xa2\xf4?kk\xe4\xc9\n\xb2\xf6\xfe\xf0Pc?\xd0\xf1\xe3\x19=\x1f\xf1\xf5{\xa8\xb3\xba\xf8BI!\x10\xab\x94\xcd\xb4"\xec)J\xdfY\x9e\xeays \xf9\xbc\xe5}\x14\x14\xed\xe6n\x05)U\xf4\xf0\xb68\x0b^\xaf\x1d\x9b\xe5\x04\x9a\xfc\xb9\x0b0Jq\x02\x98\xda-:\x97Nsq\xe9\xdd\xb0\xde\xcc\xbc\xc5e\x8f\xe7\x1d\'\xadH)xQ\xe4p-\xea\xdfF\xc4\x8f\xd1\xe5\xf1\xff\xd0\xbc\xdc\xca\x8cWltQ\xd2P\xc1\xbc\xe3q\x0e\x9cs\xce\xfd\xcc\xf3\xe0\x8c\xff\r\x8cCZ\xf5\xc7:t\xba.\xeetJ\xca\xbe\x90\xcb&amp;\xf4{\x13\xc4\x1a\xad\r\xc9\xbb.\xd1\xcdh\xe6]\x1e\x05\xaa\x1e\xb6d\xba\x01\x10\xdd\xce\xeb6Y\x9d\x16E\xcdln\xdc\xb9H\xb3o\xd0c\x01o\xd0\xc8\xaf\xc7{jJ\xcd\xac\xa9\xf1\xc5b:?;\xd4$-\xf7n\xe5\xf31\xf9\x95\n\x05\xd5\xb5\x19\nQ\xab\x85\xcb\xda\xc5Ya.\xe6\xd5\xfc\x88\xe5g\x874&amp;Z)\xddO\x8ctA&gt;\xc3S[\xa4G,\x0b^|$6!_</t>
        </is>
      </c>
      <c r="E583" t="inlineStr">
        <is>
          <t>&lt;class 'numpy.ndarray'&gt;</t>
        </is>
      </c>
    </row>
    <row r="584">
      <c r="A584" s="1" t="n">
        <v>582</v>
      </c>
      <c r="B584" t="inlineStr">
        <is>
          <t>steps_per_sec</t>
        </is>
      </c>
      <c r="C584" t="n">
        <v>8400</v>
      </c>
      <c r="D584" t="inlineStr">
        <is>
          <t>9.940251</t>
        </is>
      </c>
      <c r="E584" t="inlineStr">
        <is>
          <t>&lt;class 'numpy.ndarray'&gt;</t>
        </is>
      </c>
    </row>
    <row r="585">
      <c r="A585" s="1" t="n">
        <v>583</v>
      </c>
      <c r="B585" t="inlineStr">
        <is>
          <t>Loss/object_center</t>
        </is>
      </c>
      <c r="C585" t="n">
        <v>8400</v>
      </c>
      <c r="D585" t="inlineStr">
        <is>
          <t>0.1802597</t>
        </is>
      </c>
      <c r="E585" t="inlineStr">
        <is>
          <t>&lt;class 'numpy.ndarray'&gt;</t>
        </is>
      </c>
    </row>
    <row r="586">
      <c r="A586" s="1" t="n">
        <v>584</v>
      </c>
      <c r="B586" t="inlineStr">
        <is>
          <t>Loss/box/scale</t>
        </is>
      </c>
      <c r="C586" t="n">
        <v>8400</v>
      </c>
      <c r="D586" t="inlineStr">
        <is>
          <t>0.048764933</t>
        </is>
      </c>
      <c r="E586" t="inlineStr">
        <is>
          <t>&lt;class 'numpy.ndarray'&gt;</t>
        </is>
      </c>
    </row>
    <row r="587">
      <c r="A587" s="1" t="n">
        <v>585</v>
      </c>
      <c r="B587" t="inlineStr">
        <is>
          <t>Loss/box/offset</t>
        </is>
      </c>
      <c r="C587" t="n">
        <v>8400</v>
      </c>
      <c r="D587" t="inlineStr">
        <is>
          <t>0.12786183</t>
        </is>
      </c>
      <c r="E587" t="inlineStr">
        <is>
          <t>&lt;class 'numpy.ndarray'&gt;</t>
        </is>
      </c>
    </row>
    <row r="588">
      <c r="A588" s="1" t="n">
        <v>586</v>
      </c>
      <c r="B588" t="inlineStr">
        <is>
          <t>Loss/total_loss</t>
        </is>
      </c>
      <c r="C588" t="n">
        <v>8400</v>
      </c>
      <c r="D588" t="inlineStr">
        <is>
          <t>0.35688645</t>
        </is>
      </c>
      <c r="E588" t="inlineStr">
        <is>
          <t>&lt;class 'numpy.ndarray'&gt;</t>
        </is>
      </c>
    </row>
    <row r="589">
      <c r="A589" s="1" t="n">
        <v>587</v>
      </c>
      <c r="B589" t="inlineStr">
        <is>
          <t>learning_rate</t>
        </is>
      </c>
      <c r="C589" t="n">
        <v>8400</v>
      </c>
      <c r="D589" t="inlineStr">
        <is>
          <t>0.000999525</t>
        </is>
      </c>
      <c r="E589" t="inlineStr">
        <is>
          <t>&lt;class 'numpy.ndarray'&gt;</t>
        </is>
      </c>
    </row>
    <row r="590">
      <c r="A590" s="1" t="n">
        <v>588</v>
      </c>
      <c r="B590" t="inlineStr">
        <is>
          <t>train_input_images</t>
        </is>
      </c>
      <c r="C590" t="n">
        <v>8400</v>
      </c>
      <c r="D590" t="inlineStr">
        <is>
          <t>[b'512' b'512'
 b'\x89PNG\r\n\x1a\n\x00\x00\x00\rIHDR\x00\x00\x02\x00\x00\x00\x02\x00\x08\x02\x00\x00\x00{\x1aC\xad\x00\x00 \x00IDATx\x9c\xed\xdd{\xe8\x7fO^\xd0\xf19\xb2m7Q\xa4\xd8\xea\x9fj\xd9\xd8\xd5\xc4055\xba\x10\x91e\x08.m\xe6\x85\x8c\x08\xb4\xcb\x1f\x8b\xb8PZV$\xae-\xb4\xfea\xb1\xc5\xba\xab\x12K\x85\xa4i\x14,m i\x19\x04\x96\n\xfd\x11\x81\n\x99$Zk+]W\xc2W\x7f\x9c\xf3&gt;\xef\xf3&gt;\xd7\xb9\xbcf\xe65s\x9e\x0f\x96\xdf~\xbe\x9f\xcfy\xcf\xcc\x993gf\xce\\\xce\xdb9\x00\x00\x00\x00\x00\x00\x00\x00\x00\x00\x00\x00\x00\x00\x00\x00\x00\x00\x00\x00\x00\x00\x00\x00\x00\x00\x00\x00\x00\x00\x00\x00\x00\x00\x00\x00\x00\x00\x00\x00\x00\x00\x00\x00\x00\x00\x00\x00\x00\x00\x00\x00\x00\x00\x00\x00\x00\x00\x00\x00\x00\x00\x00\xf4D\xc4\x89H\xedT\x00\x15|B\xed\x04\x00\xd5\x89\x1b\x86\xdai\x00\x00\x00\x00\x00\x00@&lt;F\xf7;\xc6\xe4M"\xe6\x00\xd03\x11q\xbd\xd4\x11\x9d\x9c\x86\x9e\xb1\xf6/\xd3\x06\xf4\xda\xd2\xdc\xb7\x01\xe8\xf3z\x02\xb71\x0c\xc3\xfc_]\xdb\xca!G,\x16\xf4yV\x97\xc4\xb1\xf4\xe3\x16D\xa4\xd7[7\x9a\xdc\xf6\xb6\xbf2&gt;P\xcc\xff\xbcC\xc9\xb9\xeb\x13\x80\x08\xcf\x00\xc8D\xc4\xf4\x80\x81n\xadf\xfaTC\xacj\x7ft\x8eK\x8dLB\xeb\xffF\x8b\xa2&lt;\xd4N\x08\x10\x8eb\x8bP&gt;u\xdd\xad\xea\xc4\x8e\xcf\xf4\x97j\'\x00\x13\xddu\x1c2\x85\x19y\x97v[\xde\xe1\xc1\xa7\xcc\xc4\x95\xabwF|\x06\xd9\xdc\xaa\x15\xb7.\xc7\xc5\xe0\xf2"\x9db!\x12\x11\x91\x8fk\x85\x96\x88{\x83\xea\xa1\x8e\xdd\xba\xbe@k\xcc\xe5F\x04\xdd\x06`\xe7\x975\x9e8y5\x1e\xaaY\x95\xbbi\x8e\xe9m\xa5\xe3\x05\x8c\xa0.\xc6M\xd9\\c\xe0\x9f\x1ac\t\xef\x99\xc1r\xa2\xa5\xfay\x89\xbc\xa9n\x02pS9\xaa\xff\xa3\x10=c\x91\x90\x1b\xb2\xf6\x9d\x8b\x1eT/D\xd5[ de{#\x98\xeaV\xbcGQ\xde\xce1x\xd7\xd6!7\xc3\rv\x11Z\xd4Yu\x15W\x88\x143\xe1\x0e\xbba\xd1?YH\nD1M\x80=YK\xb8z\xe0\xe2\xdc\x0fi\x87y+o\xa8\x9d\x80\x12\xfe\x9ebXr\xfd\n\xa1\xb1\x99\xa0\xeb\x04,\xe5x\x07Q\x8e{\x8cw%\xf5f\\\xd9\x96\xda\xfd_&lt;F|\xd3Et&lt;( L\xc7\xf3\xd8\x80\x02I\xbbITn\xb0\xe58\xd2\x1fK\x0c+&lt;\xea\xb2\x11\xa2\xa8\xb9x\x96\xbc\xd0""\xf2\xfb\x8aEW\x1eo|\xecJ\x81N\xd2y\x04\x1a\xf3\x08\xc7\x81\xeb\x07\x89\x00\x16\x9aX\x91o+\xf9(079\x16\xce\x1d\xa8\xef\xa2\x01\xe0n\xe9\x94\x91\xcbZe\xefKG\xdf\x99V\x0e\x19\x06\xf4\xc3\xc8XA\xd0F\x13\x00\x00\xfa\xb7\xfb\x86"\x9aJ\x00j\xeeS\xa1\xb4u\xa6F\x06\xe8`\x17ED\xd1ms\xf2&gt;\xa7=^\xe2V.t\x1b\xa9DE\xad7\x00\xa6\xd2o%\x1d@m\xdc\x0b\r\xe8`qN\xc3I\xaf\xe7\xb6\x99v\xdb\x13/\xe9&amp;\x99l\xfbep~:\xd8\xb7\xdd\xc1)\x94w\xdbL\xbb\xed\x89\x97D&amp;\x03\xd6\xf9\xbe\xc5\xb5\x9d\xf1n\x00\x80\x97\x80\xafg\xc8\x9a\x8e\x1b \x03\x01\xc0\x1c\xaafD\xeba\x0e\x00*:\xaeG\xe43k\xa7 +\xed\xd1\xad\x8eKB\x84\xf7\xd7N\x00^\xec\xee\t\xd4\x0c\xff\xae\xe3\xc5\xf7&lt;\xebV\xbc\xa3TDU\xdeG\x84Z\x1a\x9b\xeb\x16\x91\xdc_\xb42\x17\xfd[}\xa3\xcb=\xcf\xba&lt;\x11\xc9\x94\xc5Z_c2\x95\x04\xca\x01\xac)\xd3+\xb9g\xf7\x87^_\x19\xe40\x10L\xf8\x9a\xad\xcc\xa8\xff;\xc3\xb5\x84\x8f\x96&amp;\x81y&amp;\xcd\x84\xaa\xbf3"B\x0b\x00\xc0K\xd1o\xa1zo\xf6\xaa\x89\xf6\x0c\x00,*\xd0\xd4t\xdc\x00t{b\x00\xba\xc1\x8c\x02\xd0\x84\x96\xe6\x00.Q\xefX _X;\x05\x00\xfct5\xb1:\xd6\xfe\xac`\xae\x8b-\x05h\x8b\xd6\x16\x8a\x16u\xf5\x04\x90\x0f\x0f\x16\x9e\xe6l\xa2\xf6G+(\xa9\xb8@\xfd\xef\x8f\xc6\xd2&amp;\xae\n\x00\\\xe8\xb5\xfd\xea\xf4\xb4\x90\x84! \xc0}\xc7\xcb\xbf\xfa|\x86\xb9\x1c\xe8`\xf7\x18\x80[{\xe7]\xd7\x92\x8d/\xd9\x15\xab\x0f\n7\xbc"\x00*\x08\xaakn\xfb\xf2\xf0Z\xc8p\xa0m\xb2\xf0\xb9\xea\x81k\x07x\x11\xdd-\x1f\x17\xea\xfa\x96\xda\t\xe8\t+\xa0\xbc\xdcy\xa5p\nq\xcfI\xd5a\x18v\xeb\xca\xa6\x17\x8c\x8a87\x9c\x95\r\xf6\xa6\xc02&amp;\x81\xbdp\xfbFZ\xd4\xf8G=\xe5\xc6{\xd0\xb2Z6\xd4\xf4\xc9`\xa5\xfb\'&lt;\x1a\x00dq\x93\xb1\xdaa\x18\x96\xbd{\x91g\x9b\'o\x9f\x0e\xa8\x920x:\xf9\n\xcc\xf9\xcb\xd1J\xa7\t\xad\xeb\xbf\xe6;&amp;;\x1e\x7f\xda\xff\xab\xa1\xdc\xf2I\xcc\xc9\xb7R\xcf\xa73\x9d\xd8G\xb2$\xa0\x00\x13\x89\xc8\xefY \xf7NYD\xe4\x0fWHUI4nYH\xfe\xef.6e9\xd6\xbf\xb2\xcd\x87\xa3\x99\x80\xea\x13-\x9e\xe3\xf5\'\x87=\xfb\x8cQ/D\xb23ap\xb7\x02\xec&lt;\xa6s\x00\xec\x8b\xe8\xd1/\x8f\x1b?4~\xf6\xdf\xe7KeA\xf3\xe9x\x1ci\xb1\xb7\x9d/U\x16\xcf\x16@4\x95\xf1\x9c/_\x86\xf3s\xba\t4d;|\x94{\x10,.\xfc|\t\xa2\x01\x80\xaf2\xc3\xc3\xf3\xa0m\xfe\xa8z3\xf7sU\xae\x94\xcdY\x01]\xd3\xe9\xbd\xdb\xb9GUX\xa2\x01\xc8\x17z\xa0ZK\x03\xe6\xac.\x1f5\xe2\x95\xa9\x0b(\x1cqT:\xfe\xaf\x01.\xc3tj\xe1Z\xb2\xcd.\xf9\x137\xea\x14\x8b|\xfa\xe9_\xf3f\x85\xef\xe0\xe4\xfb\xfb_\xfd\xd9\x80\xc2\xf7\xbf\x88\xc8[\xd4\xc3t\xbd\x16$\xd9P\x0byw\xa5\x90V\xe8UU9!\x0b\xb9\'\xce}\xad\xcfa\xf5S\x1a0y\xd3\x07&amp;\xbd\'9\x96\xa0\xcc\xc5\xa8\xbf\x05\x15\xab;D\xf7\x04\xf7o?c\x99\x18Q`\x96\xe7U\xe6l\xf2\x95\xc0q\xd8\xd43\xd81\x11\xa6.\xdf\x91\x8e\xef\xd9]o\xa8\x9d\x00+r\\\xed\xb1\x0c\xdd\xa77\xe1\xe9\xbc\xea&lt;\xcc,\x11S[r"\x922.u=\xff\xac\xe8\xad\x04\xcd]\xec\xfc\x13i\xe8\xb2\xf9\xb9I\xed\xef\x9a\xdb\t\xdcbe\x1a\xd4KjQ\xe8\xddr\xb9\xcc&gt;!-\x9a|\xde\x8d\x1c:\xca7\\\x9e\xbeR\xd53\xce\xa2\xe8\x86\xb9t\x1e\xa2\xfcr\xf5\x08\x0bYm\xed\xde\xeal\x8b{c\r@\xc7-sC\'\xa65\x94\xb13#zzk)M5{nS\xf0\x9c\x94\x14\xe7\x9c\xfb\xa4\xc4D=\r\x19\ny\xf9\xa25|\xbcx\x94\xc5tT\xfb\xbb\xe6\x1a\x80L|\xfaz\xd0\xb5\xbc\x8f$g_u\xc5\xa7z\x15\x117\xb8\xab\xbe\xe0\xa2\xcc\xfc\x8f\xf4ti\xcaQ\x98or\x83\\\xf7\x0f\xfa\xea\x83\xf6\xd0\x00(t\x0c%W\xc3\xde\xd3\xd3\xe2hy&gt;)}\xd5ap\xcb\xbe\xe9\x94QW\xd9\xa5\xf3\x10\xe0\xf1F\xf99eG\x8f\xfc/c,\xc6\xae\xf2\xcbc\x84V\x85e\xeb\x14\xb3\x18/\xf4\xd1\x89\xca\xf3\xa2\xf7\xd3\x06\xf40\t\x9c\xfe\xc8&lt;\x0cN\xf2\\\xd4\xaf\xee\xab\xbf\xe0\x9c\x1bN\xab\x82\xa0\xf5\x1ec\x1b0W\xafejQ\xf1\x98L^\x95\xa8\xd5?\xe5\xb5\n0&gt;,\xa9\x92\xb8G\xc58&lt;\xffO\x95\xd8x\xf5\xd0u\x1aV\xdd\x16t\xa3\xbf\xaez&gt;\'\x8b\xd9C\xd7P\xef\xaf\xfa?\x95\x9e\xf8\xc4\x10t\xc3\xc9\'b\xba\xf2h,ty\x99\xfe\x8cJ\xe2\x00S\x8c\xdf\xcd\xa6f)\x8e\xaa\xe3\x88J:\xb4\xf6\xb7_\xed\x9a\xa2\xd6\xdaMW\xea_E\x07w6\x92\x86zx\x9aA\x98\xcd\x1d;=7\x8f;\x83\xd6\xbf\xdd~\xf6\xf5\x0f\xabO\xf9\xb00VpOA\x9b\xbf\xd6\x9f}\xbe(\xdb9\'\xcb-2\xc5.\xe8\xb6\xf8\xa1\x87I\xe0sZ\xe3\x06tU\xdc~\x7f\xed\xf1e\x1a\x9b\xa7\x81\xed\xc7\xb7\xcbj"\xeeF\x8f\xb5\xf9/\x91s\xd9\xd4$\xdc\x02\x8fn\xc2\xcb\xa3\xec\xe5\xa2{E"\x127!\xde\xf7\x8d\xdf\xc3$\xf0\xb9\xa3\xaehdG\xe6\xc6\x0fMg{t\xa3\x03\x0c\xff\xacO\xfe/\xafm\xe1\xeb\xd5\xd0k\x0f\x82\xa4\xd7\x83\x857\xc6\xafo\xd5\xa8\x1b\xbe\xef\xda\xdf\xdd\xe1\t`W\xf0\xe6\xd5GW\xe5\xf2c\xa6\x06\xeb\xcd\x9a:\xe9Qw\xd7\xe5=\xa9\xfdb\xa2\xf0\x0fD\x9e\xd7\xf1\x02Dq"\xff\xb9ne\xf4\xdd\xc3\xf5.f\x1fq\xbd\xfe\xd0S\xdf\xf6-\xe2\x92^\xf2\x19\x05\xd5(\x8e\xef\xf4]\xfbk\xcd\xd6\x8e\x7f_\x1e\xab\x15r]\xf6S\x98\xc8\xfe\xa9}\xc3x\x15\xbe\x92\xae\x98\x97\xbb4n\xf3\x0e\x0f\xdd\x11\xa12\xc6\xb4WO`\xe8\x88Mh\x96\xfa\x86_\xfbR\x9d\xcc\x85J\xd9YMu\xbb%m\x1a=\x8f:\'\xb3C\xa6f\x13VX\xffs\x00\xa3\xc5\xd7t\x1f\xfc\xd90+\x9bO2\xf7\xfe\xce\xb7\x98-\x0f\xabl\xecM\xec\xb5\x01\xa6\xaa\xfe\x88\xd6hpN\x16\x8be\xe6&amp;\xd9\xd2i)\x90\xd5\x8e_S\x97\xad\xac\xbb4\x00\xee\xf8*\x8b\x91\x0e6Z\xd0\xff\xa8\x82j\xab\xa6\xbfg\xd8\xcdm\x92^\xd8\xc6\xde4^R?\x93\xc0\xd1\xc3\xaf\x1d\xec\xee\xfe\x9bEb\xf1\xba\xe5\x1e\xc7t\xdb\xa9\xaa1\x08\x1e&lt;\x0f=\xfe_\xd4%XN\xf5\xe6x5i\xaay?\x014t\x95\x8fs\xedo\xae\xd4\xe6Tr\xdc9\xf7\n\x9c\xcbi\x80\xeaW\xf6\x91\x03\x83\x1b\xc2\xbf\x11,n\xdfCl\xf7\xb4\xca\x84D\xdct\xda\x9c3\xc5f\xe3V%\xb9z\xb9\xaa\xa5\x9f\'\x00\x97^\xfb4\xf8u\xa0m\xa5\xf6\xd2\xe0Lw\xee\x16\xb9-\x11\xa9\x8c]\x89\x18\xf5\xb1\xe9\xb3\xa533~\xb2\xb8\xf0\xf0\xda"\x9d\x11\xab\x15\xba\xb9\xef\xbaj\x00\\\xea\xba\xdd\x06/j\x9e;\\\xe4\xfd\xfby\xf1c\xd9+\x94\xb3\x08\x0c\xb7\r\x06\xb5\xd4\xab\x1d\xa6\xff\x14K\xf3s\x98+\xb4\xf6\x97\xdff\xed\xed\xdf\xd0a\x7f\x11\xb7\x88|\xee\xf2\x9f\xf3[\xba\x94c\xb9(\xe1\xb9W\xe8\x9b]\xfdo.A\x1a\xc6\x07\xdf\xc5?K\x9f\xd7\x9c\x9bb\xf2\x1e\xdc\xa6\xa6\xa7\x1d\x06\xed\xf4\x11\xbc\xb5\xbe\x16\xfb\xc4vEv\x8e\x93\xf5\ts\xff\x16\xd5H\xc7\xd1wrx}\x93\xd7\xe3\xf3\x99\xae\xfe\xcbYW*a\xf2\xc9\xce}La\xa0|\x1cm_M\xba\x0c\xc3P~O\xcc\x94\x86\xe7\xcb\x82\xfa\xbcym\xeam\x08h\xbeEMu"T\xad{$Zw\xcb\xb3\xe7\xf5\x96\xeb\xef\xc5&gt;\nB%!\xab\x7f\x07\x0c\xeb\x15\xbc\xe8ZUTp\x92?\xb6\xff\x81\x887k\xac\x0e\x9f^vR~\xda\xe0\xf1\x96\xc0\x81W/\x14\xd7O\x03\xd0\xd3\xcc\xcc\xa1\xcd-\xaaz\xb7\x0c??\x86\xff\x93W\x07\x1e\xe7s\xca%X\x8dED\xc8]w\xa8\x87?\x8e|\x04\ry\x1cU\x91\xa1\x8b\x99Wun\xc9jW\x9c\x13\xf9\xa2b\xd1\x9d\xeb\xbd\xca\xb8\xd0\xd1F\xb0\xcd{\xea\xeb$\xe3!\xc7\xe0\xcc\xbcHf|b\xd6\xdd\xce\xee\x9f\xd2q\xa0\xe0\xe8\xaf\x91\x0b\x01\x0f\x02\x9c\x83\xb2\xb2w\xffbOy\x92\xc4s4\x91?&gt;\xe6\xa5\xb4\x89\xc1\xb8\xe9N\xb8E\xa6\xe5\xd1O\x03\xb0~\xd9l\xda\x85\xdd\xde\x8a\'o\x80\xd9\xffx\xce.\xd5\xf0X5Q\xcby\x1b\xe0i\xae\x06v\x83Zg\xa0o\xed\x981\xe3\xe7t\xaa\xc7\xf1\xcc\x84\xf6\x07@&lt;\xba&gt;\x9eo\xfd\xb8\x8e\xc9\xdd\xbe\x06O\xd4\xcf\x10\xd0d\xde\x89\x9a\x10\x86\xec\xad\x83\tZ\xa3v\x8bBy\x9c\x1b\xf2\x98\xc9=j$\xa6\xd1\x9e\xc7\xce\x8b\xbd\xb0\xb7/$HLT*\xcf\x06\xef\x7f\x86\x84\xf98\xcd\xde\xca\xcb\xf9\x9d2\x0c\n-h\xff\xe3\xbdE\xf4\xd6\x00Lc\xe4i\xc5\xeb\xe63Q\xe2\x9c|\xe0\xec\xf5\xf4\xa3\xf3M[s#:W\xf0\xaf\x0b(\xf7gz\xcb\x8fG\x07xV\xd6g\xc9\xfb\xd5\x81\x15\x93\xd9\xd3\x8dvy&gt;\xe95w\xbeG1\x00\xce9\xf76\xbf\xc3\xe6\xb5\xdb\xdb\xdf\xac\x16\xcc\x1f\xac\xee7\xb7\xee{K~O\xc8\xc1\xb1\xe7\xa2\x92\x15\xf9\xf2\xd3\xdaE\x8aX\xf5\x94\x18\x1dpw\x9e\xb7\xc1n\xbd\xden\x03P\x86\xc8\x8f\xa4d\xc5\xeaKut\xd3\xe66\r\xdbe\x04=\xed\x96\x02\x10f[\r\xd5m\x00\xbe&amp;w\x04\xafB\xcf\'=\x1fJf\xe6\xbc\xff\xfc(.\xfbM\xbb\xd1d\x15\xc7\x08ZQ\xb9\xb7\xaaV\xe1\xb9&lt;\xe7\xbc.0\x9b!\xcb\xbd\xb29\x12\xb9\xdd\x8b\x1b\x13\xc8b\xfbt\x81\x9c\x94\xd32\xacrF\xb9\x89\xed/\x01,\xa6\x9fe\xa0MPZ\xfefK\xe0\xf6\xa3\xf5\xaf\xac,\xf0?"\x1f\xca\x1c\xbe\xe6\xf6\xe92\x95\xda\xc5"\x1f\xe7\xdc\xf4\x92\t\xbb\x8bZ\xa9\xfd\x01x\xd9Nt+\x84\xf9\x08\xf0e \xec\xad\xf1A\x9d\'\xef\x9b\xe3R\t\x003\xf9\x92\xda)\xa8\'\xa5\xfa?\x9a\x11y\xf9!i\x05\xd1\xc5_\xfb{\xee&lt;!~S\xd0\xb7\xca\x13@\x81\xd5)=\xeb\xe6N\xfao|\xf9\xcd\xea\x18\xb2W\x81\xf5\xd9g\x007\xb4\xaa\x97v\xeb\xa8\x88:\x8bzn\x85\xaa?Ho;\x81\x01\x9b\xd6\xb3\x8e\xe3\xab\xabV\x07E\xd4]7\x98\xcb\x0c\xca\x94\xee6V\xe7E\x03\x00s\xd2\xdf\x0bm3\xc6\xc7\xfb\n\x7f\xd2=\xea\xedMU\x15\\w\x8d\x1f\xf0\xdd\xa0\xd7h\x07\xb9\xc9D\x038 _z\xbc\x87ho|&lt;{zJE\x992\xd3\xbb\r\xea\xf9\xf3U\x98\xf2\xfa\x8a\x0e\x95\x04\\\xd2\x8a\x89\xca\x1f\xb7\xf6\xc6\xda\tP$\xafj\'\'R\xd2\x8a\xa0\x94\xcf\x8a\x13\xf9\x027e\xe37&gt;~y\x9d\x93\xab\x06\xa0L\xbe\xbf6Q\xcd\xd4\xe3\xe2\x9c\xfch\xedD\x94\xc2pY\x03\xaco\x95\n\xb1\xaa|\xda\x1d\xb0\xadrQvs\xef|_\xee\xc1\xc7\xc32\xfe\x8d\xce\xfdb\xc0\xe1\xcd\xeb\xe9\x8e\x03,\x12\xe7~W\xed44g\xf5\xa6\xd5\xe9\x97\xde\x1d\xfa\xb8\x07\x80\xe95s_\\n\xa0\x0c\xc5\xd0\xce\xa1\x9a{\xf6\xb3\xe6\xb3\x96\xc4\xef\xce,\xf8\xf4\xb4|\xd7Pb\xcc\xf7\xbc\xe8f\xb1\n\xa8mM\xf7\xc8\xa8\x08\xe4\xf7\x07\x1e_\xe9r?\xbe\xc3\xeb\xf1\xfd\xcc\xf3\xc3GDPQ\tP\x9c&lt;\x07lI)\xd8\xdc\x15\xa6\xf8\\\x8d\xf9\x10\x91_\x08\x0f?r\n\xfd\xff\xee\x04\x12\x1a\xf9\xcb\xc7\x1f?l\xfe\x1a\x19\xeaU\xa4\x14u\xf4\x8a\x82\xdd.y\xfdYDD\xfev\xc6\xe8\x92\xd7P\xfd\xf3\xbdY\x04\xd5\x14^\xb4\x019\xde\xac\x87h&lt;\x85\xd7\x177\x16\\\x98\xffR\x93\xeb\xa0:*v\xe3\xb5\x1b+\xb3!\xff\xa5T\x19\x8b_V\xbe\x99\xbe\xe1\xe0(\xd0\xdc_\xae\x004\xc6No\xe8&lt;\x11\xef\xd2\x8e\xcb\xce\x89\xa7\x90\xc5\x7f\xeb$@\x9c|o\xe8G\x14\xba\xff\'\x1f\xbex\x02(\xba\x15!\x97\xd6\xd3\x0f+\n\xef\xcd9LF\xf1\xfd\xf6Z\']7\xe7\xbe\xb2b\xdc\xce\xb9\xb9\xfc\xd4\x88\xf4\xe4\xaf\xfb\xbf\x7f\xa3\xef\x8b\x9a\x81:\xca\x17\xcd\xf3\x06\xc0?=\xe9\x1d\xba\xc2\x15\x89V\xc5\x15\xd8\xfd\x8dT\xb4i\x0c\x8c\xceZ}z\x94\x1e:\xcd\xf0\xb2yOz\xb9\x82c\xaa\x88\x9ax40\xaf\xbf\xfc\xe1\x92\xa3\x18\x8b\xfb\x00*N\x0e\xd9\x99\x96z\xd6\x02\x07i\xbaU5q\xd2)\xeeo*\xf1\xf0\xcb\xd6\xe5=\x11\x17\xbdV)\xc9T&gt;oU\xecq_\x97S\x03\xdc\t}\xf0\xbf\x8e\xab\xb5\xf0&gt;\x1f\xecl\xf9&lt;O\xc4\xb7\xd0\xe5\x15\x0e=)\xca\xba\xbf\xfbdTh\x03`SJ\xb3\xd4\xea9\x03\xc6\xa9\xd7\'A\x93\x99\xd1\x91\xdbXEU\xc2\xfa\t\xe0\xf4\xc8\xd0\x90K\xba\xcf%\xb3\xcf\xe2\x1c\x00\xaaP\x1fL\x1f\xbc\xe7T\x96\xfb\x83\x82c\x19l}\t`\xc6zM^\xf2I\xf1\x9c\x8dd\x1f-By\xe6\x1a\x80\xf9\xcb\xf9(\r7\x92|\xadM\xb5\x019\\.\nX\xca\x91\x17\x8a\xdf\xe82\x0c\xc3\xb6\xbb!\xceLC\x84\x8a\xe4Q\xf5\xf3\x84\xe8\x89\x8c\xba\x83\xd5\xa0I\xb1\xafM\x16y_\xae\xf7\xbb=\xd2\xff/\xf3\x84\x0f4#\xfa~\xeef,\xb5\x8f\xb3(\xa6\xd8u\x17\xf9\xac\x02\xb1\x00\xf7%\x0bq\x1fWOR\x0e\xe7KZ;i\xc7&lt;\xe8\xbc\x00#=\x88\xdb\x8c\xb2\xde\xe3,#\x99\x9b\x03@\xa8\xc4\xe1\xef\xb9\x16\xb8\xac\x84\xe5\x8f\xa7\xc4s\x9d\xce\xd0\xd3h\xb1\xc9X\xa68\xa5\xd5?\xc9+\xcf\xe0$\xe0\xd8jt\xba\x05\xf2)w\xea`\xc09\xf96\xdf\xda\xc1B\xa9\xd8}\x02(\xf8\x8c/\'1&amp;\xac\xce\xf4=\xf2\xc3\xb1Uy\xfa.\xa7\xbaW?\xd3jH\xff0Cc\xae\xb5Z4\xf9*\xdf\xea\t\x13\xaf\x97\xbc\xc0\xdb\x07\xbf+\xed\xe3\xbb\x05\xb4X\x81]5\x00Z\xb1\x16K\xbc\x88|G\xe4g\xfb\x99AY\xcawF\xb9g\x83\xb7\xbf\xa7\xeeF\x0c\x91\x9fZ\xf5\xa6+&amp;\xe6R\xddR~\xfe\x04`\\J\xd6Q\xb7|\x7f\xd5\xd8/\xab\xf7\xe7\xdf?\xadl\xca\x00]\x97\x95L\xf9zH\x16\xff\x9b\xd3\xd0bu\x98\x92\xe6\xf6\xceV\x958\'\xff\xcd\xb9\x82\x8f\x9b/\xb1\x8b\xfcww\xf6\x12\xf2F\x0bd[\xd8za\x82H\xe9\xb7Z\xce\xb7\xd6&lt;7+z_\xfa\xd8\x93e\x1d\xd4e\xe6\xcc\xbb.\xbb&lt;;\x9cc\x15\x90\x11"\xf2\xc1\xf2\xb1.\xefyk\xefT\xd8\x1a7\xa3\xea\xf6\n\xcf\xc3z\xfd\xebw;\xf3\xc3\x89\xbb\xe64\xff\xde\x83?\x17L\x0b\x80W?Q\xe9i\xb7\xb9\xfb^q\xb2$(\x10S\x19\x15q\xfas\xb6-?\xf9Y\xeb\xbf\x96\xfdB\xd0)j\xc6y\x00\xd5\x06\xc0?\x9c\xdc\xb7\x9d\xfa\x8d\xad\xb8\xa0K\xde1\x05\xd8\x96\x947@\x88\x88\xc8\xcfN??\xab\xe0g\xed\x1f\x11nz\x06Z^\xe7S\xe1\x91\x1c\'\x8e\xca\x88\xfa\xb0@\xd3\xecd\x85\x9d\x94\xf4D}\x04,\xae\xfe\x95o\xd5\xb9\xef\xaa&lt;\x7f\xf88I\x91\xbd\xc4\xde\x1e\x17\xc4_\xb1\xbc\x8a\xa9Vr\xa4#\xa7r\x999\xfe7CU)""\x7f+41\xd3\x98\x92^\x03\x90\x18\xceE,\xab\xe8\xe2\x02\xa1\xde\xaf\x8b\xecWA6\xb6(\xe5\xaa-\x07|\xb4\x12#\xd3;\xdb\xdbh\x00\x9e\xd19\'\x1f\xf6&gt;x\xde"\x93+9\x08!?U;\x05f\xcc\xeba\xe2n\x1dY&lt;\xfb\xd3\xafI\xd4J\xf6\xa5_\xee\x93O\xca\'\xc5\x86i\xb2\x10\xfe\xa3\xc5S\x8ec\x9d\x94\x05\xe5\x07\xfa\xe5\xb7\xd8\xbd\xb7\xe7\xe5\x13q\xf7\xce\xfc\xfcn\xf0\xde\xf3\xa4U\x1e$%\x1f[\x9b\x7f\x9a\xce\xf3\xaf\xd4N\xc7\x82\xcdB8&amp;\xc8Z\xaa\xee\xce\xc2\xe5\xc8TX=K\xdb\xf2\x88\xc4\x1b\'z\xf6\xcf\x08\xc5\xc4\'5\x00\xd9\xf20\xd3\x95\xd1Mo\xcb%\x08\xce9\xf7\x86\xda\t\x08`{\x97R\x92\xc1y\x9d\xde\xeb\x11I\xdb\xb6\x06\xe7\xc4\xf8\xbe\xaf\xb2\x8e2C.w\xc9\xe6\xcaE\xf1\xd9\xa8?\xbd\xf0\xd0\xfbRf\xb8\xe6\xe5\xb7\xb1\xa3St&amp;\xe0)\xba\xc3\x1e\xf1\x91\x93O\xe5\xeb\x01{\x06+t\xc3C\x90Sv\x8dE\xf9kk\'\xa3uM\x0f\xec\xe4\x16\xd5\x00\x9c\x8d\xc6\x90\xd5\xbb\xe4\xdd\xf9\xa3 \xe7\xfb\xe3\xdb\xeb\xd1\xbb\xf8\xea\x85\xa8z\xa9&lt;i\x00\xaa\xa7MQ\xb1\xdb\xff\xe2\t\xa0P*\x1aS [\x12\xa3\xa0\x9f4\xaa\xfc28\x91\xafX^\x86\x80\x91\xc4\xe8\r\xf1\xaf\xffT\x1f\xbb\xcc:\x18\xeas\xceg\xeft\xcb_\xe2W\xd3\xa9\xf9\xe2+\xfd\xf2\xd4\xc3?P\x89\xec\x18\xf2\xb7\x01\xcc:\xa8\xa8\x9c\x8d\xd73lz\x9fr\x9b\xc7\xc6a\x18Dn4\x15Z`\xb6n\xce\xe11o]\xfb/\x19\x1e\xf7;\x1d\x9d\x86\x1c\xffI9\x01\xad\xe5\xa4\xf1;\xab\x8f\xc2\x99\xae\xda\x13\x80\x95\xe7\xaf;\x95\x80\x92\xe7j\xe4\xf2\xa6\x9b\xbf-\xe1\xe0\xcf\xa9\xbd\x90\x97?\x1d\xfd\xf6\xf1T\xf7\x89\xa1\x91\xd5c\xbdn5\x9e\xbc\xee\x89\xd2V\xf2\xb8\xa8\xad4?y\xd4=\xc11r\xff\xa5\xf5\xf6\xaf\x84\x1c\xd7\xff\xa1\x19}\xbe\xe7\xa0\xefb\t\x83\xaa=\x01\x8c\x1d\x84\xe8nB\xca&gt;=\xeb}\x93tUOp\x18\x02G\x80\xaf\xae\xa3&lt;\xfe[\xb2~\\\xc6\xf4\xb6\xbd\x1c\xcd\x92\x9e\xd7h&lt;\xc3\x7f\xef\xd5R%\xa0C\xa6\xbaK\x86\x92b\x83\xe7\xd5\x11\xf9\x82\xcb\xe3\xaa_\xe8m\x97\xbd\xc0\x8b4\xfc\x03\xcf\x9b\x0e\x00\x97\xeev\xfbi\xbe\x89A)\xb4\x8c{\xb26\xc9\x93\xdc\xd5\x7f\xc8\xe9t_\xf7k\x16\xb6\xde\xf3\n\x98\x9cO6F\xdfQ9\xea=\xa5\x06 \xe1\xb3\x17!\xaf\xab{\xb1\xd4\xe4w\xdf\xfb\xdf\x16\x8f?\xa0\x91\xff\xbdg\x1b\xf4\x88\xfc\xa5\xdaI\x08s^\xa5&amp;\xd5\x95\xf9\xef\x9b\xff\x18\xf5\xa9\x94q\xf0\x9d&gt;\xfe\xe2L\xc7\x01\x9f_\x88\x0c;0%\xe1U[\xf7\r\x00\xeeB\xf6n\x80\xd4-\x7fi\x1fo\x94\xc8[N\xffz\x96+\x99*\x94\xdc\x17"%\xd9\xe7\r@I\x8c\xe6[\xb3\xac\x91\xb86\xd9\xed&lt;n\xff\xe3\x8a\xc9\xe9\xd0y\xd5\xa6[\xf1\xc9+\xad`\x8f"\xfa\x8c\xa0\x8f\x9c\xfe\xd3\xd9\xebY3\xd7[\x059^\xc1\xe1\xb2\xeb\xb2\xc9x\x89\xba\x97\x9b\xef\xfcDD\xe3\x8b^\xddc\xed\xfc\xb2\xf2\xcf&gt;e\xbaq\x99\xc2\xeb\x00\x15\x93\x98\xe6\x9b\xaf\xf6\x10\x00\x11\x8c\xae\x88\x97\xd7}\xe4\xf3nxWo\x15\xbf\xd8\xde\xda\xaee\xaa_\x1e\xa7\x9ar\xd6/U\xd50\xe4~\x9f\xc1\x98\xd4\xd0\xa2"\x07\xf7\xc0\xb8O\xd1\xce\x15_df\xe9D\x89s\xee\xf1\x12\x11\xc9\xff\xea\x8b\xc2nr_\x1f\xa9\xfc28_\xf2\xe7\x9e?f\xe8\x00\xf9\x04\xf9\xd2 \xb5\xdc\r;O\xfa\xb4A\xefq\xa4\xf6\xbd\x91\xf1N[\xa6|\xfc\xf7\xe5G\x8ej\xff\xf1\xd3V\xeb\x85yjZD\xe4\x8bKD\xf8X\xa9\xfb\xc9\xf3?\xfba\xf5*\x17\xd2\xcc\xc9\xd7\xec\x01\xbd\xbeCm\xeec6Zt\nw\xe2\xa4\xf8\xa3\x9bg\xe7}\xbc\x8eY\x9fHt\xcfy\x99\x93\xcb\x07\x1d\x979o\xc7\xfc|\xfe\xbb\xd1r\x8f=\x8d&lt;\x01&lt;\xder|\xf2\xaa\xe3\x9cQ\xef\xa7\xa7t:\x94\x94\xce\xc2Gl\x05\x9f\x9a\xa4lt\xc7T\xd30\x8cO%\xd3X\xcck&lt;\x8a\xd1\xec\xc4\xeb\x9c\x1b\xe6\xce\xe2\\x\x12s\xf8\x97\x92\x12\x95\xc4B\xd10\xa2\x99\x06\xc0\x8e\xa1\xe5\xda\xbf\xbceNY\xbb\xf1\xb2^\xc7a\x18\x9c\xfb\x88r\x98\xcf\xc0\xb7?\xed\xf3\x9c8&gt;?`\x18\xe6f`\xb1V;-\xf7\x86J\x13\xda"\xa6\xb6\xf1\x01p\xce\xe9-s,\xb3V\xc6\xe7\r\x16\xbb\x7f\xd5J\x9a\xd7J\xa7y\t\x96Gh\xdf}~\xc0"F\x95\x1c\xaeR\x07\xb3\x92\n0J\xeb\xe6\x0c\r$%\xca\x88\x0f\x8a|Nll\x11q=\xaal\xe7&gt;{\xfc\xcd\xc9\x91~A\xb9\xf5\x02\xdf\xb0&lt;\xd8o\x14\x83\x82\x88\xb2L\xb0|^\xfe\xf8\xd0\xae&gt;\xba\x07\xcdus.\xfb\xd4\xfe\x15\xce\xf91\xab!\x80\xc2\x19Un&amp;d\xaa\xa6\x0f7\xf7-\xf7|\xac{\xf7\x9b\xc3W\xbf\xf5y\x00\xdaO\xd5~R\xb3\xe7Jt\x82\x9f!\x88\x88(\x8f\xe9\xa1\x8e\x8b\xceN\xa1T \xccT\x97)\x84\xa3\xf6\x9c\x11\xdc\xff}\xad\xec\xca\xb4=\xdb\xa4\xca\xa7\xec\x1f\xe3\x8e3g\xfb\xfb\xbb\x8d\xa4ty\xb2=L\x02K\xc4\xec\xe2\xdc\xf1\xd9\x0b\r\x05DT\xe5\xc3\xb0X\x8c\x12\x17i\xed*k\xda`\xf1\xfa_YT\xa6Y\xd2\xb7X\x88\xf5\xdb\x9d\x93\xeft\xee\xe7c\xe2Y\xef\xcdt\xf6\xa6\xf5sb\xe1\x87Q*\x1d\xba\x97\xd0\xb4\xc2z\x04x}\xcc\xcd\x1a\x9eU\x9f\xb4\xc5j$\xa6\xff\xef\xdc\x0fL\x1f\xfcMS \x8b\xa1\t\xd9d\x8b"\xd9\xf3\xaeE\xe1|\xa6\xc1\xb3\xc4\x8a\xf2}\x07DR,\x86\x85\xcbt\xcadZ\xd36\r@{\'\x1f\xddf\x8b\x88|\xd9\xfc\xb3\x93\x83\xdaY/\xa5\x8bxO#\n\x8a\xd5\xb3\x9d\xf0IUz \xb8\xb5\xdd\x1b&amp;\xf6\xe6\x0c(\x91\n\x83\xd1S\xe2\x93\x03j\xcdx\xca\xcf1\x90\xd6\xb2 eFq\xfb\xc1U?`&gt;\xa0L3\xf0\xfc\xd3\x8f\xa7\x04\x1b\x93\xda\xd0&lt;&lt;\x9a\xd0\xfeS\xce}84nt,\xae8\xe6HF\xd2\xc7\x95\x92Q\x9e\x85\xcc\xcfJ\xe4s"\x1a\x80\x93A\x9e\xdd\x9e\xb9\xfcV\xbd\x14o\xa2\xbb&lt;@\xe4\xed\x8f\x91\xaa\xe00=s&amp;4\x0bE\xfe\xebn\xfeE7\xc6\xb0"\xb8/\xa0\x1a\x9a\xa2e\xd4\xb7-\x94\xb7=\xf1s\xbb\xfd\xee\xe7_\x7f\xf6\xfa\x982d\x93\x8c\x93\xc4\xfc\x87\xab\x8f+\x9e\xc8s\xc4l\xfd{\x1a\x80\xc6us\xfd(\x8b8\xe2Y#Vo\x00\xdc^\x03\xb0\xdfh\x1d\xfe&gt;K\xaa\xbe5K\xa8\xa8\xcdg\xabz+\x8c\x8c&gt;\xc1 \xff\x99\x03\xf9\'\x05\x92s\x95\x86)\xc1?\xed\xe6Y\x8a\xed1\'\rC\xfe\x14\xa2\x13\x94\x95\x1cnr\x0b\x96\xa9jD\xfe\xa8R8\xf2\x1e\x95\x80\x8a\xf3\x7f\x02H\x99!\x07\xa0\xe3&amp;w`\xa1\x06\xa0@\x1c\xbd\x90\xcfl\xbe\x01\xf8;\xb5\x13\x80;\xca\xb4 \xb2\xe9[\xb1$2\n\xa3\xfb\x94\x847\xd4N\x00\x9e\x06\x97\xfa\x8e\xf5\x83p\xd9\xc4\x0ex\x99\xaa~n\x19\xe0\xb6\x8e:\x80w\xe9\x16\x1e\xb0v\xfa\x15\x07\x9a\xaceE4\xeb/\x83\xeb&amp;\xa3\x1b\xd2\xfa\x00n\xa2\xb3S\xff\x86\xe9\x80\xf3,\x12\x91\xbf\xaf\x9f\xae\xfa\x0c\xf6\x8aC\xbf\xd3m\xbcn\xe9\xe5\xdb`V\x00:n\xdf\x00\x1c\x9e\xfe\xb3\xfa\xb8j\x00:\xce\xc0\xbf\xb6\xf9M\xad\xf3\x8d\x88R\x1e\r\xfc_8:@D\xe4\x87\x13\x12\x85\xd6\xf4{\xabF\x92\xc5\x7f\xf7\x0f\xb0\x94e%\xeb\x9e\xe5\xf6\xa8\xa3H\xad-\x82\x14\xe7&gt;\xa8\xf7$\xbd=\xbb\xcb\xe602\xa2l\xf9\'\xf2\xd1\xdd\xdf\xbf\xd9\xc6\x16&lt;\xe4\xf2\xee\xda\t\xe8\x86\xa9;\xa4db&lt;\xfb\xfe\xfb\xab\xe3k\xd4,\xf2J?\xcc\x93\xb7\x1b\xa9D\xa6\xed\xea\xf1\x8e\x06\x00\xb8b\xf6\xfe\xa8\x9b\xb0\xf3\x1a\xa4f\x03\xf0\x9a3\xe9)9z}\xa9\xa7O\xa8w\xa5\xae^\xc2\xf1\x13w\xab\xfd\x99\xcc\xb0H\x84uh\x85\x8co\xba\t\x9dK\xdc\x0fjQwl\x03\x9c\xff\xaa\x12W(\x99\xbf\x8clJFj*\xb6\x15\xe5e\x88\xe3[\x85\xc6\xc3\xe4*\xcf\x85\xba\xa9\x08\xeb\xab\x80\xfa0O=y{\xe7\xf4\xc1E\x0f\xee\xad\x05\xfbMR\xbb7]\x8cb-3,\x8c\xbf)\xd3\x9d\xf4\x89dy\x9a\x8b\x04*\xf1\r\xf1%\xa1\xe7\x99C\xed\x7f_\xf6k\x9f\xb9\xec.\xcb\xf0\xe5\xd0pP\xf8\xb2\xf8 C\x93\x1dH\xb9\x8e\x99\xb6\x88\'\nM\x91\xee0\x14TX}\x02\xb0]8\x16\xfd\x9dg9&gt;\xeb\x04-\xba\x84\x9e\xe5~\xd8\x84Ye\xe8\x00Z\xa6\xcbwp\x11\xc7g\xc4\xc3\xd7m\x9a\xbc\x1d\x8e\xca\xe3QZ7O!\x94g\xec\x11y\x9f\xc8\xd7\xd7N\x85/\xcf\n}\xb9d"oz4\x9e\x9f,\xd675\x88\x88\xc8\xf7\x95\x8ah\xff\xf9@&gt;\x1aYlD\xe4\x87\x94\x92\x17\x1a\xef\xf3g\xeb}9\xa0\x88b\x8f\xbc&lt;\\ky\xaeq|\xfd\xfd\xa7\xa8G\xd4\xef@\xdf\xf4\x00S;\x198\xd2\xc9\xcb\xe0\x8c\xaf\x19x,\xbc\xd0\x0c\xd0\xf2\xf9v`\\\x88%\xcb\x7fL?N/\x0bS\x9fFM\xf9\xb8\xb5\xf2 "\xf3\x98\x97\xad\x94\x01\x9e,w\xc5:\xeb\'\x9a\xb5\xbb\x82\x9e\xcc\xbf4\xe7\x1b\xf9\x85}\x94\n4g\xaa\xce\xfeA\xedtx\x08\xba\xbb\xb8\x17\xd1\x86\xc7\x9a\x08\x85\x02K\x0b\x84\xd6\xc5N\x0e;y\xf3\xebo\xd4R\x04\xe4\xa4\xf2\x0c\xfe|8}\xfc\x90\x9e0\xa0\xbc\xf9^\x08\xec\xefg\x1c\x95\xe1^Bv)\x85lQ\xef+\x84\x16\x1e{\xc1\xc84\xdca\x00\xb7\x9bS\x0cX\x91\xdc\xcb)#\x91\xd5\x8d`\xa7"\x96\x15\xcc\xe5}\xde\x7f2/\xbb(\xbbH\xa1\xb1\x1b\xef?Y\xdd\xae#\xf2M\xb5\xaa1&amp;6\x01\x04\x13\xe7D\xfeH\xedTt\xa2\xd6\x82\x1c\xc5x\xc7P\xca\xbf\xf8d\x99~\x9a1\x98\xb6[@m\xf6\xbe\x96\x15\xc3\xfe\x96\xce\x9c\xd5\xd5\xfc\xba\x18\xe3}\xd3g\xd5\x93\xfaF\xe2\x1a\xb5\x7f\xd5\xec\xcdq\xca\x96\xcb\x8a\x88\xfc\xef\xdai\xe8\x9e\xf9!\xa0\xbd\x12otT\xc2C\xc6\x84\xdb\xae\xf7\xfb0\x14\x7f#\xd3\xb6\xc9\x91\x8f\xbd\x1e\x90v\xdd\xb3\x9eL\xda\\\x9ds\xce\xfd\xca\xb3\x17,&amp;\x84\x8e\xea\x8cwT#\xbc&lt;Y\x1f&lt;\x01\\\x07\x12\xf5\xa7\x16%\x9e\x8e\xcd\x97\xcc\xe8\xf7\xd0\x17#N\xd1\x85\xaaE)/\xce\xea3G\xf2h\xb6/\xbd1\x96\x15#s\x96\xa2\xf4\x1d#\xb8\xb9\xc5"\xcfa\xfc\xc1~\xb9\x1a\x1b\xabU:\xc7_6\x90\xfa\x9b1?\x04\x84\xd6\xf8.F\xcc\x9d\x8e\xc6\xad\xdf\x1f5\xbdL\xfa\xe0m\xd2\xa6\x9e\x03v\xb7&amp;P\xfb\x9bD\x03\x90E\x9d\xaf\xfd\xb3\xbd&gt;q\xbd\x85[\xbe\xb3^ZZ ?\xfc\xb8\x98\x83\xbb\x9a~\xb0X\xb5\xca\xfc\x9f\xc9\xe0\x9c\x88\xfb\xea\xf1\x8fVK)ZUw\x85\x86\x05S\xfd\xffo\x0e\x0f\x18\xaan\x02\xca\x1d\xb5\xc8\x17\xe6\x0b\xbc\xbcy\xf4\xdfH\x99\xf6O\xcdI\xca\x97\xf3\x19\xfaID8{\x1d\x87\xfc\xa6\xe1H\xe7\x9c\x8d\xae\x93\xd6W\xc0\xfb\xcc\x82\xd4\x9d)\xd1\xfd\xb2\xfb\xbe\'Z\xe6RZ\xe0\x82&gt;\x9e4\xceB\x11\xef[\xe6\xe8\xc8ydh\x18\x86\xbe\xaf\x1d\xac\x13\xe7D~\xbcv*&amp;%;z\xb2\x1d\x8a\x81\x19\xcb\xa5M~}m\x9d\xc2\xf3\x0cGk\x83\xdb^8/+\x9a\xd2\xa3\x81\x06\x1a\xe1\xfa\xfc\xfbVj1r\xe1M\n\xea\xce/\x17\x08%\x16\x1c\xcf\xa7\x8dD\xe5\xcb\xf9~2(\xfc\x0bL\x02[Q\xf2\xae\xe0\x06\xe8\xc2Te\xa7\x17\x9c\xa1\xcc\xb7\xb4O_\x11Vv\'\x9d\xfc\xf5\xed\xafx\x02\x06R\xd9\xdc\x8a\x95\xae\x9b\xda\xa1\x9b\x13Q\x94\xb2\xbf\xacK&lt;\x01\x18%\xf2\xe6\x8a\x85\xf4\xf2\x0e\x91\xa9\xfa\xe7Fz2\xb5n\xc7B\x1a,2qq\x80+\xfb\xfb\xfe\x17\xff\xcd\x18\xb5\xbb~o\x9d|q\x89\xaf\n\xa8R\x9dF\xbf~\xc0L\xe5\x7f\x8boqX\xf1?\xdf\x1bf\xce}-\xdf\x91yy\xd5M\xed$\xd8o\x00\x8a\xd41\xc5:\xb2\xe71X\xeaO{\xb1\x93\xd0\xac\x99f\xf0\x82\xb4UNL\xe9p\x08hY\x14\x96\xfb\'\xaf\xe7\x9e4^P\xacU\x0c\xc7I9\x91\xd7\xbd\x94\xc3\xb4)T\xd16\xc9&gt;\x0b\xcfC\xc3\xdc;f:\xf0\xe2\xd0"s\x86_\xa2\x11H\xdd\xa9\xf5\xdf\x9dy\x9d\xa5\xbcw\xfa\xc1\xf3\x82\x14\xab\x8f\x13\x17B\x89\xfc;\xc5\xc4 \x97\x97\xc2}\\\xc1\xf8T\xc2G\x1b\x14\x13+\xf0L\xfd\xd5\xfc\xfd\xfd\x9d\x86\xef\xe4a\xe8\xbc\xca\x96_\x1f\xfc \xb5{h\x99\x11\x959t\xff\x88\xcc\xf63\x97k\xf9\xb7\xa59l\x84\xe4x\x15\xff\xd1G\xd6\xbf9\xc8\xd2\x1cwGJ9i\xee)S]CO\x00\xcf\x16\xfe|\xc1\xda\x8f\x9dw`\xddz\x1d\xd8\xea\xea[+\rC\xe6\x87\xeea\xd8\xe9\xd3\x9d\xbcyf\x18N\xbb\xba?s\xd9\xa5\xdf\x89k\xc7\xf5\xd6T\r\xf3\xc5\xfe\xb3\x01\x11ei\xe6\xa3\xaa\xa1O]T\xa9\xc3\xe0\x86ap_\xf6z"\xf3\xd2\xfb\xe5\xef\xe2\x92\xe8\x0e;\xff\xdb\xcb48\xe76\xcf\xaf.\xc7C\x92\xce\xa58)\x83\xb0\xe4z\x1c\xff\xea\x88\xdd.\x83\xe2\x13@\xf4\xc7\xcfB\xb6\xd7,\xedR\xcc\x812\xfd\xb2\xb8(\xd4\xd7\xbf\xce\x9d\xf7\xf3H\xf5\xa2;\x8dH\xf1"\xfe\xaf\x12uh\xfa\x13\x80nz\x10l\xaf:\x8e\x0f*\xe2\xb3\n\xd5\xbf\x86\xc3q\xad\xb2%\xd5g\x15\xd0\xce\xa7\x92\x93\xb8\xfcl\xd8 R\xfdK\x97\x9d\xe2\xf9\x1d\x8e\xe4\xa8\xc5\xe0\x9cs\x1f\xa0\x07\ru&gt;+y\x1au\xde\xcd\x97_\xd1\xc6C@\x15wh\x00\x9a\xc3E\x01\x02\xa8\xdf/\xb2x\xb2\xd1\x0cW\x9b,&amp;\x96\x7f6.\x04\xc3\xe7\xb8;\xdeX+1%]\xaf\xefR\x8f\xb1lt}h`\x12X\x9c\xfb\x9a\xf1\x87\xae\xef\x1c\xfdw\xb1\xb4\x92]\xe3\x8eb\x11\x11y\x93\xe1\xaa\\E\xcf\xe7\xf6\xeab\xb1\x80\xaa\xa9\x95\xed\xba\xe4\xdcZ\xe8\x1cm\xdf\x95\x88\xa79\xc3\x96\xb9!\xce\xfdt\xc54\xed\x99\xa7\x1c\x9ax^I\x147\xbf\xd2=\xb2\x04\xd7\xfcK\x89\xb5\xe2$\xc7\xff4\x96\xd2$=\x9dK&gt;\xdbb\xdcw\xb3w\xbd0\xaf\xe3\x93G\xa8{\x16\x85q\xc04\xe8N\x88\xc8\xa8Ly\xbb\xddN%K\x8fc\xaa\\\xd9&amp;\xea\x96\xde\x1b\x80nO\xad\x035\xe7\x00\xb6\xe5b\xdc\xa5U&gt;%\x86\xf8\x9f~xFe\x1a\x93\x9d\x83\xdd\x9f\xc4\x18\xd3Y\xe3\xaa\xca\xfc\xba\t\xbf\x83\xa9\xaa\xf2yv\x05\xee0\xd2\xd7\x8e\xaa\x93\xc0\xdb2\xf0\xed5\x92a@\xc4\x8c\x99\xff\x94q\xf9\xdbm\xf9\xed"\xd3\xfb\x8b\nN\t\x86\x1a\x9fN\x82\xbe\x11%Sv\x8a\xfc\x8d\x8b\x03\xb2D\x9b\xdb#We\xf7\xb7O\xb4\x0b\xf7\xb23\x18Z%\x1dE\xf8\x14\xeeL+\xe7\xba\xefp\x9dl\xa1\xf09\xef\xd0\xec\xc9\x91\x9d&gt;\xdd\xe2n.\xe3\xee\x89tsvmyC\xcd\xc8\xb7\x1d.\x91\xc2\xdf\x18W\xcc\xb2w\xcf\xbf\x1b\xcc\x00\x00\x0c\x19IDAT)"\xbb\x9d\xcdL\xa7&gt;\x0c\x83\xc8\xf7\xf7\x9c\xb7\xafm\xc02o=\xdflZ\xf9[j\xfd\xea\xbd\xba\x89T\xb4=\x91\xdd\xf6\xa0\x9b\xf3\x05\xea\x13\xf9\xf2\xdaI\xc8+\xe2\x85\x19\xab\x83\xabtB\x97\xabu-t\x81\xab\xac\xa7_=\x00\x19\xc9\x8a;\xa0\x8d\xed\x84T\xba\x96\xbf\xe8\xdc\x1bc?;\xdd\xe4\xe1=\xbdL\';\xafA\x18\x86A+\ny\x04\xa8\x11X\t\xe2\x9c\x137\x0cEK\xd4nu\xdfP\xa6\xb5\xab\x81\x9d\xc0v\x88s"\x9fV;\x15\xfb\xb4\xee\x95\xd0y\x88\xe8\xda?E\xae\x8aa\xd1\x03\xd5\xec\x06\x7f\xbe\xc5\x8a\xec\xe8\x99cpn\x18\xa6\x1c\x88\xeb\x86\x9f\xbf\xd5\xea\x80\xc5,B\x1b\xc6\x82Z\xe0\x91Q\xbe\xa5\xffE\xcd\xabJ!\xeb\xd9\x96\x7f]\xcc\xa5\x88\t\xf3\x93\xc3\xed\x0c\xec\xac,\xf7]\xef\xae\xc5\xf0\x99\x94&gt;\x0f9\xf8\x83\xcbRg2\xd3\xa0l\xbc\xc4_\xa4\xb4U\xc4Zyit\xd3\xbf\xc1\x047\x98\x8b\x93\xa8\xbe\xf0&amp;\x90\x8fx\x1f\xe9]o\xca+\xb7\xdd\xac\xfe\xa1\xa4Z\xf8\xd7\xc6}\x0c\xb7\xd2}3o\xb9#Skkn(\xcby\xb8t\x94\xc8\x98o\xa7x\xfcWDD&gt;\xcf\xe7\xf4C\xfb\xec\xdb\xce\xff\xces@\x0b\xd9\x8e\xb6Q\xc4Z\'\xce\xfd\xce\xe4\x10:\xa0\xdeL\x8d\x83\xf0\xbeG\x06\xee\xb0\xdd&gt;\x9aD\'\x9ff\x02\xe5\x88s\xbf\xaeF\xa4\x94\xf2#\x89\x19\x139\xd2l\xcfx\x1e\xdf\xa8\x18\xe0\xf9\xec\xc2j\xc4\xdc\x05\xb7\x01\xdb\xe8\xe0\x0e\xf2az\x9bI\x0f\xe5\xb4Y\xf35(\x7f\x11\x14\xeb\xa8^\xaa\xbb\xa7\xf4\xf3\xc9\x9d!\x9e\xa1\'6EGUo\xa6\xb3[\x86:\xc6\xfb\xf9\x8f4|\xcf\xf6\xe0\x1c)\xe8\xd4\xear\xadf\xcb\xfb\xbaw\x9bR1\xe7=\x07a\x0b\xc7\xb8:\xfe\x97\xa9&amp; (j\xcb\xb7\x85\xd7\xb5S\xba\xc5w\x86\xd13Ltm\x03\x9bc0~-\xdaE\xf5_Z\x7f9\xdd_\xe9\xf9d\xe7\xdc\xc1\xb2\xbf\xb6NvN\xbf\xfaM\xee\xd3\x00\xa459\x1fr\xaf7KK\xf9\xde\x88\x7f\xd8\xd1@e3|\x1f\xdb\xf3\xa6"\x9e\xd9\x84\xe5\x90\xaf{T\xe6\xa6[\xf6\xa0\xf5C\xcey\n\xc6+%\xe3\xc9\xf3dv3\x87\n\x8b;\x81w\x96%\xef\x1e\xf6\xd8\xach\xf1\xca\xd8LUN\xea\xfb\xf6\x8be\xa1\xfa\x971\x97d\xbf\xa0Y[p\x1c\xb1E\xcd9\xd7\xeb^e\x8b\r\xc0\x10Z\x9b\xd8\xbc\x07T\x13\xf5\xe9V\xcfr\xa4^\x85\xca\xe35A\xba\xc1\x9e\xd3=\x8b\xf1r\xfd\xeb\x86\x1b\x97d\xc30\x8e\xac\xe5+\xbb\x8f\xa7\xcfO\x0cHTh\x1cC\xd0WE\xa0\x14\xcbs\xf3\xe9\xa9\xf2\xffp\xdd\x1e\x96\xcaf\xd7u\x98\xc6\x1e\xed.\x06\xf1\xff\xcf\xd1\xa7\xb2\x9fC\xbe\xd0\xbd6\x13\\E\xff\x1b\xf2O\x9f\x9a\xad\x01\x90\xd7\xb3\xee\xff\xc1\xab#\xbf\xbeH\x82\xb6\xf1\xca\xfcCL\x01\x1d?\xe4y\x1f\xd6*\xfe)\xb7_\xd0g\xd7\x93\xcc\xc6F\x15v\xe5\xab\x98d\xfe_\xb65\xa6\x97+\xdf\xe5{\xc3VX\xf9F\xedy\xdc\xe2x\x11\x11\xf9\xd3\x81\x9fC\xe3\xfc\x0bV\xf5\xeeAB\x03P=\xed\xfbd\xde|\x14\x95Hy\xe5y\xfc\xd1_\xffmP\xdcs\x98Q\x9f\xb2&amp;w\xf1P\t\xddf\x19F\xf3V5HO\x93\xf5\x9eU\xe3|@\xf9\x93^m\x90\t\xfb\xac^\x03\x90\xf0\xfca\xab\r\xf0&lt;\rY\xfcW\'\xde\xd7\xc2\xf3\xa5z!\x07\xa5!\xf4xS\xd7\x0e\x15l+\xa0&amp;j\xff\x80ga\x8f\xd3Y\x8e2\xa5\xa4j7L\xbf\x83ED\xferh\x14\xaf?_\xc6x\x94\x11)\x0fI\xc5J\x8bO$\xfe\x89Q\x9f\x1d\xb1p\xd7TO\x00\x1a#[\xf3\xef+\'\xedB\xa1J\'6\xa2\xdd\xa7\xa8\xf3:"\xf7\x19\xfd\xe6\xe3(\x1ai\x00b&amp;9\xce\x8f\xcc\x94r\xeb7O\x94\xdd\xbc\xb2\xf6\xfc\x07_\xab\x1e\xd0\xaa\r\x08\xeb\xbd:\'\xf2sU\x9a\x0c\xad(E\xfe\xe9\xfe\xef?\x9206\xb2\x1cYZ\xfc\xb7\x96\x93\x13\x89n\x00&gt;\xb0\x18d\x13\xef\x97n\xc6Q\x0f&lt;w\x82;0\xd6\xef\'c\xc2)]\x07T#\xf2w\xb7\x97l\xf3\x18\x10\x1af\xe9B\x10\xdaP\x9d\x07u\x1c\x85B\x1c\xea7\xc9K\xb5\xeb\xd7\xb4\x9c$!\xfa\xba\xaf\xc6\x0f\xb3V\x06\xd41\xe5\xc9\x8f\xba\x93\xeb\x1a\xbdx\x01\x95\xed^1;k\xc6\xe7\x82\xf5k\xfc\x8e\x0c\x0b&lt;\xe4x\xc5\x0c\xd1\x9dp\x8b\xa8s\xcf\x8f\x8aK\xdbN\xed/\xf2;\xa2\x82B\x8b\x8c\xd4\x18\xe8\x8dg\xd5\x16\xd1\xfd\xa8\xd5\x00\xe8\xda\xad\xff\xa3\x13\xfa\xcf\xc2\xa3\xdeM\x86\xd1\xcc\x8a\xb5&lt;\x9b\xbe\xce\x0c8f\xa1\xa4\xe7[\x8a\xea\x19\xa4\xa9\xc7\xdbmnl\xeb\xdd\x94\x11my\xfb\xe6\x9blCV\xddH;\x8b\xc7\x00\x9c\xd1\x1a\xf5N\x97k(Y&gt;\xc3\xef0C\x9dZ\x91\x1fX%e\xb7\xeb-\xe2\xe4\x8dq\xe1\xafO\xd3\xff\xc4\x97I\x8a\x89\x1bJ\xc2\x1f\x85\x93\xf6\xa0\xa8\xe8\xa9\xc4t\xf2\x8a\xa3\xb1/\xa7\xffN2\x03\xc6~\xea\xf8\xf3\xe5\xf9-\xee\x87\xc8\xbc\x10\xd52!"\xcb\x94\xec\xdc\xae\x8f\xbf\x9dD:~j{&gt;G\xbfGCD$\xe8\nn\x8b\x10\x05 \x85\xc5\xb7\x81\x8e\x82\x06\x07\x06\xd7gA\x18\xbb\xc8\xbe\x07/~\x8e\xcf\x0b\xa5^\xd5\x18\xcc\xd5k\x14\x87a|\xf9\xebiPc\x10\xfb\xa9\xcap\xcds\xf4+\xd5\x16\xfe\xfeE\xa5\x80\xb6!G\xadO\xf3\xcf\xa97\x1d\xfd\xa1\xc3\xbb\xb6%\xe4\xbei\xab\xfb\xeb\xa46]\x1e\x99\xd2\x14\xce\xe1$\xb6\xa7G\xe1\xc4\xa5\xb3dg\x7fJ\xa1\xbd\xfe\xc4\xf8,\x98)]\xcf\xeb\x12\x12\x81\xcfuy\xe9\x97l\xfe\x14q2\xf3\x05r&lt;\x02&amp;\xb3\xfb\x04pD\xfe\xfc\x8d\xc6m\x87\xe1\xf92r\xcf\x82\xaeu?$f\xf1Q2\xe6\xdf\x07\xa5s\xce\x84\x12\x93=cn\xe7\x8d#\xc60\x94\xa8\xec\x8e"\xd8\xcd\xf4\x1f\x19\x86\xcb.\xfc\xf3\xcf/\xb3Agq]\xe2\xfd\xfc\xf7eg\xe1\xbf)Z9be\x06\xf9\xf6N.\xc2\xf9\xe8\xe8\xee\x9f\xbc\xf7\xdc\x1d\x86\x9bX&amp;\xde\xfc\x9c\xbfM\xd8\xa6N\xb9\x84\xd3\xab\xec\xb0\x8b\xdc\xf5q\x92Gru\x80O\xe0gU\xfcG\x0f\xff\xfaX\x1a\xf3/\xb6\xa1\x89\x88|v|\xa4Z&lt;\x1b\x80\xa3-\x9f\x99Ru[\xed=H\x8d\x0b~&lt;\x1f\x01u\xd7\xb4\x00\xb3\xcb\xa2\x15\xba\xbe%4\xfc\xdd\x18\xe7\x9f\xe7\xa8\xc7\x85X\xfe\x0b\xc9\xd2\x93q\x1d\xa6\xc7\x82=\xad9\xad 7\xac.\xda\x9b\x03\x18|VC\x8e\xff\x95\x8c_Fz\x185\x9d\x14%cF\xe6\xdb[\x97\xc8\xa7\xa6HI\xb5gM4g\xce\xfb\x0e\xfe:\x855\\.\xb6*\xe7r\x04\xbfJ\xed\xef^3ho\x8bI\xb1\x84@\x8f8\'\xf23\xe5\xa2\xab\xb7?\xa53\xf3XA\xa3\x19:\xa6\xba\xc0\x17\x92\xbeg\x8an\xb7\xce\x9ar\xeeO\xe6OF\xdf\x1a,\x80w%\xf2\xae\xe5?\xdfZv\xce\xc0\xd4\xcb\x18TT9\x1d\xd9\xd0\r\xff\xeb^\xe2\x8a\x0f\xe7\xe4\xb3\x85sm\x15\xdb\xba\xf9\xcc\x96\x90NJ\xf91\xf1~sm\x8b\xac&lt;\x15f\x95u\x01\xf5A\x8c\x91k\xc9\xc7\x01\xdb\x94]\\\xdbh\x97\xbf\x0c\x1d\xe5\xac3\x14\x1b\xb8\xdbs;\xda&gt;~\xbez\xe1N\x9c\x06H\x8c\xfa\xe5\xdf\xb1\xe9\xd8-Q\xe8F\xb59\x80\xc2-j\x85\x12\xfcu\xc3p\xdeC\xdc\xfb\xe5\x90P\xfb?C~}\xed\xe5\xfao\x91\x9d\xc1j\xb5\xbf\xcff\xd1\xc5\x02s\x99\xe6~4JX\xa6\xcd\x10\x85\xb1j\x1e\xb7VkH&amp;(\xc2\xf4\xf4mG\x9f\xa2G\x00\xd6\xf5iY)\xd7Kw\xc4C\xfd\xf4Kf\xa5J\xe2\x7f0!\xeanFA;\xd6O\xcf\xe0dyh\x95q\x8cP\xe9\xc3\x05\xdb\xd3|\xfe&amp;h\x7f\xbfs7\xdfd?_\x8bG\x06z\xe5\xc4e\xbe\x05\xad`.C^\xdf\xd6\xe7\x9c\x13I}=O\xd0\xeb\x0bQW{\xcb@\x8f\x9c,\x0f]\xfe&gt;S\xaf\xe42\xd8\xcb\xfd/\xe9\xb7\xca\xfc\xbe\x84\xed\x1d\x1c\xb8\xf6\xfb\xee\x1d\xb7\xcd\xb5\xf0\xcb\x90\xab|\xf3Y\xc1\\\xc3r\xea8u\xbeS\xe6\xff\x18=Y\xbc\xe8\xa7\x01\xb8\xf2_\xc6\xff\xabR(\x97wE\xee\xe7\xe2\x9d\x01\xdf\xa8S\xe6\xee\x9d\xf9fE\xc8+\x9bLY&gt;9^\xf6\x16D\xbe\xea\xfc\xcfS@\x96\xf2A\xf7\x96\xbb{\xff\xa89\xcb\xc1q\xff\xfaW\xeb2\xcb\x86R\xc0~QG|J+j\xbf\xc8{\x1a/\xfe\x83EbQ\xcc\xa9\x88\xf7+\x88\xc8;\xce\x0fHIP\x9e\xd0z([\x08%\x8f\xc1\xc8\x88\xfawuhJ\rU\xb1\x01(O\x9c\xfb\xd4\x90:\xfdr\xdbD\xbe%\xd8\xc5.\x84\xa8\xc65\xe7V\x99w\xe3\x1c\xc5\xa0{R\xc7\xb1\xf7~\xc3 \xb7\xb8\xfawoE\x8dFb\x14\xc2\xc8\xa5V\xda\xe4\xb4}\x15\x11\xf9Cy\xe2-\xd6\x00\xa8\xd6b\xe5;\x13\xbbq\x94I\x00\xf5?REw\xbf\xcb\xf4q\x8c\x18O\xf6+\nG*"W\xf5c\xc9\x1a`\xd1\xd8+/\xfd&lt;?\xc1\xe0\x00\xcb6\x00Y\x9d\xdfe}\x9c#\xaa\xd9\x8c\xff|&lt;\xe0\xb3\xb7)x\xe2\x9c\xfc\xd5\x8aK\xfew\xaa\x80\xcd\x85\xfbU^\xa1\xa5\xa6$\xd7D\xbd\x88\xc8\xc7\x0e#\xed\xa52\x8f\xb1:\xff\xc2[g`h\xa6&gt;\x93yu\xf6(\xec\x1b\xa8\x8deP\xfa\x1a\xed\xe3\x90s-\xdd\x93\xab\xa5\xf1g_A\xb5Y\xa5~\x16\x91\x0b^e/\xeb\xf5\xfe\xcf\xfd\x13E\xbf~\xf2A\xed\xdb\xdcb\xdfDR\x9e\xbc\xde\x9bA{P\xe4\xff\xb9\xe1\r\xf9\x92v\x0b\x9d,\x03\x15\xe7\xe4\x83/\xdd\x87g\x9f*\xa1\x9b`\xea\xfe\x99\xc7K\xb2\x84\xbe\xf8\xee\xc9\xc3\x04\xe4\x88v\x0e|\xfb\xfe\x1fw\xf9\x9d\xf2;\xc7\'%&amp;\xea\xeb*\xd3\xec\xef\xdb\xd0\xb1x\xae8y\xf2]\xdd5YRre[\xf6|RB\xed\x8f\x17\xf2U\xcf\nrz\xa2\\\xab\x9b\xc0\xd45-F\xa6%,\xa4A\xc5r\xcc\xa7\x9b\x93\x1am\x17\xbf]\x9e_\x9d1\xc0\xefr\xdf\xb3\xfaMG\x05\x0c\xa5-\x1a\x80\xc7?\x17\xc3\x8b""\xf2\xed\x95\x93\x97V\xb6-\xdc\x19\x16\xd2\x10M\x0e~n\x8bO1Z\xd6\xfcT\xa9\xd8e\xfa!j\x1c\xf2\x9e\x87\x89\xe7A\xe1\xf1\xc7\xfd\xe7\xf4aX\xbe\x01\xe7\xf1\xbba\xfcG\xfd\xf7\xb0\x0cC\xdc\xdb\xb5\xdc\xb2\xbbZ{pw\xb07;ri\x9e&gt;Y&amp;;\xc7)x\xce\xa6\x8c]\x92\xb8\xeb8?\xdd\x9eG1\x0cC\xfa((\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t>
        </is>
      </c>
      <c r="E590" t="inlineStr">
        <is>
          <t>&lt;class 'numpy.ndarray'&gt;</t>
        </is>
      </c>
    </row>
    <row r="591">
      <c r="A591" s="1" t="n">
        <v>589</v>
      </c>
      <c r="B591" t="inlineStr">
        <is>
          <t>steps_per_sec</t>
        </is>
      </c>
      <c r="C591" t="n">
        <v>8500</v>
      </c>
      <c r="D591" t="inlineStr">
        <is>
          <t>10.179857</t>
        </is>
      </c>
      <c r="E591" t="inlineStr">
        <is>
          <t>&lt;class 'numpy.ndarray'&gt;</t>
        </is>
      </c>
    </row>
    <row r="592">
      <c r="A592" s="1" t="n">
        <v>590</v>
      </c>
      <c r="B592" t="inlineStr">
        <is>
          <t>Loss/object_center</t>
        </is>
      </c>
      <c r="C592" t="n">
        <v>8500</v>
      </c>
      <c r="D592" t="inlineStr">
        <is>
          <t>0.38032246</t>
        </is>
      </c>
      <c r="E592" t="inlineStr">
        <is>
          <t>&lt;class 'numpy.ndarray'&gt;</t>
        </is>
      </c>
    </row>
    <row r="593">
      <c r="A593" s="1" t="n">
        <v>591</v>
      </c>
      <c r="B593" t="inlineStr">
        <is>
          <t>Loss/box/scale</t>
        </is>
      </c>
      <c r="C593" t="n">
        <v>8500</v>
      </c>
      <c r="D593" t="inlineStr">
        <is>
          <t>0.071756124</t>
        </is>
      </c>
      <c r="E593" t="inlineStr">
        <is>
          <t>&lt;class 'numpy.ndarray'&gt;</t>
        </is>
      </c>
    </row>
    <row r="594">
      <c r="A594" s="1" t="n">
        <v>592</v>
      </c>
      <c r="B594" t="inlineStr">
        <is>
          <t>Loss/box/offset</t>
        </is>
      </c>
      <c r="C594" t="n">
        <v>8500</v>
      </c>
      <c r="D594" t="inlineStr">
        <is>
          <t>0.1677599</t>
        </is>
      </c>
      <c r="E594" t="inlineStr">
        <is>
          <t>&lt;class 'numpy.ndarray'&gt;</t>
        </is>
      </c>
    </row>
    <row r="595">
      <c r="A595" s="1" t="n">
        <v>593</v>
      </c>
      <c r="B595" t="inlineStr">
        <is>
          <t>Loss/total_loss</t>
        </is>
      </c>
      <c r="C595" t="n">
        <v>8500</v>
      </c>
      <c r="D595" t="inlineStr">
        <is>
          <t>0.6198385</t>
        </is>
      </c>
      <c r="E595" t="inlineStr">
        <is>
          <t>&lt;class 'numpy.ndarray'&gt;</t>
        </is>
      </c>
    </row>
    <row r="596">
      <c r="A596" s="1" t="n">
        <v>594</v>
      </c>
      <c r="B596" t="inlineStr">
        <is>
          <t>learning_rate</t>
        </is>
      </c>
      <c r="C596" t="n">
        <v>8500</v>
      </c>
      <c r="D596" t="inlineStr">
        <is>
          <t>0.0009994966</t>
        </is>
      </c>
      <c r="E596" t="inlineStr">
        <is>
          <t>&lt;class 'numpy.ndarray'&gt;</t>
        </is>
      </c>
    </row>
    <row r="597">
      <c r="A597" s="1" t="n">
        <v>595</v>
      </c>
      <c r="B597" t="inlineStr">
        <is>
          <t>train_input_images</t>
        </is>
      </c>
      <c r="C597" t="n">
        <v>8500</v>
      </c>
      <c r="D597" t="inlineStr">
        <is>
          <t>[b'512' b'512'
 b'\x89PNG\r\n\x1a\n\x00\x00\x00\rIHDR\x00\x00\x02\x00\x00\x00\x02\x00\x08\x02\x00\x00\x00{\x1aC\xad\x00\x00 \x00IDATx\x9c\xed\xbd{\xe0~_5\'\xbe\xb6\xef\x17]t\xa3Ri(\x14\x95\xee\xa8Dt!\x15\xa9\x91{\xa2A\xa24.i\x9a\xc9OM\x8ca\x86!J\x8cB\xeeI\x17\x92\x12\xb9\xe5RJ\x84\\\xca(\x97R\n\xdf\xca\x94\xa6X\xbf?\xce\xd9\xfb\xac\xbd\xf7Zk\xaf}9\xe79\xcf\xfbs^}{\x7f\x9e\xe7\x9c\xbd\xd7Z{\xed\xb5\xd7^{\xed}\xce\x03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e0\xc0\x81\x03\x07\x0e\x1c8p\xce@\x00D\xcc?\xaf\xc2k\xc2\xf2\xb5,R\x1d\xfd\xca\xf2\xd7n\xad\xd8\x8c\xd0|\xda@\x0c\x9aY\xa0R\xd0P!\xcc\x1f\xb7\xb6\x82\x88}\x93\x89\'""^\x1d\x91\xef8\xbb\x80\x88\xd3\x7fL\xd9U-\xd3\x02]\xfez\xf5g\x14\x16R\xa0\x93j`\xd5d \x8d\xd8\x8e\xd3\x85\xc6{\xf5\x93\xb8\xaa\xc5V\xe8]D\x18=\xd2\x021\xa4\x9f\x90\xf8\x8dLB\x07\xe0\x9ck\xe0UU\x07\x01\xde\xbc\x8c\xb9\x9fj`W\x8b\xb9\x99\x88\x88Y\x03\x9d\x8b\xc4oi\xbd\'c\xc6-\xea\xe9G\x9e\x1c\x11\xe0\xd5\xd3U\x00\x00x\xeb\xe4\xc4l3\x18Sl2\t:\x1d\xef\xc7\x8bP\xeb\xcdo\xf5\xcb\x89\xd1\x07d\x19\x11\xbc\xb3\x8d8\x00\xb8\x15\xc2\x9d\x8f\x8e\x83\x18\x8e\xed\x18\xfch%Q\xa9_.\x95\tJ\n\xa6\xe4\xf2|\xe1\x1eu\x85\x9a\xc8\x82\\\x7fL#\x87\xb3A\xd6t\xb1@\x15\x1d\x8d\xa2Y*{\xc9\xc0L\x14\x83\xa3h)e \x02\xf2\xcdu\xa1\xb0\x1d"\x0c\xfe\x08\xf9\xac:\x7f"\xc9u\xed|\xd7S\x9a\xde\xb3Q\x94\xf7\x8dL\xf5\xc7&amp;s~\xb7$\xf6\xc2#x\xee\x1eU\xfd.Y\xb9\xb4\xb4o\x15&amp;6\x91M\x864\xbe}n\xc5\xf3\xabj\x99\r\xc5\xd2\x84\xdci\xd6\xc8"\x12\xe9\xd4\x9a\x9dF\xce\x11\xf1\xf5\xf4\x9a.W*vV\xa2t_,\xb0aZc\x94\xd6S\xbc\xde6\xbd\xa1a\xbc\xac(%\xc1\xc3Xvy\xd7\xe8\x1d:"u\x960\xea\xa6t\xe1`W\x8a\xdeU\xa3\x84\x99\xf1\xcbQB|\xd5\xcec\xcc\xf3\xb9\xe5\x16\x91\xc16\x7f\x15\x88W\xcca\xfax\xb0@\x1ai=\xc0\xc7\xd7\xb1\x96.\xfa\x8f?\xa3\x0b\xc6\x1b\x98\xb0\xa4`y%wW\xb2\x1bDx\xb8,\xdbh^V\xfa\xd3M\xa5\xc4\xaar\x02\x19\x17\x92\xe4b\xafI\xa4\xe2+I\xad\xdb\x18Dz\x99}\xf5l\xa0\xb6\x13\xb4\xa6\x81\x01\x00\x00I},\xd1BDp\x0e\xf0\x1e\x00\xbfD\xf87\xa5\xe1\xcd\x98&lt;\xc6\xc4\'t\xdb\x10\x9e\x13\xb5@\n=3\x16\x12G/\x92&amp;\x11\xe2\xbf\x03\xf8k#AE\xc2*\xf4\xd4\xed\xc4\xac\x13\xc2;tb\xb8&lt;\x19\x9b.\xa4t\x97\x1d\xbdI\xb1\xa4\xcck\x9c\xbbi]#8y`n\t\xcb\x8b\xda\'M\xa1\xf7t\xc1\xa47J!o\xbb\xa8=X\xec\xb9d\xbd\xbdr*\xc4c\xe1\xb5\xcd\'e(\xf9\xb68\xe7"\xeb\xa2v\x05Re\xc2\x9d\x16\xd6JBYu\xfbA\xd7&amp;\xb0\x13&gt;\xf3\x85\x9d\x03\xc4\xc8\xfb\x83\x9a\x86\xec\x83O\xf9\x91\xf0\xcd9\xe8\xee\x92$\x9aX"\x82\xbc!n\x01Oj\xb1\x12\x99\x1db\xee\xfd!V\x9b\x94\xccUX\x17\xd1S\xb7\x19a\x04g\xbc\x97\xe6!\xfe\x7f\xe0\x8dm\x9e\x0c8\xddW!o\xa9s\x8e\xf6\xcaM\xba\xc8\x03L\x1d\xb4\x04\xb3\xf1~\xe9\xc2\xeb\xd107\xdf\x8b\xd4\xd7\x05\x0b\x1d\xcaK\xfe\x9aI\x1c&gt;\n\xfaU\xa7\x16\x1d\x89\x12\xc4b&lt;7\x86\x1a[e\xae\xe8\xff\xa1\xe36);)\xfdiVY\xb4\xf6\xd2\xd3%k\xac\x8d\xce\x18\xc5u\xdc\\\xacc\r\xc5\xb2\x18\xb8J\xa5\xd4\x1a\x18\x85\xdb~\x85\xab\xf1\xba\xbe\xd6\x1c^\xa4\xf3\x85\xd2\x04]\xb9\xd3\xe5+\xf2\xeb\xc4\xcb&lt;\x8d\xb9\xe5q]A\x9e\x88o\xef\x1c\x83\xa5V\x842]l\x8c\xc2\xc4R\xe4\x02\xd9M\xdah\xf6K\xf9\xb8\xa2EN\x13Y[\x824iRR\x1a\xb3\x92Tl\xb3JZ\xe4?!\x06\x1c\x035\xc2\xd0\xdf\xb3\xca\x9ca=\xd1\xc6\xa2\x9a`\xe1&gt;#\xa6\xba\x8a\x9c\xd6$\x08&gt;L\xd0#\xbc\xbfS\x18\xd3\xc3\x9c#V6\xe7\x02\xa9\x91\xd7\xe4JN*A\x80\x07\xc5\x86Ac4\xf7\xf7iEd\x18y\x0f\xf0A\xd5\x023\x10\xba\xea?dW:\xc3 E\x80\xe5\xaf\x89\x95\x18\x19\'\xf9%\x9dJ4\x91Z\x96\x98\xf3\n\xafn\xa9`\x1c\x08\x8e\xac\xbd\x90\xc8\xc6F\x9f9E\x0b\x13W!\xff\xc9\xb0\x91\xd7PR\xe47u\xee5S\x99\xca\xc4Y\x9eT\xd5u\xdd\xe0"\x91M\xdaN\xd4r\x8e%\x06\xcd\r\xcc\xb1\xb6\xbb\xcf\x1b^+|\x15/6S\xcfv+\x9f\xac\x97eB\xc4\x9e\x94\xfa\x92\xb5\x11\x04H\x18\xa5\xa9\xab(\xad\x0f&gt;\x13\xe9\xa6\x9e]\xa9\x13su%\xe3\xc2\xd2\xad\x89\xed\xe9\xa2*\x1dTd\xa4\x03-;\x8b1\xae\xe5\xdc\x15\xa5\xf2\xa2k\x9e\xd2\xd4\x9c\x88\xe9\x86\x81\xad\x19\xac\x03\xd9\x15zW\x00x}\xc0\x87\x95\x8b\xb1\n\x98\x92\xbd\xafYb\x870\xe0\xcbk:\x1aMH\xb6\xe5|&gt;5\xdc\n\x19\xfclA\xc7g\xa2\xa4\xb6\x046\x8e&lt;Z\x15\xa6\x041\x14\xa2;\xc62\xbe}\xa6#z\xff\x95\x80\x08\xf8V@\x80\xd7\x84+\xcb\xad(#\\\xb1\x0c.3M\x89\x04\xc2\xe1\xc6\'\x97\xc6\x8f\xea\xfd\xa3\xdbU2\xcfn\x1a\x96\xdd#2\'\xa5\x89\x94i[q\xfa|3\x9f\x80\x8a\x89\x05s}\xda\xde\xfc\x01\xb3\x0b\x12\x7f\rme\xfb\x9dhFlY\x9b\x13\xac\xf5\xfe\x00\xf0O\xa5(P\x0f\xcc\xe5\x85I\x9a&amp;SE;\x1b\xf4\x9ab\xd5\xc4.E"\xe8\xf7\xf7\xe7Y\xd6\x01\xe0}\x00~&gt;/Y$%\xf3\xbd\xc2\xb9kI1\xb5\x1e\xb6\x14\x9b\xc6\xc6\xb0m\x04I\xbb\xde\x12\xde"\x11f/\xb0\xc9\xc3S^\xfe\x11\xa3{\x06\xce\x85*\xdc\xcd&amp;I|\xd8\xbeP\xf6\x84bI\x16\xf2\xac\x99\xe9\xb6\x87\xf8\x99\x00?\xd3,\xf3\xf5\xd5\x14\\yQ\xa2\xa1,\x82d\'(\xc4\xa7\x16j\x15\xec\xd5\xea\x12\x05.u\xc6\x10\x19\x15\x0e\xcbz6qP&amp;\x00cy\x93\xc7\x83\x15\x97zC\xd0\xbe\x02\x98C\x81\x9a\xe3\n\x92"\xc2\xe5)o\xeb\x00\x9c{^\xcd\xe4\xf4\xe5\xba\x9c\x000e\x89\x1d@NV\xeb\x9e,Xx?a\xee7\x06\x04\xfa\xe9\x1a\x920p\xce]\'\xad[\xaa^\x06b4\x11\xcc\xd7T\xd1I\x95!\xa0K\x89\xe5\x1bi\xb8\xff\x97mhE\xdb\x9d{&amp;{\xd5R\x17\x11\xdf0h\x89\xc3\xc9`-\xc8\x0bP/\xd6\xa2\xcaN\xfb\x01\x00p\x00\x97K74\xd2\xdb\xedTm\x14\x9b+\x06\xf2_\xc2\x14\xbe\x8d(\'AO\x12\xa0\x98A\xa0Y\x9a\xc7)\x14\x84dD\x9e\xe1!\xb8"_\xbf\x17E\xd5\xaf\x00]\xe1w\x00\x7fr\xa1v\xb3A4\x17\xe2\x1c\xe2\xeb3kU{sIi\x16\xb4\x08\xcc\x8aa\xa9\x92^$\xd7\xa54d\x15\x97\x84\xac^E)\xc3\xe9\xb6N\x0e\x94\xfd|U[Ri\xff\xaa\xc2\xf2\xdb0\x8a4\x96Z\xaa\x9a\xa7MNR\xa1Xs\x92\xe7\x16\x19_\x99\xfe\xab\xd7V\xf5\xe91y\xa8\xff\xb3\x06\xe5\x87\x94\x87\xae\xd4\x13\x9ae\xf8\xa2\xf6\x04{\xe2\xd4$\xa1\x94\x11[\xa2\xcfQ\xab\xb4\xe62\x17V-9\xaf\x92\xe2\xb4\x11R#\xaf\xbdaFw\\\xe2UWy2\x8f!\xba\x17\xb4\xbeX\xa02k\xb2\xd7\xa5D\xbc&amp;\x83\xdc\xfb\xb2\xd8?\xdb\xd6\xfa!6k\xe9t\x14\x1e\xea\xb6p\xcf\x14R\xf1PB%\xab\xbdc\xbfk\x94\x90\xf2.\x9d\xf1H\x8bX\xbae:\x89\xd1\xd0\xf8E*\x96\xa9\xba\xc4\xa5e\xbc\x90~\xe7\x90T\xa4,rFm\x98\xe2\xd1\xf4\xea\xbc\xf1b\xb2b\xcbFHR\x12Gd?\xa3\xde\xb4\x9e\xb3r\x00\x15\xac\x93\xe4\xb5\x9e\xcbn\x83bl\xc1*\xa6/y\x01y\x03\xacB\xbb\xec\xa0\x10\xf3\xdd^\x92\xce\xbd1\xae\xa2\x98\x84\x0b*\x8al\xf5)\xce}\x99B\x8d7\xdd\xda\xfdH\xfb\xa9&lt;\xc7\xd9\xf9Yc\xbb\xe7\x00j\x11R\xde\x8a\x9a\x9d+\x16\xe1\xb1\x04b\x95\xd3\xb8\xc5\x0b\xb2\xab\x01\xc4\xaf\x0b\x9f\xe8e\x86\xec\nq\x05\xaf\xa1(\xa4\x97\xb6g4\rG\x82\xfe\x0c\xb3\x17:8F*\x92\x9b\x0feIKF\xb6_0\xbf1|d\xf3\xea\xa7\rR\x97WaE2\x97\xffzr\xe2\xcc\xc0\xbd\xb6\x13\xf4\xdd\xa6\xc4|\xed]\\\xb4\x08\\\x06\xd0,H\xf0\xfe\x88\x88\xf8\xd4L\xd0p\xf4\xc8\x89\x13\xcb\x08\xa0\xb7\x93\x8b\x10\xf3_$\xe4k7\xc4\xcfd\x97\x84-\x0bE\x8doD#Z\x8d\xceW\x9cB\x9f[\x923\xc4\x87/2\xc5Us,\xdb\xd3\x82\x84&amp;\xc9\x19=$\xad\x10\xe5Q\x84|\x97&amp;v\xb9\xa5&lt;e\xa6\xaeoQ\x91\xe4H\xf0\xbdP\x83\x9c\x88\xccKa\xd7\'\x7f\xcd\x04\x80\xb1\xf1\xbc\xa2D\x99\xbf\xce\xcc\xdf\xd1g{\x8b\xaaT`Q]\xda5\xdfd\x95\xe4\xb48\xcbUL\xa4\xfe8P\xc9{\x86f$\xf8\x1b\x1d\x02\xf83\xc5@}\x8e\x8b^\xec\x95\xb2\x92lN\x92s\x8d\x95&amp;\xfe,\xc0}kr\x02~\xc9/\x0e\x98(\xaf\x05R\x18\x9e\x9d\x98\x04\x90\xcf\xa4jJ\xf3\xa7\xee\xabT#\x95\x9f\x86\xec6+z&gt;\x17\xd7\x88T\xc9\xf6#\x8cJa#\x94d\x8eQ\x86\x86\xb3\xa4\x03!u:\n\x17\xe7O\x86tt\x8e=\'\x8b\x86\xa5\x80\x92etW\x80Q`\x14\x1b}z\xffI\xfe\xc3\x8f\xd0el.J[\x9f\xf8\x05\xaa0\xa9\x08\x17\xeb\x97\xe0\xab\x00\xef\x01\x88\x8f\x05\x00\xb8\xafP@\xed2\xednz\x8b/\xf9\xee\xb4\x04[\xec_\x02\xbbf\x13b\xebIj\x9d\xce\'\xb6q\x8a\x16Or\x88\x88\xcb\x00\xa9\xe7C\x1e6\x94\x99\xeb\x04\xc6[\xd4\xf2\x88F+\x05\xbes\x97\x05K+]\x1b\x9c\xbc\xb9\x923\x0f%\xf5t\xf4\xd4S\x0c\xd9NY\xd7\xc4\x18\xcb\x98\xd4\x06\x90G\x82\xe3\x8d/\x8d\xa1\x84\xed\xd3(~\x84(\xfckt\xfd\x94o\xf6\x10S\xd5\xfc\xafGC\xb4\x15l\xf56\xc8\x12\xba\xc0\x96\xe5\x97\xc8#\x11q\xae0\x7f\x84r\\1\x07\x8e{\xbb\xc6\xb2\xc6b\xaah\x8fl&amp;o\x92\xf0}\x14/\xb3\\\xe8\xc66\x1d\xcf\x9a\x91\xf6o\x9ds\x00/\x04\xf8d\x9b33l\xb3\x83\xeeLt\n\xcd+\xcb\xfe\xa8\\2!~\x11p\xd2]\xd6\x81\xdcO\xdb\x10#\x06\xad\x00\xe8^Vzg\xe4\xfc\xc7e\x07\x9f\x89\x007\x00\xbf\x9b\x97\xe1\xd7\xe7j\x08\xc5gU\x14\xbe\xe1\xcf2\xc5\xa7\xc3\x89\x7fr\xc9pQ\xb0\x8f\xc6\xfd\xed\x1c\xa5\x80*\nK?\x87\xaboa\x02\x00\x16\xed\n\x92\xcc?&gt;\x92\xcf\x8cU\x94\xe6\x96\x12O\x89\xf4\x9f4\xc9\x16\nk\xfa\xd1r\xc5\xd3U)\xf7\x8c\x888\xcc\xfb\x03\x80s\xb3M\xfcq\x93UP\x16\x15\xde\x1f\xa3\x17\xb34\xf0\x85%\xdc\x9e\xd6Z\xde\xb0U\xef\x0f\xabe\x11\xf0\xda\xc3I\xf2h&gt;\xa2\xb2%\x86\t\xb7\xa4\x89!v\x19C\x15`7\x08.\x83\xfcQ\xce\xbdj\xac$\xc5\xe8^i\xfd\xe7\x01\xfcD\x08\xbfo\x08\xf07|\x1c\xca&amp;%m\x12\x02\x1f0\xde\xc0\xc1\x1b\x84[y\x9a\x1e\x8c\x13\xc0\\7\x84\xdbm\x14$qX"\x16\xe5\xd3(\xcc\x7f\x8eW&lt;2\xb5\x84\xa6\x98\xb3.\x05\xe6:\x1a;\x17\xc45\xc7@\xf0\xc3mM\x97F\xb3\xed\xd3\xf7\xbd9\xd0\xe6\xf1\xb8O\xac\xb0\xc1\x08\xabd0\x16\xfaEo\xc2\xb1\xa4! \xae\xd1\xec\x88\xd7\xc8\xe6\x0b\xbbR\xc2lA\x9a\xd6\x16=Y\x12V\xb4\xb8g\xcb\xd7-SpN\x99\x1e\x94}`={\x90\x13OROif\xe9&amp;\x0e\xfe\x82\xcf\x1f\x16\xd15\xc3\x8d8\x89P$\x96\xcf\xcaV\x16\x907mI\xd6m\x80f\xc9\x0f\x18\xd1\xfd6PD\xfc\xac!\x92X!-\x1e\xa1\x904)\xac\xf4\x07BY\xe1\xb6QK\xae\xa0\xcfZ\xb0k\xe4\xb1-\x9c\x06`.\x03]\xc7\x87\xed/\x81\x02&amp;u"\xfd\xc8;\x13\xca\xc07\xf9\x84d!\x82\xd1\xbc\x9f\xb2}M\xcbo\xbe\xa0\x18\xfd\xdf\xd3T\xff\xcb\xbaL\xa4\xc21\xb6\xfaP.}\xb9\xf9\xc1\xc1\xbe\xec\x93\x81\xfc\x8a\'V\xf6\x8fA\x1b\x1d~\x93\r\x00\xe0\x1f\x1d\xbc\xbf\xb8\xa38\x16\xc6|K\xdb\xf6\x17\x02&lt;W&lt;/sJ\xb0\xc6Z\x19\xb9\x17\xea\x12"\xcb\xb2\xa9ma\xb7T\xcc\xea\x08\x12\xf2\xb4\xa7\x8c\x96i\x9f\x93\x14\x8aX\xc4\xab\r\xc7mG\xbb\xcaG\xc4\xd9\x84\xa7Y\xf3\x03\x86G\xf3\xd6n\x1b\x8bQ\xf4c\xb1\xef\xe8\xdcK\xa5\x92\xef\x06\xb8&lt;K/\xd7.\xd1,[I\x97\xe6Jc\xd8&amp;\xf0\xd2\xa3\x1f\x10]\x1fC\x9f\xe1\x86O\xe1\x12\xd6\x96\xf9\xdc:&gt;\x11w\xe8\xfdAIF\xb7\x92\xb3\xdct\xe1O-yye\xe6\x9c\x83?\xa3K%\xa7\xc4\xfd.\xfb\x85[\x85\xe3\x84\xb4\xa3\xf1\xc3\x02\xdf\x88\x14]\x9744\x92\x92\xaa3\xf8\x0f\xa9e\xc51\xcf\xf6lb,\xab\xc5{\xb5\xf3h\xadi"\xaex\x7f\x00xo\x9a\xaf+\xa9\x97,\x8d?\x85\\%\xf8\xa7\xb8\xfc\xfa\x81\xff\xce\xd7\x16\xc3\x8e:\x01,\xc6H.\x8e\x9cV\xb9]M\x17_\x99\xbf\xa6\xa3b\xaa\xe8\x96\xb3\x9b{\x9e\xed-!\x89\x9aw\xf6\x1b\xa7\xe3\xce\x9f\xa4\xb2\xad\xa3&gt;\xbaEk\x13\xe6{\x9d\xfbJf\xdbc\n\xc3AP\xd1P\xe1;\x87\xf7\xef8\xf7q\x03d\x00:\n2\xe3\x8f\x06H\xe3\x81\xd7\xfa\xb8[\xa36\x89R\'@\x18\xbe\xda*\x90]\xac(\x9b%I\xf9X\x93\x8c3\xa9\xdd&gt;,\n|r\xac\xfd.\xa0\xa1\xb3\x1fC,\xee\x11\xff1\xdf\xb8\x02x\xa2\x9bC\x19\x07\xb7n\xef\x8f-gs6\xbf?\x0fE\xa5Z\x88\xd9\x85\xc4\xbd\xff\xf6\x1c\xa8\x7f\x83\x8a\xba\xcb\xd2\x0bq\x1b\x81\x03\x02\x00|\x05\xb3\xeb\x0b^G\x83"/i=\x89\xfc\xebB\xebt\xd3\xef\xfdA\r\xd0\x99\x05\x81oO\x83v\xf0\xaf\xc7\xa4\xcb\x93\x8e\xb6Pt~\x05\xca\xa4:\xa9\xcffu\x91^\x94\xf5\x95\xae\xa6Rc\xb7\xf4n\x12\x90^d \xfe\x00\xc6\xf0\xd7\xc5-\xcan\x8eV\x88\x14,\\\x0c|M\xd2\xb6N\x18\x98=\x0e\xa97\xf6\xa9d\xf1\x9bS\xfbx\x83\x18kt\xd6I\xd0a\x1a*\xc1\xd7\xda\x18\xd5\x98h"\r\xdegX\xab\x8b\x05fQ\xc7\xd1o\x97\xbc\xcf\xf6\xe6\x91\xd2#@\xdc\xa8\xb6\x96\x86\xc2\xfd\xf2\x9c\x13\x18s\x9f\xae\xfb/\xc3\x15a\x19PI\xcf5{\xe1\x02\xdfR\xe42\x17\xfbo]\x1c5\x01\x82\xcd\xd1\x02\n\xc1FA\xce\x0c\xaam|dII\x03yY\x91P\x1b%\x89Y\xdaa\xf4\xf3*U\x94Mr\xe4\xd5U\xb2\xfc\xadO\x15Ia\xf2k\xe4v1:\x9apZt\xadQ\x98\x856=\x05\xe1\x1c\xe0/8w\xef\x81\x89\xb0\xa2\x96]\xfc\xecO\x10\xb2\x99;\x9fLp\xcc\xef\xd9\xb2\xa2\x8e;5\x01\xac\xb5\'\x89\xcbbzt\xcf\xe9\xc8Q\x08\xb1\\~kl\xf3[S))\xfa\r5\x1f\x17\xfcI\x81x?\xa0\x98;\x89\xea\x02\xc0\xaf\x03\xdc\x05@=\x8b\x85\xbe\t\xc90\xdc\x18\r\xd6\xae\xf8\x96\x0b&lt;j\xba\xf6\x00$\xad\xfcV8\xb1\xe1\xee\x8d\x1f\xef\x07J\xac^\x1aL\x84uSW0 \x0b\xd9\xd5\x7f\xd91;\x9f\x17\xf4\xdb\x0f\xc8\xaf\xa6\xc7\x1a\x8d\xf3\xaf\x01h;\x92\x11\x94\x1a\xe4\xfc\xe6\x11R\xed3\xe6\xd9l\xb0.\x9d\x02\x0f\x80\xee\x1e\xef5T\x0b\x8b\xe8\xc0\x15\xbdS\x1ev\x0e\xc0}b\xf9,\xd66\xbe\xb2\x9c]p\x0e\xc0\xd5y\x13"\xb9\xbe\xd5u\xae\xd1&gt;\x87\x91\xa7\x80\x98\x13i\xf2!e]\x87\xe2\x89\xfe\x8cf^mx\xe8\xc1\x12\xc4\xaci\xcb\x95\xf5\x07\x81\xbd\x8d\x8c\x9e\xfd\xfc\xd5)\xe5\xa9B&lt;K\xa4,\xad\xdb\xd6\xef\x17\xa8\x9e\x16\xeb\xa5B\xfaV\xbb\xf9\x9fk\x01\xfc\xa3\x85\xaa\xef5\xc7\xca9PCm\xe6\xc1F\xee\x08\xe9\xa6\xb1\x91r\xd5\x90\xf46\xe3\xa0\xb8\xaf~\x81\x16\xd3\xbd\xa7\x80\x82\x16\x98\xc3g\xb2\xa7\xfe\x95\x12Y\xa9\xa6\xa4\xf2\xe8t\x8a\x0f\xccJL\xcc\x98I\xdd@)\x12\t\xdc\xb4\x8c\xa9\xc9\xae\x06\xb9\xea\xbd\xffT\x1f\x7fb\xe8\xf1\xdcm\xe3!\x03\xb7\xb8q\xf3\xca\xa9\xb3\xc5k\xe5y=\xcd\xe7\x9a\xca\xfe^\x1ay\xccK\x87\x7fj\xe6/\r\xe1Qh\xf8m\x14$\x1f&amp;\x87\xcb\xe6\xf3\x08\x8b\xd2\xd81t\x9c\x9b\xddH)0"\xdb\xc5\xfc\xfdu2\x19+a\xc5I\x0c\xe7\xe9\x94\xcf3\x16\xf4#\x1b#\x1fd\xd5\x18/V6\x9b\x84\x93\x0b\x1b\xc4\xe8\xc1\x82\x1cF\x89\x8c\xd9[\xb6\x8a\xa1\xe4K\x00\xee\xd0#^Q\x86!\xd4\xaa9\x1a\xf8\xbd\x0e\xe0CFGjXZ6u\x8czC\x16\xbef\xb5]\xa48pg\x8e\xa7_\xd9_l-=\xd6\x9e\\\x81\xe3\xde\xf2\x94S\xebi\xa9\x9ex`N\xa6\x9et\xff\xa3\n+&gt;\x07\x90D\xe1\x89*\x9cGr\xf1z\xa5)x&gt;\xcb\x9f\x00\xf1\x9e\xcb\xc7\xd2\xec[3?\xc7}\x1f\xd9\x93S\x97\x8a\x16\xfcrW\xedr;\x9c\xbb\xe3\x14\xd2&lt;)\xb7\xd1\xcf\xec\xe2\x1bsIc\xb1v\xd2\x19\xa3fj7\x02k\xf7P\x0e:\xbf\xd5\x86s\xf5\x1bv\xa2\x18\x99[m\x87\x8deI\x85\xd2\x96\xc3\x90\xeeK\x89$\xa7\xf2\x8c\xdd\xea\xe7[\xb6(\xfa?\x84\x94\xe6:\xda\xda%\xa9W\xa7\xbc$\xe8v\xbf\x0cX?p\x031e\x96\xc6\xf2\xa4D1&lt;\xb1$[y\xfb\x06b\x8e\x96\xcc`)\x88\x88\xec\x0f*(\xa7\xc2d\xf5n\x04\xf0\xba\x92HF^\x8a\xaa\x1b\xa0O\x00\xdd\xe4s\x16\xeb\x06RA\xe6\xfe\xc0\xade\xc0\xb7E\xc7\x93\xc0 F\xa6mGq\x86$\xb8\xf9|M,\x8f\xc4"\xb7m*O:\xd2\xe2\x81\xcc\xae\xeck\xb7\x01\x922\xf6\x0e=\xd3u\xc0\xdaO\x02/\xaf\x82\tWH\xc2.\t\x13\xa2Z\xc5u\xc0\x14\x82W\x0b\x14\xc7{\xd5\xd5CU\xe5\x9a\xbd\xc3UO\xfaZ.PB\xfci\x8eL1\xa4J\x13\xc7\x03\x11GHe\xda\x16\xa5G\x89i\x07\xf8\'faJQ&lt;\xcf+N#\x84\xcf\x1bDp}\x99\xb8\x12\xf1\xcaPt\xd9Ek\x96H\xca\x8c\xcf&amp;\xfa\xb4\nZ\x93\xf4\xd4{\xe0rP\x7f\x0e\x10\x89sa\xbc?\x7fY\x96\x1c\x11\x11\xafe\x90\xcbe\xdb\x05\xe7\x93\xf6\x8f\xb0\xd2\xb6\x8f\xf6\x16oEMu\x07\x06\x80\xf5\xe0\x1f\x03\xf02\x85\x9a\x9e\xbc~\'\xc0\x95\x95\xf2t\x8d\x82(\x85`5\xfe_\xce\xea\n\x91K\x1e\xcb\x87\xabL\x0c\xd2\'\x9e\x84\x92\xa1\x93\x01\x0b@\x8f\x1b\xfd\x13\xc05\xa7\xba\xeb\x04ET9\xfd\xb6\xe4\xfc\x0f\x05Wl/U\xbb\x80\x17:gzw4C\xd9\x99~JaT\x1e\xdc\x88RNr\t\xe4\xb5h\x9d\x14\xd6\x89[\xf69\xac\x85\x05\xee!\x16\xb0\xf84f\x07b\xcf\xf1\xff\x8a+\x80\r&amp;C\x9e\xc3\xcbzD\xd0\xbc?\xa1\x88\x11\x7f\xce\xed\x1a\xe1\xc2\x02)\xdb\xd3\x13^l\x14\x82\x9eP-\xca\x9b\xa5\xa2\xd0E3|U\xc6h4\x96\x95\xdb\x14N\x01^\x85\xde\xbef\x90g\x85`)$\x85!\x08a\x86\x97\x9b\xd6\xba\x06"\x00\xbe\xc1nF\r-2z\x7f\xae\xa2S\xf8\xd1^\xde\xda\xff\x18\xd8\xb1+w\xc4\x7f\xf6\x04\x98\x11\x11n\t\xb5EF\xcdX|zHc(\x8c\xb2\x05\x01\x00\x00&lt;\xf6\x8a];\x7f\x80\xcdV\x004\xa7o\x89\x11\xac\x8c\xa0\xe8\xe6\x93h\xb4.\x0f.E\x1c\xf1\xbe\x93\';b\xa8\xd1$l,p\x0b\xf5\x95\xb2\x90R\x0frQg\xc4\xb9\x18\xe2\x15\xf9Z\x82\xb8:\x13\xf2y\xdf4\xad\xbc\xe0\xd7\x9c\xbb\xab]B;\xebJ9\xd3H\xb6\xb8\x01\x10W\x9fn\x8c\x1f\xf0y\x9c[4\x0f\x86\x08\xd4\x84\xea\x9e\x8d\x8f5\x00\xe02\x80\xf7\x80s\x80\xafu\xee\xc6\x8cxF\xb2\x83\x96\xcb\x0b\xa9}\x87\xff\xb0\xc1\x1e\xc0\x04W\xb5\r\x95_d\xf0\xd36\xb2\xb8D\xeb\x95A\'k\xc7y\xa6\x8f\x8f\xe1\x8d,8\x06\t\xe5\x1a\xe5I\xd8\xc4\x08\xa9\x88\xce\x01&lt;3\xe7\xac\x04w\x83Dh \x1e\xa5\x95!\xd7\xb5\xd9\xfbO\xa5\xad\xe5j\xd7(&gt;\xd1\x1d*.\xab-Sup\xde\xfb\xdf\xdf_|W\x95\x041\xf2\xbd)\xc2+Y\xa5\x1a:\x9d\x90\xbb\x9dm\r13\x9d\xb7\x12\xdf3\x7fu7\xce]8\x91Qs\x01\x8b~\xc9Z\xb0aU\x17\x9d\x1a:\xc3]\x81\x01\xa0N2W:\xe7\xcd#\xc84\xc5rh k\xe1E\xaf\xb4\xd4\xafU\x14\xd3\xcck\x8c \x1c\xa8\xa5\xa4t\xcav\xd6\x8c*&gt;\x89\xdc%\x7f\xd7F\xd2\x1dX\xc9\xb7`\x0f\x9d\xf2\xace8\x91\x84\xb9\xf1WI\xd8\xc3\xfdA56\x93\x8b\xb1|&amp;R\xd9\xea\xf2z\x06)\x82\x8c[m\x14\x0f1\xfa]\x19#V\xea\xe8\x95p\xf9j\x94\x11\x11\xbea\xcaq\xd7\xd64\xc6Q\xa4\xdc\x14\r\xb5\x85\xf9I\xe2\x02\rO\xc7L\xf9\x99O\x05\xf8EN\xa8I0K\x13\xb82o\rt\xaa\xf6\x1e\xad\x11\xa5\xb2\x0c\xaf&lt;;\x93\x8e\xb5_\x9d\x13\x7f!\xdb\xf0\xc2\x1ar\x1d\x08\x92\x90M\xd1\n\xa3#\r\xc9j\xad\xb7tB\xe1\x99\xb2\xc9\x06\x8d\xbd\xf9p\xe0\x0c\xde\x92?\x898\xb6\xbe\x81\x8e\x90\xab2W\x00\xc0\x07F\xac\xa5\xd5\x0c\x8a9=\xda\x8e\xe8&gt;+Ff\xace\x0cX\xa7\xee&gt;\xff\xb3\n\x92\xb9ON\xe9\xf8\xcfY\x10W [*\xcb\x96\xa4\x95$:\xf4k\xf8\xf4\xd7\x942\xf1\x92(x\xcc\xfei\xbf\x81B\x0f\xc7\\\x03U\x15sM"\xffK)*)C\x99\x9b\xc8\xb7&gt;g\xee\x0eM~\xc4\xebT\x89\xd4\x8c\x92\xf9\xa5V\xc7V\xb7\xf2\xe2\xd8\xd5\xcai,/R\xf8\xd2\xbe\xea\xc5\x02\xec(3Tg\xa9\x85\xea\xfd *\x7fGOG\x9c\x16\xedS\x14\x9d\xf3\xe7\xb5\x97s.rF\x153`\xa8e\xdf)R\xca\xaa\xda\xe7\xa3\x01G\xde\xab\xec\xe6S\xe1\x9a\xfcm\xcd\xdc!\xb0~\xe3\x94V\x14`\xa57\x05\xc2h^3\xf1D \xcbAse\\\xe9\xcaX\x14\xd7\xa3\x92\x8e\xd0\x1c\x92\xb39\x8f\xb30G\xa2\x9c\xf2(\xeeo\xd1b\xab\xae\xeewa\x11\xe1\xe1\x0e\x9eD\xaf\x00\xb5\xda\x00\xc6\xab\x9cEGtl\x02\xd3I\xce\x85+D\x0b5\xcdw\xce\xc1\x9dJ\xefa\xe2v\x13$j\x8b\xf6\x9f\x1e\xefD\xc9\x1c\x1cy\xac\xa4f7qn\xf6ig\xfc @Q\x0c\x14&gt;\x97Y$\xd1\x8d\xa2\xa0\xca\x93\\\x00\x98\x1a\x8f\x8c\xff\xcdr\xcb6\x1b\x93\x1e\xc9%Z{t\x16\xf7\xee\xa5\xe6\xd68\x8esr:\xcf\xa1a\xfb\xd2\xf8l\xdf\x85\xd9\x99\x8b\xbf\xcavk1\xa0\xb0\x9b^,9\r\xeb\'J\x86\x19\'\x9e\xf2M\xef\xb3X\nt\xac\x00H\x8c&lt;$\x12\tn\x85\xad&amp;n\xf0LSq\xd5\xa0\xe1\xba\xa4Q\xdan:\x03\x81\xa5(\x18:\xda\x9eWt\xf1\x89\xd8\xe8\xabJ\x11\xa3}\x97\xf0\xdc@\x14\x94)\xe1\xb9\x85\x05\xf8Hm\x9b\xeePVQ\xcd\xeb\x00#\xd3Q\xd46\x80\xa4\x8aD\xe6\xc9&lt;$c\xd6\x8d\x1c\x1f\x0c\xee\x87\xe2+\xdc\x1e\x89QG,/\x7fq\xa1\xc2\xf6\xbee0\xee\x01\x9d\xc7@C\x9f\x92\x15\x96\x0f\xc8\xa4\n\x88\x8f\xc6,\x87N\x02\x82\xaa\xd9\xdd/\xc4jf\xda\xc7\xe4\xb2\xad\xd9Cz\xc0\xa2g\xae\x85*-1\xc5J\xc1\x08\x8d\xbb\xb9\xee\xe4\xab\x90\xf4\xd9r\x11\xfc\x9aN\x97\xd2p\xa8\x10\xc0\x10\x80\x0f\x01\xfa\xb3\xa3\xe0m0iz\xf1\xb0f[\xbf$U\x92\xd5\xcf&gt;\xe1\x00~\xc4\xb9;\xa4\xa7l\xb3\x8d\xf7\xe8\x8a\xd6\xa8\\k\xa9\xf7\x17\xc40\x83L&lt;%\xe6\xcd\x0b\xebsE\xb4\xa9R2a\xc4_E\x9aC\x10\xa8Ic!\xd9\xb9\xfd&gt;\xeeb\xd50B\x00\xfcB\xbf\x95d\xae53M\xbe\xbeJ*\x19\xadw\xfd\xb7?\x8d\xf4 B\x11@\xbc\xad\xd7\xac\xe0\xc1V_(\x14d\xb3\x10\xffb\x89\xc2\x17U\tub \xd1\xf9\xf4\xf9\xae\xd3\x95\x87\x88%[\xba\x9c\xd2i\xadX\xd1\xa2\xce\xeahJ\x87Z\x84\x17\xc3&amp;s\xcb\xfbu\x85\x909\xba\x8c\x94ret\xff\xec\t\x1dV\x0b\x90E\xb2O\x91m"\x1b&lt;sEnP\rk]\xa1-\xa5b_n\xf2\xf2\x1at\x01\x9a$7\x8d\xba\x1e\xd8{B*\x13*\xefv\xd4 &gt;Z\xea\xad\xf9\xaf\xdc\xfc\xb6\x1e/V\x87nu\r\xb1\tv\x92\xeb\xa6j\xe0\x1bl\x86\x8b\xd2\xab\xe4@\xd9\x0bE\xbc\xe2\x02\xf9"&gt;\x94yre[. X\x83\xf5) \xf8\x9fQI1\xc6\x94\xfa$\x9f\x1b6@\x91\x8f4Pud\x144\xca#\xdb#\xb6\xe2\x01\xb5l\xd0\xaf\x90\xec*\x92\xae\xd3\x02\x966W,P\x8aR}\x17 \xe2\xbbK\x92K\x9d\xa70a\xd6\xac\xb21$\xdf\xa5rE\x9fe\x01\xeb=\xab\x89\xc4R\xad\x81\xbc\xa5T\x17\x9dJ\x80\xf6\t\x80\xa9\xb0\xdb\x08fkH\xf6-\x96\xff\x18\xff\x81^\x94m\xd4H\x96\xd2Y\x1b\xfcX\x8d\x85\xd4\xf5\x81\xc2Qz*\xff\xe2MVmBz\xfd\x0brg\x87Y\x10Z\xee\xe5\x80\x87/\x17\x1f\xde\x14#\xdb\xadK\xbf{3\x1b)\x8b`b\xee\xa2{]\xc8r\xb4\xb4}\x1b\xac\xcd?oi\xb9\xc3\xaa\xe8\x97\xf2K\xa6\xfe\xf0\xa4\x0e\x00\x08Q\x8f\xa9bD\x04\x11\x11\x7f#\xa1\x8cx\xfd\xa5\xb0\x85h\x92wZ\t\xb5\xe3\xd6\x7f\x8d\xc6\x8f`\x7fq\x99u\xe6\x00\xbd\xb3\xe8\x15\xa9 \xe2\x1dt\xb9$\x06\x8a\xeaX\xed\x15\xa55\xb5\xb7\x9eo3O\x9dQQ\x8c\x9cY"|C\xf3\x19\xf1\x84\xbb_\x16\xf3\xdd\x18\x92\xd6{\xbaC\xa3\xcfQ\x12L\xe5\xea\xadm\xba\xa0\x10\xcdt\xfa\xfb\xbd6"1A\x04H~\xc4\x10\xbfn\xb0\x15Zr\x17\x14\xd7\x07@|\xcel\x03w%tXd\x1b\x83@\xbdX\x12M\xdb\xf2\xf5\x03\xac\xbeD6\'\xad\xf8k\xa9X\x99\x053\xcd\x14\xca\x10]\xf5\xea\x80\xef/\xb9]E\xe1\xeb\x99\x96\xe5\x11\xe9\xc8f\xd0 \x99\xc21\xb9\xdc\xa5\xf1&amp;y$\x9d\xac\xd0\x1d\x1a\xa5\xdc\x00z\x1axr\xec\xf7\xdc\x18"\xa6\xefiA\x00\xf3kRZ\x99\xfeop\x0f)2\x98\x9dt\x06\x7f\x96\x11r\x07\xc8\x1f\x12\x9f\x88\xa4O\x15\x96+F\xd5K\xc5\xd2Z\x00\xa0\xfe\xb8y.\x7ft\x10{\xba\xc2\x96l:a-U\xf5e\x16\x1b\xc8\xcf\x83\x87\x03\xe3=V\x81\x98?\xd8i\x10\x8cT1=H\x01\x89\xcd\x14*\xd9;7R\xe6\x8d\x9d{]\xc6\xab\xa3_`\xb1jLH\xe1\xca\x8fY\x14}k\xf2$Jr}\x00#\x99PpN\xe2c\xcc\x00\xb0\xd5c(=\xd8\xe8u\xd0\xadH\xdc\xd0\xea\'\xbb]\x87\xf7\x0fx\n\xf3\x98\x01Ou\xfb\xc3\xdb8g\x91\xf2\xc4\x0b\x95*=\x8b\x9d\x90\x08\x15\xd2#\xddM"I:(\x1cm\xf7O\x9c\xf4\xc33Y\x1eI\xb0\x08F\x7f\xc9\xa5)\x08,D\x8f\xf4\x99\xd2\x02%\xfa0E\xee\xfd=\xab\xc6\xa0\xd5e\xbdO$\xac\xa0\xd3\x82\x02}\xf4b\x10E\r\x18O\x16\xbdO\xaf\x14Hu\x13}9\xef\x95A\x19\x08\xf0\x94m\x18e\xc6{\xa5M\xf8\x8a\xf2\xc8+\xd3\xa5L\xd3x+\xa6\x17\x94q]\xa0\xec\xcb\x18\x05KRR|\xbb:\x12\xd0U\xb5\x18\xf5\x12\xf7)m\x98o\x80\x86\x86CI\xe05Z\x82o\xb6n\x96\xd2"\x9f.\xdf\xea\x95\xa7\xc6hetJA\x18\x15g\xe3\n"x\xdf\x11\xd4\xce\x00\x88\x88\xcf"_W\xe2\xc2\xda\xc1@\xfaM\xf4\x121X"\xac\xa88\x8f\x7f@\xe4\x9dlU\x86\xf1\xb1uc)baj`"\xdbOVl\x96\xda\xe9\x17\xeb\xe6\x05B\x1d\x94{\x90\xbd\xac\x94o@C\xc3\xad\x94\x87S\x0c\x94e\x81u\xdbk\xeekV\x00\xb3\xd1\x16P\xc9T.`o\x80Q\xdan\x82\xdb\xa07s\xba$\x04\xd7\xd9O\xc0\xf7\x01x\x97\x98\x8f.\xd4\r\xa9jN\xb6(\x7f]\xb9n\x0c\xfd;,\xdb\x18\xbdZ\xe4~\x00\xcf\xe6\xeep\x04an\xc9\xd8\xf58\x913}\xe7\x89\x84*\x01XR\xca\xebC \xebA\x9c\xdf\x183\xdf\x97\xde\xc4\x92]_\xe8\xf5+li\xc5\xe8l\x88&gt;\x9aP\xdd\xc2ig\x8a\xda@k\xde\xef\x91\xb9T\xec\x82L\xc5\xa1U\x06\xc1\x9ecj\xfd;I\x83Hm\x89\xf6=\x80\xa4\x85ls\x9b\xa7A\x0c\x8fu\xbc\xeb\xa5\x94c\x9dZ\xc3d&lt;\xffI\xa2\x8f\xf6I:\x88\xb1\xc6l\xef\xdcs\xa6\x7fM\r&amp;g!\x86\xca\xc0\xe4A\x07\xda\xb4s\xa57\xbf&amp;@\xe6\x1b\xfa?\x15\x82e/w\xf9\xd2&gt;;\x00\x00\x80\x8fR\xb6\n\xf5~\x99\x83\xee\xecJ)\x89\x80&gt;\xfd\xc5\x14\xeb_\xe5\xd0\x8e\xbf\xc3\xa2\x9f\xd8\xc15S_X\x94KE\xe5\xfd\xee\x94yo$\xe2g\xb864\x84\x9a\xfe\xde\xf5d\xf9\xc9-\xe0\xd7\xe0o\x17\x0b4-\x88\xf2u\x1eb\xcb(\xcd\x97d\x19\xe5l?\xb4\x89x\xb90/R\x9bz\xda\xc50\x11\xbc\x9b\xff`c\xea\xf1\xf2Fv\x06\xe9\xa7\xfbW\xcf\xaeH\x9e\x8e\xcd\xad\xe5\x1c\x19R7h\x14^k\x97\xda\xb8\x99\xef3hEF\'H\xe5$\xadF|\xd1\xf4\x91\xcb\x94R\x9aw-\x9a\x07+*f\xaa6tW\x01\x98\xbd/\xaf,X3\xb3\x94o*?\xda,\xd0F_D\xbf\xf0{\x84Ew\xd4\x80Z\xc8\xf6\xa91\'0\xb0k\x12*/\xb1\x8b\xd1\xd44\xa5(\x1a\xc2\x7f#\x9b\xc0D_\x1f\r\xe8\x9bJ$,hd\xcd\xf2N$C\xf9nOCh\xc5\xcf\xa0\xd7\x13\xb2UD\x13\xf1X\x82\xa4]\x96\xbe\xb8W\xc9\xed\xbe"\xb3\xe7\xbc\t\xb9\x03\xedQZU\x95Q\xc8\xb5\xa4\xc7\n=\xf4\x87\x11]\x19[\xbc/\x17j\x0e\xef\x8bJ\xabO@\xe8\xfa\x1f\x95\xef3$id1\x96\xb4fE&gt;\xb4y\xe3\xc1,jI\x98g\x01\xdc_\xccx"\xbe{\xfa\xad\xe9\xf5\xd2\xa0\x93\xfbQ\xe8#\xf9\xff\x02\xe7\x9c\xaf\x1b\xae\xa4~\xf1\xed\xce\xd5&lt;\xd7\xc9t\xee\x078\xf8\xc7\xc0\xc2\xb1\xbft\x86\xa5m\x9b\x85\xec\xf5\x9d{#\xc3\x88\xdd\xf3p\xe1\xa5\xdc\xf5\'\xd0\x13\x03+\xfb\xae\xca\xc7 XQ;a!E\xf7KH\xa3\xe6J\xbaV\x9bE\x1aIqe\xac\xfe\x1c\xc0\x06\x87\xf7[\xd0\'\xd2\x8f\xcf\x07\xc7\x1b\x0f\x1d\xc7\xe7\x96\xfb\xc5a\x90\x87\xf0\xcb\xbe\x85\\\xebq\xceY\x84q\xff&gt;c\xb7dT`\xf2\xfe\xc0:\xc7\x12\xa2\xe8,\x0b\xa1\x96\xb8\xaa\xe4\xe0\x1ckx\xd9\xd8\x8c\x8e\xffO\xe8\x7f\xaa\xff\x1f\xfcO\x048\xe7\xd4\xdf\xb9T\xd6\xcd\x01\xac\xf7\x87l\xd9\x17\xa5\xc4}xn\x17\x19\x01\x88\x1e&amp;\x1bP\x8d \x1c\xb9\xaf\x1c\x02ccb\xba\x93$\xd1\xd5\x8f0Hg\x07zD\n#[\x13\xeb\x80\x04f\x19\xc5-\xa60\xabb#\xa5\xf51\x92\xd0p,\x86\xac\x0b\xab\xaac\xfa\xd6 d?7C\xea\x9f$u\xd0IS\x9a\x00\xec\x84YR\x88\xf7\x8e\xbe\xce\x17\x07\xec\x06\x19\x85+\x96`\xe9`,\xa48\x7f\xd4+?\x1f#y\x9bZzTe\xd4G)&amp;\x0b\x85\xad\x02\xfc\x16}\xc3\xc6\xa4\xb4\x15\x04?=v\x17\x9bK\n6\xcd\xd5q\xa1h\xb1\xcfR\xe1X\xaf\xb1^\xc9\xa5m\xe0\x12\x88\x9439\x00\x10\xb7\x05\xe9\xaf0\x8e\xe8\xf5\xa5E\xce%\xf18m\xec\x92\x9400e\xfb4\xa2\x0c\xf3\x92^:r\x96\x1f\x15e\xe9\x9c\x1c\xb8\xce9NB\x7f\x8a\xe9+\x98(\x8e\xed9\xce\xdd\x7f\xa0\xd9\x84\x07\xad\xbb\xa9E\x94a\x19\xec\xcc\x01V\x97\x8e\x88\xa5\xd6R\x88\xab\x1c\xd1\xd9\xa99\xf5\xa0+\x05\x84\xc9\xcfc\xad\x16A\x83q-\x15O\xd0MG\xfb\xd7\xe9\xd7\xec\xbd\x05\xc6@\x82\x86\x1c\xf6\xb3\xa7ayN\xf8;z\xb7\x1f\xcbR\x17\x11\xe0\x8f\x93[\xe1\xf3,g\x9e\x902\x90\x9e&gt;Gw\xc8\xdf\x85E\xd0Rq\'\xdc\x1bHs\xb0?\nk{\x8f\xd05\x15!\xab,\xd3]\xea\rT\x00\x00 \x00IDAT\xfd&amp;\xd79J\xb0\xc9&gt;GP\x8b(\x93\xcf\x1f\xcd\xdf\xe5\xb2U\xb95\x14\x06\x96/uQ\xb2;\xdd\xbf\tLMl\xce=Z5S\xb7\x1e$\xc5\x1e\xc6\xdc6\x1d\x0eV\xee\xd5\xe63\xeb&lt;\x082\x06Sl{r+\xfe\xfa\xaf\x03\x87\x90\x92\x8c\x9e\x04\xbc\x97\\\xd79\xe7\xdc-\xf3\x8b\x10\xb2\xc4s:\xbe,\x06\xd3\x03\xb1zt;\xc9;\xcfe\xf3\x07I\xcf\xd6X\xa9\xb1\xe89CO\xf9o%\xc5\x82o\xee\xd0\xfc\xcb\xe2\xaf\xde\n\xee\xca\x14\r\xcb\x910\xfe\xe50\xcb\xd1\'sN\x1eD\xec\x01\x18{1\xc4+\xe7&gt;\xdd\'.\x99\xde\xc4\xbct\x96DN\x91\xd5\xad\x10rH\x9b\tYkI\x1b\xe4\x8a7\r\x1c\xa7\xef\xc2\x8f\x10\xb7\x83mKY\xbe\x95\xb1\xb0\xbe\'\xb9\xd2F\xc7\xc4\x8b\xbb.\xef0\x9d\x05h\xffY\xda\x907Uo\xfa@\xf3@D\xc4\xbbO\xa4\x9amO)\\+\xa3\xc4\x9b\x88\xf7\xbeU\x04\xf7\x89\x11\x87\xb1\xc0\x9b\t=TG\xa2/Z \xca\xd1S\xed\xfa[L\xe2\xde\x17\x808s:$)\xb9\x1e\x82xF\xcb\xcb\x03\xd8I\x15\'\xc96\xfa\xc4M\x84\xed%AbN\xd3\xf7\x95\x84@9i\xeee\x98\x0ft&amp;\xf69P\x1c\\\xa1u\xac\xed\r\x96y\xc1\x9f:w\xf3\x11t\x18XdF\x00\xc0\xb7:w\x8d6\x19\xa8$\xae\xf4\x9aq\\\xdeD\xb2zBoU\x0c8\x06:\x9f\x1ct\xf3\x11\xc2|!OS\xc2\x0f\xb6P\x13\xae\'\x8a.o*n\x9b\xa7K\x83\x16\x9a\xbb\xf7\xabG\x80\xff\xe2\x8b\x1b\xad\xe6T\xc6E&lt;\xef"\xfc\x08\xba\xa5\xa8\x0e\x89;X\x96\xe4a\xc5\xbdR0\xee\x1c|\xb4\x0b\xe2\xc5w\x1c\xbc\xc0\x85l\'+\xc0\x90\xf8w\xfa\xa7\x9bR\x04\xb6\xd7\x1a\x98\xb0\xcb\xe8\x8c\xcc\xcd*\xd3\xa2\xafH\xcd`J\xcf9\x97\xec*\x81m\x11\xef\x00\xa0\xe4\xfd%2\xc1W\x04\xef\xa5g\x84}\x998$=\xc3\x85\xe2F\xfe\x85\xc4M&gt;\x87\x06 ERL\x0fm\x15|&amp;a{\x15\xdbt\xed\xa2V\xce\xda\x98\x96\x8e\x9c\xe0\xb6@\xa1_H\x81\xc6\xa8GZ\x0b\xda\xe5\xa9\xacZ\x87\xb0\xeeaVc\xc8\xffhL\x8f0A\x1b\xce\xb9\xf5V{C\x16\x01\xf8Q\x00\x7f\x14\x8d_\x85\xb8\x9f\xb3\xeb\x8c$\x1a&gt;\xa9\xaa\xdd\xbd\x1c&lt;\xdf0$Ka;H\xfd\x0b&gt;\xa8\xb7\xc9y\xdeQ\xff.\xa0g\xf9H\xc0\x87~\x0ba\x13\xa9\xfc\x87\xc7\xb4f\x9c\xa1\x945\x9669X"3\x1e\xda$G+\xd0\xb7\x9d\x8f\x95\xb6\xea\x8c\xc2nP\xa5\x18\xa1\xb4\x9e\r\xc7\xe2\xeb\xdb\x9a\xb8\xa7D\x06\xd1i\xe0\xd5\xcc\xb1l\xa5f\x1e\xec]*\'\'\xf6\x98e\xd6\x80\xbe\xdb\xa4\xd76C\xd7D\x86\x1d1K\xd0`\x91\xc2\\\xb2\xf2\x19\xfd\x1dB\xdc\xde\x90BN\xb5\xc0\x06H\xfa7\xec\x0bl#\x8bi\x8c\xd9\xf4\x12oSA\x9a\xbd\xa8T."\xb6u\x08"\xc0\xad\x00\xfep\xbb\xcd\x15D\x80[\x86\xe0\xdd\xc4\xb4jy\xa7\xf4\x91\x92=\xcf\x0b\xe0\xf2\xcf\x12\xa1\xe7\xe3\xa5SQT\xdan\xc7\xc5\xbf\xe4\xe3\xec\xd0\xbe\x070O\xd4\xd9\xacj\x9c\x19-\xa76\xa3 \xf4jg|\xf0\xd6\xc70\xd6\x16|-\x00\xc0=K\xa5V\x07w\x8cr\x80\xf7\xb7h\xc1\x1aa\xd9\xc21\x9a^\xf4\xdbU\xef\xa2DL\xbc\x02\xb5\xa6\r\x919\xae\xa5\xde\xbf\xf6\xe8q-\xc7\xe9\x0f\xe7\xfd%&lt;\xb4fv\x1f\x15\x05\xcf\x8e&gt;O\xaf\r\xa1N\t\x06mw\xe8|9/:L\xaeS\xa2#\x83)\x9e\xd5)/\x0b\x9e\rp\xff\x06\xe23\x87\xf3\xd3|\xd9C\tG\x80\xc4\xdb&amp;^\xd9\xbeB}\x7f7T)V\xb7D\xd0\xb4\x15y\xc0n_HQIB\xc2]\x15y0\x10\x98\xb3C\x134i\x11\x80{\x85\xa2\xb2nf#\xf7\xa0\xeaZ\x01,@|\x81\x12\xa6Hy\xf6\xbc\xcce\x00\xef\x11\xdaU\x91\'\x80\x96\xed\xa56\x84E\xc0\x19\xba\xa2\x14\xbd?\x08\xe3\x9c\x83\xf7e\xcc\x14\x937\x8a\xc4\x05\xee\xa7\xfa\xc3\xdc]&amp;[\xc4R\xed\x0b\x96\x9b[ZmkT\x94\xbf\x16"\xcb*\xf5\x14W-e\x85g\x05\xac\x0b\xc5\xe5$Fv\x87\xda^.\xb0,\xe4\xaa\xe1\xb6\x04\xc9\xfb+A\xe8\x1c\xb9\xc3Wr\xd7\xfd\xe7\xac\xa9,\xbd%\xe4\xcd\xd5eV\x05\xdb\xcb\x08 z\x7fM\xcf\xcc\xf5\x7f\xf5\xc2|\xab!\x1b,\xda[\xb8\xbe\xb2\x0b \xc4\x93M\x8a\xb3\xc4\xb0\xf10\xe5\x8b9[\xaf\x1btJ\xa8R\\\x16\x84]\xfej\xae\x95\x08\x0e\xa5\xaa\xbc\x02v\x05\xe0\x06e-\x9b\x81\xa8\x9dL\xb7Dg\x89\xa2"=Tg\xde!lA\xb8\xe5b9\xbb\x8d[\x05\x86\x12\xb4\xde\x17\xa4\n\x9a\xb78\x96\rL\x9d2Bt\xe0\xb4\xc8\xc0\x14\xad\xdb\\Obc\x93s8\xc9\x86Y\xb9#\xces=0\xecu\xd0sPF\xbe6f89=/+\xae\xcb4r\xc9\x01\xb5\xb6Y\x19\xfd\x7f\x1a\xfc\x844f\xee\xe7td\x1c\xfc\xdb\x00[\x85q\xca\xa6AIu\xc9M\x17~\x0e0\xa6oq\x07\'\x88\xfc\x830D\x10\xee\xb6\xa4\x81\xdb\x17\xf53\xd3\xecn\x99=\x86\xf5\xa5\xee\xe5h\xcf:\x177\xad,\x8f\xb3y\xff\x9c&amp;\xb3\x8e\xe1\xc2\xc5:\xda=\xf0\xc2\x9c\xd0\xc0:1\xfe\xf7\x00:\x87\x9b\x14\x11\xcd\x1f\xfe\xb5\xce\rM\x06\x8b\xf8?+\x040XPR\xa0!\xc0\x8f\xeb?S\xaaF\x08\xf8\x08hC\xd0\xb0\x8b\xbd\r\xc5\xa6\x11]\xdd\x84\xbb\xab\xfa\x9d\xd9\xe1\x84\x02RI\x97A\x17iKx\x9f\x95\xedd\x00H~\x03\x01\x00~\xcf@\xda\xba\x15I]&lt;\xf9\x90\x05I\\_x}:\xa2\xe6_\xa0Mstn^G\xf7r\x081\x89\x9cD\n\x00\x00o\x14H\xcd\xadn\x91!v\x0c\xb6\xb6\xee%\x82\x93\xb1\xa3\xa12\xa1\xbew\x96~(\xe6\x88\x0c\xdc\xa7\xd2\x15ziX\xcf\xe6P\xb3(\xf3\x008I*C\xdf[C\xac\xd0\x95\x94\xdc\x93\xf6\x99\xb9\xe4C\xef.\xeem\x01^\x81\x08p\x0f\x80_^\xe8V\x826\xc4lW\xe5TUZ\xd8\xdf\x16\xcd\xc6\xc6\x9b\xe6E\x8d\x18hb\xa1s\x91\x0c\xad,~\x82DB\x8b\x00\xf2h\x9a\x19\xa8F\xe5H\xc1\n\xb0iO\xc9\x80a\x84\xc5\xae\x8d\xcbO-@\x15\x96\x1e\xe35*\x9e\x0fI\x92\xc2@\r\x8e\xc9P#w[\x94\xa9\xe2\xe4++@\xa9\xd6R\x1d\x1176\xa5)\xc8\x97\xf9"\xa0y;1M\xe9,\xebz\xa6l\xb2u\x0cJ\xb6\xc4\xc69\xaa\xfe\xcb\xd3?\x7f\x18\xb3\xd3\xbb\xda\x1e\x9a(\x1e\xa1\xc8e)\x16}\xf4\xcf!\xc7\x16&gt;\xd9\xd1D\xef\xbd\x00\xfeM\x14\xe74\x083\xd9ri\x0ee\xa0(\x95\xae\xc3BUa\xeb\x8a\x0c\xeaF\xe2S\xbc\x92^\xac,\xbf+\xac\xfe\x93\x90#\xe1\xe6\xfc\x8c\xa4q\xf6:]\xaa\xf9\\v\xec\\J\xe7XhI\xe68\x84_Wk4R\x91\x92\xfb\xef\xd2\xeb\xe3\x95\xc8.\x08\xe1\xbb\xd9\x1e\x81\xe6\xb3\xec\xd1M\\\xb0Y\xf6\xf2\x0eMR^\xd2\xd4\xfb\xbb[\xfb\x8f\xc5\x05=\xd3?\xce9\xe7\x90}BU\x91\xcf\xa2\xaeX\x98esm\xce\xb7\x90\xf7#\xdd\x07\x82\xf1\xfd\xab\xc5\x1a\x0c\xdc\x87\x87\xab\xc1tI.iN\x1b\x05\x9eIv\x05\xb1\xf7\xe9\x7f\xfb\xa0\xae\xa1\t\xe0e]\x92iER\xbb\xd9\xc9c\xb1\xbb\xb5\x89\xaa\xd0^\xe3\x94\x88\xd3\x0c\x83\xc2Z;\xd3\x12\xd3I\x04\xcd\x03\xcc(&amp;\xf5\xc1\x9d\xbe\x90T$_\x1b4\x94s^\xf8\xb4\x8d\xc4\x98B\x88\xc7\xea!@M|\xd1\x92\xces\xa8h0"\x02&lt;\xcc\xb9\xefE\x9f\xa8\xe2\x97\x1a\x00\xba\xf2Y\xc9\x8b]\xc6W\'\xe5\x93\xdcZ\xb2F\x89g\xfa\xe8z$I\x98\t\xc0\x01\xf7\xdc\x00d}a\xf2\xaa\'\xcaYH\x03\xcaX\xb8XWZ\xfa\xdb\xc5\x93\xc6\xbe\x9e\xcd\xdbs\n\xe8d+\x00\xdd\x17\x0b\xb7\xba\xb9\xb2$\xdelL\xe0c\xf8$\x17\x02\xc4\xab@&lt;\xeb\x87\x8f\xf8\x97\x82P\x906\x1b\x85\xcfi\xbdA\x0bLsj\xc3\xff\xdc9\xeb\xd9\x97\xad\xc6%FO\xa3$u&gt;\x90\xf1\xc1\xb5\x81\x8aw\xb8\xdf\x1b.\xb0\x81\xd8\xb28(\x85r\xa9Y\x86Z\x8a\x0c\x9e*\xe2\x0f/\xfc\x964#F\x17\x93\x94\x97@8\xf5;a\xd2uZ\xfc \xcb\xc8\xe3\xb1\xb5\x15\xea\x81\\\x1b\xe7E\xc2\xb4NXmC\xf9\xc5\xb6\xc3\x0b\t\xd2\x0e\xcf\xa2\x1f\xae\n*ww\x82\xad\xf7\x00\xe8$\xcc\xcc\xa8~\x91\x8b\x88\x00\xd7p\xeemc\xb9\xfb\x8c6D\x9dr]\x7f7\t\xafL\xf4\x92\xf2S\x96\x16h@\xbc\x14\xba1\x86\xa8q\n\xd8\x96\xbd\xc4\\N\x99\xc7,\xab \x93\x8f%k,&lt;_\xb3$\x04\x07!k\x8bQ\xc4\xbfr\xe0pI\x85\x14`\xdc-\xc7\x17\xdb\x98S\x9a-\xe5[\xf4\x17\xa7\x80\x84\x85#\xfcF(\xa0\xcf]\xd1\xec"\xee\x931\xecVBh\xc52\x1e\xa8\x00\x00\xd8\xfd\xa2\x05\xb6\x15\xd3\xd0\xfc\x04/C\x1b\x0b\xde\x12P\x1br\xfb\x8d\xffO\xb1\t\xacF:8oi\xadj\x85\x13\x8795\x99\xder\xcf\x00x\x80m\xb4\xabC\xe9\x8a\x84,S\x1d\xa0-\x84\xd7\x95\xe3\x9d\xec\x98\xd5\xa7\xd5\xf11\xbaX\xbc\xbd80jd\xabm\xc7\x92`\xf6\xf3zz\x84\xe3\xe3\xdb\xa7\xb6\x01\xf6)XO\xb1s\x83\xd6\x8c\xd2\'\xb9\xa1$\xf2\xa8\xe2&gt;\x04\xf9\x90\xcf]\xa7E\x88\xfap-\xb0\xfe\xb2\xe9K\x95\xfd\x85\xf0CM\x00\x90T[\x95d\xa7\xc3\xa6) K\xf6\x91\xaf\xf8\xf8\xf1\n\r\xcb\xe7\xa4G?+lX9W6E\xbf\\M.:w-\xbb\x18\xe52dQl\x19\xa2\xcb\x01\x1b\xb5,M\xcd\x84d\x8dA\x1c\x8e#QZ\x10\xd3\x99\x05\x1e\x08\xc4\xff\x08\x10y\xc9\x86dc\xa8K\x8b\xcfu\xfaZ\xb4t\r\x90\xed\\3e\x9fVB\xfc\x92\xa4\xffT\xa6\xa1:\x97n\xa2\xc2\x19Z\x10\x0b\x03\xfar\x02\xa8U)\x06\xd6fw\xca\x08U\xe9\xfd@\x90\xed\r\x8dL\xef\xa3\x14\xc8\x94\xfc5\xf5L\xb6\xc3\xc6\x83\x13\x00&gt;P~J\x03`\x9e\xd8\x01\xe2\x93\\\xf3\x9aq\x1d_\xc2\xaeC\xd3\x02T\xbe\xbc\x00\x88;x;D]\xb2;\xd4\x82\xb9\x8d\xf9\xfe\xa4\xbd\xbdU\x8a\xf2r\xbe\xd8\xb9\xbb\x14\xc8&amp;9=B9\xdf2MX\xce[\xc4Cv\x98(YH\xbd\xda\x10\xab\xc8\xf7\xa2\xab\xf2|z\x81*\t\x93]z\xa9\xaa1\xa4\xe8QN\xaej\x89\xa2 L\x0bs\x9e\xe9\x10\xd2\xdbb\xd3\x15\x80s\xe0\xdc\x9b\xf8\x1b\xd1\x879\x87\xb1\xdc\x9f"\xa4\xb5\xa4\xe2m\x85:\xaa\xe8\xc6\x952\nI\xddq\xb2\xd9\xd1\x1a\xbb[\x11b|\x8e\xf5\xec\x80\xcb\xa3\xdd\xdf\xff\x80\x8a8\xfa\x13\xe2\xaa\x94o\xe0nr\xb5l\xb8\xb8\xec;\xb2\xf2\xd2\x8d\xed\x1a\xe4K\xa2\xba\xfa\xac\x18\xec\x8d\xe9\xdf\x1e\xea~qS#Oz\xc1^\xf7sF/\n\x85\x80\x85Q\x18\xbf\xb2o\x92%]\xc0e\xf8\xad\xcd\xd7\xbem8\xc1)\xa0T/\xce-\xa3%.\xb9\xaaO+9\xacg,Y\x91\xa4\xd8;\xf98\x82\x90\x1e/\xf8\xb7\t+h\xe2\x9f\xcc^\xea\xb6\xa2]6\x9b\xac\xe5\xc0\x03\xbd\xf5\x8f\xf5,X\xc9lQ\xed\'\xc2\x80X\xac=?\xd6\t\xb2\x9d,l?\x1a\x04\x13\xcb\x84d]\xa5P\xd6\x82\xcfJ\t\xfft\x1d#\x13x\xf1m\xe7\t{\xcc\x82\xcb|\xce\xf8\xf8\x0e\xb2[\xe24sT\xba\x80"\x89\xd1\'\x02&lt;\xac\xb4l\x1f#\x83\x9a\xbe`\x96xnY\x9e\x14\xf3E\xc3\'\xffxA\xc2\xe57\xe2[U\x04S\xb2f\x85\xb3RY\xd8\x99\xf2\xef\xc6\xc3&lt;\x1dY\x91"z4\xbc\x92\x00A\x0cr\xab,\x14G\xa7\xab)\x19A\x86\x1a+\xfcT\xceh9\x88\xd7q\xee\xcd\xb5"\x19\x1b\xa6\x9e\xdc\xb9Tp\x9a\xe7\x00R\x9dOQ6""&gt;\x9c\x94r\xc1X\x94\x9d\xf7u$\xe48!\xe2\xd5\xa0\xb8\xe1\xb6\xce\xd2/\xa7\xc9\x8e\xe8v\x82I\x9a\xab\x92\x88\xb5\xc9f\t\x93\x9c\xa0Q\x86Q\xaa\xc7\xfb\x88;\x96\xban\xd2lT\x86\xb73\x04\xc5\x0c\x8fi\xb7\xe6\xd1\xe5#\x93B\xe6\xbbP\xab\x12\x0b\x93,k\xc6\xa4\x98\xfc\xba\xa3\xd8co\xb6/\xbcj\xb3m\r\xe6r\x9a5\xe0\x9a\xe8KM\x02\x00"\xbc\xc5\xb9\xeb\xd4\xd7\xc5\xeb\x03\xe4\x9b\xf0\xcee\x0f\xdc\x82\x1a\x93\xda\xc3\xd5L\x00fK3\xf9\xcaT;i\xc4@e.nM\xe7U\xd2[\x9f\x0b\xf0\x93\x1b\x05A\x91\xe4\xc0\xec\'\xef\x04\xcd\x9b\x96\x96\xee\xa8\xda~/n3Z\xe3\xdc\x8cN\xff\x86DQ\x9ed\x8b\xd8\x0f\xd3\xe6#\x03|\xa5i\</t>
        </is>
      </c>
      <c r="E597" t="inlineStr">
        <is>
          <t>&lt;class 'numpy.ndarray'&gt;</t>
        </is>
      </c>
    </row>
    <row r="598">
      <c r="A598" s="1" t="n">
        <v>596</v>
      </c>
      <c r="B598" t="inlineStr">
        <is>
          <t>steps_per_sec</t>
        </is>
      </c>
      <c r="C598" t="n">
        <v>8600</v>
      </c>
      <c r="D598" t="inlineStr">
        <is>
          <t>10.199235</t>
        </is>
      </c>
      <c r="E598" t="inlineStr">
        <is>
          <t>&lt;class 'numpy.ndarray'&gt;</t>
        </is>
      </c>
    </row>
    <row r="599">
      <c r="A599" s="1" t="n">
        <v>597</v>
      </c>
      <c r="B599" t="inlineStr">
        <is>
          <t>Loss/object_center</t>
        </is>
      </c>
      <c r="C599" t="n">
        <v>8600</v>
      </c>
      <c r="D599" t="inlineStr">
        <is>
          <t>0.25802132</t>
        </is>
      </c>
      <c r="E599" t="inlineStr">
        <is>
          <t>&lt;class 'numpy.ndarray'&gt;</t>
        </is>
      </c>
    </row>
    <row r="600">
      <c r="A600" s="1" t="n">
        <v>598</v>
      </c>
      <c r="B600" t="inlineStr">
        <is>
          <t>Loss/box/scale</t>
        </is>
      </c>
      <c r="C600" t="n">
        <v>8600</v>
      </c>
      <c r="D600" t="inlineStr">
        <is>
          <t>0.08758968</t>
        </is>
      </c>
      <c r="E600" t="inlineStr">
        <is>
          <t>&lt;class 'numpy.ndarray'&gt;</t>
        </is>
      </c>
    </row>
    <row r="601">
      <c r="A601" s="1" t="n">
        <v>599</v>
      </c>
      <c r="B601" t="inlineStr">
        <is>
          <t>Loss/box/offset</t>
        </is>
      </c>
      <c r="C601" t="n">
        <v>8600</v>
      </c>
      <c r="D601" t="inlineStr">
        <is>
          <t>0.09756383</t>
        </is>
      </c>
      <c r="E601" t="inlineStr">
        <is>
          <t>&lt;class 'numpy.ndarray'&gt;</t>
        </is>
      </c>
    </row>
    <row r="602">
      <c r="A602" s="1" t="n">
        <v>600</v>
      </c>
      <c r="B602" t="inlineStr">
        <is>
          <t>Loss/total_loss</t>
        </is>
      </c>
      <c r="C602" t="n">
        <v>8600</v>
      </c>
      <c r="D602" t="inlineStr">
        <is>
          <t>0.44317484</t>
        </is>
      </c>
      <c r="E602" t="inlineStr">
        <is>
          <t>&lt;class 'numpy.ndarray'&gt;</t>
        </is>
      </c>
    </row>
    <row r="603">
      <c r="A603" s="1" t="n">
        <v>601</v>
      </c>
      <c r="B603" t="inlineStr">
        <is>
          <t>learning_rate</t>
        </is>
      </c>
      <c r="C603" t="n">
        <v>8600</v>
      </c>
      <c r="D603" t="inlineStr">
        <is>
          <t>0.0009994674</t>
        </is>
      </c>
      <c r="E603" t="inlineStr">
        <is>
          <t>&lt;class 'numpy.ndarray'&gt;</t>
        </is>
      </c>
    </row>
    <row r="604">
      <c r="A604" s="1" t="n">
        <v>602</v>
      </c>
      <c r="B604" t="inlineStr">
        <is>
          <t>train_input_images</t>
        </is>
      </c>
      <c r="C604" t="n">
        <v>8600</v>
      </c>
      <c r="D604" t="inlineStr">
        <is>
          <t>[b'512' b'512'
 b'\x89PNG\r\n\x1a\n\x00\x00\x00\rIHDR\x00\x00\x02\x00\x00\x00\x02\x00\x08\x02\x00\x00\x00{\x1aC\xad\x00\x00 \x00IDATx\x9c\xed\xdd?\xe85\xcdU\xc0\xf1\xdd\xf8\x06E\xc4`!D0Ia$\x88M@\x83(\x08o:};\x0bEy\x95\x146\x06\x1b\xc1B\xb1\x10\xc1\xc2\x80\x10Q\xb0\xb00(\x04,lE,,T$\x82bae!\xd8\xa4\xf3o\xe3\x9fF8\x16\xfb\xdc\xfb\xdb\xbb\x7f\xe7\xcf\x99\x99sf\xbe\x1f\x02y\xde\xe7\xb9w\xf7\xcc\xec\xcc\x99\xdd\xd9\xd9\xbd\xd3\x04\x00\x00\x00\x00\x00\x00\x00\x00\x00\x00\x00\x00`0"""\xad\xa3P\xb3.K?\xa5\x02\x80Lg\x89\xbeI\xa2\x14\x11\xf9\xd6\xe2\xbb(\xbb\x83\x8az*\x0b\x80\x06D&gt;(\xbf\x0b\xf9d\xe9}\x00\x00\x0c\xealB\t\x00\x10\x81\x01\xa0\x04\xf9\xe9v\xbb\xe6\x80\x02\xc3\xfa\xb9\xc8\xcf\x93/\xd6:\xa8\x0b\x0e(\x80P^\xf2\x85\x8f(\r\xf0r@\x01\xe8\x8b\xed\xffd\x0b\x00\x80\xe3\x93\xc7\x86q\xfb\xad\xb4\x85\xcd\xe8\xbd\xd7*\x80z\x0c.g\xb2\x16\x0f\x00t\x8b\x84\x0b\x00[\xe3d\xc6a\n\n\x00\x00\x00\x00\x00\x00\x00\x00\xe0\r\xf7q\x00\x00\x00\x80s_9\xf9\xfbq\x96~\x01\x80E\xe4`\x00\x00\x00\x00\x00\x00\x94 _o\x1d\x01\x00\xa0\t\xa77\x1e\xb8k\x8d\x01}\xa4u\x00\xe8\xcd\xdc:\x80\x0b\xd7Y\x9e\x11\x00\xa3\xd1\xe9\xad\xcf~5\xcf\x96\xbb?\x00\xe0M\xd6\x15\xc0\xc7w\xef\xc1\x17)\xf5b\xfcBW\xe8\\\xf8\x03\x18V\xe2\t\xfbq\xde\x9c\xe7\xcd\x0b\x91\xb9 \x80/b{\n\x0b\xd0\x95\xd2\xda\xb7\xd9\x7f\x97\xe6\xd7\x1f\xb8\x18\x03D\x84\x11\x02\x88""\x17\xbdJd\xa2K!\xdc{\xb1_\xd8\x9f\xfb\'\xb7\xb7\xa8\xec\x1f8\xa8\x00\xbd\x9b/\xba\x1c=\x03Q\xa2\x07\x80\x10K\x82\xce\x9f^\xdfma^Vjp\xcf\x19\x83\xd8\\%/-\xffj\x04\x00bD\xb7\xa4\x83\xb4~\x92\x86E\xa6iJ\x9f\xe4y\xdd\xd1v3\x8c\x01\x00\x90)n\x15\xd0\xf1I\xfd\xeb_\xbe\xfdWFf\x96\xed\xcd\xe4\xed\x07\xe6\x07\x96\xf1\x00@\x1a\x85\x07\xc1\x8e\xee\x01/\x17\xaa:\xae\xcf\xf1\x19\x03\x00 \x8d\xc2\x00\xb0N\xbf\xfb\\\x1c\x9b\x9c\xe5\x83\x94\x9b\x07\x8c\x01\xb0\x80v\x08_\xe2N\xd3\x0f\xdb\xf7\xfe&amp;\xd5\xb4\xba\x0f\x1c;G\x7f\xbb\x8b\x8b\xafp?\x00\xcd\xb1\xb8\x19\x8e\xc4]\x01\xec[\xf6\xe6o\xe6y^\xa6\xe7\xa7\xd7T^\xf4\xcc\xe8\x19\x03\xe7_h\x8e\xec\x0fG\xb2\xa6\x80\x0e\xdb\xfa|\xf4\x81\xcc^Q\xea\xfd\x12\x000\xb0\xe8\x01`9\xc7_\xfe|\x91\x94k^\x0836\x14B\xc5\x02}K\xcf\xd1\xbb\x95\x9a\xcfQ!\xebq\xc4\xf0{\x00\tw\x0b\x00\x00Oy33\xd3\xf1*\x1f\xa5\x87\xbfn\xde#t\xf8\xf7\xa5\x07\x80\xcc\xa7\xdbF\xc0]P\xc0\x0b\xb5\x8e\xaa\xf2\x16\xaa\xd7\x11e~\xa6\xda}Ni5\x00\x1c\x06\x03\x00\x1e\x99Kd\xe1/};x-\x1dy\x19\x00\x82\x99\xfbI\xc8\xc3\xa7\n\x00\x00\xea\xcc\r\x00S\xf8\x89\xfc\xe6c\x7f\xcc\xe9?\x00D0\x9a4C&amp;\x82\xc2\xef\x18\x03\x00\xf6,^\x01L\x9b\x89\xa0\xdd\xbf\x8aj\xf6g\x9a\t\xc0\x98\xdc\x9c5\x9f\xde\x0f\xe0\xcc\xdf\x03~k\x170\xc8_\xaf\\V\xe2\x93\xf8\x01\x00m\x88|s\xeb\x10\x00\x00(\x89\xc5\xb8\x000"\xde\xc2\n\x00\x00\x00\x00\x00\x06\xc7\xec\x08\x00\xa4 w\x02\x00j\xe3\xcc\xfd\x16U\xe4\x08?\x98\n\x00\xe3b\x00\x004\xd1\xa3\x00\x00\x00\x00\x94a\xe4j\xc3H\x18\x00\x86F&amp;\x02\x00\x00\x00\x00\x00\x18\x04\xf3@\xf9\xa8B\x00pC7e\'\xdcMa\xcc\x00\x00\\\xe1F=\x00\x00\x00\x00\x00\x00\x00\xc0+\xe6\xb8\xafQ?\x00\x00\x00\x00\x00\x00\x00\x00\x13\x98\xb0\x06\x80\x14dO\xa0\t:\x1e\x00\x00\x00\xe0\x10\xd7\xd00\xeb#\xad\x03\x00\xfa\xc7\x18\x00\x00]\tL\xebd\x7f\x00\xc0\x15\xc6\t\x00Y\xd4\x93\x08Y\t\x00\x00\x00\x00\x00\x00H\xc6\xf4\x1a\x00\x00\x00P\x97\x88p\x1a\x8e\x91\xcd\xad\x03\x00\x1a\x90i\x9av\xa9\x7f\x9e\xe9\x0e\x18\x0b-\x1e\xc3\xb9&gt;\xebg\x18\xc08x\x15\x04\\J\x9b\xba9\x9c\xf3\x99\xe7Y+\xe93\xa1\x04_8\xd9\xc1(6\xd9\xf90\xe9/\x9f\xe1"\x00\x83\xe0\n\x00C\xd8\x9c\x99\x9f\xa5\xf8\xe5\xef\xa3N\xe49\xeb\x87_\x0c\x00\x18CD\x9a\x8e8\xfd\x7ff\xff\xf5\xe6\x19\x11\xe0\x05\x03\x00\xf0b\xb96\x08I\xe2\xebs\xff\xd7+\x8a\x9b\xd5\xa5\x0c\x100\x82\x01\x00#\xda\xa7\xe0\xdd\xfd\xe1\x94Y \x1e,\x80/\x0c\x00\x18\xd2]\x9a\x8e\xbc\x0f\x1cw\xd3\x98[\xcc0\x82\x01\x00c:L\xc2?\x18\xb9\x8d\xf9\xf9\xff\xcf\xe5C\xac \x82#\xef\xb5\x0e\x00\xa8a\x9e\xe7\xf3)\xfb\xc7\'b\xb7\xb9\x9e\'\x9ag\x11\x99\xdf\x86\x04\x86\x01@\x15\xb3\xab\xc8!\x0f\xfa[~4N\x11\x96\x00\xc1\x93\xce\xa7\x80\x183\xb0\xa7\xde*\xe6\xc7)\xff&lt;\x1f][\x00V\x99n\xad\xebk\xea\xa5\xcb\x9a\x0e\x17\x1e\xac\xb2?\xf34\x18\x9d\xe9+\x80u\x07]\x1e\xd0l\x17KW\x02O\x81\xbb\xbc~Z5\xaa\xb7\xd2=&amp;p:,/\x00\xe0\xc5\xe6~\x00\xa9\x1f\x00\xd0\x1e\xa3\x11\xa0i\xe4\x1e5r\xd9\x01\xc01\xd27\x80r\xac\xdc\x04&amp;\xd1\x9d`\x9d\n\x00\x0c\xa9\xe1\x15\x00#2\x00t\x8eD\x0f\x00\x00\x00\xf3\xb85\n\x00\xf9\xac\xdc\x04\x8e\xf4U\xc6\x00#b\x0f\x03\x87\r\x00Zb\xf4\x04\xe0\x1b\x17\x01\x00\x90\xc3\xe9\x14P:^\xfb\x05\x00\x83\xe2g\xbb\xd1\x9c\xfc@\xeb\x08\x00-\xee\xb2)\x03\xc0^\xdfuR\xadp\x9c^\xc0\x17\x85) w/+\xe0w@\x0eu\x9c\xb98\xe0\x00\xecj{\xde(2\x89\xc8/$~\xb7\xdba\xa3\x10\xea\x0b@Y\xe4e\xb3\xca\xfd6=\x10k\xb8U@\x80\x05\xccC\x02\xa6\x8dv\x8a\xc69i&amp;*\x10@\x11$\x17\x00\xea\x98\x02\xea\x8d\xfcv\xeb\x08\x00\x00M\xe4\xdc`\xe4:cA=\x00\xf0*y\x0c \xed\x01\x00\x00\x00\x00\x00T\xc3\x1c4\x00\x8ch\x84\x87Dy\x14\x16\xb0\x80e\xa0&amp;\xdd%\xc7\x0e\xb2\'\x8f\xc2\x02\x00\x00\x18\xe6\xfft\x13\x00\xd0\xafO\xb7\xdb\xb5\xe2\x00\x1989\x9e9\x05\xd4\xc1\x0c\x12\x00\xf4\x86\xc4\x0c\x00\xe8Y\xfe\x15\x08#%\x00 \x11\xf3`\x00\xcb@1.\xc6\x00\x00P@2\x05\x00\x00\x00\x00\x00\x80e\xcc_aL\xdc\x04\x8e\xe0+I\x18Lj\xe6\x02Z\xb1W[\x00\xcc\x189?\xfcn\xd8\xc7jV\x91\xee\xf0V\xf3\xed\xa4Ewdp\xd4\x07\x00e?\xd6:\x00\x00\xd0!f\xae08\x85\x04\x00\x0cD\x84\x91\x0f\x00\x00 \x1c\xa7N\x00\x00\xc0\xa8^OR8\xfd\x02PJ\xec\xdd\xe9\xfa\xf9(p\x8f$J\x00(\x8b,\x0b\x00\x00\xd0\x05N\xebP\x07\xf34@Ma\xef\x02\xa2_\xa2\x92\xaeZ\xdar\xe3!\xff\xf6\x0370\x00\xa4 wt\xe3\xbfZ\x07\x00\x00\x00\x00\x00\x00\x00\x0b\x98\xef\x03P\x9b\xfcE\xeb\x08\x00\x14R\xf3\xe72\x12X\x8e\xad\xa8\xe6\x05\x7f\x06\x90\x13\to\xe2\x04LS\x19\x00\xe8\xe2\x93\xe7\xdf\xb1:\x0e\x80\xc3\xaa\xa7\xf9\xd1\x04\x8e\xd14Q\x8e\xd3\xa6e-l[\xd1\x00\xe8\x9e\xc8$\xf2\xa9\xd6Q\x00@\xa4V\xbf`n\xed\xcc\xb1\x0e."\x01\xe0x\x00 9\x02\x00\xde\xd1\x1a\x10\x18Z\x00\xa0,\x95I\x1eyH\xfd\xba\xa7t\xef&amp;P\xa0_ao\x03E\x80\xfc\xe4;?\xa8\xc4\x13\xa8\xd5\x98Q\xb5\x90\x00PTl&amp;U\xcf\xbbgw\x17\xbeS{G\x03\xe2z\x05@"G33\x00\x80,d|\x00\x00\xac\xebc\xac\xd6\xfa\xf51\xc0\x10\xda3\x10\x8e\xee\x02\xe0\xca\xfe$\x91g\xd3\x801\x8d\xb2\x0c\xb4U:\x13\x1f\x99\xf4`Mf\xecjT\xfb\x85\x04\xb01\xca\x00\xd0j\xdd\xf9s\xaf\xa6\x86\x81M(*\x0f\x1e\xb0\xae\x1f\x00\x8e5\x1c\x00L\x8d=\x00\x80z\x18\x00\xf6\xa8\x13\xc0\x1f\xfa\xed\xde\xe65DTQ&gt;\xea\x10\x00\x00\x00\xbd\xe3\xd2\x01\x00\x00\x000\x863t\x00\x86\xfc\x03Y\xa9\x0b\x1cD\x00pF\xbe\xd8:\x82\x9d.G\x12\x06H\x00\xe6\xb2\x1b\x89\xa9\x0e^\xb4\t\xc0\x1c\x91oo\x1d\x02\x00\x00\x88\xc1\xf5\x04\xd0-\xba\xb7\x05\x1c\x03\x005\xf0 \x15\x80\x9e\x95Ko\xa4N \n\x1d\x06*"~\x0f\xa0\xd0\x0b\xdf\x1b\xfeT\x0b.0([\xc6\xaf/\x00@\x16.=\x81Dt\x1e\x84Po\'\xc6\x9b\x1d\xfd\x02\xb0+\xb0\x7f\xd2\x8d\x91f\xd3rhF\x00\xaa\xb26xY\x8b\xa7(N\x1d\x80\x82\xe8`\x000.9\xf93.\x8c3p\x8eSR\x00\x00\x00\x18\xc0\xe9\'\x00\x04\xe9#Y\x0e\x98\xf4u\x8b\xdc\xb6\x02}\x1d&gt;O\xb1bX\x12\xd6\xaf\x0e?\xe3\xa2Cz\x881TGE\x01`\x83\x8b&lt;\x9e\xac\xe7\xb2E\xea\xfb@\x03\x1d\x8bx\x17\x10^\xf4\x9e\xf5\xc2\x8b7\xcf\xbc\x99\x06\x00\xf2H\xff\xc3\n\x00C\xb8\x020d\x9e\xa6\xce\xe6\x96~\xb3u\x00\xf9\xba:\x1e\x00\xba\xc4D&lt;\x00[\x1af%\x12\xe25\xeaG\x0b5\t\x00\x00\x00 \x18\x17\x10\x00jh\x95jHqg\x84\xf4\x0f\xe3\x8a6Q\x91\xde\xba@g\xc5)!\xf9\x11\xf1.\x8dSR\xb8T\xbay\xd2\x01z%\xdfq\xf2\xf7r?\xf0\xf7wf\x00\x005\xb4J\x9c\x8a)[\xc6X\x80\xcf \x87\xb6\xda?\x08F\x1fPW\xe8\xcd\x0c5\x8f\xd4\\\xac\x14\x00\n\x8aM\x12\x99\x97\xfai\xdff\xd4\t\xb7\xd4U\xe0\xeb]\x11N\xfd\xe7\xe39@p\x89\x86\xeb\x82\xe6\x0cO\xf9#&gt;`\xa3\x1a\xb0\xc8\x18\x05\x8d\xdb\xac\x84C\xf3\xee\xaa\xe2\xf1E\xf9\xa2rH\x13\r\x06\xe8I\xfd\xfeL\x06)G\x1e\x8a\xee"\xe1\x9f\x00xBW.\xa4t\x96\xdc\xce\x80\x07\xefND~#u/\xb1\xfb\x02`\x1a\x9d\x19\x17\xbc4\x0eZ1\x80S\x8cs\x00\xd4\xb5\x7f\x0e\x00\xbdb\xd0\x02zF\xff\xae\xc0o%\xeb\xde\xe9m;\x9c\x18\x1c\xcb\x18_\x91/\xeb\n\x80g5qa\xf9\xb1\xf8y\x9e?\xa8\xb8\xd3Bi\xd1\xc2\xef\xde\xcb/O\x13y\x1fN\r\xd5p]\x17\xd5\xf5\x91\xea\xfe-r\xdd\x17\x10}Jh\xb3~\x9b\xba\xf1\xa8o\xdf\xc4Y-\x92XN_%]"$\x83\xc5\x04R\x9c5e\x9a8\x12\x18l6\x85B\xe2\x05M\xc0\xa0\xe8\xf9\xe5\xe8\xd6m\xb9\xc7\x9e\xf7\x03\x00\xad\x02QX\x06\xea\xd5l\xe1\xbed\xa7\xb4\xeb\xb6\xd4\x91Z\xb6\xbby\xb1\x12\x80\xa1\xf9\xbaO\x98\x16\xa8\xa3\x02N%\xa3\xf5t\xa4\xd1\xbd\x11Z\xe3\x00E|\xd3_a\x9b4\xd1\xe7&gt;\xbf\xa1\xfe\xbe\x81:\xd4g:G\x18N\xaeQ\x03=\xe1h\xa2s\xbe&amp;\x1f0\x9a\xb6M\xf3\xacg\xd0k\x00\xa4#}D\xd9W\x97\xbc\xdf"\x8eW\x1cD\xa06\xfa\x9c5\x95\x7f-\xd2N\x03x\x89\x8a\xc1\x00@}\xa4\x1e\x00\xc0\xbd\x11V\xa0\xc7\x96N\xbd.\xfa\xae^\x00\xbe\x91\x9f\xd66\xb5\xc1\r^X\xc6\x93\xc0\xc85\xe6\x13\xc9\x87W?"\xb2\xab\x8d1\xab\x070\x80S\xafE\xc29(\xa7\xadi\xa86\xe0\x1e\xd7\xc55Q\xdb\x8e0i\x84j\xb8&gt;\x05RH\xb1\xce\xb3N\xff\xf3&lt;\x07\xee\xe8\xf9-\xde\x12\x88p\xdc\x03\x80]\x96O\x85\x8bf\xd9u\x12\x0f\xdc\x11y\x1fP`8\xe7\xbc\xa9\xf6K ,b\x01:\xe6\xf5\n\xa0\xd4O,9Iv\xd5N\xf6\xe6y6\xf1\x83\xe8\xc1|\x1c?\x00}\x18\xed\'\x99.\n\xd8y\xc9+\xe2\xc2\x0b\x18HBoON\x10\x8d^\x88/\xcf?h\x05 \xbf\xa5\xb2\x19\x00\xd9\x1a\x9e\xae\xdc&amp;\x94\xa1N\xa6\xae\xce\xd0\x0b\xbc\xb9!dk\xeb;\x16\x83\xfc\x8e\xf9\x08e\x04L\xe0jy-p\x8a\xa6\\\x8dq4\x00\xdcS\xcc\x14$\x1dk\xba9"\x95\x0b\xd2M\xbd\xa1[imTm\xe6\xd7\xc9\xdc\xf7\xc1\xaf\x8e\x98\xbf\xb3Wiii\x85}\xe8iu\xc8\x8c7\x15 \x8eV\xf2\xf32\x00\x98\x8d!S\xe9a\xac\x83*\xcaD\r\xc0\x96\xfc\xf6(\x83\xbd\\\xcccY\x8d\\\xa0X\x88\xe1P\xcd\xc0\xd2\xcfrt\xe3\x00&amp;\xa5\xa6o\xb6c\x17\xe2\xab\xbc\xc9\xd3z\xea\xc54[o\xa6\x02\xb3\x14\x0b\xba6\xc8\xba\xbd\x04\xdf{\xfeOF\xce\xa6K\xeb\xbe\x98\xff\xda:\x00\xa01\x91\xae\x06\x80\x9e\xca\x82\xd2h-@W2OZ\xdf=K\xa5\x17\x8f5\xd5\xde1Wa/\x00\x14\xf4t\xa5\xaf\xf9*\x82\x8c\xcd\x98\xad\xcfBa-\x95.Ru\xec4Z\xc5\x86\x8f&gt;\xd0?\x11\xf9&gt;:aE\x15N n_\x80\x01\xa0\r_\x17\x10\xbe\xa2MV\xb9\x90\x1dTi\x07E\x00`H\x89\x9c\xf2ga;\xad&lt;\xceu\x90;\x19\x00\x00\x8b\xbc\xf4\xcc}\x98m\xe3v\xf1dSM\x06\x1f\xbfrQo\x00\x0e\xb4\xed\xbd\x15vNr\x02\x00\x13\x02\xd3\xb1\xd6\xe4\x8f\xb4\x1e\x00\xc2\x0b\x91Sd\xce\xc1\x01Xq\x91\x8d\xa2\x06\x00/y\xcdK\x9cmQKH\xe3\xf5G\xe1\x17\xf5\xdf\xf0\xdc\xfc9\xa9\x8b\x1fh\x8f\xfa\xed\xf6\xf9\xf2\xa7\xde\x07O(\xbe\xc6\xc8\xe9\xeeh\x02^]wB\x9b\x1dT\xe5\xe5\xa9E9Jm\t\xde\x969\xe5m\x01\xc0XZ\xf5\xfcj\xfb\xd5\xf9I\x06\xf3)\xd2\xd7\xf9;\x00s\\d\x90\xc7+\x16j\x87\xda\xeaE\xd0\x85J\xcap\x811\xd9\xbd\x07\xd0 \xa9\xc5~\xdeB\xd2\x98\xe7I\xe4\xeb\x8d\xa6\x80u\xcb\xdfp"{\x9e\xe7I\xfe\xad\xd5\xde\x01\x1ch{\x8f\xf7v\xef&amp;\x06\x80v7BlN\xb3\x04\x86d/\xf08\xde\xe3\x07,\xfa\xa6\xd5\x9f\rf7u\xf5\xee=\x0cP\x99\x000\x9c\xef\xd9\xfd\xcd&gt;\xdd\x1f\x0e\x00\xe9\xabtV\xd7\x1f\x17\x17"\x8c:\x80?m\xdf\x1el|\x17\xcf\xacWb\xe3\xa5efjw\xcb\xf3o5\x7f\x9a\x1a\x83\x8b\xbb\t\\\xaf\xef\x15\xbe\x1f\xe8\xf7\xc1\x19\xbf\x91\x8b|p\xf6O\xf3&lt;\x87\xdfq\xb9\xa8\x01wC\xc3\x1c\xf9\xf8\x1e\x00(\xabsZ}\xbd\x97\x90\x01 $\xce\x9c\x82\xf4tm\x01\x84(\xb5\x0cT\xbeVh\xc3&amp;\x90)R\\^\xbb(\xbe\x9a"\xf9\xe84\xb9\xba\xa2-\xa1\xa1R-^Dm\x16GD\xfc\xce{\xb8P\xa7\x86\x97L\x97\xb6\xa3}\x96&lt;\xdb\x0e\xad\x05\x08W\xea\n@\xb3\x0f\xd2\x9f5\\\xbd`.\xaf\x86\xc3\xcf`\x13\xb3\x7f\xc8g\xd6\x0fp$\xec#c\xd7\x80_V\x9e\x04N{\xff\xe5P\xda\xce\x15\x9c\xad\xe3\x14\x91\xf0\x03\x94X\x84\xb0\xd3\xff\xf5#|){9\xd95S4\xe8Xo\xd9Ud\x9a\xe6\x06\xa5:\x9cyX\x16l&amp;\x9c\xf6z\x99\xc7\x08Y\x99s\xf1\xdd\xc0o\xadS\xf0q\xea\x0f\x9e \xf2E\xfa\xeb\x9f0\xa6\xd8M\xe0F\xe7Ms\x8b\xec\x7f*5\x8f{\xc9_\xc9q\xfe\x81^\x0c]\x9e\xa1\xbf\xbb_\xd2:\x0c B\x7f\x1dQ\xe4m\x0e\xe0\xa7\xae?y\xba\x85\xfeje+\xea\x05J\xc9\xbb\xb8\x9e\x8b\x91W!\xc1\x8cph\x80J\xea?\xa5Ym\xe9\xfa\xb3X\t{$\xcbh\xb9y\x8c\xc0\xcfs\xc2QA^\x179g\xcb\x80\x82\xf0\x13\xae\xd8\xcd\xde\xee\xb4\xc6\x00Pz\x07\x08v}\xc8E~\xe5\xbaU,\xff\xb0\xfe\xc7\xab\xdcZ\xf8}\x1b*[.\x1d$`W\xe5v\x9f\xb3;\xba\xe8Zfm\x9c%x\xdds\x02r+\x06ae\x19\xa8\n\xdd\xfe\xbf\xff\xcb\xe4\x07L\xed$\x92\xda\x03\xe7\xeeo2\xefo\xcf\xf3&lt;\xadr\xfd&amp;\xef{\xb9y\x9e\x86\x01\tF-7K\xab\xef\xb4\xd8\x15\xfa\xd1\xbe\xd6IGg/\xf4\xe7lNO\xd5\xdd\x05\x0c\\\x11\xa5\x15\x17Q\xdd\xa2\xfe,P\x89=\xde\xd4\x9b\xfa\xfe\xba\xe0\xbaZ2\xe7\xaa\x18&lt;\xe0\x98n\xf3uq\'\x80\x1e\xab\xcer\x95^G\x96\x7f\xafB\xfe;\xf9\xab@\x19\x96;\xa4\xba\xd8\xc2\xaa\xd4MO5\xec\xae,\'\xb7\x9d\xab\xec\xfah\xee\x91\xd5\x9e\xb0\xc5o{L\x08\\DD\xfe\xae@,\xb7;\xf5Z\xc9\xban\xe7\x1b+\x85a \x06\xc0\x04\xf9g7\x19*?N/%\x05\x80z\xae\x9f\xac\xb1s\xe2\xa62\x06\xc4\xee1\xe1\x8b\xee\\\xac\xc9Q/x\xf8\x06\x13v\x9d|\xb3\xc7\xe9\xaa$\xa0\xb8:\x03@\x89\xe5F\x08\xf1\x1c\xe6\xaaM\x8e\x97\xdbf\xe6\x00p\xbdq`Pi\'\xde}\xf7\x9c\xbeK7\x19(\xe0:\x00\x91\xcf\x87|\xb2m\x1e\x97\xff)\xbd\x07\xc0\xbf\xe3\xa9\x86\xccm\xe6|\xb7b\xaa\xf3r\x17\xa2\xc4e\x9f\xee\xe6^\x87\x87\xc7\x00Pq\xdcrr$\x01U\xe7o\xf5\xaa7;\x7f\xf0\xf5\x98\x1d\xc9\x7f\xbc\xec\xb4PO\xae\xf0\xea\x9b\xdb\xdde\xfa\xa5\x02\xdb\x1c\x04+\x0e\xd0R\xe8\x94\xba\x99\xf7$\xd7&lt;qK\x9e2\x8e\xea\xd5\x1dg\x80\x90zP,\xbc\xa9dZ\xaeg\x01\xc8\x12\xd2\xebrz\xa6\xa9LT\xce\xf5\x1b\xa2d\xa5fT\xeb\x00R\xbe\xa5\xb4##\x8b\xe2\x80\xf6\xc2\x12n\xd2\x96}v3\x8f1\xef\xed\x93\xbb\xe2\n\xd1\x9a#G\xfe\xea \xd5p\x80!\xd9\xe9HV\xe20\xac\xf4\xd0\x9b2\xeb\x98\xb2\x97\x97=F\xed4s\xd8\x00\x90(\xe4\xc4Sq\xfb\xa1\xdf\xd2\r\xc2\x98}\x9d\x97[L\x19w\x13Ei\xa7\xc9\xf2\xf7\xdaw\xcbA\x9f\x12fxu\xde\x9b\xa6\xb0\r\x7fjf\xb7\xc0{$g\x1f\xcb\x9f\xbc\t\xbf\xbc\x08\xb9\xc9l\xff\x0c\xddE\x90\xc0\x0b1\xd3p\x8d\x84Q\xcem\x01+\xdf\x0b\x91\xcbu\xb17\xa1~N?\x12\xfb.\xa2\xf4R\x04\xe0\xde\xbe-Wh\xdd\xcbr\x14\xb3\x1di\x1f\xd8j\xd6"t\x0b\xcd\xe77\xfe\xf4\xe4\xa1\xaa\x83\xaf\xb4;\x10/\x11\xb6\nb\xe73dy\x8cL\xbe-\xe03\xfd\xbe\xc2\xb3r\xd1Dc\xa7\xc9\xda\xae\xcb\xb2\xda\x04\xd2\x99m\xd5\xe8M\xdb\x0c\x9a\xbfs\xb3]\xa5U\xd1\xeaT\xc7\xe1bP\xc5\xf5\xa0\xd7\xbb\xd6\xdd`C\xfb;j=\x95\x0e\x0eX&gt;\x89~*\x17\xa4\xf5\x92\xc7\xabs4\x0f\xb3\xbf\xf9vtJ\n\\F\x04\xde\xa9\xde\x0e\x00\xcaQ\x00\x1a\x1cwn\x94\x97\x9c\xfe\xed\xb4+\xadH\xcej\xe2\xe0\x9e\xd0k\xad]\xdd_Q\x89\x0cH\x96\xd3=\xectr\x15K\xaf\xed\xacP\xad$W\xa3\x85\x0b\x8e\xb3)\xaf\xf0\xc8\xda\x97\x01@\x94A:\xed\xcd\xb2N\xbd\xf3e\x95\xed\xb4rv/\xe4\xbb\x82\xbf^"*\xa0 \xfb\xab\x18\x1b\xea\xa6\xc8E\x0f_\xcev\x8d\xac7]|&amp;\xecc\xc0p\xc6\x1c\x00j*]\xc3\xa5n\xbck\x84\x9d7w\xa4\xb0w\xda6`\x85\xb5\xeeX!\x1cc%&gt;\xb5\x7fD \xff\xa1\x01;\xf9\xd7H\x18@:\xd7mX2\xe6\x13\xdc\xf5\xde\xc2\xe7\xfb\xe5\xb6\x1c\xf7\xe6\xa8\xe7\xe7\x0f\xbfV"\xfb\x97\xa8\xd8\xa8-:k\x88\xc0S\xdb4\xda\xfcd0\'\x80\xd8\x1b\xadW+\x05\xab\xd4\x83|\xbe\xcfTUd\x00\xf0vz\x01\x1c\xbbn\xc8u\x96\x8b\\l\xbf\xed\x08`\xa7\x9f\x9b\xbd\x1fP?\xbdF,\xc4\xcc\xdb\x91N\x0cf\x9a\x10\xa0\xacBv.\xb4\x8b\xc0\xcd\xd6\x1c\x80\xa2\xae\t\x14w\xba.\xa3\xfc\xe2\xfd\xe7\xf3w\x97\xb9\x85\x9c\xaf_m\xf9+e6\xdb\xfa*\x16\xb8\x923\xcf&gt;\xb9m\xdf\x1ec.a;\x00\x04|8}_\xd17\x0c\xe2&gt;l\xf3\x98\x9a\r\x0c\xa8\'\x7fq\x08J\x88JO\x8a\xe7\xefq;\r\xff\xa4\xbd6f1&amp;x\xf6\x91\xd6\x01$=\xa9\xbf{\xa2R1\x9e\x04\xcd\x030b\x9e\xe7y\x9ek\xee.\xe5[\xaf\xff\xb9&gt;v\xeb?W.\xcb\xc6U\x8b292\x01\xf5l\xce\xcenW\xbcl\xa6&amp;\n\xc4Sh\xc3Y\x9a\xa4\x89\xb3\x9d\x1e\xd6\x7f\xf8A)Z\x92\xdb0L%\\\x9b\x97&amp;@\x1b\xac\xa00%\xb6\x92]$\xb3\x1fi\x1d\x00I\x1f=\xc8\xba\xe9W\xb7\x03\xd4\xe9ri{\xe8#\x17TKj%v\xb4\xd9`\x0f\xc7\x03Cj\x7f\x0f\xc0\xa6ZS\xc0)\xa9\xe3:\xb0\xbe\x93QR*/r(\x97H\xfa\x18\x8c\x81+\x11s\xb5\xf4\x07\x84\x91\xc7\xfc\x8f\xbb\x16\xd3vB\xc6\xd1\xed\n\xa0\xbd\x90\xee\xda\xa4K\x17\xda\xa3\xaf\x14\xe0+\xdaErkQ)\xac\xc7\x1a\x83Y=L\x01y\xed\x12\xf1\xf3\x12!%\xddLw\x18\xaf\x9a\x86K-c\xbdU\xfe]\xccg\x87I\xa5\xb0\x8ej\x0c=\xb0\x9f^\xf3#&lt;\xdb\x80\xca\xc3J\xe6\xeb\xaf\xb6\xd2\xd7[\xcd\xeb\xbb\xf4\xa2\xd5\x92\x9b\xc7X\xee\xaf\x00J\x9fqXh\xcf\xe5\x8a8\xcf\xf3YBx\xe6A#\x0b\xf6\xe5\x7f[\x07\xa0T\x0f\xea\x07\xf3n\xda}\xfb\x9e\xc1\x8b\x00\xf2\xcf\'\n6V\xe0\x82\xcdS\x8f?\xd1\x9aZ\xcd\xdf\xc4\xe1f\xcfc\xfb\x9b\xc7\xe0\xd7\xa4^e\xf7\xe7\xf0\xfb\xfc%\x02\xfex\xf6\x16\x02/,\xd6\x1f\x0b.\xf2\xfd6\x13\xfe)*\x86\xb7\xcfG}\x1a\xc8g3\xf5\xeb\xb2\xf3\xac\x8db$Q\xdb\x89x\xa4.)\x98\nb\x07\x80:\xbbS\xd9W\x89\xad\x01\xb0H}\xb9H\xecR(\xa7\x89\xe6,\xec\xeds[&gt;K\xb7\xd7I1\xd0N\x17\xab\x80\xdeo\xb4\xdf\x8b\x7f\xca;\xcd\xd4\xbd\xef\x92\x10\x89\xd7\xa5&amp;\'a\xef\x8b\xd3\xc7\x18\xe0\xf3 \xa1_\xc9\xef6h\xde!\xd5\x03\x88\x9d~9\xfc\xb4\xd6\xa5@\xf3\xea-\xc4\xc8UK\xc3\x9b\xf9\x80!\xc9\x0f\xc8\x18IQ6\xa2@\x84\x9a\x07\x8c\xe6\x81\xce(_D\x8aH\xc2\xec\xc1r\xfe\xf4. \xa7\x93\x0f\x19Dd\xc8r\x03\xe8K\xce\t\x92H\xf1\xb393W\x1a\xb8\x97\xb3\xb6\xb22\xb1\x17\x12\xa0\xafr\x1bW\xecT\xcfY\xda\x9cm\xd6\\e\x988\x99\x16\xb0Y\xef\xa9\xea\xe2\t\xb2\xfa%\x93\xe7\x04\xa6\xf3Z\xc5\x98\xe2V\x01U\x9e\xa5P\x9c\x16\xd9\xbe!\'\xbe\xc7\x06~^\xed=\xd2i\x1b\xf1\xf3\xd2\xd6\xe4\xdbE\xd34}\xff\xeb_\xce\xf3\xfc\xd8\xda\xc16\xcb\x15VDL&lt;\xc8\x0eXpvjf!\xdd&lt;]\x07\x13\xb8\x90\xdc;\x0b\x85\xc9Z/\xb0{\xc4\xe1\xed\n\xef\xaf#\xbe\x9b\xef\xb9\xad\xceZ\x08\xa0\xa0U\xaf\xd8?\xf8\x93\x19G\xce\x16~\xe2|\x9bo\x7f&gt;\xfa\xcb\xebx\xae\xfe5(\xaeti\x83\xe8\xf5\xc7\x02S\xf3&gt;\x85\xcb\xabi\x9a&gt;v\xf7\xf5\x90\xf0b\x91\xfe\xd1\x9buOq}\x82#G\x89\xe3\xf8\x93\x83=J\xba\xa71X\x96\x9du9\x1c96\xd7\x01Q[K\x1b\x8a\xb6\x9b\x8a\xfc{\xa0[f\xf3c\xfeu\xc0\xe6\x0f\xfd\xb1_\xb4\xb3\x99F\xc5\xed+nPeS\x97\xcf\x9c\xe7o\x1e\x88wq\xb2l?\x89$\x90\xf5DM\xcb@\xa2\xe9\xe4 c\xc7t}\xean+\xb2vz\xedz\xf0\xc4f+&lt;&lt;m&lt;\x8c\xd3`\xf0i\xba\xbf^\xe9\xa9T\xcb!\n\xbc\x0bR&lt;\x1a \x87\x9d6z{\xbb2*R+\xa5\ncs$VT\xf4NC\x89M\xdd\x1e\x11\x06\x00\xa0\x07\xa6zi\x93`\xea\xec\xb2P\xc9Z\x8d\x9d\xa6\x9a\rF\xa0\xff:h\x9a\xf0\xe4\xf0\xcd&gt;\xfa)\xafR.\xeb\xaa\xb9\xb9k6\xf0\xee~\x00\x88N\x0c\x05\xbadHzrw\xf6T-`\xf5_\x17\xc8\x8f\xfcz\x0b\x7f\x94\xb5\xe5\x8c/?\xac\x1f\xe7v\xd7\xae\x00M\xb1\xdd\xdd\xe6\xcc\xf3\xfd\xf8Q\xbd\xab\xd7\xdf\xa3\x8a\x97I\xed\xcb\x8fy,]+\xd4\x15:\xe1\xb7\xe7\x97^`\xbe\xdf\xb8\xac_\x84]h/\xd3$?Zl\xe3&gt;\x0ft\x88\xc0\xa2\xb5z\xe8\xba\xe8\xd3v@\xba&amp;\x03@\xa1=\xe6l\xf6v\x15f\xb5\x8a*\xbaZ\xa6U\x16\x92\xd4\xea\x0b\xff^\xfe%Z\xa1\xba!\xf5\xc3\xb4\x9a\rT\xa6I\xbePk_I9\xe7\xf0\x0b5\x87\xc9\x83+\x9b:;.)\xaa\xf66\x1f\xbe\xa8\xfc\x84\x83\xf2\xd1\xf3\xed\xe4\xd73\xb9\x1e\xfe\xc4f7\xfb\x17\rK|\xf4F;\xde\x9e\xca\xd6&gt;(*\x1b\xa4\xa9`h!\x19}5IR:\x9c\\\xe6\x03\xf4as\xa0\xd3\xb2\xe4\xe6tA.\xff\x15@\x03\xb1\x0b7\x7f?y/I_\xc4\xd4bT\xdbO\xc5T\x0f\x01@-q\xd3,\xda\x1bD[\xb7\'\x01\xe1G\x93\xe3\xbe\xc6U\x0e\xd0\x92\x9dExZw&amp;\nM\xa9\x1b\xa9\xa5\xceP\xa7\xb0\xa8\x9b\x13\x93wK8\xce\x8b"f\n\x1b\x15F\xb5p\xa3f\xff\x0c\n\x0c\xceH3h\x1e\x000M\t\xebjh\xb8=*qX\xf3\xb7Yb\xbaI"?\x9f\xb0\x0b`\\\xf4\x93\xb6\x92W\xe9\xa8G\xd2\x19;S\x88\x80E\xc9\xcfy\xee\xb7\xa3\x10\xcd\xf9\xc6\x0f\xb7\x7f\xf0\xe0\x95\xb7\xde.\xf2\xa9\x8c\xef\x1a*\xac\xd9\xa5\xc6\xa6j\t\x80\xc2\xac\x94\xee$X\x93\x1c!Zco^\x00\xcdv\x0f\x8c$\xf1\xf7\x00\xe8\xa2\x87\xc2_\xbc\x1cR\x81\x99\xafqN;F\x8f\x9drc\xd34\x86I \x91\xc8\x9f\x9f\xffS\xdc\xec\r\x9dP\xc5fN\xbctv\xf3\x98;\xdd\x05\x0c\xb8\x17\xb8\x9c\xb1\xe6\x1a\x15\x0b\x9bUW\xf9|\xf6v\x9a\xcbK\xbd\x01\xce\xf8\xeaZu\xd6\xb3{&lt;!\xd5\xf5L\xc7\xd5\x06\x02\xd6n\x02S\x89\xdf\x04\xbeVt^[\xbd\x87n\xa2=\xda{\xee\xaf-.\xdbt\xf4S\xb0\xfb*\xb8\xa8\xf5\x98\xa4\xf9\xcc\xfd5\x1e#Hh\x87\xfc`/0\xb4\xc3;\x04\xa3\x9d\x18F=Q\x95\xf6a\x95\n]-\x00\x1d\xeb\x00\x01\xa8\xe41\x9b\xac\x93bHU\x8b\xa2\x13k\xddTr7\x05\x01\xdc\xd8w\xba\x0e\x06\x00\x0b\xd71\xcf\x18t\x83i_\xb0;\xe6\x03\x04\xf0\x90\xfd\xa4X\xee\xc6K\xa4\x0b\x0b\x03@!\x85\n\x16\xfb\xc4_\x81\x10\x00Tw\xd8\x99U\x96\x81\x06\xce&amp;\r\xbe`\xf4\x8c\x88\x88\xfcc\xeb(\x00\x84\xa9p\xd6\xe9+\xa9\xb5\x8d\xf6\xdd\xf4\x8b\xd2\xa6\x9a\x94E\xeb\xceA\xfeF\x8e\xb7\\h\xbb@\x86\x9be\xa0\xae[\xad\xbbu{\x95\x1f\x86Z\xff\xe7RW\xf9\xf5%\xab\xad\xd5g\xb9\xb9:k\x8b\x00*\xfb\xbd\xba\xbbSO\x97\xad\xe6\xaf\x00\xa0\x94\x9e\xee\x91\x16\x9c\xe2\x10\xe5E\xb1\x17;z\xfc!nG\xdd\x1cD\xc0\x9c\x8e{\x97\xd8{\x9b\xbcY\x15\x9a\x81H\xe2\xb5\x8b\xe2j\xdd\xe7\x8aU\x95\r\x02\x80\xb2\xb3\xf4T4i\xfdPL$\xde\xf5Z.\x00\xcd\x18O+\xeb\xf0\x0c\x06Z\xb3\xf2\x8c\x1f)\xc0\xae^;O\xf6\x93b\xeeo8\xa4\x85\xafU\xe6\xcd\xdec\xab3\xf3\xeb\xf9\xa4\xdf\xae\x01\x83j\xbf\rt\x00sj\x06|\xcb5N\x97\x0c\x06\xa6\xcb\xc3Oh-\x1c\xdd\xae@M\xdd\xeeR\x90y\x9e\xcf\x96\xb4\x16\x1a\x1b\x9c\x1ez8\xd5l\x00\xd0Z*n\xedt)\xb9X\xcf\n)\xb1\x88\xdeB-=3fH\xf1\xd4\xd2k\xe4F\x02+\xbfh}\xba{~\x05\x88c!\x1f\xed\x15\x9a\x85\xa8\xcfb\xe5\xc6\xffl\x80\xe2\xa2\x1d\x95\xedl\xb6\xd9\xfc(\x03\x88V\xb4\xd7*&amp;\x05\x8f\xf9\xa5N\xcc\xf6kF\xfd\x01\x05V\x9d\x02[~_8\x13\xb4\xa3_\xaf\xb3\x1f\x7f\xac\xe5Ak\xf1\x00(e\xbfJDk\xb3}\x8fg\xeb=*\x16\xf6z;EK\'+\xe5\xf6\x02\x14U\xe3&amp;p\xa1\x1e"\x06&amp;\xbbo\xef\xd7m"l\x9e/\xe4\xb3/\x87\xa3\xed\xfd\xc6\xcc\xda\xb8\xfdfZ\xe9|\xa5\xf5g\x9c^\x02\x86K4\xaf\x04\x06\x13IrD\t\xf3\xdag_yy\x94\xcc\xdem\x83\xf0\x01\xa0\xda\xe15\xd6\x88\x00\x84\xd1\xed\xba\xea\x89`\xbf\xb9\xc0=\xc8\x0f\xaf\xbfr\x9f\xe8C\xfe\xbe\xbeB\x13z\x99a\\\x7f\xe0\xec\xa3"_\xd3\x8b\x08\xc8s\xdb\x93\xecd\x01Gv\t\xab\xc2.\xees\x93\xc8gcw1\xc8\r\x8f@Q\x9d\xe5\xa2\x14"\xff\xa2\x14\x11\x90\xe7\xb2\x99\xb2\xa6MG\xe3\xdb\t\xa9s\xe5Z\x03@\xecv\xca\xbdea\x13I\xc2t\x99vD@\x90R7\x81/\xee\xbf\x15\xba\xf1\xd8\xbc\x17\x1d\x06P4*_\x8f\x8c\xae\xef=\xablpyOCx\xfdV\xab\xac\xd8\xe3\xe2\xeb8\x02\x08u\x9d\xff?Z+\x8cBbo\xae\x96\x8b$4\x86\x9c\xef^^\xd4&amp;_\xd7Z\xa8\x16\x00\x86T[[b*\xfb\x88\xb1\x9063\\\xd7\xb1%\x87m\xa7\xbc\x18P\x87o\x03\xa5G\x05Zf\x1e,\xe4\xdcw\xbb\xff\xfb\xc7\x7ff\xbeR;3\x9aW\xcf\xd9\x99\x8b7\x83N\x19\xd38\t_l~\xbc\x80P\xf5\x9b\xaa\x85\xdea\xa7\x8b\xde\xe6\xf7\x8b\x7f\xae\xff\x90Q\xe5\xd1\xe8\xb6f\xd6\x7f^\xd7F\x85 \xd3\xae6\xec4&lt;\xa0\x07\xdf\xd2:\x80L\xc9\xd9j\xf0G\x9c\xca-\x19\xba\xdfu\xea\xf2\xaa\xc9\xc0\xb3\xf1@W\xe8Q\xe1\xeag\xcc\xa2{\xdco\xfc\xe2\xd16\xc5Hr\x06\x00\x00\xb6\x98\xed\xc9yK\xd7\xeb\xce\x0b\xd5\xd9\xd3j\x8f\xb1\x9f\xd7\x1c\x00\xb46\x04\xdc\xa9t\x13\xb8\xd0\xf5\xec\xaf\x96\xd9\xaf\xa2\x90\x00bCL.\x93\xde\xe3W\x1fN\x93\x94[\xbd\xbe\x8f\xb3\xf6:\xf9\xe0\xa2=CU\xac\x8d\xc0_L\xdb\xfc\x99\x8b\x06\x98V\xa2u\xden\xb2y\x97\xf8+\x1b7\xa5\x17\xb7\xb5q\x91J\x12\xd6h6\xaf\xfcXA\xa3\xf5\xd1\xbcP\x93\x92nnJ\x93\xff1\x9c\xfb\xf5-\xd9}b\xc0&gt;\xf5\xac\xb3\x97\xd3L\x8d\x84\x1e\xf2\xfd\xd2\x99l=\xc8\xd5\\\xe6Tz\x0f\x036T\x00\x05m\xd2b~\n\x0b;\xc5\xae\x91\xcb\xbc\x9f-{\x8f\x1fF\xf0\x12\x12\xa8)1!\xee\xdaR!\xea\xb5Qh\xb3\x80]\x1d\x9f\xf2X+Z\xe6$L\xa5\x07\x08t\xb7\x961\x89\xfe\xfee0\xba\xb5\xf1\x9c\xbfR\xdc&amp;\xd03azt\x9a\xfe\xf2\xe4\xef-\xa7\x92\xdb\x1b&lt;\xd5"\xb9V\'\x8e\xc0!\xcaN\xb5\x00&amp;\xb0&lt;b"/x\xb3?\\4c\xf8\xd6\xa4\xf1\xd2ctU\xbb\x9c\nOv\xa4E Y\xc5\xb7\x816y\xab\x0e\xd9A\x97|j*&lt;\r\xbd\xac\x02\xfar\xd8\x1d\xce\x84Gv\xd3\xbe\x18\xb2eN\xd2\x01l9M\nga\xbbNs~#\x07|K\xee{\xb1\xdf\xa3\x93\'\xd8\xa7\xf5\x8bj\xbc\x18\x1b\x94\xc3\xca\x08\x06\x80!\xd5:jx"C\x1a\xaat\xa1[\r\x87/\x99\xd0\xdc\x01\xb0S\xf5\x17\xc1Z\x8d\x01PD\xdd&gt;\xcd\xb3fm\xec\x1f\xec\x9a\xe7YD\xe4\x0bZ{\x00\x1a\xa9|\x8b\xecf\t\xf9\xe6??W4\x96\x0e\r5\x02\\?\xe4U\xe1\xcdE\x8c\xb8\x80\x1a\xb3\xdd\xc9hX;""?\xd3:\x88\x8a\xaeo?Ty\x8b\x9c\x8f\x07\xe2\x00\xd8r8\xadL\xca\xd0\xf2\x8d\x19o\x90\xd6\x8a\x81\xa3\x896:hwcf\xc3\xb3\x12\x0fX\x15\x1b\x81\xed\xc1T5m"\xe6 "J\xfaM`^E\xe8T\xceK${z\xd8\xe9\xb8\x18\xffw_;*-\xff\xddk\xdd\xc2&gt;yQ\xe3\xf3\xeb\xbdc^\x11\n\xa0 \xefO\xbc\xaeC\xf7R\x8c\xd3\x07/*\xc7\x01\x00\x93\x9f\xd4ym_\x06\xdd\xd9y\xad\xad\x89\xc8\xcf\xabl\x08\x18J`\x0f\xec!\x99\xf9\xc7Q8\xe3\xfb\x9a\x0b\x86U}\x10,GZ\x07\x98\xe79\xe4k\xcc\x9b\xde\x92\xf3\xdf\x8bW\xdb~\xd1\x05\xf5\xff\xf9\xd8Kudn Q\xb9\xd77v\xacD]=\x07\x00\xf5-\xfb\xd5f8\xe1\x10\xa0&gt;\xd7\xcdn\xb4\xeb\xe7O\x16\xd8\xe6`Uxl\xa9\x82\xb6\'%&lt;\x17\x86\x06~\xb2\xe4\xc6K\xb7\xd9\xfc\xed\xd3\xaf\xa2\xdf\xc9Z&amp;\x0cL\'\xad\x91\n\x07\xa2\x85\xde%v5\x00\xb4\x8a\xb6\xf4\n\xcb\xa8m\x16\t@}\x8b\x00`\x9c\x91E(,\x86\x01\\\xdaw\xdd\xe4\xbeL\n\xa8\xcfH\x9dGE\x11\x1es\xe0\x07-\xd4\x81\x91\x03\x01D3\xd5vM\x05S\xd9\xc8e\xf7\x8e+ \xc0\x1c\x96H\xee\x8dP\x17\xcd\xefs\x00\x1d\xaa\xd9\x034\x1f\xfd\xd7\xda\x100M\xd3y\x8bb\x90\x80\x96\x88\'\x81\xab\xbd\xc4\\\xfd\xb9\xdc:7\x0fy\x9c\xf8\xa9D]\x17~R8Z\x85Fu\xdb\xa2,\xd5\x07z\xe7\xf7\xbc\x83\xd5#\r\xf5\xf4\xe3\'\xb4!\x00/H\n\xae\x89\x88|\xfa\xe6\x03/\xffy\xf4\x97\xea!e~\x00p\x80v\x8c\xb6$~927\xfc\x01\xf4/\xff&lt;\xd4\xc5\xbc[Z\x8c5K&amp;\xc1W\x99\x1e\xea\x1b\xc09\x0b=X\xeb\x96\x89\x8b|\xe4"H\xa0\x90\xab\x85\x06\xc7}\x83_\x1dE/\x84\xb5[\x18[\xfc\x0f\xc2\\\x9e\x1e\xc6&lt;\x7f_\xf5\xcc\xeb\xb9\xb3\xfc\xfd2\x0b\xdc\x8d%\xfb\x9b]$\xc6\x9b\x9fQZ\xe2/\x82\xed_\xecs\xf6O!_\xaf\xe1\xb1\xc7\xfc\x0b\x98y\x9eE\xa4\xdc\x85\x90\xe5\x8e}\x1d\xd9\xdb\x8b\xf2+\x84\xa2\xcc\xdc\x95\xc0m3\xe0R\x1c\xf9\x82\x06\x80\xf9a\xfd\x97\xeb\x06\xfa\xfc\xa7\xfd\xc7\xce6x\xb6\xa9:2\xf7\x98\xd0\xf7\xc2O3Mw\xec\xf3\x12\xac/\x8c\x0c\x17\xe0\x8c\x18\xbc\x0e\xd8\xb7\x04\x83AbD\x8a\r\xb1\xc9-\xc7\xda\x13P\xf1e\x0c\xfc\xbc\x9dd\xd063\x85\xef\xdaE\x0e\x159\x1d\x90\xc4\xf65"\x10G\xab;&amp;l\xa6Z0\xa8\xcf&gt;\x00\x00\x04\x93IDATGJ\xc8\xfeN;\xb9\x8b\x8b9#u{\x1b\xc6\xcf\xaan\rP\xd6`&amp;\xffK\xaa[\xd3.\x80\xb5\xab"\xe4\xb3|,,\xc7\x06\xe8\xa3\xb5#\x84nZl\x98d\xc9\xef0\x8d\x06\xda\x13\xad\xb9\xb8\xe6m\xc2@\x08\xd3\x94\x11\x06?\x96\x07\xa36\x17\x9d\xee\xda\x9c\xaf\x80}E\xbb\xd66\xee\xc4\x17&lt;h\x07\x90s\xf8\xfc\x1ez\xf4l\xb3&gt;A\xfePg\x9b\n[\xd1cgj\xd5N$\xb1\x9c\x86]\x1f\xbf\xfa\x02O.\x16\xa8\xa5oSq[!\xbb\xbb\x8b\xbeD\x19;0Bu\xb4:\xe8#\xd4-\x0cJ|\x12X\xf9a\xa5\xf2\xcd\x7f\xdd\xb1\x03\x9eU\xab\xfa$\x93\x9b\xf1\xc6~\x84+\x99\xf5Y\xf3pH\xfc\xaf\x9d9h-\xe8\x95\xc8\x8f\xb7\x0e\xa1,\xf9\xca4\xa9\xae\xe9T\xd9\x0e\xf0\xe4\xe1|\x01\xd8\x11q\x90\x10\x15\xdf\x1cw\xba\x8b\x8f9\xa8\x07\\+\xf7\xf09m\x03\xdd\xaa\xff\x1a\x86\xd8]\xd7\x99\x92\xe9\xb2\x93\x87\xbf\xa8\xa0m\xf1\xcf\xf6\x1e\xd5Z\xc2\x8b \xf2\xdd\x1d\x1el@Q\x85\x8c\x107\x00\x94\x8e\xa6S\xf9+ ]\xa0\x8d\x00\xce\xd8\xe9\xb4v"\xe9XN\x15\x87|\xb5\xf9\x11\xa4\x15\xa1 Yi\x1bF\xab\xad\xa5?\xc9\x99\xf6\xb5\xf30\xe8\xe7\t\x9a\xd7\xdbW\x0bo\x9fV\x81\xb2\xe4H\xfd\xbd\xebm04)\xfcZ\xe6\xf9c\xea\x17\xd1\\\xec\xb1\x0b\xb9\x9dP\x14\xc3\x00J\x91\xf7_\xb2p\xfd\x86\xa6=\x00Dl\xad\xe1\x95\xc7\x08LUGN3\x93\x0fuc\x89\xdc{\xeb\xab\x1c\x0c\xa4\xda"\xce\x97\xc5\x18J\xd93v;\xf4\xab\n\xeeW\xda\xd4\x89\xc3\xa4\x90\xb23\x00\xa0\x9e\xcc9\x19Im\xaf*\xad&lt;+r?wA\x8cg\x83\x8b\xf0\xb4o\x9c\xa8n.1\x86\xdagK@Y~\xcf8\xb4\xae$:\x90V\x0f\xa3\xd5\xde\xa6\xbc\x87\xc57R\'F\xc2\xc0\x10hm\x1dk~K\x13\xc0XB\xae*\xfc&amp; \xafq\xbfjX\xfff\x0f}\xf2|\xa6\xce\xdeU\xb6\x02\xb4\x15\xb84\xf3\xe5\xb6\xb0\xabi(G\xa1VF\xcd\x00m%\xbe\x0eZQ\xe0\x8b\xa5\x95_@\xfd\x8a&lt;\xd4D\xd1cj\x16\x8d\r\xc8\xc5\xc9c\x7f\xfa&gt;\xa2\xf2\xef\x8f?\xd0t\x811\xd1\xf9/\xdc\xce\xec\x19\xac\xbd\xcf\xc5\x7f\xc5`)\x00\x14\x17~\xeb\x82\x0cq\x88\xd4\t\xe8j\x7f\x0f\x00{#N\x8d\x07\x18\xf3\x9e\xc1\x1aC \xba\xe2k=\x8f\xaea\x0b\xeeW\xf3C\xd6&lt;\x00\x00\xfd#\xd1\xe4+Q\x87\x1c\x17XQ\xae%\x0e\xd8\xca\xed_\t\xa9\x07g\xbc\xbcuP\th\xeb\xbd\xd8/,Mv.9\x1d;\xe4T\xef\xef\xb4\x0e\xe0\x8e\xa8\xdd\x9aX\x9a\xd0\'\x06;\xca"\xb2o\xd8C6u\xe0\xce\xf1\x8b\xb7\xea\xc7\x81\x02$\xf5G\x83]\x9f/\xbb\x0e\x1e\xa8\x81N\xe2N\xab\x1f\xd8qg\xf0\xe2\x03\x98\xa6\x81\xafc\x06\xcf\x80C\x17\x1e\xddX\xeeV\xda\xbfi\tw\xc7\xc7[\xbc\xc0\xa8\xea\x0f\x00\x8c7#\xe0(O\xd3\xf4O\x8f?P\x1b\xc0;\xbe:\xc3\xeb\xcb\xab\xb3\xb7\x96\xbb\x017|]YV\x0b\xf4\xa2ND\xe4K\xb5\xc2\x00\x10\xc7WFk\x8e\xea\xda\xa06P\x14\xef\x02\x82!\xac\x8b\xdf\xa0BP\x94\xef\x01\xa0\x83\xd3E\xff%PF\xca;CS\x81:\xa3\x03@DK\xf7\xdc+\xe8\xd2\xa6\x98=\x1c\xcf\xc7\xef[\x07\x02\xe0ADDn^\xe1p=\xa9\xcd\x947\x00x\x15\x92\xbe/&gt;\xd1\xcd\x00\xd0G)\xa6i\x12\xf9D\xeb\x10\xb6\x02kV\x96\xff\xf5r \xe0\x83z\x83+\xd4\x82mv\x0c\x9bQ\xa5\xe9\xa9,\xbe\xc8\xe3L\xa2\x9b\xf3\tTcnV\xf1\xf0\xa5\x89Y\x1b\x9c\xa6I{\x9b\x80\x11\x9b\x8cO;G\x14s7\x81\xd3Z\xf0\xf2v\x8a\xe3\r\xd2+\xaa\xbb8\x1c\x00\xec 3\x16\xc4\xe2\x8d\x1c\xd4\xde\xad\xe5\xea\xf6\xf9\x9f\xd4\x15b\xe9\\\x01\xe4\x9f\xeeuv\xbaH\xf2\xca$\xf2\xb7\xd3\xf0\x15x\xdd)\xc8\xfe(+\xeaU\xef6o\xde2\x11\xe1\x14\xf73o\xc9\xab\xd6\xe1\xc0%\x9d+\x80\xe5\xec\xa3D#\xcc&lt;\xaf\xe1\xb4\x08]"\xe3C\xc5\xd5\x00\x10\x95=g\xd5\x9f\tn\xd8\xbe\xe9Z\x99T\xeao\x9e\xe7\xe9C\x06\xef\x08\\\x08 \x81\xd1&gt;\xc6\x1c\xfa\xe0\xd4W\x03w\xe6"\xd5So\x08gn\x19\xe8\xd44\xfbs\ne\x04Y\x0c\xa8\xa0\xfd\x00\xb0\xcf\xb9\xf3&lt;O\xefn*\xd4N\xc7\x06\xf3\xce\xb0cR\xaf\x05\xef\xb5\\\xf0\xc8\\\xbe\x03p\x8b) \xa8P\xb8\x02\xe0\xb1O\x14\xd2Y\xbbR,\x0eY\x1e*hF\x0e\x08\xc7\t;\xa7\xef&gt;al\x00\x00\x00\x00\x00\x00\x00\xf0\xf0\xff\xfbXhV\x97\x0b\xdai\x00\x00\x00\x00IEND\xaeB`\x82']</t>
        </is>
      </c>
      <c r="E604" t="inlineStr">
        <is>
          <t>&lt;class 'numpy.ndarray'&gt;</t>
        </is>
      </c>
    </row>
    <row r="605">
      <c r="A605" s="1" t="n">
        <v>603</v>
      </c>
      <c r="B605" t="inlineStr">
        <is>
          <t>steps_per_sec</t>
        </is>
      </c>
      <c r="C605" t="n">
        <v>8700</v>
      </c>
      <c r="D605" t="inlineStr">
        <is>
          <t>9.935482</t>
        </is>
      </c>
      <c r="E605" t="inlineStr">
        <is>
          <t>&lt;class 'numpy.ndarray'&gt;</t>
        </is>
      </c>
    </row>
    <row r="606">
      <c r="A606" s="1" t="n">
        <v>604</v>
      </c>
      <c r="B606" t="inlineStr">
        <is>
          <t>Loss/object_center</t>
        </is>
      </c>
      <c r="C606" t="n">
        <v>8700</v>
      </c>
      <c r="D606" t="inlineStr">
        <is>
          <t>0.20939912</t>
        </is>
      </c>
      <c r="E606" t="inlineStr">
        <is>
          <t>&lt;class 'numpy.ndarray'&gt;</t>
        </is>
      </c>
    </row>
    <row r="607">
      <c r="A607" s="1" t="n">
        <v>605</v>
      </c>
      <c r="B607" t="inlineStr">
        <is>
          <t>Loss/box/scale</t>
        </is>
      </c>
      <c r="C607" t="n">
        <v>8700</v>
      </c>
      <c r="D607" t="inlineStr">
        <is>
          <t>0.22880772</t>
        </is>
      </c>
      <c r="E607" t="inlineStr">
        <is>
          <t>&lt;class 'numpy.ndarray'&gt;</t>
        </is>
      </c>
    </row>
    <row r="608">
      <c r="A608" s="1" t="n">
        <v>606</v>
      </c>
      <c r="B608" t="inlineStr">
        <is>
          <t>Loss/box/offset</t>
        </is>
      </c>
      <c r="C608" t="n">
        <v>8700</v>
      </c>
      <c r="D608" t="inlineStr">
        <is>
          <t>0.32832974</t>
        </is>
      </c>
      <c r="E608" t="inlineStr">
        <is>
          <t>&lt;class 'numpy.ndarray'&gt;</t>
        </is>
      </c>
    </row>
    <row r="609">
      <c r="A609" s="1" t="n">
        <v>607</v>
      </c>
      <c r="B609" t="inlineStr">
        <is>
          <t>Loss/total_loss</t>
        </is>
      </c>
      <c r="C609" t="n">
        <v>8700</v>
      </c>
      <c r="D609" t="inlineStr">
        <is>
          <t>0.7665366</t>
        </is>
      </c>
      <c r="E609" t="inlineStr">
        <is>
          <t>&lt;class 'numpy.ndarray'&gt;</t>
        </is>
      </c>
    </row>
    <row r="610">
      <c r="A610" s="1" t="n">
        <v>608</v>
      </c>
      <c r="B610" t="inlineStr">
        <is>
          <t>learning_rate</t>
        </is>
      </c>
      <c r="C610" t="n">
        <v>8700</v>
      </c>
      <c r="D610" t="inlineStr">
        <is>
          <t>0.0009994374</t>
        </is>
      </c>
      <c r="E610" t="inlineStr">
        <is>
          <t>&lt;class 'numpy.ndarray'&gt;</t>
        </is>
      </c>
    </row>
    <row r="611">
      <c r="A611" s="1" t="n">
        <v>609</v>
      </c>
      <c r="B611" t="inlineStr">
        <is>
          <t>train_input_images</t>
        </is>
      </c>
      <c r="C611" t="n">
        <v>8700</v>
      </c>
      <c r="D611" t="inlineStr">
        <is>
          <t>[b'512' b'512'
 b'\x89PNG\r\n\x1a\n\x00\x00\x00\rIHDR\x00\x00\x02\x00\x00\x00\x02\x00\x08\x02\x00\x00\x00{\x1aC\xad\x00\x00 \x00IDATx\x9c\xed\x9dy\xec\xbcMR\xd0\x9fgYd\x81\x00"J\xf0X\x17X\x14\rAM\x90\xa0\xa8\x80\x06\xe2\x05(\x8akT\x04\xa3Y6@\xa2A0\x1a\x0c\x06\x83\xc8\xba\x88\xe1\x10\x95C\x08\x8a,\x06\xf1\xd8\x95EP\x90 \xb0\xa2\xdc\xbb\xa0\xe1\x12c\x8cD9\x165"\x84X\xfe13\xcf\xf4\xd3GuUu\xf5\xf9\xd4\'y\x7f\xef|\x9f\xe9\xae\xaa\xae\xee\xae\xae\xee\xe7\x99\x99m3\x0c\xc30\x0c\xc30\x0c\xc30\x0c\xc30\x0c\xc30\x0c\xc30\x0c\xc30\x0c\xc30\x0c\xc30\x0c\xc30\x0c\xc30\x0c\xc30\x0c\xc30\x0c\xc30\x0c\xc30\x0c\xc30\x0c\xc30\x0c\xc30\x0c\xc30\x0c\xc30\x0c\xc30\x0c\xc30\x0c\xc30\x0c\xc30\x0c\xc30\x0c\xc30\x0c\xc30\x0c\xc30\x0c\xc30\x0c\xc30\x0c\xc30\x0c\xc30\x0c\xc30\x0c\xc30\x0c\xc30\x0c\xc30\x0c\xc30\x0c\xc30\x0c\xc30\x0c\xc30\xce\x80\x03R\xa0\x86RG\xfb\xe9J\xaa\x8a\xfb\xc2-F\xb1\xd0+\xe0Uq\xff\x84\xa0X(\xdc\xab\x1bUq.\xff{\x12\xd7\xf3\xa6\x06fG\n\xe3\xae;\x95\x7f\xcaQ\xee\xd3+`.k\x89\r\xd1F\xe0\xc1\xa0&lt;X\xe0\xd5S\xf2\x89J\xf1\x95 e{\x18\xee\xb3Fn\xe7X\x9f]Q\x10;\xb7\xf4\xd2\x12\x15\x8e\x88m\x80M\xc3U\x19&lt;\xc2\x0en\xde\n\xdc&lt;L\xcf\x1c\xc9b[\xf4\\\x18C\xd1\xd0\xe9\xd7E\xc4\x86\xa2\xa2\x01\xfd^2\'0\xfb.\xb1\x18q%\xb6I3;\xcd\xe2\x9eE\xd8kq\x8b\x1f*\xbd~\x9d\xa1\xe3\x9eM\xc5\xd6\x9bH\xf9\xa8\x10\xba:\xb6\x85\xdc\n\x06\x01@\x1d\xbb\x86\xcfGn\xc57\xf56`YrG\xcc\xc7)G+\x83\xcaH\x04\\M\xf9\xa9\x93\x1f\xfc\x14\x88\xa1\x82`\x83@\xac\x8cI\xba\xbd\'v\x07\x85\x88\xf9\xc8\xa8\x052\x01\xb5\x127A./\\\x00F\x8a&amp;\x91\xc3\xae.v\x18FC\x86\x9a\x83}\x10\xbb {\x9e\xaeK6\xff\xf2\x13s\xe9\xb9J\xfb1\xe1n5\x1a\xab6\x0c\xc3H\xc2\x8d\xf2\xde\xc5o\xd1\xb7\x88\n\xbc\xbc\x9f\xean\x9a\r\xa3)6\xd4\xe7\xa6\xf0X3\xfb\xd4c\t\xe1Q{\xba\xa4\\\xac1\x08\xd6/F{l\xd4\x15\xb9@\xf7\xc0\x04\x97d]e\x18\x86\xd1\x8e\xc61\x97\xab\xce\x16\x04:\x00\xaf\xebm\x82a\x18\r9\x1ec/\x94\xd0\x0c\xcb\xf1\xeba\xbeU$~\xf7\xab\xbd\x1d\x86\xb1\x12\xec\x1d\x80jP[;D\xae\xdd:\xc30\xeaR\x18A,\x00\x19\x86a\x183Q\xf5\xc3\x9fU\x9f\xa12\x0c\xc3\x18\x91\xc2 \xd78F\xda\xf71\x18\x861=\xe3d\x97\xf6\x95*\x86a\x18\xa3\xe0F\xe36\xb1\xd9\xe2\xbfa\xcc\x8e\xe5q\xaba=j\x18\x86\xb1&gt;\x16\xeb\x8d\x8e\xd8\xf03\x8c\xce\xd8Q\xfc\xa5\xb0\xde6\x0cc\xdb\xf8_\xadl\x18\x86a\xac\xc3\x15~\xdeh\xf5\xf6\x19\x86a\x88X&gt;\xfa\x1b.]~\xe8\xc60\x8c\xc9x\xfe:U_;\x0cU\xbaD\xff\xa8\xca\x91\xd7\xa1\x91m3\x8c(/\xe0V \x1e\xfe\xec"k\x8c1\xd9\xf7\x1e\xfd\xd9\xf2C\xd4:\xbfil\xa3\xde\xb8\x00\x96\xe9\x18F!6\x89\x8c\xa5\x18|8\x0fn\x9eAg\xba\xd0\x992x\xb6v\x18\xc6\xa8\x00|ro\x13\x8c\xf5\x99n\xed1\x0e\xac\xef\x0c\xc3\x90c\x11\xc4X\x0f\xf6M`.6m\x0c\xc30.\x8a-\x00\xc6zL=\xaa\xa76\xde0|\xe2\x0f\x8cS*\xdaL0\x0c\xc3X\x15\x0b\xf1\x86\x8d\x01"\x90xm\x18cq\x85o"2\x0c\xc3\xe8L\xf78\xdb\xdd\x00\xc30\xeaa\x13|h\x00\xde\xbd\xb7\t\x86a\x18F\x0fR\xab\xb3\x1d\xc2DY\xd5\'n\xb3Vm\xa3a\\\x90\xdc\xe7\x00\xae4\xdb-\xb4\xa5p\xbf\x0b\xae\xcf\x17\xc3\x19F\x0e7+\xb5\xb9\xacC*\xd3\xf7\xaeO\xed\xee\xd7\xf46\xc00\x8cY\x98:\xd6\xd5\xc2\xce\x83\x8c\x12l\xf8\\\x8a\xa9\xbb{j\xe3\r9\xd6\xf1\x86aX\x1c0\xae\x8e`\x0e\xd8\xa4\x99\x9dz\x81O&amp;\xd9F\x941(64\x8d\x91\x19-\x87\x1d\xcd\x9eK\xa1\xffm\xa0o\xae.\xb1\x15j\x03q\xaa\x01m\xd3oa\xa6\xe8\xdc\xc2\xe7\xca\xa6h\xe3\xf4\x98\x97\x97\xc4&gt;\xcea\x18F\x1e\x0b\x14\xabb\xdd\x8a\xb0\xc6\xa8_\xa3\x15t^UG\xec\xd5\xdcxu\xc4\xbdm\x8b\xa5a4\x06\\\xfe\xc2\x06p\xbeb32\x81\xe4\xf4\r\x00\xec\xe3\xa0\x86a\xf4\xe5\x08D\x00\xdb-as\xe3R\x18\xf4\xcb\xa3\x96\x85\xbe\xcb\xb1j\xee\xb0j\xbbR\xa8\xb7\xf7j\x0e\x1c\x96l\x86_\xbe\x0f8\x7f\xeb\x81L\x86\xb1\x1c\x8dC\x80E\x1c\xc3\xf0\xa0\xc4\xf5\xdb\xfbv\x16\x14\xc5\xb63\x86q-`\x95i\x7fDs\xe2\xb1\x0c\xb7\xfc\x15\xd0\xff\x1c\x80!\xa3Mnb\x19\x90\xb1\x06\xcfq\xdc0\x9a\xaf7}\x96]\x00\xa6\xeb\xaa6Y\x89\xe5&gt;\x97\xe5\x99\xff\xf6\xb5C\x8bc\x82\xdfNv\xfejr\xca+\x1e\xfe\xac7}\xaa\xb7\xc7\xee\x9b\xaf\x8a\xf5\xac\xd1\x8b\xdb\xa1~x\xdd}(\xe8\x18\x9c\xd1\xd0oC\xf7F\xf5\x1d@GGO\xb7\t\xb8\xf1\xd5\x05u)M\xd6r\x8aM!\xa3\x1b\xe88\xdf\xf7\r\x8f\xfe\x05j\xa7\x0c)\xa5\\\xb2\xd1\xcb\x82\x8faH\xbc6\x16\x03\xe0\xbdz\x9b\xc0\xe342S\xf8\xc5\xd2%\xd1i\x80\x9c&amp;i4e \xe2I\x1cewo\'\x00UY\xe6Q\r\xc3P\xe7\xf8\xe4W\x94\xfbA\xd0\x86%;x\xec\xbaNp\x8b\x1f\x01Q\x1a\x7f\x11\x07\xf5\xc2\x9ck4`\xd2\x8c\x16\x8b=\x8f\xf7\xf6\xfb_\xbb`2]\'\xb8\xad\xdc\xce\xeb,\xe3FGl\x98u\xc1;\x8d\xc9f\xf4\xf4\xc2\x97\x82q\x138\x9a+\xb8\x87i\xa3%\x13\xd6\xcdF\x03\x96\x19fs\x1dp{n\x0f\xef\x10x\xa5[\xd84!\xe6\x97\x0e\x00@\x9b\xb0a\xc9\xa9\xb10\xb2M\x80\xcd\x08\x97\xa1}\xb1\xde\x8d\xd0\xee\x8f$\xdb\x92`\xacDdB\xc5\xc6\xb7E\xff\x14\xfd\xddq\x91\x90\x84\xef\xaf\xaf\xe0\x81\xe9X/\xffX\x8fpZ\xf9GC\x16\xfaQ\xcc)\x8d\x88nW\xe1\xf1\xdef\x03t$.\x92\x94\xacA\xf6\xd6\x85\xfb\xa10\xebV\x8fe\xbf\x0bhp\xe06\x1co+\xf0\xbeo\xdb\xf6\xd2\xde&amp;]\x04\xca\xadN\x0b\x13\x13\x91\xea\xac\xfdA\xb6\xe4\x01\xf76\xf8\\\xb7\xcd\x8dn\xe0\x1fB\x04x\xbb\xc2/\xab\xb2a\xe8\x82\xbb\xd2&amp;\xada\x1c\xd8\x0e\xa0\'\x8f\xb8\xff\xd3\x85B\xc4\xf9*|h\x89\xe6\x9e\xa4&gt;\xe5\x7f{\xd7u\x88\x17\xef3\xcf\x8ah\xdbi\x0c\x08\xc0\xefB\xdf\xb5Q\xb0\x16^\x8cxmo\x03\x8e\x11v\xbc.\xd9\x01\\m\xb4F\xe3&gt;\xb6\xc32\x0cc\x04\xda\xcfL\xe4\xdb\xa0\x9a\x9a\xe1\x86-\xc7\x0fp7\xd2\xc2\x16\x15\xa4\x17\x01^q\x855\xe0\xcf\xf66\xc00\xb6\xad,imF\x18,&gt;\xc2\t\xc7\x02Q\x1a\x96(K\xbe\x0e\xf82\x0e_\xbb}\x8eh5\x1d\xd3\xf9#\xda\xa4\xcd\x98\x9e\xbf\x14EO;\x00\xf3\xf9\xc5\xc6\x0fV\x9f\x87\xd7\xbe\xedO\xed\xc7\xb7\t2\x8c\x07\xd8\xf7\x9d\xdb\xe4\xb4=\x8f\x8f\xa7\xdbs\xca4\x12\xc1b\xdf\xf7\xe3{\x1f\xf7m\xbf\x7f\t\xe4\xf3=\xc3 \x03\xd7{N\xb4\xe8&amp;\xb0\xf7\x94U\xbe|\x89\xb2R\xe0\xf4\xbdE\xd2\x04k\xdfw\xf1\xf7\x8a\xf8\xbe\x02\xb0\xe8_\xca\xcdm\x00\xdb\xbe\xdf\xba\xd8\xedYK0\xaf\x89\xf5;\x9d\x95\xe3\x8e7\x0eN?\x12\xf4\xc8\x1b\xbb\x84\xde\xbba\xfb\xbe\xc1\xb1\r\xb8\\\xea\xc1%5\xab\xf7}w?O\x17\xbe[\xd1&amp;c\x12l~\xa5\x18\xfa1PxgUi\xdeo\x05\xddR\xc5\x1e\xc9\xc2\xf1\x01\x95cL^jt\xbeHU\xda\xfd\\\xd1\x92\xbeyh\x9f\xa1S\xe6\xd75o\xc5\x95\xc6\x9d\x91\x97\xd6\xa0;\xef\x96\xdeB\x06\xd8\xf1K\'d\xb7\x822;\x80\xf4\xbb|U\xc6j\x8c\x1c\xa6\xfa\x12\xdf\x01,\xf0\x10E\xc0~\x9c\x0e\xff)\xf7\xaa\r\x0bU(\x83A\xd7\xe3\x00/\xda\xfd{3\xd6\xa7\xc6\x13\x8b\xfe\x08\xf2\xdf\x04&gt;J\x0e\x1bDO\x89\xe1\xd9HK\xff+\x01 \xbeG\x9e\x95\x9c\xcf\xf1o%X\xdb;\x8b\x0e\x86\x98\x05\x06\xcf\xdc\xd6g\xc1\x13\xd2\xd9;\xefR\xa4\xbbr\xdf\xb6\xfb&lt;&lt;\x1e\xd2\xbd\xce\x02\xbf@\x0c\xaa\x879\'K\xa3\x9b\xc0\xbd\x8e\x89\x90\x9f\x84\xb6\x91\x01?\xd5\xdb\x02\x0e\xe9\xfe\x82\xed\x87w\xd86x\xa7\xfb]\xf5\xebD\xff\xed\x1am\x14\x13\xee\x0e\xb3Lr\xa0\xad\xc6UF\xcf\xa5\x82B\xc8\x1a\xbfm\xc2\x9a\x9c\xd7\xech\xa3\x90\x92Oz\xce\xc8\xd0\x8f\x81*r\xebQ\xf5/\x04\x1f\x16\xbf!K\xb4\x8b&gt;-\xaf3\x81\xb7\x85\x06\xed\x08p?\xdc:;\x8b/\x00\xc7\xdc \x9e\x06\xce\xd8\xf7\xd1\xf9\xef\x9e\x83os\xb6+\xcaD\x9d\xd82.{\xbalI0\x88\x08\xbf\xd3f\x909f\x1c\xacq\xc8C\'\xb5\xec\xb5\xb7\xa4\x0b\xd7\x99\x83\xf5Zz\x1d\x1f\x96b\xe9\x84q)\xb42h\x9b8\xc6R\xa8|Zz\xfc\xed\xe98;h\xf6wV\x8fd|\x03.\xd5XC\x1d\x1b?lFv\xd9\xc8\xb6\xc9\xd0\xfav\x92y\xfd\xf2G\xae\xfa%-\x86a\\\x1d\xb5\x05`\xb6\x00\xfa\xd2\xdbn&amp;\xfa#0\xb3\xb5\xc50\xae\x82M\xcea\x99\xa8k\xa2A\x7f\xde\x05@\xdd\xe0\xe9&lt;0&gt;\x00_)\xaae\x1d\x91\x00qM_\xa7Y\x9f\r\x0e\x12\xe7\x9d\xb7\xfe{\x0f\xd3\xfa3\xe3\xfag\xac\xc3\x02\xe3\x0f\xb7_\xb7u\xb3\xfb\n\xa7R\xeb\xb2i&gt;\xc0d\xe3p"SG\xc6\xdch\xe8p\x9dqt\x8b\x95\xbd\xad`@&lt;\xe4\x99\xeb,h\x123\'`\x96\x1e7Z\xc3\x1a\x19\xf4\xc2\x13E\x19\n\x83\xb7\x84\x15\xd4\xa7\xdb\x07\xd0\xc1v?-\xed0.\xc0\xb8_\x05\xc1\x9a\xda\xbc\xdf\xa6\xe7\x14~\xe3B\x9f\x15|\xff\xde\x06 \x10C\xb9S\x0c\x82+"\xbd%\x955\x08\r@\xc6\xe7:c\x91\xcc\x80k\xfcp\x06\xd5\xe6\xbf\xf6P\xca\xc8\xd3\xcbu\xd5\x14&gt;\x0e#\xa7\xcc\xd9S\x9d/M?\x1d\x94\x95\xacm\xac\xd1\x0e\xeb\xbe\xaa\xcc\x91R\x08\xbe\xe8\xa6\xd7w\xe3\x94\xe8\x85\xca_EK\x97_\xe9\x87\xbd \xf1\xed+\xfe$\xdf\xf7\x8dX\xf2^\\hk\xca\x9e\x1a\xb4\xd4eP\xb0\x1e\xd9fY\x00\x8c,\x94\xd1&lt;\xf2\x88\'Fv\xf5\x05\xa0\xa4\xfa5Y\xe3k\x07\xeb\xfdv\xe9\\\x8c{\x0f`|\xb8\x9b\xd3\xee{Y\xef;\xa2\xaf@\xb6\xbd\xd7\x89\xfe\x00\xf09\x1ar\xd6\xf0\xd7e\xba=\x03\xe14`\x95.\x1f\x10bJ&gt;r\xe6\xaeE&lt;R\xc7\x9a\x1d\x96\\\xde9\x86Q\x89\xfc\x0e\xa0\xef\xdc\xaa\x9a\xaf\xb6L\x86\xa3\xba\xa8\x91k\xdf\xf1Dv\xd5\xbc\xfe\xf0\x8e\xdb\xc0}\xdf-\x7f+a\xd5\xd1R\x8f\x85\xfd\xd5\xe1\x08\x885\xfe\xaaN\xf4z\xc2\x8f6\x1e\x8f\xa9\x94\xe8\xda\xef\xb7E\xb1\xceb}\xb8\xa1\xc0\x96v\x92\xdd\xd5\xd1[)o?\xef\xe9\xfeuM\xba\x04\xa6^J;\xae[\x0b\x8f0\xd2o\xe4\xda\x16\x9b\xcb\xe1\xb7.\x0e\x9c\xf1\x06\x17\xf7`\xe7^~\xb6\xa19c\xd7\x18\x0b\x93\xd9\x01\xcc6\xbfF\xe1\xe6\xb7?\xde\xf67\xa6o1\x11\xe6\xbc\xc1E|\xe0\xc7{k\xba\x86\xce\xd85\xc6\xc2\xd8x\x1c\x94\xf0\xc6\xef\xf2w\xe3a\x8b&lt;)\x85,\x0c\x17\xccNt\x1f\x07\x18\xe7\xe1\x82q\xc6\xf68\x96\xb4a\x8e\xc7@\x17\xbe\t\x13%\xfe\xb4\xfb\xe3\xad\xa1\xbc\xa1\xf8\xe9\xe2\xf3\xc9\xfeI\x85\xa7\xab\xe5\xbej(t[=\x90\x0f\x87\x19\xd4\xc3x\xa4\x11\xf6\x18h7d\xf9\x17\xd2\x1d\xe3$t% \xcb\xc9\xbe\xefk\x8cF\xc5\x9eZ\xa6\xd3\x17h\x85\x11\xe7\x9ds\x05\x06Kj;\x83\x7f\x8737\xe3\x9e\xdd\xb7\x00\xdf8{\x13B(\xedY\xaf\xd5\x86q-ds\xb8\xef\x13o\x83\xb3\xaac\xc2/\xb6\xab\xfb\t\x98\x98\x1f\xfb\x8e:\x1b\xf3\x861\x1fM?Lg1\x82\xc0 ^\xf2\xachi\xd5 \x1e0.\x81\x8d\xb6\xda\x8c\xe6a\x80\x175\xd4u\xb9\' \x10\xcc\x15\xed\x18m\xd6\x19]\xb0a@\xc7|u\xa3\xb6\x17\xcc\xcfW\xc1:\xdaX\x0c\x0b^[n\x850\x17]\x14\xebx\n\xcb\xfb\xe85\xbd\r0\x0cc\xe8\x9f\x0f4\xa24\xee\xaf\xf6\xc3c\xcc\x01Yn\xd5\x98\xed\xc2\x99\xcfb#\xc6\x1c\x9f\x04\x1e\x9f\x11\xe6p\xe1\x0fcq\xdf\x92\xa9\xbb\x7faQ\x7fo\r\xd1e7n\x9e\xfc\x84\xcaZt[k\x9f\xdaZ\x1c\xdb\x01\x185\x80\xe0\x8512\xb2\x18\x10~{G\xb6$\xf1\xba\xd1\x08\x80_\x96\xed\x03\xeb"\xa3%\x16\x14\xa6\x80\x157n\x85_\\\xd3\x1eCB\xf7\xc9vK\x1d\xda\x98\xa1\xab\xa3\xc4f\x8bp\xb3\xd0}\x82\xb0hf\xed\xd5\xbe\xaadY\xaccJ\xc8&lt;\xe8V,\xc1\xe8\x0b\xbdwF\xe8G\xfb\x8e\x07\xa3\x08\x80/\xe9m\x82&gt;\x7f\xbe\xb7\x01-IMA\xca\xf7\x0eM\xf7\xb4\x0f\xc0\xff*\xa8K+v/\x9c/\xdd\xecSQ\xb2;\xf9\x86\xc1\xc0\xc6\xd1\xa4X\x04\xd0\x85\xb1\x03h{\xf6\x12=\x81\xe9\xdb\xf96\xf4\xa6$u\x96gO\x07\x19F\t\xf0~\xd5$\'\x16\x80)\xb0\x8f\x07\x8fE\xc9H\xe2V\x1cy\xd4\x0ej\xd6\x90&lt;\x9e\xf1\x1f\xd7g#\x8c4\x15\x03\x90\xa7\'\xb3_\xf5l\xdf7\x1e\xe5\x17\xf76`8F8\xe24X\xa4\xc2\xdb+\x8b%\xff^\xb2\x012\xf9m"R\xb3\x9c\x86"\xa7\xcb7$\x8f\xb0\x04\x1asPc\xac\xd8\xd0\xeb\xc53\x04\xfc\xcd\xbe\x86\x18w\xe8\xf3Kq\x1aZ\xfaoP\x81\xc4\xebr\xb16\x04\x8de\xe82\x98\x89JSk}\x8d\rMU\x08\x9f(nc\xc8\xc5\xc0\x9e-S\xd4\xd2\xa3\xff\xa6^\x84\xda\x98~\xe5O\xf4\x0c\xde\x18\xd2\xf1l\xea~\xc0\xb6\x01\xbcmJ\x0e\xf7\'h\\-\x83;\x8d\xc2\x02M\x98\x0f\xc1Y\xd3\x02\xd1\x06\xbe\xa3\xa0n\xe5\xf6\xcbn\xe3\xe7?RP`R\x1b(\x8f\xd5\x1b!\xe3\xdf\xff\'\xb2@\x13\xe6\xa3\xe3\x8d\xa9\x8e\xbd\xfd\x96\x95\xe5\x974M\xd0\x1b\x83\xcc\x1c\xf8\x86\xde\x16t\xa5\xe5\'\xfb\xf4o\x10\xc2\xa5&gt;\x9diLB\xc7\xd0\xd6K\xf1 \xd1|j\xda\xfb0wJ\xde\xe7\x01$]f\xb5\xdb\xd8n\xc7\x8b\xd6\x81\xe9s\x86\x91o\'\x1a\\*\xf9\x95%\xf6\xf4\x1c\x87\xe8k\x99\xb9e\x9a\x01\x0e\xbdm1\x94H~e\xcdZ}\xfc\x8e\x89\xeb\xde\xc2\xc0&gt;\x88\xc7\xdf-\x9e\xffFc\xc2.\xe9\xdbM\x94o\xe7M\xc5c]\xbb\xc3\xb8_\xee\x19\x9b\x00\x86\x1a%\xa3\x91\x9b\xd5\x00\x00\xc0G\xc9\xf5Ii\x7f\xdfO\x96\xec\xcd\xbb\xb6U\xb2\xbc\xec\xe6\x90\xf0\x06\x83\xe6G\x19\x82\xdc\x7f\x99[\xd0\xc6\x15)\x19\xb8\xef=\xc69R_.\xd2`q\xcfN\xba\xf9C\xd6\x12w\x01\x00\xf2ChT\xbd|\x93\x0c\t\x97\xf5f\xd5g\r/\xe8\xd5\x0b6yL\x00\x00\xbe5r\x11\xf9\x93\xf8\x96\xaf\xc5]\x00\nn\x06\xd8\xc8\xa1B\xef\x9bJ\x92g\xe7"\xcd4&lt;d3\xa2\xeah\x99z(\xc2\x19\xefb_\xdb\x96\xc5\x9ck\x18)\xd4\x0fX\xe4G=\xb2j\xb3\x11\xa4\xff\xcf\xeblQ\xba\x96\x19m\xb0n#\xe2N\x89\x11\xd6\xf0\x01L\x98\x92\xf0\x14\xe5\xd4\xb3\x89b\\\xb1\xdc*a\xf5\x92\xb5\x90e\x8c\xbf\x03\xb0\xa1U\t\xf8\xe4+z\xb6\xea\x8e\xe7y\xe7\x8a\\\xb8D\x17\xa4\xff$J(1\xc0PA\x16:\xb3\xc3\x18?\x8e\x8f=\x84J\xb2\x04\xe0\xed"o!\xd5r\xc6$\xca\xd7\xfa(\x00E\x9a\xcd\x0bC\xc8m\xb4f&amp;R\x91|7%$&lt;\xb7W\xa0\xcb\xe8\x888\x04y\xb7OSed\x92\x11\x8d%\x9fSi\xc3\xcd\x82\x11,\x99\x06\xec\x91\xa9k\xbb\xb2W\xcbW\xf29\x1e7\xd6i\xa7\x1e\x99\xa4\xde\t\xfdx\xe1\xe8\xbb\xf8\x8cV_N|\xe1\xffTG\x94\xa1\x89uGw\x04[`\xf8}\x95l1:\xc3\x1a\x07\xf9\xdd!\xff\\\x9e\xa3\x9fGT\xb8\xc5\x9f\xa6\x98\xb7\xa7\xa6\xf2\x0c\xd5D\xc5\xcc.m\x8d&amp;\xce\x03Rc$L3\xbc\x0c"\xd6\xa3Ca\xdd1\x05\xcd:\xe98\xc9yE+\x8d)\x1b\xb4D%\xd2|\xd1g)l\xbe\xcc\xcb\xc5{\x8e\xfb\x80]\x99\xaeJ\x82\x8d\xeaP\x8e\xf2\xc3\xf2\x94\x8b\x85x2\xe9\x1a$\xb1\x9e[\xde\xbe8h@"\xcf\x9cu\xb0bqt\x1f\xed\xe8\x8b\xf8\xe1\xf7J\x00\x00\xc0\x0bkI\xae!\xb7\t\xf4\x075\xcb\x1fW\x03\xe6\x8fY"r\x0c\x83M\x83y:Z\xd4\x1b\x81\x96\t\xdd\x8cn\xefk3\xfd\xb6\x93\xf8\x1er\xf6\x91V\xaeU3\xf6\xb2q-\xa6\xce\n\x87\x02\xe0\xfd+\xc8\x9c\xa6s(\xa66[\\{\xf9m\xa2\xfe\xea\x00\x9c\x89\xbe\xdb\xc5\xb0)\xc0svx\xf32\xe1\xc3x^\xcb\x8eqZ42\x8a&gt;r\x1d\xae\xe5|YD\xa0|hQf\x8c\xba\xcck\x81,\x00\x16\xfd\xb3\xf0\x9e\xa4\xaeg\xc7\x12\xd8X\xa3\x1e\xa8W6 WF~\xb7\xc9\xab\xd6\xf8\xcc\x13\xb6\xedu\r\xd4\x185\xa871l\x913\x0efLz\xe0\xf1\xf5SZ\xa2(\xc5\x14\xbd\xa4\xee\xf0\x12\x81\xb3u~\x01s\x8d\xf5z\xa6N\xe4\x84\xa10\xbfu\x81\x95\x80\x0b\xba\x88R\x83\x188\xf0Rn\xfa_{,\xd9X\x1d\x08\xeb\x8c\x91\xc9LZ\xe4\xe1\x8aW2\x15\xb1\n\xa3\xdfQS"\xb9\x841\x07\xb2kU\xf4\xae^\xae:\xe1\xbe1g\xaf@)\xd6\x18\xca\x823\xa2\xddk0\xce\x98`\x85\x15]\xf9L9*b\x88\xbaF\xe9\x1d\x17\xbc\xa7\x8ew)\xe7\xd7%6\x8c\xe9\x9cr\x04M[\xd3\x11\xd7\x81\xd8\x7f\x00\xf0\xf2\xba\x86h\xb2\xea\xfc\\\x15\xeb\xaf\x12(\xcb^\xa3\x9b\xab]\x13\x94\xee\xcd\x9f\x0f\xef\xe1\xb0e\xdc\xe4\xb6d\x99FE\xd1\xd9\xa0\xfcE\xf4\xddr\x05\x87\xa8\xa5\xfb\xe2"T?\xa6\xff2\x92\xf6Jw\x8c\xe1&lt;\xe0/4^\xc1Y\x03.\xd4l\xe3\x92\x94\x87\x8f\xdaOjF\x85\xaf\xb1\x80r\x9f2\x87\xf3\x87\xc0[\xa6\xaa\x97KY.\xd7`\rZ\xbaL\xa6+\xacU2\x8bj\x07\xbeJ\x92\xd3\x1a\x83+\xd4\x8au\xef\x0f\xa9\xacR\xe9\xb7\ne7\xe2f\'\xedY\xa3\x1f\xabl\x8b\xd1\x04\xe2\x8d\xbem\xdb\x00~p\x96q\xdc\x92\xa8\x03mio\x89y[\x05]\'Z\xa7\xcc\xc1\xf8\xf7"\x00\xe0\xe7;\x8d\'\x7f\xfb\xac-\xd0P\xa1\x92O\xd9\x8f\xe8t:*)\xdc_jX\x94\x11h\x83&gt;C\xc7{\xc2\xe3\xf7\xcd\xcd\xc2B\xff4{\xc0\xd4B\xbc\x16\xf9g\xc6\x07\xf3\xf41\x87U\x9e\xfa\xe7\xe9\x1d\xcc\x15\x083\xd9*\xe5\x05\xac\xd2W\xf0H\t\xfb\xed\xdf}W\x97\xcc\xf5&lt;\xc5\x86\x1av6\xa6\xfb\x80\xbc\x1b\x900\xe30\xaf\x9e\xa7e\x1e\xd8\xf7}\x0br\xf3z\xea\\\xbd*\xae\x00\xf8I~\x95\xa6K\xdd\x9a\x00\x00\xfcPg\x03z\xaa\xef\x07\xc0O\xf76\xc1\xb83\xd4\x10\xcc\xc7\xb5\xc1\x0c\xce\x82\xdf\xa9r\x1fJl\xa3\xdah\xc1Kz\x1b\xb0\xad\xd5\xfd\xf4\xb6\x0cr*m\x94\xd0\xdd\xd7\xd1\x8f_\xe9\x0e\x81\x06#j\xa5\xcf&lt;\x19\x11\xacw\x9b1\x97\xa7\x872v\x10\xd7\xb1&amp;\xcb\xf9\x19\xbc1\x1a\x10@\x8c\xee\xa9R\xde\xc7\x0e\xae\x85V\xb3\xa3\x99\x82\\\x1aA\xce\x08\xbb\xc5.Cf\x84\x86K\xe4W\x95\x9eRZ\xa1Q\x8f\xbb\xac\xea\x82\xdb}\xde\xa2e\xc8\xbbh`\x1d\x99\xd3P \x0ce\xd9\xb8\xac\xb7\xb4\x18\xba$\xb6\xf9\xc9u\xb7\xfaR\xa1\xfd\x80\x8a\xa2\xb4\xda\xb4\xb9g\xbb\x1e\xb8;\xcc]q\xe0A\xf4O\xafXs\xeb\xb6m\xb0-\xfc\x8c\xa8\xef\x9f`\xaa\xe9\xd4x\xe0\x96k\x1b\xc7\xb7\xe3Xb\x08 &gt;\x06\x1a{t+x\x9e\xab\xe3c\x85\xfb\xb4\'\x1e\xdd\x11\x1f\xf5\xe2\xec\xcc\xf1\xd0\xd1\xcf7\xd5\xb2\xb1\xdb\xcb\xec\xaco\x9b\x9d\x11-\xf00\xb1A\xa2\xfb\x14\xd5*&amp;(\xbc0\x85\xe7\xbcZ\xbb\xbe\x12\x19\xe3\x8fL\x95Z\x1c\xf9U\xc5\xbb\x8al\x12-\r\x9c_#\xfd\xed\xdd0\xd8\xca\xa6\xb4:U\xee\xf2Q\x1e\xc1\xfes\xc9\x13\xb3\xc1\xa1/\xba\xe0\xbcn\xa0q4R\xcd\x87\xaf\x8f_\x8f^\xd1\xb1$&amp;uJ\x9f\xc6X\xa6!3A\x8d\x02\xc3\xcf\xde\x96\x0b\xc0-\xdaC\x9c7\xa9\x9b!\x86\xeb\x92h{Yk\x1b\xb7\x17\xe6Z6\xbd\xbd\x14o?J\xbf\xb8\xd6Q\']k\x97\x1cny\x14\xce\xef\x0e\'Nt\x1ax\x9b\xa9\xea\x06\x13\xc7ST/\xa8t\xc6\xd8d\x8f\x8c\xfb\x9e)\x97w\xc1\xfdv\x82\xa8\tn\xdbo\xaf\xb5\xbc\x81\xb4k\xbaC|\x96\xc1\x00\x99/\xe1\x98\xae\xf9\xe3bki&lt;\xe3\xdf\xee\x9f\xc5\x07\xf8\xa1\xf3e\x9ed\x89=\x82:\xc6\x12\xdc\xf7"\xc7\x9f\xe8oi5\xa0\xea\x11(|\xe3\x06o[I\xf6U\t\xbb\x0b\xe0\xd3\xef/\xa2g\x9a\xcc \xf5\xaf\x8a\xac\xabE\xd9}\xc87\x85\xc1\xff]\x03\xc9\x90~\x886!\xb6\xc4$\xe5)Wu\x1a\x97\xd0\xd2\xaa\x11\xdb\x1f\xd0\xc6!\xbc3\xae[24\xe4\xf81\xf2\x1c\x93\xbfM\x0c\x184\xd2\xa4I\xa5\xff[,dT=7\xaf\x8al\r\xc0k\x156\xefW\x95U\'2T/\x94\x90mH$\xbd\x8b\xd5\t\xfb\x14\x7f\x16\xc0\xdd\x10\x0f\xce2}]\x84\xdf\xbb\x90\xbe\xe7\xd9\xc3e\xa9\xc1\x17\x14k`\xcbMQ*\xfe;e\x1e\xffvO\xa5\xf3Q\xa0\xa1\xc6gn\xa1\xadT`\x8cb\xc5\xa3p\xed\xbe\xf6\x86\x93\xae2?\x9b9\x7f\x08`\x8b\xb5\x0e\x7f\x18i\xfc\xf0:\xbe\x85F2\xcb\xa0\x14\xd37\x86\xb8\x008IP$\x81\x82*\x06\x13\x1d\xd5\x86d\x0e!\xd9U\x94\x98\xf11\xf2\xca\xaa\xde+I\x05*\r\x98@K|0o\x05\x99\x1f^\xcb\xa2\xef\x1c\xcc\xb8N\xd639\xba\x00\x04!\xfey\xb5l\xe6\x8f\xeb\xf9f\xb6\x89\x1d\xa8\xb2\xfd\xa2g\xdc\xf5\x1c\x12&amp;\xe32\xa5g9\x91wU&lt;\x96U\xad.\x99\xb8&gt;Mq*U\x8f\xe4WA\xe8N\x92Ah\xff\xc4W\xd4\t\x7f\xa9L`\xfek\x00\n\xe4\xe7\xb4g\n4{\xa8n/\xfbq)\x95\xe1\r\x8fC\x10\xa4\x18\xc5\xc8\xd4Y\nN\x9d\xe6\xfbo\xdc\xb4\xc4\x1f\\.\xf6\xa1\xb8\t\x14\xd5\xc4/#\xd9/\xf0\xf85\x9b\xa1b\xf7P\xc6\xa4H\xed\x00\xbc4\r\xd9\x1f\x94k\x97U\xdc\xb6\xed\xe3\x94l \x16\xeb\xde\x9d*&amp;\xe8v\x9f\xba\x04\xba\xcc\xf6\x1d\xc2\xdb\xa0\x14K`\xe8\xea?6Gb\x10w\x94\x84\xca\xc6\'\x12\x94\x05 |\x8d\x8b\xade\xf1\x85\xa9\xf4\xd8\x027\x91o\xd9\xb9\xa9\x15"kC\x89\x91\xceh\xff\x93Z2S\x8a\xb4\x16u\x9bqOT\xfa^\xc5\x8c\xf1{\x05Y\x00\x00\x00\xbe\xc9Od\xc8\xf9rD\x91\x8e\xc5\xc3S\xb5\xdf\xa3\x01\xb1p\xc07NKyyt\xa4\xbd_.\x10"nf\xf7\x9c=Z\x92\xbbs\xba\xce\xec\xdb\xb6\xf4Qr\xdf\'\xba\xbe\xa1\xbd\xcam\x03\xf8E\xb9\x02\x99\xf4\x7fs\x12\xcf)\x96\xb4\x12\xb4Zw8\n\x9c\xb3#J\x18\x92.\xb7\xd8\xed\xd0%)\xef)\xd9`\xf6\xa7F\x8f\x07"\xd6\x9e\x83\xed0?\xde\xc8\xc5\xff-\xf9\xc6Q@\xc9\x0c\r1\x13\xa3\xb8\xfct\xd1KVW\x147!\xf6Z"\xaa$|\x87W\x06\xf0\xb9\xcd \xda\xe3S\xe9"\r\x1e\x8c\x0b2\x88\xcf-\x97YHj\x13\x00[\xe4\x83\x02%Z\xb2e\n7I\xc76\xa5LL#\xb2V\x96\xb4c\x12\x1f\xd4\xe5\xbc1\x8a\x1f\xa4\xc0\xa7(\xabk?\xfc\x82\x90\xc2(\xbc\x1a\xb4\x05@\xe1hR\x8bA\xfa#\xb9\x06\xd0\xa2\xff \xadX\x00/f\x1d\x7f~[?\'\x13\xf5\x0e&gt;\x06\n\xd3\x97f\xd0s\xd0)\x9a\xd3\x9af\x9d\xbc\x98\xef\x9f)?3\xfa\xeb\xfa\xfbqV\x9e1UQ\xe38\x94\x9f*\x94\xeb\x8d\x1e\xce\x14\x06\x9dF\xad@\x86h5\x8du\x04/;\xc2[P\xf8\xd8%\xc0G\xb7t\xfeP=}\x18s\x04|\x80\xd6yS\xa1\xae6\x96\x0e\xd5k\x1e\xf4\xfe\x12\xf7k\xc7\xc6\x87\x8d;-N\x89;\xb4\xb5\x1f\xfdP\x17;\xec*;\x01\xd1\t`\xde90GP\xe8r\\\xa0\xa2\x90r^\xe7\x16SP\xa9\x87\xd8\x9e\xf1\x0f\'\x1f\xf9e\x9d\x15\xc8Qqu\xc2aM\x1c\xe6\x9d\xe6\xfc\xfa\x1a\xefz\xd5\x05\xb6:\x95J\x1a\xd0@\x07\x1fV\xd3+\x1d(S\xb7 \xd8\xdd8-[0\xedu\xe5\x8f9&gt;\x8c(\xd0i\x01h\x0c\xb1\x8d\xcf\xb3 ]\xedun\x18d\xca\x00\xfcOE\x95\x81\xf0\xa2\xeaZvxbEVu\x19\xfc\x92\xb3\x8e\x1eJY\xc2\xdb\x04\x93\xac\xfch\x81\xe5C\x9c\xdc\xf5WX\x00\x88\x00\x9c~\x08\x8cTE\xb5\x98\x00b\xd7]\xa1\x8b\xd7n#\xe5!\x19y\x04\x10\x99\xe4\x0b9G\x12\xeeT*Q\x1d\xb9\x18-Y\xd9\x92A\xa1\x9c\x8az\xafK\x86\xc4,)\x95\x8e\xde\x82w#\xe5\x13\x8bqJ\x8e[6\xdb\xcb\x94bC1\x91\xa9QF\xb3\x9e2\x8ab\xef\xc6\x07\xa4\x1f\xee\x83{0mn\xb7X\xfe\xaa\x89\x8a+k\xdc\xd1*\x17&gt;\x1a\xb5o\xdf-\xe3\xa8.x\xbe\x1b\xd6\x99N\xc6\x86\x16{\x14\x0e/\xa6\xfeD4\xd2\xcdK\xd5\r\xefV\x9e\xfe\xfcn\xb1\x86\xcbC=\xecF%(\xda\x83H&amp;\xda\xd9w\xee\xbd\xcay\xdd1\xd7\x90i\x85oV6C\x85\x1an,\x17\x18\xfd\x1c@=\x14oW\x1c[\xf6`~\xbdRf[m\x86]MW@\xe6[\xfaIBNN\xee\xac\xe9e\xca2e%e\x14F\xae\x92\xea\xcf\xd4)-\xb6\xfb\xdd\x88\xbe\xb0|;\xe3\xb9\x01\xd7\xde\xc9\x9a\xd7\x04\xf3\xc9\x89\xf8}\x12\xe2\x1e\xe2\x02\x1f\xd9\x18!L\xd0m`-\x03\xa9\xea-\xd1\xd58\xc5\x02\x80,\xe4\xf5t\x89\x0b(\xd6\xea\x02\x00\xfcx\xecb\x07S\x86\xa2\xd7\x11\xf3\xc8\xaeOl\xae\xdb\x1d\x88u\x178r\xef\x14\x92:9ip\xea]H\xa8\x9a\x9e\x9f\x1dGC\x05\xda\xdf\xf7\xfeb\xdb&gt;G,%.\xb9\xfa\x02\xfco\x96\x1e\xd2y\x1a\x9c\x87T\x95/\xa6c^\xd9W~\xed\xbb\xcaZ\x0ce\x0c\x97\xda\xb6G#~\xf6JG*\xed3\x0c6\xfe-\xa0\xb7\x0c\n\xd4T\xc7\xab\xabhG(\\\xb45\xc9V\xea&gt;\x8a\xcb\x13\xfcC\x80\xf6\x1a\xa9(\x8c\xa5\xb7\xe7\x19\xce\x92\xea\xe8\x84\x8f\x15\x85\x96\xd2M\xcfn\xb5\xb3\xa2\x86uT;\xfc\x05 \xed\xb5[(\x10\x9e\x00&amp;\xd4\x8d\xc3-\xd2U=\x11\xee\xdbv\xa7\x0b\xc8UT\xbf\xdb\xee\xf4\xc8\xc0\xfdI-\x15\xc1\x0c\xed\xf0\x9d\x97X\x00&amp;b\x90I\x91,p\xcd~;-\xd1\xe7\xeb\x0b\xe72\xd1\xd6\xe9\x9f\xb9\xc7UkH\xd6\xb6\x15\xbe$v\x92\xa0%\\4\x96\xe6\x8a\xa4\xa3\xedY;\xd29\xd0\x07\x8f\x92\xcf\xe4\xbb\xaa\xa8\xe7\xbc\xcb\x0c\xfaJ\xba\n\xd7\x98\xc7=\xba\xc8ux\x9b\x1a\xb7\x88u\xe5)\xd0\xd8\xa2\xf1\x1cP\x91\xfb.?v=\xfa\xda\xb84\xb7\xa1\xf0\xb5\xc1E\x80w\xe9b\xcf8\x84\x19G\xea-\xbc\xa2\xb8\x98Z\x9e\xae$G\xa2\x9a\x13t\xca\xed\xac\x11\xd7\xbc&amp;T\r\x9d\x9e\xec\xc6\x9b\xf5\xd2[M\x89\xd7FuHI}\xf4l$\xb1\x93j\x7fL4 \xe2\x9b%\x98\xcc\xdc\xcaq\x14\xa0w\x01\xab\xaf\xde@-x\x92\x9f\xd3N\xb4s\xc4\xbd\x08\x8b\xaa\x0f\x07s\xcc\x00\xef\x05\xb9\xe2\xbb\x97\xab&gt;\xdd\x07\x1a\xea1Y\xdb\xd9\x18\x14\xa0\xc2\xfa\x16=\xcf\x89\x14\x0b?\x9dr\xae\xf2\x9c\xdb:vm\xdb\xb6\xfd-\xd4$\xdf\x00=\xbd\x81p\x92\r5\xf8\xd9:9\xe9\x05\xc3M\xdf\x88\x9f\xdd\x8d]\xb0GNP\x1e\x99\x1a\xd9G\xc8\xc3K\xfa\xba\xc6\xfb\xd0\x00q\'W\xae(-&lt;\xa2\x0e~S\xdc\x0c\xfe\x9d\xa7\x02\xcb\x86!\xbe\xae\xb7\xb7\xe3\x92\xb0\x8e\xe3\x16\x19p\x02\x90\x96\x8b\x9dR\xe8L \x0b\xd1\xed5\xd9\x82G\xac\x90\x92,sr\xcbZ\x85\xd2\xe0\x81\xa2j#\x8a\xee\xa1\x13\xb9\x7f\x7f\xfc(\xff\x98\xb9\xe3\xf65q\x19\x18\xb9\t\n\xd4\x98\x90\x8d]\xe6\xa9\xab\xd1\x1c\xedc\x1f\xaa&lt;\xc8u\x90\xd8\xb0\xc2~\xaf\x91+\xb8\x12\x16\x9fu\x0e\xe5\x07\xd0\xf1\xbdE\xee\xa0C\xcb\xc9Q)%)v\xd4\xec\x06\x876\xbai\xd94DS2p\x90\xc8T\xb1\xac7\xd9\x14\xa0\xcd\xbd#\xde\x81\tGl\xa58\xabbp\xf7Y\x87\xe8\xc7\xbdv{\x17\xceWr\xbaJV\xe2\x87\xd2t\xfc\x8a\x1a3\x80\x87\xa9gb\xd1\xdd\x8c\xfa\xe8\xed\xee\x90\xce\x84O\x925\xd2\xdbF\r\x9fc\x80U\xcdv\x15A\x16$Yv\xd32\x11\x1f\xc9\x91\xf3\xc1\xd8S\xb6Z\x00~\x86\\\xd21\x89\x99=\x90G5\xebA\xb2\xa1&amp;u;J&amp;{\xaf\x8d\xc2\xaag\x05-\xdb\x85\x1f\xa0\x9d\x0e\r\x12e\xb8\xea`\xdb\xe0\xa5$cNo\t\x1eD\xe5\xc8\xd7Bk_H\x14\xc2\xd5\xf5\x87s\x15k\x1c\x13\xa9\x00p\xfa\xae\x1ad\xb5\x10\xdb|\xab\xe8.H\x17\xa2pVo\x15ry\xca\xde\xb9p\x80\x06\xf1\xaeD\xd8S&amp;E\x0c\xbe\xb1\x18d\xee\xc5\xf7\xe9\x03\x18&amp;\xa3\xb6WK\xdc\x15.\xbd\xedM\x8d\x96)\xb4Bq0\x97f\x1eL3\xe6\x1d\xe7\xad\xd1]\x00Xn\x1f\xb3\x93zm\x896\xd5\xbb\xbb\x908\x05\xaa\xedsw\xae\xeaj\xbae\x91\x8d\x11,\x00\r2\x00|\xe7G|k#\x9b:\xe0&lt;\x1d"\xc3\x1a\ra\xe4\xa2d\x135\rhO\r;\xb5d*\xda\x96\x99\xfcb\xb1\xd2\x8a\x85\xf4\x1a]\xf4t\x9bUE\xacK\x8bG\x8a\xa0\xb9\x0bo\x86s\xd43G\xcc\x19\x851\xfd5\xc8\x99\x89G\x83d\x99\xa54|\x0b\xb7o\x10\x97\x0ebF\x94l\n\x0c\xdf\xd2\xd2\x9c\x0c\xba\xa9\xba`\xd7\xd2~C\x99\x05\x00\xe0\x93\x82\x8b\x8f\xb7\x9a\x9b\xd3\x90y\x9b7i\xd2\x91\x85kX\xb9\x1f(\x1b\xfc\xdafd\x85\x8f\xb9\xba\xdfxq\xbf\r\rN{\x8fA\xf0"Y\xf2\xbcrT\xb2\x87\xc8\x8c\xe7W:\xd0\x1b6\xa6\x0b\x1a\x87KD\xacx\xff\xde\xd7\xb1\xac\x94m\xc8!\xd0\x946\x9d\x95\xef\x11\xa2\x9crS\xa4\x0c\xbbb\x8fi\x95qb\xe4&gt;J\x1d\xb9h\x1d\xe06\x06\x82\x93P\xc4n\xc5[\x14#\xc4\x07]\x03Z\xde\xbf\xc9\x1f:\xa9\x98B\x03\x1d0\xc2\x8a\xb2\xf27u\xb2\x8e\xf8&gt;A\x9d%!\x068\x9eL\x9a^\xc5\t\xa9\x1e[\xc0\x99s\xa4)*\x9d\x84\r"c\xb0V\xdd_|UU\xad9\x88\x8e\x15\n\'\x9ct\x15JP!\xaa\xc5\xbd\x08\xe9\xfb\xae]\x16TJ\xaf\x11\n\xfc\xac\xb8\xae\xa1I\x97\xbc\x0c\x00n\xdf!U\x101S\xd7\x1b=\x0c\x13\xe5O\xcb\x14\xc9jU\xeb\xb4\xaa\xcfM&gt;\xd7\xd4\xc7\x9f\xa92\xe5\x8a\x9e\xaf\x99\xe6\x15\xaa\x8e\xcaa\x89\x8dU\xff\x055:E\xd6\xd8\x91c4\x00\xc0\x17&gt;W\xa9\x11\xf6\x9d\x83r\xdf=\xa1\x1f\xdfn\xe3:z\x0fe6\x98\x91iSj\x0fk\xf8\x00\x00|\xa6D\xe3\x08\xdc\xc7\xc3\x00\xb77\x1bOZ\xaf\xbb\xfdw\t\xd5\x9f\xd9:\xcd\xea\xb0\x94?\xe4N2\x8b\xd7\xc2\xc8\x160"\\k\xe5+\x17r\x88\xf2\\!0\xc0\x16\x80":\xee\xd0#Uh\xb3QlRT\xc8\xb1\xfb.9\xdeA\x1e\n\x94\xa6`"k\x88\xc2+\xcafP\xd8\x95Z\xe7K\xbc\xe8\x83\x96G\x0e\xac\x91\xed\x828Iw\xa3\xfc\x91\x0e\x17\x8a\xa5+\xc5\xca\x9c\xffDD\xe1Y&lt;\x90\xbfG\xc8\xd6\x00\tU\x17O\xa4S\x1f\xef\xc6k\xc9\xc4\x96P.\x932\xe7\xbb\xc35\'\x92,\xf3\xd3g\xae\nzE~\xe6(S\xc5#=\xec\x91e\xa3\xcffHP\x97\xb4\x00\xd0\xd4=\xa3\xff_\xbe\x9fI*\xbaa\xb4\xa97.3zJ=\x0c\xa5\xc4\xca\xca(2c\xef\xb0\x10o\xf8\xa8\xa9\xa8\x93\x17k9\x13\xd9\x04PLR0\xe0\xde\x1cquy\x19\xd6\xf2\x96\x8d\xfe!\x88I\xbfZ4\xcd\x97\x9fA\x12\xda\xb8\xa4\xf6nTf\t^\xac\xde\xae\xb9\xef0,\t\xa3\xa7\xc22\xed\'!9\x15p\xfa3\xfa\x9am\x80\xf6\xb1\xf5&amp;\x1d-x-\xe4]\xcan\x8cgIBT\x9b\xa1\xea\x85|\xe2\xde\xe2\xa8\x1b\x8a\xaa`\xe3\xea\x94\x0e\xa0\x9c\xdfY\x9d\x9a\xd5%\xab\xc5\xaa\xc8\x8c\x86\x02\x8b\xaa\xd0&amp;\xeb\xac\x87pQy\x0be3\x9a\x81-\x00do\xd4\xe8Q\xee8\x89N\x17d\x0ey\xf3\xeb\xb4\x00\x14\x84\x8b\xe7\x92L\xae\xf2\xce\\\x1d\x06\x17l\x9b\xdcj\xd1\xee\x92\x1a4S\x88\xe8q\x13\xab-\xd6\x11\x10\x94\xa7*-s\xe93w\xa6\xa9V\xcc!\xd4\t\r\xabm\xa5\xee&gt;\xa6\x8d\x10\xd7I\xfe\x02\xe0\x1d\x041\r\xcb\x8d\x1c\xa2\x18\xa3\x0e\xd9\x0e \xae\xdb\xdd\'?\xf1NuU;Y\xa2\xc3\xad\xfda\x1b\xfd\x99\n1\x8e\xae\xe4\xa1p4\x03\xc0\xff\x94gIA\x18\x00\x00 \x00IDAT\xd9PBI*\xaa.9[\xab\xfb4\x11C\x89\xfb\xfe0&amp;T1\xa6!\x9c\xf9\xf0\x81X\xe1\xc2H\xc1*\x8fO\xe9\xd4)\xaa\x96v\x97\x1f\x91U\x0b\xb4w\t\xac\x10\xcea\xed\xd9\x1bm\xdaC\xe9X\xc1B\xd7\x18\xba\xaczN\xc8J\x16w\xc1P\x1dg\xf0\x10\xc7DV\x94R_\x00\x9e\xc7\x14\xb9pI\x89\xa7\x91\xe5\xadlH\x17\xd6\x87\xe0\x05"S\x1e\xf1[\xcd\xdb\xd3\x91Br\x01\xe0\x1fm\xa3\xfe)\xed\x82s&amp;\xab"J\xbd\xb0\x16G\xb6\xae\xbc\xeci\x1c\xbe\xd9\xeaR\x971\xfd\x9b\xdd?\xeaN\xaa\xa1\x9c\x90:\x96Q\x9f\x9f\x9b\xbb\xd2\xd0$\x7f\x02Q,\xe7\t\x90\xb2\xedNru\xf1\x94\xb2\x17\x18\xaa\x01jg&gt;\xae\xc1\xbd\x06d2\xc9\x90\xae\xd0\x14\xe1,K\x96\x82\x9c}\xd76\x84\xca\xa7(\x05e\xddX\x06\xce\xbf\xbc\x8a\xec\xf9\xf9\xbe|%9\xb1\x81\xe5\x94|9#\x93\xe3\xdel9\xf7h(\xbf\x94&gt;\x0c j\x17C\xda\xf9\x9d\xff\xacbFL\xaf\xbaR\xf8\xa5\x89\xeb\x05\n\xf4\xb3\x89PE\xb9\x84qb_Kt\xc7\x10u\x99)TC\x10R\xde\xae\xe8q\xc1\xf8g tTL:\xf99W\x8c\x9e\xea\x8ep\x90\xfdTQ[\x01\xa2\x9av\xc3)[X\xa6"()\x10\xdf\x13r\xd6;[\xc3\x14\xf16\x83Z\x07\xca4\xd5w\x8d\x1f\x90)\xd6\xe3\xa4\xb2\xc7\x069\xa5\xeb\xcdXB\xc8\xba\xa2)\xbf`\xf7-x\xb7\xc6\x11\x13\x11\xca\x01\x97bL\x0cO\x8a\x94\xb7\xa4e\x89\xf9\xc6kl\xeb.\x8b\xb6\x8e{\x98q\xe1\xe8\x9e\x00\xe0\xa3O\x7f\xf6\xb2\xc3\t\x04\xba6x#\xa4K\xb8\xf9\x9a\xcd\xbbmH\xba=\x10-\xa3e?\xfc\xd1\xd3\xc2\xe6on\xde1\xb9\xddai\xf7C\xde\x0fG\xae7 \xbe\xc2\xf5N\xf7\xd4\x97\xd8BX\xf6\xf4M\xc5\xee\x7fVQQA\xe8\xb0\xcc\xb2\xdf\xc1\x87&amp;p\xbe\xbf\xbe\xcb\x02 \x98\xe7\x94*\xc2m~\xec\x8aw\x86^\xdbK%\x9b*\x81]\xacX?\xd4\xa4\xf0z\xe4\xd6-\xb9\xe9\xa0l\x7f|\xed,\xa8^\xa8=Y2-\x01\x97\xa1u\x80\xb6&gt;\xe2\xb8\xd0&amp;\x9aT*_\x8e(\xccQ\x8f,\xf9\x9b\xf7\xc4\xf5\xd8\x19\x85\xc0\xa4\x84R\x85[/\xe0_\xdf\xbc\xeb9i\x1b\xc0\x06/\xf7U&lt;\xe2*\xf5\x18\xa4\xe5\xf8\x01"M,\xc9\xd9\x99/\x86K\x83\xb2S\xac\xb3\xfc\xcf\x96\xd9\x90}kq*\x8d\xfe\x8e\x0e\x8d\xe4/\xcc1\x8a\r\x14\xf4\xcf\x06\x84\xc1\xb1DT\x90o\xf2l\xa0+"\x97\x8c\xd8&amp; U7\x1aB\xb3}Z\xe8\xea\xe4\x02\x1c\x1c\x0cR\xa3\xbf\xc8;\x03F\xb8\x1a\x87r\xd3\xc5\xab\xcb\xc1\xf25\'v\xf4?\xa3\x1cV\x8b\xf6]\x96q;\xc5[\xd5B\x1b(&amp;\xf9+\x84\xc6\xc6\x88\x12\xb2\x91X\x0f\x8f\x1bKe\xab\xc0p\x04\xbe\xfd\xa1\xd4[\xc7\xc5\x17W\xd1\xbb\x823\x15h\xe0\x84o\xe6\x14~=\xb9d\xfa@\xb0V\xee3\xd1\xa0I\xcd%\x96\xf5nz^\xa2W\x970X\xe3J\xb5L\xaa\xe1\x84T\xf8w\xeb\xc3c\xebPo\r\xe8&gt;\xa6\x01^\x85\xbe\xcb?_-0f}\n\x87\x11\xb7\xee\x91\x97e\'\xea,\xe1\xd5E\xdd\xe6\xf0\xa0@$D\xc1\x99,\tH\x06]Nf\xe4\x10?F\\l\x03\xa5]H\xb1h\x12\x1a_\x01\xdcb\xdb\x06\xf0\x13\xc9\xb7U!\xca.?\xc9\t]\x81\x15\xfe\xb8\r\xdee{AZT\xc4i\x13F\x92\x16\x8c\xec\x17\xc5\xb1\xcd\xba[\xa5\xa8\x91T2\xf7n\xdf&gt;*\x89\xe3\xac\x00%kf\xc7,\x81\xae\xf5f\xe2\xcd\xce\x0f\xc5\x8be\x82\xff]\xef\\\x07A*\xe6\xf9\xf7iN\xc3\x92dCh\xc6\xd8nkB\xbd4\xad\xea\xa0&lt;\x8432\x94lZ\x11\x08/A\xe5\x0e\xad\xbc\xee\xb7?^|l\xa9\xe4\xd3\x08q\xaf;\x05\xdc\x00\xb7\x9d\xaf\xd3\x15\x89\x8d\x8c\x96\xcbV\x1f0h&amp;\x16\x80\xe8.\x81\xbd\x00|\x10A{\x99\xe5\xd4\x92b-9\x03r=n\x07Am`$\xbf5O\t&lt;E\xe5\xf23\xa9z\xf1\x890%f)z\xa9P\x14u\xe9\x95\xba%\xe9%\x91\xb4\xe0\xdd\xe1\x16\x800\xa9w\x83\xbb\xbf\xdcf\x17\x89\xa8\x8a\x82[#\xc7\xbb\xe1\x0b\x16c9}9R\xc7bM\xd9w\xffJj\xac\xecn\xd1\xb0Zz(\xf3M\x8a\x08g\x93\x0c\xdc\x1b\xc0o(1\xe6&amp;8k\xe4\xbe\xef\xe5\rq\xe2E\\\x141\x10\xbb\x96 \xdd\x1458Z\xdc+\x99\xaa\xb8\'$pO\xa7X\xa5\xa9B\x0bF+\xd2\xafG\xab\xe96\xec\xb1\x16\xe2\x83\'2,c\xef\xee\xfb~W\xc1\x1c\x8a\xf7A\xce\xaa\xa3\x01}\xd9\x1b-\'X\x16\x96\xa3u\xd3\xde\x12\xea\x99\x11\x15\xec~/\xa3n\xe2\x0f\x8f\x9b\xf0\xc9\x02L\x81\x14uD\xab\xda\x10M\x9c\xb7\xde! \x95\xdd\x1f\x9b\x00d\x97\xf0\xb9\x9e(\x15{\xea8\xa4\xb6\x93\xfd\x0c&amp;Y\xac\xaa\x15s\xd2\xf7\xe4Z \xa7\xcd\x8c]i\xa8d=\xe6FF\xe2\xed\xb5PlX\x0f\x89\xf0\xa9p\xacH6\xd6\x97\x07\xbbr\xfb\xb1\xf0\x1f\x168\xfdY\xd1\xe0t\x00e\xee\xb9\xd2_hQ\xe2\xb8H\xcf2\xadJ\xc9Y\x96\x95\x9a\xfa\xcc\x8f\xa2I4P\x83\xcb\xc7\xd3t\t,\x14S%\xf9\xd2\xb8;*3\xcc\xeb\x84\xe8\xb2Q\x83\x94\x8a\xf3:\x17\xb1\xad1\xf8=\x80\x83\x1f=\x8a}\xca\x16/\x11\x88U\xb6\x13n\xff\xbew\xec\xad\xec\xc8\xd1\xb6\xc6\xa0\xf0\x03g\xd7\xd3\xc77\x04/j#\x98{\x94P2\xe3\x9aW\xc9\xe6l.\xbc\xe5\x0ed\xa8\x99\xa3\xa8G\xda,\t\xae\x0e\x88,\x06\xd2\xa4\xba\xc4\xaa\xe4\x02\x10+\x16\xec\x06\xe22\xd3oF\xafg\xba\x8c\xd6\x90\xbb\xde\xf7\xa4*mIw\x03f\xa5\xc1S\x13\xac9W\xc3\x18\x15\x99\xdejT\xcfi\xb5%\xffFiE\xcaE\x86\xcc\xb3\xa8\x1amn\xbc\x00\xe0++e\r8\x9b\xad\xf6tcV\x88g\x07^\x9ehR\x89\x9feuSs\xb3\xc7\xa2\xdf\t&lt;/\x88O\xe3W\x91{47QY)\tW\xc8 \xe8\xac%\xe5"dziS\xa1A\x174\xcb\xc4\xa3\x0b\x80L\xb1[\x0f\x17\x13\xbe\x95^\x00\xe2+k\x03\xefx\xcd\xa9\xab\xab\xaa\xf4\x94\xd2\x0b\x05\xfe\x07\x826+\xfaHE\x12o7\x9a\xf8.\xa0J}O\x94)X#\x9b\xd1\xd7\x80\xe7\xc1c\xac\x83 v\xcbG\xb6b\xa5\x14\x89\x9b\x0f\xf0\x91\x85C*\x15\xff\xefw\xb3n{q\xe7\xdf\x12-\xc7kJ\xb1\xaa@\xce\x92\xaa\xaa/\x16\xfe\xfb\x9drj\x91\x8a\xe6\xf1\xc2\xb9\x1c\x8a"\x84g^\xf1\x02pe\xdcX\x90\x9a\x9c\xb1\x8e\x13\xe9\x8ae\xeb\xea\xd3\x82+0\xbd\rpW\x84\xed=d\xc6|g\xdd\xc3C|9\x11\xbce\xe8\x03\x00\xbf$v\x91)$)\\bS1\xd9\x05-\x92\x00~LLH\xf1\xde\xa8\xea\xd2\xaa\x95\xab"\xc2\xcb\xe5\x97X\x85\xdf\xcf\xd4Z\xa1\xf1\x83J\x8a\x8e\xaa\xe3\x1c\x8d\xfc\x1b\xc0\xf6+\n$S\xde\xc5\x1d\x9d\xea\x88\xec\x02\xe0v\xa1\x05\xfdv\xc0\xf7\x9e\xe2\xb5\xa0\xf3\xb8\x85\xdd\x91D\xb52!!\xf2\x16\xb3&lt;O\x0eKB\xcc\x0f^\xa4R\x1f\xe6\xd9\xaeT\xd5\xa5yT\xf8\x88_\xb90A\xae\xc5\x1a\xb1\xfe\x95O#V\xa5\n\xcc\x96d\xad7\xd1\xe0\xdf\xf2\xd80+p\xba\x08\xbe^\x8b4Ql&lt;K\x94\x96^\x81\x14P\xfa\x9aeJ\x99#w\x13\x08O\xa9 \xda\x8f/\x18\xba\x83&gt;\xbb\x00\x08\xb4U\x9a\x96Us\x14\xbf\xa4L\xc1\xc5C\xd2\xb6mm=pio\xb3v\x00\x8d\xa1\x1cw\n\xac\xe7&amp;\xfb^\xdd\xda\xeb\x9c\x9b\xf9\xa6\xd7\x00\xe1\xd2r\xf0\x05\xc2zq\xf0\x05f\xd81&amp;\xb3\xaac[\xf0Q1,\xc4c\x83\xd3\xc5\x86\x96L\xe7O\x1en\xca\x93:\xb8h`\x03&lt;\xee\xef\xd1\no\xc4\xc2Rc(\x8f?\xff\x93T\xf5t\x95\x87|r\x95\xb4(\xfc\xc0\x84+\xaf\n\xe5\xd94.\xdc]\x0b\xd5\xe5\xd7\xe0M=\x94b\xe3\xa4HlA\xe5\xe2!\xd1r\xa9\x9bet\x95\x12f\xaf\xcd\\\xfca\xcc\xc3\xd3\x06\x86\xd5\x90\xbe\xc0m.\x00\xf8\xaal\x99g\xe1\xfb\x8b\xcf\xacfOG\xc4\x83Pk\x00\x10#;\xed&lt;\xb0\xf59x$\xd7\xd4U`\x94\xc3\x1d\xe2%\xa3\x84ur\xea\x19V\x96\xc8\xb4\xce\x1fk+\x9bz\x81\x11\x00\xf0\xean\xaa?5W\xa0\xfe\xdd\xf8/\xa6\x15;\xff\xe9\xbcV\xb6HH\xdf\xc3\xabA\x9c\xd0\x93\x94\xf7\xc5\x0b\x00r&lt;\xcd\xb5\x8d\xa5\x97Q\xebQWk\x91\x13\x8c`z\x15\xc4\x9f-g\xce[K+\xd60\xb0o\xd4\xd8\x9cF\xa9\x98\x81\x88\xc0G]^l\xb0\xb3\xf7\xcb\xbc\x9eb \xa6\xa2\xa8\xfeM\x88\xe8f\x80Q\x97\xf2\x91\xed\x0f&gt;Z\xb1f\x80\x03\xb1d\xa6\x0c\xdf\x80\xc8EZ1\xa2UTK\xd2J\x0bU\xf8;\xb6\xc7\x9f\x94{-Y\xb1\xc4\x01F\x95\x99PT&amp;\x95\xca\xaf\x8c\xa9\x16\xf4p3\x83\xdd\x11\xc2\xaa\x15Y\x84\x8eQ\xa1e\x9c\x14x\xed\xf9\xcfU\x17\x1edT\xc1\xa9L\x95\x9bH\xa11g\xc3\xaax\xbd0\x8a\xd1\xafG\xc7\xf7\xe3\xc5\xfdO\xc4\x14\xeet\xa2\x17\xc6\xe4\xa0*\xbc\x0e\xe2INt\xa8V\xe2\\(\xa1\x92\ndr\xc5\xc3\x9f\xc8*\xf5\xe6W\x9b|C\xabvm\xe8k@;(\xce\xd6I-\x1f\x0b\xfb_)\x97\xc5U-\xcd\x9d\x91\x08\xbe\x15\x07\xc4\xdadSc\xe2\xa2\x95\x96\xaf`\x0f^\x86\x1e\x0bb=\xc53\x8f\xa0\xe2\x0f)K\xd4\xc0]\x00\x14s\xe7\xc3\xf1ti\x94\xce\x12\xcf\x91\xec\xb0)\x14;\xd6\xd4\xed\x0e$~\xa0\xe7\x18g\x94\x046%\xd9\x13\x08~\x81Z\xeb\xbf\xe2&amp;&amp;\x1e[\x9b/\x00\x02\x8d-\x8d\xd4\xca\x1b\x905\x0c\xad(\xd1\x85_T\xdbf\x05\x82~\xe2\x91\xa6\xc0\xbd\xc0\'n\xdb\xf6\xa5\\\x99\x00\xf0]*\x06:b\x9968\xaf)\xe5\xd9\xf6\xe8\xe2\xa6\x1a}-\x19\x8b#\xbe\x89\xf3/\xaa\xa2\x84j\x994\x89\x01\xd9;c\xe9cJ\xa4L\x91Id\xc9\x92\x05\xf8\x9f\t,Z\x10|\x98\x15\xee\x8d\x1e\xf2?\x9ce\xd2\xdf\xa6\x89%^&lt;\x17\x88\x97\xcfN5\xc9\x00\xb3`z\x11\xbc\xccH\xab\xd3\x9b-\x00)-\x84\xe9\xf4~\xf9T\xb1\xc4\xb2\x1c\x8d\xd7\xc8\x12\xb8)aV\x88\xa0\x96\xc0]2\xffV\xed\x94C4%#\t\x0b\x9c\xff$+\xad\xd6\xa2B\xc9\xb3\x8c\xff)\x81\xf3\x90b\xcd\x9f\xf2\xd8\xb4@\xd76k\x02\x9e\xc3\x86\x0f\x93\x94\x8bm/-z\xda6/\xd9\x8du\xf4P\x02\xf1\x00%\xe3&amp;\xfaod\x1f{n\xf1\x974\x96\xa8\xfc\xc6\x9ak\xddB\x1c\xfe\r3\x0e\x80\xd7Q\xaag\x077\xee\xdez\xebGa"\xa9\x02\x80\xf2\x1e9%\x88\x9b\x15F\xdf\xa2\x9ft%\xcd(\xd8\x18E\xa7z_\n\xfb\xee\xe8\x14\x00,\xca\x84k\xde\xb3b\xcc\xa4J\xa4\x86A%]\xee\xba(9z\xaa?\xa7.\x8d\xf8^\x90w=+\'\x0c\\\xac\x9e\xcdD=\x86\xa4\xcd\x9f\x85\xdcS`Df\x93\xbb\xc7\xc4\x856\xaa\x9d\xd7\xd2V1\xfa\xd7\xe9i\x17\xdb\\\xe2.\x807\x1c\x85\xdb\xf8,4\x8cl\xaa\xda\xae\x0b\x1c\x81\xf0\xdb\xea\xea\n%\xd7\x10\xbb2t\x97\xd5\xeb\xb3q\xba\xcd\xcb\xc2T\x04j5PS\xce\xedEp\xbd\\8\xc7\x8c#R\x84o\xb5\x18\x12\xf0\xdb#J\xa3\xc6\x94*j\xb8\xb8\x8a7\xc4G\xeb]/8;\x18w^\xc8m\x10 \xde\xf2V\xb2gq\xda\x87c\xa2F\x80\xff\xe2VQ\x91\xc9\x12H) \xce\xbf\x88x\xd2&gt;K(D\xc3\x94\xb8\xe4\x8c\xdb\x01\xfe.^8\xb3MI\xe6\xe3\x92\x1f\xc5\x9d:.\xa4\x8c\xa7\xce\xa6\xd8~\x17Q\x01\xb9\xae\x11\x98\xba\xb5\xda\x15\x19\x0c\x8e\x8c\x15\xd0\x03\x9c\xe8T\x14\xcf(\xca\x98\xad\x14[\x89k\tg\x9f\xc4\xd2\xfeE\x8c\xd2\xcd\x91\x85T\x00?v\x08\x84\xd4\xae\xd2\x0b\x15C\xc5\x9bJ\xca&amp;@l\x95\x80\xaa\xea\xda7g\x11\x10\xc7\x1dyn4\x1d(qwZ\xe3C\xa9\xa8\xba\nG\\\x9b\x1dv\xee\xc69RHe\xf4A1\x96\t\x15\x01N8\x06x{-\xc3=\x8f\x1c\'\xe6\xf7?\xbf\xdbyM\xeb2\xad\xc1/\x8e\x98\xe5\x064\xd3kK\x82\x02\xa9\x05@Kf\xf0\x16\xa9:W]\xa1\x84\xc5H\xf9?\x933V\xb3\'\x8b\xbajH?\xac\t\x00\xf0\x02m}9\xb2\xe1\xf8\x85\xe4\x92-\x13ma(G\xcf\xfa\x11\xb1,eo\xa4\x1d6\\\x1</t>
        </is>
      </c>
      <c r="E611" t="inlineStr">
        <is>
          <t>&lt;class 'numpy.ndarray'&gt;</t>
        </is>
      </c>
    </row>
    <row r="612">
      <c r="A612" s="1" t="n">
        <v>610</v>
      </c>
      <c r="B612" t="inlineStr">
        <is>
          <t>steps_per_sec</t>
        </is>
      </c>
      <c r="C612" t="n">
        <v>8800</v>
      </c>
      <c r="D612" t="inlineStr">
        <is>
          <t>10.041218</t>
        </is>
      </c>
      <c r="E612" t="inlineStr">
        <is>
          <t>&lt;class 'numpy.ndarray'&gt;</t>
        </is>
      </c>
    </row>
    <row r="613">
      <c r="A613" s="1" t="n">
        <v>611</v>
      </c>
      <c r="B613" t="inlineStr">
        <is>
          <t>Loss/object_center</t>
        </is>
      </c>
      <c r="C613" t="n">
        <v>8800</v>
      </c>
      <c r="D613" t="inlineStr">
        <is>
          <t>0.3016542</t>
        </is>
      </c>
      <c r="E613" t="inlineStr">
        <is>
          <t>&lt;class 'numpy.ndarray'&gt;</t>
        </is>
      </c>
    </row>
    <row r="614">
      <c r="A614" s="1" t="n">
        <v>612</v>
      </c>
      <c r="B614" t="inlineStr">
        <is>
          <t>Loss/box/scale</t>
        </is>
      </c>
      <c r="C614" t="n">
        <v>8800</v>
      </c>
      <c r="D614" t="inlineStr">
        <is>
          <t>0.07773628</t>
        </is>
      </c>
      <c r="E614" t="inlineStr">
        <is>
          <t>&lt;class 'numpy.ndarray'&gt;</t>
        </is>
      </c>
    </row>
    <row r="615">
      <c r="A615" s="1" t="n">
        <v>613</v>
      </c>
      <c r="B615" t="inlineStr">
        <is>
          <t>Loss/box/offset</t>
        </is>
      </c>
      <c r="C615" t="n">
        <v>8800</v>
      </c>
      <c r="D615" t="inlineStr">
        <is>
          <t>0.19862555</t>
        </is>
      </c>
      <c r="E615" t="inlineStr">
        <is>
          <t>&lt;class 'numpy.ndarray'&gt;</t>
        </is>
      </c>
    </row>
    <row r="616">
      <c r="A616" s="1" t="n">
        <v>614</v>
      </c>
      <c r="B616" t="inlineStr">
        <is>
          <t>Loss/total_loss</t>
        </is>
      </c>
      <c r="C616" t="n">
        <v>8800</v>
      </c>
      <c r="D616" t="inlineStr">
        <is>
          <t>0.57801604</t>
        </is>
      </c>
      <c r="E616" t="inlineStr">
        <is>
          <t>&lt;class 'numpy.ndarray'&gt;</t>
        </is>
      </c>
    </row>
    <row r="617">
      <c r="A617" s="1" t="n">
        <v>615</v>
      </c>
      <c r="B617" t="inlineStr">
        <is>
          <t>learning_rate</t>
        </is>
      </c>
      <c r="C617" t="n">
        <v>8800</v>
      </c>
      <c r="D617" t="inlineStr">
        <is>
          <t>0.0009994067</t>
        </is>
      </c>
      <c r="E617" t="inlineStr">
        <is>
          <t>&lt;class 'numpy.ndarray'&gt;</t>
        </is>
      </c>
    </row>
    <row r="618">
      <c r="A618" s="1" t="n">
        <v>616</v>
      </c>
      <c r="B618" t="inlineStr">
        <is>
          <t>train_input_images</t>
        </is>
      </c>
      <c r="C618" t="n">
        <v>8800</v>
      </c>
      <c r="D618" t="inlineStr">
        <is>
          <t>[b'512' b'512'
 b'\x89PNG\r\n\x1a\n\x00\x00\x00\rIHDR\x00\x00\x02\x00\x00\x00\x02\x00\x08\x02\x00\x00\x00{\x1aC\xad\x00\x00 \x00IDATx\x9c\xed\xbdy\xd8=OQ\x1f\xda/"\nQ\x01\x05AE\x05E\x05\x8d\xb8\xa0DE\x11\x90H\x10A\x88H\x8c\xe0\x92\x8b\xcb\x8d\xc1\xddD\x05A\xdc\x81\x18#\x9a\xb8/,\xc6- *\xe2/.Q\xdc\x15A\x03D\xdc\xd8\x145\xe2UP"\x81(Z\xf7\x8fsf\xa6\xba\xbb\xaa\xba\xaa\xba{\xa6\xe7\xbc\xf3y\xbe\xcf\xf7\x99\xd3S]U]]]U\xdd3\xe7\xbc!\x1c8p\xe0\xc0\x81\x03\x07\x0e\x1c8p\xe0\xc0\x81\x03\x07\x0e\x1c8p\xe0\xc0\x81\x03\x07\x0e\x1c8p\xe0\xc0\x81\x03\x07\x0e\x1c8p\xe0@5\x00`k\x15\xb4\xd8\x8f\xa6\xd7\x17\x1bN\x11\x84\x0018\xb2\xf3\x05\x00@\x98)\x93\x0e\x02\x87\xf9.d\x8d\xb9\x94\xfcc\xce\x14\xeb +\x90\x0fm\xfe\x80\x98\x04`8\xd0&lt;\xa7\xff\x81\xe7\x7f\xe6\xcc\x87\x8b\xc4\x8c\x80\x88\xa5\xc9\x98\xfa\xf27i\x8f\x9aE\xf0&lt;\xef%\xbb\x01\xa2\xdcS\x0cl\x0f\xceF\x03\x9a\xe4Z\xcf\xd3xx\xbfU\xa4\x98\xe6|\xf6\x10\x87\xa3\x90\xd1V \x06\x00x:nA\xedi\x0c\xbd\t\xfe\xf8\x94spL\xb9\x85%n\x06\x9c\x99b\xb9Yj\x99\xa8\xa2\x04\x90\xa5\x13&lt;"\xc8\xb3]F\xfc\x19\xe8\x96`\n6:##$\xc1:\x1f\x82\x0f\x10\xd8\xd8\x15B\x80\'\x13\xc9\xec\xc0\x8e\xb1r\xa2&gt;\xbc\xe6\x82!\x94\xe7\x81\xaf\x85#\x1a!7\xe0`\x17\xd7\xc2\xa8{\xca--\x9fQ&amp;c\x92\xca\\\xf8\x87\x10\xc2g\xa4\x19\x85V\x12\xe0\xd5\x89\x86\x89\x02!\x04\xb8\x1d!\x91\x1b\xadl\x07\x8e \xcf@,%\xd3(G\xff\x88\x92\xc9\x85\x07\xda`\xb5\x1c{\x91\xb9\xfc\x02\x87\xa4\xc3h\xc3&amp;\x8fh8\x8f\xc3\x19\xa2\xcc\x99+\xc6g\x110\xf1\x84\x99-J\x00q\x08\x8bt\xa3\x83#5\x90l\x8ci\xaf\xbf\x88-\x00K\x0e \x87\xb32\xbe\x8bjt\xc7\x83#%4\xc6aI7d/&lt;|\xb4\x154\xa5"\xd1hIT\x90](\xf9\'\x85\xf6R\xf2O\x1d\xe7\x94\x10=\xb1P+VP[&lt;\x90y\x87L\xe1\xad\xa0\xca\xb5:\xe2\xd5jV\x0f\x86U\xec@\x0f4\xf4\xc5\xeb\xe39\x00\xffGA\xd3\xd2\x1c\x8a\xfcQ~\xd4ItA\x1d\xcf\x8d\xe8\xfc\x07\'\x00\xac\ty\xa6\xa4\x1f\x02q\xf8s;\xfaL\xcc$`s\xef\xc3[%i\xaf3\x80\xaa\x12\xc6MM\x83\xe12\xect\x11\x83X\x1b\x9b\xaf\x91$"\xe3\x8b\xff\xcdu\x11?\x92-\xe7\xf6\x1b\xd1\nD:\xb0\x9aF]p_\xa0n%\x0c\x85C|\x81\xff \x18M\x9f}\xe0\xb0\xd9u\xc01\xcb\x95\x88\x82\xe9&amp;\n(D\x03\x04\xb8\x0f\xd3Q|"\x8d\x89\'\x02\x00x\x8dI=\xe9\xee\xbfM\xf5d)\xc5=\x95\xfc\x08d\xe8s\x9ek\x82c\x02\xfa\xe10\xed~\xc1\x16\xfbME$5\xbe|j\xb4\xb27e\x19\x88z\xda\\\xf7\x84\xccqJ6\x04\xf6\xa8s\x82]\xda\xfd\xc0H\xa8q\xa1u\xdc\xcf!e\xfd k;\xc4\x87\xe7\xca\xdc\x82\xfa)kYV\xc6\x1c\xe2\xbb\xf5\xf5\xfb\xb1\x038p\xc9\xb8\xe6\xbe\xbd\xf9\xf0\x81|3q&lt;\xb4{Y\xc8\xf3\x1aU\x8d8\x99\x9f\xa6\xfc\xdf\xdcI\x0e\x1c\xb8|l\xbb\xca\xd8\xf3\xeb\xce\xab\xff\x08.\x18\x9b\x94\xdb\xf5"7\xdf%P\x0f\xf8\x0f\\\x16\x98GU\x97\x13?\xae\xb6\x95\xbe\x8a\xf8|\xb6|r\x81\xff6\xfb\xdf{\xf8\xed\x0c\x03\xba\xfd\xd5\xd5\xd5\x80Z\x1d\x18\x0e\x87\x8f\xec\x0b\xc3\xae\xea\x07\xb6f\xd8|\xa4\x0e~+\x14\xd2E\xfen\x05\xe4\xaf\xc2\x1d8p`Oh\x1e\x8a\x06y\x11~\xc0 e}&amp;\xdc$O\xb4M6\xbeo\xd5\x1dp\xe2\xb0\xf3\x81J\xc0M\x154\xbdu \xbf&lt;e\xf9\xad\x02\x8f\xd0\xf1\xa2\xd4x\x1a\x99\xf1\x0bCf\xd6\x10\x86U\xeb\xc0\x81n\xf8\xacF|Z\x94\x99\xf2\xdd\xb5\x9f0\xaf\xf0\xb8\x92\xe4\xbe\xd3\x10oR{\x97#&lt;p\xe0\x00\x89\x8b\\\xcf\xee\xf0o\xfc*\x80K\x86\xc4pQ\xfc\x9b\x1b\xf3\x16\xe5\xcaw\xf7\x99\xd5v\x89\xc3\xd43\x0eS\xd4@o\xbc\xc3\xcc\x0e\x00|.\x00\x00|\xc0\xfc%\xac&amp;Q2\xfe6r=?Q\xd6\x0e\x17\xd8\xb6o\xd0\xad\x04\x00\xb8Z\xe7e\xbd\xb1\x01\xd7d\xbe\x0f\xec\n\xf4oK_]\x9dn\x14W\xae\xec\xd5\xf8ns\xffO\x18\x9e\x06r\x84\x9a\xe1\x90\xfe,\xc9\x0b6\xd3dCT\xfd\xb6AC=Zc\x8fe\xd7\x01\x0c\xe2\xb7\xe1P\xfb\xe0\xf3\xabQn\xfcQ\\2\x0e\xcb\x1fX\x19\x00\x01&gt;\xb1\xbf\x94\xee\x12\xd6\x00\x0e\x8e\xe4{M\x83G\xcf\xf2\x97\x03\xe0]\x95\x94\x07z\xe1\xeb\xb6V\xe0\xc0\xb5\x02\x19\xaf\xae\xdb\xfaW\x8e\x17b\xe0\xeeT\xf3\xa0\xe0T\x9c\xbfw=\xec \x8e\xe3\xaa\xfd\x01\xc0\xff\xf3\x035}\x07\xc4\xb5}\xba\xb3\xeb\x81G\xe7\xf2(0\xe2\x11%\x01s\xf0\xc1\nO\x17N\xe1?\x8c:\x84\xe3\xb7\x80\xf6\x87\x1aGZ\xd3\t;\x95&lt;\x98\xed\x98\x8b\xea\x84\xae5\xdf\xc8\x03/c\xd0j\xd8\x0fi2\xc6\x1elm\x02\x18zp-0\xea\xd6\xcd\x8f\xd5\x06\xd4)D\xb1\xa5\x16\xff3g\xebc\x1cM\x06\x04\xce^\xa7\xeb\xab\xab\xab}\xa74\x1e\xf3\x00\xb7V\xe4\x80\x05\xf3\x11\xe4\xd6\x8al\x8f]\x18a\xb4_&lt;=~\xdeK\x0ff\xeeF|\x02,\x7fWY\xd6u\xa8\x81\xcc8\x8e\x80\x08\x00@\x00 \xab\x921g\xd1\x04\xeb\x00|\xc5\x8b\xef\x97j.\x06WW\xc7\xe355(\x07\x1b\xb3b&amp;\x95\x8a64\xab\xa9\xb2\x1a\xdemk\x05V\xc6\x92\xcfy\x82\xbd\xc4\xb2\\K\xa5\xf2\xfb\x18\xde\x84}i{\rQt9\xceQ\xb1\xb3\xeed\xcd\xb1\xb8\xfd\xd6\nh\xd1/\xba\x8d?\x83\x9a\xf8\xd8vg\xbaf.\x11~u\x16Bx\x00\xfe\xc8\xec\xca\xa9\xc6\xed\x17\xe6\x00*\x1c\xe8\x0e\xcd$\x8f\xe0\t#\xe80(\xc67\x8d\x1c\xd9\x97Wz\x1b%\x80\xbb\xd4\xb3X\x11\xc2\x96\x88i\xef\xa7\x0b\x8b]\xf8\xd8\xd6*\\,\xb6\xb5\xed1\xaf\xfb\x86&amp;\xb2\xe3/\xad\xdcx5\xcd\x8c\xb8\xef\xba\xe2\x92\x8d\x85~\r6Y\xae\xbb^u\xb2\xddv=\xb4\x150T&amp;\x1dI\x97\xad1\xce\xc4\x98^\xc6\xc0\xc1]Cc\x1a\xe5E\xd6}0\xfd\xbf\xe1\xd8vm\xd8\x11\x0e\xd0\xf6\x0b\xb7\xe9\xea\xad\x0e#E\xb9\x1aty\x0bh\x9c\'\xf8m_\xc6H\xfd\xc6\xe2\x02\xf3\xab\x02]\x97\xfc\xca\xf1\xe4j\xfa_62{v\xe4\xea\x95\xea0\x8e\xb79\xb0k\xe5\xb7\x86\xdfvuf\x9f\xbe\xdc+\x96\x89\xd9\xedw\x97\x19\x1e\xd8\x1c\xc5\xe2\x1e*v\x00XJ\x8d\x92+c\xdb\xea\xfe:\x00\xe8_C\xbeL\xa8\x7f \xa8\xcc\x07\x1eN\xbd;\x14\x02\xc0\x93\x15\xfc\x87\xb0\xf7\xf2\x82\xd3\x07l\xa9\xc6\x813\xacG@\xf9\xad\xe5\xba\x97\x8e*\xb4\x95\xbe\xf2X\x98\x17\x90\x86X\xb1\x17\x8c\x1d\xd9\xf7\xb4\xf8\x94.A\x7fu\xab\xadB{\xc6\xc6;\xd0\xa1~\x9blv)\xeeT!\xf1\xb9}\x1f&gt;\x1c8p\xe9\x00\xe6W\xd8`\xf3\xc07\x0c6\xff&amp;p\xc7\xaa\xd9Z6^M`;\x1e\x11\xff@k@\xf1\'\x04\x06\xaeX\x7fhk\x05J`~bh\x98\r\xe5(z\xe4\x18W35\xdc\xe7\x06\xc2!O\xcd\xe9\xff\x81\x03$v\xedP;V}k\x00\x00\xbc\xe9\xd6J(1\x94\x8b\xae\xa3\xcb\x14\xec\xef\x0e\x00\x00\x8f?"\xff\x81"\xe2\xf7\xfa/\xdf]\xae\xc1\x10Y\xd0O\x17\xd4_\xa1\xc7\xc4\xd7\xd8\x8a&lt;\x0e\x9b$\xb8\xce\x8b\xed\xc0\x80h\xf5\xfb\xdb;u\xecY\xeb\xc2\xdb\xcc\xfc\xa9\x81\xf0\xd3,\xd7\x05I\xc5\xb4\xa1&amp;\x07\x0e\x8c\x86Wm\xad\x80\x8cV\xcb\xf5&gt;\x98\xe7\xfec@\xf6\xc5x&gt;\x01\xec\xe2Pa\x05\x15\x8b[\xa4\x16"\x8e\x1f\t9\xb0\x0f\\[o\xd9A4\xa4\x90\xa8\x9d\xc7\xfb\x9d\x8e+\x84\xbd\xe4(\x046\x97\xac\xab\xc6\x81\x91\x01o\xb1\x96\xa0\x95\xe4\x1c\x18\x0b\xfb\x8a\x99\x126\x7f\x05\xedrLy\xcd\xd0d\xde\xf65\xf7m\x0e\xc4\xebY\x8c\x87J\xcb\x1cA`3ln\xf8\x9aW9\x0b\x04&gt;\xbeS_\xf2\t\x98U\xdb\xae\xe6\xdd|\xee\xae\x15\x00\x00\xe0\xfb\xce\xd7\x16\xe3\xeft\x9a\xd6\xfe~\xf8\xba\xe2\x0e\x84\xb0z\xe2m+nX\x8f9~\xea@\x8f\x1d\x99\xe5\xba\xbd\xd1\xd1j\xb0{;c&gt;\xd0\x1f\xf5\xaf\x97=W#%\xbe^\xcd\x0b\xa9}\xc3\xf5\x8a\x1d\r1\x8e\xd5\x1e\xc1\xdf\x92\'w\xa7\x01\xb0\xe9\x0b\x1a\xad8m\x86\x9dN\xe2u\x07d\x17\x07\x0e\xac\x8c\x9d\x86\x8e\xf4\xd5\x97\xad\xf4\x18\t\xa7"@c\x8a\xfdM\xfa\xfe4\xde\t.\xcf\xb0\xc7\x1b\xb7z@\x08\x00\xff\x18&gt;\x98\xbe\xb5\x17XU\xdd\xfc\xd5\x92m\xb1\xbbW+\x0fl\x86\xc3MH\xe0/\xd7\x1cki}T\x86\xb0k\x1e\xffv6v\xe5d\xb5\x9d\xd3\xefr\xf1\xdc\x99ew\x8bM\xecL\xfe\x12\x1f\xa0[[(u`8\x8c\xe9\t{uPr\xbd\x1d\xa8\xc4N\x9daF\'\xfd\xcb\x0fK\xb9\xbf\xd46\xe3\xa9=\xf4Z\t{\xf1\x8a\x9a\xd3\xff\xbd\x8c\xb19\xae\xe9\xb0\x0f\\$\xd6~\x07\x9c\xff5\x15\x13\x8dNV%\x83\x81\xd0+O{\xe5&gt;\xaf\xb9*\x07V\xc0\x05\xad\x88\rpX\xaf\x1e\x9a\xd8\x0e\x08k\xe9\xd5\x18\xfb\xd5\xfc@\x82[P\x8d\xc7\xec\x8e\x85_\xdcB\xe8\xb1\xc8\x1d\x90\xc3\xfa\xe9\xde\x05$\x80\x19k\x0ea\x84\xc7l\x170e\xfb\x85\xf6o\x1c\x02\xc0u\xf8\x13\xb8C\xfd\x8d\xe2\x03!\x8e\x0e\xa4\x07\xe6\xe1\xe3:8\xaa\x1bp)\x7f\x0e\xf7\xf4\x06\xd81\xd7\x95P\xffM`d\xe8\x0b\xce\xd7\xab\xb9\xd3\x05\xdb\xb0+\x06\xac\x16\x9b+\xa4\xfb&amp;\x91W\x87G\xd9\x94\x19\x17\xc6\xe8\x0f\xbf\xdf\\\xfe\x9f\xd3\xedL\xe3p\x8e+cg\xea\x1e\xe8\x86\x8d\xbf\xd8\xc5\x83#\xd8P\xdb\xd5\xe0O\x00\x15\x13:\x8eq7W\x84\xf34\x80\xcf\xdfZ\xb5\xd6\x90_\xbf\x93:N\x17On\xf7r\xc5\xe6\x13\xef\xc6~5\xdf\x16B\xe8\x8f\xc8\xda\xbd\x08\xd4\x1c\xd1\x8b\xd4\x85G\xd9\xcd\xbev\x03\x1f\xe7\xef\xbb\x0e\xc6\xd0\xa2%\x94\x03\xba\xa7\x85x3\xd4\xff\xa2\xc5\xe3[\xa9\xd2\x19p\xd7U\xa4\xac!d%l\xf5\x1a\xa8,w\xd8\x04\x80\xb1\xf1vj\xa4/\xcd\r\xa1D\x7fp\xe6N&amp;b\x97\xd6\x18\xc4\x93\x06\xc7\xd3\x0fC\xd5AY\xdd\x8f\x13\xda\xf4\xd8\xe6;\xd5[\x08\x1d\r#\xb8J\xbc5\xdc^\x9f3\x06R\xe5\xb2\xf0\x91;_{\x1b:\xc6)\xb8\xffH\x89`5}\x0e\xec\x05\x87O\x98q,\xa4\x03$\x00\xee\xbe\xa9t\xe9Y\xd4^\x9c\xb6\xa8\xe7\xad\xd6\xd1\xa3\x1b^\xb6J\x00\xe94\xdf\xf5&lt;o5\xf19i\xc8\xbd\x11tMq}F\xce=\xa8\xbc\xe6x7\xa6]i\x19\xf2\x81\xf0^B\xff\x01\x0c\xa8\x0b\xe2\xebw\xd4\xf2\x7f\xc6Y\n\xe7\x9c\xbb\xf7\xd7aM_\x0frj^\xee\xe5\xf6\xa0\nM\x0e\xc8\xc0\x0f3\xf7\xbe\xa04`\xb7&gt;\xeb\x8a;P\xc4a\xb8\x95\xf0\xf6[+\xb0&gt;\xf6\xb8,5:\x83H\xb6\xbf1W\x03\xbe\x7fk\r\xd6\xc2\xa6O\x95\xc2\x87:z\xb5W\xe4\xc0\xde\xa0=\xaf\xe8\xab\xc5\x0e\xf0\x9f.\xf1]\xef\xa1\xd0\xe4=\xc2\xeb9E\xc5W\x8aW\xd2cwp\x9b\xe6bl\n\xf0\x07\x1b\x08]_d\x85\x02\'\xe2&amp;3\x0e\xaf\xaf\xe7q-p)\xcbk\\l\xf2\x9b\x1f\x1b\x00?\xa6\xc8U\xa4\x1fo\xaa\xbfLu1i@\x8fA\x86&lt;\x84\x12\x19\xf0\x832\x80;R\x04\xeb*t\xa0\x1aMf\xec:L\xfb\xb5\xf0\xedA\xc2\xdf\xf5\xc4\xf8\xa6\xd7|\xbd\xab\xd8r`\x8f\xd8|\x16M\x8e\xb4\xb9\xb6\xa3 :v\x84\xf2[M\xfa\x17"kL&lt;\xbd\x10R\xc1\xe2B\xb1y\xb8,\xc4\xf7R\x8b\xfbE\xcf\xeb\xe3\x0b\x0e\xf3\xac\xf9\xfal\xa5\x98\xb5\x7fwdS\xe9\xc3\xa1~\xf2\x98#\xa3\xad\xc3Rg\\\xf6\xe8\xc6\xc4\xc3\xb7V\xc0\x87\xfa\xa5\x00\x8e\xd7Y\x86\x84\xe39\xd3\x81\x03\x07\x0e\x1c0\xa0\xcbwh\xf7Y\xd1\x01|\xbe\x85X\xf1Ns\xf6\xfd\xc4]\xdaeMt5\xd0N\xfd\xd2\x8d\x06\xe5dg\x83\xf5\x9b\x91\x06co\xa2GO\x86\xf5\x18M\xa5\xd1\xf4\x91!}a\x85\xc7\x9a\x1an\x80\xdac\xa2K\xb7OC\x14m\xe56\xe6^N\x84\x0f\xac\x86\x0f\xdfZ\x81\xa1 \xf8-\x19\xe9\xad9`\xdf\xeb\xa2&amp;|\\~\x86\\\x11\xb2\x9b\x16\xfa^\x9f\x9aeS\xbcak\x058\x1c\xb3.\x00\x80\xff[\x8f\xfc\x929\xd6T\x08\xe9\x8bC\xd9[}\xeb*s \x07\xf6\xd1\x86\xdf\xe1\xda\x17\xe0?m\xadAkh\xa6\xf0\x97C\xb8}o=\xf6\x80\x9a\xad\xb3t.\xf4\xe2\xfd\xe7\x00\xfd\xa3\x8f\x15\x94\xf1A\xfe\xb5\x99\xee\xd2\x07\xb6L\x08\xe1\xd1Y\xcbW5=\x97\xb3r\xda\xca\x97\x06\x9f\xa6N\xd8\xe3\x98\x9b\xfd}\xd9z\x0e%_\x05j\x13\xb0G\x9bK\xd8\xc5\xc2\xd9\xfb\xf2\xee\xf2\xe6F\\\xfb/\xedM\x0b\x96]\xd8\x9d\xdb\xe0K]\xba(\xd2\x05;Ru(\x14\xed\xa6\xa9,\x95;\x80\xad\xe6\xe8F\xf5,\xae\xae\x0c\xc4[\xd5wW:-\x87\xfd\xd2\x8a\xc5\xc6j\xd0_\xd1Xl\x15\x9d\xddy\x85t\xd1\xbc9\xae\xecz\x1a-\x02\x9fk\x15\xd0\x0c\xfb\x98\x82\x01`\x8eL\xa5\xc3mC\xac\x1b\xa7B\xed\x1a\xa0\xb7=\x8dY\x01\xfb\x1a[^\x9b\xc0\xf4#\xfb\xfdR\xf5~\x1d`\xbf\x9a\x1f\xe8\x01\xbcBH\xdf\x80\x182\xab\x0e\n\x96\xd1`\x07  \x1f\xd4\x95\xba\x18/\xb2Zn9\xd8\x85\xf0\x12W\xaf"\xf6Um}\xe5\xd5U\x88g\x84\xbb&gt;\x00\xf0\xb1\xb6\xdd\xee\x81\xeb\x8090]7\xdf\xa8~\xfd\x7f\xe8\xe7\xc6\xfd\xe0\x1bs?[\t\x95K\'\x89\x07r\xacc\xebcF\x9b\xe0\xb6\xd3E\xf4h\xb7n\x07\xb0c\xe8\x07v\xa9\x16X\x01+{\xcf\xc5:\xeb\xa8\xd8\xea\xc5\xa7VRW\xf8y\t\x08\xe1\x0e\xf6^&gt;Yzb\xc3C\xe0o\x16\xc9\xf4\xe2\xc7\x01\xc0\xb7\\rf\x13qa\x83\x86\xe9\xff\xeb9\x9b\xbd1\xda\xb6ow\x98\x82\xe8oo\xadH\x08Y\x02P\xe5\x80\xf9\xba\x9bV\x07\x16\x00\xfa\x7f\xefX\xbb\xf6_S\xd8\x01\x11\xc9[X\x00\xf0I\x1bj\xd3\x0e\xc9O&amp;\xa8\xba\xec3\x19\x02\xdc&lt;\xd1&lt;\x19\x05\xbcrU}6\xc3&gt;\xa7oU\x9c,\x94o{\xd7\xdfc\r&gt;U\x83\xab\xe7\x00\xf1\x06!\x0e\xfd?G\xd3,\x04\x95\xd2\xeb\xba\x9b\xc5A\x80\xba\xaf\x07\x0e\x1bL\x12%\xb9\x95;\xa8\xf6\xcda:)+r\xc0\xf8\x86\xa9"\xb8&lt;S\x16b\xc1\xc0\xde\x7f}\xb0\xc9\x0c`\xa1\xe0R\x83#\xdf\x85CE\xab\xe0\x8b7T\xc4\x89\x8b\x0cV\x05\\\xbb\x01\xef\x1fm\xb3\x8b\x95\x1b\xc0&gt;\x82\xd1\xb6\x98\x8b\x80\xf5m\x95H4\xc9\'\x89\x9d\x8fF\x1a\xd1\xac\x8f\xa4\x98;p9\x18d:+#x\xdbQ8\xb8Y\xbe89\x88\xc9\xfb"\x1f\xa4\xefH\xd0\xd4\xe7\xffZ\xb9\xbb\xb0\xa3\x19\x04xU\x03&amp;\xc7\xdb\xd5]\xf1\xd2\xac\xe5\x9a\xdbz\x9c\xd1\x0f\xa3\xc8\xce\xa0\x9c\xc1\xf2[(C&gt;D}\xff\xf8\xa3R=z\'\xd1\xba\xb2N\x1f\xd5\xca_\xe2\xfdL\x1d\xcf#\xfa\xef\x14\xc6w\x84C\xe8\x19\xf2\xf6\xc8\xf9\xe2Qo:\xe2\xd9O\xbb\nf\x17\xa1g|\r+\xb1\x9b\x01\xeeBQ\x08\xe1\xb3\xb6\xd6\xa1\x134\xaf\x157\x96x:\x7f\xff\x95\xb6\\\xf7\x8a\x1e%\xa4\xb5\x17@\xe3\xa8\xada\xb5\xe1\x83J\xc7\xaf\xb1\xae\x0c\xd5\x83\x07\xb8yw=V\x00@\x00\xf8\nO\xc7\xe6\xaa\\op\x8b\x96}\xbf\xacN\xd61}\x17\x0c\xd6\x97b\x1a\xc1\x07\x06w\x90V\xca\x01\xbc-\xd5HK\x84\x10&gt;yy&amp;\x9f\xbe\xef?\xb4\xbd\x1ab\xcdq\x0e\xee\x85\xab\xa1qy\xb8\xd1)\xc1\xf2\xd2t\x89`d\x14\r7\xbd\xb5\ta\xec\xa0\x00\xa5\xa7\x0e\xa7}\x89\x8f\xb3\xc0S\x94\xd8\xcb-\xeb_ar\xd0\xef\xe2,\xce\x8c\x8fTS\xc2\x0bud\\{f\xbe\x8b\xb3\xe5f\xb8H\xcf\\\x07\rk=G"\x8cK\xf87\xab\x99D\x08\x01~\xd4\xdf\x9dfX\xcd\xa1\x15Fp\xef\xcbL\x00\xab\xe1\xb2M\xd7\xd4\xd7\x89\'\x8a\xd6.\x9d\x90\xbd_\xf1\xc6N\x82\xe1\xad\xfb\xf0]\x05\xcd\xa7\xe3\xf1\xac \x95\xc4\xbfi\xa4\x86\xe9\xac?\xdfp\xbcy\xb1\x0b\xba\xfeA\xbdZ}\x90\xba\xba\x85x\x14\x0c\x1bs\xf7\x92K;\xbe\xb4\xc3[\x80xy\xbc\xcc\xad^#\x15\xa4\xd3\x80u\xde?o\x81\xde\xd6\xea\xf1\x8cG\xb8\xfb\xc1\xabH\xb1\x9e4:\xd6\xf8\xca!a\x0f\x11\xc8\x0e\xf7I\xdfj\x80\t[+\xb2\x1b\x00\x00\xbchk%&amp;\x14\xc3D\x0f\x89;\xf2\x96\xe6\xda\xd6\xbcQ\xea&gt;\xbeg\xba\xd4\x0e\xad\xedFy+\xaf\xb8F\x8f\x88;\xa1\xb9\x1b\r5\x1f\xc9\xbb\x19\x9b\xe9\xb1\x05\xda&gt;\xdc\x9e/\x94LG\xb0\xb5/0\xb5zP\xa9\xec\x0b\x8a\x87\xc6D\xc7v?iWxz\xach\xdfp\xae\xf7T\x8f\xf8\xd0\xe3w].\xdcd\xdbaeo\\\xad\xf2\x9a\xe5\xa8\xde\x82\xef\xa9\x13\xc0\x83\x9a\x1f}h\x9e\x18\x934\xb3M*\x87\xbc\xedz\xf4\xe5Hk\xaf\'M\x1d\xaf5\xae\xfb\xf8\'\xece\xe36\xb2\x92M\x8e\xefL\xbdG\xb0\x86\xfd,[\x97\xb1V/$k2\x93\xe6nW\xb8\xd7\xef\x08.\xb4%\xae\xdb\xf8W\x18\xef\xbeN\xa5\xdb\x02\x00\xe0\x86\x02\xc1Z\xbatA\xed\xbb\x8f\xba\xf1\xc3\xf4\xfd\xa3:i%)V\xfa\x9d\xcf\xdd\x81\x11qI&gt;\xb5\xe1\x02\xb9$3\xae\x89\x91\xedV\x0c\xb8\xa6\xa3\xa7ju&lt;\xb6\xfa/-\x98\xec\x08\xffu\xba\xd8A\xb24\xbd\xcaZ\xec&gt;8V;\x98\xd6R\xa2\xebw\xec\xa1\xca\x81-P&lt;!!\t&gt;\x99$.\xed#]oRF=\xdanU\xb5\x8f\xe2;/\xc4\xfa8\xb6\xaf\xc8v9\x18\xf0\xe4\x84p\x0e^A\x9f\xfa\xf3\x1b\x17c\x8d|\x0c\xac\xe9\x0f5\xefS6\xe7_\xfc\xc18\xf2\xde\xe0.\xf4\xc8\x10\xc2x\xa5\xf1pA\xe7\x02\xb0\x97\x07\xaaV\x14\xea;W\xf9_\x83\\ \x84\xf0\xaf3e\x9e~\xa1\xd3qa\xc8\xbf\xb8\xbb\xbeG\xe9\x91\x97,\x9d\x8e\x10\xda\x0e\xad\xb9\xa1^\xcf\xf0\x1f\xb0\x9c\x1d\x0eO\xdbZ\x01\x0c\xcd\x8bw4\xc1\x1b\x9a\xebr\xe0\x9a"y\xb1U\xf3\xc2\xfb&amp;\xd8\\\x81~\xb0\xbd\x84FQO{\xfa\xfd\x87\xff=&amp;\xb1\xcaw\x9f?\xc0\xd1\xab\xceJ\xb4\x0fq\xbf\x03\x81\x0fp\xdd"\x0f\x18\xe1&gt;\x1d\xea\xf7\x9d/\xf2\xfc\xc7#\x0e^\xd9J\xa5\xcd\xd1D\xcf\xad\x9e\x96\x1fPa\x8f9I\xc6\n\xc3\xb9,\x83\xad\x81&amp;_h\x90\xf8\xbb;NZ\xe5\xba\xd5&lt;\xc3h~f\xbb\x89\xc7\xb9\xa7\xeb\xc2B\xca%c\xa7\t`Z\xb4\xd4\xad\xa6\x82&gt;6\xd9%0\x12\xf1IeS\xf9\x17\x85\x01mS|2\xec\xeb\xb8&amp;\x06Q\xa3\x06\x9a\x11\xbc\x13\xa6\xef\xa6\xc9np\xfa\x13\x8f\x97\xbd\xbd\xc2\x8ai\x06j~\x87OG\xd3p\xa1\xefb\xa9\xeeBI\x0e\xa4\xee5q\\zK-\xee\xfe\t:\re\x9e\xfbB\xef\x17\xbd\x12Y\xe4\xf5\x01\x16\xaa\x007\xc0w#\xf9\x03\xfa\xe5Fs-g\xdf\x9d\xdf\xbe\xa8&lt;\xa5\xb8\x80B\xcc\x8d\x11\x86~\x9aG\xd7\x8b\xfc|z\xa8H\xff+l\x11\xd6w\xb9\xfc=\xa5\xa2\x06\x03\xb8\xc6\x90p{UC\x11\xe0\xfa-\xeb\xaeo\x9ba}\xa2k\x177I\x10\xfa7\x89K\x85\xca\xddg\xdc\xac\xb1j\xddQ\x1f\x9b:=\xc2\xdd*X\x807\x87\xc9\xc9\xe3\xa3\xfd\x1a\r\x8a#\x9a\xef\x06\xf2\x12\xb7%\x92\x98\xb8I\xd9\xf1\xf6\rx4F\xf1eA\x928x\xa3!\xc1\xb3\t\x17\xab\xd0a\xce\xb2\xc3*;\x89Q\x86\xea\xc5~\xf5ov\x8e\xda\x88\xcf\xaaXs\x89\x9dO6|}k\xe4V\xf4]\x19\x00\x00\xf0g\xfe\xee\xc9\xc7\x9f\xd1HtK\xeb\x8b,\xbb\xaf\xad\xe8}W\x91B?\x1b`n\xad`\x82q\x92n\x11\x9c\xaa\xdf\x98\x90\xad\xa0\xca\xba\x82\x86\x80\xe3\'\r\xea}\xab\xbcU\xb7\xd4\x8d\x8f\t\xe1!\xb8ovq\xe0R!\x84]\x9a~\xdd\xddH\xef\xb7\xc8v\x14\xe5\x8b0G\xa1.Z\x84pYV%\xb0f\xf5!&lt;}\xed)]\xb8\xd5\xfe\xac\xa9\x12sD\xea\xf8\x0e\xfb\x08\xe3\\\x11\xe3\x8cv\x85\xbd\xf2in\x9f\xe5\x12q\xe0@\x08\xdb\xc5\xc1\x81\xce\x86\xfb\xe3\xfa\x8c\xf4\x04\xdf\xcb\xef^Y}\xf9\x17\xa4\x17\t\xe0\xc5k\xe8\xa1\xc6\xed\xb7V@\x03\xfc\xc2\xd5\x9a\xd3y\nJ\xd7m\xb56\xc3:\x86\xfb\xcf\x15}_\xd6L\x8b\x10\x8c\xb9\x13\xe0Q\xd3\x85\xd3N\xd1\xab\xca\xed\xc2\\\x8fY+\xee\x02\xb5\xddC\x08!\xfc\x90\xa1c\x99g[|\x99\x85\xf9\n\x87B\xb2&amp;?\xbf\xc3\x1d\xe1m\xf8[/l*\x08\x06{g\xc1\x83J\xdd\xb7\xca~\xc0\xfbe\x13}d&amp;\xd6Y\xffi\x9f\x0e\xb7\x1e4jO\xdfWh9\xf3\x95I\xae\xc7\x8bO\x85W\xf2\xb7[\xf6UoF\x00\xc0\xa3\xf1\xc7\xf7\xd8w\xfc\xa2\xe0~\x89\xd6#\xeb\x9a\'\x80&amp;\x1ch\xb6\xf2\xf7!c\xd3;\xcb\xc6\xeae\\\xde\xce\x9f\xfe\xcf\xc4\xc0O\xd4\x88-+\xb3;\x97\x84;\x97\x08\xc8F\x00\xf8\x9f\xe7\x8b\xe6*Y\xe1\xfb\x16\x8bW\xd6\xf6\xe3-\xa2kh,\xc6\x87J\xe6\xd3\xcaUP\xeea.:\xa2\xf9\xe8\xf3\x02S\xf3\x85\x9dM\xe6\x01K|\x14\xd5\xc8v\xfc\x91f:|\xa4Z\xe8\xc8p\xa7\xf0\x1e\xf0}A\x0cB\xf8\xc5\x06\xa2\xb9\xf6)$\xc5\x1f\xcd\xfc\xd7\xaa\x8e\xfb\xbe\xb8\xd1\x8f\xf5,bJ\xe7m\x0f\x03\x0e\xa8\xe0\xa8\xcd\xbb\xceD\xf6\xd80|Ou\xca\xc9\xfb\xd6\xf0\xd3\xf7l\xf2Da\xa7\x18\x7f\x08\xca\xc9\x11\xce?\x15\xefL{\xde\xa1\xfc\\\x8a\xcf"T\xd4\xaa-\x00a\x05q\x92&amp;\x8b&gt;\xdb*\xd2\x1a\xbb\x18\x8e\xf61ZO\x05\x86\x9a\xf9\xca\xd8A\x13;uY\x03\xa6\xe7O#\x0f\xe4\x84\x8f\x14\xef&amp;\x83\xe5\x86\xa39\x86\xf2\xbd\xb8\xf2@J\xa5\xb0\xe6i;\xbe\x86-\xdf\t\x9c\xe5\xc2\xf4sO#\x85\x81\x1db\xbf\xe6\x93\x1e\x12*\xc9\\c\'\x8f\xbc4\xac`\xfe\xa7}\x0b\xc5u2\x83jCm\x17\xa6\xa5\xf4$\xb6\xe7\xf7!\x8a\x04\xf0NM\x9e\x12\xff\x95Z\x9f&amp;\xa1\x06\xbe\xbb\x9a\x85\x98}\xd7|\x06\x1b\xc9]\xf3\xc1o\xd2\xb2\x92\xe4Up\xa43=H[5\xdf\xa0\x92\xc11_f\xda\x04\xb0\xe2\xf6y\xbf\x9e\xe4\xd0&lt;1\xa9\xde\xc2\xf4\xbb\x9e\xab\x9c\x07\x8e\xc0v\x05\xe4\xb6t?AQ6\xee\x0f\xcb\x1b5\x1cA-\x7f\xdd\xd3\xd1:)!\x04\x00\xb8E5\x93\x1a\xe9+DX\x80OO\xc3\x8d\x99\x03\xd3\xee\xd4H-\xb7\xa6\xef\x18\xa5\x89p\xfe.|\xdc\x04\x8e\xb3\xfe\x86\xdc\xea;\x9a\x05\xd9\x1fo\xe8\xd8\xd2+z\x90G\x11{\xc2\x86\xa6\x92\x13[y\xbf\x7f\xfa\x1f\xa5I\xb9\xfc\xa7\x994\x1a?&lt;R}\xe2\xafn\xf7\x9dfl\xb5\x00\xac2\xa1\xc3w\x17R\x11\xeas?\xae\xfb\xe0\x18?\xd2\xf9\x02r\xd5f\xebH\x00\xf5\xe8j\xc0&amp;\xd33\x87\x8f%\x014\x9d\xf9{\x95\xa4g\xc7\xfd*\xe1\x0f&lt;\x13\xdfT&amp;;?R\xd3=\xcf\xc8o\xedb\x01\x9c\xc6\xd7\xea(@\x90R\xe4\xac\xa19\xe0\xc3\xf9\xa9\xac\xb5\x17\xcdJ\xfb\x90\xecZO\xe2S\xf9[+\xee\xfbjE)\xfb\xf7\xc8\xf6\xaa\x90q\x11\x9b\xcd\xcdU\'\xcd\x97g\xd6*\x11X\x16\xbc\x87\xb5WCM\x86\x02\xfc8\xd5\xb8\xd4R\xfd\x15\x10\xde\x9a\xadc\xbb\xef5\xa9A\xbf\x12i\x05h\xc4I\xe5-\xfc|\xc2m\xc3\xc7k\x95\xb5v\xb1\xcc\xdf\x05\xb2x\xcdS\xaa\xdf\x12\xae1I\x9e?\xbe\x97j\xd7s(\xb6\xf7@\xf1\xad-\xe51\xa9M\xe8ZL\x1cN\xaf\xdc\rw}\tm\x1f0=\xf8\xea\x14\x80\xe2)yC\x98\x12;\x84\x00\xf0.&amp;&gt;\xf2\xc98\x7f\xb2\xaf\x1a\x95\xf5\xfc\xa1\xc7\x1f\xf0+jZY\x13\xf5\x86\x98\xad\x1b0\xd1\xb3M\x9f\t\x81s\xbaF\x08 \x95*\x00s\xbd\x02\xd2\xf8s\x07\xed\xc3&lt;\xbf\x08|}\x01\xe1\xbf\xed\x10\xaa\xf6S\\\xbb\xe1u:\x00x\xed|`bV\x80\xea\x85\x9b\xb2\xd7.\xcf\r\xf0#8\x10H\xb5\xc3\xe6\x0f\x06\x95[\xa2\x99\xea\x0e\x9de\xd5 \x9f\x8e\xa0+AL\x8a\x01\xd3\xa7\xed\xd9\xd1"\xab\x9e\xcb\xa6\x98\x9d\xbc\xfe\x85\x9c+\x87\xf4\xd6%\xe6\xed\xd4\xbb\x81\xfd\xc1\x1d(;\xc1\xa1\x07QSg#\x82\x10&gt;\xc1\xaf\x94A\x13\x98M:\xf0\x01\xae\xfe`$,\x1e\xb2\x86D\x17\xe7\xf8#\xfa_\xe8\xe2.\x0e\xd2\x16+\x0b\x9d\x94y\xf3j\xee8\xc6qDC\x1d\xdc5\\\xafsZ\xc6\x07~}\x8cm\x1c\x8d9$\xad#\x8bh\\E\xf6:C\xc4\xde%\x1c\x079\xf4Y\xcd\x7f\xd6\x8f\x11\x00\xf0]+\x8b\x14\xd1,\x01X*\\\xe3\x9e\xc3\xb9Y\x04\x80\xd7\x14S\xa0\x89i\xac\x95R\x8d\rq\x9a\xdc?\xdeT\x87\x03C\xa3\xb8\xb4\x80Y\xdbw\xc24\xa5 2\x13\xac\x7f$:B\x19\xb8/hR\x829\x1c\x7fNx\x12\xcb\xca\xc4\xe9,\x1do\x0b\xc8\xbd\xce\xe9\xef\x88\x01\x00&lt;\xd8\xcc\x9f\x16\x8a.\xf4\xdb\x8b\x9c\xa8\xcfV\xc9\xd1\xc5\xa9\xff\xc5\xa2S\xa4\x80{i\xc3\x90\xe6qM\x87Cp\x95n\xaf\xcb4I&gt;b&amp;\xd6\xb0\xbb\xda\xc1\xdb&amp;\xb9\xa0\xab\xccV\xcc\xdf7a\x9b\xcefI\x8dr\xc2(&lt;\xd32\r$Qi\xdeeb)\x9a\xa7P\tO\x93\x02\xd2\xdd\xec\xd0\xd5-\xa8\x1f\x9aD\xa4\x8b\x05\xc07\x84F\xe37\x1f_Z\xe9\x99\x938\xcd\xf1_\xf3\x031y\x91K\x1d\xc9\xa7\xcd\x9d_\x91J&gt;\xce\xf2\x94R\xe5\xf7aj\xb4j\x82G\xd8u\x00\x08\xff\xdd%K3\xbf\xc5\x040=.\xd2I\x9c=|\x9e5F\xc4\xb6[\xc0\xae;\x00\x00\xf6O:\xaev\xecs}\x93\x84\x1b\xecJp=\x9e\x15\xfc\xbb\x9c\x00\x8aG7\xe2\xcb\x97I\xe7\x9a\x95F\xac\x93\n\xcf\xd2o\x95\xa2R\xd7z\xac\xf1f6\xfe3\xdeN\xd1k\x93\x87\x13\xfa\xf8\xeb`.\xdf\x9a\x02\xbaa\x16p\x0e\x08\xc6\xaa&lt;\xe1\xa3ll\x85\x1e[\xf9\x11\xb0\x8fA\tZ\xae\xb0\xea\x04\x17\xa7\x82`\x17\x85\xdc&lt;gm\x92\xe3WDP\x91\x03\x00^W\xa6Rsk\xc4\xe4&amp;\xa7\x0b\x8cS\xcb{Dd&gt;|]]\xf7J\xac)W(\xff\xf3\xc3\xc3\xaa\xdc/&amp;\xcf\xe4\x98H\xe2c?D:\xb0{;u\xad\x05\x12G\xb7v\x89\xdb\xe93\x93\xbc\x85; : \xe0\x16\xf1G`\xd0D\xd6\xee\xd7\x8c\x88?/\x11\x98\xde\x1dR\x02\x9et\xe2L\x84ox+\xbeWk5\xc6\xc1|D\xe6\xeek\xbd\xb5\x15\x1c_\x95\x08\x00puu\x05\xbe\xce.\x9cf\xe2\xea\xaaJ @\xc0\x0cN{\xe0:\x96#\xe2\xec\xb5vc\x01\x80\xa6\x9b&lt;\xef\x9a5S9\x8f\x95X\xd3o\x1d\xe2VV\xaf\x88\xd3b_O\xdcZ\xc3?\xb9))\x0bB\x08\x96Q\xcf:\x03\x00\xe7\xdcI\xcc\\\xd9\xaa\x02n\xe4\xe8sR]\xa3\xfeo\xc6\xf5\x9a\xb0\xcd|j\xf4\xf1N\t\xc1\xd5\xd5U}\xa8N\x18\xbcD\xddQ\xb9\xb7]\xbf2\xfd8\xca\xa4g\xc7rhsu\xc5u\x9b\xdf+\x07\x913q\xe3\xea\x8c\x98\xdb\x96\x95\xd0\xca\xcbN)n\xb6\xc8\x10Q\x01\xa1_\x9cr{\x81\xa9\x1f\xdc\x9dn\xbf\x12Lm\x8c\xce3i\xea\xe8\x98&amp;\x8b\x99\x17xJ\x86\xa2dew\xffI"\x94z\xcdw\xef\xc4P\xd2\xcf\x15\x90J\xf4\xc1\xd1\xf9\xa2 T\x0f\xfc\xd4\xeb-\x18eP\xe3S\xac\xfc\x05\xb9r\xa3|6\x8d\x95[\x9eU\xe64Cz\xff\x86JQ\xc7\xfa\xfe\x87\xed\x1b\x02\xbe\x88i\xd7\x05\xeeV4\x0b\xf1\x90\xa6\xd3?Y\xd9\x0cE\xc3\x01\x84{\xf79\xd5\x92\xaa\xec\x12\xbd&amp;\x01\x9c\xd6VNynWt\xa7\xda\xa5gq@\xfd\x8e&lt;\xc76\x7fJ\\PIbl\x86\xbf.Kc\xd6\x139\x1a.\r\x0c\xbd\x1e\xbc\xf0\xe4\xfe\xdc2-\xa2\x98*\xb6\x02\x00\xfc\xedt\xf1\xb9\xf5BEA\xaa\xf2\xeb\x821n)\xa4\xc4\xac\xff8c\xd0\x84K\xc1\xf94/\xd5qIH\x10\xbc\x18\xca&gt;\xe3Qn81yf\xb9\x8b\xfb\xae\x0fy@g\xd2\xa4\x94\x00.\x18le\xa0\xea\xbb\x18\xea\xb6\xde\xe9\x9b\x0b\xf0b%.L\x8d\xb2\x8a\xd7\xe0\xc6\x8d\xf8\xec\x1a\xd7\xc6\xfd)\x14\x07\x1fE\x93\x9b\x9c?\xbe\xb2E\xfc:;\xf8od\xed\xa2\xf7c2\x9f\xc4\x7f\x8b6\x19\xcee\x0c\xc1\xda\xd3D\xee\xb6mb\xb7&lt;\x19@Lf\xca\x01BZ\xe5\x88\xdd\xe9\x05~\xca\xdeg\x15$\x07kn\xdcG#\x8b\x92\xa0\xcc\x1f=P\xdc\x97\xdb\xb8\xc9\x7f&lt;O\xcf\xe7\x9a\x151}Q\xb4c1:[\'\x838\xeb_Nr\xe4\n\x9a\xea(\xcb\x9aX\x02\xda0\x91\x82\xe6\x0c!\xb1\x12e%\x8a\x15\x08\x9a\x9c-\xc4\xd1&lt;\x0f\xee\xb3U}\t\x80S\xb5`\xa8O\xa3\x1a\x95\xc26\x82U=l\x81\x825\xeaT\xda\xd6n\x00\x00\xb7\xb2\xd1Kw\xeb41\x08\xba&amp;g\\\x0e\xafu\x93\xbd\x8dQ\x96\x12X\x965\xa9+\xcb\x13\xda\x1b\xa8~\x7f\xbc\xdc\xf5\x1f\x16\x19z\tgb\xba\xd3\xb0b\x02H\x1a}\t\xc0\xa1^\x93.\xab!\x8a\xe6:=e\x036\x19*@\xf8\xc9\x8b\x0c[-\x90\xc6\x8d\xd2Fmd\xf7[\x1b\x00\xcfn\xbc\xb3\xdb\xb4{\x99\xbf\xef\xcc\xe7\xe7\xf8\xc3\xf4j\x95\x12\x86\xa7\x8b\xef\xc8Z\xd8.T\x02\x80\xfc\xe39\xb4}^\xf3\x04p\xa9hn\x15\x92\x99\xed \xb1\x8d"\xbd\xd0P\xbd\xc2V\x9e_\x17\x93\x9fKl\x93\x89m\x1b\x00G\x04\x1d\xbc\xd0?\'[F\x96\xb3\x04\x9e\xc2V+\x86\x11\x13c;A\x89*\xeb\xa4\xdd\xc4\xd6\xb6\xe0\x15\xd4\x00w_\xce\x85\x97\xe8O\xdb\x8d\x8b\xfeK\xcd\xdbm1\xfcD\x0f\xa6\xc3Cp\xdc\x86G\x88\x83\x00\xd0\xc5\xd3,\x1d\x7f\xa0\xbd.\x05$&amp;\xbd\xf0\x04\xf0\xa9\xde\x8e\x00\xcfu\x0b\xd5\xd84\t\xfa\xfd&amp;A\xa8\x17Z\xe1\x8eJM\xbc\xfc_\xa1a\x1e\xed\x00B\x1a\xd9\xfb\x1c\x01\x05]\xa2\xb2\xe2+\xda\xb1R\xbc\xe9\xf0\xbdL{\x9b\x81Y\xab\x84k\x05\xa0\xd2\xe4:\x01\xf9r\xe2\xbe\xbc\x84\x95\xe3\x04P=}\xe5\x18\xe2FeL1E\x9f\xaesU_\xf9B\xcf\xbf\xe47o]\x8b\n$1=\x9f\x94&amp;\t an\xea\xfc\xc3m\xcf\n\x8a\xc1\xdd\x1bMj&amp;S\xbf\xe2\x0c&lt;\xdb\xb1\x1a\x1f\xad\x8f%\x1e\xfc\xcb~]\xf6\x00n\tk\x02G\xc6\n\x1dw\x98tH\xf4Q\xf7\xea\x9a\x87\x85s*\xdc\xf2c\xfb/\x07\x00\xfeP\x0e\xea\xad\xa2\x7f89\x89p\xd7\xca\xae\x02\x1aYM\xf4Q\x1ai\xae\xa2\x1a\x8a\xd6\xc9eE\xed\xdb\xad[\xe0\xda\x19\xc7\xb3\xa6q\xf7:\x02wX\x91\x99KO~\xf8\xf6\xf9!G1\xa5\x01\xfa\xdf\x04k\x17\xd3\x83\x07\x1b\xe7,\xae\xe3H\xd40\x01\xd4@\xff\xd8\x89{o\xb5\xaf~\x15\x80\x10n\x9f\xad\xbeF\xe9g\x9aG\xf8\x8b\x16\xfc2\xfe=\x98\xaa\x99\xc3[\x94(\xe4\xee\x10\x80z1\x11B\x00x$\xd3\x05H?\xdc\xca\xb7\x1a\xff\xd2\x13\xe88\x02@\xb8\xba\n\xf6\x1f\xe3&lt;\x99\x89\xeb49\xab\xed\x07\xacf\x07/\xf6\x04\xf5\xafD\x9d\x06X$\xc5\xe6j\xce\\\xc1\xa7\xe5\x8f\xa1\xe6\xf1\xf1\xea\xeaJ\x0e\x9a\xf3 \xe4im\x85\xdc\xc2d\x8b\xc0\x01+\xac\xf3\xf3\x93\x9b\xf7\x1fZ\x08\xa1\xfa\x07&amp;I\xbf\xc2&amp;\x02\x80\xad\x7f\xcb\x95\x80\xd5\xbc\xf1\xa2\xabZ\x02\x82h2\x16\x91k\xc4/\xbe\x05&lt;\xbf\x06\x9a *\x90uU\xd2\xe9g\xf3\x1cc\xbf\x8aE\xfc9\x959\xfd&amp;}\xf7rOe%(\xfc.`Dv\xe29u\t\xfa\x13\xd5\x16Ei\xfa\xe3\xd8\xad\xa1\x0c\xa6A\xfeiF\x1d^\xaf\xd8\xb5\x10sb\xfc\x99\xd2\xd9\xe0JmO\xec\xbb.\xf1Y\xe5,\x93\x99\xbf\x06H;m\xdc\xb6u\xbc\xa2a\xf2^&lt;\x02\xe5p8\xfey\xef\xc5\xa2WWI\xc3.\xc1-\x89wV\xd3\xb7\xdd8\'\xc7\x0b\x8dxj\xc3z\xd0%\x00\xd5;\x94?y&amp;\xc3\xdc\xe6\xa1\xf5s\x9a\x86\x96#\xed&amp;\x9c\xf6\xf4&gt;K\xa9dJ\xea\xb6\x17\xe5G\xc6&lt;\xb4~gh\xad\xa6\x86c!s\xc6\xb9v\xe7\xf1\x1e\xc1qf\x9d\xccA\x8f\xf9F\x07\xca\xcbG\x89\xde\xf0F\x90B\xbanH\x10\x1f7\'6\xd1&lt;\xc6P\x08\xe1\xba\xbb\xbb\xb6\xc12A|2\xe8\xae\x03~\xfc\xa0\xa3\x17\x14\xd3\x0ca\xfe\xfc(\xa7\xca\xe2r\xab6\xd9\xfa^\xe1\x08\xa3\xb5\x12{\xba\x96\xcc8q3\x93\x12\xeb\xac\x08\x1b4\xaf\x15rU\xf3:C\xd1/\xec\xa0\xf0~\xfd\x96B\x9dN\xf2\x16X\xae5\x92\xd4\xa8\xe7\x96W:\xda!\x00\x00 \x00IDAT\xf8.\xc0\xf3\xabY\xc6\xfcg&lt;\x81\x96\xf8\xea\x8c\x9ee\xa5\x9f)\xbb\x86E\x022\x01$=G[\xcc\xa0^,\xa1\xe9\xe2\xedd\x85N\x07\x95\x9bO\xda\xe6\n8\xc1\xa9\xdd7\xd5w`\xa8\xc9\xc3\xd1;vR\xc1\xf8\xd63[\x13\x1e&amp;j\xc85\n\xb7\xea\x91\xc4;}(I\x99$-w\x8d?.\xa9\xfa\xb75\xb1\xd8\xaeBI\xbd\x12\xd3\xe2\x0e\xc0)\x1a\xfd\x9f\xde\xfaS\x1d\x87\x07\x17\x98\x07j\x12#24\x98(\xb1Q\xac\x94Xy\x06+\x91\xa6p\xf7\x97Ws\xce\xb48J\x81\x11\xb2PC\xc8;\x03\xe2\xee*c/\n!\x0e\xb5\xa6\x8b\xbf\xceoiv\x03\nJ\x98\x0e\xfd\x1bz@[V\x05\xfd)\xd1\xf7)\x9di8ni\xe0+\xc6\x8b\x03\xcc\x13\x00\xd9ew+\xb8\xed\xce\xa0\xdf\xf0\xe5x\xe2bx\xfa\xff\x8b\xdb\xe6\xf2\xa4\xc5\xe4\x81\xc3\xc5\x7fbH\xe0y\x00\xab\x19\x1az\x87HQ\x89\x9b\xc4\xbb\xb0\xc9t$2\xbf\xed\xd4\xd8\x90\x7f\x852\r9\x8f\x00\x00xh\xf4\xb1@,\'\x80\xd33@)\xe1\xd5\xea\xbbh\xd2\x96\xe1\xb0\xc0\xeft\rR\x1d\x0b\xdb5\x8e\x1e\xfeW\xe9\xd1\x0e\xde[\x0f0\xc6\x08\x00\x1f\xd6C\xa7\xefb\xc5\x85|u\xd1uV\xf4\xcc]\xeb\x1c\xb7\xb5(i\x98\xe6;v;\xeeD|\x89m;5\xea\x9fo\'Z\xb3-\x85\xe9\x11\x8b@\xc5y\xf6\x86\xee\x9en\xf9\xd18\xf3!s\xd1?J\x00\xde\xc317.&gt;\x13\x14N\xe4,|\xdae_\x8f\x02\x819X\xc3^4Z\xe4_\xd0-\xb4\xa9\x18\x83\xbd\x12_9\xac\xa4qY\xa13w\xd3\xe0\xd3b`\xae/%p(\xccY\xe1\xcf\xbf\x85T\xca\x95\xac\xd1\xc1\x84b5\xa0\xd8\x80\xc2t&amp;@\x05\xf7R\x02\xb0i\xdb\xd42\xab\xd9\xd9?\xe0M1\x9a\xce\x80&lt;jk]x4\xd9\x8f(V\xdd\xa3\x9b\x9ba`\xa3\x9e1\xf4\xc4\xc7\xd0k:\xce\xa0\x8a\x9a\xe0l\x81{\x9d\x96$\x91\x00\x14;\x80\xb6\x1aNd\xf4\xaf\x84\xa6dO\t\x00\xbf\x1ew\xf4h\xa5\x92u\xe6\x8fO-z\xc9r\x80\x9c\x15`f\xdc\xcc\xb9F\xb3\xfe\x0c\xbb@\xafd\xb2`\xe6\x0b\x81\x83\x92\xf5\xb9.C\xcccYN\xb6\x98\xc3\xaa;wG\x17\xc6\x86\xbfR\xa9\n\xcf|\x07\xae\x19\xc3\xb7\x98 \x84\x1f\\8,A\x1d\xbbX\x12\xee\xdd\xd1\x9f=\x07\xe3\x87\xa0\xce\x13\x9be\xdf\xd9&amp;\xa6^\xef\xdcJ\xba\xb1\x8e\x06\xe3\x1f\xd3\xdeC\x84\xde\x14\x9c15v\xd3F\x7f\xbd6J\x86\x99\xc7\x98Wr|\x0e\x98\xd6Db\xc2\xf3m\xfdV[\xde\xa6\xb5\xd4\x1b\xeb\xaf&gt;\\\xcfFEFBFn\x11x\x9eZ\xe9:\xc7\xa8YtB\x17\xb9\x0c\xe2\xf4\xaa\xdc\t\xd5\xc0WHm\xa6.\xd2a;\xe1MAZR\x1e\x9ergP\x90\xeb\xeb\xd6\x0e\x10o*\xcf\x8d\x8ae\xa9t\xbf\xde\x03dC\x95\xe2m\x84s\xc5\xe7\x151\xe3\x9f\x94\x084\xe8\xbd\x94\xe8\x82\xbd.L\xd7\xc3\xc1\x99\xec\x90\xf8\xa2p\x98\x93{\xfbN\x01!\xc0?%\x1e\xda\x91\x94\x0e\xc8\xef=\x07d\xf3\x8b\xc9\x02g\xc0\xf4\xbfnm\xd8\xf9g\xcb\x8e\xab\xb8\x9b\x18\xf6[5*\xe9X\x01\x00\xc0\xbf\x08\xf3\xf6s.0\x13\x9a\x10@\xf1\x8aR\xab\xb0r3o\xc7\xe5\x18D\xa0\xf12\x1f\x01dM\x93\x16\xfb\x8aC\xb3\xc6\xe7\xc5\n\x9aO\xe5c\x19\x00\xc0\x8fg\xed\xbb\rBp\xbf\xe9\xc2\x11Itd\x9fcf|f\xfe\xa2\x92\xe8\x016!u`\x17\x80\xb8!\x80/\xaf\x12z\xe7\x10\xfeD\x9b]\xcaG1t\xc7\x10B\x08\xb7\xd9\xa8v\xd3\x84\x15e~\xad\x81\xa7\xba\xd4\xf5\xf8,o\xd5\xb3~\xb9=\xbd\x0b4}\xd4\x1d\xdc\x99T`Jr\x96\xfe\x99.\xc7F\x11\'\xc0\x03%\xd1\x9b#\xb7py\x97i\x8c\xa2\x9a\xe5\xd3\xcf8\xf0\xdb\xf1\xc71\xa7\x81CR\xe0\xe7\xca\x03\xfa\x9fe\x02\x05\x1a\xfd\xce\xa8\x89\xf5\xc83\x1c\x88\xef\x8e\x93\xa8\xcb\xe9\xe1\xf6T/\xa7\xac\xa5{\xa5\x05V0_\xf7\x83\xa0l\xc7\xd3\\ \x84\x00\x8f\xd0?\xf25\xc8o\xa8j\xf7\x93\xc9a\xd6Z\xd8]\x80\xee\x81\xfc\xbc\xa5\xde&amp;\xaa\x13p\xea\xfe\xd3\xec~\xef\x8c}!\x00\xfc(&lt;s\xaa\x9b,/A\r\xb8\xb3+\x15\xad\xe4N.O\x8d\x15\nPB\xdb\xe4o\x1d\x9b\x17\xb6\x90e\x92h\xa2t\xa9a"n\xa6\x89\xfc\x94\x98\xa0\xb7\xb6\xe3\xf2\xff3\x89r\xb0\xf0\x98\xda"\xab\x08\xd2l+l\xc1\xf7\x8dJ\xdb4\xde\xc8Wv7\xe5\x9b,\xf4\xab\x0e.\xccJ\xd1\x12[Ym91p\xf9:\xbc\xb3\x8e\x8c\xe2\xeb\xcc\xd6\x9f-\xdeu\xf1\x14\xb8i\xb7\xa71]\xdd_\x1b&lt;\x8bF\xcc\r\t\xc0T\x06Q\xa9:\xe3f\\\x14zb\x8d&gt;\x1a\xe6X\xc9\xe5\xc4\xc2^\xbf\xe2\x03\x80\xbc\x14n\x82\x93z?\xd3\x8a\xdd\x08(\x1fS\x94\xfe\\\xf5P9@+\xc5+\x86\xac\x8e\xd5B\x1b\x98\xaax(\xd7\x1cd\x18\xb5\x96\x96zY\xcdX\x89\x7f,H~\xfa\xd5P\x19+\x93\xd7\xb7\xe6&lt;~\xfd\xdb\xb0Hw\xb3\x9a\x8f\x02\xe4\xedoR\xc3\x8dw|\xd0\x1a^k6W$\x04ce\x94&gt;\x9e\xca\x8e\x86^\\\xa9\x8c}\x8cM\xbce:\xe6\xa2\xef&gt;\xaf\x9a?%qY\x1eM\xd9\xd2gY9\xfe@1\xf5\xe4\xe3V\xf3~\x08\xf0\xb5\x90&lt;\xcc\xb3OePr\xf8}\xf7\xa0\xa4&amp;\x1aY\x9d\x92\xfd\xf2\xe0j\xadP*\x9ce\x01\x00&lt;:%\x86\x05\xd1\xc7\x13\xc1_\xf4Uv\xcf\xd861R\t +\xf7\xdaJ\\k\xc0\xee\xa5\xe2\xec\x85\xe5:\xfa\x8b\x9c\xeda\xb4\xd0\xa1RE\x80\xff\x89eq\xdc \t\x03\x1a\xceM\xc9V\x00\xbco\x00\x00\xf8O\xd3G\xf5p=\xe7\x90:\xe60\xfd\xc8F\xdb\xe7[\x8b\x0e/"^\x0bN\xa6\xbaG%\xd4\x125\x9a\x99\x8e)\xe3\x8e\xc3\x19\x04\xb6\x98\xaau\x84\x15\x0f.\xe8^Q\x8d\xec\x92\xeb\xe9\x14s\xc8\x14\xe5\xce\x91\xd8\xa7y\xd5:\x84\xb88\x10\x182\x8a\xbd$dA\xa1\x1f\x80\xd7de\xe8\x07\x9b\'\x80\xb8\x8eN\x8fS\x0ca\x07\x00\xe0\xc3\xb5\xd4j\xc0\xfd\xf5\n\xb4/\x83\x1ace\xf5\xa0\xf4s\xea11\xaa\xc7\x9d\xe2\xd6\xab|U\x9c\x15\x1b\xf9\xf4\xa1\xdc3XV\xac\x14\xf86\x8ey@\xe73\x0f\xc9,\x0c\xba\xbf\x83\xa6G\xed\xe1\xc3\x9fW\tj\xa0?\x00\x84p\xabx_/\x10sr\xa1\x91&gt;\x9b\x80\xdd\xd6Tl\xf2\xe4^\xd8\xd6dnp\xc9\xf4\xe3\xf3Bx\x04\x12\x1d\xafVV\x19\xf8\x93\xd4&gt;\xbb\x99\x7f\x93\x895Sb\x1d\xb8c\xc14\xb4\xad\x83\x15\x00\xdc\xa2\x9d\x021g\xd6\x0et\xd4+2\x8c\x98\x03\xc0\x8d\xe7\xd0_\xb3\xa4\x8b\xb2z`\xf6\x132\xe6\xcaC\xd18\xed\xa7#\xe2\xb3}r)j\x86z\xd13\xf3\x860\x9d&gt;i\xbc\xa8\xd3\x9eF\xb3[R\x8a\x96\xb25\xd5\xf8\x11E\x8e^M\xc2F\xa9\xab\x0c\xe2Y\x93\x95\x83"\xb3\x89\xe5j\xa1"\xd6\xaa\xd1\xd4\xb6\x1af\xe4\x8c\n\x0e\x81C\xf9\xbbY\x04Q\xac`\x8a\xda\xd1\xe9\x84\xc7n\xf3\xbfF\xeb\xb9\xd5\xc1\x8bM(Q\'\x96\xbb\x94\xc3\x9c\xb2\xd6+\xf1\x11\xd8\xae\x06n\xbcy\xe3&lt;\x83\xa5:\xbd\xd9\xa2\xc3\x0e\xac\x8d\xa7cDSM\xba:S\x0e\xa3s\x84\\\xa5\xdfi."\x04\xe0\x7f;\xa3O\x19\x91\xf0_\xd5\xec\xfc\x93\xc0\xe5\xd6I)\xad\xef\xe8E\xffv\x99f\x05\x0c\xe7\xe5\x14\xc6[\x8bg\x14\xb3\x17\xc0M\x13zt\x0b\xe6\xc6\x9c\x89\xfa\xec:\xe5V\t\xb9\xfe\xc3G+\xd6\x82\xba\xf9\x01\x94#\x97\xc3\x83\x15\xbb\xc9u\x7f\x8b\xde\x00\xf7\x83\xdc\xc6j\xd0\xd5\xf4\x0f\x92\xc4\x1c\x92\xdf&gt;\xc3^e\xd0\xa4g`\x80\xecz\xfd\xfc\xe4\x86[K\xf7\xe6wp\xc3\x9c\xc6\xf5\xecv\xdc\x96k9\x01\xb0\xca \x9f\xef`\xbdJ\x9e\xa5\xacf.\x87L\xf4\xca\x10l=\xcc u\x00\x08\x007`\x1a\xccy\xdc%o\xda\x11\xcb\x8d\xdb\xe2Y\xb3?\xcd\x8b!\xa3Yj%4\x00\x80\x17r\xd3C7\x964\x91\xcf\r\x1cN\xbf\t\xe0\xefB@\t\xd5\xd6w\xbep\xe6\x80\xee\xe6q\'\xa7\xb6s\x97\x14\x07\x0e\xbe\']\x1c\x8a\xad\xe6\x7f\xc2\xb8\x00!0\xd5=\xc4d\xb6\x1d\xc3\xbfW\x99Ei6\xb9\xa6I\x07\xb2\\\x9c\xf3\xd0\xf8K\x9e\x06\x95\xeb\xda-\x80\xa6k\xa9\xe8\x1f\xf9\xadd\xc2\xc2\xe9\xb7-K\x91\x1anR\xa7j\xfc\x8cwe\xc7P\xae\x1f\xbcY\x81\xe9\xb8\xd6.\xcb\xde\'V \xbf\x96\xbbd+\x90\xd4\xca\x13\xc4\xb9\xf3\x87\xc9P[\xae\xf0oP,%\xf6\x94\xb2\xb96j(#;G\xa6\n\xee]\x14\xd7f\x82\xb8\xb1\x8f*\xf5(\xee=\x9b+\xdf\xe4&lt;N(\xf0\r\x9ad\x9e\x07\xf07\x90\xdd\xea7y\reh#\xbbH\x86\xeb5w\xa0th5\x11[\xa5\xa5\xdd\xe7\xd0\xc0\xd3l\xb3\x10g\xa7"n\xa5\xc1\xa2\x8d8Ab"\xbd\x95Ds\x97\x8a\x04\xa0\x19]\xbf\x99\x16\xf2=\x13\xfd\x87\r\xffvhwL\xae\xd3\x037\xb0 \xc3C\x0e\x9eR\xf0K\x80\x07\x9d.\xeebT\x92\x13D^;\xf8\xc8\x81\x0f\xeeo\xe0\x7fJ\xfc\x8fpk\x83\xe5\xd6\xf4\xf5\x1e"yeR\xdc:\x97\xc9=\xd6H\x94\xc8\xe3\xf6\xc0\x7f\xac\x97e\xeb\xc8\x84v2\x80\x92\xeb\xd1m\xb9V&amp;\x87\x10^R\x96uA\xd1?X\xc6S\x99\xfa4=O\x02\xea\rL\x97\x1e\xe8,(\x15\n\x13A\x9cx\n%I\xc6+\xfb\xa8PU\xad?\xc6\x93\xcb\x8c\x97\'W\xe4\xa8\x1d\x10\xce\xa6gYR\xf7\xd5\x17\x0fm\xdbO\xf7\x9cG\x05W\x94\xd1\x8c\x97,J\xca\xbd\xd0\x05\xe7\xed5Z9 D\xf6D4d\xc4=\xf4\xa14,\x11(V\xca\xfan\xbc\x01\xb8\xf1\xc9#\xffr\x9e\xa6w\xd9\x95\xca\xca\xcap\xa0nQ\xc4\x16Ay.Ai\x86\xa2\x7f\x9d\x9e\xb3A\x0fQ\xbd\x86\x0bM\xda)W1\xb6k\xe25Q\xe2\x87\xe0\x0c\xebZ\xe9\x89\x1f\xaei=\xfc\x0b\xa3B]\xd5P\xb4\xc9\xd5H\xe2\xdeqU\xb3\x020\rS\x9c\xb5?Eo\x00\xbdJ\xc9\xfc4\x1f\x8b\xaf\xa4\r\xf1\xf4\xe7\x81\xd5\xc4\x8a\xec\x0bL\xf7\xb4\x84\x17\x8f\xd4\xa3\x8f\xdd\xd6\xf3\xac\x04\x9bM\xd5J\x16\xe9\x0b\x9aDZ\xf5\xad}\x0c&gt;l9\xfd\x90g\\\x8f\xf36\xd1b\x01\xd9\xb5\x842\xab\xadk\xe1\xba\xdb\xc5\xc0 \x88L\x00\xf2A\xd0\xd2\xc8\xf2\xa4\xdaM\x8aY\x88\x05\x0e\xf0\xc9\x1e7X\x15\xaa\xdc\x9b\xb4\xb8\xc6\x03\x8a]\xbf\x92\x0f\xb1D3w\t\xc8i|\xcc\xe7s\x1eE\x17B\x07B+\xbd\x1e.X\xb7M\xc8JM\xd5X\x0c\x08\x0f\xac\x9b\xf1aW\x8d\x8c\xee\x13\x9d\t\x18\xb1\xc6T\xa0\xa6\xfc\xafah\xd1\xd0\x9bD\xa7\xffw03E\x9bN\x17\xdf-\xef\x03\xac\xa1VO\\`\x95\xec\x06jX\xd9\xbdg\xeeB.\xcb\xe9\xe2_\xbbE\xf7\xf6!\xf7\x82\xc1\xce\x10\xd5e"C\xa3\x93,\xc5`\xe2{\xd0"u\r\xb26\x89M\x18\xefK\x81\xb2\xe1\xb6\x81\xa6j\xc5\xfd\\\xd9a\xe4\xf2_\xbf#wjX:\xe2\xe7&gt;B\x1f}VE\xa2\xfc\xbd\x97\xf6\xaaqy\xf7\x10\xb3\xe8s\xdf\xd7N\xca\xf8\x14h27B\x02@4\xaf\x96\x95\x99\xc8\xea\xd51Ci\x84d\xed-\xb9\xcd\xb2\xd1)n\x92\xf2\xbb\x8by\xd3\xfdYKk\x8d\xbfP\xfb)W?\xf0\x06\x07&amp;\x8c\xfd\xbf\x04\'\x00\xb6\xafN\x84_;\x96\xe1\xec\xfc\x82c\x0f\xedU\x02\xde;\x84\x90\xd5\x1dM\xd6\x88#\xf8\x02\xf3+T+\x17\xfb\x19\x87,$y\x19\xbe\x8a\x89\xb0\xf0Q5\n\xaa\xa0\xd19\xa9\xb6N\xe3t\x0c\x95(u\xed\'W\x9d\xa0Q\x83\x8fA\xc4\x1e\x85\xe0\xafz\xb2\xd5\xf0\xf8B5\xb3\x1c\x150\xd7M@2\x04\x05\x12\xfa&amp;\x9ax&lt;9*\x80\xeeL\x12\x8c\xe0\xd54\xa0\xa4_Np^\xf3\xdd\x06\xc5z!\x93`\xab\xc5\xd1\xe1:\xf1\xb3\xa2\xdc\xae\x93\xdc*2&amp;\x8b\xbc:k\x9a\x9f4\xdc\x04]\xa7k\x98\xe9\xe2So\x05\xf0\x91+M\xe1\x1du\x98\x16cq\x15O\xf4e\x9aL\x84tw\x05(\xe2\x7f\xf4\xb4\xa9V\x96p7DO\x02\xe4</t>
        </is>
      </c>
      <c r="E618" t="inlineStr">
        <is>
          <t>&lt;class 'numpy.ndarray'&gt;</t>
        </is>
      </c>
    </row>
    <row r="619">
      <c r="A619" s="1" t="n">
        <v>617</v>
      </c>
      <c r="B619" t="inlineStr">
        <is>
          <t>steps_per_sec</t>
        </is>
      </c>
      <c r="C619" t="n">
        <v>8900</v>
      </c>
      <c r="D619" t="inlineStr">
        <is>
          <t>10.113221</t>
        </is>
      </c>
      <c r="E619" t="inlineStr">
        <is>
          <t>&lt;class 'numpy.ndarray'&gt;</t>
        </is>
      </c>
    </row>
    <row r="620">
      <c r="A620" s="1" t="n">
        <v>618</v>
      </c>
      <c r="B620" t="inlineStr">
        <is>
          <t>Loss/object_center</t>
        </is>
      </c>
      <c r="C620" t="n">
        <v>8900</v>
      </c>
      <c r="D620" t="inlineStr">
        <is>
          <t>0.119445324</t>
        </is>
      </c>
      <c r="E620" t="inlineStr">
        <is>
          <t>&lt;class 'numpy.ndarray'&gt;</t>
        </is>
      </c>
    </row>
    <row r="621">
      <c r="A621" s="1" t="n">
        <v>619</v>
      </c>
      <c r="B621" t="inlineStr">
        <is>
          <t>Loss/box/scale</t>
        </is>
      </c>
      <c r="C621" t="n">
        <v>8900</v>
      </c>
      <c r="D621" t="inlineStr">
        <is>
          <t>0.05361507</t>
        </is>
      </c>
      <c r="E621" t="inlineStr">
        <is>
          <t>&lt;class 'numpy.ndarray'&gt;</t>
        </is>
      </c>
    </row>
    <row r="622">
      <c r="A622" s="1" t="n">
        <v>620</v>
      </c>
      <c r="B622" t="inlineStr">
        <is>
          <t>Loss/box/offset</t>
        </is>
      </c>
      <c r="C622" t="n">
        <v>8900</v>
      </c>
      <c r="D622" t="inlineStr">
        <is>
          <t>0.116654485</t>
        </is>
      </c>
      <c r="E622" t="inlineStr">
        <is>
          <t>&lt;class 'numpy.ndarray'&gt;</t>
        </is>
      </c>
    </row>
    <row r="623">
      <c r="A623" s="1" t="n">
        <v>621</v>
      </c>
      <c r="B623" t="inlineStr">
        <is>
          <t>Loss/total_loss</t>
        </is>
      </c>
      <c r="C623" t="n">
        <v>8900</v>
      </c>
      <c r="D623" t="inlineStr">
        <is>
          <t>0.28971487</t>
        </is>
      </c>
      <c r="E623" t="inlineStr">
        <is>
          <t>&lt;class 'numpy.ndarray'&gt;</t>
        </is>
      </c>
    </row>
    <row r="624">
      <c r="A624" s="1" t="n">
        <v>622</v>
      </c>
      <c r="B624" t="inlineStr">
        <is>
          <t>learning_rate</t>
        </is>
      </c>
      <c r="C624" t="n">
        <v>8900</v>
      </c>
      <c r="D624" t="inlineStr">
        <is>
          <t>0.0009993749</t>
        </is>
      </c>
      <c r="E624" t="inlineStr">
        <is>
          <t>&lt;class 'numpy.ndarray'&gt;</t>
        </is>
      </c>
    </row>
    <row r="625">
      <c r="A625" s="1" t="n">
        <v>623</v>
      </c>
      <c r="B625" t="inlineStr">
        <is>
          <t>train_input_images</t>
        </is>
      </c>
      <c r="C625" t="n">
        <v>8900</v>
      </c>
      <c r="D625" t="inlineStr">
        <is>
          <t>[b'512' b'512'
 b'\x89PNG\r\n\x1a\n\x00\x00\x00\rIHDR\x00\x00\x02\x00\x00\x00\x02\x00\x08\x02\x00\x00\x00{\x1aC\xad\x00\x00 \x00IDATx\x9c\xed\xbd}\xf0uOR\x17v\xee\xba\xae$AX\x11\xca\x90\xf0"\xe0\x82K \x18\xde\x04k)^\n\x17%$\x16\xe0\xa2\xc0fW!*&amp;F\x8a\x00%/Q\x08*\x91\x08\xca"\xd4\n\xa5\x84\x98-\xdcl\x10\xe2\xc2\x9ah\x92B\x88\t\xc4h\n\x02\xa2\x92\x8a\xbc\x05R\xabn\xb2\xe5F,\x17\x8a\xce\x1f\xf7\xdes\xe7\xccKOwO\xcfL\xcf\xb9\xfd\xa9\xad\xdf\xde\xe7\x9c\x99\xee\x9e\x9e\x9e\xee\x9e\x9e\xb9\xf7\xbbm\x0e\x87\xc3\xe1pp\x01w`mz\xb2\x8e\xe8\xefOJ"E\xbd\xc2f\x94\xb1\xdc\x9a%On\x1f\x8e,\xe2\xb7e\xfa\xa5\xf6\x98\x18\xb8\x94(\x8b\xf4U*\xd8\xf5_\xd7\xa7U\x9dl\x81\xce):t8V\x81\x9b2\x86\xaa\xcf\xd4u\x07\x9f\xc0\xe7R\xe2\xcdu\xafp\xf7\x89\x08)(?\xa9t\xcc\xc9\x1f{\xe4r\xf7\x80H1\xf8\xe1\x131\xd1e{\xb4\x98\x82\xe9j\x9f.\x00\x11\xab\xc89\x1a\xf4t\x0f\xe0\x91\x98\xb3\x88\xe3O\xc4\xa4\xe2\x06\xb9\x14\x98\x15Q\xb2-\x7fW\xf0\n&gt;=\xee\xb5k/\xe5\x18D\x05\x8c\x0b11/\x89\x17\xd2\xa9\xb6q&lt;\x03\x06[\x80\x9b\xdcJ\xb8\xfb\xa6\xa6\xee\x16\x90\x95\xa3Q\xbcjg\xd86\xd8\xb6\xb7\x1e8\xfe\x8e\xb4\xbar\x7fr\xa0\x89\xd4\xb2\x18\x12\x9a\xd1\xbf\xc3q\xc50\x9b\x04/\xe3\xa8\xe0m\xd5\\\xd2]\x12\x01\xe1\xde\xa2tZ\x90}\x1b\xd3\xe9$\xdfQ\x80\xfeL\x1c\xdb\xb6m?\x8d\xbe\xf5\x89p\xac\x04zub]p\x07\x18\x9e\x91\x06D*\x85\xfe\x96\xf3\x13\xd2\xc9\xad\xea4\x9d}\xce\xe7\xe0\xf4K\xc9\x91b\xbdI\xb7&amp;\xb1N}&lt;Wv\x97\x8dSp\x18\xfe~"F\xb8\x0c\xda$y\xf8{\x06dp8\xecc\xb1eRM\xf9\x15kG\x8a\xe0\xb2\x85\xff\x19\xbbcS\xe3\x05?\xc0\xe3\xa6\x86\xc5\x8c\xc9\xe10\x00_5\x0cPn\xda xa\x81fZ\x13g\xca\xd5\x1d\xa5\x1b;\x0e\x87\xc3\xf1,\x10\xd47\x12\n\x9aW?\x0b,:\x86\x13\x83\xc1)\x82y\x01\xb7\xad\x90\n8\x1ct\xac`\xe6gD\xd5\xbf\xd4\xefJ&gt;\x99Gv8\x1c\x0e\xebP\xf1\xa4\xe3\xbdq\xfb\xa6\xc4\xc1\x85\xeb\xdb\xe1X\x0e/@\xde\x01\xc0\xe5rQ\t\x01\xed$\x1e\xb4\x08\x02].\x17E\x8ev`\xdb\xc7\xda\x96n}\xc8. 8\x1c\x12\xacnV\x82\x85\xa1\xbe\x96\x9ejq&gt;\xd5`\x1d\x8e\x93\xa3\xc7zV*(\x11\xef\xf8\xb7\xb3\xea\x05\xc3\xa29\x1c\x0e\xc7\x89`\xd0\xdb\xf6N\x96\xb3\xbf\x7f\xe2\x19\xba\xc3\xe1\x88\x80\x9d\x01\x9c\x03\xf8i\xc0,\xa7\xd8\xd5\x1d_j\xa3v8\x1c\x0e\x1e\xe0\x1dgK\x90`\xdd\xdf\x1dZTl\x87\xc3\xe1\xa8\xc0\xbd\x9b\xc3\xe1H\xe1~\xe1\xfcp\xef\xefp\x0c\x80/\xb4+\\\x0fs\xe0_\xb5r,\x81\x13\xdb\xe9i\x07F\xc6\x89\'\xd7\xe1X\x0c\xbe\x16\x1d\x8e\xa7\xc0\'\x11\xfe\x9c\xac\x07\xe7s\xc3\xe7\xd7\xe1x^\xf8\xef\xed,\x87\xdf?[\x80Y8\x9f\x99\x8a\x97\xde\xf9T\xe1\x98\x03x\xbe\x08\xf0T\x83u8\x1c\x0e\x0cO\xe6\xff\x1d\x18L\xe5\x03v$\xe9\x81S\x0f\xce\xb1\x02p\x0b\x0c\xfeT\x96\x9b\xaac\x04\xb2v\xb6\x84\xf9-!\xa4\xc3q\x80\xcd?\xf3\xebp\x84\xe8j\x87\xbd\xff\x86\x9d\xc3\xe1\xe8\x05\x95\xa5\xea\x0b\xde1\x1e\xa6Jm\x0e\x879\xf8\xeap\xec\xb0\xe0+\xf3\x7f\xc8\x85\xd0\x12\x11\xdd\xc2\xb8\x1c\x9d\xe0\x93\xdb\x04W\xdf\x93\xc3\xd4\xf4\xbb5\x9e\x15&gt;\xb3\x0e\xc7\xb3\xc0W\xbb\xc3\xe1xR,\xed\xfd\xe6\xca\xee\x91c\x00\\\xc9\x86\x00\xff\xf9\x06\x10\xaf:?\xb9r8\x1c\x8es\x02\x9e\xf0k\xc1\x0e\x87\x12\xd6Z7?&gt;[\x00\x87-\xe0\xbe\xdfHd\x807n\xff\xdc\xb7\x8a\x8e#\xf2\xf7s\xdcH\xa4\x08U\xe7Z&lt;?,8\xf7u\xff*\xa4\xc3q\xc5w\xcd\x16\xc0Q\x85\xbb\x98\x0c\xe8\x01@\xc5G\x97\x88\xf8\xdc8\x1c\x8e\xc1_\xfc&gt;\x07^Pm\xf1&gt;\x85\xe7&lt;\x8d\\.\xed\x1a\xbc\\.\xf9\xe7\x8dt\x1de|\xffl\x01\x1c\x0e\x0b(9\x9f3c\xf7\xd8\xa5R\xe9\x0e\n)\x0b\xf5\xa2)x\x86Q\xa7\x97\xbe\xe6\xc8\xe1p,\x85\xe9\xeb\x04\xdb\x01\\c\x1e\xc0\xb7\xa4\xd1\x8f\xf8\x9d\xf5\xa0\xd9\xf4\x91\xce\xc4\xe9\x1dbd\x1f\xcf\x98.\xad\x86\xd3\xdb\xe4\x12\x98\xbeN\xea\x02\x00@\xba\xa0\xb3\xd6\x93\x8d\x13\x97\xa4\xf8\xe3\xde\xc1\xe1p\x18G\xe4\xf7\xae\xael\xa6@}P?\x03\xb8\xb4\x8d\xdb\xbd\xbf\xc3\xe1\xb0\x8f\xd4S]]\x15\xdc\xff9\x8c\xf5H\xd4\x03\x00\x11\xee\xd9\x1d\x03\xe0\x85\x0bG\'L\xbdc\xf2\x11\xb3\x0c[&gt;\xbaPb\xc4\xfb\x9fx\x07\x00\x06Jxfq\xd6-\xb3c\x00\x9epe\xcdZ/\n;\x80\xa7]\xe7O:l\x87C\n\xf8\xe3\xa4f\xe2\x95\xb5\xee\x06q=/J\xbc\x03\xca\xba-zb&lt;\xdb\xe0\x9f|\xba\xcf\x8d\'\x99\xdc\xc1\x83\\O\xab\xe4/\x01\xac\xea\xfe\x15\x85~/5J\xa3\xb1\xe6\xd49\x14\x90\xfd\x9d\x95s\xff\xf8\xca\x89\x87\xd6\x8a\xe2/1\x10~\x0c\xce\xb5\xba(\xce\xbd\xda\x1d\x0e\x07\x15%G\x9e\x16y\x00m\xff&lt;8\xc7\xe0\xcf1\n\x87\xc3 \x16\xf3\x90\xf8_\xa9\xbe\x0ef\xb1!\x91\xf1\xcd\xcd\xae\x10\xe0\x9f\xea\x88\xe28"\xb2\xb8\xb3Z\xa0\xc3\xe1\xa8\xc0\xf2\xe2\x87m{\xd3l\x19N\x89\xec-\x03\xdf\x80:\xe6\x82n\x81n\xa8+\xa1e\xb6\x16\x9a\xe7\x85\x8c\xb2\x87\xaf\xef4\xf8\x85\xb4\x9a\xc5\xea\xf2\x0f\x03\xeb\xf6\xa3\xe9\x93\xb6?;[\x00\x87\x03Au\x8d\xd9]Z\xcb\xc2UZ\xc5*\xd7\xdfW\xfb\xf6\x81y\xf87`Gb_]Y\x9dC\xf0[\x84&gt;)\x8e\x91\x08\xfd\xbee\xdbS\xfb-\xa0SB\x10\xbb{L\xf6\xc8$\xc2x\xc2\x12"\x14\xd5\xf7\x01#\xe1\xca\xacb\xf7\x03\x96\xbd\xff\xf6&lt;\x01@f\xb0F\xa6n\xa4\r\x19\xb7\xd7\x03\x16\x12\xf5\x14\xd8\x17\xd1\x00#9A\x84\xb9\\\xa8\xbf\xa4&lt;q\xb0\xcf\x12\x00\xce`Pm\x80o\x9a-\x81:\x90\xaf\x1f\xde\xb3\xd4\xa7\x9fvM\x8c\x8c\xb7O\x15\xdb\xcf3X\xec\xdb\xc2\x83EIe\x98-\xc0\x0e\xa22&gt;\xa8\xb7\x1c\x8b\x03\x8e\x104\xb0\x00\xb3\x829\x1c\x0e[ht\x16\'\xbb\x95\x0c\xb4\xbb\x16\xa6\xdd\xff\xcap\x9d\xaa`\xaeyRK@\xbe\x82,\xe0r\xb9\xb4L\x03\xb1"Ymv8}m\x90\xa7\x11\xac\x8d\xf3yv\xd9\x8e5Qr\xa1\xf4\xa3\x82\xa1p\x7f\xef\xb8\xc2\xb2%P\xca;\x9e\xbb8,\xc0\xed\xd0\xe1\xd0\x07^\x04\xf2\xe2\x8fc9,i\xb3\xf6E\x1e\xa3V\xfbz8\x1f\xd2\x93\x00\xfbe\x7f\xd3\xc29\xa6\xc2\xb4m\xa4\xc2]\xd7\x1a\xc0_\x9c \x8dc\x06,\x1b\xa8\xfdk?\x0eG\x16n\xb1\xcf\x8e\xc1\x16\xe0\xe6v&amp;\xf8l:\x1c\x0e\x1e\xdck&lt;-\x9es\xea\x9fs\xd4k\x00\xcf\x7f?m\x98\x1c\xc6\xe0\xfbB\xfb\xf0)r8\x1c\xcf\x08\xf7}Wx\x01\xf7\t!\x9et\xb7\x16\x87\xc3\n\xf0\xb5\xe8k\xd5\xa1\x0e;6\xf54?\x06\xe7pl\xdb\x96u\xe8\xb5\xe5hg\xb9:\xce\x01\x83\xdf\xfcu8\x9e\x14\x8d9\xfe\x87k\xc9\xe1X\x16U\x13\xf2}\xa4c\x0e\xdc\xf2\xaap\x059(\xc0\x7fpp\xa4$\xcf\x85EU\xbb\xa8\xd8\x0e\x87\xc3A\x85\x87&gt;\xc7\xb3\xc1\xbe\xcd#\x7f\x96c\xb0$\xe7\x80\xeb\xad\x08\xff\xc6\xbd\xc3\xe187\xdc\xc5a\x10\xfc\xee\x8a+\xd4\xe1p&lt;\x03&lt;Cv8\x1c\x8eS\x81\xfe7\x91&lt;\x008\x9a\x00\xf0\xc1\xb3E\x98\x83)+\xe7\xc5\xe3Y:\x1a0\xcb\xbd\x12\xb9\xba\xf7w8\x84\xf0\xa5\xe3\xa8\xc2\xb8\x87}\x96\x9f%\x7f\x8aA:\x86\xc3\xad\xcaa\x13\xe7\xf7x\xac\x11&gt;I\x9csh\xc1\x8d\xe5\xdc8\xf7\xfc\x9e\xc9\xd9\xe9\xfd\x16\x90\xff\xba\x85\x83\x0e\xf8S\xb3%\x10\xc2S\x1d\n\xce\xed\x0c.\xb9\x9f\xf2Q\xb4\x0b71\x87\xc3\xd1\x1d\xeefX\x80\xcf\x1c\xf5w\xc5\x7f\xe3\x00&amp;3`6\xb2\x19\x15k6\\-\xe7\x86\xd9\xf5\xb8\x04N\xae\xbc\x1e\xa3\xb3cpf\x04q8\x1c\'\x87\x1f\x91Z\xc43\xcf\xc9\xf3\x8e\xdc\xe1\x98\x01_q&amp;\xb0O\x03\x00\xfc\xed\x99\x828\x1cE\x0cNM\x8c\x7f\x97\xca\xe1\xe8\x82g\xde\x01l\xdb\xf62_\x81\xcf\x8a\xe8\xdbI\xe9B\xb8&gt;9\x99y\xdc\x06\xa5=\xaa\'w#\x8ei\xe0~Q\xe3\xfe\xa1\x8f4\x0eU\xb8[Y\x11O1i\xcf\xf2\xe5\xe6#N3\xe4\xb3\x8c\xc3\x1cLY\x88%Y\x1c\xa61\xf3\x8f\xc2\x9bZ3\xcbA\xa8\xbds\x7fE\x07EWk\xcb~9h\x16,\xc92\x08\xeeK\xc6a\x95M@\x8b\x90\xf0\x9d\x8a\x82t\x01\x80GP\xc7\x19\xd0n\xc6\xbe\x10\x1c\xfa\x88l\xca\xa0\x91iI\x04\xa7;\xf1s,\x04\x83+\xcb\xd1\x84\xe0\xc8\xd1\xa7\xf6&lt;\xf0\xc9\x1c\x8c\x1e\xcb\xa7D\xf33\xd49==\xc4\x93w\x9eu\x86[\xb0\x91q\x8e\xf4kp\xff\xaf\x91\xb1;,C\xddHV)\xde:\xec\xe2|6T\x89R=\xb2\xb0Z\x83/Vg\xd9\x01g2\x03\x9b#9\x93\x86\x1d\x0e\x879\xb8\x8b\xb1\x0c\x9f\x9d\xaep\xf5\x9e\x13\xdci\x05\x8e)\xc0\x1dl\xb1\xf8\xa8\xf2\xd0\x15\xc2\x97\x835\x08&amp;\x04\xe9\x02\xff\xa2\\\x12\x87c2J\x9eW\xc5\x17s\x03@;G\x15\xf4\xa8\x11k\x93\xec\x88)\xb2\xae\xa5"G\x08S\x8b7\xc2,\xb1\x18_\x04\x9b%b8m\xe9\xd7m\xf6\'-s\x9b\x92\xfd\x18r\xcb\x890$\xca\x89\x80\xdb\x91)\x03p\x9c\x06nUy@\x00\xacY-\xbc\xcf\xbd\x92\xd5\xfe\xebZ\x03~\x9f\xeb\xaeCr{K\xc9\x94!Q\xd6\x84\xa5\xc9\\\x18\xaeE}\x107n#\xab\xf3\xcb\x81\xa8\x16\xd7\x1e\x8e\xab\x81}\xe6l1\x1c6\xe1\xabG\x1ft\x9fN\xdc+\xf4\x86M\x1bp\xcf\xae\x82\xe9\xd6\xe58\x1f\xe6\x1a\x14\xe9\x0c`\x96\x88\xc4o\x14\xdbZ\x93\xa6\x84\xb9\xc3+\xd7*\xb8\\.\xcf\xacI[\x0b\xed,\x98kP\xa4\x000O\xc4\x03c\xec\x8a\x9b\x12\xbfv:\x83\x1d\x04\x18\x8d8\x8e\x13"\xb8p1W\x10\x87\x1a\x8c\xff\x1c\xf4\xf1\xef\x16!w@\x95Lr\xb9\xec\xee\xb2m\xd5\xc1s\x0b\x17\'[\xdd\'\x1b\x8e\x16\x00\x9eW3\x16\xb62\xf3%\xd8\xb6mn\x00\x10$\xcb\xd1\xc4=\xf3~|\xc7\xe5ry\xb3\x1e5\x008\x99N\xd7\x1dN\xd73\xad\xcb\xa5E3F\xdc\x97\x10\x16\xfc\xc6|\t\xb6m\xa3\x88q\xb5\xbf\x92\xca\xa0\xdbH`\xcb\xa4\xb6\xa9\x18\xd9\xe5aa\x82\xcd\xa2\xdf\x949\xb4\x90Z\xf5\xe5r\xb9&gt;\xf2\xb9s(\xa2\xbe\x03\xb8\\.\xdb\xdd\xf8\x1a\xc1\xcbeh\x8d\x9f\xfc\\\x8e\x0e\x80\xdfz\xfd\xe0\xca2\x0exE\xee\xe1\xb5\x04\xea\xd7\x90\x1c\xcf\x038\x02m\xb9\xc6\xf7\x00\xda\xc53?\xc4\x0c\xec\xcf\x8b\x11\x00\x00\xc0\xe7@\x16f.:\x87\xb0#\xc9\x0e\x83"Y\xc6\xb4t\x10\xa0~\xb9\xe8\xf8\xed\xd7\xcb\xe5\x82\xf5\xda\'\xde\xe6\x86 \xaa\xa4\x01\x80L\xd2RE\xeeZ\xd8\x01\x00\x9b\xe3\xf7\xba\x13\x05%\xe7\x15Ni\xd6\xce\x01\xc0\xe4\xb4O\x80\xab\x82\x85i\xdf\x03\xc8\xce\x11d\xda\\\xc2\x97\x15\xefo\xb5\x1cT\xf0\xday\xb5\xe2\xbfNZ*y]\xf6\xd7\xa8\x0c\xb3`qV\x8c!3A_sIM:?\xfbR\xb3?c\xbeLR\xc5\xd7\xf5\x96\xc2!@\xc9\x1c\xf1\xcd\xaf\xa1-q\x0e\xbf;\xa9\x81\x887\xf2\x84R\xd8S\xdf\xf8\\\x17a\r\x932\x89\x89E\xc5o{\x08\xe9p\x8cF\xd6o\xde\xf1I\xd6J\xa2%Dr\xf6\x0b\x006A\x94y\xbd\x81\xe9!\xb1mL\x19/JR\xa2\x87i\xdd\xa9eYh\n\\zn\xc0&gt;-\xc8\xb0\n\x96\xd9\x9a\x03\xc0\xe5r)M\xad\xcd\xca\xcf\x0e\xc8\x95\x80\xe0i\x8a\x95\xb2\x916\xea\x07\xac\x1e\x87\xa4\xc8\xfc\xd2kA\xf2]\'\xfbBP\x1f\xa2\xb5\xd3\x9a\xe8\xd8Ok\xd5X\x1b\xa6\xe3\xccHs:OR\xb4\xf0\x97\x83\xcf\xeb\xee\x90\x88;\x80\xf0\x1d\xa9R\xa4-\xeat\xac8\xbf\x96\x81E\xc1\xe7IQ\x1d\xa7\xc1rF\x8bx\xb4\xd2\xd7\x1e\xc3M\x002\xd8\xe5T!FK:\xff&lt;Z\xca\x02\xbb\x05\xf4\xccz\xe9\x87\xde\x19\xcc\x93\'H\xcb\x19\xadL`\xf8\xc4^\x94\xd7B\xfb\xb7\xa3\x9fAK\x08\x9ez\xf0g\x85\xd77\xd7\x02\xf1d+\xcaU\xab;\x80gF\xd7\xbc\xfeL\xeb\x0b\xdb\x01,ZQu\xd8\xb1\xce\x89\xf6\xb3\x92\xe9\xd2\\\xd5\xad\xf2\xd3Y\x16\x0bh\x9c\xbb\xbe\xde\x9f\xffk\x89\x96\xa7l\xe6\xaf\x81\x9e\x1e\xf0\xea\x93\xfcr\xbax\x10\xad\xd7xF\xf5\x1aO&lt;$\xc5\xd2\xd1\xc4\xe8&gt;,\xa66\xba\xef\xae\xbb"\x01q;\t\x19\x0fO\xb2\x03\xe8:\xc2\'\xd0_/\xbf\xd0\x9e\x06jI2\x00\xf4\x8b@\x87.\xb7\x0f\x03\x04\x9c\x8c\xabB\xbe}\xb6\x18\xcf\x85\'\t\x00K`\xe4DX\x9brk\xf2\xf4\x00\x1e\x00\xbe$j,\xb2\x87\xe5\x96r8\xc6\x92+\x8a\xda\x0c\x90\xeadXuw\xb2"\x1a\xcf\x8e\x88\xdd\xcftB\xd5\x82\xe5\xae\xf7e\xfcW\xf6\xd7\xa3\xa4g\xbfk\x19\x86\xe0\x88{\xb9\x19\xb7\x00\xec\x12\xb1\x91\x1b\x06-F\xdf\x0f\x82\xe5D\xf9\x01\xd4v\xd8_\x06ky"]Tg\x87\x92\xc6\x8e\x9f_\x80\xdb\xa4\r\xe3l\xdf\x8c\xcf\x01\xaa\x8a\x9fz\xd1*\x8d]\xcb\xa6\x9fjm\xe0\xca_K\x15tC"^\x0c}*\xac5\xd7\x0e\x07\x1b\xf0+gK\x90\x03%\'\xedW~\x1d\xf0k\x07\x1f\xdeL\x81\x05;\x85\xeaP\x12\xfc\xf7\'\xc6\xc8\xe3p8\xe6\xc0\x97xo\x00l\xc0\xd1\xf3`\xb7\x8b\xdc&gt;2\x12\x00\x8c\x88Q\xc5.\xe6\x1a\xe2"(%\x057S^d&gt;\x1c\\\xd8\x9fW#\x12\x0e\x16\xa37;\xe2\xf5S6Y]r\xeb`\t\x0f)\xf9"\xd8\xe5\xb2]\x08\xe5H\xd1M\xb5\x05.\x9eZ\x97O\x84\x91\x83\x82\xe6\x89\x1eV\t\xae\xc8Y~u\xed\x05oQ\x96\xa6+%\xfcw\xe5\xa2\xcf\x94\xaf)\xdc\xc8\xd6\x9aE\xa4\xec{\x80\x12"\xb9\xcfpbA\x9c\x8cu\xe7\xec\xa9`g\xdf\xd6"\xc4\xd0XeC]["\xc9\xf8\x02Q\xf8Y\x91{\xb4\xed\xe8\xb2\x07)\xb1\x1e\xc2\xc58\xea;\x00\x8a\x9ad\x7f\xee\x83\xdbE\x0c3\xab\xb8#\xd2!\xa6O\x90}[\x18\x1b\xe0\xf5\xaa\x92\xe5\xd0\xf4\xf3\x8djR\x10x\x99I\xe2\xd2\x9f\x81#\x1a\xb5\xcaB\x1b\xad\x87!+\xd6\xca\xd4Z\x06}"\x043f\'\xbdr\x84\xf8+\xc7\x7f\x0eJ\xc7\x90r\n\xfa\xcfE\xb1\xb4\xf1\xab\xef\x00:\x11G\x98\xf6fq\x1e`+\xb3\x83\x1e\'\xce\x8c\x1b\x85\xa3\x11fM(\x0e\xa2\x04A\x01\x8a\x0b&lt;\xba?*\x17+\xa1p?\x1fj$\xc9\xe0\xe80\x84\xe9\x87\xc0U\xde\xf6\rGK\x838\x11\xf1L\x11\xbb\x9dx\x89\xbea\xb6\x00f\xb1\xdb\x06}\xf6\x97\xb0\x92\xb3\x19s\xd7o\xfd\x9cMY"\x08Nk\xf7.\xc6\xcf\xd0\xac\xcd\xafn\x02;\x86c?\x84V\x845\xeb\xf3\xb3\xd8\x8a\xb0\xa6cc\xe2\x18\xc6\xf4\xe5\xb1\xcaT}h\xf2$\xfdbgWe\xca\xae\xf9\xf6\x90\xe4d\x98\xa5\xa5\xea\xd9rtWg\x88P\x8e3\xe2\x04\xd6\xd3\xe5\xfc#X`b\n!\x1e\xcf\x15\xa4\xcb\xf0jl\xe0HA-\x91I\x89\x8b\xdf\xd6\xbbk\xc8\xe0p8\xe2c\xb1-Y]\xa5E\xd4\x92\xf8\xfb\xba&lt;=\x1a\x9d/\xbc"y" \xd2"Agt=\x82\xf6\xc8\xa7\x83O\x99-@W\xd4O\xa1\xcb\x06\x9a\xcd\xfd-\xc0\x96430^\x03\xd6l`\x07\xc5&gt;\xc36I\xeac\xce\xbc\x1dKb\x8a\x19\xb5\xa6`\xb5\xfb\xf2\xd5\x00\x80\xbej\x11\xcda\x1d-\xd3\x9bz\xe1\x16F^&lt;t8\xea@.b\x17\xda\x17}\xbf\xaf\xa8\'\xc7\x00\x03\x00\xf8\x93\xbdYtEW\x05\xf9\x02\xac\xe395\xa4\xf8\x9d\x1a\x9b\xf5\x1f\x87\x0c\xcf3\x8b\xa9\xc5\x12m\x98ra\x89!\x06\xb7\xc3) \xff\x93\x9bP\xee\x0cC\xfe\xf6\xe19\x80\xa8\x91K\xe7X\xc4\xc9\xff|\x8b\x16;\x87\x00\xa9WR\xff\x8d\x9d+\x8bF\xb2\xcf\xb3~\x01\x86\xfe\xe1\xdb\x85W\x9f\xd9\xd4\xd2\xa4PsP\xba\x03zl\xf3Y\x83\xa5rl\x85\xf3y\xfc\xa8f\xfcr\x9b\xb2\x92\xecx\x95\xccF\xa4\xf0\xdca\x08o\x9d-\x80\x1d\xe0\x01\xe0z\xa2\x80T\x9cJ\x0b\xc0\xd1\x08\xc4\xfb\xef\xff\xed\xe7e\xe8\xb3,\xb9\xd3Y\xbbnP=\x91\xcaR\xc8?$0%6 vo\x9c\x92%\x96\x0f\xe9\xe7\xa0-\xc7\xc0\x17\x8fb\x14/\xa4&gt;\xf4\xe9\xda\xa67\xbb\xb7\x84\xeb\xbf\x83\x97\x97\xf0_\x97\xcb\x05~\xe0\xd0\x97\xfa\x17\xcci\xcd\x9e\x16\x8f\x1a\xc3\xe5\x12\xcfZ\xf2#\xcf\xe3\x84\t\x18\xdf^\xc5\x8f[\xc3\x12\x00\xa4&amp;\x94(\xa0\xf0\xfb\xe4\x90\xfc}\x95Z\x17-\xec\xf4\x1b\xd9\x84\xdd\xc9\xab\xb5\x8d\xa5c]\x84)!\xd6\xacF\xa4\x828\xffr\xf7\xdd\x17i\xfa\x9f\xf5\xab\xc5}\x1b\x85\x05S\x9e\xad-\xd8\x00|\xd3.*\x1e$\xc4\\p\x9a\xbdw\x00\xba\xa0o\\\xce\t\xd8\xb6\x0fz\xda\xc1\xe70@\x119\xb7\xff\xe0~\xd6\xb9\xa8~I\x82\xf5\\\x05\xa9\xebO\x1a\x1c\x9a\x05-\xfbJ%x\xb5\x05\xcew\xbf\xa0\\u\xc6\xf0\x1d\xc9\x93\xda\xe8\x10\x17O\xf1\xfe\x14\x94f\xa4\x87\xd6\x8f\x81\xff\x9cKO\xe7GB\x14\xc4\xe0\xb6?\xeb|l\xdb\xb6m\xf0\xc7\xe4\x17C\x8d\xeb\xe5\xd73\xdb\xcf:\xde\x8c&lt;{.\x00\x14C5\x8f\x17O0\xe4\x15/6\x10\x92q\xb2Xd\x9aT:5.\x9f=D\x98\x13:\x19\xca\x88N7\xe8\xa7\xc0*\xc6\xdaIL\xdd\xe1g={\xc4!\r\x00\xd1)\xbdL\xa01\xb3\xb8\x8a\xb5\xcc\x85q-\x11\x0e\x813\x97\x97\xb1\xf6o\xbf\xb6)Q\xa3\x08\xe5p\xa0\xe8t\n\xd8\xf5t\x11n7\xf4\x1f\x9fK\xedByd\x02e{A\xe9N\x8etU*\xaaK\xffJ\x85:\xc1\xf2\xa5&amp;\x1cv\xfe\xact\x16\xf5\x00\xc0\x1d\xc0\x8bpj,Z\xdb\xb6m\xdb\x87\xf1\xbb\x9c\x18]#\xa8qc\x1d\x89\xaey[\xa4\xe7\xf0\x9f\xfd\xa6\xe0\x92\xbb\xe7s\xfd?:KY!\x88B\x97\xce\x8eHP7\xf5\xbe\xce\x0b\xa2(\xe3\x99\xfe2\xf8\x1b\xc9\x93\xf8\xa0\xe6\xb95\xddo\xec-\x8a5&gt;#\xb3\xc4c\xd5\xf7\xcf|H\xa8\x81\xd29J\xa9e\t_\xa7&amp;\x91c\xdb\xb6\xb1\xab+]$\xbej"LQ\xc7`\x96\xd5\x9b$\xc5\x8e\xcd\x97 \xb9\xec\xe2s\xe0\x9c&lt;[p\xaf\xc6\x1a\x8c\x84%\x96\x0c\x14\x89\xeb\r\x98\x03\xb7\xa0\xa5\x93\x03I\xa4\\\xfb;\xae\x1ar\x85X\x00\x907\x01\x0b\xcd\xd7\x98\x80\x90FJ\xb1;\x96\xddD\x12\x0c\xb3x\xd5\xd8F\x10m\xc5\xff\x88^\xb5\x1ev\xbd\xbd\xf4|]\x15\xaf*\xf7\xb3\x82\x9d\x8d\x12\xbc\xff\xc2\xd6Ks\xb5#\xff\x8eSE\xdbcd\x18\xc2e\x10B\x13NU\x0b\xc9\x8f\xcc(s\x0f\xb9\xe4\xa6v\xe9\x00P\x08i\x9f\x1b?Q\xa2\xbc(2\x93&gt;E\x0e\x11J\x9b\x00\x08\xde\x0e\x16f\x18\xbb\xa2\x18\x9467\x87#\xa2\x0f\xf0m\x92~5\xb2\x1dh.\x80(\x00d\xdf&gt;\xfe\xd9K\x86\xbc\xa3G\x02\x83Y\x08\xa4\x95\x1f\xcf\xae\xa3\x16]\x98\x1axh\xa5S\xcc\x15\xb6\r~\xd0\xca\x05\n\xa2\x14-\x95L\xbc\xe3\x98r\x05E\x92\xa7\x06K1a95~\x95\x89\n\x8b\x85\x04\x9bp\x05ja-[\x8cS\xba\xdd\x97Q\xbb\xd7\xe9\x93\xe8\xf4\xd9\xaf\xf4\x98\x8a\xcfo\xe6b\xd4&lt;\xec\xb8\xd1\xe8&lt;\xed\xf0*}bV\xa1\xf6\x80(j\xda\xed\xc9\x96\xbe6\xcc\xf5\xdc\x08U,S89\x96P\xa9\xd3S\xfe1\x1e-\x93\xa7\xf6g\xaa\x0c\x0b\x12G\x99\x88\x9d\x80\x94\xc5x\xc9\xc0\xe4\xcfy\xa6\xf18i\x10?\xf9\xd5\xe5\xee\xea\xc0\xc9[60\x83\xc8z\xba\xaa\x0e\x19\x01@{:~\xa7.92L{\xae\x14\xc5+MC\xa5\xc8\xb8\x92\xb91\xa0\x92ht\x10\x0c\xa1\xf9\xf6f\n\xcf\t\\\x1d\xa1\x81QT\xd7\xa8\xdc\xb9i\xcd\xc8Z\xb9l\x98\xcb\xd9\xeeI\x96\x1bk\x14]\xc7\xdc\x8f\xb8\xcd\xf4y-\xf4\x98\x1c\x19\xc9u\xaf\xf7\xd94B\xe2\xea\xd0Z\x9e\x14*oQ\xe1\xd4\x8cj\x021H\x8e\xaeHk/\x13\x85\xe9\x87\xeca\x97\x0c\xafo\x16f\x18\x14g\x13\'\xf5\x0eZlh\xecV\x07\xf7ZDWv\x9f\xd8L_\x86\x01S\\e\xc0ux\xec#\xdf\xdc\xd7\xc2\xed\x02\xe0\xb3\xcf\x1b\x02\xc6\xe1\xfbg\x0b\xb0-ds&amp;\x91\xd5\x1e\xf5NK\xb5,\xde?\xcf\x02\xab?8\xa1\x0e\xe4\x9eHI\x01\x91S\x1e\xaf+\xebSs\xe2}\xc0`L8+V\xed\xd8h\x06\x03\xcc\xc8\x8e\xa5\xd2\xaf&lt;nz\x86\x810\x05\xa5\xaa\x1d\xc6\x02^\x977\x1b\x05\xb6\x0c\xf0\xb6S\xc0\xf8\xd2\x19\xc0G\x89$r$\x90;\xa6\xe1\x87\xb1\x8d0(\x12\x11\x1f\x9d&lt;\x99vb\xd9\xa1\xa5C\x86e\xcdY\x8e\xe7\x1b\xb1apS\xbc\x89\xdf\x0c\xb8m-\xe1%\x93\xf8?dX\x85\xac#\x85\xb5{\x16so\x03N$\x88t\x0b\xef\xbf\xca\x0e\x17\x97YPs\x05\xbd_\x06\x9d(\x02\x03W9\x85\xdf\x97\x99\xab\xe7\x81\x17&lt;\x1c),\x9bxs\x19\xb0\x89\xdd\xe4\xbb\xe0-}\r\xcf)\x03\'\x19\x86y\x1c\xf2\x88\x82\xda\xad\xcd\x84\xdb\x06\x11x\xa5\xbe\xda\xa6+H_\x80 _eyZ\x93H\x87\xbd\xfcI\xea\xdc\xef\xad8R\x94\xe6\xc2\xe7\xc8,\x8cL\x0c\xfd\x80\x1a\xab{&lt;\x8a\x1e\xbf\xd7\xb8\xc5\xa5\xf5\x99{y\xb6\x97\xe0\xbe\x06;\xa2w\xe1\xb2\x94q[C\xfb\x9d\x1c\xecm\x0bi3 e\xa9\x06d\x18\x80H\x8c\xaa\xed|l7I\xfaa\x1f\x14$O\xc6\xa3\x94-/\xe1[\x1c\x8e\xbe\x9e\xcb\x17\xc1\x0e\xf7\x08Y\xac[\xee?\xd0\xf1mz\x84\xe7\x1d\xb9\r\x18q\xeb\x13\xbe\x12\xa1u\xb2\xdd\xfb\x17\xeb\xbaR\x1f\x05\xae\xfb\x86{\xafm\x05\r(\xde-\xb4?Xe\x8b\xcf\x1e\x8f\xc8\x88\xa4_\xa2A\xac\xae\xeb\xb2\xe5\xd9\xfa)n\xf84\xc2\x86\x14\x12\x18Q \x17\xd7\xaf;}\xc0\x04\xa6K\xaak[Y\xf2V\xa4\xd3F\xb9\xdc*\xde\xb2\xf5\x0e0\x8eN\x80\xc2\xe7\xc7\xc3\xb2I\xf8\x85\x82\x16\x08\x147\xf1\x0b1\xe7\x03E\x99\'1\xef\xe8\xf2\x0fr\x17\xc8\xc2\x92\x86O\x9e\xcb\x7f\x1a\xfa)\x1e\xbb\xb3\xa8\xf8\xd3r\xc9\x07\x9b\x80\x9eWGp\xa6cyV@\x94\x86x\x08okld,*6\x1b\xc4\x00\xb0u6S\xaa\xcdq\x7f\x9f\xef\xe5\x9c\xc6\xc7\xeb\xf9\xe7FX\x96\xcd7(o\x13\xc5\xec\xb0\x06\x06\x9c`\xd7\x9bW\xfd\xf8\x1adtc7\x92\x99C\x8c\x85\xd6^WQ\xffA?\xd2&amp;\xd1\x9e{\xce\xdf\x15\x06\x98.\t\xfd\x02\xbe\xacc#\xd6M\xc6\xd5!\x0f\xd5\xbarL\xc4g\x1d\xffY\xb96\x1e\xbc\xfd\x16B\xfbY\xe8\'\x95\xc5\xd1v\x03=\x18\xef!D\xc5\xb9\xd84*:B%\xa4cy|;\xa9\xf0\xaa\x91u\xf1UiC\xdf\xc8\xb2\x03\xce\xbdA\xb1e\xdeti`\x9d_\x1b\xef\x18\x00\xae\xce\xae\x13\xf5\xb1\x90\x9c1\x16/_1\xaf\x03\xa2m\x8b\x87Ot\x06f\x90\xc6\xc55\xc7\xb1\x18:)\x99]y\xee!\xc4\x14\xe0\xa7\x02\xf6\xa1%y\x8f\xf1\xaf\xaa\xd3\x00\xdcS\x93\xeat\xacki)\x1a\x17N\xd8y_\x84\x8aK\x11\'5\xe5 0\xcfQ\xd0\xe5\x9f\xea\xd0y\xf4\xd5\x18\xf5\xa7\xb7\x93\x18\x0f\xf8\x83\xdb\xb6\xf2\xb2\\T\xf05\xa5vhB\xd7\x06\x1e\xc5\xba`I\xbc\xbb*\x0b1\x06\xa4\x98`\xc0\x15\xcc\xe6\xbfm[N\x11\xe1?\xb3".\xbd\x03X\x0e\x91\xa2\x8dh~\xa12 \x17\xe7\x1c\xd5\x11\xaf\xd8\xb6m\xac\x07\xe4\xb2\xea\xe7d\xcej\xb7Bdo  \xc7S\xfd\xc4\xf0\x89\xc9\xa2Q3}OA\x0c_s\x94\xb1\x10\x8bU\xbdDk\x10\xb2\x9a\xcf\x8eo\xce\xf6*1*V\x90\xca\'=\xfb\xa9\x89I\xad\x96\xc4\x1e/I\x13\xd2\xb9\xa9V\xf9g\x8d1\x92\n\xb6\xed\xdd\xa2\x06\x83\x05\x1a\x85\xb9\xe3\xc2|\x84\xd8\xcf\xd6\xee\x98\xddS\x10\x01\xed9\xb8/\x9aoeu\xe9\'O\x86\xdd\xf7\x1d7\xf7\xcd\xccS\n\x00\x7f\xfd:u\xbb\xef\x0e^\x15\x8f\x10\xf0\xd3\x05\xf5$T\x91^Jj\xbd\x00\xb01\x871q\x84%\xc6\xd9ML_Q\xf8\xa0\x8b\xd4\xe5x\xd9\xcc\t\x1e\x91\xfb}\xf1\x7f\xe3@q4._r\xdc\x15\xa5\xa5\xd6.\xbc\x92\xd3i\x00\xd2\x14\xed\x10o\x1eu\x056es\xab9\x8fE\xc4\xcc\x01&gt;b\xb6\x04Rd\r;\xde\xd3\xd8\x98\x9b\xf8\xac\xe5\x9f\x91\x9a=\'\xc4\x1b\x8b\xe9W;\xb8\x9e\x16\xdfE5\xfa\xed~N\x1f\xbe\xf8\xf8\xcfm\x837?\x8a\x07\xf4\\\x8d\xcan`-\xfa\xe9PUn\xff\xec\xa1;$W\xc7\xa0j\xcfr\xfa\x8d~\x8a8\x1b\xc3\xe6\xec_\x1d\xc5\x08\x07Q/H\x9d\xba]c\x11\x1d\xad\xa0\xd2N$\xa5C\x19\xf11\xa3\x0f\xc6\x95\xad\x1ct\xdek\x0e\xf0B,+X\xdd+\xde\xd0\xc3\xc1\xf5@U\x06\xad\xe9\x00\x14\xf5\xee:RH \xb6H\xc9\xc6\\\xc6I\x83u\'\xb4\x07\x00\x80G%\xe4JMep\x8dr\xed\xdds\x01\x80C\x87)U\x14&lt;\x18\x9c\xfa\x80\xb4x\r\xc8\xe9\x98_\x9bN\xbd~5\x0c\xec\xcf^\xa9.\x0f\xcd\xdb\x9a\xb2\xddN\xc2t\x1d\xa3^\xa2\xadB&amp;$hb\xd4i\xfc\xd0\x14\x03\xd9=\x08\xa8\rY\x0b\x8f\xc8\xca\xe4hj\xa9n\x9b1\x81\xd2\xd3$6\x05q"\\s\xf4\xac\xad\x80\n,\xcd\xcc\xf9\xb1k[}~M-1:\xfe\xbb\xc7\x81|}\x00\xc7\x94_\xe2\x16\xc3\x12S\xa5\xa5^M\xe97K:J\xd8\xd9\xfd\xea\xaf\xd6\x1eS\x0b#=l\xca\x17\xe7n!\x00T\x96\x07\xa7\xf1B\xb8\xfa\x14-\xfc"\xc2\xe8\x1f\'\xb5\xef\xe6\x05\xd29\x8b\xc7X\x93(\xd4Y\xf0\xe4\xd7]&amp;\xca\xbb\x8d\xe6l=\x7f\x8c\xa4\xc7\xd4\x10\xaeb\xcf\x95~\x0c\xefj\x91\'mI\xa5\xac!\xde\xa2P\xf7}\x8f}w@\x994keRt\xa6[\xe2m_@$\xb18\x14]\xb9\x80Tv/~\xff \x91\x81\xdd\xe7I\x90U\xcc_\xab58\x07\xb2\x01 \x9f\x80\x8f\xdd\x04\x08@\x91\r\xdb\xe5(\x89\xf1\xc1Jt\xac\xc1\xf2\xd4Gh\x11\xf5j\xe4\x9fq\xfcg\xbb&lt;\xba\xba3uB\xb0\x90a\xdc\xd0\xe8)(\xf8\xd5-\x9dQ1\x94-)\x87\xac\x00\xd9S\x8aa3\xffJZ\xd6\xa3"\x0f\xdc\xeb\xbf\x1a\xc4\xc6\x81d\xd5\xffY\xab\x8a\x96S\xcb\x00\x1c\xb7J\xd9\xbb\x12\xfa\x99\x93nm\x90\xc7z\xdb\xb6m\xfb\x80\xdcC\xac\x97\x1d\xcbiM\x15\'_\xd7\xd1\xa5\x86\x05\x80dg\x90\xb7c;3+\xc6\t\x86@A:\xbf\xef\xb2m[\xb2\x98G\t\xf3+^Ao\xdcQ\x10M\x18\xdf%\xa7\xa8\n\x8cT\xa2V\xc5\xe0\x01X\xd0VI\x06&lt;\xfd\xdf\x02\xfb(5h\x92JD\xad\x9ek\xf4\xe1K\xa7?\x1dW\t\xabKW} ,\x82p\xfcM4\x990\xa3\xd7\xf2$\xdf\xd7\x8fkuD\xf6\xad\x9d\x8d\x96!\x85\xe9\xb0\x8a0\x1c\xd6\xff\xa4\x03\xcdz\x00\xb8}(\x0fy\xb0"zo\xceH\x1b\xc4v67^J\x84z\xa2=\xec\x13\xbb[PFn\t\x1c&gt;C\xf2[\x9e\xb7;#e\nU\x16-\xe2\xa9`\x89\xe8\xab\x86\xacAw\x8c\xb1\xdd(\xb7\xa3\x1a\x00\x82\x96\xcb\xcew\x19\xbdG4\xb7 \xa0\xc5:\xb4\x8ej\xb9\xc0r\r\xa4\xc5\xcdQ\x06~eag\xf0\xc4\x89\xc0\x1be\x89\x84y\xe1zH-\x94e\xb5f\xed[\x06r\x008\xd5\xa8\xb7}\xe0\x8dD\x08\\\xda8P\x91\xc9i\x14\x03\x00G\x8c\xaeCf\xac\xd3r\xc9K&amp;\xa0`\\\x94\x0e,\xb2F\xe2+}\xbbc\x11\x8d[\xb0\x85\xc6L\xaaf\xd0\xbc\xff\xf4Q\xf7H:8Q_\x8fk\x9e~+\x831\xf3\xc3er\x82\r\x90\x90{\xff\xec\xf8}\xaf\x8c\x86e\x18RF\xd3]G\x8c\\\x99\x8f\xea\xe1,\xb8B:\x88\x92"1\x00\xbe\x83:\xe4\xb0&gt;\xc0=\x0c\xb4\x80\xd2V\x17I${s\xb7\x03\xe3\xe2\xe9\xa2:\xd8veh\xed\x93F\xba#\x95\xa3S\x13\x00\x00\xf8-\xe5W\xb4b\xdfi\x10\xee\x8b!\x07\x195F\x17b\xa5\xf2\x97\xe9\xd3\x94a\xd7J\x8b1PG-\xa3^a\xdd\x81\xe8\x89\xf0\xf1\xdb\xb6\xf5,\xeei\xed\xa2\xb2\x8b\xf4\x9e\xb2\xfcQtC\xcf\x94\xa0,X)m\xd2a`\x10\xe1\x98\xf70^\x8a\xe7\x8c\xcai\xff\xd3H\xfa\xab\xdd\xbb\xd5\xc9\xb6IE\x01\xb2\x95.\x05\xa8\xfd1\xc0/\t9\xa2)\xff\x12\xf6\x8d\x88(\x93\xff=\xc5\xa2L\xc5\xac\xa9\xaa\x9c\xacJi\x96\xaa\x17\xe1?\xa9\xd4\xd0\x86\xa4rH\x81\xe9\x12\x0b\x84[\xa601\xa4\xac\x14\xb4\xfa\xccJ\x1b\x17k\x92\xee\xf2\xc8t8f4\x8a\xf3\x1b\x12\xeaF\xf6\xf8\xca\xd8\x94\xa7\xe2\x04Y\x05ig\\\t\x00\xcc\x83_z\xe3l\xf7o\xcf\xd1)n,\xe6E\xcd\xa1`\x84\xca\xb7aD\xfa\x15=\xb6\x06\xc7=rE\x11\xb7\x17\x8f%\xc4\xf8+\xe2\x9a\xc0\x95\x89\xdb}!\xf9\xfaP%\xd1\x14\xd0i\xc6\x83=.\xa7W\x8eN\x0f\t\xf1\x8d\x8en\x95\x06\xa9\x8b&gt;\x85\xc7l\x06\x00\xc0/\xcc\x16b\xc7\x97s\x1a\x97\x92\x17z\xb4\x14n\xfa\n6\xfc)"j#Q\xac\xdb\x0c\x95\xe2\x80\xcfB\xdf\x86+\xbb}N\xad\xa5\xb4-\xe0\x8eEv\xc2\xd9\xe5\xb4\xa3\x03\xcd&lt;\xa3\xa5v\xd8\x0e*"__h\x03\x940`6\x91\xefg\xbb`\xe9\xbbc\xaca\xb6\x8b=\x8bB\x97,\x9b\x1b\x00\xca\x99\xf2\x18\xb4\xf0\x15\'j\x8d\r\xce\x87\xec\x90\x9fP\x0f7X.\x1f7\xa2x\x06\xde\xdf\x05\xec\x05\nU\x9a\xeb\x99\xe9\x14qa\xdb\xe0\x9d\n\xafX5\xee\x86\xbe-|\xa3\x8e\xa9\x18D\xf3\xdd[5\x17\xeb\xdf\x9f\xceKD\x7fPH\x06\xfe_F\x9b\x89QJ\xd1,G\xf6@\x8f\xbc\xc9\xb8nu\tN\xb4\xf7e\x16[\r\x8d\x8e\x83Z\xbbK~K9\x9f\xc1\x88\xe5\xe8\tVLrd\x10\xdf@\xc8\xb6\xd1g\xda\x12\xba\x87\\\xb8\x14%\x08\x00\xf0\xdd\x84\x13BH&gt;\xcc\x82Fqf\x03\xf8B\x15a\x9e\x10\x8a\xd7c\x14a\xdfc\xa6\x97\xb3U\xca\x8c8\x91jq{\xc5\xed\xf2\x06/;\xfe3{ia\xffp-\xf1KS\xc2\x03\x1d\xdb\x8a\x12\x06\x80{_./.#u\x84S\xc3\xeb\xa8Z\xe0\x8e\xa2\xbbL\x9fJ\x92\xec\x17~\xe6\xcf\x8ec\x07\xfc\x1b\x85\xe7&gt;M\x8a\xe8t\x9f\xac\x05\xe3\x99\xde\\@\xc2v\xa4 \x8a\xbc\xae\xf3\xd6c3\xd7ujZ\xe8/\xea\x14\x06mp\xfbsiD\xbe\x1aQ8h\x19\x89\xc8&amp;a\xdb\xde{\xdb\xdea\xa2@#A\\\x8f].`\xa8S\x14\xe1-\x1dhf\xdd\x1cW\x85\xf8!p?Omd^RL+\xa1\x10\x9e\x9c\x15\x14#\xab\xd6R\xb8\x1c\xf5\x88=7\xc4\'*\x19\x8b7&lt;+F\x8e\xa0#1\xea\xcb&amp;\xd7"\xa7\xf9?\x9c\xed\xfe\xa7\x9b\xae\x85`\xaf\xa6\xcf\xf5\xb1\x16\\k\xdc\x81\xa9.\xa2\xecr\xd0\xdd\x81D\x86Y{n]j\xd3\x8d\xd3:\x88\n\xca\xfb}(\xa4\xaeI\xfb?+\x96\xefD@\x16so#\r\xeb?\xf4%1\xc6\xb9\x03\xbc\x9c\xd0\x86.\xf3\xebNV\xb8\xef=\x96\xc2\xd2.\x18jp\xcbS\x90/\xaaD\x95\x94&amp;\xa5\x19\x8f\x85\xb8\xa7\x1e\x05[()\xf3l\xe3\x14\x81\xae\x04\x81\xba\xe2\xd4LD6\x0c\xd3\xcayV\xe7\xf62\xa8\x8c\xb1\x91F\xa7\xad\x86\x91\xfd\xeb\x89A\xd1p5\xb0\xd9\xbf\xe7"\xc1\xff6[\x00\x19\xc2\xaaH\xa7\xf5\xf3\xc8\x8cd\xd4Q\x9a\xf5\x96\xb5\xb7\x885\x8e\xb4S\xcb\'\xc6%\x82\x8a\xd4Td\xb0 \x92\x18K\x0b\x1f"\x13\x00\xda\xae\x90\x9a\x00\xbew\x86;\x84\xc4\xb5n\n\x92x\xf5:\x85\x96\x91\x9dk\xf7\xe2Y\xd3\x0cf\xdc\xf6 \xb9p\xbc\x84\x7fi\xdf\x05\xde\x1e\xea]\xbd\xcd?\x7f\x95\xbe&gt;\xa9\x05\xe7{c\x80w\xdd;v\xf2\xa1*4I\x9b\x06~\x97A\x00\xf8\x91\xd9"\xb0\xc1\xa8\xba\xe8)\xfa\x1bF\x14ds\x0f\x8b\x8d\xeb\x9e],\xee\x80l\xfd\xf6\x01\x11\xa0\x1f{G\r$\xeb\xea\x7f&gt;q\x0b\x06"\x01\x04~9\xe6\xceL{\xf1\xed\x1a\x00\xbc\x89#\xdb\x08 c\xdc\xff\xeaT\x8b\x13\x11\x0b&amp;F\xac\xf4n\\z\x9c&gt;\xb1e\xe8L\xbf\x99\xc2\xbb#\xc4\x05\xf4\xd3^\x00\x00\xf0*\x89p\xc6\x90j\xa3\xea\xdd\xb4\x82tJ\x02\x02U\x87,B\x8e\x8a)\x82x(b\x13\xfa.\x02\xa9h\xb0l\xe1j+\x14&gt;P@\xb2\x03JR\xee\xdb.#\xb1\x8a\x8e~\x8e\x91b\x10f\x03\x00\xd2&lt;\xbb\x07\x8f\x0b\x0c\xbe\x00\x00 \x00IDAT\xec\xbd\t(\x01 cr\x9d\x0e\xb1u\x81[\x05\xf1\x18i&lt;\xf0y\xceE\xdc80\xa8I\xa2H\x8ai\xbd\x8f\xa5\xbd\x07\xa4|T\xd8\xf6ft\x9ak`\xcer_\x10\xd5\xf2\xf4\x185rg\x0b\x89\xe5-\xf1\xcc\xad\xc6\x14\xde\x91\xd9\xfe\xaf1g\xb0\xc7\x0e@\x0b\xa5\xcd\n\xbd\xef\xc3\xfb\x03\x00\xc0\x9f\xb8\xbd\xda\xe0_\x8a\xc9\xca\x94f\x1a\x8d3\xdau\x90\xc4x\xab+\x03\xfc\x94"1\xb5\xe3\xa6\xf1\xeb.\xc9\x01\xa3\xb7\xaf\x8d\x16^\xb6\x97\x8c)Z\xa2m!\xcf\x13c\x08#9\xaf\xe8\x80\x94n"-cC\xb8\xa4\x8ex\x1f]\xbf\xdd\x03\x17\x91\xf4P@\xd8\xe0\xd0\x9d\xc9+K\xc4\x16\x1a\x1dK\xdf\x00@9\xcf\xd1p\x8d\xfdFA\x17\x0e\xcb\xc7\t\xfb\x8f\xde\x80\xe4\x9fYy\x86E\xaa\xce\x07!\xbf\x01\x9f\x8e\x9e\xac\xa9\xe4\x93\x08="M r\xd9_\xffd\x85\x1ai\xaf\xd9{\\H\x00(\xb5\xe9\'\xccb\xe8\xa1\x0b.ES\x9e1\xd3@*\x9d\xe2\xb8\xda\xad6\xebn\xaa\xcd:\x01\xe0Q\xc2\xeeb\x81+\xac\xf1C\xa2:2\xf4\xa2[C.)\xa2\xd8\x83\x03\x00\xdc\xb7,\x14\xbf\xbf\x80\xadT!\x1e\x03\xb1#\x9d\xfar\xda\xfc\x9cn)\xa1\xea\xe1\x98\xb2b\xab\x04\x1b\x99M\x0e\xeaS\x0b\x9b\xb25e-3\xa5\xa6\xf6\\\xb2\xe9\x93\xff\x81I\xa2,L\xf2\x90\x94\xf8\xef\xcfM\xe9\xbf\x0b\x8c\x8fpz\x9d\x04\x07\xc0K\x87p)l`\xb9tj\\L\xa9\xda\x90(((z[e,\x11\xb8\xf6p\xd8\xc1\x00\x10s\x94L\x00\xd0\xb0\xc3C\xd6\x9f&lt;\xa7oS2QDOH5\x98\x12F\x06\xadYo\'\xd2\x15\x02\t%\xbe\xbe|\xef\r\xe3BLT\x95\x94\x8c\x9f\x0c[\x0bH%\xd8\x97r\x96\x80Q&lt;\x98"@1y:\xbe*\tG\x0c\x12B\xf9\x14\xc1\x12\xc2\xd4\xa8\x04\xf1\xbfS\xcaPd\x97q\xa6\xca\xda\xee\rb\xca\xb3\xbf\x1f#3\x16\x00\x06\xb0gb\xe4&lt;\xca\x12\xe7\x16j2\xd03\x86\xf6pN)@e\xf9\x96\xe49&gt;\xd94d\\\x04\x941\xea\xea\x81\xe71UY\xb7#\xb5\nJ\xee`\r\xa1u\xdf\xb6\xc6hce\xee\xc9\x87\x89\x80\xe0\xbf\x8c^\xf3R\xa2R3\xf5s \xcb\xc8\x0e\x94\xe4\xca\x82\x92\xcf\xc3\xd1\xf3\xe9,\x06dS\xd3h3T\x03]$\x9e\x86\x06\x91\xf5\xec\xd91\x88\x87\x06\xbaG\xc1\xac\xc6}\x8e\xb6\x88\x8b\xf0\xf8\xcf[\xc7\xae\x06\x02\x7f\xbc^\x9f\xa1\xe6\xb0*\x02Q\x18\xe5|z\xa6d\xf1\xc07\x1cZ\x16&gt;\x8f\x01q\xc9\x97\xda\x10\xfb\n"w\x08f\xef5\xf1\xbd\xa86{k\xe1\xaa\xe6\xaa\xba\xf1\x0c\x14\xd9\xbb)\xfb/\x11\xc1\xfa\x86\x14\xeb\xcb\xe5&amp;\xc4\x1b\x07\xf1a \xda\x88\x00\xc0/\xa1m\xda\xd9\xed\x9f\xbf\x90\xdeK\xb5\xb2_2Z\x16\x87\x94\x02\x00\xa4\xbf\xff\xf8\xbff\xfb\xd2\xd9\xdc\xdb\xcb\xf3\x1bK\xe5\xe5\x1c\xeb\x83\x00\x00\x00\xf0b\xe2xW\n\x1e\xf8\x12\xea:\x8eL\x81^\x97\xbe\xde4\x84\xa5\x00\x00\x80\xff\x88\'F1\x91A9\xca\xa4\x1f\x90\xba\xc0m\xe5\xbf\x97\xb8;\x8e\x1f\xa3\x93R\x0c\x00\xe2\x8e\xb2\xb3\xfa&gt;\xd3\x14y\xa8N\x96\x10\xed0\x04\xec\xc4\t_\x95\xac~\xcew\xfb\xb0}\xfc\xf1\xc9S\xa0\xfb\xd6;JU8\xecH\x97U\x8e\xedU\xb2\x950M\xa3\xd7\xb8\xe2\'\xc1\x7f\xf3]x\x02\x86\xbc\xdeM\xda\xb5J\xf9\x9e\r\x05\x0f\x7fU\'f4\x00\xc0\xf7(E\xfa\x1f\xe60\xad\xf8/b\x81\xe2M\xc1gx%\xca\xee\xfa\xa1\xf0\xb6 [Kz\xfe.q\xf2\x9b\xdfd\xcb\x88W\xd1i\xab\xad\x88g\x89\x01\xdd2\x95:\x8b\x16\xbe\xbd\xef\xa8\xec\x11\xa0%\xa2\x94z&gt;U\x86qE\xfb\x90\xdbU\xc6\x95Ae\x9a\x88\x85\xf8\x92\xb1\x95\x1e\x86\x1d\x85\x82}d&amp;\xcd\x87m\x03\xf8s]\xed\xf3\xc6\x08H\x13\x1am&gt;\xb4\x8a3O\xb8\x00\x8b\xb0\xa0\x89\x96\xf9\xf8\x92\xdc\x10\xbe\xb6E\x9a;\xe8R\xf5\x08\xa1S\xe6E\x85ig\xf7\x81\xbe\xc5:\xb2gI77\xc2iU7\x1c\x8a:\x05x\xed\xf8h*\xee\xbeWe\t4\x1b\x04\xaaP\xae\x90^;\xa2\xf4&gt;\x06\xe8\xbe\xc3\xe8I\x87R\x08\x1aY\\\x1e\x0cA\xb2\xd9oHq9Q[{\xc1\xb6\xaf\xc8"\xe5IU\x0b\'\xf3\xcdt\xdf\xb6?_k\xc0\xd2\xc7\\\xcb+)\xadE\xaa\xa0\xa2\xc5\xe0(ni}\xe9\xdaA\xa4\xd0\x7f\x7f\x96\x1c\x01\xe6f\xf7\x021\xbaB\xa5\xe4-k\xcc\x02=\x00\x98Pk\x80C\xe1&gt;\xf9\xa0@\xbf\x96i\xa5/v\x81\x04B\xe4+\xba\\;\xf9\xb6X\x92\x9d\x0eK\x80\xd4v\xdbw\'\xf4m\xc7\xdaP\xa8\xcc\x92\xd3\x9f|~\xcd\xe7\xf8GpF\xb8\x0cm\xe7NHM\xbf\xc7\xaaF@\xe7A\x11g\xbc\xa1\x13\xf7\xd4\xc0\xd9\x82(\xc6\xb01h\xb4\xc6\xe4U\x9b4L(\xd6\xc7\xb2\xa4p\xfa\x00\x87\x1bj\xd9\xcc\x80[eJ\xa9\x81\xc8AY\xc4\xc4aT\x8a\'\xaae\xd6\xed\x1ei\x10O\xad\xc8\x8b\x8e\xf1\\+\x810\xf8\xbc\xe5\xd4\x92I\x18Y\xdc\x95\x12\x0b\xbc\x1a\x93v\xc9g\xa6#\xaf\x8e\x10\x03\x1bd\x1ev\x85\xf6:S\xde\xbe\xd08\x1e\xb8\x1f7\x01\xd9\xf6&amp;\xb6\xad\xe6\xf0yc\xd9U\xf5J\x8f\x01v\xdc(]`\xe4\xf2\x9f\x16\xb8\xa6\x9b\xae\x9c0\x1e\x0c\xda\xc1$\xf7O\xb2\r\xfeQa\x83\x1fW\x00\x94\x0e$\xdbG.\x93\x84\xb1\x8d\x96\x8eT|x~&gt;\xa4IO\xd3\xc1C\xb3&lt;v\xa156N\xbd"Z\xd8\x1f\x8b7\x96\x9d\xc8q+\x86\x8f$\xf4\xbe\x08\xe9\xcb\x895vuc\xca\xe8\x87"\xc6\xbcl(\xad\xa4\xa9o\xc3\xf7\xf2n\xcex\xee\xc5tU\x8eZh\x99\x97b*\xa3AD\x0b\x94\r\\C\x08,\x1a\xf6\xebd\x14\xb7m\xdb\xb6\x9fm\xe8k\x1d\x00?\xafD\x87\x9a\xe0\xdc&gt;\xf0\xfb\x8a\xdbo\xdb\x06\xf0\x87\xaa4\xc3\xac\x81T\x8b\xa83\xe5\x15=\x1f\xcd\x98d\x05\xc8V\x84x7L\xb4o\\h\x01\xdfyP\xa2{\xdc\xa5\xfc\\\xcbse)\xa8h\x8d5M\xe9\x88\x06\xe3\xb6[\xed\x90\xa0\x04i\x07\xbfo\x81\x94\xe3\x01\xfbJ\xc1\x8d\x9bks\x94\xf6\xf2DF\xd6\x8dH\xbc|\xbb\x83\xa7\x01~K\xa6\x86\x89\xcdr.\x9e\xd3\xbe\xce\x02}\x82\x94\xaa\x04\xfb\x0c\xf8h\x86T\xf8X\x04yU\xba9\x9b\x85\x92\x00\xe2\x10\x15\x87\xea!yg_0b{W9DP\xb4\xdd~\x05\r\x19\xd5\x96\x85\xa7\x8e\x8c\xf3\xa2\x95\xe6\xeb\x94\x95\xf2\xe8\x12q"\x85\x91\xcb\xb2\xa0\xaeC\x83\xd8\xd1|jo\xa1\x0e\xdc\x91\x7f\x8ea*\xe8&gt;\xc6\x11\x9bs\xdf]!\xabPc\x04\x87k\x8fU`i\xf7\xd4i\x82 \x86)C\xeb\xb4{\xa5\xaf\xdb[I\x8d\xac\x166\xe5\x81\xa6\xf9\xcfE\xbd\x14\xe5\xab\x9cK\xe56CRFC\x93\xcb\xf69\x14\x13`ldW\x89!\x00\x19\xd7\xd6(z4t\x8aw\x1e\x9f\x9a\xb1\xb7\xdbAYp\x99\xc9\xfd\xeaZ\x83\xdfU~\xd5\x96\xf2G]\xaa{\xb8\xe2.~\xacm\x94d\xd0\xedE!\x97f\xe8bU \xc7\x12)#\x16~\xa6L\x01\x99P1\xbb\xadC\xb2\xc5J \xdae0\x81o&lt;\xfe\x93\xbe\x83\x16\x80\xf8C\x95\xbby\x03\xbc\xa7\x12\xe7\x90x\x86\x97:\x97\xae\xc0\xbcI\x87Z\xf9V\xd0\x12\xee\xa9\xe9b\x88\xa5\xea\x87\xec\xc0\xe0\xa3\xc9G\xf1\xff\t\x9d\x11O\xb0{/\x8bF\x0b\xb5\xc8\x84\x17\x15\xa7\xa3\x9fNM\r\xf3\x00\xbb\x92\x05\xa8\x96\x9e\x8b\x1di\xc4\x1f\xe9&lt;O.\x05$\x99]]\x0cn\xa1C&amp;\x15l\xdbW\x1d6:\xb0\xdf\xb2\xb8=)o\x0bZXg$\x19^\xae\xd9\x12%#e(\x8a\\\xa6\xd6\x18\xbd\xa4&amp;!^ \xadb\'\xedb\xe3\x9e\xe4:\xe5\x82\rY\x15\xef\xc8jm\x1c-qRe\x19C\xf0\xdf,\x0bq=g0\xe0\xbd\xba\x94P\xc2\x96\x8f\xcf,\x16\x98z\xff\x1dx|\xee\xae:F\x99\xf5\xfe\xe1sK\rD\xd7T\x90BAX3\xa9\xe6\xbcS2\xf6\xfc\xbe\xcdL\xda\x97f?\xf0\xaex\xfb\xe4\x89R\xc1\xf0Gk\x12\x12\xf5eD\xb1M \xedp\xfb\x1f\x10\x89Q=\xec\xa2\xcb\x90\xd9\xb1\x06txb\x91Y\xe8\x02\x00~P\x8fQ\xe4;Ju\xa1\xea\x13\x9c\x85:\x044K\x05\xf1[\x92\x18\x8c&lt;\x0c\x06\x18A\r\x8b\xe1ir\xc7\x975\xd1\xd1\x05\x91s\xa3\x84\xfb4\xb5\x10I\t\xd6\x9b\xe1\x14N\x10\x1e\xba\xa2\xabW\xd5U&gt;w)j\xf2\x9e\x87\xb80\xc2\x8a\xa6L%|\xf4\xb6\xfdrV\x87#/\xad\x1c\xe5\xa32\x89j\xe8\xfd\x93\xeeG\xf3\x0b\x1bdE\x12DG\xee\xc8\xe8\xfb\xc5/\xe7\x11\xb6\x8ex\xe2\x08\xed?\x87OV,\x8f#\x06WAZ\xa9e\xd7iQ\x8f\xfcc\x8c\xa8Z\xd3\xd0"Hl\xdci\xd4\xe9\xec\x1c\xfc;\xadK\xa3\x00Z\xa4\x1aa\xa74\xa4\x05\xa4J\xbc]+N\xb9W\'S\x82]d\xb3\'RGUwp\xbe\xd9\xd6\xa9\xf6\x14\xeb\xaa:t\xd0.\xdb6p^\xa2%Oq\x01\x8a.\x82e\xcc\xed\xbei\x8cw\x83\xe0\xc3\xa3\x8c\xdePz\x95K\x92\t\xf0z\xd4cF](O@\xfbXZ|4a\xf9)k\xbb\xceQ\x8f\x17\x9d\xa9\x8c\xa6Z\x19M\xf1\x1a\x0f\xbb\x0bw\xbb \xdc^\x10\xcb\xf7\xfd\xc0\xb2\xe4\xbd]f{\xf4_\xf2\xfcZ9\xbaOsc\xa5\xfa\x98\xba&lt;\xa4R&gt;~\xb0_\x12\x95\xd6\xd24\x8cK|\xac\xae\xaa\xd5(\xf6\xd3&lt;\xf8\xfd\x02\xa1\xe4\x10xF\x9cN\xd7\xe9\xa3\x97\x92\xa3s\x82\xc3[2\x05F\xc2\xd80h\x00\xb8\xfe\xd6\xa3i\xbb\xd7Fc9NA\x00\x15"\xf0\x83\xa2\xfd%\xbb\xceL\xb4E\xe3\xceS\x82)\xe1\xb7\xb1\xa3\x8c\x057\xd3h\xd1\x8c\xf2qt6%\x14eN\xd9.\xb0\xd7dh\x04\x89\xa5\xe4=\xfb\x06\xf8\x8f\xa3\xe7\x8dV\xd7HadA\xa6\x1f\xae\xb2}\xdb\xc0\xa4\xbeG\xfe\x8bd\x12*\xbc\x88\x85\n?\x18P@U\x7f\x87\xc9.&lt;\xef\x84k\ra\x08#\x1e\x17\xaeH\xe1-j\xfd\xe0=p\t\x88\xb5\x84\xe4k\xba\x01\xfey&lt;BI\xa3US\x06xs\xad\xc1\x9e\x04\xacq\xb6\xe1\xd0\x04\xb5\xf4\xf9\xb7\n\xcf\xb5\x8f\x01T\xac\xb0G\x9er\xa4Pk\xd0\xc8 \xc3\xf16(\xf81\xac\r\x9f\xacp3^%[}\x15W\xa5\n\xde\xad*\x0c\xde@\x8cv\x87\x88t\x97\xe8\x9c\xd61\x1ft\x93\xa7%*\xeb\xe6+\xd5\xa3\x82\xc1\xe9\xecP(\x8e\x87k\xf7\xa0\x1d\x03\xda\xd1{\x1b\x01\xdb\x96\xfd\xdb4\xc7\x14\xf8\x03\x94\x99\xee\x01@\xef\xe4\x90\xe6\xcao\xe9!U&lt;\x96\x04\xcd@\xf2\xe2\xb1\x82`\xe8\x18\xa5\xda\xce]\xf4\x04\xe9N6\xe5\x92$\x10\x9f\x91o9@\x9aU@\x9c\x1b\xea\x9e@t\x1a\xd9\x1b\x00_:\x8cW?dR6\x82\xa7\x16\x07\x80x-%6\xb0\xb7\xfc\xb02\x9d1\xb5\xbb\x0c\xeb!\x8c\x16B\xfe\x0c\x89Y\xcd\xe3\x8e\x7f\xb7\x80|&lt;fRK\x89\xb7\x11x\x10\xb1;\xb3v%+@\x10\x00J\x86E\xf7 \xc4\xc3"\x8a`\xea\xe8\xca5\xf5\xd1)G\xf1\xc0\t\t\xfe\xffs\x9d\x9e\x0f\xba3\x1a\xbc\x9c\xca\xfb\x1e\xbbg\x83\x81\xd9\xcf\x15\x84\x8a\xbd\xca$\x0b!6ga\x19\xb0\xccx\x96\xa6\x05s|M\'_\x89v\x0f,\x0f\xa2\x87\x0b\xa1\xe3N\x9fP"\x87?@8\xfc\xa0sD\x9b\xe2u\xc2\xc1E\x00\xcbv\xd2iw\x82\x9c\xdc\x94\x12,6\x17L\x80\x7f\xcc\xa56\x18O\x14\x8a\x86\r\xf4\x9e\xf1\xf1\xda\xf7\x93D\x81N\xf0\xdf\xc1\xac{\x00\xe0\xaf\xa8\x8b\xa7\x9b\\\xc3=agu1\x8ej\xc4\xedd2\xcc\x92\x0e\x9bZe\\\xe3v~\xfa\x1d\xcdn\x19\xbbgU\x00\x00_#\x94a\xcf\xb6tO\x08\x04\xd0\xa5\xacB\xed\xe3\xdbI4\x03\xcf\xca\xe3\xc6\xaa\xa7A8\xa3\xc36e\xe0\xba\x1b\x1c\x0e\x05NV\x1d\xe2l\xc6\xa0C\xbcJ$\x16\xec\x05y\x9a\xbc,v(j\xe6\x85\xf9e&amp;\x97\xbf\x817`\x11,\xd2Q\xa1r%\xd5\xf5J\x8fJdm\'\xa1\x01k\xa9M\xa9@_\x12\x91t\x08D\xceU\xd3S\x13\xae\x7f\x8c\xf2w.\x05.\xda\x</t>
        </is>
      </c>
      <c r="E625" t="inlineStr">
        <is>
          <t>&lt;class 'numpy.ndarray'&gt;</t>
        </is>
      </c>
    </row>
    <row r="626">
      <c r="A626" s="1" t="n">
        <v>624</v>
      </c>
      <c r="B626" t="inlineStr">
        <is>
          <t>steps_per_sec</t>
        </is>
      </c>
      <c r="C626" t="n">
        <v>9000</v>
      </c>
      <c r="D626" t="inlineStr">
        <is>
          <t>10.109214</t>
        </is>
      </c>
      <c r="E626" t="inlineStr">
        <is>
          <t>&lt;class 'numpy.ndarray'&gt;</t>
        </is>
      </c>
    </row>
    <row r="627">
      <c r="A627" s="1" t="n">
        <v>625</v>
      </c>
      <c r="B627" t="inlineStr">
        <is>
          <t>Loss/object_center</t>
        </is>
      </c>
      <c r="C627" t="n">
        <v>9000</v>
      </c>
      <c r="D627" t="inlineStr">
        <is>
          <t>0.43009004</t>
        </is>
      </c>
      <c r="E627" t="inlineStr">
        <is>
          <t>&lt;class 'numpy.ndarray'&gt;</t>
        </is>
      </c>
    </row>
    <row r="628">
      <c r="A628" s="1" t="n">
        <v>626</v>
      </c>
      <c r="B628" t="inlineStr">
        <is>
          <t>Loss/box/scale</t>
        </is>
      </c>
      <c r="C628" t="n">
        <v>9000</v>
      </c>
      <c r="D628" t="inlineStr">
        <is>
          <t>0.07500455</t>
        </is>
      </c>
      <c r="E628" t="inlineStr">
        <is>
          <t>&lt;class 'numpy.ndarray'&gt;</t>
        </is>
      </c>
    </row>
    <row r="629">
      <c r="A629" s="1" t="n">
        <v>627</v>
      </c>
      <c r="B629" t="inlineStr">
        <is>
          <t>Loss/box/offset</t>
        </is>
      </c>
      <c r="C629" t="n">
        <v>9000</v>
      </c>
      <c r="D629" t="inlineStr">
        <is>
          <t>0.17055269</t>
        </is>
      </c>
      <c r="E629" t="inlineStr">
        <is>
          <t>&lt;class 'numpy.ndarray'&gt;</t>
        </is>
      </c>
    </row>
    <row r="630">
      <c r="A630" s="1" t="n">
        <v>628</v>
      </c>
      <c r="B630" t="inlineStr">
        <is>
          <t>Loss/total_loss</t>
        </is>
      </c>
      <c r="C630" t="n">
        <v>9000</v>
      </c>
      <c r="D630" t="inlineStr">
        <is>
          <t>0.67564726</t>
        </is>
      </c>
      <c r="E630" t="inlineStr">
        <is>
          <t>&lt;class 'numpy.ndarray'&gt;</t>
        </is>
      </c>
    </row>
    <row r="631">
      <c r="A631" s="1" t="n">
        <v>629</v>
      </c>
      <c r="B631" t="inlineStr">
        <is>
          <t>learning_rate</t>
        </is>
      </c>
      <c r="C631" t="n">
        <v>9000</v>
      </c>
      <c r="D631" t="inlineStr">
        <is>
          <t>0.0009993425</t>
        </is>
      </c>
      <c r="E631" t="inlineStr">
        <is>
          <t>&lt;class 'numpy.ndarray'&gt;</t>
        </is>
      </c>
    </row>
    <row r="632">
      <c r="A632" s="1" t="n">
        <v>630</v>
      </c>
      <c r="B632" t="inlineStr">
        <is>
          <t>train_input_images</t>
        </is>
      </c>
      <c r="C632" t="n">
        <v>9000</v>
      </c>
      <c r="D632" t="inlineStr">
        <is>
          <t>[b'512' b'512'
 b'\x89PNG\r\n\x1a\n\x00\x00\x00\rIHDR\x00\x00\x02\x00\x00\x00\x02\x00\x08\x02\x00\x00\x00{\x1aC\xad\x00\x00 \x00IDATx\x9c\xed\xbdw\xdc5MQ&amp;\xdc\x07\x05&gt;\x13FD\xd0\x15Wa\xc5\x80\xa8\x18\x11\xc3\x1a\xd0\xc5\x84\xab\xc2\x9a\x11\x15\x03bB\x10\xcc"\x980gQ\x11\xb3\x98\xc05\xaf\x8a\xb0\xae\x8a(F\x8c\xcb"bV\x16QqAQ\xeb\xfbcfz*\\U]=3\xe7\xbe\xcf\xf3\xd2\xf5\x83\xe7\x9d\xd3S\xe1\xaa\xea\xea\xea\xea9\xe7&gt;\xa7\x94A\x83\x06\r\x1a4h\xd0\xa0A\x83\x06\r\x1a4h\xd0\xa0A\x83\x06\r\x1a4h\xd0\xa0A\x83\x06\r\x1a4h\xd0\xa0A\x83\x06\r\x1a4h\xd0\xa0A\x83\x06\r\x1a4h\xd0\xa0A\x83\x06\r\x1a4h\xd0\xa0A\x83\x06\r\x1a4h\xd0\xa0A\x83\x06\r\x1a4h\xd0\xa0A\x83\x06\r\x1a4h\xd0\xa0A\x83\x06\r\x1a4h\xd0\xa0A\x83\x06\r\x1a4h\xd0\xa0A\x83\x06\r\x1a4h\xd0\xa0A\x83\x06\r\x1a4h\xd0\xa0A\x83\x06\r\x1a4h\xd0\xa0A\x83\x06\r\x1a4h\xd0\xa0A\x83\x06\r\x1a4h\xd0\xa0A\x83\x06\r\x1a4h\xd0\xa0A\x83\x06\r\x1a4h\xd0\xa0A\x83\x06\r\x1a4h\xd0\xa0A\x83\x06\r\x1a4h\xd0\xa0A\x83\x06\r\xba\x89\x13\x1d\xa2\x84\x08\xbe$"u\xeb("z\x85\xa6fx\xdf\x13\xea\xc2y\xa0_\xdb\xd4L\xd6i\xf7\xf4\x11\x11\xdde\x9f\x8aY\xcf3\x1aV\x12~r\x0e\xa2\xbe\x19\x81J6\x134=E\x9b\xdf:6\xb3\xf5"r\x13\xf8,\x0b\xea(\xbapx\x83J\xe9Y]u\xe9\xd2\xf9j\xf9&amp;\xa2\x95Jq\x96\xe2\xe1\x88\x89J`\xce\x01p\xa6\xfd\xef\x18\xbd{\xeal^p\x1b\xda\rB\xc7\x85\x05h\x9ab%6\x803\xccmUi\x95\x9fo\xf5yq\xbb\xa4\x15?\xe8J\xa8\xb6\x96\xeb\xc8q\xebJ\x18B#Do\x9b\xb7\xf45\xac\x05v7\x80\x87l_6\xcb\x82\xff\x86&amp;$z\x7f\xafdP\x00/\x85\xa1:\xf8\x0ex\xbc)\xde\xe6\xf1\xdd#\x8a\n}\xde)\x1e\x9b\xef/\xe5\r\xd3\x82\xe7\xa6[:\xe3\xae\xcb\xf4\x14\xce\x13/\x0b\xa2\xe7\xf4.\x1c\x1b\xed^\xf1\x0e\xe6\xf5\x98\xee\nf\xdb\xc4\x1e\xbb\x83.\x91&gt;\xe3\xca-\x12\xd1}rlW\x96^\xeat\x0f\x9b\xfdZ\xd0\xe9\x07\xb4,\xdc\x00\xf6B\xf2\xf6\xb6\x8c`\xab\xbb\x9f}9\x7f\x80\xa7\xd8p;\xf4\xe6\x87\xea\xdf \xc2\xcf\x8f\xf0nNC\xbfe\xa5\xe4,\xc7\x88A\x83\xf6\x12\xe5\x1f\xdd&gt;\xbd2\xfb&lt;\x145\x1aYH=\xcf\x1c6\xe8\x7f\xd9X\xa7&lt;\x95\xaf\r\xd4\xfc\x128\xb8\xc7\xdf\xa5h\xc6=f\xd0\xbc\x1f\xf4\x16\xc5\xa1V\xc8\xb9n\x0b:\x0f\xe57\xd3\xce\xc6|\x1e?\xdb\xfb\x01\x8b\xfe3(M\xd9\x1d\x9b\xd2M\x8e\x1e\xd5\xc3LDt\x9bC\x9f3&lt;\x05\r\xf6\xa4\x19l\xd8\xec\xd8\xb2\x15\xfdS\xc0\xa34t\x80H\xd3~\xa5\xff+ab\x0f\xf8\x8e\x078\xdex\x7f\x0f\\\xdb\xeeC\xa2&gt;?\xa1b\x9a;d\xcdE\xcc|`\x9e\xd4\xa7\xacs(\xe4-\xffC\nG\xd9oS3\x96\xf0\xf9\xed\xa0\x8b\xa6l5\xbf\x01g\x92\xea\xdb\xd4\x1bd\xf7=u\xf5\x14\xeeo0\x9b:\xfeyS\tf\xfa?P\x00\xd8\xa0\xa1u8\x88\x1e\xb0\\m\x9e\x9d\xc9X\xe6\t[\xcc\x10\x1f\x19I\xfe\xeb\x9cBZf\xfa)3A\xeb\x0ez\x03V\x8cA\x9a\x0e\x9f\xc4+\xce\x8a\xe6\x03\xab\x8e\xc7G[\x05\x17\xfe&gt;[\xc1\xa3\x9e\xf6"\x0c\x1fd_,\xed=\xbbt\x8an\x08P&gt;\xaa\xe7\x0e~mnv\xda\xea\xca\x93`\xe7f\xd7\x9b\xb1\x0cz1\xa6s,\x98\xf5\xc1\x82\xbd\xb5\xa9\xb96\xfcx\xfc\xbb\x97\xa7\x10M\x8b\x01}\x9f\x81\x94_\xab_|%\x8fk/m\xa5o*\xe896~}\xff\xe8\x03fP\xa4\xf7\xaeG\xdf\xce5\xa0=&gt;\xb9\xed\xabw\\\xf6\xa7\xca\r\xd7j\x0c:\x8ch\xa5/\xd9\xd5\x89\xdc\xed@P\x8b\xce=OBv\xb0U\xbb\x87?#\xbe\x11\xfbz\x8f.\xd0\x13\xf8\x06\x80\x17\xf3\xeb\x85\x0f1\x9d\x1b\xd0!._\xda\xa4\x0f*%=\xb5D\xe5\xf9x\xfc\xaf\xc0\xe0&gt;H;\x89\xcc\x9f\xe7\x1cH\xbf\x9cx\xcc}\xbe3\xcd\xe1j\x0f\xa1^l\xb8\xaa^Ba\x05m\xf5\x06%x|\x07\xb4-DT~\x7f\xdb\x1b9{&gt;\xc7\xe5\xec\x97\xb4I\xf3\xa0\xab 9\x7f\xd3\xbf\xebD\x11}\xe5\x85L\x1b\xee\xb8\xd1\xb8Z\xc9\xfc\x13&amp;;\xcf\x04.\x86\xfa\x9es\xb07\xec{H\x1ach\xde\xdaC\xe4\\\x0b\x1ej\x03\xe8z@q]\xe4&gt;\xecNO\xc1\x9e\xad\xfa\xd0S\xe3K%S\x0e.\xa2s\xd0%\xcc\xef M\xb5i\xbd9\x1b9\x9b\xa1V\xfb\xbcE\xa7i\xdc\x98\x0b;\xcb\xae6\xf7E\xee~C\x0f\x83o-\xf0\x0fl\xdc\xf1\x06]\x00\xf9\x00\xbe4\x97:\x03\x92\x0b\xa1\xa0\xc4\xef\xab\xfe\xad\x0f\x11\xd1\xc7g\xb0A\xcd\x01\x9b\xb5\x0b\xdf&lt;\x1bt\x13$b5\xf4\xacm\xcb\x81\x8fF2:\x0ey#\x8e\xe8\xd6\x95\x7f\r\x14\xf2\x97\xde\xa5Q%/\xf7\xf1\r#\x85p\x03\xe4\x1b\xa2\xc7\xdfO\x87\xf6\xe9Z\xb3{\xc6Ji\xa3\x8f\x0c\xef\xa6q\xb5-f\xceC\x83n\x00\xea\xdd\x00d\xef\xb0\xab\xb0\xef\\HG-\xc3\xe8\xed\\V\xf1\xab\xa37B1?\x80\x02/\x89^\xc9\x8c\x98C\xd890uj\xde\xd9\xd9Xm]\xcczC\xed\xd4Y\x9f\xc7\xd6\x91w\xde`\xb4\xf5\x17v\xdb\xde$\xa0Y\xf3G/&amp;^,V\xc4M\x93\xbcE\x82\xdf\xcb\x92u\xb0\xb9\xc0\x1aM\x04\xf1k"\xfa\xe7&lt;\xecrP[\xdd&lt;\xce[\x06\x14\xab\x17\x8b\x05\x10\xbbI\xf4\xe3W\x13\x87\xbc\x95\x03\xab?\xd3y\xbf6\x0f;/\xeaA\xfe|\x92\n\xd1m=\r\xfb\t.\xcem\xe7\x80\xd7\x97\x83wx\xb1\xc9\xf9\x9b2\xcdu\x1c\xad\x13\xaf\xcf\xe2\x8f\xd4km|\xaf\xed\x00\xf8_\x0fz\xfbP\xa3@\xe3[\xe9#\xb3}\x08F\x8a!\xb7\x01\x9c\xa1\xd4\xec~GqG\x1d\xf1\xe6\xa2\xa2\xe2V\xd4\x85\xc2\xb0\x99\x8e\xd8\xdd\xbb\x98\xe3\xed\xad-.\xc2\xe2d\x0e\x1f\xd4;D}\xc7\xe8k\x91~\xf3r[n\xec\x7f\x82\xda\x16w:\xa7A\x97E\xad\x8c\xf7\xca\xee\xf7\xc7\x15\x19\x1e\t\xdd\xedd\xf9\xd5\x10j}v\x93\x9cE\xe5\xc3\xe8\xect\x16\x19\xb1D\xbbT\xc4\xfa7\x88\xbc\xce\xee\xa7d{\x84w\xa8ml\xdb\x07YI)\xa1BD\x1f~\x90*\xf7\x16\xa8\xe6\xba\x99@\n\xc5&gt;\xda\x9f\xb1]\xec\x1bi\xcb\x1e36\x80\x9b6ys\xdb;\xe96\xe9q\xdf$Sj\xad\xd41\xbcm\x1b\xc0\x11\x89{\xe4\xe7\x8e.c\tuE\xa4\xb9\x97\x17\xa7\xdeU\xa9#\xf7\xdd\x83\xca\xd0\xe5\x94\xb3\n\x84J\xa1\xbb\xe9\xe7\xa8\xa1T\xf7\x8aH\xb1\xed\xd60\xe8zh\xf3\xecdVxV\x15P\xceJ\xfc\xf7\xaa\xba\xace!\x86f\x19\xaf7,_ \x897\'d\xe2\xacY\xcf\x1f\x9a\x9d\xd3\x8e4\x9a\x98n\x15\xd5\x883\xa1\xe4@\n\xcb\xa2+b&amp;\xfa"\x8a\x19\x7f\xe0\xd6\x85\xe7c\xea\xa1\xa4\xe7\x1d\x14h\xfd\xfe\x1c\x83|\x8c|\t!\x1a\x94%\\\xd1\xbc\xeco\x8dh\xe5;\x81\xd9\xae?`\x96w\x9bB\xb6\xe2gQ\xd9M\x08\t\xe7u\xbe\xcf&amp;\xa9\xb3\xd2\x12|\xd0Z\x8a \x1b\xc0;\xfa\x89+r\xbc\xcb\n\xe9&lt;)\xf0\xd9\xe66\xe5\x1b4\xe4\x1f\x81z\x9a{\xf7\x0c\xa8\xc7\x9bt\x9b!\x83nx\xe2\xcd&amp;\x11\xd1]\xf8\xc8\xd9;P[\xff\xf9\x9a\x8c\x8bx{\xdf\x90\xcc\xbdx\xd4\x88\xc7\x99Q\xab\xa4\xbaDJ)\xff#\xa5\xb9W+\xd0\xe0\xb9\t\xadd|\xb9\xca\xdd\xaekF\xe8&gt;\x1b\x1e\xc7\'\xfc\xed\xd2(\x95\x17\x94~y\x13DD\x7f\x84\xd3\xe0\xff\xf4\x83ilT3\xdaN\xbd\x83.\x99\xe0\xce\x7f\xd4\x02\xf6\x12\x8a&lt;bw=x\xa5\xa7\x9eR\xee\xd7H\x14\x04\xef\x01\xd4\xc2\x19(9x\xfb\xdc\xa9*\xd3\x18\xbaO\xdb\x1c\x06"\xa2\x97\xb6\xec\r\x85\xf4\xc4s\xed\n\xc9\r`\x9b\xf5 \x13\xb8\xce\xcd\xaeM\xb8\xc1Wnui\xf0\x13r\x83\xb6\x9c\xc5\xec\x02\x1ct\x13!;\xdd\x99\x85Q\xaf\xd5S\x05w\x03\xe0\x82\xcbV\x04n\xa1\xf4\x03\x8fk\x92\t\xfdUZ\x03\x11\xd1}\xb1r\xbc\x9f\x85u6\tc3\xc5\x0f\xd0\xf6\xabUZ\xe6}N\x8e\xc0k6\xd8\xb6\xb2\x992\xf5\x88\x96t\xc2\xb7d\xd6%5\xf3\x9d\xbe1\xfb\x01\xb2M\x94\x99\xd7\x89\xe7\xbe1\x83\xef\xda\xa0\x9b\x1a\xa9:j\xabR\xd0\xba\xf2"L\xcb1\x90U\xf3\xa6\xddw\xe2\xc6\x83\xba\xcf\x1f;\x06{\xc3\x95\x11\xf9\x07\x02~\xab]\x80\xb8\xfb\x9b\xc1\xac\xdaN[u\xf4\xd1\xcb\x86{-\x9b\xb5\xeb\x99\x1dn=\x99$\xde&lt;\xce\xd7\xc6)\xa8\xb0\xd7\xd5=\xef\xa0\xa8\x8b\xaa\x90v\x7f\xa5\x0f\nE\xbbSQ\xb7\xafme\x0e\xea%\x9b\xcfD\x85\xe8\xe5\x15O\xa8A\x7fj\x13\x99pd[\xc5\x1d\'Vzm\xab\xe3\x82\xd2\xe3{\xe4\xaep\xb8\xe4&lt;%\xaf\x16 c\x86.y\xb1d\xde\t(k\xe9\xaf\x1e=\xbc\x94\x82~\x01\xfa\xea\x08\x06\x16\xf6\xdd\x87\xc4?\xaf\xe3\xacs}-\x89\xe4\xad\xaf\x8b\xcd\xea\x17_\xe2\x05\x91\x8d\xc8\xc9\xb3\xfb\xb9U\x02Ja4\xe5_\xde\x04\x96\xa8\xec\x90G \x7f\xf3\xe0\x8f\x99\xd7\x9f\xbfmf\xa6&gt;\xfe\xfb\xfb\xc1!t\xf5\xeb$\xb9:\xf3\xcb\xb8\xf2\xd1S]\xc1+vs\x85dO*brM&amp;;\x07\x82\x18?\xfdE\x13L)\xa5|D"\x0eD\xff)fp\x05\x8f~\xacT\xbdn\x1e,x=Q\xb2\x83.\x88\xea!}\xed\xbb\xd1!\xa0\xa1d\xa5\xafa\x83\xc2\xca\xda\x0c\x86z\x90\xce\x1d\x1b\x80o\x91&gt;9\xeb\x1d\xc4ye\xd9\x1c\x989\x10@vR\x9e\x96V(\xa7\x03W\xd5~\x9c;i\x01\x13m\xdeDD\xf4\x1d$\xa5&lt;\x91\xe9O\xe2\xbd\x89\xb8\x8d\x8f\xe4\';\x1f\xf84\x99/\xaa\xb2\xe2C\xf65\x02\x1a\xe4\x11\xcf\xfb:\xc2\xa7.Se\x82\x1a\xbd0\xbc=\xd7\x0cec\xb5\xe0\x84\x91xF\xd4B\x15\x15\xf1h\xf38z\x03\xb0\xaey\xb7\x0e\xb4\x98\xd1\xfb\x89\x9b\xd6-9s=\xd1G_\xf5\x0e\xca\xafE\x92\xaf\xe3\x8c\xc1\xa2\xf2\xf3\x93g\xe0\xc1\x7f\xba\xdc\x1c\xb1\x0c\x97\xd6^_\xe5,\x0f\xdaHN\xc6\x83\xbb\xcdJ\xbaa\xa6\x9d\xba\xbd\xdc\xe5\x0c&gt;l\xbf\xfe;\x87w\xa1\x07\xa3*\xa5|\x8e#^\xf6\xf9\x8b\xc7{\x159\xca?\xa9\x87YT\xc3\x87\x1f\t\xa6*\x8f\xa7u\xb7\x9d\xc3\x88\xa8\xd0\xc7\xb9\xc0\xe0\xdb\x1e\x86\xc7\xcd\x131\x92\xc4#/\x94\x9e3E\xcfj\xa4R\xbe{\x9b\xaae\xf6\xc7\x0ep\x03\xd0\xf2|\xa6\x94R^\x052\xa8\xe9\xc4\x8bd\xcb4C\x95"\xd7\x9dj\xebn\x00\xd9^I3\x93\xf3Y\xbd\xb9\x99}\x06\xd6`\xf9\xab6;\x1e\xe0\x820z\xa9k\xb1\xb1\x08\x1c\x7f\xc8h\x02\x01\xf9s,\x82\xe3(\xbf]\xfd\x19\x14g\xb3\xb2s\x8d\x88\x97_?]\xbf\xc6\x06mhp\xcb\x99c\xb3\xb9A\x17G\xf4\xc6\xfbJ\xcf\x8e\x99^{\x1c\x7f\xb1\xc1m\xc7}\x04\x14\x9e\xd6\x8b\x97\xeea_\x0f\xcf\x1f].{"\xc7\xae\x90.`\x13c\xb7#[\xb1I\xbb\xad\x1db\xb7\x95\x86\xf5.\x91\xdc\xe6\xdd\x07#=\xce\xc3\xd5\xc8rG\xd6\xb9\xd5\xf7&amp;\xc4~\x1a\x9b\xc1%\xd2z\xd8\xfc\xc0\x06\x83\x18\x94\x93\xf9\xab\xe9\xbe\xbb\x97\x87\xe4-U\xe7\xf3\xcb\xa1\x99z\xcd\xfdCi\xdbP7\x95zx\xba\x8f\x11f\xact@\xea+&amp;\\\xe4\x9b\xf0\xad}v\xf9\xcbk/\x16\n\x1c\x11\xd1\xc3|\xe6\r\xfa\xc1\x83\x9d\xf5_\x8d\x84q\xf6$\x0c8L\x0b\x86\x9f\xec\x80\xea\x98\x90\n\x9f\x90R8\xe8\x12\xc9\xcb\xa9\x07%\xc5\xff\xb4\xc5\xd0J\xdc\xf8q\'\xfd\xa8\xdb\xef\x1fR+\x1a\x1b\x80\xcdu\xdf\xb0;^\xcaG.\x17BO\x1b\x9b\x96\xf2\xec6\x95\xe5\x9fJEV\x90*\t\x03\x9bc\x0cG\xcd\xda\x01J\x84\xc2R\x88\xe8\xa1\x9d\x1b\xfcG\x1d\xb1c\x05\t\xb89^\xf6\xe4\xba_\'6t\xdd\x1b\xf6\xa0]\x14\x1cH\xa74a\x0f\xe8\xa3\x02G\xa5\x10\xfd\x00\xd5jnTE\x18\xeasR?MI&gt;\xcc\t\x90K\xcd\xcb.\xe2\x03\x887\x13\xfb\xa8\xa4\xb9\xff4\x9c\x05=\xb407_\x04P\x8b\xe0I\x1eJ\x8e\\\xf4P\xff\x99\xf9\x8b,\xfaG9#N\x93\xf3\xc85T\xb4\xc3M_\x99\x17O\x1f{\xc0M\x92\xea\x9a\xc84\xa1\xb5\xc8\x92\x1aI\xda\xf2\xac/w\xf9\n]\x07}$\xc6\x8bx\xfb\x99\xe9\r\x100(\x9eT\x1b\xdd\r\xee\xf9\x9cK\xb5z`\xc6\xc4Qt\x99\x8b\xfbBQ\xa9g/\x9d\xbd\xf6\xfe\xa4\xeaM\x89\xfd)4!\x0e\xba\xc3A7$\xa9&gt;\x97\xc2\x0f;\xc3\x12\xc9\x94$\xcca\xeb\x82!\xa3\xc9/\xd6\x91He\x01\xe2\xa1H\x84\xa4\x05uQ\xb5\xf2C\x85\xdcP\x7fA)?\x9e\xe7V\xb2G?+\xd8\x88\xc1\x0eR\xa1oK\xc8\x9a\xfc\x89\xd5\xee\'\x92T:\xcb\xe2\xda\xe8\x18\xb5\xb3\xaa\x0fu3\xc4^\x1f8q\x8e~\xc9\xe3\x9c\xc9\xd2\x05`\xd0\x05\x10\x89\x0f\xcc\xcc\x97\xed\x9a\xabRD\xad\x84s\x02\xd6H\x16{DD\x1f\xa6\xc6\xdb\x8f\x80V\xdf\xdb"\xba\xbe\x9c\x95`Q\xb8\x02\xeb\x9e\t\xcf\xb2\x02u&amp;\x88\xdb\x9e\x1d\xf1l\x9c7{\xf7x\xf7M\x9b\xa3k\x13#\xbf\x07\xcc\xa8 \xa4\xe9\xdf_\xc0\xda\x9a\xbb\x82\xd5V\xf3&lt;\x06\x03\x05GA\xbf)\xd3\xb6\x05\xacz\x84\xcd\xc5\xbf)\x113\xf0\x07P\xca:\xdf\x1b\x8aq\x93\x88\xe8\x8b\xf8S\xaf&gt;\xf4W\xb6"\xacSWc7\x86a\xc7a}\xd9\xf0\x80b\'\xad;\xbaLH\x95\xaePp\xa7\xdd\xfd\xda\xe0\x9a*\xe8\xac\xec\x89{]yI\xccE]\x08}\xa0\x85\x86\xcd\xa2\x83\xae\x966\xcf\x94\xb3x\xf4\x85\x12\t;k|\xc0\xcc\xe2\x99\xf4\xdf\x17\x1ae\xca\xed\xdd\x1fX\xb1\x89J\x913\xba\x98\x16#)\xb4=OZ\xe8\xe56\xce\xd4\xb5\xec\x13 \xc8\xe7\xdc\x03Z\xe5\xec\x13\xe93z\x15\xa6\x94\xcf\xa9\x15\x82\xc9\xe7\x83T\x0b\x9a\x18\x07\x008\x13,;_\xce6V{m\x1d\xc6\xa0K\'"\xa2OY.^\xb3S\x90\xeaQ\xf7\xad\xf1\xdd\xbe\xfe{\x91\xf5\xc5\t\x10\x93\xea9\xf7D\r\xd7\xd6\xd5\xa2@m\r\xc0v\xaav7H]%E\x85X\xee\xc1\x98\xa1\xe7+\xf2\xb9\xad`:\xbc\xfa\xeb\xabM\x7f\x9ebk\nl(\xdc\xd6V\x06\xe7U\xa7\xe9\xa0\xab\xa4\xc6\xc3\x96\xf0\xbd\xa6LZ\x80\'\x8c\xf2\x1d\x08\xcfn\x90v\xde\xeeAo/\x1e\xb0r\x86\xd5\x91\x04\xf8L\xc6\xef_\x10W\xbf\xb4n\x1a\xcb\x98\x1f=U\x16\xady\xb5\xeev\x9d\x1fj(\x85\x9co\xf8\xb4\xc1\xf3\xa6oMB\xa8\xc7\xc7\xb3\x8d\xce:\xa9c\x03\xb8\xa9\x91:\xa1\x9fcva\xf7\r\xef\xea\nn\xba\xf8\xc8\x84\xb7\x80QcU_\x92\xf9&lt;x\xca\xa34g\x9e\xce\xba\xa8\x967B\xfa\x05\x0f\x87\xd2\x0b\xa0\x85\x80\x88\xe81\xcb\x05\x11!\xcc\xfcV\x90N^\xf9n\xf2(+x\xdc\xdc\xcc\x1f@/\x87\x92+\xe5\xac\xcf\xfd\x06\x1dI\xf4\x10\xb9\x01\xb0\x99\x13\t\xba\xc7D\x984\xfc.\x99s@\xaa\xf4\x87;\x04\xb5\x94\x10}\xa7W\x0e\x88\x88\x9e\xd4\xf3\x96\xc0\xa2\x86\x1e\xe7&gt;\xd2i\xae\n\xafK\xad\x8e$\xe0`\xa3\xcd0\x06\xb2\xd7E\xa9r3\xd1\x0f\xc6&lt;\x8c\xd3xK\xec\xdf\xca\xdfJ\x1b\xb8[t&lt;\xcfTy\x1e3_\x19e\x1e\x01\x05l\xebB\xb8$\xa7\x06a\xc2\x85\xc6\xf9\x01\xc5\xb3\x00 \x91R\xac\x8c\x12\xcf\xa4PC\xbcJ\xb7\xbf\xc1\xd0\xb5\x92\x832\x91\xb4\xcbC\xd1\x84de!3\xbc\x16&lt;J9\x1b\xa7\xcf\xbe\xb6\xf6_\x81\xb5\xd5Y\xf3\'\xe2\\\xef\x82\xe8\x99\xb9&amp;C\x9e\xaa\x1f\tJab*\xf9u\x94BvP\xf3&lt;\xae"\x0f\x8cfp\xaa\xf7\x12P\xb2\xe5Szl\x0072\x89\x04\xf5x\x8e\xb0\xa2\xd6\xd9t\xf5\x91\xecn`T5\x1a\xf6\xd6\xce,\xb4\x8d\x8c}\x99\xaa\xda\t+\x19\xa8\x84\xea\xe3${\x7f\xc3\xc90\xe0\xc8\xb0)V%\xa9\t\x04\x00;\x8a\xd4VTLU\x8ae\xa1\x9e\x86\xb9\xd6\x06\x00O\xc3\x94\xf6\x9a^\xc61*_.\xd7~J;\xf6\xb8\x9e\x14\x1eoe\x81\xd4r\x907ew/\xbdA\xd7LqVM\xf3\x9b_\x96\xcdF~\xd1\xf9mI\xe6\xb6Q\x0f\xf9d\xe8M\xfb\x94W\x7f\xf9\x1f\x9be\x8a{\x91k&amp;8u\xd9\xc1\x0cU7\xa3\x1e\x99\xdd#\xe1\x0b\xc9\xc1\xec\x8a\xa5\x9f\xe1\xda&amp;\x13[V;\x99wn\xabZ\xc6\xd3\x08\xb3\xa8\xc8j\x03\xc8\xec\xa9\x8bz\xcb\xafN\xc3&lt;\\I\xf2\x10([9\x9c\xab\xb6-;\xb4\x89\x8cq\xb6\xafd\x07q\xf3L\x0c\xba\\\x8a\x16\x18\xba\x93\x9c[\x9e\xb5I\x18\x01w\xb3\xd3!\xa2\xcf\x84\x00l\xba\xaf\xe6H\x95\x9b\x10\x9e&lt;\x18%\x0b\x93\xa1\xc0\xc4*\x92\xdf\xea\xb6\x7f\xccq\xe3\x12=j]W\x04noK\xfat\xd2\xd4\xb6\xbeL\x871\xdc;\xc1\x06\xb0\x9f\x88\n=k\xb5\xfe\x1f\x8cQ \xd2bp\x0c\x91wa9a\x98w$\xc9\xd8\x00n\xa2\x94\xaf\x1c\x8d\x12\xd9\x9f"S\xb1\x0b\x0e\x1f|\xb9N\x97^\xdd]\x8aKhH\xae\x1c\xae\x86\xbf\xf0\xba\xbc\xc2\x9ak\xaf\xe0\xa2\x91\xbe\xea\xbcy\xa1y&amp;l\xd1$\xfaL\x92\x0c\x1c\xed~\n\x93$\xca\x13\x8d\x13\xdd\xddY\x86\xceT\xc5\xaa\xd6\xaejNT\x88~\xd0\xcc\x8e\xab\xe1\xd1\xc6\xe8\x92Yw\xc2&amp;\xccV\xb1\xa7\x8e\x8f=\xe0F"\xa2\x02\x7f\x03\x035\x05\xdbW\x05/\x84\xd3\x7f\xef\xd3\x14a5n\xb9\xfeOnEP%[\x94`\xedE\x8c3\xbc+\xcb\xba\xa3\xc1\x92\xc7f\xbd\xc8Ss.j/\xbc\x87\xf2\n\xbe\xaeS-\xcf\x07\x9f\xa7G)\x13\\\xff}\x9dy\xc6\xcfT\x95\xe8\x91Uy\xf7;"\x16\x12\xce\x8a\xb5"\xb3\xc1\x1fJ&gt;A\x02\x8d\x8b\xcb\x8c\x9a\x80\x186g\xf6\xae\x07]\x10-\xadt"ungFT&gt;\xbdo\xdf4\x8b\r\xa0\x94R\xca\xbb\x868\xab\xc5Z\xd0\x0b+\x91\x8dT\x0e?\x08\x84\x0b\xf7\x02\xb2\xed\x82\xd4l\xdb\xcf\xe6\x06@w\xd3\xa5\x99Z\x1ee\\\x10\xda\x90\xf5f\xb9!z\xd9\x1e\x14\x82\x9c\xb7W|\x90~|\x0e\xa4\xe6\\\x94\\\xd5\x0b\xf4\x17G\xbc\xe9Z \xbb\x1f\xe1\x96\xb5\xf9\x95kZ\xc2T\xa9\x80\xcf:e\x83\xceN\xdb\xe6O\x95\x92L\x1exe\xaei~=)\'\xd4JH\x11\x8f\xe4|Fo"\xa7\x8a{\xa2\xe8\xa0\x87-\xedH\xca\x97n#\xa6\x01\xb7\xdcQ\xc0\x92x\xf6\xd3\x1a\xa8\x0fJ\x8b,\xe1\xbc\xfd$\xfe\xd7;\xac\xd7r\xb6\xa3\xa2\xd5\xd9\xa5\xdb\xef@\xb2]\xd4\x82)D\xef\x88\xc6\xa7\xc2\xdd\x14\x8f\xe2\x00\xd6\xf2\xd8\x05^\x9c)\xbb\x01\x10\x11\xdd\xdd\x8a$\xf6\x00` \xe8\xd3\x93\xcbx^\xb1\xcb\xbfM~\x00),\xee\x98\xcd9(hA\xd75\xdd-*\x00]O\xe7\x88\x88\xe8;-\x06\xcftF!t$3\x1f\x9d\xb0Y\xfe\xd0\xd3\xb7U\xedE\xdc\xc6\xb0\xad\xed)\x0b\x92R}\xec\xb6\xcb]\xd0\xe3\xbd\xeavE\xa0\xbf\x82\x8bly`d}\x0f\xb0AWA\xd4\xf9A\x9d\xadVt\x89\xc9\xa79\xe4#"\xa27\xf64\x10\x15z\xd6\xc6\x9a\x95\xa1gf\xba{~\x04\x91\xf5\xa5\xf9\x98\xb8\xb9\'\xf1\x0e=\xc0\xa0\x98\x81\x95\xfb\xafJb\xfe\xde@U@\x1b\xcaYC\xb3L\x89=\xcfmV\x9d\x9dU\x97o\x15&lt;\xfay\x1d\xd6\xe2c\xd9\xb8\xe01*\x7f6\x8dS\x9a\xf3a8\xedKJ\xf3\xa6\xfdo\xd0uR\x9d0r2\xe0\x1c\x13\n;\xdfT\x8dF#\n\xb6\xd5#\xba\xaa\xcc\xb17\xc6`\x8a\xac\xaa\xbc\xcd\x07,K\x81\x10\x1e\xe5\xfbb\xb7\x88/\xc6\x83e\xec\x81S[T5D\x88\xa7\x97~$\xbc\xbb?\xbd\x94[W\x90\xc0\xab\xdd\xc5vf\x030\xcf\xe8\xf0\x9c\xd2\xcfwa(DD\xdf\x8f\xb0\xa5]\x90\xee\x10\xddL0\x14\xe9K\x90\xe3\xd9e&lt;\xe8rHN\xad)\xa6\xfe\xb2Wg\xd5\xa4\tx\xb7Y9\x89~\xdd{\xa0\xc1\xa4\xbfb\xd2\xd1R\xb57A\x1f\x8c\xb6\x9c\x8c\x17\x0cm_\x9bI\xf4\xa5\x1cyf\xab\xc0\xb1\xf2\xdd\xe7eK\xa4D\x0e\xe1\x06\xa2\xcf\xdf\'n\xaa&lt;/dj\xbc\xd2\x1f\xef\xb2\t0d\xe6\x90\x0c\x0c%\x9eJ\x1b\xbf\xa6\xef\xed\x9c\xde\x86\x8f\x18\x9e\xaf(j\xe9\xe5\xf2\xbc\r`\xd0\xf5\x93W\xdf\xff\xbc2\xa0\xd2f\xe7?\x93\x13\x18@\xb3^\xcb\xf5s?\xb0\xf2UUm\xf4&gt;3\x0f\\\x12-\xf8\xea\xfe?i\xb5\x8d Lw\x9f\xb8\\\xc7\xca\xa1\xe6f\xb8V\x11g\xbc%\xf8\x02o\xa3uE\x84xZ\x8a\xa7\x93\xdc\xdbz\xfbV&gt;b\xc5y\xec\xbe8\x8b\xaem\xce\x8e\x13}E\xaf*\xf2\xd3\xc6\x0en[_\xa5\xb9\xe5+\xbb&gt;Z-\xb8\x01\xca\xa0\x0b\xa4\xe4\x93\x07\x9e\xa76iD\x85r\xf5\x00\xcd\xed\xa2i\xba\'\xcb\xbd\x8c~/\xb5v\x14z\xd8\xf6\xbd\xaaX\xc7\x7f\xc5u\'(C\x8e\xe6\xd7\x9e\xa3\x17\x9frrG{\xdb\xc8\xc7\x8et\xdd=\x84D\xd1\xdf\xf2\'\xe2\xa6r\xf9\x1a\xf6\xccx\x03\x89\xb0\xb2E&lt;\xb3\x04\x80`\xfes\xdbK\xc7\x83\x94\x10\xd1\xb3\xf9\xbdf\xda0\xc1;\xd8\xc1\xf7\x1fm\xfeM\x80\x88\xde4HJq \xd0\xe3\xddk Q\x16\xd9\xde\xc3D"T3\xdd\xad\xa0\xa2\xf0\xc0*\xb2jK\xa3E\x8f\x1d\xa0/\x90\xb8\x12\xf7\xa9Z\xb34\xa7\xba\xf8fT#\x9ez\x90JRe\x0e,\xe6\x94\xa4\xc4\x03\xf0\xf1 \xfd[)\xa5\xd0\xff]\xffz\xdc\x8f\xcf\x94u\xf7\x86\x98x\x95\x84\x1azw\xb2^\xa9\xb25\xd4\xb9\xf0\xa6\xa6 \x86\xd4{\x88\x1ctY\xc4\x1a\x93\x90\xc7\xf0k\x86\xff\xd3\xd7\xd9\xb9\xb6&amp;\xfa\x1fm0\xf6a%G\xe8hN\xc3@\x1b@=\xf1\xf0\x88\xc5%8\x8el\xea\x01H\x93\xa1UY\x18\xc0W\x97\xe3}\xc5\x85\x07\x9cr\xd8&lt;=iNAI\x84D\xef\xb9\x94\xechv~5w\xc0\xca \xb4hc\xce\xab!\xb6L^-`P#\xa9\x9cdL\xb4\xe9&lt;4\xe8\xfai\xeb\xea\xfd\xbexA\xd6\xd2\x99L\x8b\x85\xf9\xb0,\xc2\xfbS\x0b\xb3\xe6wN\x00\xde\xda\xce\x83i\x12\xbd\xa0\xca6\x94s\xba\x9f\xb6\x9b~|\x94\xb8e/4\xf3\x8e\xc9k\x16\xcd\xce]J\x08L\x17AJl\xc7\x1d\xa2\xb5\x9a\xebX\xbd\xd3\x9d\x18\x9d\x9c!\x9c\x95\xc1\x0ev\xa1\x82\xf0\xde{\x9b\x8aAg\xa5\xda\xc1\xb9\xeb-\xa5\xa4\xb1n2\x0f.\xb0\xda^\x99P\x9bV\xde\x84=U\x8a\xf9Z{Q\xc5{A\x06\xc7\x91\x08\xc6\xd6\xc2\xe7\xbdd\x83O\xca*L?F\xb0\'\x83\x80\xf93\xc1\xa0\x9bTA\x04\x9a\x86\x94\x12\x93\x12gyp\x11m\x00\x7f\xa0w\x9d\xfcN\xc0\xb3\xa2\xcb\xba\x9a\x9d\xa4\x0b\xfe\xad\xb6\xec9v\xd6A\x07S_iA\xb2\x07\x03\xea|&gt;\xd3\xa3V\xaf\x7fe\x85\xbe-\xc0\xb3\x16\xb5\xbc\xd7M\xa6\xf7a\xfa\xbd\x92W\xefv4}R!D\xeb\xb4\x81\xcf\x9e/\xfa\x1byZ\xde\n"R\xc0#\x90\xc1-\xc5\xe0\x1f8Z\x96\xd6c\x9c{\xc2\x10\x86\xf0\x0f3\xb8\xfa\x89\x88\xe8\xddcl\xcd[\x99\x88\x15\x95\x8a\x89\xd86Su\x7f\x13\xd3\x00\xdcob\xd0\x95R&amp;\xed\xae\x8c&amp; \xb5\xde\xbd\xaf\xbe\xfb\x95\xa5\xf3\xf0[=[\x97\x84^\x1e\xebEP\x1d\xf8h\xe5\x02\x9cF\xd0E\xc5/b\xbb\xfbfg\x9b\x062\x17\xa5s%gjY`=\x0f\xbb+H\x8a\xaf1\xe9m}@\x7f\x92\x8d\xdb\xddp\xce\xd3\xbd\x0b\xcb\xe4y\xc4\xe0A\x1d\x86p\xb3\xf9\x981\xc8\xd2\x10\xea\xae\x04\x1et^\xda&lt;=&lt;\xd5\xe6\x82\xd86\xf4\xe8\x90\xa5P)\xf4\xf2\xf3EAY^P\x1e\xb7\x8c:\xfd\x17\xeae\xa0r\xb6&gt;W\x9d\xb0G\xc6\x80\x11\x1b_\xebL\xffW[\xf0\xbc\x87\xca\xf4Sp\x89:\x9c-]\x8a?]\xe0\xda\xaa\xe8S\xf7h\xaa\xf9Fj\xa4w\x9fk\x95]z\xae\xce\xf3\xed\xa0\x8div\xed\xd6V\xce\xe3\xdd*Q\x9eg\x0bz\xd3;\xeff=\xf9y\xd8\x06\xdd\xa8\xd48&lt;\xf2\x1fsg\xa5\xd9v\xc1\xc1\xd1;Rn\x07\xe5uF[\xb4\x01\xf4\xe1!\xe5\x08\x11\xd1\xaf\xb1\x16\xde\x93\n\xea\xafj\xfd&gt;\xa6\x03I\xcc`1`\xeb\xfd\xeb\xf4B\xd6v\x8d\xd9\xeb\x83[\xddJ:\x98\x9d[Y\x93&gt;\xbf\xc5\x12c\x03\xab\xcc\xd59+:\x04|\x13\x89\xb2\xbeS\xf9\xa0\xab#u\x0e\x9d\xeb\x1d\x1f\x7fFV\x8fxYK\xe45e\x03\xfd\xe4r\xc1O-\xbd\x1b\x80h6m\xa0(h\xb5\x96\xbb\x8e\xe6\xa0\x1c\xe4\x8e;\xca\x11\xfd\x12\x9e\t\x9c\xeb^\xca\xc4p\xfa\x9e\xed\x88\xc1$^\xd2\xee\x992\n\x84K\x84\xf7\xeb\x14C\x13\x0c\x19\xce\xe5(in\t\xb6\x8e6\xbf\xf8\xa7C\x94\xab\xac]s\x1e\x88A\x91.\xa2\xdcg\xcf\x06]\n\xadE\xc7\x99q\xa2\xefU\xfc\t\x9d\xbb&gt;$\xaeT\x15\x9e\xa3[4\xec\xaa\x1ax\xd9\xd7F\x1e0&lt;v\xdb\xfa\xd1\x1bL\x08\xc92\xf6\x9b\xdb\x1a\x90\xf4!,\xb8\xb5\xad\xd0\x9c\xa9\xb0\xd4\tm\xb3\x81\xba\t\xbeob]Mo\x8f\x9b\x06\xcd)\x14j&amp;0\xe2lW&amp;\x15\xdbQ\x86s\xa1d\xa0\xad|\xa0\x06]\ny\xd3\xa2\xfa\x11\xc5/\xdaF7\x91\x8c\xa1\xd7\xda\x05\xb5\x02\x0b\xb37+x`FrED\x1f\x8cV\xdd\xc6-\'\x8f\x16\xf2\xbd\xe6\xa1\xf5\xd1SU+\x82}\xfe\x9b\xb4-\xa7\xa6\xa3X\xa0\xbd\xf6J\x0bM\xde\x92\xcd=\x0fj\x1d\xec\xf8A\x1c\xdf\xe2\x93\xfdgJu\xb4\xde\xa2\xef\xceT\x7f\x00\xdfu\x86\xe3\xd9\xe3\xcc\xa0k!\xef\x89\r\xf1\xa4\xf1K@\x87!\x96Q\x81\x92\xe6\xe2\x91\xcc\x91l\x1ek\x86\xd5\xee\x88\xd84R^\xc2\xb5\x91\x07\xfc\xb4R\x9e\'!u\xb9\xb9\x8d\xaa\x89\xbe\x98:z&amp;\r\xbf\xdd\xb3o\x11\xd1\x97\xad[,b\xd8\x80\xc4\xbf\xfb\x95h\xcb\xd1\xe2\xa0;v\n+\x92:d\xd6\x88\xcc\xd4\xc4\xc7/f\xda\'\xff!\xd2Lo\xb8\x13\xf6\xa0\xeb$\xfa`\xf4\xb7\xaf0\xa1\xf1\x13C]\x05\xe0Q\x11\x9bf\xd9\xe4\x89x\xbd?\t\x00\x9a\x93\x998\xb5\x16\x82\xc2\xb3\x02\xb3P\x91\x88\xf8\x809t0c7)\x98\xf3C\x8at\xf2#\xa3\xd1\xf6|\xa0\x95\x1e\xe6\xa5\x06\xcd\xd7\xdf\xe21$M7\xdaX\x95\xe1\\\xf0.\x86YI\xa9e\xe2&lt;\xd2\xb1w\xab\xb6\xa4\x1fj\x994#`Mcr\x8e\xd1\x86\x0b\x9bP\x17\x83.\x8e\xbc\x03\xb5\xc8x\x98\x9a\xb2y\t\xe6\xd8I\xeb%\xff\xc2d\x85\x89\xa6\x134\xcc\xc8\xe6\xf2\xae\x08\x03\x1fb\x0f\xbd\x95\x00F\xcc\xa0\x15\x8bN\x06o\xdd\xdd*\xf6\xf2s\x18\xc1\xc6\x0c\xad\\\xd9*\'"\xa2\xa7\xf1\x97_\x8f\xf0$\xf4\xa48m\x87\x04M,Y\x84\x93\xb6\x14\xbdR\x82\xbe\xa1\x18\x91&amp;N\xc5W\xfb0\xa5\xcd\x15\x01\xf4\xbc\xd9\xd3\x1f\xcb&gt;J\xd5\xfa\x03\xb8\x83.\x87\x82\xb4P\x0cQm\xea\xb2(\xf9\xadlm|x\rb\x17\xdf%s=\x93\x9c\x08\x86\x14\xa8r\x00O\xa8\xd8;\xa6(\xd8\x85W\x07chQ\xf2\xf3\x1d\x0e8`\x82\x97}\xaafz\xd5\x8cQ\x9e$\x81\x0by\xdf\x88~\x97\x88\x9e\xc5j\x99\xb2hp\x9e\xa5\xe0\x90\xc1\xac\xb2\x85\x8dc\xc1\x95\xbff\x9a\xcc\x19m\xd1i#b\xff&amp;\xb6[\xb6\xa2\xc1\xd3\xd4.\x1bI\xe6\x93\xca\xea\xb6r\x16\x05a\xd0ESMM3~\xc0\xa9\x8d\xd8\x05\xfdX\xc4\x03mQ|7H\xdb\\\xd5\x03\xe9\xdeZ69\x9d\xf7\x8f\xc5\xa3\xdd%g\xc5\x8a\xf7\x8a\x08q\x00Cc3\x16\x9d\xc7VR-\x1fX\xdd\xcf\xb9Y{\xd8\xf5\xc2\xe9d\x9b\xda&lt;A\xeeN,\xae0\xe7g\xcaM\xa7I\xc9\xbf\xb49+\xbcv\xc4\x129D$Z\x10\xb3\x04Vy\xde\xa2y\x9c\x8euenl\x08\x97Jb^\xbb\x05[&lt;f\xc1\xb8lL\xdb\xdaq4\xa4\xd8\t7\xec\xbe!\xbdW\x94\xfa\x0f\x86J\xbaL\xa8\xf3MIlH\x81\xfemK(/\xb5N\x93W\xee\xcdJ\x0eB\x14X!\xc6\x16\x80\xa3R\xe8\x9en\xef\x1c\x00p\xed\xf6\xec\x16\x9e\x92R\xcaO\xac/7\xea\xd9\x03,\x93}\x8a\x87\x96\x7f\xed\x14\xd7M\xc5\xa5\xff\x035K\xc2\xd6\xf5\xc6P\x91\x0c\xba,"T\xaa"\xfe\x9e\x8c\xaf\xb9\x00\xcb\xcaG\xcc&lt;\x95\x19\xf7\xe3\xcah\x9c\x7fY`FU\xe1\xfdfX\xc2&lt;m\x8a\xfeR\xc1\xee\xc1\xa6\xd7\xcfO7\xc2~\xc8\x87&gt;c\r\xf3&lt;n\xb5\xe2\xc5\xd6S\xc89\x97\x1c\xa8]\xf0\x06\xd3\x91\xd1 \xff\x83,S\xa3\x1b\xe2BV\x89L{\x0b \x99\xf2D\x85&gt;\x98\xb5P \x02\xc0\x04$\x8d6\xe4a\n?K\xfb\xd5?q\x83\xae\x82\x88\xe8a\xde-\x93\xa0\xdd\xca\xf9\x11\xd2\xe8J\xa5 c\xb0\xcc;\xa0-\xf0\xcc\xf2H\xaf\xb1\x8a\x07\xd5\xb5\x97s-^=\x05gp\xeai\xcd\x9a\x95\xf4@\xaa\x13\xbc\x84wc*V\xd9\xad0\xfe\x9c\'\xf0:\x1e\x96\xb3\xcf\xdaf,\x80\xb1S\x1c\xd7hy\x1a\xf3\xd7\xdf\xc2&amp;\xf6\xa7\xdeUx\xc8\x82\x1dt\x15D\xec\x02N\xdb\xb1s\x19\xe7__\x96\x1d\x82\'\xc9\xc6\xd7F\xba\x14\x82`v@\xdbH\x1d\xf0\xb6\xde\xcdO\x10\xe4\xdbx\x8c[w\x88\xbby\xb6v\xe6O \x1eF\x83\xf7=/|V\x05\x93\xb3\xd8\x891E\xf1\xdceV\x1d\x1f\x15\xd7Z[de\xb7\x1f\x83\x8e\xa1\x9b\x95 \xd5\xe6\x836\x9dJ)\xa7\x93\xc7\xd9\xb1\xe6\xbd\xf6\xb3OI\xb7H\x17U\xb5\xa7\x0cs\x99#3\xe5u\x15y\xc2\x0esg\\\x1dD\xa7\xd3)\x15\xb7\x90\xc9Ffe?e\xc2\x86\x95x\x831\xd1\xfa&lt;\x88J\xf9E\\_\x0e\x8b\xa9\x068=\x93\xaa\x16UZ\x9eN\xb3\x00\x11\x95r\xcb\xdb/U3\x83\xe7$#Y\x7f\x9bA\x0e6\xaa))\xce\x9c\xe9\x80\x88\xca\x1a\x84\xeff7N:4^"\x9c\xd2\x192\xe8\nh.\xebpV\xf8\xf8Z\xa7t^\x12\x1f\xf4\xd8 \xb3\x12\xe9\x82}:\x15\xa2|\xb5\xe9 \x18\x8di\x9d\xf3q\xb9\xcekU\x9d\xf7J/\xa4g%*\xe54\x03\xbbj\xe3\xb4\xa9v\xbb\xdaz\xa2\x87\xf3G\xca\xab\xc9\xdaf\xc8\xf2\xdb|\xb6\xf9Of\xd3\x15\xfc\x89\xb8yy\x0e\x1d\x9f\x94\xffZ)o\xb6$m\x11\xf9\x89V\xdf2\x14\xae\xc4\xdb\x94\xd3\xdf\x94Ea\xb5\xb6n1\xa3\xae\xdf\x98t\xb3\x92\x9f\xbb\xd3\xc9\xe34\x99\xe3\xee\xfe\xfc\xd6\x1d\xb7w\xf1DDs\xe7\x1d0-\x0f\x07\xba\x08\xfb8\xbf\xfd\xe8*;\x9dN\xe5t*\x0f__cH\xfa\xfd\xcc\xdd\xef^0\x15\xa7\x9c\xc2s\x1c0\x82\x04\xe2\x90\x88\xd6\xa71.\x7fg1\x99\x98O\x0bMC\x96i\xe1=q\xeb\xf3K\x16\xc68~I`k\xf5\x9f\xfe\xfd\xccu\\\xef\x16\xf0\xb1\xaa\xec\xdc\xbdY\xfdo\x06\xcc\x9b/#o\xb6\x08+H\xb8\x83\xa9\x87\x83\xc8\xbb\xbf)\xb7_}x\xf4\xb2e\x08\xdc\xca\x8b\x8fW\x1c\x83n4\x92K\xd7yz\x83&gt;\x94\x1d&lt;\xeaQ\xfa\x13\xf4\xae\xe6\xbd\xa6\x9a\xb0\x11r\xc8I\x8f\xcc\xf8\xad\xf5(\x9dMO\x83\'jUE\x08\xbf\x0f\xa1|\xf9\x0eQm=\xe2\r\x00\xcb\xdcx\xc3\x00e\xd19\xeaB\x03F)D\xf7E\x90\xe6\x11Z\xb6d\x18$8\xd7`d\xd1Ili(I\x95Q\x1cI\xdd\x8a\x92\xc9\x0e\x19\x9e5\x8f\xbf \x10\x95\xfe\xae|\xd0\xf4\x9a\xb4+&lt;\xcc\x06\r\xc51\x1ctA\xb4\xcc\xeb\xf22)e\xae\x933\xed\xa6ZM8z\xe1W1\xcd\xcdt\xb3O&lt;\x15\x17\xe9\x8c\xbcu\x04\xef\xa5\xdcu\x92\xf1K\x8d\x94\xba\xc2\x9b\xf2+\xd4\x1c\xab6\x1d\xdd\xad\xca\xa1`\xec#^\xe1\xad=\x00\x86"C]\xee\xa7\xe6\x851[~\x96\xba\x98\xadi\x00\xe6\'\xc1\xdf22\xf6\x1bk\xc1\xa9\xad\x8aA7Xu{s\x00\xa855\xdd\xfa\x81lg\xb6\x8a\xad\x17\xa8\xc9\x83\x80[\xb1\x1ct\x1dt\xe0\xf4d\x94\x84i\xf5$\xcd\x8c\xfa\x8e~T2#A\x17\xf6\x00\x05\xcf\xba\xb3\xb9\x7fo\x1dY\xd4\xcb-6z\xc5\xccc\x00ay\xad\x98\xee\x01h\xfd\xd7"\x81\xf0\xb2\xc0\xce\xd00*\xf0\xf0.w\x92nQ,\x82\x18\xd2\x12\xa4w\x8c\xee:-BLm\xa3\xaa\x15\x8b\xff\x94\xdd\xac\xa6\x1f\xd1wSt/\x8bD%\x95\xe3`\xe0\xce\xa0k\xa38i\xce`\xce\xa7?\\xZ\xe9\x98\xb0\xc2\x0f\xdd_\x040\x18&lt;\xd5t\x13?\x17\xcc\xf8\x0b\xaf\x8f\xa5@\xb3z\xdc\xa1\xef\xae]0Pe\xc3]\xb5\xedE\xec@\xcd\'"\x02\xb9S1\x00\x00 \x00IDAT\xd1]2\xac\xb3w\x9f0_\x07\xb3\xc6S\xc2\xd8\x8a2$\xd2\xd9J\xdc:\xcey2y\x8e\xb7\xe7uK\xf3D\xa4\xc5\xa2\x03\x1e,:\x08\t\xde\x88;\x8cA\x97ED\xf8\xc4\xea\xf2\x87/\x13\xe6\x0e\xa0\x8c\xe9\x95-\xfc\x14\\&amp;;\xd1\n\xc9\x9e\x9cH\xae\xcf\xab\'bM\xee2\x92\xad\xe0o\xdc\xb1\xcf\xf5A\xdaP\x0e2\x95D\xddF\xad\xa8\x11a&lt;M\xd3\x9b\xd0\xae\xd2V\x83\x1aIV\x7f\xc5\\j\xcf\xd4\x83\xad8\xb6\x00\xec$\x92\xfa\xf2\xa3\x8c\xaa\x1c\xb0A\xd7@\xe7\x9b\x1c8\xefhap\xfa\xbd\x16\x03\xcc\xd7\x87YGX\x96w&lt;$\xa9\xcbi\x1dA\xf8\xe1\xad\x9c\xfe\xc7\xf7\x0b\x1dLg]\x91A\xe8\x1c$~g\xbd@U\xd5*F_9\xe4)p\x15\xf2\x84\x03\xa5\xd0d\x00\x86\xdf\xa0"`\x18N+\xfb\xf7{\x12\xcc#\x92\xd6k`\xa1\x0b\xf9\x04i\x06a;\xe2Ag\xa3\xeb\xfc\xf0n#\'N\xa7\xf9c\xc6\t\xb6E\xe140i^o\x10\xd14\x8a\x84\xae\x8eH\x86{r_}*\xbc\xec\xf8\x03\x02\xea\x97\x9d\xca\xa9\xf93\x0e\xa0f\x83\xf2b\xa6\xcf\xff\x18qjj\x18\xdb\x9c\x1aMHU\xa4\xfb\x0f\x0bN\'8\x170\x0e\xb3\xc8/\x9eNw\x07Jz\xad\xab\xe98\xad\x7f\x83y@\xda\xc2\x80\xac\xe7Av\xab7\x1b\xb9f\x94\xea\xa7ya\x8e\xbf\x18\xb8X\x8a\x9f\x90\x9c\xc1\\H\xb9gDJ\xa1P\x8b\xcd\xb5P=-\xd5\xf5\x04\xbaR\xe2w\x8f\x9f3\xf4?O\xdb\xf18E\xbd\xc4O\x8d[\x8f,2\x86\xf67\x82P\x83y.\xd7\x8d\xadi\x02\xb0\xb58k6\xf6[\x8f\x8e\xcb\xbeTZ\x7fh\xda.\xbd&lt;\xe6\xca\xece\xcb\xee\xf9\x1ft0\xd9?\xca=\xcb\x06M\xafQN\x7f6\x9b\x10\x7f&amp;\xb3/\x1f\xcc\x9f5\x96\xb5\x1a\xa0\x0e\x8etK\x05\x14\xd5\xf1dw\xb9\xa5/\x968=y\x88\x84v\xff\x8dq\xc6Ake\xca\x8d\xe9\xb2\x0ev\x1f8&amp;)\x1f\xd5:5\x8ej/\xe6\xb4\xfc\x19\x13\x9f\xd6\xe9\xef\xbcb\x90\x9b\xe3\x99\xcf\x93\x9c\x1eq`=S\x97\x9c\xd4\xec-\x8d&amp;\xbf&lt;\xbb\xbc\xd5\xe9\xf4+V\xe18\x00\\\x14\xddL\xbe&lt;\x15\xf0\x8d#\x11\xc1\x02\xfem\x82\x81\xe8=J\xf9\xb3u\xe4K\xbb\x0cL\x7fa\x1b\x00\xd0\xbc3\xff)z\xe0\x10i\x11\x7fS\xaa\x05\x85\xa4\xc7\xd6\xa6\x19\xe0\xa2\xf4\x0b\x1a\xac\x07\x93\x13Rs\x14\x90\xb7\xbf\xe5T\n\xcd\x11\xdelY=\x19`\x81\xd7\xc1$\xa2\xcf\x8f\xe0i\xcd\xa7z\xb1\xea\x99\x8aP\x02\xd4&amp;:M)v\xd4\x04\xad\xcdv\xfdse\xef(\xd0\x1c\x8c\xdb*\xab\xd93\x96v\x0fr\xfd\n\xd7SJy\xd5u{H)\x1dt\rD\xef\x9d\xe64\xef\x91\xb2[\x1dJZ4?\x0f\x81O\x84\xb2f\x849\xc7zVC\xafMW\x8fg\x93\x9d\xa3\xe7\x97\xf6\x11G\xa7-\xb3\xda\x1f\xde\xf1hB1n~\xd6\x04\x81\xf9ApD\xa4;1\x88\x0cT\x1b\x9cPeJI\x83\xd9\xc8\xa2)\x9eG\xb8\x0b\xf7i=\x08*\xbe\xbfq(\xec\xad\xa4Gs\x11H|\x1d\xc0\xe65;\xe8J)??\xd3d\xee\x9fQT\xf4E]\xfe\xf2\x80Sv\x91\xe6\x0fS\xa09\xc7\xfaN7\xa0\xadR\xe8\x8f-\x00\xca\x14\xa6R7\x00U\xf2ZbvR\xe0\xe2\xcc\xb8\xbc9&amp;D\xef\xdcTE\xf4\xbf\xaf\xbd"\x80\xc8 \x1eW\\\xd65\xea\xfc\x8c\xd9\xc4\xbcf\xb2\xbf\xb1\xd5[\xf1\xd4\xc1qJ|LY\xad\xa9\x14~\xb1\xee\x804\xf9\xc8\xc7&amp;p\x13!\xfa\x91\x036\x80\x12\xef\x01\xc5m\xff),s\xb1!(H\xf4\x82\x9d\x8e\xfc\x91Ln\xa2\xe2=\xde\xc9\xaf\xb5\x9eU\xe9\x8a\xd3;m\xd1\xb9\xcbp\xc2\x1c&gt;&gt;\xce"O\xce\xa8\xed\x84\xa1\xa5\x9aq\xf8\xae\xb0Zyi\x197FF\xea\xb0\x13\x15\xb0\x85\x12\xbe\xe9\x02\x13o\x07Yi\xe0\xa6K\xc1\x1b\xc0\xa0\x1b\x8c\xbaf\xae\xf2v\x884\xce\x01\xa9\x0e%\x03\x92\xc2D\xdc\x93\x9f\xeb\x81\xfd\xdeU[\x9b\xff\n\xa8\xeb\x94&amp;\x16p)D\xf4g\x01\xf7\xf5\x11\x11\xd1\xef\xe2[/\xaf9\xeb\xc5}WY\xe2\x0c\xd9\x07J\xab8\xdaE\x92\x05N\xb1*\xc1|\x06f\x18\x9b\xb0\x88]\xe85w;\xad*g\x8b\x8f\xac ;\x024\xe82)\xb76\xf4A\x8fnW\x88\x1eA?\x95\x91M\xd2\x16\xe4I\xb9\xf8\x01\x12\xef\xd4\x08}^\x96\xd7\x05e\x91\xd8\xbfm\x18i/-g\x10\xa3\x9e\xeaV\x9b\xe5\x1c\x8e\xab\xa5\xcc3\x8d\xad\x9a\xdb:Y\xa5\x96\x9b\xe5\xfb\x19N\xdf\x84\x16_\xf3\xca^\x08\xbb]PWs\x89\xd9\xdf\xbd\xce|\x85c\x03\xb8Qh\xe7\xdc\xd4\xdc\xfd\x01t+9\xf5\xec\x99\x0f{N*T\xcdw\xbb\x80\xed\xcc=R\t]\n\xfd\x0bpJ\xad\xea&gt;\x13\x8b\xa7\xf4\xf9\xb3\xec-S"n]\xc8\x03X\xcbM\xe7i\xaf\xa1\x13\x1b\xda\xf5\xd8\x90\'C\xd7\xe1f\xbbE\r\x80\xf8\x01\xb7\t\x00\xee\xd0m)\xbe\x13\x14\xb1\x10T1m\x1c4\xd3\x99\x9f/\xd1\xba\xa6\xb7\xec\x92\xa4&amp;\x92AWM\xf1\x83\x91\xac\x92\x96x\x97\t\xb9\xc8\x95\x06]\xa7`!\xa0\xcfX\x0f\xa1]\xf9\x97\x0f\x01T\xf8\r\xe8)A^\x9b&gt;2\x1blj\x18&gt;\x8e(\xa5\xbc\x9d\x03\x8fP\xb8\xd4Z\r\x10j\xb4\xe1\x87\xc6\x88\x88\xe8\x95\x8d\xc82\x89\xca\x91\xdc;\xa8\xd37t\x96%+"\x1f\x01\x98\x95\x95!\xf9\xfe\x86I\x0f\tR{\x14-\xd8\xfeW\x91\xc9\xa07\x00\xc7x\x86\'\x90\xcas\xd6\xb4Q\x0c/d\x83]\x18\x06]?\xe5\xe7\nT\x84Xm\xa7f]\xe8\xcd\x1a\x16\xe3\x82\xf3m\xed\x1a\x98\xee\xab\x0e\xd4i\xd0\x12\x08\'\xe6{*\xf1\xbe\xcd\x06\xc8\xd6\xca\xe2\x94V\xab\xd9s\xa7w\xc1uan\xbaH\x9f\x82\xdb\xc0E\x1c\xcdlO\xdc\xb8,\x07\xef\xe9\xe9\x9d\x0ek\x0ej\x88a\xc7F\xf3\xde\xea\xb8\xc9L\xd3\xcc^3\x11\x9f\x15\xfcJ\xed\x89\xaaQO}\x00u\xd0\xc5\xd1\x9a\x07/\xd9/\x1b\xce\xb0\xa8S\xfdO\'*\xb6\x80Mq\xa2T\x9e\xefzH\x88\x88\xe8!il\xf2%?\xac\xb0\x7f!Zx7\xb9N&lt;\xd7b\xf1X)\xc9\xe9k\x9e`2G\x1c\x05\x06\x85:\x82Z\x9dA\x82\x81Q\xd3(\xc4(\xd3\xb4\xb3~\xb9\xd3\xed\x9fc4\xe7}R\'\xda8\xf9\x0b\x98\x17\xb9\x01K\xbb\xfc_\xae\xa1\xe1\xec\xa8\xf57(\xa9F \xaeG\x7f\x94WK\xeb\x01\xb6\xa9V\x0b\xb66\x80\x95\xe1\xd0\xb4\xab\x86\x89\x88&gt; \xc5\x9f\xd7\\\x9c\xc2$V#\x1b\xccj\xf6-\x06%\xa3\xc8\xe5\xcdad\r\xf7\x13!\xb4\x93M\xbbOK\x86\x0eX\xa1\xd3\xaeHA\xb3\x1957\xa5\x94R\xd4\xef\x8d\xca"\xab\x0b\xfdK\x8bS\xcb\x97\xd5\x94\x803\xd5\x9bZ\x01H\xf2\xa8\xd9"\x18w\xba(\xd31\x0c\xba\x1eR\xd3\x027\x00o\xb9&amp;\xf57\xd7a\xaa\xa3,\xe5\xd7\xe0\xf8y\x12\x8b\x07\xe1\x08mB\xb3\xb8e\x8c\xaa\x12\xb0\x96\x8f\xe2*\tM\x93=\x1f\xd0\xb7u\xbbp,\x81\nk\x9aw+b33\xd0\x0f\x8bi\x03\x95\xbf\x01\x94R\xfe12\x07\x9a\x95%\xf2\xe0\xad\x97\x18\x15-\xefuw-:\xab\x93\xc2\xb7\xdc\x15\x7f\xc6V\xac\xcd*\x179&lt;6\x80\xcb\xa3\xe9\xbb\xb7\xfe\xb2\x9cn\x9b\xf9\xca\'\xf5\x15\xb2\xc7~O\r\x11\xcd\xdf\x19\xbb\xbc.\xb9\xaf\x8e\xa2\xe3\xbe&lt;k\xc9\xd1\xf9\xabk\xb7}\x01\xb2\x95\x99*\x8a\xfez54(\x90,\xf7\xd0\xca\x99\xbe\x99\'\x11\x1c\xf6\x7f\xf1\x8dc\xa5\x94\xf9K\xb2\xd1\xf7\x1b\x17}\xee\xa8_\x11|\xbe\xaf\xf2\xaa\xb5\x82\x7f\xa7\x98\xfa"\xbc\n\x86dzX/t\xd0rsIa\xd6M)\n#\xcf\xcd\x9d\xc4\x97\xde\x90\xb5\x1e\x87\xb1\xfa2\xeb\x94_kH\xf5\xbb\xb0\xb9\x83\xf3\xb2\xa1\xfa\xf2\x84\x14\xee\xa7@\x95\x9d\x11\x8ee\n\xc5\xf8&amp;\xb8\x1b\x92`\x1fq\xecn\xae:\x85\xae\xc6msg1?j0\xa6\x93F!\'\x1c\xdf\xd9\xfe\xa8\x984\x15\xa9NsU\x82\xf0\x04^\xc4&lt;\xc7\x92\xf7\xc0\xa7\xd4n\xba\xa2J\x08\x16\xf8\xac\xa3\x0b\x8f\xcc\r\xaeS\x8e\xfc8\xbb~c\x1cL\xffe\x00\x8a\xa3\x86\xabO\xf9\xb5\x1cA\x8e\xe9\xb5\xb5\x9b\xe9#\xd7N\xbb\x83n&lt;\xaa\x93\xee\xd6\xbe\x86\xb8~&lt;\xba$}\xe1/\xcfApy{\xe6\xf42\x96\x1f\xda\x81z\x88~[\x89o+F{h\xb1w\xbf\xb5R,\xe3\x91\x14x^q\x15\xdb\x80\x86AD\xf4N\x93\x03\x1f\xe41|qylJ\x8f\xad\xdd\xd1L\xd4G7Vd\xbeFVZ@\xfaD\xe2&lt;\xa1{8\xe3\xae\xb6\xf6b\\\xedn\xf2\xc5[\xfe5\x9d\xc6&amp;q\xc3S\x94\x910\x03B\x91[\xcbN\xcdU\x1b\xe2\xe1\x99\xbd\'\xb9&lt;\x1c\xb4\x9e\xe4\x11\xbf\x11/,\xef\xa1\x88\xbd\xf6\xc0\x04h\x9f\xebu\xcd-\xbbu$P.97\x96\xfe\xa3\x96z\xa0\xa6F\xbc\xd5d\xcc\xff\xaa\x19V\xd790Q\xa2\xf6\x8a\x04\x80\xe3E\xc1\xd9\xea\xcb\xbbL\x83\xa5\x10=SZ\xef2\r\xec&amp;\xb0\xe0\x1c\x03#Wr\xa0\x1c\xd4A}\xf9\xf1\xf7U\xea\x80Y$I\x01OSC\x91\xe7\xe2n$\xe1\xc3\x84\xa2\x0f:H\x1c\xae\x1cWg\xbb\x9dl/~\xa4ps\x04\x80\x89Es\x8aY\x1a\xed\xa9\xa7\t\xb6o\x8f\x8c\xcee%g\xd4\x0b\xceY\x8b\x92\xb5\xd9\xcajw6\xc55o\xae\xd1j\xa2\xd0\xb4\x97\xab6\x81\x0eL*kw\xd0E\x90\x9a\xef$\xe7^\xa3\x89\xa4\x8a\x93\x8f\xdf\x8b\xcb\x1f\xbc\x95)\x9a\xfcFk\xdd\xe6\xdbj\x0bc}\xf9\xf6\xad\xc8`\x07\x97\x7f\xeb\xddst[\x07\x16\x82I\xdb\xeb\xed\xb6X\'/\x98ES\x13\xfb\xba\xf8&amp;\xc2b\xd6\x852\xe4]\xc7jUf*Az\xb8a\x86\xe2V\xf3VH\x18\xa7\xb9\xf0\xd8\xe8\xfc\x1f/\x1e\xd4M\xac\xdd\x00sigk\xe9;V\xf1"GB[\xbb\xe6\xde\xa4x!z\xbeLb\xb1\xd4\x85\xe0J\x1f\xce\xb5\xd8e\x16`&gt;S\xfa*\xad\xb0q\x03"\x87\xc3xAQ\x91\x81v\x0f3\x97dk=\x83"E[mm\xaf\x80\x04\xc4\xa3\x8c2l\xba\xb2\xcb\xbal(\x89\xaa\xc1KDD\x9f\x90\xd1\xdb4iw\x14\x85\x81\x9b8\xc7\n\x1a\xb4\x9d\xd4\xfc\xa3FF\xd4#\xce\xef\xe5M\xf2\xe9A\xbbe\x80h\x1d%\xb0\x05\xd3\x98\xc3\xf5\x86a\xd4\xc8\xa4+\x91\x11\xec\xce\xf8\xe6:_L\xbd\xb0W3\x17\xd7\x83\xde\xb87\xcb\xe6\x19B\x97\xa7j\n\x9aeHC2/\x89~B\xc5\x1f\x0b\xfe\x01R\x98\xc7m\xa4j]\xfbye\x88\x83\t\xf0\x84^\xf3\xac\xcb\xc7\'CK\xd0\xde\x98\xe8\x9f\x16\x17p\x11o\xeb\xe1\xa7+\x07*\x11\xbd\x7fN\xe1\xa0+%\xa2/\xe4\xf5\x9a\xe0w\x1d\xab\xba&amp;3\x1b\xe8l\x9d\t\x88\xbe$\x87\rg\x8bZ\xfcXV\x02 C\xae\xc5\x1c\x06\x07-V\x1e5b\xa5|m\xae\xa3\xaf\xb5\x00\xba\xd1\xb5\xac\xee\x8a\xca\xf7\xa2\xa7}\x12\xe2#\x1bV39\xbb\xbb` "\xf3\xec?\x9ckPq\x9a\xfbA\x15o\x00\x86s\xcaFas`\x93A\xe4m\xcb\xe8Y\xa9"\xd3\xff*\xc0\x8fM\xd5\xeb\xdc\x01k\x94\xfe\x8b$\xb1{\x9bL\x87E\xcdK\xeb\xe9+\xc0\xb0\x95)\x99\xf2\xa8V\xd3\x1a\xea\x1eZ\x9dy\x96\xcb\x00E\x146\x8bV\xe9\xdf\x06,\xc1\xb6\xcbJ\x0c \x89\x04\xdeMB\x89{\x8bJo\xbe\xec\xbbv3\x86/mq\xb1\x1d\xb7\xe7W&amp;\x98\x81\xac\x87-\x16\x8c\xa9W`C6\x90%u\xda(\xe5\x1b\xd3h{\x0f\x7f\x83.\x88\xe6\x95\xc62\x08n\x00\xa5?/\x8d\x95\xac\x02\xb1\x1bI!\\\xa0;`\x80}E)G\'\x00\xdeh\x0baO[\x8d\xaa\x8fD\x88\xc2\x1e\xd6\x95\r\x99yC\x17)A\xc5\x94Z\x9f\x16\xdfV\xd1\x98,\xd0\xe6\x94\xce\x0f5\x08\x9f\xec\xd9nz*\xd2x\xdd6\xbe\xa9\x94B\xf4"\xcd/u\x12\xfd\xac\x87\x92\xf4g\xb1&lt;_z\x92\x9f\xfec\x8e\x8d\x18BF\xe6h\xed\xa4\xba\\\xda\x9b\xe7\x14M\xeb\xa0\x1b\x89\xc8\xf9\x8e\x9dbRg\xcf4\xaf\xa9\x86\xacx\xe5\xb8Y\xeeU\x19-\xa5\xbcD\x0c\x83\x8b\xfc5\xb8[LB+\x03\xc9\x93l\xbc\xe6\xd5\xda\xc3n\xe64(\x9e[\xb2\x105\xcb\xe2=\xcdH`\xb4\xde\xdb^,T$\xe7\xc1T}\xec\xaa\xa1@\x96\xbfTx\x9c-_\x8dD\xfa\x97\x7f\xb9`\x06\xab\xe2oNzF\x9b\xd2\xb0Ga\xdb\xe2\x99\xf5\x0f\xbaf\xb2s\x1bO\xf5\xfdC\xcex\xa9o\xcb$V\x97)\x9f\x8e\xdeJ</t>
        </is>
      </c>
      <c r="E632" t="inlineStr">
        <is>
          <t>&lt;class 'numpy.ndarray'&gt;</t>
        </is>
      </c>
    </row>
    <row r="633">
      <c r="A633" s="1" t="n">
        <v>631</v>
      </c>
      <c r="B633" t="inlineStr">
        <is>
          <t>steps_per_sec</t>
        </is>
      </c>
      <c r="C633" t="n">
        <v>9100</v>
      </c>
      <c r="D633" t="inlineStr">
        <is>
          <t>9.034943</t>
        </is>
      </c>
      <c r="E633" t="inlineStr">
        <is>
          <t>&lt;class 'numpy.ndarray'&gt;</t>
        </is>
      </c>
    </row>
    <row r="634">
      <c r="A634" s="1" t="n">
        <v>632</v>
      </c>
      <c r="B634" t="inlineStr">
        <is>
          <t>Loss/object_center</t>
        </is>
      </c>
      <c r="C634" t="n">
        <v>9100</v>
      </c>
      <c r="D634" t="inlineStr">
        <is>
          <t>0.21980324</t>
        </is>
      </c>
      <c r="E634" t="inlineStr">
        <is>
          <t>&lt;class 'numpy.ndarray'&gt;</t>
        </is>
      </c>
    </row>
    <row r="635">
      <c r="A635" s="1" t="n">
        <v>633</v>
      </c>
      <c r="B635" t="inlineStr">
        <is>
          <t>Loss/box/scale</t>
        </is>
      </c>
      <c r="C635" t="n">
        <v>9100</v>
      </c>
      <c r="D635" t="inlineStr">
        <is>
          <t>0.101407446</t>
        </is>
      </c>
      <c r="E635" t="inlineStr">
        <is>
          <t>&lt;class 'numpy.ndarray'&gt;</t>
        </is>
      </c>
    </row>
    <row r="636">
      <c r="A636" s="1" t="n">
        <v>634</v>
      </c>
      <c r="B636" t="inlineStr">
        <is>
          <t>Loss/box/offset</t>
        </is>
      </c>
      <c r="C636" t="n">
        <v>9100</v>
      </c>
      <c r="D636" t="inlineStr">
        <is>
          <t>0.16403627</t>
        </is>
      </c>
      <c r="E636" t="inlineStr">
        <is>
          <t>&lt;class 'numpy.ndarray'&gt;</t>
        </is>
      </c>
    </row>
    <row r="637">
      <c r="A637" s="1" t="n">
        <v>635</v>
      </c>
      <c r="B637" t="inlineStr">
        <is>
          <t>Loss/total_loss</t>
        </is>
      </c>
      <c r="C637" t="n">
        <v>9100</v>
      </c>
      <c r="D637" t="inlineStr">
        <is>
          <t>0.48524696</t>
        </is>
      </c>
      <c r="E637" t="inlineStr">
        <is>
          <t>&lt;class 'numpy.ndarray'&gt;</t>
        </is>
      </c>
    </row>
    <row r="638">
      <c r="A638" s="1" t="n">
        <v>636</v>
      </c>
      <c r="B638" t="inlineStr">
        <is>
          <t>learning_rate</t>
        </is>
      </c>
      <c r="C638" t="n">
        <v>9100</v>
      </c>
      <c r="D638" t="inlineStr">
        <is>
          <t>0.0009993092</t>
        </is>
      </c>
      <c r="E638" t="inlineStr">
        <is>
          <t>&lt;class 'numpy.ndarray'&gt;</t>
        </is>
      </c>
    </row>
    <row r="639">
      <c r="A639" s="1" t="n">
        <v>637</v>
      </c>
      <c r="B639" t="inlineStr">
        <is>
          <t>train_input_images</t>
        </is>
      </c>
      <c r="C639" t="n">
        <v>9100</v>
      </c>
      <c r="D639" t="inlineStr">
        <is>
          <t>[b'512' b'512'
 b'\x89PNG\r\n\x1a\n\x00\x00\x00\rIHDR\x00\x00\x02\x00\x00\x00\x02\x00\x08\x02\x00\x00\x00{\x1aC\xad\x00\x00 \x00IDATx\x9c\xec\xbdw\xbcu\xdfQ\x16&gt;+\x10j\x02\x01i\xa1C\x10B\xe8\xa1(UB\x00\t\x18\x8aA\x90\xde\xc4\x80 \xa8\x84*1t\x05\xa4\xd7\x00\nA\x9a\x1a\x9a@\xe8\xe5G\x11\x04\xa9\xd2\x83\x10\x90b\x08J\xa8B \x99\xdf\x1f{\xef\xb5\xa7&lt;3k\xd6&gt;\xe7\xdc\xf7\xbd\xf7\xbe\xf3I\xde\xef&gt;kOyf\xd6\xacYe\xefs.\xd1=\xbaG\xf7\xe8\x1e\xdd\xa3{t\x8f\xee\xd1=\xbaG\xf7\xe8\x1e\xdd\xa3{t\x8f\xee\xd1=\xbaG\xf7\xe8\x1e\xdd\xa3{t\x8f\xee\xd1=\xbaG\xf7\xe8\x1e\xdd\xa3{t\x8f\xee\xd1=\xbaG\xf7\xe8\x1e\xdd\xa3{t\x8f\xee\xd1=\xbaG\xf7\xe8\x1e\xdd\xa3{t\x8f\xee\x11\x11\x1133\xb3\xfcX\x17\xd4\x1fWU\xbd}i9\x0el\xc6z\xca\xb9\xfe\xaf\xa2\xf6\x98\t#u\x8a\xd7\xe7"\x1e\xd1\x85\x8c\x8a\xeb\xb9\x00\xfa&lt;\\&gt;\xce)A\xfcC\x87O\x8fE\x87\n\xed\\:\xecD\xc4\xefr!\xc5\xa7\xd2\xd5\x8c\x84\xcb\x06\xf7\x1ey\x82#\x8d\xee\x9a\xf2G\x0b\x92\xa8\x1d"\x0f\x99\xcf\x8b\xeb8\xa1\xd26\x12\x013\xc1\xa5\xe0Y\xd33\x86\x98\x9fqx!\x92\xaa]\x95&amp;\x9e3\x7fu\xc5\x16\x17jY\x12\xdd\x8bO\x005\xcd\xfc\xd1\x99\x865V\xf1\xe8\x9eF\xf5\xbd8i/\x9a\x85w\xcf\x80\xbd3\x14e\xea\x95\r\xfd+4\x94\xd9\xca\x87\xa2\xfa\xb85~\xff\xb9\x11\x1e\xa0|\xde\xe2?\x9e\xd6v\x0eP\x17\xa7K\xefK\x86\xca/_\x95\xaex\xfe\x1d\xd0C\\K\xbeF\xe0/\x9f\xd9:\x0b\x9d\xe0\xae0q\x97D\xe3\xe6\x93\xe9\xd6\xeaza/\x8e\xe7\x1f\x1eu\x85\x86\xb3\xe3\xa9\x0c\xa8\xe5~\xce\xc5w\xd3\xaa!]\xab\xeegkc=\xb9\xaa\x07\x1c\x84w\t\xea\xbdy1\xfd\xea|\x06&amp;\xb3\xb8{\x9e\x9d\x87Wu`\n\xb8k\xb2\x92h\xc5\xff,\xbb~Zo\xfd\x90o,\xe9t&amp;\xc4\xf5$\xbc9\xf6[Op\x0c\x98\x8f2c\xcf\x1e\xdfd(L\x9dl$\xfa+\xb6n$\xcdU\x99\x0b\xc7&amp;;|?T\xf7\x93\xb4\xc9\xcb\x90\\\xe4~&amp;\xd2\xf0\x97\xb3PR2sp\x94\xb1\x07&amp;\x86Mp\xd0w\x97\xe8Y_\xb2\x99\xf9\xcf\\K]\x9b\x19\xa7V\xf9\xae3\xd0p\xc9\xa5\xc3\xcd!\x18\xa2A\xe8w\xfa?$\x02]\xdc\r\xe4\xdd\xb2\x8d\x8d\x1f\x19\xeay\xe4HIh\xfd\x86fF\xe4\xd4\xd3\x15\xcf\xd7\x9e\xae\xf0\xda\x91\xcc\x87\x03\x89q\x89\x9c\xc9\x0b\x1c\x11\xde\xa8\x81\xa9\xeb5\x03\xfd\xe9\x02HR\t\xed\xbc\xeb\xc6\xbb\xd9\x18\xe6\xcc\x15\x85\xb0p\x15\xad\xdf\x04\xdaf\xc8\xe7\x0f\x19\x0eu\xaa\t\xbd\xbf&gt;\x8aw3A\xc4\xfc\x05\xd6\xe8\x89J\x9d\x89\x0b\xd1\x852\xec\x14\xb5\xfc3\xa8\xb1\xdc\xfbk\x19\xfa\x1c\xbf\xbe;\x8c\xe8\xceP%9\xa3\xc5\x90Jru\xfeY\xab\x9ew\xc7T\nW\xe8\x15`S\xf8\xc1\x14e\xeaFQ\xcf\xb8\xb3&amp;\xd4}\xcfm\x9b\x00\x0eL\xb9\x86\xfevM\xb3\xb1r\x89\x10w\xednJ\xd7lwA\x1f\x1f\x88\xf91\xc0S2\xd5q\xbe\xb1|\xfci\xe6n\x181\xf3k\xa9m\xae\xa5@\xea\x9c\x00\x0e$\x89\x919ed\xc0c\xd5)T\x95r\xc4\x1c\xbc\xa2\xf2JshC\xe5\xb7\xa9\xfe\x13\xf9r\x19\xdf*j\xfb?\xdbE\xef\xca\xd3\xa7\x19cbx+\x19{SH.7U\x1c\x9e\x00\x98?\x18\xb6\x9f\x97*\xf0n\xd9@\xd9\t\x06\x07\x16\xbe(\xd9X\xf3\x9c\x01\xd2\xd1\xda\xeda\x0f\xf8\x9f{\xacM\xeaL\x1c\x8cb\xe8\xc5\xa1\x06?\xaes\xe4E\xba\xb5Y=\xa0zTz\x00\x99\x99\xff\xbf\xed"\xcd\xf5c\xabrX\xdc\x8d\xc2\xa8\xfa{\xce\x8a\xb9)0\'*\x8c\xe8\xed\xbc\xdd\xaa9\xd4\xe8.\xfc\xad\xe7\xd2\xb2\x8b\xc5h\xbf\x7fz=;Q\xc1\x19\xabj\xa2\x1c\x84K7\xc2\x9c\xe7`sP?\xee\xe0\xdfJ\xben\x12\x8f/t+Z\xb0\xd7\xb0\x04\x08\xc1^?~\x9a\x12\xcf\x01\xf2\xda;\x86#\x00sx\xde\x9f\x0be\xce\xf5\xa3\xa4\xe7f\x94T\xf3\xfc\xc0\x98e0\xea\xdef`\xa5\xdb\x02 \xdf&lt;\xc16\x87,\xa5\xf3\xd6\'\xaf*Q\x1dUm\xa2\xbb\xe2d\x8c\xce\x14\xea\xcb9r\x8a\xd2cE\x1fj\x08\xefN\xa9\x9a\x99\x00|s\xc5\x9b\xdc\xd3ZM\x00:\xa2)0Qu\x8f\x8e\xd3\x81\xc8&amp;\x85\x06\xea\x94}|\xca\xe8\xfd\xc8cb)\x9d6f3\x85g\xd1&amp;\xd4\xee\xca\xb1\xd1\x91\xf8\x86\xebE&amp;\x8c\x9e\x7fv\x9c\xb0\x1e+9wl\xcf\xa2\xe4\xd2\x13\x00,\xd3C0\xae\xf1\x00\x9e0\xe5NNs&lt;\x01\xa0\xc7\x00\xcc\xfc-\'\x99\xba\x954\xec\x9e\x0391+\xc5\xfc\xbe\xbb\xe0\xdex\xff\xba\xd1K\xd3\xe2\x0c\xc8\xc2\xd8\xc9`H|(]\xa0h\x1a\xbb\x89\xf2\xa1]3\x13\x9fh\xee,\x84O\xae\xc4\xf6\xf4\n\x16~\xc5^\xee\xc5*-\x88H$P\x08\xc5c\xe5\xfa\x084\xb7\x88\xf4\x84SK\x1a\xe2\xfcH\xea\xb4=\xd3:\xabI5f\xf8t#\x895x:\x04\x01{\xfd7\x9cd\xe6\x9dq0\x8fw\x00\x91\xd4\x0c\x983v\xd5hul\xe1\x1c\x8b\xd51\xb4\x1c,y.g\x0e\x8a\x83zA\xc4\xef\xe1\xd86\xe6}8\xdd\x05#\xea\x94\xdc\x8efz\xe6\x87\xd7kkW\x95\x03\x8b\x059W\x9e\xd4\xfa)\x84E*\xd6\xd3\xa4p[&lt;#\xf1\xae\xc1\xdc\x1a\x05\xa6\xea\x0b\x8bY\xe4\x8e\xa7\xeb\x1d\xa03z&gt;LV2s\xf8H&lt;A\x05\xb7\xbdG1\xc7w\x11Hx=2q\xce\xe4b~\xe7\xe5\xe2\xed\xcf\xa6P\x8f\xd8\xed\xf2\xc7:\xf8\xe7\xa7\xefDR^IB\xa1\xf5\xcbo\x8c\x0e\xe8\x8f\x903\xf8\xe5\xda\x92\x9b^\xf9)0\x14\xcf\xa1\xfd\xf7\x85\x08EL\x87+`\xebw\x93]\x97\x94\x99\x8d\xb9\xd0\x13\xbd\xc1~+\x89\xf9\'\x0f\xad1\x7f"\xab\x9bG\xf3\x90\xc5^\x8cO\xd0#\xb5\ry\x0e\xd8x\xabs\x8f\xe1\xb3\x10X\xab\xd6p\x1at,\x7f\x01;\x1a\xa8~\x9c\xeb\xe2\x08)\x81:\x847f\x9b\x99H*\x9d\xf2\xe7\xc1\xd2\xd5\xd8\x8a|\x94\xc0\xa0\xf5)\x9c\xa73\xff`"U\xd1^#\x89\x81\x99\x99\xdf\xe3\xbc\xc9\x7fL\x8f\x1c\x08\x97\x1e\x86\xd7\x86\xe4\x0e\xc8\xdf\xaa\x9d\x8dL/\xf3\xa7\xe8\xc4\xbc\xe9\xd2\x19T\xb7\xb2\x88T%\x08\x8b\xb1:K\xe6Ee.\xd2\xfd@\x84\xc7H\xf1\x17\x87\x87\xadE\xd4l\xe9\x8d]\x8b\x8d@\x9f0\xc6\xdaO&amp;T\x82\xc7_|\xc9g\x94\xee\xd0\xee\xdbG\xd47\x85%\xceo\x12\x86\x12\x0c\x0e\xd2D2\xfbN\xa9HM\xd1\xd9R\x7f\xd7\xb6]\x9fG\xe1]\xb1s\xbac\x04\x9d\x1fF\xa4\x9c\xe8\xa0\xf7\xeb\x91\xce\x8dTV|\xbc\xafD\xc6 u\xd5\x03G=FI\x97)\x94\x89\xf3\x8e\x82\x90\x92J\xb1]\x84G7\xa8q\xc2\xae\x97`9\xbf^a\x10\x14\xb0\xf2\x1e\x88Df\x1e^\xb3O\x8c\x8b\n\xdfn\xfa7Q{8\x01\x8c\xb4\xe1\xee\x80\x82\xd1\xa0\xa8\x98\xfb\xbd\xc0\xfav\xfd\xa1\x89\x06\xe6\x17\x1d\x82\xbf\x8fg\x08\xae!\xfe\xa2\x177\x9c`\xfd:WD\xa0\x9a$\xa5f\x95\x9fKj\x98\x04\xf9\xd8\x88D\xde\xe8j\'\x80\x8a\xf6\x8eC\x94\xe6\xb0\xde\x151{\x0f\xb7\xcd%&gt;\x17\xaa\xbasZ\xb8x\x9f\xfb\x15\xaa\x18\xfc\x07\xa8\xcc\x94&lt;+\xdb\xdf\x17"\x83Y?\xc7\xf6G\x8e\'\x89\xcc\xc4TQ\x9e\xed\x0ed\xe3\x9e9\xb5\xee\xf47\x17\xd9?p0&amp;R"]S\xb2\xf89\x07\xc3s\xcc\xe5\x9bOW\x10\x8f+\x08z\xefZ&lt;\xc2-\xf3\xb8p\'\xda \xa7n|y\xc8v\xf7\xe4\xdf6Z\xfe\xd8\x17h\xc3\x168\xa8Zm9\xe0\xbd\xdan\xf5\xe2\xcel\x02x&gt;\xf2\xfcO\xd5\xc7/\x13\xd7\x7f\x1d(\x07JF\xe6\x92\x95\xfb\x04\xd4\xa4kN\x9e8\x03\xe56\x9e\x83\rz\xb0\xd7\xf4\x86\xa6f8\xd8(S\xce\xd8b~\xfe\x8a\x91\xab\xc9\xc9\xbb\x91\x96\xe0\\nX2\x7f\xe6)\x9a\x8b\x92z\tp\xd2JjS\xf2(\xd7n5\xcb\xf4\xdd\x00\xfc\x02\x94\xba\x9a\xaa\x17:\x1eT\xf6\r\xf3l\xe9\t\xc5\x8d\x1eX\xfa\xaf&amp;\x14\x02\xed\xd5\xad?\xe0\xc7Lj\xbf\xc6{e\xd2=\x15\xde-G\xd7\xdc\xad\xfc\r\x03\xedZ\xb0V\xa8u+&lt;\x93\x89\xb2%\x00\xa3e\xc5u\xc1\x15m\xda\xb5Li\xb8.\xd4\x8a|\xcc\xdcZ\x95\xf9,T\xb48\x0b,\xe1\xe74\x1c2\x03\xa0\x86\x85A\xde\xea"K#4\xbd4z\xd9\xab$f6\xc6%\x1e\xe3\xf8 J\xdb]fZ\x14\xc2\xcdR7\x16\x8d\xabSB\xd1M\xa3[W\x1dg\x93\x03\x874Pk6yd\x9c\x97\xf0\x86Y\xad"\x1c\xa2\x808\xf3\xc1e\xfaN\xf6)\x1c\x05\x99y\xa0\xfc\xe9D\xcf/\xa5$\xc2\xe5\n\xeaR\xa8Z[\xc2wg\xc6\xd5u \xff\x98\x04\xd3\xdd\x19C\xbc\xe3K\xe7\xea\xc4\x91\xe8\x06\xf3\xd7\x1f\x9b\xffm\x99kM\xaaY\x16&amp;;\x9e`\xcc\\\x15\xa9\x85Uk\xad\x03\x13\x11k\xcc\x9c\xe7\xc1\xce\xda\\\xd3UQ\x92\xaa\xa6\xf7\x99\xdf\xfa\xc0\xda\xfc\x8c$\x8e\xa12._\x88\xe5d\x9d\x9bh\x8a\xa4R\xb5-\xee\xccF\x96\x86\xebw\xa3W\xa6}\x8e,\xa0m\x92~@d\x8d%z4\x0f\xb5\xd6z\x06o.\xd4L\xcb\xa3\xa1C\xe0o\x171\x11\x7f\x07h\xa4\x8b\x85\x0f\xee.\xb7\x0b\xc1S\xd4\x86\x94{Y\xae\xe9\x84\xe2r\x84W\xb6\xaew\x8a\x92A\xde\x0b\xc4\xe1\xfa\xc8\x8e\x9e\x99\xde\x9d\xb22\xcd\x1f(!\x1a|y0\xbb\x95\x98K=Zn0\xa9\xe3i\x88m\x85\xf7\x89X\x7fl?\x04,e\xc6 \x0ft\xcc\x84~\xe5\x85\xbd\xce\xf1\xc4\x90\xfa\xbd0\xb17\xebPs\xcd\xb3\xdbMI\xb0\x92\xf6\x82Zlk\x1e\xe0\xd0\xd0\n\xf2\x1dF\x15\xb0\xae\x8d\xf9\x85\xcf\x0b\xf2\nh\x1b\t\xef=`;:0\xe4\xa8Z\xfe\xfb\xb9\xf0\xee\xfc\xf0\xe3\x13PA\r\x89*_\xa3\xd7\xfa\xf2\x9e\x98\xb9+\\\xe8\x93\r\x03\x13?\xef&gt;\xf1\x90\xabD;\x9b\x88[m\xf8\x8c\xa3)\xdb\x80_\n\xc0\xb1\x9e\x01\x90\x868)^i\xc9R\xbes\xa6\x98\x8c\x0b\x15`\'\xe6\xd2=\xc2\x94\x87\xb5\x18\xf2EG\xbd\x87f\xbb\xb18\xb4\xf2\xbb\xb3\xe9s\xd2\xa8\x9a3\xf4BD\xf48\xd3\x88\x90\\\x02\x8b/\xb2\xfbv-(\x04%\xb5\x17\x83\x9cW\xab\x92\x06\'84a\xac,[k\xfe\xdd\xed\xd6\xc3\xf7\x18~z\xa1\xa8A\xc0E\xfcR\x90\xcf\x14g\x1c\x84y\rFG\x05\x1a\xbc\xcf\xc1\xf3\xea\xc4\xf4\x0c\xd8\x1bA\x91\xdb\xb3\xe1\xf0\'-\xe6nE\xdd\x9a\x8e\xe5\xaf\x86f;\xc7\x0f\xa8(\x081@[`\xb0]f\xd7r\x8cL\x15\xf0wa\xbd\x18\xe9|\xce\xc8\x96\xd7#\xb5\xf7\xff\xd1\xc9\x13@\x91s\x8aY\x82\xe8R\x87\x8b`$\x97\x8c\xac\x8a\x08\x04\xb9\xde\x8a\x0b+\x8b-\x85S\xee9K\xeeV\xe2\xc2\xfc\xa5\xcc\xcc\xfcO\x8c\xfeD\'j\xdcA\x8a\x8b\x93:e\xca\xc7I#\xd7\x9fr\x8fgG\x94T\xeb\xab\xc348\xa4\xd9\xb4\x9b\x0ef~af\xfe\x9e\xf9\xcd\xc1\x01\x84\x87\xeb\xc5\x15\xd0 b\x03\xd9g\x9a\x9a\xa8\xeejU\xe6\x16[\x1a\x1f\xfe\x94\xb7\x86\xb51\\\xde\xe7I\x8d\x069\x16)k\x13\x8d1\xf3eR\xc7\x8cAh\xb7\xdf]?\xbfUIm\x05l\xdd\x9f0\xc8\xcc\xfc\x7f3\x0cE\xfdT\xe8P\x0f\xe6\xfc\xfdq\x8f\x16:1\xd9\xa1,31\xbf\xfa\x19\x87\xd1\xb19\xc3\xd1\xff;o\x12\xb1\xf8[e\'z\x9a\xc7\xea\xd1e\xce\x8d\x075\xfe(\xae\xf8\xd1h&lt;V\xafu\xfb\xa7F"\xe2\xfaSa{\x91\xf8\xa5K\xab\x10\xd5\x1eO\x00\x89T\xc2\\\xc2)\x9e\xe4w\x18\x9d&gt;\n\xad\xc9\x0c\x7f\x8e\x16\xdf\xfd\x17\x83WB\xce\xb5K&gt;\xd2q\xc94#\x18XL\x00\xf7f\x809\xaa\x07\x0c&amp;e\xc8\\\xd06\xdbY\x07D\xe6\xf4\x8fL&lt;\xeb\xacI|i:\xc5\xae,o\xc3s\x80b&gt;\x98\xd5\xba64\x16?F\xbc\x1d\x91\'\x0c\xfcln\xfb;:z\xaeL\x00\xacI\xdf\x1a\x8b\xc8\x8f\x9eA~\\.\x82e\xf7.\x18y\'l\xben \xab\n\xee\xd0\xf7p"\xd1\xfc\x7f?\x05\x0cE$\xe6\x88\xff\xd6\xcd\x00I,N\x11O8+C6g\xd1\xf9W\xb4\xafV\x91\xeah\xa2\xaa\xe0\x08y\xf5G\xf6\x19X\xf3w\x1f\xc0s!\xe2\xfd\xf8\xe5\xf2\xb6\xb6&gt;\x13\xe76\xean r\x04Y.\xc5\x7f\x11\x16\xfaA\x8d\xab\xe5^\xa2&lt;G\xcbL\xfc\x140\xcd\x9c\x98\xf2\xab\xf0s\xe0\'\x10\xb9fY|\xf92?:px\xd5\xc8\x9a\xe7\x8c\x90\xae\x07\xf9t&lt;\xd09\xb9@\x18\xfa\xb4}8\xba\xa6`\xee)\x18\xe8\xff\xde\xba.\xb7y\xb4w\xb7\x7f\xa3\xda4\x85?\x89R\x1d\xf0\xa5\xe9\xf4!]\x97\xef|h70^\xd0\x9c+l&lt;\x9f\x8al\xe9\xebbN\xb7\xb1\x10YW\xda69\xa6\xcd\xe87\x9a\xc6\x1a\xf2\x87w?%\xb0\xbd/\x06\xe7H\x06\x83\xd0P1/\xd0\x9e\x92iQL:\x92\xd3\xd3\xf8ZR\x14\xd6=\xc5\x13\xc1\x91\xf2\xef\xdc\xb29\xb2\x8b\x1a\xd7\xae\x82\xfa\x17\xa9W\x9d\xdc\x7f\x18\xe6\xf3\x14\xacd\xf6\xd2&lt;&amp;\xef\xef`\x8a\x05\xfb\t\x1b\x9cP\xfc\xd0\xad\xf3R\x98\xabWc\xde\x83!z\x9d\x9cA\x97\xce\xa4\x8a\xb1\x96\xf2z\x88\x06\xa7j\x1b\xf3\x94\x13UbK\xe6VM\x89\x9dB\xf2\x1a\x03\x04\'\x06\xfexmj&gt;^Y\x16_\x07*\x86{\xc8\x910\x0c\xca\xa8[5\x0f\x10\x87V&gt;\xcf\xeb?\xa6Jh\x88\xda9\xba6\xf3\xc1\x89\x00\x8eQR~\xe4\x98L\xc4/\x06\xadD6+\x0emX\x81\xdaI\x0c\x13\xcc\xdf\x02\xea\xa6\xef\x82\xbeb "\xe6\xd7\xf1&amp;t.\x9d\x8ap8\x8b\xe4\x03v\x01\xcfb53\x17\x93$\xc1\xeaZvm\x13e\xe40\xb0\x9bI\x89\xbf*a\xcbR\xb1\xaa\x07yEI\xf7\x98f4\x1fL\xc0\xe0o\xb1\xca\x9d9kb0\x02\x0f\xe5\xca`\xc8\xf1\x98g\xce\x1c\x02\xc0\xe6b\xf2`\xe1Bt\xd8\xb8\xacA#\xce\x97\x13\xf5w\xc2\xe2K:sT\x06,\xf9\xcdpB\xf9&lt;^\x14\xcfV4+^\x9c\xe6\xef\x97\x95\xd4]\x15\x94=-\x93\x8eL\x00\xa2"\x99\x9e\xbd7\x01dT\tM4\x01LE\x8a\xdd\xbe\xef\x00\xc9\xbe\xac\xc1N\xef\xea\x1fw\x17\xbb\xcb\xefO\xac\x8b\x8f\xd3\x07PC\xef\x8f\xf5\xc5\x95\xd1\xaca~n\xaat\x96\xbc\xf7\xff\xcd\xa3\xca4\x8bp\xb9\xf2{\xfcW\xcc*;\xbf\n\x03\x8b\x7f\r\xc2(]\xd2\x9b%\xca\xf5W\x18\x86\xca\xe9\x1c\x83}\xce\xa8k\x81\xa8\xee\x91\xa5c}|5\x86\x06\nW\xb5\x99\xb9\xa8Fs\xf8=\xc9\xec\xdcc\x8a\x7f\xc3\xa0*\xa0\t\x82o\x8c\x96T\xd7\x9d\x98\x99\xff\xe3\x9d0zJ\xa5t\xda\x8a\x16\xc3\xbbj\xe9\rD@\xf9O\'\x80\xc4J\x91\x01\xb2}]mw\x1b\xeag~\x90s\xad\xa2\xe1r%\xba\x92\x03\xb7t\x86\xb8\xca\xb9\xf1\xbcf:nX4\xb3!T\xdb\x15\xaaJ\x8d\x86.\x05Ic\xc6\xd6\xf2\x1fo\x0e\x0e\xf5b_|m\x81\xe7j\xba\xb5h\xc3c1\x8b\xdf\xcb\xd1\xb92&lt;:\xeb\x98Ebr\xcf\xc0\xcbK\xb3b\x08\xad\xe0\xd42&lt;\x84F\xc1r\x90bw$u\x0f\x91\x95\xf8\xae\x0e\xc2\x9d.\xc1\xc3\xc8\xdfL\xba\xa6\xde\xfaaS\x14\x19\x8d\xaeX\xfc\x13\xab\xe3\xc1\x9b\xa9\xac\xeb\xeb\x03\xa0\xa38\xf14\xe9t\x8a\xa2\x01\'&lt;+x\xda\x98\x1f\x9e0\xd4RB)&lt;#E\xa92\xac/\xc3\x1aT\xacS\x90\xad_n\xf9ST\x12\xdd/\x91\x91\xef\x1bwF\x0f&lt;\xee`%*\x06\xf6\xa6\x91\xec\x03Z\xc6\xd5\x1b\xea\xc5\xaf\x0b\xc7\xe1\xf8Dc\x1eF|*5+}\xb6g\x7f\xaa\x132\xb0#rK-\xc1\xacDz\xcb\x08[)\xac\xd6\xd6\x9d^7\xbdM\xdf\xe2\x88\xc6\xa23\xd6\x97\xcf\xa9\x1a\xad\x0c\xd3\xde;o\x9e\xf1\xd8^;\x9dN\xa9#n\xf1\x1e\xb0\x15\xe6\t\x05F\x03\xa3}\x02(\xcd\x01S.D\x18,$f\xfeI4\xd0N14\xcfc&lt;?\xdao\xd7\x99\xbc\xaf6(\xb1\xe0T\x9c$\x7fQ\xd0\xe7\x8d\xf9(\x15F:\xe5~6\xb2\xee\xb5-\x17/\xe8\x18d\x86\xa0\xb69\xa7rT\x00\xa4\xee\x8e\xe1*\xf8\xca\x88\x99\xf9\xdb\xf5G\xb7?c\xe6?wRV\x89W\x8b\x1c\x14\xf1/\x00\xab\x85(b\xcbe\xff\x1e\xac)\'\xf4\x8a\xcf+s\xd7X\x89\x94H6\xa3\x96@\xea\x1e\xc2\xaa-\xbe`r\xb7\'\xf9\xa1"\x0bY\xf1O\xd4\xe6z\xd2\x92\xb2\xc3\x9b\xd7|\xf3\t\x04\x0b\xf5\xe4\x89\xd9\x94\xe5tj(\x19\xbd\xb3URr&gt;\x94\x88\xf9\xfd\xfd`Q\x03l\xa6\xcaH\xa8]6\xb2\x0e\x05\x8d\x14\xaa&gt;\x15\x14\x03\x84^\xf3\x94\xb8\tGTj\x86Ac\xf4\xb2\xfcA&lt;\xf8Wj\xac\xa1y\xe5v Dy8\x80\x97\xdc\xaa\xe6\xd5xo-\xf3\'\xe8\x13-\xfe\xb1\x13\xcfx\x12u\xbey\xe8\x14\xcfd\xe0\x04g:\xa1N\xa9\xba\x994\xb5\xde\xdf\xcb\x90\\\x89\xf7\xbb?5at\xaf\x89\x87*\xb5\xaf\xa4\x11g\x9d$\xa4\x08Xo\xad\x98\xe8\x9c~L\x16\xf1\x14*&amp;3\xff\x8b\x13k\xe6\xea\xf8;\xebn\x9d\xde\xed\xc9\xeb]\xc1\x81]\xcb\xccRq3\xf7\x8c"H&gt;\xec\xe3\x14&lt;P\x85\x03\xbb\xa6\x8f\xcf\x9b\xe4\x95\x14\x92\xf4\\\xe5\xb0,\\\xd90\xb9\x0b\x16\xd6\t\x0cf\xe6\xf7\xbdW\xfd\x99\x99\xf9\xc3m\xe3h\xbf)\xee\xa9\xb4\xae\xdbu\x89\x0e\xad$R\xfc\xe7\x07\xab|B\x1f"L\x9f\x9e\xc1\xa2\x0e\x82\x8d\x94\xfc8\xab\xc1\xf0\xac\x17\x87q\xa6j\xf7\x96\xfb\x19\x86\x10\xb9\x87&lt;\x15\xcc\x03\xcc\t\x12\xfd\xf1\xa5%\x7f^^\xebF_h\x9b\x12~6(\x8b\xc9\x961\xdfOD\xae\xb1Yx\x15\xd0\xe6-\xea\xee\xcb\xcf\xafQ*\xacF\xaa&gt;\x81M\xa8\x05-\x8b\x86\x7f\x18)\xbf\x0bf\xa9;L&amp;e\x87A\x91\xf9\xfa\xb09+.\x0b\x93\x14\x0f t\xeeK\xf7\xdc\xb9\xb4\xb3\xf0e\x8d\xb0\xfe\xfd\xb9\xbc~\xe5\x05N\xf0\x1c\x01\xe6U\xc1k\xd2^\x08\xbb\x11\xa4i0N\xf3\xf4\x04\x80jkOi\xd9\xf8\xcb\x9ds\x18\xdb\xa1\xd1\xfd\xa3(\xe5X\xe4\xc7\xa3-\xf5^C\xa5\xda\x1c[\xbfy\x04\xbc\x8ep\x18\xbaH\xdc\x8e\xe2\xcb\x96\xd1\xd3U\x8f\x87\xd0m\xa3,\xab\n\x85\xd5\x04\xb3\x18\xd8h|\xe6\xa3bo9i\xc3\xceE\xd7N!\xd6\xb46\x9e\xbc\xca(T\x81\x83\xf9=%q\x96\xd0]\xe5H,\xda:\xfd\x8c\xc5\x1b\xcd\xcdA\x11\xd8\x8d\x89\xa2\x85\xb1\x83\xaf\xe7\x00\x13\xf1\x17\x01\xa3u?_=p\xc16\xfew\xbc\x0e\x88&amp;\xad\xcb\xe5D\x12\xdb\xabI\xc5\xbb\x8e\x8c\xdb\xfc[{\xfb\xe1z\x022`r"\xa9\xe8\x1f\x8c\xae\x18\xf9\xe1*\xe9\x95\xe4\xa6\x0f\xd8\xd9\x87\xf1!&lt;\x87\xdd:Q\n\xf6\xb8M-\xfd\xb9\x1e\xa0\xe9\xf4\xf3\xeb\x92\x0bl\xf0\x99\xc7\x87-\xe6\x82D\xb7\x0e2sC\x9b\xd5\xfd\xe5\xdf\x0f\xd8\x9f\x97\xfa\x88\x0e\xc7\xc8.u(D\xec\xce\x87O\x89s\x9f\x0f\x8a\x1a\x0e\x18\xe2/\xdf.\x84\x92\xd9\xb8\xdd\n\xf2]\x8b\xd9v~\xc0zRMrx\xa4\xda\x93\xb5\xf9.?\xa8\x81\x88\xde\xed\x1c\xf5\x05\xac\xe0&amp;W\xe5g\x8b\xf5\x8c\xd1\xfd\x1a\x81\xc9e\x99?!W\xeb}Z\xae*^\x1a\x96\x1c\x8f\xb9\xcb\xcc\xd1w\xad\x17\xc6\xa9:e\xac\x0c\x83#k1\xef#\xd1k\x8b\xda\xd73\xa8\xe5\xfa\x87\x87\xa8\x84Q\x8fv(\xeb\xdd9\x9c\x82\xdfq\'v\xa2\xa4k\xdd\x1d\x18E\xd7\x88\xc6\xa3\x1a\xb5\xf8\xc4:lZ\x95\x862\xaa\\\xa7\x04\xc9_Z\x15\xa4\xf2x\x9e\x05#?\xd6\xd5\xf2?,\x05V\xe7\xba\xbeU\x9e\x05!\x97\xef\x11\x19\xa5\x92^!\xeb\xa0\xaa\xa5\x99T\x9e\xc0\x10\x8d\xa0\x9d\t,\x03\r\x86\\\xf9D\xefh\rS\x9d\x9b\xac\xcdWm\xa0\xbd\x1a\xf6\x85\xe3U\x8e\xa6\xdf%\xb6VCs\xeb\xf5\xb9\xed\x9e^On\x0ee\t\x17G\xe7p\xe0*\xb6\xe4\'\xe6\xf7\xf4lu\xcb\xa66\xc9EeuL\xba%j\xd5v\x01\x95\xd6&lt;\xa3!(\xcd\xd0\xd0)\xc8\x93\x040&amp;\xe8hV\xf8E\x194\x8dj\x1f6\x86bk\xab\xb9U&gt;Z\x11\x1f\xee\xf6\x1e\x99\x01[m\xc4\xc1\xbb\x95\xde\xed\xb7\xbd\x9e3&amp;v\x85x\xf4\x16\x99m&lt;m\xf9\xcf\xe9\xf1\xddU:~\xb7\x10\xff\x19Nw&lt;l\xb6\x1b\x90\xc7(\x19\x9bN\xc3\xcd\xd1\xb54\xfa@\xf4u\xdfl\x1a\xb3\x0b1\xb9\xa9\x9f\xed\xfe\x03\xb9\x12m\xb7\xf7\x01y\xa6\xed\xedP\xc5\x89V\xd6\xd0\xf5\x8a\xe6nm\xd7\xb9\x86l\xfa?\xef\x1asO\x8f\x9f\x16\xe55Fb\xd2o\x00\xb5V\xd0\x8b\x08\xa5\xf2\x08Un\x9a\xf9-s[N\xc9\xc0\xee\xb9(H\xfe\xdd\xa2\xbc\xfe\xaf\'d)?!\x04`\x1cdf\xfe\xd7\xc7\x8c\\sbt\xd6\xdf\x1b@\xf2a\xce\xbd\xec\x8a[\x8f*/H_-\x02F\xb51\xd3\x0b\x90\xc9\xa1\xfa\xe0\xec\xf8/\x97\xfa\xdd\x9d\x95\x1e\xe1o\xbd\x07!\x00\xc7\x07\x00\x81\xa9\xf1jh\xef\x944\xfe\xd1\r]\x0e\xec\x9fr\x8bT\xd1\x8c\x9b\xc3\xf5\xb5V\x8e\xd7\xd4\x07r\xac`+^\x0f\xc5\x14\xf2?q\x10\x93:\xfe\x02\x83\xb8\x1eYL\x00@0g\t\xef%\xfa\xeb\xdaS\x14\x8eJ\x98\n)H\xfc\xbb\x87P%\xbb\x90\x18\xc3\x90yl7\x1fN\'n&lt;\x83\xdf\x8f\x93\xfa\xbd\x85)\xbb\xfb(\xb2et\x0e\xbca\x9eu\xbc2\xcc\xb2]Z\xd9\xe2"\xcf\xfd\xa2\xe6\xa6\\\xf5\x97\xf8c\xceci\x96C\xaa \x89\xd2\xbe\xb3i\xe6\xfbR\x10R\xe6\'Q-\x14YW:q\xdf\x1d\x8c\xb2":\xfc\xe9,\xd2\x91\x04[\x91\xf2\xa0\xdd^*\xc6#J\xb5D\xba\x1eh\xb9\\\xcd1D\x00|\nV\xecz\x908#\xcf\xbd\x06\x81&amp;&lt;\x98\\\xc4\xb3ERW\x9c\xf1\xa7\xd8\x9a\x1a\x9f\xec)\xc6\x03\x93\xe70\xce\x04\xcfa\xc1\xa1\xef\xfdn\xc2\rb\xc2\xcc\xfc\x1b\t\xae\xdct$\xc7\xde\xd6+\x81\xbbZ\xffr\xfd\x19q$6&lt;\xda\xdf\xc3$5\x14\x83|\xeb\xa8\x18\x0e\x18\xb8d\xbc\xd1\xcc\x00;\xdc1]\xe6\\\x9d*\xc0\x13\xc5\x0erPS,\'\x12\xf4@\xb7\xd6\x87\x9b\x1b\x87S\xd6\xf0\xcf\x06\x86\x99\xdfG\\\xcf\xc9\x86\x8b\xcd\xda\xce`\xc6_\xd9\x11\xbf\x99+\xdc\xae\x01\xc3\xef\x0f\xe2\xd3o\x82\xfcG\xb3\xf5\x10v\x8cS\x993jA\xc1\xcdri"wr\xbeap\xbc0\xf3\x83s\x0c\xac\x923\xdfyd\xd6\x87$\r\xe7\x11\xb9\xbd\x13B\xd4\x01 \x11k\xda\x8e\x8f\x81C\xe5\xa6b\xd7\xf7z\x94\xef\xacr:\xdbs$F\xa3\xe4\xaf\x8e\xc8XOAdn\x11\x9d(1\x18\xca\xb2X`\xe8Ho\x9b\x0b\xd1\x88\xe1\x15\xd2\xa4\xaa\xd8\x92}\xbdw=\x9c\x0f&amp;\x138\x8d\x06\xfb\xdc~\xd9ZJ\xf4\xf6Ow\xcb\xf0\x0c\xc6\xd2\xef9`\xe7#\xcc7\x1e\x056q!\xdcp\\r\xcd&gt;\x91p\xb7\x84\xa2\xc4\n\x98uY\x9c\xb55\x8d\x0e\x80\xc9\x07\x83\xcf\xb6s\xf5w\x94\xe8\xde\xe8pT\x8c\xc1Gl\xbfH3Z\xe7\xe8\xc0\xd0H\xd0\xaa\xa9\xe5\xfb\xf4\xad\xceP[\x94\xecz\xc6x\xe2[D\xcc\xfc\xd9N\xa7\xb7B~9y\xf2\x0e \xe9X\xd3\x0e\x1d\x87\x80\x95\x92\xd3\x16d\xde:\x1c\xe0pp\x8du^.e\xe7iv`\xdedb=J\xf7\xf6\xf1\x8f&gt;\xeea\xdc\xfeW\xc8\x83\xa3s\xbb\\0\x9a\x8b\x04\xdb\x01C\x05$@\xb37y\x0cF\xbe\xa2\x1f\xdf-Z\x19-\x93\xfd\xc5\x19\xca\x8aC&gt;\\~\x9a\x8f\xbcG@\xc1\x9b\xc5\x903@$\xbc/\xab\xad6#\x92\x18HR\xe2\x12\xe9z \x03\x99\xf9\xb1#0\xa7\x8f/\xb9?&amp;\x17\xd5K\x133\xf3}\xc2\x9d\xeb\r\xa0\x96\xdcc\xe6\xd6,\xc3\xd2\t\xbe=\xd7C\xad-U\xb9\xb5\xd6\xc3\xd8\xaf#m\xacEr\xa3F\xed\xc2\xbcw\x19\x12\xd6\x1d\n8\x16\xe0\'\xd2\xe2~3-\xda\xea0\xaaI\x04"Y\x19\x90)\x85\x1e\xe4\xa2\xa5\xd8\xef\xcc\xfc\xbfZ{\xe9!\xdf\x08\xa7D\xb8\xf8\x98\x03vj\xc9\xcf\x1aI(\xfc\xbdJ\xd6\x05\xa6\xd9\'\xadq\x93\x99\x89\x1aQ\x18\xd2U\xc9\xe6\x89Wu\x00X\x8e\xf9\x98N\x9f\xdePsQ9\xa3\x92${\x7fhN\x8aHFX\xcd2q\x81\xc4\x0f\xd8\x1bC\xf7\xc9o\x9b%\x0c\x11\xb5r!\xee\xd4Z[\xa5\x16\xc1\xed\xc2+w\xf4\xb3\xb9\xe6"\x002\xc6\x1c\xb5\xb6\xfb\xa4\xc5\x07\xab\x1b\xd8\xa8\xd6\xad[\xd0\x12%\xbca\xc0\x0c#\xc7\x1b\xd1\xa3U\xa2\x7f\x99\xc4\x90\x95\xbc\x04U\x8c6\x17\\,\xca\xea\x0f\x03"&gt;.\xc1oS\xe3\xaa\x92\x07\xad\x89\x94KT\xf5@9\xb5\x12\x15;\xfe\x81\xed\x9d\xdf\xea\x14\xca\xf7\xe9m\x89\x91\xdc\xb9\xae\x9c\xe6\x94ID\xec.Y\x8f\x0e{n\xaag\xa3\xc9\xb0n\xae\xeb9\\\xa9\xb9\x1fS\xdc\x02\xaa\r\x8f8\x96\xdbb\x87\xfaZ&amp;ZJ\xb0\x9fQ\x05\x93\\4\x99\xf6\xd4\xbe\x83\xbaS\xdbv\x1dv\x13\xc0\xafG\xed\xc73=\xc5\xd4\xd9\xf7\x19K\xf9\x10A\x10&lt;$\x0b\xcb\xb1E\xdc\xd4\x1aJ\xf2\xe7\x1d\x97+\x9c5J~\xdd\xb4]\x0fC\x8a\xd7}\xf3\x00\xb0\xf2`\xf9\x06\xb7\x08}\xab\x1a\xd9\xe5\xc2\xba\xd2ly)\xdd\xc1\x98\xbc\x15\x95\xbd\xf5\xac\xd2\xdbY\xdb&gt;E\x16?\xad+e\x01\xa3-\x16\xee\x1eJ2AV\x8c\x89Z1*|\x86\x01\xee\xc3n\x11\x8d\x17\x8cb\x957&lt;+K\x18\xfcI\x1b\xbb\xa7\x05f9\xe9\xef\xb2\xd32\x004O\xc6@\xc1#\xe7Xm\x19\xebE\xb7e\xe0\x19|:\xfb\x12\xf2\x98\xc20t\xf1\x1ekJ\'\x07\xcfB&gt;F\x86w\x93\xc2]\xb5(A\x90\x82\xdd&amp;\x93\xe8\xa3\x08\x80\xe4\x97\xb7\xfe\xee\xda\x02\xd3[\xe1\x1cDadh\x87J\xd8\xbb\x8a\x9eD`a{\x90\xfc8\x8b\x18Y\xf4\xed&amp;\xe0C\xfa\n\x87g\x1bS\xdb\xb57t\xa6Aw\xf3)\xec*q\xd7g0o\xff\xc2\x04\xad\xdb\x1a\x8e\xb4\x92\x0fN\x84\x99\xff\xb6\xb1RN\x88\xc8\xe5\x9a`\xa6\xad\xae\xeaj\xe8\x18\xa4\xac\xbfP&gt;TR\xc2\xf3\xc0QM\xb6w\xb2\xb3\xaf\x95\x81\xf9c\x13\x06\xd7\xdd\'t}(U\xd7\xe6UDA8\x86-\x82\xb8\xb4\xf1\x1f\xaa\xb9\xd0\xb0\xf2;h\x91\xa3\xc3\xf3,#A\xaa\xf1*\x8fu\xe2-%\x13\xa6\xa9\xc1\xd0\x178R&lt;\xd2\xec\x94\xab\x96\x95Ah\x98\xedC\xc8n\x13\x05emRG\x8c\xaa\x1a\x10-5\xb9\x00T\x11\xfa\xd8\xcaf\xae\xba\xc4&gt;\xe3`\xe0\x17\x0b\x17\xfb&gt;\xfeS\x0cC\x85\xb2\xfdy\x03\x91D\x90t\x8fDy\x1eM?9N\x9dlc/Bm3\xa6K\n\x91\x8f\xfdV\x04\xc0\x07Aj`\xc6a&lt;7\xf6\x90\xf6\xdd\x80\xb6{\xa7\xf0\xdc\x8d\x14\xf5n\x94\x04\xf9\xa8\xc8\ry\x9d+\xfd\xa4k\x11\xdc\xd0\x00\x040\x04\xe3\x19\x8a\xe8\xaf W\x8ae\xda\xe0)vA\x05\xfcYv\xc4RA\xb02\xcd\x80\xcdzTd\x1ek@\xb7H\xa4\x87\xe7:fq\xb9x\xf2\xfc\xda\x05\x80\xffpb\xbe\x0fo\x07&gt;\xa7\x13\xcb\x9f\xce-\xc3\xa8\xb4\x9c\xd2S]\xe8\x14\x1f\xa5\xe9\xbfso\x02\x90\x042\xdb\r\x00\xcf\x7f,|\xc9bA6\x92\x1b\x1e\x18F\xbaR\x8b\x00xg\'\xf0\x9fq\x81\xecpN\x05\xf3\xd8\xda\xaa\xc7\x16\x9a{C\xdd\xef%\x18E\xb8)$\x1f\x84\xba;\x07\x13\xd1\x8b\x07\xb7"\x9c\xa7\xd3n\xfa\xf1G\x0e=@\x02\x9c\x1b[xW\xb3\xe9(\x11?l\xfd\xba\x06!\xb6Ds\xc5\xe2\x14\xce\x84L\xdd8\xa0\xe1&amp;S\xb43\x15\xbd\xf8\xe3&gt;p\x17\x8d\xa6\x87\xc1\xfcZ\xe4K\xc0hD03\xf3\xb7\x9a\x96\xc4\x16d;\xa3\x9b\xbf\xb1(\x14j\x99\xff\xb0(\xcb\x8f\x05U\xe0\x140\xc5\x00\x9eb"4\x8a`TeG\x02[\xd2F\xf9\x00\xa4}c\x1d\xcf\x90\r\x83?\xd4}\xc7\x12\xa0\xe8\xcb\x90\xa1\x18\xa5\x85\xe7\xab\x12U+\xdb\x10\x94Q{\xd2H&lt;%\xec7\x81\x0e\xf8=\x0c\x16\x13\xfdC_+\xa7\xf4?2\xb4\xdb\x87\xb1\xcf\xb9\x88\xca\x96\x15Zff~\x03\xc8\xf0\xbd\xc2\xe2\xb4\xe6\xb4\x00\x1dP{\x96\x13\x1b\xa5\r\xa1\xc2\xccg\x1d2~[\x16\x18\x1d\x9c-\xc4\x82\x03\xb5\xcc\xcc\xcf\xc0\x9aG\x90\x90T\xb96\xf9\xfdk\x8e\x01\xf2\xd5\x93\x9e\x99\xf9kw\xfe\x7f\x99\x83\x13R\xae\x05\xc3\xae$y\xcdb\x8d-N\x1b\x03i1\x1e\x85\xb7\x0e\xecFQ\xdd\xf5-\xa7\x99\xf9\x97L;\xbc\xf6V2\xe5\xf9\x18\xd0\x0c\x14\x8f\x8a\x8e\xc1k\x0b\x92\xf2G\x80\xb9rN\xcc\xe74\xe6\x97\xcdw*\x17\xf3@A\xce\x03&amp;\x92\x8fE\r\x89\x94\xbf\x13E\xbb\xa2\x99\x1d\x01\xa9\xa0O\xfb\xc7\xe2\xacf,\x12\x11\xf3S=\x86\x04U&gt;\x82r\xbf&lt;+h\xd1\x8c\x1e\x92w\xdf4w\t\xa3&lt;\x82z\xc61\xd0\xb1B\x9dk\xe8\x9ey&gt;{w\x07\r\xbe\t\xac\x08\x96$\xdd\xb2\x7fO\xaf\xbd\xf2\xce\xc3&lt;\xfc\xc6Y\x85\xdaf"\x82\xd7\xb6oo\xe6_\x7f\xe5\xfe]\x18\xf4\xdb\x03\xfe\xba\xb57\xf4\xedMP\x01\xba\xfe]\x8a\x02\x99o\x1b-\xb2\xb95\xfe\xb2\xce_\xb7Cu`:&amp;\x03\xaf\xfbw\x97\xa6\xbc\x96\xa5\xaa\x0eLi\x181\xb4\x16T|\x07ch\xdd\xdc\x87\xc9\xb0.\xf21\x92&amp;\x98\xaa\xbb\xb4Ej\xfb\xf7E\x11\xaaX\xc3d&lt;\x95Gp\xe6\x8c\xf9\xcd\xcd\xd6\x1a=w\xb3-\x9b"\'b\xa6\x8a\x18a\x0c~\x8a\xe4\xc8\x97u\xad_\xac\xb5\xe5\xd9\xced\xef\xee\xa7h&amp;7&lt;\xb8QK%I-\x8br\xbdX\xc0\xd5D\x04o]P\x18C\xc2z\xb46\x89\xb4\x89\x96\xf2\xf6\xbf\xe2U"\x8e\xac($;\xcf\xd3\xfc\x066\x07&amp;5\xfbe\x97\xb9\x0b}\xc5+\xa6\x99\x0e\x9d"\x9f\x99\xb3\xe2\x86\xd6\xf6=\x1f\xc8c\x1f%Xz\x9c\x92\x8d \xd2\x16\x8b*\x07\x1e\x85&gt;\xa2\xeb\xe7\x88\x12\xde||\xbd\x01\xc3\xec]\xde\xa7=\xe0\x88wp\xa8\xf3\x00Is\xcb\xda\x9f_\xcf\xc7\xf3\xdcV\xaf\x05\x99]\xd866\xc0\xa80A\xda\x03Z\x8b\xe2T\xb0{\r\xca\x14\xba\x84&gt;K7\xda\xb1\x14\xe7+\x94\x8d\x14n\xaa\xbe-W\xb2\x9a\xf9:+\xeb\xb1\xd5G\x0b\xf3WZ\xa7\xdc\xf4\x06\x01{\xd7P;\x167\xe6\xa6\xfa%\nc]\x03\x04\x93\xf8\xb53GJjU\t\x9b\x88\xc1\xd4S\x8b\xf6YdB\t\xaf\xdb\xa0w\x95\x85\xd8c\xa64\xbcR\xef\xb1^\xb0\n\x83POE\xe3L\x16/\xb8\x82\xb9\x1e\xe4\x9d_\x82\xf5\xbe\xae%[\xfb\xb8(\xf6O\xbd@$\xeb\xa3H\x1b\xbe\x1b\xf0\xf0i/\x00\xe4\xd6\xfddsL\xdb\x16\x84o\x99\x1270vm\xcc\xc5\xa8\xb2\xea\x91\x01w\x16\xfc\xf2~\xd1\xb8\x9c`KLH\xfc\xc7dY\xd3@\x1c.)\xde\xb6jz\x90\xb7#*\x99A\xaal\x0b\x11\xffP \xa28\xe5\xad\xb0\x8f@\xca\x95\xe6\xaa9\x8f\x0c\x12f\xfe\x89Y\xe1C$\xf7%\xb7\x94\x92|\x9d\xd53\x1c~\xd5\xecA9\xe7S\xd0k\xabg\'\xc1\xa1^P5\xf4\x02\x14\x11\xc4p \xc3e\x046$\x03\xb4\xf0\xd6T_\x84`&gt;\x0e\x14\x0e\xa8\xef\x14+\xb3z\xbcK\xbc\xfd\xdac\x11E\x9e\x15\xeaV\r\xc0~\xebaz\x03\x07\xeb\xf8\x87\x96@F\xc8\xa3\x81&amp;\xc7K\xc4Cb\x87\x815\xbb\x819\x05l\x82\x7f\xe9\xb5)\x1bGI\x8c\xa9\xb3%\xea\r!\xd8m8oF\x8b\xc1~}\x18\tn?\xa6n\xa4\xb6\xdfUC\x88\x88\xdfj\xbb89W\x0e\xd7_&amp;z\x86[\xf8\x9fk\xeb34m[f\x8c2\xd1\'\xa51?\x8b\x0b\xa7\xf7K\xa5}\x0f\xfe\xa4]Ts\x8f\xa6B\xac\xdf\xa8\x94\xd7\x1f\xa5\xd6O?\x1f*Ia\x1f\xc9[-1\x9cH.\x9d\xcf^w\x14\xb1[M\xd5\t X8D\x8d\xe7\xa2\x03\x16\xe5\xcd\x01g\xb2\xc4ss\xc3\x141\x8f\x87}/\xebC\x9c\xb3\x18\xfc\x06e\xc0\xbf\xf1\xbe\x18\xbe{\xa6\xd5}\xbav\xbe\x04\x81\xdc\x9eqG\x94\xd1j\x1f\xd1\xd5V\x16X\xb2\xed\xde\xfaJ`\x0c\xcbH\x0e\xc3p\xf2c\x8f"\xb1;\xa1\xd0\xf4\xbd\t`\xa5\xa4\xe7*\x15pc|\xebz@u\xe1\x1b\x80\x19"\x97\x9bV\x88\xdc\xa3\xd5\xc8\xf1\x04c\xdd?\xb2 \n\xc1x\xb4\x95\xe8].[eL\xbep\xd2\xf4T\xbfO\xf1g\xaa\n\x86"\xfe\x99,\xe5$WKJ\xa6%&amp;\xf5\xf3[\x04\xedp\xe6+\xea\x9c[:\xc0\xec\x95\x8d\x9c\xfe\xf1g::\xdc\xc2\x91\xa5\x95@M\xc5\x11ws\xa8\x14Pq\x91\xd7P\xdf\xa2\xfb[\\\x04l\x17\x8a\xbfE\xe2\x96H\xdeh\x902.\x8e\xab\x00\x00 \x00IDAT\xbe\xcb\xbf\xbf1a\xda\xd8J\'\x00\xc2\xd1\x98\x0b\xc7\x85\x92\xf7\x0e\x8e\n\xe6\x97N\x06\xed\x15\xc2X\xed3\x99B\x16\xf6T\xb2&lt;\xba$\xd2\xf3\xeb\xcfS\xd1\xdf\x8d\xd8\r\'s\xb8\xdb&amp;\x17\xe4\xe2\xbb\x13S\x1d\xe1d\x9f\xfb\xf6\x14\x7f\xa2\xc2\xb2kX\x8fL;,\xa3\x86S1@\x13\x030\x7f\xa2\xc5C\xcc\xa2\x05\x8c\xd8\xc8\x85\x0cmq\x91\xb8\x15\x0bf\xfe*9\x83v\x00(\xf2?\x08\x87G\xd1\xa4\x069\x14\x81&lt;S\xa6\xce8Lr\xc0Qb\xcc\x07\x06)\x1734?\xb0k\x0e\x98?f\xeb\xd6\x8e\xca!\xc4\xc8\xbd\xaa\x0f9\x0e\xb8\xc8`\xb2}\xaes\x1d{\xae!\x1a&gt;\x10\x9e\xe7\xcc\xd4j\xfd\x89\x13fn\x0e\xf9\xee\x91\xa4a\xa8\xd8Qr\x97\xd2\xe8\xc7j\x80\x9e"\x98.\x00\xb7\x14\xf2\xe3z-&amp;\x03\xca\x93\xefaq\x12\xf3\x9b%\xf0v\x00N?\x84\xa4\x18\xe4\xbf\x17\xcb\xe1n\x9b\x99\x99\xd5W\x91/e\xf2d\xf2\xb9q.\xb4\xb2S\xa8P&gt;\xfe\x95\xd7\x90-\x81\x07=&gt;\x833\x9c\x0b\x01s&lt;r=Hd+L\xce\x00[\xe6;d\x96\x13U\xea\xca9)\xd9m\xdcR\x1aF\x1f\xe6Prw\xbdzM\xa4\xc7-\x81#=QR\x02z^\xf5\xcd\x00\xcd\\\xf2\xa8\x1b\xf4v\x13\x97\xe5G\x7f\xab"8$?\x7f\\\x9ars\xb3\xf8\xc9\xf7\xf2h\xb9\x97Z\x07\x9b\xcb)0\x15\xda\x8b,2!\xaajE\x15\x1bUC\xb9d\xc5@\xb51\xa2q\x82%\x97\x14JT\xc1vhQ\rj\xa7&lt;u\x17\xa8}\x01W\xa0\xa7:y\x90B\x13\x9an\x1a\x85\xbf\x05t\xe2\xdf&gt;v\x7f\x1b}\rr\xfb\x19\xc0)Y\xdb\xfe32\xa8c\xea\xa8\xfe\x94a\xb1_~\xadDfagi\x9a:v\x84\x02\xfc\xeaK\xf4C(\n\x83\x13\xac\x8c%kh\xb2w\xca\xa5\t\xf3\x97\x87\xeb[{+\xa1es\x04!\xfeR9`\x1f8kWo\xc5\xe0\xc0\x12\x17\xe1m\x8dZk\xbf-\xfe\xf8\xb8\xba\xbb\xfe\xf7\x91\xb9eo\x0c_\x1b&lt;\xcb\xdd\x16n\xc8\xb6\xc4\xd3\x7f\xea\x1dQ\x03\t\xd8\x15\x83}\x00\xd0\xb0\x1a\x8a~\xd5GA\xef\xb7\xe4\xfd\xea\xcfg\xadxW\xfa\xbfl\x87\xb3\xd7\xe1W\xf1\x1c\x95\x91\x1d \xb1_AD\xfc\x15\xa6\xdbC\xbdG\xa2A\xee\x17&amp;Qn\xc9\xdb\xb2\xee\xf0\x93\x06{\xc6\xdcVd\xf7\x000|W\xf0@\xc1~m\xfeUl\xc9lq&amp;\x1a\xc6\x10\xde\x88\xfa4\xd1\x1f\xc5\xc1;\xc8\xae\x17F&amp;B\xa8\xa7\x04\xcc\x83\x1e\xee\xae\x8a\x1d\x14E#\x83\xa1\x0f\x85X\xdfb\xcbO\xac\x13\xec\x00\xad\x15PX\\5\xdf\x87\x88\x88\xbff"\x07\x8a\xb6\x0e\xe2,\xe4\xb0d\x13F\xc3\xcc4&lt;U\x00\xb3\xd0o6\xed)\xe8\xda\xfd\x08O\x86\x16\xcb\xf5\xe0\xdaR\xea&lt;e\xd1\x91\xbc5d\xc6\xb9\xde\x97`#\xbb\xd0\xa3\xedz,\xfe_\x88\x98\x1fC\xb0\xc0\xc5\x82\tC\xc2\x9f@=\x85z\'\x1a\xa3\xc6\xf4\x81\x8dH\x9e\x02\x97\x1e\x95&gt;y*":\x99\xe7\xb7_&amp;h\xa3\x15F\xae\x7fp\xb72\x12\xceM\xb3&amp;\x8a\xd0\xcc\xb8\xa8\xc8\xb0\xf9\xd6:\xe4\xd9\x01\xbc\xd0\x1c\xee\x9bMQ\xed\x93\xa9t8\xa3\xfc|^a\xf6"\xbe\td|1\xbd|K,\xc8\x02\x18\x15\xd6\xce\x9d\x8d]\r-z\xadO\x14\xca\xa1\x9b\xec\xa0\xe1\x1a\xd9h\xae+7\xec2&amp;\xd2\xfa\xb9\xa8\xa8\xca\x9f\x11\x15D&amp;2k\xf3\xd1\xc8\x8eM\xec\xfc\x11\xcfQ\xccC\xe6\xdc\\\xe5\xee\xac\x95\x05\xd7x\x84\xf6\x9c)\xea\xd4\xf9\x1cE`m\xfd\xe4\x8b\xaf6\xae\x19e\xc1\x82\xa3\xf7\xb4\x0c\xc3\x18\xe6\x95K6\x7f\xedaS&lt;&lt;L\x02%\xb6\xa2\x85|\x02\xa3\xe2\x8e\x8fv"\xc9}Z*\x07\xab\x83\xe7\xc0\x853\xd2)\xcb\x85C\xe6J\xa9r\xa2r\x903\xa7\x9d\xab\x88\xcdq\xa6_\xd5\xb5\x02Z\xe6\xbe\x9e(\x02\x01J\x0eJ\x16\xf5\xa3b"M\xbfk\xb0h\x980\x11\x0c\x8b\xfax\xb9\x8d\x14\x16\xafr\x19=\xafuy\xeb\xb06\xaf*\x81\x1d\ri.\xfc\xbaC\x02\xa3(\xc41\xec\xa1\xfe\xd8\xa3\xfb\x93\xeb\xcdc\x14I{\xd5\xa7\xd891\xa3\x16\xd3\x7f`\x1b\xc1\xfa\xfa\xf4\xcc=QAe\x88\x11\xd1\xafNl\xd4\xca[\x84\xcb/\x02\x06\x18\xe45\xcaK\x19\x96c\x99\x0b\xa5\x96\x96?&gt;\x8c\xfb:R9{BJ\xf8\xcf\x02\x03\xda:\xb1\x9at\xa9\\\xd6\x19M@\x9egU\x0b*Q\xc0\xf6\xd1E\x85Cs\x87p{\x89H\r\xd4\x7f\xb8\xcb\x8eww\xfa7\x9e\xeaj\x87\x89Z\xc5S\x9d\xbf\x7f\x04\x84Zw\xdc\x01\xbb\x03/\xa4\xa1\x8a\xde\xb3\x92w\x87\x99\xf9\xe5\x03f\xbd\t\x83\x0c\x91\tl\xe8\x86\xae\xfe\xc3\xf7\xb1X\xbc\x99\x97\x90\x89K\xfd\r\xbc\x93_4\x1d\x9bh\xf2\x05\xb7\x05\xe79l\xee.\x8f\xb4-v\x83\xbfO9~\xa3u\xe1\xd9\xc1\x0b\x9bQ\x00\x17l\x11.\x15\x13\xe6\x04\xff\xb0\xf79H\x1d8N\xdc\x9b\xafD\x94Y\xa7\x99 W\xc8\xb8\xd3\x95\'\xba\x9fN\xf4\xfc.\xec\xc7L\x17502\x07\xc7W\xa4\xd3\x07\xbf:\x1e7\xf9D\x04\xc3#\x95\xe1\x95\xac&gt;L|\xbe!L\xf1\xd8\xdc\xdcTw\xf2au\xadi\xe6o\x02#J\xd2%\xd9\x9fF\x13\x8f/\x1e\xc9\xfa1\xb4\xcb\xcc\xe6\xbdr\xb1/\x80RS\xd45\x0f\xd3!}a\xbf\x00\xa5\x85\x8c\xc3w\xa9\xa3\xc8\xab\xda\x11C\x18\xff\xc9\xdf\x82\xd1\xd6\xda_c=,5\x80\x05\xd7\xc8\xd0&amp;\x98c\x04\xda\x12z\r\xad\xf9\xf9\xcf\x91*D\xfb\xb7K\x84r\x9c\xd2m\xf9\xaeA\xf95\xf9\xfc\x9b(&amp;Erg\x1a\xd1O\x89\x8f\x8c\xde\x8c\xc7\xda\xcc&gt;\xb8\xd5N\x93\x86\x1c!\x9d\xa9\xfao_s\xf7H\x9em\xed\x85s\x98\xb9\xd6\xb4\x84fj\x0b\xc9:\x1b\x92}S\xe9n\x8aMj\xd0\xffZ\xe5}*\xc2\x13\xc9\x97T\xfc\xdb\x81Mp\x9fFx/\x8a\xd8\xf6k\xb7\xed\xf5=B\xc8\x8b\x82\x9dy\xd8\x9b-\x16\xb7\xa09F_\xd5Y\xc5\x81\xf2\x83\x90l\x8b\xc1cET"\x9d\xb7\xdfw\xbb\x05NC\xa6\xfdl\x90\x94\xad,\x1f\x86v}\xa8#\x9eY\xfc\xc7\xfc\xedpU*\xea\x0b6\xfc\xe5#\xa3\x9bL\xb2\x93\xe6\xbb\xaa\xe7S\xc0P\x9b\x03\x12l\xb6\xca\xf4\xeb\xed\x7f\x89\x88\x1cH\x93~\x95\x86]\x94\xf4\xb2}8\x86\xfd\xfe\xa9\x880\xbe\x95I\xd5\xcbI\x85\xad\xf7\xc5\x01\xf1\x05\x89\x8f\x0f\x0cH\x11\x8c\x8f&lt;\xd5\xc2+f\x02\xcc\xf0\xdd\x05\x00\x87\t&amp;m\xbf5\xa7*\x15\xe4\x98\x0eB\xcf\xc1\x88.\x9e\x91\x1a1\x0c\x8d\x820\xee\x82,\xeaR\x1d\xd5u\xa7\xec\x08\x88\xb7s\xda\xfa\x8eh\x0b\x9f\xcc7\xb4\xdb\xd5\xa7\x9c&gt;\xe8\xcbvx\xd8\x13\xfbi\xcc\xb6\xe1\xf5_TW\x85C\x1f\xad\x0e\x8f\xb9\xf1`(\xa4H\xbe\x83\x8e\xcc\x91\x80Z\xff\xbd\x07\t&amp;\x11\x19+\x0bv\x06\xb6k\n\x90z_x\x85\xc3q\xac\xcf\xa6\xd4A,\xf9\xfa5\xee\x08\x8e\xce\xcbj\xe1e\xa2\xe58\x11\xd6Mz\xf3+)\x16\xeaWF\xca\xd5\x7f\xe9\xbbwY4\xe8\x99\x0f.\x92\xae\x94\x98g~\x13\x82\x88\xe8\x0b7\xde\xb0FWj\xb7.;k0x\xfd\xb7\xa3\xf9\x97uX7\x95*If\nD\xb4\x86H\xb2\r\x16X\xc5p\xd8\x81M?\xa1R\xde\xe9\xd1CY\xe8\x92\xe0\xf9\xa0\xa3\xc0\xba"\xa9\xb68\xb6\xad\xaa\x1a\xdb\xac\xfe\xacc\x0eQQ]\xc4u^0\x15\x1aZ4\xf7\x97O\xa7\xa3LFE\xbdS g\x12X\xbd\xc29\xb5\xeb\xd7\xc5\xf5\xbc\x92\xd9\x14\x95\xd7\x11\xf2\xd4\xeb\x9d9\xda\x01\\q\xd6]K2g\xa6&amp;\x8eQ\x04\x93&gt;\xdby\x84x%\x9f\xd4\xee\xc3\x9f\x111s\xe1x\xd7\'\x10t\xaa\xeb\xcc!u/\xf2\x9d\xb8\xb9UO\xbb\xe1p\xbdK\xf2\xd7Gl\xb6&lt;\x14\xd9\xa7V\xb8\xd3\x15J\xeb\xf7\xa9\xf2\xfa\xc8\xfaDo\x8e\xa6@ff\xfe\x01\xd1\xf2:XOa\xb0@\xb6\xc1\xd8\x18i#\xf2CoB|.\xed\x9d\xec\t\xd8\xb5r\xa7\xf6D\x85\xd7\x98l~Dl\x87\xfa\xa0\xc8\xad\x17\xcb\x9fi\xc4%N\x93|\xd8\x85s$\n3\xff\xf0\xcc0;lh\xa8\xd98S\xec\xaf;K\x0e\xf3\x90Y}4z$\xf3oN\xce+:O\xcab]\xfcM,\x1eu\x97\xd4\xe1\xde\xd9\x8b\xd4a=\xd2ef\xfe\xde\x82\xad\x8aBwDw6g+44W\xdc+33\xf3\xd7u\x91+\xc3\x7fw\x11#\xaa\x8b\xccZ\t\x19\x1e\x10\x1e\xe0\x18hS\xd6#\xce\xa2\x8f\x1f\xea\xe6\x1b\xc5\xf0\xeec\xebX\xf3\x10\xb7C\xc2\xfc\xc8\\\xed\x14%1,%\xc0\xbc\xa1\xa2f\x88\x04Be\x1d\x07\xe6\xfbA\xd5[\xc2\xfc\xd7E\xfe\xf087R \x19\x04\xc6\xa9\x14\x1d\xd8=\xb48\x8d\x00|\xd5L\xdfEj#\x90\xb4F\xfb\x04\x03JU\xa6\xe8\xc4\xe8\xc2\xf8\x9c\xa5\xbf\xae\x19\xad\xb1\x9eL\xd9\xd9\xfcfDE6f\xe2\xcf\xb0c\xe0\\\xa3\x0b`\x18y\xe7\x1b\x13\x18\xab\xb6\xdf\x05\x8bY\x8e*\x88\x11\xd7uph\x11(\x14\xdc:\xb0\xcf\xe7\xa2J\x86?\xd7\\\x89\x00\t\xfc_\x0c\x17\xce\xcc\x1cD\xd5\xf7\xb8\xd7i\xf9c\xb4,-\x1e\x9d\x00\x92\xac\x98\xd29\xdd\x83\x9b\x81\x08\x03\x8c\x8f\xe7OBZ\x073d\xd3-E\x0b\x9d\xff\xd1\xc6\xd4\xd9\x07\xb9\x1cV\x12\xee\xb1\xc4\xb8!\x14\xf9\xcd\xc1\x9f\xa5\xadd\x03\xa1\xbca\xf7\n\x7f\xc4od\xa5\xc4l\x85\x8axP{\n\xef|Y\xe2\xc6\x89\x0f\xd4\xee8\x14\xc9\x94\xeb5\xe9\x1e7c\x02\xad\xd0\x8b\xa1\x1bw\xfd/[\x91"x)e\x9cR\n\xf5\xad\xdc\x84L!f\xe6\xe7\x99\xc5\xe22\xd3\xde=ZOu\xe3}\rC&lt;"\x18\r\xa8\x8f\x15-\xeb][\xf4E^\x1d\xcc\xa8\xb1S\xa6\xa5j\x02\xb1J\x90\xfc\xb0\xa2\xa6\x01\xbc \x8cQ\xdf\xde&amp;\xf2\xe1\xa0`\x8d\x16\xc5\x91D\xee\x92\xceE/\x1ba\xb0\xd6\x11\x7f\xa4\x16\xeag\xa2o\x9bI\xf7\x84\xce\x9b  nb\xe8\x02\xfep\xf1+K\x06P\xaeL\xb8\x16\x08 \xc1\\\tBb(\x14\x89\xfb(J\x83!l\xb8\xfb\x81&lt;C%\xb2k&lt;k-*\xbbB\xe8\x88d\x90\x0f9r/\x92\x08\xb8\t\xa0\xd8{\x01\xaa\xca\xca\xa0\xaez\x17\x1c-\n\x91\xf5YC\x1c\x90\xbf;\xef\xc1M!\x1f\x91\x8cY\xb0E\x91=c8m\xf7{C1x\xd8\xe5^\xe7\x01\x18\xbb\xfe\x9f\x9b\xd6\xe61\x8fE\xf2:\xb5\x86\x02\xcf\xd9t\xc2\x10\x9d%\x18\xea\xc4re\xf8M!\xdf\xa3jz\x1f2\x17\x10&amp;&amp;\x86l\\[qW\xf4\x815\xf2(\x85\xfc\xb8(:i\xc7WlB\x88\xd4Tk`y\xff\xf4\xe8A\xd9@m6C3\x11\x7f\x96}\x85\x8c\t$\xed\xed"3\\\xfd\xdd\xa4{\xa8\x10&gt;\x7f\xb7"\x92i\x8bW\x01F\xf3\xb3L6\xc7\x15\xea@\xf7\xe7\xe9[\x14\x1c\xca\xf6\xf2\xb1\xb1\xffd"\x90\x0f\'\xbd0\x9f\x82\\"&amp;b~B\x89\x93\xbf\x98\xf4\x020\x9f\xe1\x90\x06F\xc3\x18\xa4%\xe8q\xaf\x8a\xbfG~,b\xa8\x80\xdc\x91\x04\xd6\xcfh\xc87&amp;^Gl\xf0\xeel\x9eCf\xb9C\xed\xb7\xa1\xe6(\x19\x8a8\xebR\xf7h\xa7h\x9eO\xaam]\xadj\xd1]\x053L%\xaec\x00\x19\xe3\xe60y\xdf\x1b\x8a\xc0\x18z\xcf&gt;\xdf\xe0\x01\xa6\x94\x0c\x02\xb1\xd1\xef\x14\x06\x95\xae\xd4 P\x10F\xee\xce\x14\xc8\nE=\x98X\xf1\xddW\x97\x85\xd67\xfao\xfa\xe3#IM\xf6`\xb6\xa08 \xe7\x8d\x92\x80\x9a\x19=I\xff\xe4\xa6D2\xd7eO\xa7n8\xb7\xc7\xfaqEU\xf3l\x02\xdd#H\x07\xe6\xdeL[t\x16\xa1\xfb\x0b\xb6$R\x899\x95\xdc\x7f\x91\xdd\xf5\x9a\x8bj;&lt;e\xab\x1c\x1e\x1f\x01S\xee7\x9e]s\xff\x00\xe5\xd4\xf5gUa\x9c\x91\xa4\x0bI0\xf7\xce%b\xe6\'o\xed\x1f \x96\x84p\xe6\x0b\xed\xea-\xdd\xb0\x1f!\xa4\x04g\xb1\xfd\xa1\x85\xd1a{p\xa4s\x8a\xeaJ\x92X\x9d\xbdn\xc6\x89}\x92\xa9h\xd4\xd8A19)\x9e\x02\xe9\xa6\x11\x8c\xc8T\x98\x18=\x01V\xaa\xe2[9\xaa\x1c\x04\xff\xe1\x91\x89\xca\xe7\n\xc7\xef\xcfH\x9c\x83\xf2\x84nKm8\xce\x03`J\xb6\x10\x92\xcbR\xb7\xffv\x08$\xe4\xd7\x82\xda\x9747JH\x0e\x152\x13E\xd8\xdd\xb9S3C\xc3\xf6\xda\xbe\x1d\x99G&gt;E\xd1d\x19\xad\xf9 \xfdZ\xacy\xbdN\xd5\xcc\xbaic\x15\xa4\xbdi\xe5\xf4\xd926q\</t>
        </is>
      </c>
      <c r="E639" t="inlineStr">
        <is>
          <t>&lt;class 'numpy.ndarray'&gt;</t>
        </is>
      </c>
    </row>
    <row r="640">
      <c r="A640" s="1" t="n">
        <v>638</v>
      </c>
      <c r="B640" t="inlineStr">
        <is>
          <t>steps_per_sec</t>
        </is>
      </c>
      <c r="C640" t="n">
        <v>9200</v>
      </c>
      <c r="D640" t="inlineStr">
        <is>
          <t>10.097658</t>
        </is>
      </c>
      <c r="E640" t="inlineStr">
        <is>
          <t>&lt;class 'numpy.ndarray'&gt;</t>
        </is>
      </c>
    </row>
    <row r="641">
      <c r="A641" s="1" t="n">
        <v>639</v>
      </c>
      <c r="B641" t="inlineStr">
        <is>
          <t>Loss/object_center</t>
        </is>
      </c>
      <c r="C641" t="n">
        <v>9200</v>
      </c>
      <c r="D641" t="inlineStr">
        <is>
          <t>0.16980009</t>
        </is>
      </c>
      <c r="E641" t="inlineStr">
        <is>
          <t>&lt;class 'numpy.ndarray'&gt;</t>
        </is>
      </c>
    </row>
    <row r="642">
      <c r="A642" s="1" t="n">
        <v>640</v>
      </c>
      <c r="B642" t="inlineStr">
        <is>
          <t>Loss/box/scale</t>
        </is>
      </c>
      <c r="C642" t="n">
        <v>9200</v>
      </c>
      <c r="D642" t="inlineStr">
        <is>
          <t>0.06759348</t>
        </is>
      </c>
      <c r="E642" t="inlineStr">
        <is>
          <t>&lt;class 'numpy.ndarray'&gt;</t>
        </is>
      </c>
    </row>
    <row r="643">
      <c r="A643" s="1" t="n">
        <v>641</v>
      </c>
      <c r="B643" t="inlineStr">
        <is>
          <t>Loss/box/offset</t>
        </is>
      </c>
      <c r="C643" t="n">
        <v>9200</v>
      </c>
      <c r="D643" t="inlineStr">
        <is>
          <t>0.13254027</t>
        </is>
      </c>
      <c r="E643" t="inlineStr">
        <is>
          <t>&lt;class 'numpy.ndarray'&gt;</t>
        </is>
      </c>
    </row>
    <row r="644">
      <c r="A644" s="1" t="n">
        <v>642</v>
      </c>
      <c r="B644" t="inlineStr">
        <is>
          <t>Loss/total_loss</t>
        </is>
      </c>
      <c r="C644" t="n">
        <v>9200</v>
      </c>
      <c r="D644" t="inlineStr">
        <is>
          <t>0.36993384</t>
        </is>
      </c>
      <c r="E644" t="inlineStr">
        <is>
          <t>&lt;class 'numpy.ndarray'&gt;</t>
        </is>
      </c>
    </row>
    <row r="645">
      <c r="A645" s="1" t="n">
        <v>643</v>
      </c>
      <c r="B645" t="inlineStr">
        <is>
          <t>learning_rate</t>
        </is>
      </c>
      <c r="C645" t="n">
        <v>9200</v>
      </c>
      <c r="D645" t="inlineStr">
        <is>
          <t>0.0009992751</t>
        </is>
      </c>
      <c r="E645" t="inlineStr">
        <is>
          <t>&lt;class 'numpy.ndarray'&gt;</t>
        </is>
      </c>
    </row>
    <row r="646">
      <c r="A646" s="1" t="n">
        <v>644</v>
      </c>
      <c r="B646" t="inlineStr">
        <is>
          <t>train_input_images</t>
        </is>
      </c>
      <c r="C646" t="n">
        <v>9200</v>
      </c>
      <c r="D646" t="inlineStr">
        <is>
          <t>[b'512' b'512'
 b'\x89PNG\r\n\x1a\n\x00\x00\x00\rIHDR\x00\x00\x02\x00\x00\x00\x02\x00\x08\x02\x00\x00\x00{\x1aC\xad\x00\x00 \x00IDATx\x9c\xed\xbdy\xbcuKQ\x1e\\K\xc1\x0b\x88\xa8\x18\xf8p\x8eAFG\x14\x81\x10%*qB\x82S\xd4\x88\xb32\x04%\x0e\x10\x15E#$**D\x03\x18\xd1\xa8A\x0c\xe2\x84\x11\x918\x82b\xe0s@#\x06\xc1|@\x1cqD\xc19\xc8d}\x7f\xac\xd5\xbdj\xee\xea\xb5\xf7\xb9\xef9\xd7z~\xf0\xde\xbd{\xd5\xf0Tuuu\xafu\xf6\xd9\x07\xa0P(\x14\n\x85\xc2)\xc0\xfe\x02\x91\x8d\x7f\xe3\xf9\\\xf8\xc8\x0b\x0b\x99\x13\x99\x1cS\xcf[\xf3.!\xc0\x99\x9c_\x1b\x0c\xb3\xf7\xe3\xbc\xa2\x86\t_\xafu\x99\x03\xc9A\xdc\xb4\xa6&amp;\x17\xf1\x8d\xd3\x9e\x8e"\xc3\n\x11\x11\xff\xcd\xf6zF\xd105\x9d\x8am\nf]\xc4\x0c\xd1ym\xba&gt;\xdf\xa2\xbc\x94\xb8\xfeC\xcb\xe7\x93\xac\xbd\xf34Ym\x1f \xd5\xd67\xf9\x19\xe1\x03d\x9c~}Nk\x90\xa8i_\xf1\x08\x93\xf3b\xa5p\xa0/H;\x89\x99\x13\x02k7\x9f\x9an*\x99,\x94\xa1\xd4y\'!\x9f\xc2\xd3\xab\x1d\x9d$\x0cf\x01\x00\x11\x1f\xcci\x1c#\xd0-$\xc5\x10\xff\xe2\x8c\x0b\xfc\x1a\xe3\xa2C0\xb3\xf4\xf9\x96\xdf|B\xd11{\x16|\x1b\xe7\x13 #\xd6dF\x11!o\n\xea\xaa\xa5\x92\xcdU\x1e\xc3\xa4\xfei\xd2\xce\x8c\xd3k\x08\xb3\xe4\xf0%\x83\xdc\xa2RdsmM\r\x86gO\x04@|\xb0\xb8\x94\xa9\x01A@\x17\x9e\xe9\xeb\xbc\xc88=n9+iLA\xac\xab\xaf&amp;\xa3\xb8\xb8x\xafW\xd0\x8a\xf4\x0eMg\x89\x0f\x11\x11?\xdc# %\xf3f\xcfw\xde7\x8c;\xcd]\xc8l9\x94w\x85;\xfe\x8a\xc9;\xbe\xb8GS\xc0\xbc\x96\xdd\x00\xfcc\xbbq\xe0BD\xfcYO\xeb\x12\x96\xfcE\xaf\xc3h^HU\xd092)\xd1R\xd9\x07\xbf\x8a\xcb\xcc\x11\xd3\xb7\xbf\x00\x90\xea}gG\xe0\x14\x11\x10\xffU\x9e\x11m\xe2S\x04\x84\x91q\x1fw\xbc\x0fu\xf5\xf6\x7f\xf5\x90$\x7f\x11Az\xb9\xeb\x1b\xd2\x89v\xce\x82n8\xd8\x00@\xb1\xd5\x1b\x80\x16\xbe~\xaa\x86\xae\xa2 \xe1t\x98\x9e\xa1ts\xd9U.\x84\xefy\x10o\xa2\x00\xf02\xfe\x96\xeb\xca\x7f\xc1\xdfz\x85\xd9aG\xe8\xd7\x9e\xcfs\x88\x88x\xef\xd0A\x13\xb3m\x12\xafC\xaa\x17\x87q\xf8\xf3\x95sJ\xa1}Af:\x10\x11\xf1v\xfe\xd5\x8b\xa3w\x85q\xa1ag\xf6\xde\xeb\x87\xcfJ\xa2oHyb\xf1\x06p}\xa2\x87\x10\xd0\x10\x97\xda\x06`\\\x12f\xb7\xd7\xce\xa9V\xaa\xfc\xe8!\xfe\x87\xdaY&gt;\xe1Zr\xcb\xd8\xbcS\xdb&gt;\xb1I\\H\xd7\xc9:\x89g\x10\x11\xf1\xedN\xa3;\xf0&gt;f\x92\xc1\x8d\xce\xc0%\x8bLJ\xcd\xbc\xff=\xed\xec\x17\x8ax+fo\xa7\xd60=\xe7\x9eu\xda\xc4\xb2\xcc7t\xdd\xfec\x95\x0ci\xda\xca\xb3\x01\xb4\xd3}\xac\xa56\x00\x11\xb2\xc1Vo\x00\x99\xcc\x90}"\x1fA\nS\x0530u\xbe\xfb\xb3\x9e\x92L\xc1\xfc\x95\x1a\xa1Ff\xdc\r\xe7\xfa\xf7fs\xe5\xf5G\xbdS\xf2;\xa1\xdf\xf2HNy\xb7\x8cL\t\xd3zN%\xd6\xbbt\x83\xda\x15\x86\x11^\xdbh\x8f\x9d\xfb\xf2\xc5u,\xb6\x03\x1b\x00\xcc\xb4\'~N\x8cW\xf2\xc42\x18\xf6e\xb1*\xd8[G\xdeX\xfc7\xa0\xe5q\x96Xp\xb2&amp;\x05\x01TO\xe1\xd8\xf2\xfc\xfa\xfdNb\xba\xa1\xcfo*l\xd0 i1\xec\x83??\xf1\xd9\xd0\x0c\xb1X\xe2\xeb\x995\xa3\xbccG\xb7wH\xde\x90\xca;\x85+\xb7\x01\xc0\xcc\xd1\xe0\x94\xe8\xdc\x03\x82u\xf6w\x8dX\xab\xe5\x18\xab\x13\x1fYl\xdd\x9c?\xe9\x1a\xc8\x9b}\xe1\xb4\xa7v\xf8\x91y\xedK\xf4\xe1\xa2\xcc\xee\xaewJ\x9aBO\x1b\xf1\x17\xa5#\xee\xb4+\x06\x04\x1e\xe7\x9f\xdf\x03\x86M\xec{u)\xe8\xa9\x17\xaf;O\xce\x96\x1b\xf9\xd2\x0b\xfc\xfc\x1e\xf2\xd7\x9a-*\xda\xfb%d\x01\xee\xbb\xc5\xf9i^2\xa8\xb3\xa7\xb1\xbd_\x94\xeby\xfb\xde\xb2\xd1co\x7f&gt;\xa7\xda\x82\x87Nf\xe8\x03I\x07\xb9\x1e6\\\xdd\xb6\xc5\x03\n\xb3\xfb\xebF\x9f\xda\'|\x0b\xf6\xc8\x80\xbb\xe3\xc5\xa7qb:\x83\xe0\xd8,\x87y\x08\xb8er\x18\xd2K\xe9\xff\x90\xa9h\x93I{\x9c\xd9\xf8=\x9a\xf1\xc4\x89\x9a\x1c0\x0ba{\xb7\xc6\xd7\xf7\xd4{\x97\xc0\xf3=\x18\xbc\x8c\xd0\x19\x8ej\xfa"\x08L\xde\xc9\xd2\x19\x1aI\xce\x93I\xf75P\xab\xe2@\xe1"\xff\xa1k v"\x0e\x18\xf8\x86\xcd\xf5\xc4\xeam\x02\x03\xe1\xa0y\x9d\xb8\xe0\x03&amp;\xa1\x98\xdd&amp;L\x83B8\xe3\xc1\x8b\xf4\xf8\x06\x90\x99\x05\xabs\xcd\xfa;q6\x0e\xecr\x9e\xca\xb1l\t-\xba\xf5\xea\xb5,u\xfd\x9b\x80\x1b\xcef\x80\xe7^r\x87\x11\xb6?\xe3R|\x888\x0f%\xed\xd1[\xccgq\xa7\x8b2\xa35\xdfJD \xe7mO\xf1B\x1a\xaa\xb8m\xd7\xbf*$\x03\xdct\xa4\x9e\xc1\x91l\xe3b\x8d\x1f}\xe8w\x91\x0b\x966G\xb9\xd5!"&gt;`\xde\xe0&lt;\x87i\x8d\xc0\xbb\x9c-Q\x8d\xcf\x02\xa3\xb4\xf4\x1e\xb1-\x19~\xe7w)\xfa\xe6)8{\t^ti\xd2\xb7\x7f`5\xe8\xb3{\xb4\x8a`\xcc\xed\x14\x8f\xc7\xb4\x0e\xa8M\xd50~\x8b\xbb\x92c\x13\xe7:a\\w\x9a)\xfc\x9b\x91\x00\xa2\xf7h\xd1\x92\\o\xf8\xb2\x9f\xe02\xc7\x9f\x0e\x80\xf8\x10\xcf\xb8m\x8a\xf4\xa6\xaf\xf2\x84N@\xb3\x7fTq}\x9d\xb3\xd0|\xfd\xc5\xb43m\xea\x85\xb1\x0b\xb1\x87\x8d\x1fo\xd8\x1b\x80n\x05\'\xb1\xbev\xc0\x17\xfb\x97\x02\xad\xc4\xf3\x8dd\xf1\x9c\xb4\x92\xcfd\xf0\x0b\x13lE\x15\xe8\xb2h\xe3\xe7\xdc\x00\x10\xdf\xff4\x0b\x03\xfb\xdc\xd7xN\xe3\xab}\xe5\xc7\x0f\xcd#N30\x92\x7f&amp;\x17\xfe\xe4\xbae\xb2\xef\x04\xbe\xfa\x1c\x07\xdf]\xdbr&amp;\xbc\xb4\xcc\x9c\xc2(\x0b\xf6hE\x15UX&lt;\xd68\xb2\xe36ua\t\x0f\x88\t\x02\xafSW\x85\xd8\x1a\x81\xb5\x01D\x8e\xae\x12.4\x92\xc3\xc6O_&lt;S\xd6z\x91E\'\x82\xdc\xb4\xbb\x8bv_\x15C\x1b\xbb\xa9\xe8\xea\xc7f\xed\xc4\xc6\xcd\x86\xf5q\xb1\xae3\xfe\xa7\xa3}\x14\x01\x10\xbf=\xc3-s\xa4\x12\x9e\x90.\xda\xa1\x8f\xd0;X\xc97\x1b\xae\xd7\x86\x10\xa7\xa7[\xfa\xca\xb5\xb3\x81\x11\xc5vjW\xbbP\x9c\xe2\x14\xf1\xcb\x0e\xa8\xb3&amp;n\\\x95\xc2d\x12\x11?\xf5b\x1fi\\c\x9c\xdap\xf1\x1cFNQ\xbex\xd8\x8b\xe7\x9b\x018\xf3x5\x1d[l\xe7\xad&lt;\xb9;n.\xf2d\xde+o\xdc72\xb8\xc3\x18&amp;\xca&gt;-r\xf5\xbb\xe4\xc8$\x19~\x7f\xdf\x1b\xe8\xf6)O\xfds6\x0f\x93q%sZo\xe9\xdb\xc7\xbb\x8c\x8ba\xaa\x8c/h{I}c\x86bB_\x0bbr\xb3\xa4\xd3\xdaFL\xc9\x02\x80\x7fS6V\xbc\x98d"~"\x7f\xbb\xaf\xd8\xa9\xda\x1d\tL\x07\xfe\x84\xbch\xe3\x80\x00\xbf\x18?\x13\x982H-O\xceY\xdc\x9a\xaf\xb7\xb3\xe4x{8\x14\x1dw\x91r\x8a(\x1f\x1d\xa4\xed\x8f\xb6\xc0\xb1\xeb\xec\xe0\x14\x10q\xfdf\xe3Pf\xc2W\xaf\x99YZ\x07\xc2\x08\x9c\x08\x12\x9aQf\xb1\x03\xa9+6A\xf3T/;\x90\xdf\x08\'\xb2sQ\xcb\xdf4)\x9c!\xbest\x95\x8c\xdc\x97\xac\xed)\xb6n\xd7\xcb\xaa\xf7\x17\xb7\x98\xf0J\xcf\x98Sj\t\xb3\xeev\x12\xac\xa2\x13Z\x8c\x9a\x91\x19\xdd\x0b\xe0\x90\x94\xbf\x88\x9a\xc6\xf0\x07E\xf8\xcej\x03\xd0\xe7Sg\xfa\x0e\x10\xbe~\x9a\xd7#I%gp\xf8@i\x98\xa2Or\x8677\x07]\xdc\xb0n\nz\xa6f7\x80\x03.2\x92Cwg\xab\x15\x9fC\xd2\xc5\xb1c\xcb\xec\xee\x82\xb9\xcf\x9c\x1c\xf0\x08\xa3\xb5w8\xd3\xfa\x91\xfd\x84n\x7f\xf1s\xa9\x07D\x9e\xfdUo*{g\xd9\x03d\xfb\x0e\xc3\xef\x7fQ+ s=7\x9c3:\xfb\x8d\x84\xcd\xed\x91\xcb\xe9i\xdf\xec&lt;;S3\xeb\xe5c;(\xfe\xc8\x95\xbd\t\xc8o\xc8\xdb\x8b\xa0[M=\x16$f\xa6V#}\xa1\xe7\xf5\x82\xa6!\xdb\xfd\xe5\xf7\x8dX2\xea\xed\x81\xd3\xfd\xe9]\xe9\xc2\x12u!\x96\xe9\xbc\'co\'\x18\xfb3\xdd\xa7l\x00\xe3VrZ\xf3\nZ\xfc\xce\xff\xa7\x0e\x9b\x8f\xf0\xcd!\xa5!\xce&gt;\xf5\x17\xddUE1\xec\xe9\x9dw|=o\xc9W\x1b\xc7rl-\xc5\xc7\x9e\xe5\x80\x96q\x1d]\xdd\xdb\xcd\\\xa7\x98\x12\xe3*\x83\xc7\x08\xc7 7\xa7yV\xd7\x03\x92)\x05\xeba\xd1\x91\xaa\xfb\r\x10\x16\xb0\xed\xf4\xf72\xe5\x0f\xe4\xcd\x1ct~\xd8s\xbcEe\x98dr\x1b\xa9\xa7\xc4\xf2\xb0\x93\xf0=\xe70\xdd\xec[\x93{!k\xf6\xf2\xe2\\\xc1xg\x96\xd3-\x1f\xf0{\x01^\xfc\x1f\x03X\x17\xe4\xdd\xc0\xbd\xe9\xf9\xe2Z\x96\xce_X\x8b\xf32\x10;;."\xa8\xde#b\xbbC\xaf\x879]\x8a\x1a\xda\x98\xbc\x1d\x7f\xcbq\x06\xfb\xd2\xc8\xb1G4g\xc7%\xa1q6\xf4`\xbc\xa0N9C\xed\x1d\xf0\xc83\xa2\xb3\xa5\xf8\xc0S\xa6\xae\x88\x89\xcft\xa3\xe5\xa5\xdf\x19\x90\xb7\xd7\xben4\x87\xf6\xa8tj\x82N\x8d\xe5z\xba\xbb?\xc4p\xd0\xbbU\x97[\xff\xf3\xe6B\xe6\x1c1\xa2\xf5T\xed@h\x17Qt&amp;\x01\xcfO\xa7l\xf2\x16\x8f\xe9\xda\x8b\t\x02g\xc967\x9e\n\xf0\x86\xb2\t\\\x0c\xcc\r&lt;\xa5x\xee\xbc\xc6\xaeg\x17\xbc\x16\x10\xc2\x07\xbc\\!\xb4\xe3\x82/\xb0K^\x1f|\xa4\xf7\xfd@\x93U1\x7f\x1d~\xb8a\xf7\x9a\xf0\x84\xe8\xc3\xe5,\x15\x85\'(&amp;\xde\xee\x1bTi\x18E|\xf5\xdc\x8f\x19\x11\x9fB^\xeb\x9dr\xea\x14B\xb5\x84\x11\xec/^\xe12\x81\xf4\xaa\x1c6\x81\x1b2\x0e\x87\x8cJ\x976b}\x86\xc2\xf6\xb1z\xeb\xc83$9\xba%?\xe1\xf9\xe6\xaan~\x84\xff\xc4\xb2\xb8*\xd5\xc4WWZ\xeb\x8a\xaf\x16\xda\x1c\xbd\xc6jN\xff#\xcf}\x17\xcb\x16\x8e\xbbF\xd8p|\xd0\x16\x8a\xae\xdf\x99\xbe7\x1b\xaa\xee\x06S9\x0b\x04\xbb\x1dOD\xe6*\x9b\x04\xf3a\xefU/\xf3\x86a\x14\x87\x1f\xa4\x9c(\x7f\xe2B\xd2\xea\xe7\xdd\xc9/b\xfeW\x93\xe7\xbe\xab=\xbeK\xbd\x9e\xbf\xcd[\xc3\xf6\xb1K\xb1\x85\\\x92%3\xae\xf9Q\xa5\xb8\x1b\x83jC\xc1\xbd\x82\xa9~"~\xf5\xa8\xa2\xdaZT\xbb\xf4\x14\xd3\xcb\xcai\xa3s;@\xa6i\xb8\xe7\x7fS8!c\x8c_\xfd\x83\xce\x86A\xfcd\xdd\x06Sub&amp;L\xb3S\x8f\xa7;\x87\xf1t\xaa\x993\xf7\x89k2\xb7S+\xa1\xa9\xc0\xe7\xccz\x99\xe4#\xdc\t#]\x00\xf1M4\xb7\xbfW\xd8:~KZ\xa6\xbb\x89\x1f\x17\x9d\xe8\xfa\xb0\xca)\xedL\xc78\xd5\xcd\x07\xf9\xf1\xf6\xdac\\-\xd7\x03\xb1\x1b\xf6\xd7\x01\xcdB\xb6\x03\xd2vg\xb3d\xb7\xdds\xe4\xfa\x01V\xd1\x905\xb9\xbe\xb5\x8b\x8f\x8e\'8\xff\xd2E\x14\xc7T\x1e\xb0\x1f3\xe9`\xacr1\xac\xfe^\xad\x133\x1bb(\xe8n\xe2Du\x11d\x06*\\k\xb8\x01\x04\x17\xd9R\n\xf9\xe8aTI0\x96$Qg\xa6\x02\xba9\xcc\x1a\xf1\x8e\xa47\x84\xbaG\x86\xd3L\xa5=N[\xf6\x96\x931\xb21Q-;*5\xb0\x16m2)gl\x8eg\xe9\xa4\xab\x91W\x0f\xc5\x9c\xf1\xdb\x997\xec\xe4\x05]\x96\xd86W\x8f\x86\x1c\xfc\x82\x11\xad\xee\xe5\xe4g\x80g_\x9c\xa4@&gt;K_\xb2%\xe9\x88Xk\xe9\x18\x832\x0c\x025\x95\x9c"\xcf\xb0\x88\xb9uknP\xee\x8aS\xc4\xccb\x83xp2\x88c\x05"\x939\xab\x7f9\x81h&amp;\xdf\x11\xb6\xd4/\x84\xd5\xc9\x8e\xd6h\xd8\x8dv\xdc\xa9-\x998\'g\xec2glY\xc8\xff\r\xf9\xdb\xe7;&lt;+\x9f\x038\xdd\xf51\xf6A\xf3:\xc4\x81\x90\t\xd7Xl&gt;^\x9b\xee\xb8m\xc7:w\xe7\xcc\x0e\x1bE\xdcB\x06\xab\xcf\xb1\xecDq\xd6\x95\x92{\x06E\x08~\x1f\x9cu\xed_c\x88|\x0e\'\xc03r\xc8o\xd4[\x85$\xf2\xc7\xac\xd7\x1cH\xbe\x05\xfe\x1c\xd6\xc2\xd5s\xcc\xe0\xcc-\xf9\x89|N&lt;\xb3\x1fCr\xe9\x9e\xc3\x91\xe1b\xfd\xd7\xfd\x1e\x1f\xa6&gt;\xea\x9d\x81\xeex\x03\xf8W\xa6V@C\x0e\xe6\xc9\xf81\xb4\xf1\xbfL\x1b\xcb\xd2\xdb_\x13\xb1\xc3^\xa8\xb58\x15\xf8\x0f\x8dC\xe4\xdf\x0b\xb0\x86\xcb3\xde\xdb\x8aVI\x1b\x7f\x19\x84\xb7\x8aR\x9e\xb1\xda\x07/\xc3\xa4\x98\xd9\x08\xd7\xaa5\xf8=\x9b\xd6\x84\xdf)\x86\xf8uy\xcbJw\xddt\xc7\xc7\x823o_\t\xf4\xcc\'\x97\xe8E&lt;\x11\x12d6\xdc\xde\x90\xb4;/\x7f\xd8\xe8y\t6\x001\xee\xed\x16\x81\t\xf7\xc0n\x0f\x0f\xb6\x16\xbc\x93\xa3\xe6\x03;m\x80\x87\x90\xac\xca\xceCj\xcc\xcd\xd5h\x96II\xcb|X#\xd6\xddR\xeb\x8a7d\x88;\xa38M\x07]\xf4\x8f\xca\xd9e= \x96\xa1q\x96~4v\xa1\xcah\xd6\xfe1\x9a\xb3:\x07\x0e\xc5t9\x19\xebP|\xed\x9a&gt;@\x9d\xa9T&lt;n\xb3\x02\xbaWf}YQ\x04Mv\xc2,\x7fk\xc9\xa46\x00\x99vS\xe6\xb4\xb9\xc84V\xabQ\xc0\x1b\xda\xc8\x03\xf6\xc1\xef\xd8\xeb\xca\xd9\x9c\x90\x83I\xceWr\xe7\xbf\xeaE\x1e\x1dE\x00\xb8\xc3i\x04.;\x90T[$v\xbe5\x1d\x17e\xe0BV\xc6)e=R=\x16n^\xeb\xf4\x95i\x9bM8\x1dXP\xeby\xa8.\x06\x8f\x05\x85\x88\x88O\x8d\x04\xc8\xbf\xf3\x96\xa7\xb7\xe7W\x84\xbd\xbe\x8f\xeb\x91\xb3\x90\xc9\x98\xc5\xf6u\x0b\x81\xd0E\xb7+\xb7\x9f\x92s\x03\x00 \xc2\xd4\x9f\x81G\xb2B\xe9\rA&amp;\x1c:5CI\xef\xceI\xf3\xb9\x01\x02o&gt;\xd7\xb0\xa6\xed\xf3"\x10\x97Nj\xdf\x00\xf8\xc3p\x8a\x8dL\x95$\xdb\xa5\xe6\x16\x9b\xa5\xc6\xcf\xb2\x07\xfc\xb0o_\rf\x89=\xd4\xb2\xe3\xd8Ld\x89\xdfU\xd0\xf1&lt;2\xa9\xb2\x7f\x87\xdb\xb5\x16\xe5\x1f\xc3\xd0Z\xef8\xb2\x01\xcc1\xf4\xb9\t\x9e\xb3\x96\x93\xc2\x03S\xbc;\xeb\x87\'\'\x19?\xd2s\xc2YS\xf6\xfbj5UD\x07\x8bK\xe2\xaa"yOM\xa3\x8e\xb3\xb6\x8b%R\x85\xf8\xfex\xf4\x87-\x03\xef\xc3\x9b\x89\xfe"X\xe4\x99\x1e\xe1*\x06\xec\xce\xb9\x01\x04&amp;\x82\xd0\xda\x8b\xfd\xf5c\xac\x12\xa7oO\xa1\x8ax[DD\xfc/\xfa\xd2-/\xf8\xce\xba\x05\x15\xca\x8c\xeel\x8c\xdeA\xf6\x80\xeeeL\x06\x9f:\xf4E]X\x92\xf6\x1c\x05\xde\x9b\n{\x9c\xe2\xfa\r/e\xee\xc3\xf4\xd5\x7f\xe0_r\x8d\xdc\x8e$9\xad\xe5Z\xc37\xe8\xc0\xbd\x1dKo\xedd\xba7\xc9\x0b\xad\xd8\x8b\x85\xae\x95\xdf\xcbj\x19\x83g!\xc3\xaby\xe2&amp;.\xb4|"\xb5\x8d\x80\xe8\x80F\xa1h\x95\xd0\xbb\xac\xaa\xdb\x9d\x81\xa7\x87\x0f\n\xaf\xd2V\xd2\xfb\x97\xd7\x89\xae\xcfz\xf7\xee\x18\xe6\x8c\xe0_B\xeet,V\xb5\x96g\'\xee\xd321\xd1\x01\xf1\xbe\xf6\xf1_\x1d\x98Z\x88O\xf3M\xc9\xaa\x0b\xfd\xcaj\xd7}\xd0\xd0R\x99A\xf2\x85\xa0\xf1\x9d\x81\x13f\xe4q\xb7\xac\xce\xa6S\xd5j:AD\xc4/\x97Q\xcb\xe8\xf0\xff$}\\\x12\x88\xb9\xdc\xc7\x01\x10\xf1\xdb\xe6w\xf5\xf3\xb0\xfa\xfahE\x9d\xc5i\xb2\x1a\xd6\xb4\xbc\x87\x1a\xff\xe3\xc49Z\xdb\x91\x83=\xff\\\xec\xc4n\x12#c\x9a\x9d\n\t%\xaa\x8b\xcf\xb1\xf7\x80\x8b\xe6\x7f"\x9e\x92\xbb\xcdj\xeb\xe2G\xdd\xf6\xe4,\x99\xa0m\x05\xac\xac^3Q\na\xaf\x0c\x15\x1f)\xcfp\x9f1\xa2\xad\x1b`\x9cF\xdd"\x11?I[\xd3\xe18i\x8f\xce"{\xa1\x92\x8a\x9d\xca$\xe5\xe0itz\x17q\xf6\xbd6\xa0\x19\xea1\x8c\xab\xb6m\xb3\x17\xb1\xe4/:\x95\x9drbq\x8e\xecX\xf5\xa5kZ\xc88\xf5}\xa0V\xe7\xe0\x96\xb5\xb1P\x91\xcco\x96X^\xf6,\xc1\x1e\xd3&gt;\xc5\xaf\xdc\xf0,&gt;\xc2~\xec\x8e\x1c\x84w\xe1\xde\xd1\x84/D\xc0\x9f5(!\xfe\xb6\xd9\xf5|\xa7\x83\xf0\x87\xfb\x99\xb6\xbf\xf1\xe7\xc2\xdfb\xe92\x17\x9d\xb6\x8bM\xf7\x9ed\xba\xe9\xbd\xa0\xc5$\n\xcf\x10\xbe\x83/\xed\x19\x99\xd6\xb8\xc4\xc0\xc7\xb0\xa4\xdc\xa2ep\\%\xab\xd8\xc5\xa4\xc3s~._h=\xfd\xa4^\xe2\xb8zy\xde\xd6\xbf\xaa\x85\xfb[[\xc5o\x16\xf8\x19a0\'\xc3X\x15\xd6\xca\xcc\x99\xb2\xc2\xf7%O\xa1\xcd\xad\xb9\x0c\xd3\xdc\xcfF\x83\x87\x7f\xc4H\xc6\xb2y5\x9e)\xc4w\x12\x12\xf1J\xf7\xb6\x13\xf1~\xaeD,\xc2ZU_B\xf3)\xfc\x89g\x88yyD\xc4O\xb9a\xed\x01\x1d4\xab\xd7\xdf\xa2\xc9!9\xd9\x17M;S|\x88\x88\xf8\x85lD\xdc\x99~\x914\xd8_S\x15\xf3\xf5\xd9\x11l\x84\x9d\xd5\xe1\xa5\xd6\x16mR\xf8B\x02\x15\xdc\xe3\xdb\xb5\xb3\xf8\xf2\x0b#u&gt;\x8d\x8f\xde\x03]\xeb\xee3\xb0\x80\xbf\xb0\x8b\x19W\xc9\xa0\xe9\x1a\xb9nr\x85\xe2\xeb\xf2;\xd6.\xf0\xd3\xc4\xd7\xb7\x12\x02\x19`\x98\xdbX\x91\xf3\xb9&gt;\xee\xd4\xaf\x19\xc4\x9c\\\xfe \x8d;er^\xe8#\xf6\x8a\x9a\xb4\x0c\xc0z%\xe2\x9b\xba\xbaV}\x04\x15\xdf\xdf\x0f\x1f\x13]\x10\x82\x85\xd8\x9f\x06\\D\xd1#\xf2i\x9a\xb1\x9f\x97F\xeb/\x10 \xc0\xebB;\x81\xf5\xf0\x92\xdb\x1dZ\x1a\xbf\x11\x11\xf1\x9blJTQ\xb5\x9e#}\xc7&lt;\xa7\x07\xb4\x85\x00\xaa\x17\xb6\x97\x11\xb9~Q\x14R\x1cQ\xb0\xb5l\xd6\xd2_\xcc\xb9\x138\xb9\x86Q\xcd\xd4\r\n4S\x87C\xb4;\xe0o\x07\x9d\xf1\x80\x0b\xf5[\xf6\xa7A\xd7\xa5Iu\xd6\xd4\xe5\xc4\xec\x8ex\xc6\r\x80\xb7\xa4onmq\xae\xbb\x9dH\x86\xba\x9b\xb2\xd3\xf6i\xe7\x80\x1fT\x0e_P\xe6N\xdfU\xbdd\xc8-!&lt;Ul\x02\x0ff\x8e\x98_\xeb\xe6\xe0pb\xb5\x1e*\x80H\xc2p\x03pX1k\xe131\xefm\'P\x00\xb8v\xbbY4yC\xdd\xc9\xae\xe4\x9eM\x0c\xef\xe3\x84\xc4\x02\xb3\xeb\xe8\x94\x85\x97w\x01\x00\xf8\x88\xf66}\xc0\xfc\xed\x8b\xe3\xc4n\xa8\'\x1e\xf1]D\xba\x10?\xef\x94\x137\xf2\xe3\xad\xd02\xcd\xe8\xde\x86\xbc\x1d\xeb\xd7\x91\x05\xd5\xef2\x9c\xa9\xeb\x13\xb3\xeaD\x9dY&amp;[+\xff\x8f\xceU#:+\x04zU\xab&lt;\x02\x0c\xd8\xea\x17P]74\x98\xe9\x99\xba-\xd2\xb5\xf28ej\xbc\x07\xcc\x9c\xe0\x82\x15\x98Q\xb7t\xbdq\xbd\x12\x0ex83\xe2\xeep`\xfd{\x82\xb3)\x9du=Ir\xc2\xa6\xd9\x85\xe7b\t6\x00\xcf\xa9\xe5\xc4:\x9bo\xe3\xdc\x82\xfbQ\x85U\xc3\x98h\xe1\xe5\xff\xa4\xf2\x99\xc9\x84\x90\x88\x97\xf0\xfa\x08\x1f\x15,\xa7G\xca#\xa9\x12\xfb\xcd\xb8\xfb{\x84LF2ggj\x10yW2\xef\x8b\xa7`\xce\x9c\xb8S^\x07?\xafy\xc4\xaf\x9c\xbb\x13\xcc\x9fU\xa9\xf0\xd4\xeex\xd10R\x94[3] \x10\x9d]=\xe6m\\b\xefO\x1fr\xbf u?G)\x98\x05\xa3T\x1ed\x0c:\xb1\x98f\x98\x97a$3@\xf5b{\xcbK\x97\xb2\xbdel0\xc12\x1f\xc5N@\xc1r:\x97\xa4\xa9J6\xa7\x06g\xfa\x18&gt;*#uY1Uxg\xaf\xd3\xc0\xda)\x8bB+n\x93\xfd\t\'\x99e\x06\xe7)\xe1\x0fE\'\xbe\x93\xc8L\xde\xf8+\xf5]\xd7=\xafqw\xc3\xa55\xcbA\xbb\x1b\x1a\xb1[\x86u\x0e\xd5\xc4Nd\xe8\xc5?hd3*L\x86H\xe6\xe9Qy9}\x16\xb7\x98@\xe0}P\x0c\xe1]\x08Z\x90\xdc\xe6\xd7\x0c"~\xaeO\xf5\x05\xbc\xbf\x9b\xf3\x050\xbf\xc6\'\xe5/\x05\xf2I\xc5\x99\x0f\xf3\r\x9dN\x89\x8d{A\xc2T\xd6\xa9%\x7f\xe6\xd3\x99\x7f\xdb~\xd8\xe0\xf5\x8c\x89\xa5x\xd0\xfe\xf7f\x14\x91\xb7\x92\xfeb8\xdb\x87\x13\xb6=\x87\xb1\xac\xf7\xb3\xa4\xf0\x1e\xf7\xafaw#6\xed&gt;\xe5\xd0\xd8\xdb\xba\xd0\x14\x03\xfdU\x9c2\xbeg\xfc\xf7f\\\xdc*\xd9\x8a\xd4\x85\x8e\xd7\x1cl\x97dDt&lt;b+N\xf4M7\xc8\x98\x94\xb7zcPW\xe3\x9a\xbb\xfc\xf0k\xf4\xc5=\xfft\xdaL\x0bIGc\x19\xb1\xa4G\x06\x03\x91\xf5\xeak\xa7\xda\xd6\xbe~\xb2w\x94\xa7@[\xa6?\x0e\x1boo\x96\x0c~\xdf\xb6&gt;\xaf-\xf4\xea\xd5\x02c#\xc3\x05ol\x00\xee\xf9N\x8f\'\'\xf6\xbe\xf11\xd9\xffx\xb8;N.\xfd\x91\xef\xd7\xab?\x8f\xcc+\xb4\xa2J\x88jy\xf7\xf5\xfd+&amp;\xc0J+s\x83B\x14S|\x0c\xddP C;PD\xc4\x1f\xb3&lt;\xaa,E4\xae&lt;f\xc3\xd39\x9aWw\xffbP\xb0`\x02&amp;\xb6\x96\x7f\xc9v\xfd\xef\xd9\x91\xc1(\xd9\x8c\x15B\xd8s\x8c\xedN\x93\x14b;}\x10\xe6)Gv\xe0\x89\xcd\xe3\xfff\xcc\x9f\x84\x13\x97M&gt;\x03@\xf2F]\xc7\x8b\x1ff&amp;\xd4v\xbd\x19LUZ\x9f\x14QZ\x01\x07!\xd0\x0b&amp;\x93X\xe3d\xe0\xac\x91\xd8\x0e\xd0b\xfehv\x9b\xd5\xc2yX\x14\xb5\x88\x85\xae\xa60\x03\xf4b"UY\x98\x1c\xc8U\xab\xb9y\'\xad\x07\x9eN\xe7\x92a\xa2\xc1Y\x132&gt;\xf4\x91\xb5\xea\x11\x08\xd6\xad\x18\xa7\x05d\xea\xccV\x8d\x10\x0e\xc8\xe4\r\xda^p\xeb\xf5\xba\xc4\xdb\xa2\xfa\xd7\x87\x9d\xc2\xd1\xbef\'\x90,\x00wZ\xcf\xcdd\n\x88\x88\x0f\xbbx7\xa6kN#\x92\xf4a\n\x83\x95p\xd1\xb9F\xee\xb2Q$\x81*\x8a\xe6+\xbfU\x1b;\xb4\x99\x071&gt;\xb5\x0cca}/\x15[\xfe\x7f/&amp;\x99\x97\x0b^U\xc5Q\xbb\r7LW\xd0Gb\x0b\xc3\x9b\x00\xf3\xed\x14\xb2u\x9c\xdb\xf9\xf1\xa3\\\xc2\xfb\xeb\x9f`\xe3t\xe5_\xcfE\x87\x88\x88\x7fn,E\xbf&lt;\xa8\xcc5\xc1v\x0e\xc5\xf7##\x13\xb3\x7f \xc1}\x82\xe8\xdb\xbc\xae\xe8x\x9a,"\xe0\xa3\x99\xbc\xf6\x9e$?X\xbcq\x97t.\xca\x00\xd4\xd1x|\xdf\x19&gt;\r\xd3\xf6\x93! \xfe\x89&amp;)\xbc\xb8Fb/g\xbd\xff\xb8\xec\x88\x83\x1c&amp;\xc2\x13\xc8g\xaf\x9d\x7f\xff\xd8\xac\xfeL\x03BY\x19\x133\xa7O\x07R\x80\x07\x183&lt;\xe07\xcemF \x89\xd78\x1c\x908\xda\xc3\xdc\xec\xc3?\xce;\x08\xf1v\t\x99\x8371\xe1\x13\x18*\xd6\'\x12\x7fef\xa6T]M\xa5}w\xda\xd4Dy2\x01\xa7\x91\x9d\xd2\x8fv\xdaA/&gt;t\xfe\xc0\x9d\xdb\x01^\xfc\x81O\xce\x9dP\'\xaf?;\xcf?#v&lt;\xdd7$x\x15iJ\xea\xd7\xf9\xfc\xf5\x12&lt;D\xb3Y\xd8\x16\xe7\xbb\xb5C\xa2\xb3s\x84\x01\x19+$\x8c\x7f\xaaJD\x96\x1a\x9e\x9d6\x10\x19&lt;\x05SVf]v\x8e1\xdb\xb3/6\xd1_\x0e/i\xca\xdfm\xa0\xa1e}\x95j\xd0Uf6b! \xbc\x07\xdc\x0cu\xc4?\x0b\xaf\xba!D\x96\xaf\x8f\x9b\xd7!\xbd\x0c\x87\xe1\x1d\xd2,\xa5)\xf9\xcb\x05$\xffFb\xa3\xca8\x0f\x99s\x7f\x17i\xd0\xdf\x83\x88\xec\x15\xee\x1f\xf0\xe9\x1a\x0e,\x00;\xc4\xf1\xa3\xa8\xd2\x8d{\xc11\\\x86:\xc5\xcf\xbc\xbe\x17\xcc\xb9J7c!pC\x8e\xd8v\x9d\xc8y\x0f\x1f\x98\xb8\xde\x07\x02`J \x00\xe2\x83\x93\x01\x9a\xa1\xe9p&lt;z\x84It4&lt;&lt;[\x8f\x1c\x9e0\x1a\x8d\x7f\xde\xee]\x84\xdf\xa9b\xd1\x16\xae\x12\x06\xf5b\t_8\xa7\xd5\xd7\xe9\x16\xd4\xd2\x12W\xfb8\xf6{\xd8\xb5.\x0f\x1d\x12\xcd\xe5jR\x12\xab4\xb3`\x0e\xaf\xcc\x032\xa7\xe0X\x81\xe4c&lt;\x05\x17d\x7f\xca\xaan\xd0\xba,s\xfd\xdd\xb6\x7fo\xe7 O\x1b\xb4\xe9\x85m\x06\x13-\xc1\xc6\xc3\xa95\xf2b\xaf\xe7\xd3\xbc\x9c8\x93\xe62\x04\xeb\x18g\xea\x8a\x91_&gt;\x89\xcb\xb5\x06"\xe2\xd7\xf6\xb2\x18I\xaa\xe8u\xf9J\xads\x90&lt;f\x8aO\xedx\xfd\xa3\xff\x81n\xe0\'t\xd3\x91\xa8\'\xfa\x82\xbb\xf8n.\x16RJoE\xc9\xb5t\xd1\xbb\xb7Ic\xb8\xd4\xd7k\x07z\x01\xe2/\xc8E\xec\xb8\x0eL\xf3\t:\xc7m\x96\xea,\xecR\xb2\x90\x86\x02\xa3\xa0\xba\xc8O\xabjL\xcd\xc8\t\xa9\x10\xda&amp;cD\xfc\xec\x13\x12~\xae\x03b&amp;\xd2\x13\xb3q\x19\xd1\xe3\xc96\x0e\x95)\xe4v\xc0j\xb2Z&amp;\xc9\r-k\x9e\xb0\xe1\x91p\xf6\xb8i\x0bA"h\xf0\xf6\xaaV\x0b3^\xaa} `\x85\xe2E\xc0M\x9c\xb3\x9es}?c1)\xb1\xb7\xbc\xc9\x1a\xf7\xdd\x88\x88\xb7\xf2,\x00\x18\x15\x08&lt;\xc9\x00pW\'K\xc9u\x0ea\x92\x87\xba+\xee1\xd3YLG\x9e\xfa\x03\x95\x8cm\x81\x8b\t\xf9\xf5\xbf\x87\xe9)\xb6\x1f\x1f\x04B_\x07\x1e\xad\xd5\x91\x12\x1bp\xb38\x08\x83[)\x86\x96\xcf\x93\xa9K\x0bo]\x99bZ\xfd\xc6\x8e\xc1\xd8\x05\x86\'\xdf.i\xd0\xd8\xad\xb9\xb1\x98o\x9b\xd6=\xb5\xb5v\x95\x8d\x07\xac\x00\xe0\x89Vt\xa2\xca\xf5\xc8\x10{E\x1a\xb1\xdcg\xac\xc5\xe3\xf5\xc8\x1f\xc0\x01\xf5\xb7\x10\xf4F\xed`\xb8\xdf\'\x0buJ]\xc9\xbc\x8f)\x83\x08\x7fb*p\xcb\xdb\xc4y\xfd\xcbSw\xd6\x02-$mA\xa8\x98\x99!\xc5\xf0I\xeb\xdb?\xc8\x95\xe5\x0f\xa7\xcf\xd7{\xe1\xd9\xfc\xefh\x06\xe2[k/\x86~S\xdc&gt;]V\xdd\x17\x91\xd7a\x0b\x12\xbe\xf6\x10R\x1aW\x01mJ\xdc\xce&gt;\xac\x12\x8d\x85(rS{\xd7\xbe\xd5.\xc3\x98Lp\xf6w#O\xa5\xbf\xc6\x8f\xb0d\xe69\xb4\xd7|9)\xc9\xa9\x1c\nI\xfe\xda\xd7J\xb46D\xc4\x8f\x1c$-\xe6\xd7\x170\xa5\x17j\x18\x0cw2;\x1e\xd2\xaf\x8c\x08\xec\xba\x07\x9c\xee\xae\xdf\xd34n\xa7=\x0f\xc4\xd7x}p7\xbb\xbffM_x\xe4\x92\xccb&lt;\xc5#\x86{\x95\xe00\xdbM\xfe)\xb1\xd1\xb0K\xd0\xc1\xbf\x1a\xd9\xb9\x08xS\x89\xf8X\x9b\xadi\x84w\xff#\xc5q9\x11\xcc\xdc\x94\x05\xcf\xecP\x05\x9f\xb6\x0f\xe6=\x06o\x87#\x171w\xf8\x15n\xc8yg\xe6\\L4\xbb\xd1T\xf6\x0b\xb1AW\xdd\x16\x1e\xb1\xb2\xde\xee\xdb\x15\xb1\x93\t38Y\xdb\xc2\x88\xf81\xceI\x9c\x8f\x8a\xe4M\x9d\x06\xa4\x11\xf7\x12 \xe2C\x0c\x8f\x8f\xb4\xedX\xd6b\x17\xdb\x8b\x04I&gt;\xe2\x0b\xe7*\x10\xf7\x93\x81\xf1,(PNV\xf7)+v\xd8\x88t\x19\x08\x19S\xf7\xd67\x8c\xfb\x80\xb8eLX\xa0\xf5\x87\x88\x8b#\xacVZ\xde\x85\xe6\x9c\xb7\xd2\xe9]\xe8\x9c\xc9\xd2\x99V\xdf\x8c\x88\x95\xacc\xf7\xbc\xaf\xf8$\x9f\xde\xf0\xd0\x97\xe3i\xef\xa6\xfaP\x19\xb3=\xe8\xfd\x1c\x9b\xa2\xd3[\xef\xcajx~]\x08-D\xc4\x0f\xe87\x88\xa6\xfc\xe0\xfc\xd4W\x16}\x11\xba\x9eN\xac\xe6l\nx\xba\x16\xe7)\xffi\x92IIk$`f\x14\x86v}C9\xee\x1b@5\x8b\xe2*\x80\xba\xfdqVo\xb2\x00\xe2jsU\x0cG\xf6\xba\xd2\x14\x0e\xcc \x0b\xf9b\xa6\x7f\x0b\xe2S\xa8\xa3\xb9\xeef\x1b\xf4.\xa5\'H\xeb\x9e]2\xb0\x90!x6G7q\xae\x12\x19\xd7\xc2\xb4\xbb\xe8\xaaMo\xc5\xcf\xee\'\xf4\x88\x0f\x01LdR\x1e\xa7\xa6\n\x04\xf9k\xfc\\@\xc4{[\xdc&lt;\xd7\xb1\xcdsA\x87\xb6w\xb6\xa4.\x00"\xbe\xc3\x05p\xbb\x1a\xe8\xa93K\x04\xe9\xa3\xb1#MF\xfe\x0eZ\xa6\x05d\\\xec\x07\xffh\xf9\xb9\xd6\xd6\xe1S\xba\x80\xc7\xf2\xf0\x92\xfb\x89~\xa3\x90TP\xee^&gt;\xa3\x08G\xbbm\xaf\x16\x83\t\x17\xa3\x03\xf9\x9cL\xb1\xd2\x06\x83I?\x00\x0c\xbfu\x95\xde}\x1a\xe7S\xd5UdS\x8e]\xef.\xfa\xbeEz\x16\x00"\xbeo\xc4\x9c\xed\x16\xb3)\x11j8:\xaaG\x97f\xfc\xcfN\xdb\x96\rQi\xea0::\xb9\x8e\xbc\xdc\x1f\xf0z\xf8r\xdd\xeb\x19bN\xf4\x1cYg\xf3\xf1\xd25%\xe3\x9b\xb5\x19\xce\xd2]$\x1c\\z\xda\xa9|\xd8\xf28C\\r\xb9f\x15ON\xeca\xde\xbax\x02\x0e\xdeU\xdaYV\x11\xban\xbb@DC\xae\xff\xe8T.\xfb\x82\xfb\x00\x84}~,\xf0n\x873\x93\r\xc4\x7fi\n{&amp;\xd6\xc1aG\xd6*\xa6\xf7\x98!Kl\xce\x97i*/y\xe2:\x02\xbe\x01\x04s\xc1k&amp;\x98\xa9#\x8f\x19.\x0bb\xde4\xae\xe12\xb3\xd5\xc3\xc4\xc9\x11\xe5\xe2@^\xc5t\x8aY\x9c;\xe3\x10\x83\xda\xf2\x90\x03\xc8"\xfb\x8a\t\xdf\x8eA\xfavn\xd9\xe4\\\x0cWB\xa0\xee\xd9\x14\xf6ar\x19w5\xbdX\xc5\x0b]&lt;\x88\x88/\x8eX\xb5\x91\xbd\x1a\x19\xcfD\\^\xec\x83\x88&amp;\'\xd1\x9e\x97}\x072\xc6\x87\x96\xcd\xa9\xa1oG\x87\xe2\xb9"&lt;\x8c\xbe\xe5_\x90;QV\xa4\x12\xd8cp[\xd7\xdf\x86\xaf&lt;\xa6\xaa&lt;X\'^v\x0e$-\xb3 Y\x83\xb0\xc8d}q\xf0\x91\x14U\xe1\xf4\x94\x12\xd1s1[s\xe2\xc3&amp;\xc6\xb1\xd1\ny\x8a\xa16H\xc7\xd9\xbc\xf8\xd6\xddq\x8b\\fW\x8b]\xe0\xfe\xc8\xe5\x01H\xb4X\xb6\x95#5\x1d#\x1e\x96w\xd1n\\\xf9p:\xbc\xab\x99=@\xc4\xdb\x1f`\xe0Y\x1f\x91E\x04F\x1f@7\x06\x8f\xfb\xf2K\x8e\xffN\\\xde\x89.\x8c\xab\x8a\x8f\xb1\x06i\xb75\xfa\x85nI\xde\x11\x8cd\x96*\xd1\xd6\x00\\\xd7\xcc\xec\xe9\x8d\x895\xa3\x91Y\xddp\xf6\xbe3C\xa3\xc7\xf2si\xaa\xc2z\xa3\xf0\xee\xed\xed7\x9e\xbe8\x87w~\xa7\x19\xdf\'\x14\x01\xbe\x85\x8c\x8f\x8fTaG\xc8\xf7\xa6\xc4\xde \xd9Rz\xb1\x11\xcdAl\x9f\x01\x9f vj\x9f\xf24}\x01\xc0\x8b\x86N3\'\x15K\xfd\xf4\x02\xf3|\x99\xae\xdb\x14\xd8\xab\xf5\x14\x17\xdb\xa0\n\xd3kV\x07&lt;\xde0\x11\xa4\xc2\xac9\xaf\x0e=\xb1)\x8fT\xdd\xa5\x94[Wt\xb5\xebp\x92%pA\xb5\xe21AD\xfc\x03\x00\x80\xbf4[\xcf\x0c\x13\x12\xb5\xdc\x80/\x1a\x88\x8f\xee\x81\x05\tDD\xbc\xad3\x9e\xe6\xf9\x18\xebT\x11q\x9b9^\x98\x92\xd35\x94p\xd1\xb9\x01\xc0\x97[T\x87\x95\x9b\xa1\x94\xe4\x1d_F\xba\xa16\xce\xf6\x19.\xf4\xdb\xdf\x8a\xfb\xa4S0\xcc\x92\xe7\x08\x11\x11\xefp\xa2\xf7\x1b&amp;\xbcl\x1a3\x9aS\xec\xc2\xc7\xe6;\xa8$S\x8c^\x1c\xd7&gt;Q\xf7\xdc\xc5\xe3\xb3Q\x98v\xd6\x01\x9d\xde\xa4G#du\xf2M\x92\x14\xde\xd3\xaa\xa9\xfcx6\x93\xbet\x0e\x8d6D\xfe\xd5\xbaI\x17\xf6\xb8\xf220\xe5\x18\x89\x99\x181\xda\xd5"\xafz6\xf1yM\xfe{\xb3T\x83&gt;\x8e\x88\xf8\x89\xfe\x19\x8bGj\x86\xd6\xa9NU\xa6\xb0#l\xfa\xe50i\x19\x00\x1fm\xed\x16\'\xda\xbd&amp;\xc8\xa4\xe3\xb1a3\x1d\xdaGD\xc4\x9f%#\xa3\xd3_\xf2\xc8\xd6\xd6I,\xe3\xf0a^2\x7f\x9aJ\x1b\xf4\\?#m\xcds\x11W\xaa\xb8t\xac\xb2\xf9\xe2\x9cl\xe2yQ\xcbo`0\xa0\x91\x0f\x12\x15b\x19&gt;&gt;\xb2&gt;r\x1d\xbc\xcd\x1b\x19\x06\xdb/#\x7fx\xed\xdaId/\x90J\xcd\x0bQ\xfc\xd9\xed\x12;\xb2`\xee\x86\x0c\x01\xf0^\xbb\xe5X8\xb2\xc3*&lt;\x99\x83\t\xcb\xd4\x0c\x9e\xb6(.#\xd8\xf3\x01o\x03\xc8\x9f\xc82237\xec\xb0\x97\xd7\\\xe6iM\xcch\xb9\xa6Zr\x8c\xc5O+\xae\x0bk#\xb4\x9c\xd0?\x00z\xf1\xce\x167\x02\xe4\x85m\x0b\xfbd\x01"\xbejRQ\xf8\xfd\x84\\\x08\xf9\x18\xf1O\xb6l? \x11\x02\xcc\xdf\x07\xd0\x12\xa2\x82z9L%y\x9fzb\xe7\x7f;\xc4\xd0\x84%\x8c\xf8\xaa/\x107|~\\\xb3\x85\x81\x8e"\x86s\xba\xfe\xc1\x19\xf7\xaa\xefh\n\xc2\xae\xdb\xc4\x867\xa3O\xb5,\x93\xdf\xfc\xb8!v\x7fR\x85}\x8e\xb3\x8a3wFt-\x1d\xe0\xd9t\xdf0#\xccV\xaf) \xab\xd9Y\x15S\x8c3\xeeP\xad\xed\xb1\xd9\xa3\xa7\x9b\xc3\t_\xf5zm\xcc\xf6\x0bs\xc1\xc7\xfc\x85\xafSJE\xd8\xf4.\x89\xd9\xa7TA\x95P\x9b\xb5{\x19\xa1M\xce\x88]f|\x90x\x87\xae\xe0\xf9A\xa2\x95,\'\x08;\x9a7\x0b2i\xe1d\x1d\xa8\xd8\x0b\xea\xb0\xc3\x02\x0ef\xe4\x86\xd6\xf4;\xf6\xd6?\x1f\xe3^\x01\x0f\xe8#\xae\x1dZ\x02\xb3\xbe\xf0.\xb3\xd4R\xa7\xb3\x03\xa59E@\x1b\xd5\xfef\xfd\x0f9\x9f%\xa2\xf8\xd8\xd8_\xc7\xc2\x00\x80\xf8cC\x1av\xa2R4\xb7s\xdf\xa3N8[`\xf8A\x94 \xc9/\xb0\x85\xe5\xed#~\xb1\xcf\xdc\x9a\xa6\xb3\xd4"\xb5\xd0Ww\xb6\xc0\x94\x05\xdb&gt;\xab\x84\'\'\xcd^[\x88\x8d\n\xb7\xd9\'\x02jF\xb6}\xf7\xfa\xe7z\xa1\x186\x11!\x0c\x00\xe6\xf7bxkc\xe8\x14\xc4I0\xc16\xb0\x1c\xb8\xa6\xf6\xb5\xf2T\x1efa\x9e\xd4\xe4\xcay\xc5\xc1s\xee\xadhZ\x84_\xdf`\xd2\x0f\x92\x87\xb9\ta\xd7\xa8\x1e\xf6\x8e`j\xd5\xf96]\xb6\xe3\x89\xf4s\x12\x1c\t\x8d(\xa0\xf5G\x83v\xfa\x0eG#\xbb\x0f\x00\x00 \x00IDAT&amp; |\xdeR\xec.\xf2{*\x8c\xd2\xf2\x1ffnw\x8c2\x90w3\xb92\xeb\xaf3^\xb5\x85\xf6\xef\xb0V~\xfe\x90\xfd+\x86&gt;\xcdy\xf9\x13\xebR\xdcj\xd0\xb9\x1f-BD|\x7f \xa5\x1c\x93\x14s\x1b\xcc\xb5Y\x08\xc8\x05\x02_\xc3Asm\x0f\xaa\x8f\tG!K\xda#\xbbC\xa7\x82\xdb?;\xba\xea\xe2\x04\x9a\xfb\n\xbd)L&amp;G\xe8\xc6\x89e\xc5\x96\x8dc\xe0\xf4mw\xbfm\x90V\xdd\xc8\xc2\xf7\xc0\xfe\xe8UM\xe59(\xee\xd6&amp;\x92y\x11f\xe3\xea\xcdnK\xaa\xae\xde/\xa9\xc8\x89~\xbe\x7f\xef\xb5\xcbw\x8f\xce\xfa\xcay\xbe\xc4\xf0"\xa7\xaf\xd9\xdb6\xf2\x15\xbb@\xca\x8b\xed\x88\xcb\xb4\x9f\n\xee\x1c\xb4wJc\xe8Q\xcc\x9352\xa0\r\x00\xf8\x9f\xf6\xd7\x81\x98\xe9:\x18\x14G\x9e|8\x11\xe3\x9c\xf0\xd0\x94\xce^|\x9e5\xadi\x19q\x15\xecS\xbc\xcc\xd2\x01x\x19\xe0;\x04\xafs\xdf\xceX\x86K\xbe\xbd\x97\x10\xbb\x02\x11\xd5\xa5\x15?\xd3\xc6\xbfp6|\xb1\xb2\xf8jZ\xdf~\xd7\xa4\xcd\xc8\xdd\xfc7Q\x13]\xb7\x16Y\x96\xee\x06\x88\x7fz\x02G\x00`\xbf\xaf \xbd\x8f\xaa7\xa9u\x95\xd0kB\x0c\x9a\x0bU\xeb\x0eg]Vy\xb8\xd3\xe8\x84"\x1d\x17f=\x8f\xea\xb5a\xf6\xac\xd3\xc6b\xdc{\x81+\xa9c\x1c\x92\xc1\xb6\xc0\xban\xfbw\xfa\xa6dV&amp;\x19\x881\xd2\x99{\x96\xfdAsa\x05\xa6:\xee\x1c\x92\x94\xe3J\xcc\xafs\xb9\x85\x182D\x12\x1f\x12\xed\xaf\x88?b\xa4\xce\xda,\xfb\\O\x95+\x8dKs^\xff\x12\xd6\x94\xc1\xd8\x97\x98\xf4c\x96\xbdt\x89\x9aO\x95\xf4\xce\x8a\x93\x1c\x85\xa0g9\xf0\xe8O\xef\x95\xc50\xda\x0b\xb2O\x9a&amp;\xda\x0f\x04\xf4\xdc\x8c\xce\xadz\xc4[\xdb\x13\x018\x8a\x88\x81\x07\x83[V\x9a)\xf6\x8e\xff\x06mj\x9a\xfd9 \xfb\xcb\xd1\xbf0\x1eOeR\x12\xfcY6\t\xd1\xe4!\x00&gt;*8\xe2\xbc(^\x17@\xda\r*\x04\x84\x1d&gt;\xee\x1dC\xce\x08{\xfbh\xd3T{=\xc3\xea\x7fyi\x04B\xaf\'\x81\x08(\x95\x84_\x8b\xc3\xb4\xae&lt;/\xd2\x99\xe2b:\xf9\xe6$J\xc5\x99\xf9\xbd\x1a\xb8\xe8\x90\x84}\xbdZ&lt;\x02\xfa\xd2~\x9c\xb9\x87}\xfbB\xa5\xc5{=\xcd)\xf2\xfe\xd6\xc2\xac\x19\xe4\x1d\x83&lt;\x15\x19\x0e\xc2l\x9e\xbf\xc8\xc9P%i\xd3\xf32\xd4\xcd\xb8\x13\xa6~\xd0\xda\x0f\xf2\x0b\xd2\x9b;\x7f\xd6\x06GN\xafzy\xe1yt"k\xe2\xd2\xdb\x84\xa7\xd7\xc8\xe6\xbc\x8a\xb6`\x07\xc6\xe7\xe2q\x00o\xdd\x06QE\xbd*\xb6K\xbb\xa5\xf8T~^ \xfd\xd8&gt;\x9f 3\xbc&gt;rc52rte\xb7\x84\xfcA\xc3V\xf7\xda\x9cp\xb1\xcb\xc7k\xc7v\x81\xfe\x1af#\xbc\x1dk\xcb\xa6\xdfV\r\x9ew\xb7J\x02\xcew\xb8\xe0\x9a\xc8O\xd9T\xb2\x0fTBr\x85\xec\xf2\xa3\xd3\xa89eL7U3\xd9\xea\x1a\xaa\x9bd\x82\x8c\x1eH\xe0\xf6\xe2_\x1c\xdfJ\x1b%\x80\x937\x00\xbav0\xfd\xd9G\xdaj;\x1fAf\xa2\x10\r\xfb\x88\x88\xdeGi#Ea\xc1d2\xf4{C\xde\x00rO\xf3=\x19\xf3Z\x1f\xf4\x96\xd0\x81"\xb0\xce\x17L[\xacLh\xfd\xc2\xd0\xba\xef\xdc&gt;$.!\xc0\xef&amp;I\x9f\xa924\xbd|\xeaf\x02\xddU`o\x04Q\x08\x1f\x9d!\x90a\x19\x92\xe9\x04\xc4\xc1-Z\xb7\xa7\xed\x01\x9eb\x1f|\x82E\xeft\xcc\xcd\xd3\xf9t\x87f\xb3\xde\xe9\xc8\'\xad\xe3\x06\xc3\xc0,"\xfe\x89i\xdf?.\x1c\x88T\x97\x87g\x04\xbf\xe8\xccS|Y [v i\xae\x84\xa4\x17\xa2\xd8_\x19\xb5r1\xdfBNw $\x1fi\x8f\x10\x86\xd0G,\x19\x9f\xc69BC\xfeb\xcaf\xbe\xdcc\xd7@\\\x07Sv\xdey\x14^\xd0)HOq\xc3\x03\xa3\xbb\rcB\x01\x10\xbf\xda(T\xcd\'\xd7\x1c\x872\x06\xe7\xf9\x992-\x0c\xe4\xad\xc3\xbb\xb69\xb2 }%\x97\xd2\xac/S\xfeX\xbd%\xb3t\xd4\xfc\xa5\x07\r{\x14\xbf\x91\xa3\xd9\xbcg\x8a\xf1\x99\x9c\xc9\xcc\xb2\xf1\x9a\xf2N\xddX\xcc\x0e"G\xed\xc5]\xa9\x11\xa7\xdc\xbb\xca\xf0\x1e\xcb\x8a\xc80I\x19\x1e\xcb\x7f\xa7t\x0c\xc8\x0fb\xc3\x95s\xd4\x8f65\xb6\x16\x17@^k\xbf\x14\xceB\x9e\x0c?\x85\xa4t\xbdz\xd4Cf\x80\xc9z\xce\x97\xbd\x19\x173\xa2\n,\x9a\x0em6\xe7\xcb\xa3dJ\xeed\x9aW\x99\xbaD\x85\xa0\xf3\xdb\x7f&amp;\x87\xa9r\x7f\x93\x19\xe1\x8b\xc1\xb2\x04\x17{8\xcfX\x16\xe8\xffc\xda\x0b\xe4&amp;iO\xcd\xb2\x9bP\xcfs\xbe\x02\x00\xee\xc7D\x18\r\xd7r+?\xe0eD_/\xcb\xb2\xfb\xc3]\x17\x00\xe0]\x96U\x82\x99%\x15\xec\x1d\xf5\x7fY(\x18\xa2\xcd\xfbj~YNYf\xb3\xd0\xfa\xcb\xb2\xf4\xdcF\x13\x1f\xd8\xec\xab\x81\xcc\xe7\xa2\xaa\xa8\xa7N_\x1a\x18\xf7\xdf.\xcb\xc0\x9a\x99\xb1\xa5ADL\xd7|7\x9b\x99\x1b\xd6\xe3\xdc\xbe\xa3\xc8\xf7\x7f\xfa\xaa\t\xbd\xa8\xac\x1a\xa7\xb4\xdesMn\x92\x925\xf8\xe3\xdc%X9\xf4\xfa\xb8\xf6(\xe6\x86,s\xca\xca\x9e\xc1\xbd\xae\x04r\xf5c\x16!\xe8\x06\xb5l\xa2\x94d{kO\xca\xd6X\xde\x98aq\xc3BrC37\xcf\xe1\x86\x0cj\xb1\xb9g\xe7\x11\x0bd\xcfv\xe4\xdeN\x8d\xe3\x87\x1b\xab\x97\xd2G\xe7\x93|\xda\xbf\x1d5\xf9\xab\x1d&gt;\xdb\x89c\xbb\x8c\x88;5\xef9\xfa\xf1|xG/\x1c\xb9\x97\xd4a\x7f\x8a|R\x18\xd4v;\xa5\xdb&lt;&amp;\xeeb\xd5\x88&amp;,S\x8a\xec\xaf\n\xeb\xf2\xa0\xb8\xc7\xe8D\xd9\x0f\x16\xc9\xfc\xd0\xfck\xef&amp;\x80\xba\x18e\x92U\x94E\t\xad\xfa\xd7|\xda\xdb\xc8E\x10x&amp;\x15\xb3\xe8\x167\x7f?\x0f\xd4\xb3\xb9\xb1I\x0b\xc3\xec\xf1r={\x08\xd7\x1f4ws\x1d\xea\x8c\x98\x11\x9b\xb3\xac\x8b\x00\x9c9\x88+\xd2\x90\xb7$\xe9\x1b\xf4%\xb7\x91/\'\x0cu*\xfc;Y+\xe4\xe9"\xb8iN\xcc\xdc&lt;&lt;\x0ey.\xab\xdcC\xfdK2W\x16\xabXq\x1f\x1f\x9d|\x03\xdc&lt;&lt;@\xc40\xb7v\x04\xc0\xb7\xb7\x0f\xb3\x9e\x8bdfI\x99Y4\x9c&gt;&gt;\x08A\x11\xf0 \xc8\x8bAm\xf9\x03F~\xf1=bj\xbe\xa2_\x18FbO\xa8\r\x9b\x80\xf2\xa43\xef)\nb\xbb\xee\xc0\xd7x\x1e/\x17:cA\x9dF\x83zUX#\xb6\xfa\x9b\xba\xbe\xb4\x8ai3J\xba\x98\xd1@\x8c_=\xcb&lt;\xb1u5\xd5\x1aLzh,WO\xbd_w8\xec\x97\x86q\xe2\x08^\xc8|\x90\xaf\x996\xee9\xdaGBnB]\x8e\xfcz\xea\x04g\xb1us#\x92\xe9\xd1\x18\xd2\x8eO\x8e\xf9\x84\x0f\xedS=O\xbd\xdbm\xff\xde\xc3\x10p\xe2\x05Qc3Sf[\xfb\x7f\xdd\xc4N\xc4\x9fwg\xfb\x1a\xdf\x15\xe9\xd71\xb5\x0b\xe0~\xbd\xa0\xf3\xf6\x96\xeb&gt;\xc2\xc73\xc7\xc0\xa1_\xb6\xde\xfa\x0b\xc4W\x8f\x96\x90\xf0K\xed\x00\x9f3z\xf4\xd3Q\xcf\xe2\xf3{\x0b\x18\x15l\xde~\x8b\xb4+\xce\xe8\xe2\xb3y\\dB\x1b\x8d\x80%jx\x87e\xeb\x94`\x06\xeby&lt;e\n&lt;\xa7_3\xaf("\xca\xab\x07-r\xca\x85H\xaa\x99\xe7$\x84Jl\xca\xda3v\x89\xc05\x15\xce0\x9c\x8dB3\x9f\xd2\x9d\x05=\x0e\xea\xd3\x18\x8c&amp;\xfa\x81\x9e\xd9\x8bg~!h9\xff\xffd\xb9Xo3\xe7\x1as\xdc\xf7\xeb\x1c\x12yO\x1c\x84 ;&gt;Y\x12\xa4_[Z9\xfb\xe1I\xc1\xb0\xdc\xf1[\xcc\x1d\x15x\x02D\x18\x9eP\x02\x9ez!\rH\xa6\xf7\x86&lt;\r!\x1f%p\xfd\xdf\xf3\x92\xb6\r_\'\n\x0c\xd4\xf9\xebL\xbf@\xf5\xc2d\xa5\'\xc8\xcb\xf3D\xe6\xf5\xac]\xc7=\x1a\xbb\xfb3\x95;@\xbc\x91\xc1\x96\xbcN\xf2i\xd6f\xe4\xcfq\x931v\xd1_\x8bB\xe5\xc1f\r\xbe\xd60u\x95\x10S\x97k\xc0\x175+8?8dr\n\xf0\xe3\xd4\xc8\x89\xc7O\xeb\xaa(\xac\xc3\xa1\x04\xed@\xfb\xb2\xd5\x13m%\xc3O6\x14}Gh\x9d\x15\xa6r\x1b\xc5x}-*#?7q\x0f.zdK\xb8#`\x1a\x11bw;_\xb0\xbc\xc5S\x8f\xaf\x05~\x863\x9d\x19\x13\xca\x8fJS$\xf1)\x9a\xde\xa8\xb0sG\x87Yd*\xad\xe3\xde\xa6\x8c5\xe2\xad\x82+\x83\xe4|\xac\xd7\x87\'Swy\xc8\x1e\xf1\x031\xab\xaf\x1c\xd1\x8e]\x9b4\x86\xea^\xab\x13\x87w\xbd#\x06\xd6\xe8\xdb\\\x1c\x92L\x8am\xdetS?\xc0D\x075\xe9\x96\xd9\x9cr}\xcc\xd1)\xc8{\xdd\x13\xf2A\xec\xedq\xd7\x7f~\xa2\x01\xcbf{q\x9d\x95\xff\x8b\xc8\xb0\xd9+\xe8\x8c\x0e\xf7KVl\xc9\x9d\xd57B_h\xada\xa5\x89]\x90\x1a\x7f\xdb\x84\xfa\xe5\xc5to\x1a\xdd\x04\x98\xf6s\x0b\xfe\xd7\xc4\x9a__\\g\xcfkd\xf9\xb7\x87\xceL\x02\xd6\xa9YX\x17\xfe\xbc&amp;ubAxfA1&lt;\xe0hJ\xbem\xfc\x91;\xd3\x1c\xe2\xe3\x02\x02I\x9e`\xad\xba3\xc2Lo{\x91U\x17y92\x1d!\xa5\xc3\xc83\xc9\x08\xc5\x87?\x04x)\x7fk\xd6%\x1d\xec\xe9r\xdc\x915\xf8\x86\xd4\x03[\xcf\xe3@\xcdQ4\xc9\x04B\x07\xa6\xfe\xb2\xc3\xbeC\xccu\x9c}\xf2\x1cyt\xbe^\x8aM&lt;}\xcd\xaf\n\xb8\x1c\xde\x7f\x10c\xb3i\x10\xa0\x1c\x18g\xae`\x8c\xcc/c\xe6%\xb9\x01\x8cv\xc1\xc0\x91P\x18\x1a0\xb7\xc6)\x1cQ\t\x1b\xd3)d\xce\x024?\xd09:\x13Xv.\x90?&gt;\x93&gt;\x96\x9cWWun\xfe:\x94\x0eytg\xfcN\xa6\x0bCr\xb4\xf1\x00\xd0\x00/\xb0\x1e\x10\xf1\xf9\x17a\xf7RA\x96l\x1b\xd4u\x10g\x19\x15~,\xbc\xaa\x97\x8a\x96\x8c\xed\x8fh\x00}a\xca\x90\xb7\xeb\x0b\xa0\x8aR\xfe3]\x0b\x19 "&gt;\xc5\xa6\xd4Myf\xd7!\xa12\xe7\x9a\x9c\xac\xf3\xbc\x939?#b\x07\xf8H\xab\xef\x9c\x83\x15"\xfe,MT\xdc\xa4Z\xa9\xb0A\x95":\xb2~\xd9\xe7\x89\x0c\xe3Y@\x807(I/Qh\xfd\x06\xeeV\x99\xdc\xa6\xc7\x9al{\x9c\xa1O\x9e\xbe\xf5\xc2\x14.\x92boy\x82z`\xf6\x82\n\xfe\xd8o\xe3\x9f\x13\x88\x08\xb0\xc0\xb2O/\xfd\xe5i\xf9\x95\x0c \xc5|\x9b\rJN\\\x85f3\xf1\xf5\x0fo\xbd,\x7fn]\xb5\xb9X\x16\x96^\x0c\xfb\xaf\xe3\x13\xef\x88\xb8\x7f+\x00\x88\x92\xdft\x97e\xa1b\xe0\xe5\n\x91}\xe9E\x9b\xec\x8dU\xfb^\na\r\xf7\xc1mZ\x02\xe0d\x01\xa1\x9a;\x93y\xac\xdb1\xcc@hm\xb5\xd0\xde\xfa\x81\x88TkJ\x82\xc6\xd47O\x0cH\x82\xacv\xc1\xd3\x8bZ\x8c\xa3\xb5\xb2LE\xeaZ\xaf\x1a\xefkW\xe2\xfch\xe1u\x1bR\xdf\x91 \xbfwbQ\xf9\xf4\xd2\xdb\r\n\x92\x011\xba\xfaN\x9f\xb2\xbf\x02\xb8\xb9\x98\x9a\xf0\xed\xe98\x17\xf3K\xf0]@\x00\x00\xc6\x19\xc0\x8bm\x1b\x7fR:r]\x85\xd4\xb28f\xec\x84VW\xfbw\xa7,\xcb\xb2v\x7f\xab\xac\xf3w\xd6\xf2\xe8\xd1\xbe\x1ad\xfb\x8a\x1e\xe3KB\x96\xa51a\xa7\'\xb1\xff\xe8t\xf5\xa1\xed\xf8\xc0\xb5\x16\xa2\xa5;\x05\xacI\x1a\x1e:\xdc#\xa0%\xcb\xf5`\xb8J\xb3\x86\xbb\xe4\xa2\xd9\xf8\x04\xc9\xa9\xd1:\x82f\xe2z\xa8\x95\xf31[\xeb\xf0\x8cV\xbc\x0b\xa8M.\x97n\xef{i\x9a\xd7\xc4\xd7\x19\xa9\xfbT\xba\x16\xf4\x97V\x81U\xf0\x1b\r*\xbcl\xdfHd\xec%B\xdd\x8c\xd4\t\xaao\'b\xc1Z\xf1\x01\x13#6\xe3{\x9a\x187\xd7\xb1\x13z\x88x\xf0k\xaf\xe8k\xe4?+&amp;\xb7\xd1W\x1b\xa8A.i\xb1\x9c\xcd\xc1]\xaa\xef\xd3\x15#\x83?\xa9\x9f\xccdCs\x9cF\xd7\x9c\xb8"\xa7&amp;\r\xee(\x90\xd4\xaf\xcf\x02\x11\xda(\xf7\xfc\x19\x88\x93\xcc]\xd2\xa9\x103\xd5\xa0\xad\xf1\xab\xe9\x88\x0e\xde\x98\xeb\xfa\xc1\x91k3O?\xa9\xc5\xb4\x16\x7f\xd8B\xc7\xcd\xb962&amp;\x04\x02\x96\x01y1\xeftZ\xfdb\xcb\xa4\x17\xf1o\xe6\x19\xf9$\x87\xb3\x80\x88\xf7Li\xd1xs\xaew\xc5]\xf7K\x98\x17\xb1\r\xc8\xe9\x8e\xdd\\Z8\x8b\xd1\xde\x00\x92K\x8e\x16\xb4\x1eG\x85\xc0\x08\xbd\x8c3L\xb4\x13\xaf\xdc</t>
        </is>
      </c>
      <c r="E646" t="inlineStr">
        <is>
          <t>&lt;class 'numpy.ndarray'&gt;</t>
        </is>
      </c>
    </row>
    <row r="647">
      <c r="A647" s="1" t="n">
        <v>645</v>
      </c>
      <c r="B647" t="inlineStr">
        <is>
          <t>steps_per_sec</t>
        </is>
      </c>
      <c r="C647" t="n">
        <v>9300</v>
      </c>
      <c r="D647" t="inlineStr">
        <is>
          <t>10.075884</t>
        </is>
      </c>
      <c r="E647" t="inlineStr">
        <is>
          <t>&lt;class 'numpy.ndarray'&gt;</t>
        </is>
      </c>
    </row>
    <row r="648">
      <c r="A648" s="1" t="n">
        <v>646</v>
      </c>
      <c r="B648" t="inlineStr">
        <is>
          <t>Loss/object_center</t>
        </is>
      </c>
      <c r="C648" t="n">
        <v>9300</v>
      </c>
      <c r="D648" t="inlineStr">
        <is>
          <t>0.2884855</t>
        </is>
      </c>
      <c r="E648" t="inlineStr">
        <is>
          <t>&lt;class 'numpy.ndarray'&gt;</t>
        </is>
      </c>
    </row>
    <row r="649">
      <c r="A649" s="1" t="n">
        <v>647</v>
      </c>
      <c r="B649" t="inlineStr">
        <is>
          <t>Loss/box/scale</t>
        </is>
      </c>
      <c r="C649" t="n">
        <v>9300</v>
      </c>
      <c r="D649" t="inlineStr">
        <is>
          <t>0.044941124</t>
        </is>
      </c>
      <c r="E649" t="inlineStr">
        <is>
          <t>&lt;class 'numpy.ndarray'&gt;</t>
        </is>
      </c>
    </row>
    <row r="650">
      <c r="A650" s="1" t="n">
        <v>648</v>
      </c>
      <c r="B650" t="inlineStr">
        <is>
          <t>Loss/box/offset</t>
        </is>
      </c>
      <c r="C650" t="n">
        <v>9300</v>
      </c>
      <c r="D650" t="inlineStr">
        <is>
          <t>0.14888965</t>
        </is>
      </c>
      <c r="E650" t="inlineStr">
        <is>
          <t>&lt;class 'numpy.ndarray'&gt;</t>
        </is>
      </c>
    </row>
    <row r="651">
      <c r="A651" s="1" t="n">
        <v>649</v>
      </c>
      <c r="B651" t="inlineStr">
        <is>
          <t>Loss/total_loss</t>
        </is>
      </c>
      <c r="C651" t="n">
        <v>9300</v>
      </c>
      <c r="D651" t="inlineStr">
        <is>
          <t>0.48231626</t>
        </is>
      </c>
      <c r="E651" t="inlineStr">
        <is>
          <t>&lt;class 'numpy.ndarray'&gt;</t>
        </is>
      </c>
    </row>
    <row r="652">
      <c r="A652" s="1" t="n">
        <v>650</v>
      </c>
      <c r="B652" t="inlineStr">
        <is>
          <t>learning_rate</t>
        </is>
      </c>
      <c r="C652" t="n">
        <v>9300</v>
      </c>
      <c r="D652" t="inlineStr">
        <is>
          <t>0.0009992402</t>
        </is>
      </c>
      <c r="E652" t="inlineStr">
        <is>
          <t>&lt;class 'numpy.ndarray'&gt;</t>
        </is>
      </c>
    </row>
    <row r="653">
      <c r="A653" s="1" t="n">
        <v>651</v>
      </c>
      <c r="B653" t="inlineStr">
        <is>
          <t>train_input_images</t>
        </is>
      </c>
      <c r="C653" t="n">
        <v>9300</v>
      </c>
      <c r="D653" t="inlineStr">
        <is>
          <t>[b'512' b'512'
 b'\x89PNG\r\n\x1a\n\x00\x00\x00\rIHDR\x00\x00\x02\x00\x00\x00\x02\x00\x08\x02\x00\x00\x00{\x1aC\xad\x00\x00 \x00IDATx\x9c\xed\xbd{\xf0&gt;\xcfU\xd7\xd9\xf3\x83`\x96e\xb9h\xc0H\xb1 \x0bTH\xd0\x14\x10\x10\x14\x12\xc9\n\x84\xca\x12\x13\xb9\x94\xbb\x88$\x08Y\xc2EJ\x02\xba&amp;\xca%\x16\xa8\x91\x8bd\x01\xf1\x82\xae@\x88\x15\xb3\x0b\x01\x12*(P\xbb\xd6B\xe1\x1a\xd1\x8d\xe8\xcaE\x90`$.\x14lb@b\x80\xb3\x7f\xcc33}=}N\xdf\xa6\xe7\xf9\xbc_\x95|~\xcf3\xd3}\xce\x99\x9e\xees\xbaO\xcf3_c\x00\x00\x00\x00\x00\x00\x00\x00\x00\x00\x00\x00\x00\x00\x00\x00X!\xa2\xd3%\xc8\x15\r\xd2\x04\x00\x00\x97\x80J]0\x19\xf3\x17\x9a\x18pq\xb7|]\xfb\xafj7\x00\x1e\x7f\xebl\x03\xae\x8bj^\x0c\x97\x01\x00\x98\x91\x94\x1f\xbb\xec\xfc\xec|\xfa\xb5\xdcug\xcd\xe6\xe2\xc6\x03p\x9f0\xc3\x929\xf55\xf5z\x1f\xf0\xbc\xf8\xba\x17&gt;\xde\x89\x9f\xdbOh\xcb\xf5U^8\x82\x1f\x98\x11*\x9a\xe9\xa3/\xaf\x10}RiEE\x13N\xd2\xdaD\xe6\xbd\xce\xb6!\xcb\xb4~vZ\xc3\x008\x10\xcet\xd0\x9b+\xb9b\xf3\xd5\xcf\x82{(%c\xe8W\x87\x99S\xce\x15\xef8xX|\xf5I\x83\x1c\\\x02"3\xb2w\xd0\xc1 \x8d\x00&lt;,\xd6\x91\xd5j\x90ie\x14?Fy-t\xd9\x9e\x89\x1bd\xb0;\x86\xef\x07\x97\xe0\x91\xb3\r(\xe16\xb0\x84\t\x1f\xa5T\xb0"l\x0e\xbb\xd8\xb2,]Li\xc70\x03\x97eI\xb5\x06\x02\x03\x98\x87K\x06\x00\xd5b^8\xe4\xb5\xcek1\x03\xddIg\xa2m\xb9^[\xb4Y\xec\xc6\xbf\x93&amp;\x18HA\x98\xfc\xab=\xec\x00\xe0\xba\x90\xc7z\xf0d\xa3Nf\xd8\xe5{\x8a\xe8s/\xf0\xba\x85\x7f\xb3\xc5-\xc5\xcf\xdfb\xd74\xecJ\xa7oQp\x0f\\r\x02G&amp;2k]\x96\x85\x88\xf8u\xf7\xfc9\x8aK\xb06\xfd\xe5\x9a\x92\xe9\x1em\x85\xa0\xb3\x81\xabp\xc9\x14Pj`\xf5\x1erSM\xc9N\x9c!.\x02\xef?\xe1&amp;\xa8\xbc{p\xb6\xc3\xad\x83;\xe2\x92\x01 J\xf8\xdc\xc5\x9e\x1e\xda\x8fW\xfa\xa4\xd9\x86\xfe)\x0f\xb6\xcb\x0b_\xd7U.\xcb\xf2\xb2\xd4)Y\xf5\xa9\xa6\xff\x1ft\xb6\x01\x004&amp;\xc8\xffg\xca\xcc\xfcT6\xfd\xcd\xa2Zg\\\xcb\xb4mx9\x88\xbe\xebl\x13\x00\x98nR+\xc5y\x10E\xf3\xbc\x1dW\xf8\xa4i[\x99\xeau#d\xadg\x7f\x9e\x81&amp;\xd9\xf6NLe\xdbT\xc6\x80\x07\xc8\xfd\xa4\x80Bf[\x89\xa7X\xad$\xfa9\xd5\xd4z\xb1\x83\xd9L~\xe4\xf6\xb0\xcd\xac+\x85\x01\r%\xbf\xf01wm\xce\x1b\x01f`\x16\xafQ\xc0\xeea\xc2Q\xb4N\xac\xf6\xbf\xf6)v\xb90\x8f\x17\x95R\xf9@N\x8f\x19\xa8\xfd\x8c\xd6\xf5\x1a\x14\\\xf6)/\xf0\xb0`\xf2\xd1\xfb["\xf6b5\xf3\xd1Y\xe7\xb2C\xa1\xcf\x92\xb6\x03M&lt;\xfd\xbf:\xf3\xec\xc1\xfc4\x16\x16`\x06\xb800\xfd\xf6\xaf1\x86\xe8\xb7&amp;\xb5\x0c\x18\xf3\xe2\xb3\r\x08\x99\xb6\'\x83+r\xf9u\x1e\xb3\x1b,\xd9(\x06\xe0\x8a\xcc\xb6\xed\x0f.\xca\xf56\x81\xbd\xf9\x8f\xbd\xd3{\x85\x19?x\xa0\xac\xfd\xf1\xfd\x1bI\x83\xe3\x07\xc0g{\xe7\xfb\x08\xdf\xcf\xe8\x08\xdf\x14=I0zP\x81q\xb6\x0bm&gt;/\x11\x8a\x9b\xac\x19\x00\xe8\xc9$\x0e\x8e\x8c\xf9=g\xdb\x00\x9a\xd0\xb0?\xb5\xed\x9c\xf5\xf1d\x8a\xa1\x02@\x96;\x9b\xb9\xde\xd1\xa5\\\x06R\xbe\n\xf4\x9ex\x98W\r\xee\x87\xbbr\xff\x00t@;B0\xa4\x00PC\x98O\x01\x01\xec+\xaa:\xa8k/\x12&lt;\x08\xae\xf7\x14\xd0\xb9\x84oB\x1e\xfc\xaf\x8d?4\xe6l\xd7:\xabzD\x00tA\x00\xce`\xaa\xc7N\'1cN\xe8\x8f\x9cm\x811\x06\xf7\x08\x00\x00\xda\xb2{U\xa2\xdb\xff$\x85\xf7*B\xe1M \xca&lt;C\xdcC)\x00\xe0\xde\xb8{\x0f\xf1\x03C\xb4\x0c^\xc3\xf1\x01 W\xf7\xee\xef9\x00\x020\x12\xe4&lt;\x9c\xa6*\xf0\xe2D\x8f\xcf:\x7f\xfb,m\x7f\xeb{`A}t{\x00\x8c1\x86\xde`L\xddd\xea\\F\x8e\xe4\x87\xe35\xbe\xb0\xed\xef\xb6\xf67\x9bZ-h\xe5\x9a\x92?,\xf8\xfb\xedl\xe0\xcc\x13\xacZ\x1e\xce\xad\x07\xa0\x19\xaaaCDoj\xa6\xf7\xd5\x8d$yb\x1f\xa2\x1bh0C\xdfD\xd8\xa2\xd6\x8fMV\x00\xf5\x846\xb4\xb2\xaa@\xcc\xf9\xcd\x01@\x13\x9e\xa8)\xdcl\xc8iD\xc9\x1f3\x7f\x98\xde?\xa4\xc6\xa3\xe5w\x89\xd5\xb2cB\xb2\xd3\xf9\xa2##Ag\x03\xf7\xc0\xa5;\xf1&lt;\xcf\xa42\xec\x06J\x0c-\xcb\x95\x13=]_/)-S\xa0\x95&amp;\x96\xa7\x0c\xd1\x02\x00\xb8\x0c\x91$\xc0\x1c\xd9\x89\x86\x14\xfc\xfa:\xda\x00d\xfdm\xc5%\xc2m+\x1e\xcau\x82\x8b\xd2j%^?-\xfdge\xaa\x8bj\x01\xf3\x90\x9et\xea\xc7\xe3\x8aj=\xf9\x81EA0\x05\xa7w\xb7\xf5\x01\xa4\xd3\xcd\x00r\xee\xeffMrE\xd7}\x18\x0f\x80B&gt;\xf7l\x03\xee`\xcaE\xa7^\x05\xb9\xcf\xf9L5\x87\xad\xb1\xe5\xdf\x8a\xe4Ot\xb1\x00\\\x8f\xe8\x10\x1a9\xaa\xa4\xa9*\xb6\x14\xfc\x80\x9ci\x9bjZ\xc3\x00\xb8*\x92\x9f\xd8\x14O\xa3\xa2o8\xe8\xf2\x96\xe0\x99^T\xd7\x9c\xae\xd7\xe5\xb5\xdb\x9d6a-h\x16p%\x84.\x83\x8c\xf9TY\xb1\xe2\xb3a\x99\xfd\x97\xa5\xf5c\xea\xf8\xb5\xea\x19\xc9\x8d1\xea\xa2\xd7\xd5Cu\xfd\x1di\xfc\xe3\xe4\xb48lJ\x01\xc0!\r\x00D\xf4\x19\xbdm\x89)\xbd}h-v\x8cG\xb64\x0eP\xc7\xdb\xd0Rf\xd3\xeb\xa1\xe0\x83\xae:\xb5\xf9\xb5`=\x884`F\x9a\x0c\xd7S:\xf71m\xff\x80\\\xe2\xbeH,8\x1d\xfb\'\x1a3\xdc\x97\xb66\xb8\x19\xb3\xf3\xaf\x0e&lt;D\xe8;\x0c\xd1\xa3\x9a\xbd\x9e\xe1\xc3N\x0e\x06S\x89\xba\x04\xd94\xc8\x80\xe6(\x9c\xdd\xdb\x7f\xbd\x7f\xb1\xc0\xfe&lt;\xdf\xfd\x0c\x7f{8\x9f\x8d\x00\xdcz\xea\x1fW\x96\xbfvg\xbe\xba\xfd\x95\xdc\xfe\xc1\xce\xdb\xad\xfc\x87\x03\x95VJ\xa8\xbdk=\xd2\x89qEw\xfd\xa0\x01\x00%\xf4\x1b\x0f\xd7\x1aha;\xfc`Si\'\xc2\xbe\x8f\xaf\xca\xce\xb0\xf2-\x8c\xad\x91,\xfa\x96\x8b\x13\x7fN\x01\xef\x0f@\x0f\x9a\x0c\xab\xd9\x86\xe63*\xea\x16\xcf\xac\xaf\xee\xa0\xc8b\xb4\xeal\x81\x8b\xb7-\xb86\xf7\xd7\xfd\xe4\x03\xfdV\xf2\xcb\xbb\x9b\xd4\x90\xd2\xa7_\x88\xe8\xab+\xea^\xbb\x9bLb\xfe\x1cV\x00`!\x19\xdb\x05\x93\xa7\x13\xbd\xc6\xaa\xfa\xc3\xc5%\xb3e\x8a\xcd(\xab\xd8C\xac=\xff\xd5\n\x88\xffb`?U`M\x05\xfef\xa9\xe0\x16\xde\xc1F\x14\x98\x96\xb7?\xdb\x80.\x10\xd1\xb2,\xfb\xd7eY\xc8\x98\x85\xa9\x10\xb2,g\xcd\xbbl\xcb\xebK\xca\xa5\x8d\xa1\xce\x9ee\xff\xa3\xd2X\x1cu\xda\xb7^T\xe0f_\\\x1d\xbc?\xe8\xc6#g\x1bPOt\x88\xfa\x07\xbd\xefY\x8f\xb0\xcc\xe7:W\x869\x83a\x97/\x9f\x86/%\xfe?\xaee\xb1%&amp;\xd5\xb5o\x01^b\xb4\x1d\x96e\x99\xad+bQ\x02\xe6\xa5U\xf2\xa6\xd9\xa3xU6\xe4\x8f\xac|\\\x85\x961\xe4\xb3U\\\xdd\xb6\xb6\xecb\xcf\xdf\x1e\xb07x\x87\x99\xa2\xd2F\xf4\xef\xba\x1a\x03@91\x17\xf9\xf1\xa7ON\xb6luu\x089\xfdJX\xe4\x9eK\xb5]\xa1\xcf\xf2\xeb\xca\x1f\x15[\xac\xa8$\xd7\x9e-\x90m\x1f\xef4mG\x88\x88\xdeGd\xe7\x1b1m\x07\x0f\x81\x19z\xf9&gt;8\x1b\x8bm+\xae\x9a\xfd\xf9tQa\x91\xb4\x92YyY\xe4 6,)&amp;\xc8\n\x9d\x85\x84\x81\x96\x02\x1a\xea:&gt;\x97Toe\x08\x00\x02\xc2\xd7cQ\xf0\xa1V~B\x143\x7fT\xbd\xb4Kc\xcct\xc3Kh\x90\xca\x9f\x96&gt;\xee\xf9\x91\xca\xf2\xbe\xdf\xdc\x8f\xcc\xd6\xce\xe1d\xa2\xc6\xeb\x17\xb9uY\x8c\x9f \xa5\x06\x1e\x1c^\xb7\x1b\xd9\x05\xef\xa9\xb3_\xe8Z\xban\tl+\x03u\xdd.6\xa5\xd5\xa5\xbc\xed\x89\xf7\x11\xde\x1f\x9c\xc3\xde\xf1*\xe7 \xf2\x9aD\xdfV\xfa\xabT\xe1d*\x7f\xe4a\xd2&gt;\xeb\xb1\x8a\xbd\xda\xc3-\xc9\x00 \xf9e\x8cV\x971D?\xa6\xac\x04\xc0y8;f\xe2\x84\x8c\xa4\xd4\x1b\n-\xd2A\x9f&gt;DM\x8e1\xeeP\xa5\xe5\x96\xa5\xe9dJ5aO+\xcdhe:m4/\xc4\x14\xae$\xda\xec\x9eB\xc2\xbf\x0e\x0f&amp;\xa1\xeb\xf4\x9c\xa9^67m\xe55\xaeEYcM&gt;I\x8f-\xdd\xc4\xfb\xe4\xc7n\xb6\xd36\xd1}\x11/\x00\xf0\xcb\x97\xfa%\x93\xbdg\xee\xd8Y#\x14\x80N\xa8\xba\xe6&gt;\xdc*\xd3Gd!\xac\xb2\x1bP\xac\xb7\x1f\xcd\xad""\xa2\xf7\xaa\xdc\xa5OY5c\x0b*\xe1=~\x96\xa71\x92\x9b\xa6\x10\xed\xf12g\xd7\x05 B\xfa\xa1\x9d\x06\xfd\xb8 \x00d\x05\x9eE\xa7Q\xdd\xa4q\xee\xcf\xe5\xd8\xce\x94\x8e#S_%s\'\xe9\x8b\x87[\x03\x1e\x08\x95\xc3"9yl4\xda\xd61\xf1\xde\xd7\x9f\x8dz\xb9\x85\xa9\x18\xe3\x1cG\xfa\xdfp\xde\x90|\xf2\xd8}\xdamL;L\x1e\x8a\xc0\x03b\xf2W\x02`\xacL\xc5%n\x07\x91\xd4Nr\xaf\xa8\xe1Z\xb3\x9e)\x8c\x00z.\xf62\xb8\xf8\xdb\x12\x05\x15\x1b?2\x98\x18x\xd3\xbd\xb5\xeb\x01\xf3\x9f\x8bj5\xec\'\xbcg~eN\'}\xb4\xf9\x1cV\xee\xb2\x91(u\x84\x07\xfa\x86\xac\xb1G\x15Q\xd1\x00t{p\rtO\x1c&amp;R\x01\xa7\xcc\xbaN\x9fd\xd1\xcb\xce\xb6\x80\xe5\x1d\x83#\x05-\xd6jB-w\xa6\xaa})"\xa2\x17\xc6\x0bg\x8f\xe4-\x99f=\x01\x80\x02U\xc7]\x8b6\xec\xe6\x9f\xd0N\xd4\xb5 \xeb/_F-\xd9\xc9t\x7f\xbd\xacJ\x91\xa6:\x98\xc7\xdeU\xaeT\xd1{\xbfR,\xb4\x08m\x08 \x84\rp:gu\xbfU\xef\xe4\x03 e\\\xdbG0\x93\xe5\xab\xb5\x84Nv\x92\xd6\xbeeX\xbe=yv\xac9m\xd0\xee+\xf8{\xd7\x97\xbchpq*\x9f\xdf\xaf\xd0{\xfbm\xe4\xe4\xa3\xbda\x88\x92\xc8y\xb2S\xbeZc \x84\x88\x88\xfe\x93V\xce\x1f\xad5$\xc2\xc8\xbb\x1eO\x07\x89\x7f_\xa6\xfdML\x8f\xc2\x00\x14\x92\xcd3L\xd8\x0b\'4)E[K\x0b\x9cB\xdb\xa4\x9cTi\xb7\xdf:\xf4\x90\x99\x08\x00\xdbg\xe3\x7fh\xa8\xba\xb5H\x00\xc04\x10\xbd\xdb\x84\x83|B\x93V\xf8\x9d\x8f\xb6?\xb8\x95X\x92&lt;;\xc4\x0e\xcc\xff\x01\x00\r\xe8\xeaI\xe0\xa4*I\xdd\x1dd\x80\xc0\x1d2g\xa7\x9e\xd3\xaa\xf1h[\xa1\xe1\x93*S=\xf42\x85\x11\x00\xcc\xcf\xd5\x87J\x99\xc7\xa1oin\xc8\x14\xd0\xf6B\xca\xdb\x13\xbdl\xe3\x90U\xa5\x81\xea\xdf\x99\t\x00/\xb4\x94Je\xbaow(5\xad\x17\x13\x9a\x04\x80\x14\xf4\xde;\xc3z\xe2\x90\xb6H\xc09\xa9\xe3Q\xdd\x01\xb6\x95\xd5\x1a\xf9\xd2!I\x197\xc2\xcd\xb3\xe2\x01\xc0\x98\xc43?\xa9\xe7\x97/\xd1w1\xc2TD\xee\xf2)v\xb8D\xef\xe1\xbeFa~\xca\xb0?L\x1c\xd4m`\x80o\x0c\xdd~\x05\xc9\x86LE\x00@\xcf\xbd:\x17{\x17\x901\xb7\xb1"\xecwe\xef\xe6\xe9\xd7\xad?4\xd4u\xcd7\x08y-\xf4\xcb\x03U\x87\xad\xc5\xb4\x9ew+\x07\xfb\xab\xf5\xceF\xef\xefn\xd8zr\x89\x9c\x15?\xe6\xaf\xea\xb1\xeb/\xeb\xd2o\x10Zm\xda\x8f0\xaf\x1b:\xe4!\x0e\x80\xae\x04\xc3\x18]\x0e\xb4d\x7f|3\xdb\xab\x98\xe7a\x14\xear\x1d\x98\xde17\xf5&gt;V\xbd\xab@\xc9\n\xe0X(\'\x1fcU\x8e\xac\xd4\x12\x07\x80\x96\xc4\x02\x80n67\xe7\x8f\xc5\xfaA\xdf|\xb6\x05SR\xd0\x07j\xba\xcd\xea\x19_\xae\xfc\xd5n\xf2\xd4Q\xc6r\xe5\xce\xe7\xbc\x8a\x86\xa3@\xa5\x17\xcc\xc95r\x0fD\xb4\xaeC\xe9*\x16\x0f\xc7\xce$/\xcbB\x94Z\xe5\xaf\x85)\xf9\x1aac\x96\xfbjg\xe6b\xc7T7&amp;\x9f\x8b\x146xd\xbf`Y\xac\xa9\x90\xc8RF\x17\x11\xc9\xf3\xa6\x87\xdf\xbf`\x0e\x13\x80{\x83\xe8\xff9&gt;\'\xcb\xdc\xb6\x01\x93g\xc7\xce\xe6.1w\xac]\x04\x88\'\xe6\xb9\'\x9a\x88\x88\xe8+\x9cG\xa1\xb6\x0f\n#\x19\x93\x88\xe8\xa7\x94B0\xff\x07\xd3q\xadei\xf1c\xe3\xc5\xea\xae\xd36qf\xb0\x9f\x12O\xef\x14\xca\xc9\xed@\xf0\x8aJr\xf7\xf4Ty\xf9z\x8d\x00\xf4\xc5\xee\x91w\xdc5\x9b\\\xda\x85Z\xa7\xe0iH~}\xd3\xaao\xec\xf3\xdf*!vf\xbf\xc2\x92\x92\xbd\x8dRu\x9ej\xfb\xebO\xb6\x90\t@\t\x0fm\x9b\x17\xa4`\xf2\x1b3\x98\xb1\x9fm\x1b\x8aN\xc1\xda\x97&amp;\xef\x08\x00\xe0nQ\xe5\x7fi\xab\xa2{p\xcb\xf2)Z\xb7\xd2j\xaa_3+g\x0e^1\x7f\x92}\xe2g=w\xb9\xeb\x02@G\xc3\x0e\xdec\xb4\x8c\x19\x7fd\xff\x15\xff^I\xa7bnWR`\x9d\x13\x00\xca\xf5r\xb5\xfb\x85\x96\xac\xdc\xdb\xf3\x05s\xdf5p\x9f4\xef\xf7\xd7\x9b\xa1\x89\xb9\xcau\to\xc0\x1e\x84\x1e\xdb\xd3\x98\xac\rw\xdca\x00\xb8\x06\r\xc7\xa0\xfa\xb1\x8aV\x8a\xb3\x8a\xea\x9f\x02\x8a\xbd\x88f\x80\xfbj\xfer\x9b\xbd\x18\xa5\xffq\xf6\\\xdd\xa2jq\x1b\xba4\xe1$\xc9\xa2\x19l\x00\xe0\xa0w\x8f,\xc8;_\x05\xbb\xe5v\xf72\xe1\x08?\xeb\xc9\x96\xa9`"KM\xd8\xbe\xbf\x86\x02\x00\x94\xd0\xcf\xf3\xd7&gt;"Y\xec\xdd\x1e\xc0Vd4.\xec\x07H&lt;\x83\xc9\x96!2D\x9f\x9f\x15r\xe7\xcd\r@\x01\x9d\xf6x\xaf2\xd8\xce|&lt;\xf1\xd46zc\x0b!\xf66\xbb\xb4\x8a\xfb,f\x93\xcc\x9e8\x11\xf7\xcaJE\x00\x9cO\xcd\x80i\xee\xef\xa2k\xff\x0b=hq\x113;R\x96\xc1\xff\xfe\xd8\x0f\xc4D\xd3y\xf2\xbe\x96\xef\x1f\x10\xbd\xbb\xbc\xa6\xfd\x84\xe8\x83\xbf\xe7\xe0.8\xdd\xc96t\xf4\xfd\xaee\x8e\x1dJ)\xef\x10\x1c\xe9\x10\xb3\xff\x03\xed\x0f\x05\x15m\r\x87?\x0c\x1e\xdc\xc0\x05\x96S]\xb0\x01\'\x82\xb7\xf8\xdd9\xeb\xb0\xc4\xeb\x1a\x8d\x19\xf4\x8aS\xc7\x0f\xbe\xdd\xb2\xfc\x96\xba\xfa~\xb3~\xcb\x98G\xdc#T\xf4jR\xd5\x85\xef\xf6\xab\x14\xd9W\x8d\xcev!\xde\xfel\x03\xfaR6`\xee\x89\xab_&gt;\xc9^\xa7,!+\x81\xd8whK\xb5T\x8b\xd8;\xed#\xc1\x11cys\x85[\xd7_\xd8\xd5\xbb\r\xb8g\xe4K\xce\xa9\x96\xa5)czl\x1e\xb4\x15\x08\xa2|\xc5\xf6\xa1Isk3/a\xd9T\n^\xb9\x93\xfc\xda\xb2\xccUY\xca\x0b\x80B\x06\xf7\xb4~\x9d\xbb\xf9\xa3\x1a\xa7\x0cB2\x86^3^\xed\xc3%\x12\x00\xdc#\xf67\xb5C/\xf8\x11\x06\x02\x00\x98\x96Vs4O&amp;\xb3U\x9b&gt;\xee\x17s\x07m\xb5\x91EU\x84\xe3V8\xc2\xbf55\x15\x1d\xee\x1ch\xfb\xa9\xb3s\xb0\x9f\xban\x92#\xba\xdc;\xc1x_\xc9]\xdb\xcbPL\xb8\xd4\x1e\x04\x00p\x16\xf4\xbd\xec\xd9\xf5o]\xe7\xd4&gt;\xe5F_:\xfc\x11\x8e\xa2Z\x7fV\x19\x00\xbcif\xa2d\xb2z\x91\x8d\x81\xa8\x9ca\x9d\xc8j\x10\xfc\xb4\xea\x8c\xf5\x19\xab3r[\x0bz;\x02\x00\xb8\x03\xf8\xfe[\xb0\x94\xa6\x0f\xcb\x97Q\xc9\xec!G\x9aw\xee\xb6\xfb\x92\x9a\xba\x8a\xeaR\xcb\xd02\x03\xdb\x15\x15W\xd7U\xadl\xbd&amp;\xb3+\x00\xa6\xe0\xba~\x84\xe8\x8b\x83#\xa7]\xcbx\xc5\x97\xbdo\x11$\xcb\xac\xf0`\xaf=\xaa\x9b\xf0\x1fH\xae\xf6zh\x05\xc0c\x8c;\x13Mo\xb79\xda\x00{\xccC]\\WN\x81\xabT\xb7\x10\x12\x11K\xf4\xa1\xe2\x923\xdfm\xfa\xc6\x07\xf1\xc2%\x00"\xdc\xbc\x7f\xff\x80d?\xc21@]C\x18C\xe5\x91\xcc.)\xbfvr\x11\xd6r$\x14\xd4a,\x19\xa8Q\x8b6\xcb\xefW\xbfN\x87\x04`\x04\xbf\xc7\x18cE\x08\xd3b\xdb\xb9\xaa\xfa\x95\x87\xa8m{Y\x00(R\xdal?\x861\xa4\xe1\xf4Y\x14`\xe8\xe8\x90\x00&lt;8\x98\xc1\xd66\xb5r&lt;B7j\r\x9f\xdd\xb2\x9e\x7f\xd8;\xc9\xee\xc4q\xa9(w\x9b\x9a\x8c\xa1\x9fhaaxD\xb8\x13\xfee\xe53\x00\xc9\x9aO\xd8\xcb\x88\xfe7"z\xab1D\xffsJN\x81\x85\x00L\x04\xdf\x89\x93\xfbW\xd3w\xfd\x9a\xe4O|\xf3\xb0\xce\x9e\xe6\xa4f\xfa\xf3\xdf\x9a\xae\x88&lt;\xbb1\xf4\x83\xfdM\x01`~D3\xb2\\\x90\x98p\xca\xdcr\x812\xdb\xb5))0\x9fyp\xa5j\x93\xb9\xb0\x1e\x00\xa0\x94\xde{z\x05\xe2+\xb7\xd1\x8a\x99/N]\x80\xd9\x1a\xad\xde\x1e\xedv\x07\x97\x0be\xbf\x82{\xe5\x91|\x91\xcbr\xdbj\x13\x0f\xb3\xc2\x17 \xb6p+Z_0\xe0e\x8d\x13n\x1b\xde2\xfbN\xca\xa8D\xc2$07Qj\xe6\x9bV\t\x8b!#\xe9\xe9\x9e\xc6\xad=\xe9\xf8\xb2k\xcf=\xf2?SC\x82\x87\xc1\x89\xa3\xb7\xb7\xe2S.\x8d~\xce|\xccx\xadM\xc9N~\xbd\xf9\xf1$I\xbe\xac\xcd\nQ\x89\xe7\x8d\xb2"\xe8\xab\x12[Do)\\\xd7\xce\xd0\xb0\xe0\x0118\xfdr\x7f\xbd{\xc2\x11K\xffZPf}M\xc2\xa3\xd6\xcf\x19\x87\x9e\x9e\xcbv$\xf33\x88v\xd2\x0e\x99a\x00\x10\x84\xba\xe8\xe9\xfd\x01\xaaJ\xab\x00\xe8\xcb\xe9\xfe\xeb\x14\xe7\x02VN\xbf\xfbehW Q\xe7\x9e*\xe9|\xbdl\x13\x01\x10\xc7\xef\xe2\xfa\x1f\x94fev\xa2y\xa8(\x9e\xa0\xa9\xa7\x9f\x1dv\x02\xda\n\xfc`\xb9\xde\xe1\x0e1\xd4\xa8\xcdA\xc9\x7f26\x89\xbb\x9f"\xc5\x06\xee\x92\xc2\xa7\x80\xec\x9d\xae\x81\xec\x1aO\x99\x8be\xb2\xcc\x83\xac8\x81\x13\x9f\xe5U)\xbd\xae\x9f\xb4\xfb3\xfd\xee\xe0\xec\x1c\xbb,\xe0\x0e)\xeb[\xfbVA}\xaf,\x8d@S\x8f\xf6\x01\xb6\xc9\x9f&gt;\xec\xaa\x8b\xad%\x15\xce\x94\x94k\xd6&lt;\x9b\xd6\x9e\xca;N\xb1\x91x\x84\x84\x0f4D\x1fP#\x1f\x80$\xe7z\xd2\xe2\xd9\xcd\x18\xa3K\x9e\xdc\xe8\xdf\xa43L\t%{\xc5B9Z!g\xfdR\xc4\xc3\xb6A\xb8\xa9 \x12{\xf6\x9d\x05\x0f\x8bHR5,3\xd6\x00a\xad\xe6C\xa5rZ}[\x15\xd1\xc7\xb6\xb2\'\xa9\xe8\xc6\x9fSTi\xa7\xba\xa1\xb42\x03f\x88\x7f\xc6\x18\xa2\xc7\x06G\xc4\xfb\xcb\x8c\xd8W\xd6\x99\x05\xc0`\xe4\xce\xd19\x92y\xa3\x80\xe8i\xf41\xb9 \xc9x\xee4\xf1O\xb6\xd2\x1cN\xd0c\xc06\xc9\x16e\x0b\x851\xbd\xae\x15\xd4g\x9f\x1f\x80I\x91\x8c\xc6\xd0_\xa5]\x9b\xf4\x1f\x87i\xee\x04\x89\x9e\xcc\xe8j\xa8\xa8\x98}\xfb}J\xffom\x0eu3/\x9a.\x97\xf3$[\x94\xe6G^\x95\x10Q\xb8b0\xd3\xf4+\xf0@i\xb0\x8b\xab\x08\x00\xf9\\\x93Vu\xa8\xc5\xd1(\x11r\x9d\x11H\xdbE5H4t\xa3E\x16\xa4\x0b\xda\xc4f\x99\xf9\xa9\x0b\x8f\x0e\x93\xbd\x99fk+P\xc3\x95\xde\x05T\xf3\xfa\x9b=\x05S#"s\x9e=\x1b\x1a\xbf,\x0b\x19C\xdfp\xfb\x9c\xbd\xbaP\xfe[rU$B:\xb1\xaco\x9e!2\xeb\xd5-K\xd5\xfd3\xc6X\xc6\xb7r\xd8\x03^\xa9T@\xb4\xa3\xf2\x86\x96]\xc7\xed\xbe\x84\xc7C\x93J\xc4\x030\r\xe1\\O\x9b\x02Nf\x81\x9e7n\xaf\x8fW\x91;\x9b\x0ca\xfd\x8co(\xd9y\xfc\xbch*\xcalQ\xd4\x1a\xa7\x84\xd1w\xcar$\xbfi4\xebR\t\x00)GFb?\xc2\x16\xce\x0b&lt;\xf6\x00\xdc\xd0B\x9f\xf0\xb2jkSV1\x86\xd1Ss\xd5\xe32/\xb3\xa8w\x02@:}\xe1V\xf95\xef\x06\xc9C{\x0f\xe8\xf6\xdaNG\xa5\x17\xd8\x82*\x17\xb9=\x00\xcc\x8cd\x9a\xb3\x97\xf4\x06]\xc2u&gt;\x83b\x93\xa3~#6\x13\x00&amp;s\x14\xcd\xdba\x0f\xab^\xd0\xb2o\x80\x9d\x16\xb3\xe3\xfd\x11\x00b\xd9\xedP\x97\xe4\xdf\x92\x94\xf7\xa8\x1a\xce\xbd\xad\xb3u*\xf0@)\xeb\x86\xc5\xbd\xd7\xf1/\xec0H\xad\x8e\x7f\xadT\x1d_Lb\x89FsG\x88\xbdk\r\x9f&gt;\xdc/\x9b\xac\xcf&amp;\xd1\\*\xa5\xa9E\x83}\xd6$\xba\xd9\xb9\xb7c\x96N\x00\xc0Y\xd4?\xb1 \xac\x1c\x8es\x95^\x95\x9b\xa0\xdfL?\xbcq\xf6\xef\x9ez l\x18g)v\xd4\xadm\x8c`m\xe7&lt;\x0c\xb3/)\xba:\xf9U~\xa5\x86b\x13\xef\xac;\x010\x1d\r\xf73g\x86\x88^\xd7[\x85\xa5\xab\x8d\xc0`\x16\xef\xad0L\xe0"k\x16\x9d\x9e\xa2]\xa0d\x8a\xb0Y\xca\xfd#\xf1D\x7f\xbc\xd08\x00&amp;!\x9e\x8e\x1fm\x05Ps\xc5\xa0e\x06v-;\xd8\xc4\xa2\xce\xbf\x19e\x08\x00\xb3\x12\xa6\x95\xc7\x8c\xcf=\xc5|\x974t\xcd\x17\xf5\xf2\xa7\xb3\xa7\x95\xf6\xaf\xce\xd93L:\xb4\xe3\x9e\xde/W\xfa!\xd8:5\xf2F\x83\xf6\x170\xe5}\xb9\xf2wd\x1d\x85U\x9a\xd1([b\x0c\x115\xfci\x15\xb3\x91{\x9f\xd8\x0f)\xb9\xcd\x18m\xd3\xfa-\xae\xbcE\xe9GT/\xf4\xf40`\xb8R\x00X\x87A\xa5\x87\x89\x8f%\xeb\x9d\x98\xf1n\xbdim\xd7\xe9\x15\xe37\x9a\x1a\x96(\x10\x14 \xd3\xea\x07\xb1\x8d\xbc\xffkv\xcb\x9d\xab.6\xea"\xeb\xb6W-v\xcf\xce\xff,\x9ch\x11\xdf8"\xee\xdfZ\x0e\xf79\x12f\x1c\xca\xd6\xe5\xca\xaa\xfd\xf3\x1fT\x90\x06WA\xd5!\xbd\'=\x92\xc5\x9a\xf6\xf5\xac(\xda&lt;\xf4\x91\x1an\xfa\xccI\xdb!\xdbJ\xda\xcf\xac\xd2\x9c\x84x\xa9I~&amp;\xbd\xde\xba6\x84\x1e\xb7\xebt&gt;%\x99&lt;b\x85\xbdSa\x02\x96\x89\x1f\x00\xf4"\xe7:/\xd3#%\xa6\x06\x01@qi\x9fUe\x9d\x88\x94U\x95w\xc0\n\x00\x85w\xd3\x0f\x00\xe2Z\x05\xba\x84\xc4\\\xee\x08\xbd\x81\x19\x81\xf7O\xcc0\xec\xd3W\x19S\xe0\xfe\xb9\x9b\x00`n\xd6&amp;\xdf\xedl\x9aN\x0f\x99\xf9Z\xb1\x8a\x9b\xd7\xf8Ku\x96\xa5\x84\'\x0cV\xd9J\xe26\xec4\x9f\xdd\x9f Hy\xff\xc1\x84\xde?e\x8f\xb3\x00\xbd\xcc\x90\x02\xa03DD\xf4\x86\xd4\x88\xe8\xe1A\xda\xc8)u@L\xf9\xde\x1em\x9f\xae\xfed\xb9\x04\xc5\x04\xb6\xc7u\x84\xed\xd3\xa9\xb9(\xfc\x10\xbb3\xf2\x00\xf0!=\xac\x04@\xcb\xe93z\x7f\x00gW!\x9d\xed)\xe3\xe6\n\x15\xe5\xb7Z\x82\x00\xd0\xef\x16\xd9\n\xd6\xff\xf6\x9eDgn\xae^s\x18\x00B\x15\xdav\x8c\xc6\x15\xfbXJ\xe0\xde\x92\xbfp_\x8bi\xa0\xe5JO\x01M\xc5\xfaD\x04\x19C\xf4\n\xa6\x80\x9c1\x0f\x86\xae/\x80\x97\xdb\xb6&gt;\xf9\xb1,\x0b\xf7\xf4\x95\xf5xH\x8dmQ\xfc]\xc7m?\xb2\xab\x16\xefT\xe8\x01\x0b\x1ewZ\x9f\x99\xa1#x\xa8\xeeCF\xacg\xd9~,\xf5\x98\xd0\xb2,D\xb4,\xcbc\xddg\xb7\xf0p\'\x98\x94\xb2^\xb9\xcft\xb6\xaf\xf9\xc2\xcc\xd9\xd4L\xca/\xa6\xb52-\x7f\x12\xb2\x8b\x86}\x9e\xd9\xfc\n\xac{GDD\x7f\xac\xfc9(\xbbZV@\xfd\xbd\x88\xd6w\xd61i\xd5\x99\xae\xf8\x07\xd2\xa7\xc25A\xda\x92\x94\x04I1\x00.\xc31\xeaZ\xca,\xad\xd8\xce\x06[f\x8f\x81*O\x16y)\x1a\xb3\xce%\xdb\x1a\xc3NN\x9b\xe8\xf2RL-D\x16\x9a\x11\x99X0\xe5\x8d\xa1\xefKWL\x84\x13;7D\xeeq\xbd\xc9yu\x00\x9c\xcf\xde1\xbf\xe6L+\xce\xa4W\x9c ?\xcavR\x14?n9\x9d\x1a\xbd\xcff\xb5\x0c\x83\xfeU\xec\xe0[\xe3s\x0e\xef\xdaU\x97\x7f[\xb49G\x1axpD\x00\xd0\x91K\xa7);\x19.\x1f\xb4\xf5\xfa\x19=DD\xef\xb1?r\x13\x9cr\x8dl\xfe\\S\xd6&lt;\x91\xb4b\x1b\x04\tF\xe9r\xca\xad\x95\xad^\x1c\x00\xa2\xa2\xc2;\x05\x00h\xc0\x80\x87d\xec$\xccc\x8d!z3E\xa8\xd3%(\x10\xa6\xa4\xa2\x01\xa0I\xe6*{M3x\xb2\xb2\x86\xb7\xabp\x17HO7[c\xb6\t\x00\xc9\xb3\xc8\xf0\x80+0C\x0f\xfd\xac\x98\xd7\xeb\x877\xfeC\xcd\xda\x08\x90*Y|9dy4J;\xac2\xf9\x93{%\xefF\x88ke\xcaz\x11\xb4wg\xc3\xea\x00\\\x807\x0b\x96\xdbq\xd7\x96\xa9\xa23c\x1d(S\r\x16\xf9S:\xfc\xdc\xbcY\xf6\xc6\xde\x9f\x0f\x9e]\xd1\x89\x9a\xa3\x9d\x8f\t{\xd0\x05\xcb|\'_\xc1s\xc8T\xaaEn\x0c\xfc?8\x01U\x8f\x93\xf4\xd0p\xde\xc4\xf7\xec\xfa\xe7\x0e\'\x84\x1f\xcb\xd13k+\xfd/\xee\x91J\x1b\x9a\xc8\xe1\x85\xdf\xbe\xde\x0e\x96K\x10\x94\xbf\xd5\x1av\xeb[-\xa1$\x15%\x01`\xf2&gt;\x0f&lt;.\xf2C0M\xafZr/\xc9%\xf7\xc7/\xa2w\xea&gt;Z\xae\xdf\xb1\xa4\xa4\x9aK\xbf\xf1\xb4\xb0-\xf5\x0b\x89:\xe6u\xcb?q\x85\xd0\xf6\xf0O\x81\xdf\xdb\x7f\x1e%D\xa5\xc0\xbf&lt;r\xfeS"!\x14\x16;\xbe\xf0-\xdb\x94P\xd1~\xa4`\xcf\xd9\xb0\xdb\x00\x9b\xe4\x85&gt;Ba\x0f\x00\xcd\xa0\x16\x0e1\xe5D0u1\xfb4y\xfd\x9bx\xa8\x9c\xc2#V\x0c(\xd6\xfb]\x92bd\x8c1\x1fW\xa6B4\x81\xe5\xaa3_\xaf\x053\x8e*\xf3&lt;\x17n\x1409k\xbf\xfc\x04M\xf9&gt;64\x16\xd8R\\\x1d{:&gt;\xe2\xfa\xdd]\\\xe7\xb8\xf8\x1a\x9a\\l\xe0\x88\x1f\x1d\xa6z\xd6\xdd\x97W\x87u\x13\xd9y\xfblC\xdbNd\x0f\xe1Qw\x1e\xeeN\x1dQ\xbc\xf4\nf\xb9rp\x7f\xec=X\xe5~\x85\x13\x19\xed\xaa\x82\xb6\x97\xf6t\x1d\xed\xa7\x0c\'&gt;#\xff:e\xfb\xc7U\xdc\xe4\xb7\xfdUv\xe0\xcb\xde\x90^\xe7\xc5\x0ew\xdd\x8a\xe8\x84\xb0\xdf\x92E\xfc\xac\xf7\xa1(\x10^\xa7\xd9\xc0\x05\xb1\xbbcAO\xe3\x9f\xc6)\x12H$\x0e0\x05\xd8\xa3\xf1\x14j\xf4f\xdb\x84\x1c\xafT\xf6x\x15\x97\xa6(\x9b\xc9\x96\'=\xce\xb8I\x19\x9f\x1eY\x12q\x01\xc0\x96\x16\x16\xce^\xdf.D\x7f\x1d\x00\x0ca\x86\xbe\xa9\n\x18\x03\x0c\x0e\x8di2\x11\xd6NKyo\x1e\n\xd7V\x91s\xae\x07[\xaf\xe8\x0fj\xccH\xf9t\xe6l\xa4\xbc\x17\x00\xdc\xa7r\xe5\x0b\x82\x19\x86\x18\x00&gt;\xeb\xf4\x7f\xeb\xc7\xb9\xc2\x1d\xcd\xc8\xf8\xac\xf1\xe3\'\x1c\xd8M\x02\x80Hu\xe0\xfc\x85\xee\xdcKmG\xcf\x8e\xa1&amp;W\xbef\xc0\x82\xbc&lt;E?k\x85{B\x88\xe8?\xa6\xcb\x08\x05\xf2\xf6\x10\xbd\xbfF$\x00c\xc9\xac\x97\xad\xcf\x91\x02\xe9SL-U\x81Nuk\x18\xa3\xb6v;\xc1\rW=\xd6\x04\xbe\xc6\x98v\xad\x04\x89\x9d5\xd7\x12\xf6g\nN)\xa4\xe9\x17[guZ\x00\x92\x94\r(o]&lt;\x18*\x1a~\x8c4\xff\xc8sO\x1e\xab\xde\x9c\xb7\xd2\xe5\xc9%\x10\xd1\x1f)\xd3\xa4$\xba\xd7\x1d5\xf3qc\xec\xd1\x97\xef\x1eT\x01\x18\x8f\xed,\x12C\x94\xe8\x91T\x8e\xb5\xb3q1cZ\xc8\xa9\x97\xd1\x98\xb6sv\xb9\xa0#%\xd8JwT\x0b\xa3\xbd`.\x92\x96V/\xa4\x06\'\x91\x07@o\x9a\xccJ\xa8\xe8\xbd\x86d\x0c\xbd\xd8\r\x1e\xad\xfb}\x814zbC\xfdC\xe9\xe75\xc4K\x81\xa6O\xa3\x8a=lK\xa5k0\x13\xbcu\xca^\xceJ\xdaGz-p\xfd`\x18\xd9\xc9\x06}\x94\xec\x89\x85\xf0\xc9q\xe1/\x06,\xf5\xc2|\xae\x8aK\x8c%\xe1c!\x19!d\xfd\xad6\xa99E\tC\xc5\x837\xad\xf8\xb3-nGM\xedK\xf4Xp\x0fl\xce\xf73\x99(P\xd6\x1d\xb3\xd2j\xb6\xd1.\x87h.\x99:U\xa0N_\xa57\x83\xf6\xc0\x89\xfb:@#W\xf2V&gt;1."\x92\xb1\x0e\x00c\x19\xd0\xe1\xf6N\xdd\xa4\x7f\xf7K\x94\x16\xcb\x1c\xd2\x86\x91\xacwC\xbd\xbf\x94\xd2\x1b\xd9d\x0em#\xb7\xcc\xb3ZY\xc5\xd3\xb6\xd5S\xbd\xca~\x88`\xcfy\xca\x93cF\x9ckm\xb2"\x04\xa0\x01v\x17\xcf\xf6Ka\xb2\xa8I\xe7\x9em\r\xd1#\x7f\xc5\xa9\xb3~\xf1\xeb\xdd\xa3\xd0\xb0j]\x85\xa1\x96\xea\x0c\x18\x9f4\xdf\xddt\xba\xc0\xd3(\xa0\xabI\x00\x9cI0\xa7\xe3\x8a\xe5\x07\x06\xbbOX\xe6h\xa6\x1ai\x83G&gt;\xd1\xb7\xdf&gt;\xb4xz\x84\xb9{\xc5bk\xdaB&lt;\xb9n\x18\x00\xbe\x9f\xdfx\xb0[\'U\xb2\xcd\xfcf\xa6^\r\x1e.\x9e7\x90\x04\x80\xfd\x88^\x97\xec5)\xd3\x8f\r\x1a\x95\xf5&gt;4Vy\xfeU\xc2.\xe4\xe95\xcb\x88S\xd2\x17\x151\xcf\xfb\xfa\x9c\x06\xc6\xe8{)\xbd\xeb,\x0bY\x00n\x1c\x1e\xfd7\xc2S\x89\x7f\xdf\xca\xadk:\xf8\xc1\xae\x01\xa0\xa1d[\xd4\x98\xb1]\xd9.\xe1\xfa\xad\xc6\x95\xf7\x8e\x01\xceT#\x93\xb4a\x93\x96\x8d\xed:\x94\xca[\xe0\x12s\x1a\xf0\xe0\xf8\xd6\xba\xbd\xd0\x9a&gt;\xcd\xd4\xbc\xcah\x19o&amp;\xaf\xed\x93\x053\xd3p\x19\xa7\xd0\x9e\xa8\xd51Z\xeb\xcb\x87\xc6\xacF\xa7\x1e\xc2)h\x88?\xe5\x05\xa7\xfa\'\x1d*\xeb\x03\xd0\x9cl\xaf\x16\x0e\x1e\xd2\xbf\xbb\xd8$\x86\xc4\xe9Aa\x8c\xc3\xaf\x8d\xac\xd6\xac\xf9\xf1\xe9\xb3\x05\xa4\xa6\x0b\xcd[\xa5\xb8\x01R\xf1)\xda\xa4\xfejh=X\xa0T_\x05\x80{@8L%I\xffzc\x9a\x93}\x02rr\xc6\xcc\xd6{\xb4I\xb1\xc4h\xc5l\xfa\x88\xe8\x1b\x8a\xb4\xdd\x84\x03p\x0f\x08\x13\xa9\xaa\xb1\xb9/\xbd\xbdI\xd8)\x9e\x94,{D\xe5\xbf6\x1e\x03R\xc2[1~{9b\x03\x99\x17\x0bK\xfe\xd8D9\x102\x86\xbe\xd0\x10\xfd\xa6sp\xebl{Wl\xa4\xad\xbd4\x00N\xc3\xeb\xca\xf6\xd7\xf8\\R)\xbc8\xf5\xac%\xd4q\xcb\x02\xcf=X\xc9\xb6\xb3sCe\x85\xcb\xd57\xb1\xb3\xf7\x8dy\x11\xa6\xea\x00\xac\xd0\x0f\x8b\x8a=\xdb\xae\xf2\x82:\x8dz\xef_\x93\x05\x0e\xebZ\x8f?N\x9d\xc4\x89%\xa5g\xc4^H\x95\xed\xf1L\xcb\x1d]\n\x00\x01\xbbo\x91w\xf4\xbf\xddJij\x83\xaeZ\xbe\xa7\xe8\xd9\xe1\xf1\xd7\xb6\x9fVg2fe\xd1\xcb\x18\xfa\xc0\xd9\xfdi\xd8\x8c]\xedM\t\xf7n\xe8\xdcmfL\xce\xc2\xf9\xed\x07\xd7\xe6\x96\x06\xddF\xcdH/s\xd3\x18=\xd5Kc\x1f\xb9\x8e\x8a\xb9g\xe9\xc6\x98t;x\xfb\xa23_\x08\x1f\x00\x86\x9a\xe2\xa8\x16\xfd\xa4\xf1\xa82w#\x83\xfb\xc7\r\x00\xdb:`H\xa7\xbc@R#F\x8d\xc1\x03\xaeWr\x07\xdf\xa7\x9f\xf6n\x92}E\x05\xcf\x10\xc7\xaa\xa8V\xbd\xbc4k\x16\xe5\x9ctcj\x912\x00\xba\xe2z\xff\x16\xcfo\x08\x9f\x04m\xe1\x10\x07\x8f)?\xd1\xa1z\xfc\x89\x88\x88^\xd5\xda$_EO\xf9I\xbd\xb1\x96\x91\xdf_\xa2?\xdd\xc7.\xcb\x98\xf0\xe0d+\xb6\x88\x85\xd3\xd8\x06\xee\x93\xe3\xf1\x92\xfd\x81\xc8\xd2!Q?\x9c\x8aS\xe4\x81\x1c\x9d!5k\x91c\xd2\xa7\xd9\xca.P4\x92\x82yq&lt;\x95\x97h\x96\xb6\xd7\x9fI\xa3\xaf7(}6#\xdc\xcd\x89\x15\xdc;?.N\x16u@+\x1e9\xdb\x005k\xf6\xc7&gt;\xb2\x9cd\xc9\x86n`\xac\x85C\x9b\x97e1\xc6,\xdd.\xc6\x1f\xc0JEK?\xcb\x12\xd0\x91\xe8\x8b\x1cO\xd5Q\xa9X/IR\xe7\xb6\xcclHV\xda\x92\xbcE\xfc\xbd :\n\x10\xd1\xb2,\x05\xf7.R\xa5H\x0e\x00\xed\t\'\xbf\xf1)\x1bqg\xb3\xa7\x18\xd5\xf6\xd7o\xd3W\xa7\x7f\xa2\xd2\xa9#\xfb\x84\x86=\x9b\xeb:\xa9\xab\xcc\xcb\x91\xfb\x99\xc2\xbb\xde\r\xf9\x8f\xe6J\xe5O:\x95\x9e\xd4,\x00V\xd6\x0e*\xf1\x05\xbe\xa7\xfe\xc3\xa9b\x1a\xed\xd6\x8f0\xcb`\xac\x96\xb8\xb6z\xc7A\x94i\xbc\xafm\xea\x05\x1a\xfb\xcd\x86\xb2xE\x81\xd9\xf0\x8c\xd3\x06-\xf0P rf\x82\xea\xea\xb1#\xd1\x83\x86}\xd6M\xa5\x98\\Q\xbcX~\xa5\xa2\xbap&amp;}\xcc\xcb\xb8\xe8(\x7f\xa1\xf5\x99~\xa8VZ\xa6\x89\xfa\xfb\xc2\xec~F\x93\xce\xa03\t\x01\x00\x9cK\xf3\x1c\xc0\x98\x9c\x02\xd1\xabm\x8d\xa1\r2!#S \x17#\x08\xb1-%\x9fB\xf6.k;Ce\xb7\x11jB\xe7\x04\x1di\xee\xff\xfa\xb9T~:\x9f*\xd6\xdc\x92\xab?\xbc\xa1\x8b\x8er\xb1\xd5\x06X+\xd1?\xd5\xa3q?2w\xed|\xd7\x8d\xce3\x86\xccujs\xa4\x00pD26\x15\xdd\x8d\\*\xec\x8a\x0b\xcf\x14\x08\x1ct\xb1\t\x9b\x1cC\xf4\xae\x9e\r\xa7\x07\x801\xba\xe9\xb9\xe2\x7f\x93=\x9d\xe1\x91gT:\xf6\x9b\x9c\x1b\r\xf7\xc3C+\xd6#?\xe1~m9s\x8a\x1e\xec\xd8$\x00\xc4 \xf9\xe2\xf4\xabRO\n\xa9\xbbl\xdb\xdeM\xe2\x84\xaf\xe4T\xe2\x1a\xab,\xac\xa4R\xb9\xe4\xd6&lt;S\xb3\xd0!J\xdetU?\xa8|\xc6\x89\x95L&amp;\xd63S77y-\xc7\xc4\xa2\xb1S\xe6\xa5}3rA`\x0c\xb7!\xf2\xa2|\x19\x89\x1c\x9d\xd2s\xbdjb\x02{\x7f\x03O\xe3\xd9\x07%\xc4\xa5Zj\xeaVw2y\x00 }\xde\xe6\xdb\xedM\x97\x1f=y\x86\x01\x1e.\xccl\xce)&amp;\x11%&gt;~\xe2:\x97\xac\xabH\xd1\x00\x00 \x00IDAT\x88\xe8\x15y\x9f8U\x18\x98\xc8\x94\x8d\xde\xed\xd3\xcaw\x17\x0b\t\x97\x0e\x8cA\xeb\xb9\xb0\x88jEUf\'8\x9d\xcb\xff\xb4\x8f\x1a]\xc3\xda\x89\xc3\xdf:\x12Q\xf4`Xx/\x19\xad\xd2\x04\xa2\xf5r\x89\xff1\xe8\xea&lt;\x846\xb4j\xc0\xa4\xfc\xad\xadz+Ji\x17\xde\xbe\x1a\x15\xeb\x07[\xa0}P{\xe1\xeb]nb]\xb8\xb9\x94\x92\x1b\xb6\x89\xe7\xd6\xed\xbem\x17&gt;\xe5\xb6\x82V\\\xefU\x10\x1e\xad:_\xfa\x17\xf3b\r\xee\xe0\x11&gt;\x08\xa4b\xb51\xeb\x1b\x963\xde\xdc\xc0\xb3N2\xb3e\x9a?\xc1\x19\x06i\x93\xbe\xd7u\xda\x97\xd4\xd6\xa8\xa1\xcf\xd0\tj\xf7\xce\x05\xb9\x98eY\xccOE^\xff`\xdeo\xf1\x8a\xd1\x13\x9d\x06\xf4\xea\xdca\x16\x12\xcc\x0f\xe3m\xd7\xe3?S,9\xb2\xbd&amp;YS\xd7\xa6\xa4ZU\xdf\x93\td}\x1d\xccm\xaf\xfe-\x82b\xcf\xeal\t\x93\n/M\xdd\xd8\x19\x9b\xf0s\xa7d\xa1J\xa6\xd0\x14f\x04\xc9\xaf\xe1\xac\xec(x\xd0\x84\xfd\xbb\xbe\x1f\xa6&lt;\x82|,E\xf6\x0f\xd6\xbf/5O\xa92M\xfb\xc0b\xe69\xa2:[r6\x88\xbd\xa0\xd0\x8e\xae\x06KM\r2\xec\xceY/\x00\xb473\xcfk\xdd\xafQ+\xb2\xa6\xe9\xc2\x8c8\xd2\x00\xd0\x0c\xaa\x98\xbb\x15j\x14w\xf2p\xd2\x9d\t\x1b\x1a\x1b\xc4e\xb3\xa2ZIbT8\xab\x90\x91\xa8\xb6(k\x16\x01\xe1\x91\x9a&gt;\x19\xf7\xd7GK\xfel\x99\xd8\xbc^\x81\x19\xc9\xba\xf0\xfe\xe0\x14T\xe3\xb68\x17\xe4h,\xed\xe7\xb3\x8d\x8d\x91\xd6\x8c\xbft\xadG\xba\x8a\xf3\x12\xce&lt;\x06s\x89\xa6\x03\x1eo\x7f\xb6\x01R(\xfd\xe4\x86\xfc=\xfa[f\xc6\x17c%l4\xfbo\xca\x9d:2\xc6\x98/\xd6\xd5\xd1C\xb2\xe7\x7f\x8e\xe1:j\xbb\xf8\x8cm\xe9e_\x86I\xeeV\xafg\xb7\xda?\'s\xbb{)\x83\x17\xfd\x93N\xc2n\x03\xc09\xf0\x89l\xbe\xa2\xf59^\xdf\x9e(2*\xd63d\xca\x17\xf8\x03fIY\x05\xf6\x8f\'\xc8\n}\xf3\xb0\xe7m\xea\x9bk\xfc\xb4\xb4\xcb\x96oD\xcb\x8f_e\xbd\x02\xc0\x99H\x06I4}\x99\xaaHV\x95\xfd\xc8&lt;#1\x9f\x1f\x08B\xdd\xb9\xb6\xd7x\xb1\t=\xe00\xbf|b\x00@\xec\x01wE\x18\x00\x88\xfe\x9a|v\\0\x1e\xfa\x8d\x9e\x0b\x8d\xcc&amp;\x13\xfc\xa9\xd61D_\xa0\xed\x0cDD\xf4%a\x9d\x19.G\xcbu\xba\x1e\xb8;T}/\x9c\xb3{\xaeD\x92\x11r\xa5\x95t~\xbeR\xf4,\xb9xg_t+\xf0R\xa5\x19O4\xad=\x0e}Tp\xe4P\xd7&amp;H5\x7fh\xaa\xd2\xac\xc4=\x91TIV\r\xa3\xc2\xcc\x01~f\xdb@\x94{\xdb\xf6\xa1\xfd}\x0c\xe9k[\xfdz\xe2\r\x01\xcb\xba\x83f\xcc\x88_\xd3\xd2\xf1\x7f\xa92Jl\xee\xdd\x8c\xdf&lt;\x86\xcavj\xbd\x01\xb8;\x82\xf8\x0fnc?\x1fM\x15\x8e\xcb7\xc6P\xe6}\x18\x95hwno&amp;\xa5.\xd9\xddr_\xac\xf26\xf1\xdb\xea\x1e\xd5\xde\xac[\xb7\xa0\x96\x9b\xf0\xd1\xc6\xd9\xae\x11{\xc9`\x02\xf8\x07\xc0%\x89\xf2\xc6\x06u\xc0\xda\x8e\xfe\xa1}\n\x99\x9eM\x0e4,0\xa0\xd8\x9a\xed\x8a\x1c\t=.\x91\x99\x89\xef\xda\x0bVl\xbe\xf0\xfd\x88\xbb\x99\x14\xd6\xb5\x16\xa3\x87\x19\xbeL\xf6\x8a$\xb4m\xc7\xd3;\x1e\xb8sZy\xb7\xca\xfa\':Y\xb2~T\xe5\xa5\x0f\xc8r\x97L\xf5b\xcbI\xdcn\x91\x00 \xa8I\x89\xd7\x05\xdd\xae\xaeEk\xf3\xd7N\xd6\xdf\x8c\x1c\x8d\xd2O\x8b5\xbb\x9b\x10K&lt;n@\xfb\xb5\'\xcc(}\x0e\xcd\x8a.\x87a\x95-L\xc1\x070?\x17[\xadm\xf9\x92s\xde+i\xd6\x97amK]c\x8e\xd7\x7f\x9a\x16K_\xd2\xac\xeeU\x85\xedZ\xf6\xd7\t\x97\xeba\x82\x8e\xd2\xd9\x1eU\xa2\xc6\xbe\xf6]\x9e\xf0\xdey\x8a\x98Z\xe1){\x8b\xfa\xd0k\xc9\xad\xbf\x07LN&amp;\xfa:\xbc\xdd\x94\x98\xb5\xf8A\xc0\x03\xe2jo\x03%2\x86N\xf4\xfe\xd6\xdfc\xd8\xac\xaf\xe8\xac\xd7\xb2\xbe:X^\xb8^c\'\xaa\xf6*c\x99\xf1\xe4\xa5j\x164\x8e\x9bs\x93\x84y\t\xc7J\xeb\xb9)\xef\x9f\xb6$\xf0\xfeD\x86~\xd9\x10-u\xde\xdfYR\x90\xf75~E\x87\xd9\xdbUx\x172s\xbf\x02\xe0|\xfe\xdeXu\xf4\xbd\xbd6$J\x12\x08b\xc9\x95\x192/\xe9\xcf(*\x95\xff9f\xb73\x9773n\xb6$um\xc4\xfe\xf3DG\xb0\xb1\n\x97\x19\x1f\xb70\x92v\xb3\xaf\xceJ\xf54Q\xd7B\x08\x003\x12\x9f\xc5\xc9g\x8b\x8c\xe4d\xb67\x9d\x08\xee9\xd86\x07\xd1Zfu\x04\xa8\x97 V\xb4\xfd\xef\x1fK~D\x9d1\x8b,\xb7\x1b=\x95\xfaZ\x03%2\xf8\xf6\x01m{fK\xfe\x8a\xb2&lt;\x98\x93\x0b/\xf7T\xf9\xdf\xc9u\xadC\xb8\xdb\xbf#\x96LP\xed\xe3V\xfa\xcf\x87\t\xec\xd4\xcat+\xde\x9e\x90\\\x96\xa5k\x9b\xb8Jo\xac\x1b&lt;\xf2\x7f3++s\xa4\xf1\xcd\xd5\x85\x9b1\x92*\x17v(\x0f\x92\xab\xed\x01X\xfc\xb6!Z\xf6\r\xdf\xd4\xd9\xc8\xba[\xab\x82(;v\x8a\xe7W\x94~\x0b\x1b\x19c\xfe\xf5\xb1\xab\xb1\x19\x93\xccN\x90\x11\x8d\xefeCh\x9eI.\x80V\x17\x14\xab\x95K\xb3\x08!c\xcc[\xf7\x16X\x98\xea\xab\xef\x17\xee\xf4\xec\x97\xaf\x9aqGs82E\xbd\xbc.\xb7\xf9\x12\xed\x93D\xf4\xb6N\xb6\x000\x1c\xc9\xaa\xb9&gt;\xe1!\xac\xaf\x12\x1fK\x08\xc4S\x04\xd1\x92Q{nG\xbf`\xaf\xf8\xec\x1e\xcb~[w\xaaU\x1a&amp;OvmG\x06\xffU1KnG&gt;K#\xfc\xfd\x85\xdd\xc2\xeaB\\ab#\x9f\x97_\xaa\xc4\x16\x17\xef\t\x8d\x92\xa2\x00\xe8\xa8\xe9vZ\x1f\xca\x8cI\xfa.\xadrFQ~\x13R/3.\xee\xef\xcaJ\x9e&gt;\xa0\xb3[\xb2\x8d\xb4\x10\xb3\x19K\xf4\xad\xfe\x94\xbc@\x85\xa0\x80|\x0e\x91\xda\x9d\xaa\x9b\x81(t\xf9z\x9bj\x04 OM\xafc\xeaz;f&amp;3\xdb\xfa\xecb\x1bnB\x12\x06\x10\xbd\xbb\xa8zn\xf0E=WxE\xf2\xadHw\xb2\xccNT\xaf\xe9\x16bwD4y\xe7%d\x85\xa4\xd6a\xf1\xc2\x89\x83\xcc}\xacI\x1e\xf6\x89,\x00\x8c\xa2l\x01\xbe\xafpS}?z\xa6f\xa8\x90\xf2_;P)\xda\xbdCxE\xf2\x19n6\x004\x7f\xae\xb1\t\xaa&amp;e\xaf\xae\xe4\xe66l\x8e\xd4\x1d\x94\xd8P\x1e\x03\xe6\xbb\xa1\xa0-\x17\xde\x04^\xe1G\x84p+\xd2\xde\xb7\\\xa5\xed\xd5\xf6\x0fN\x066\xfa\x0f\x93\xb1;\x9f\xdc\xe2cU\xa3\xfc5\x993\xf7\x14\xba\x85U\xbeU\xd8\xff\xc1m\x18\xd5\xf6\x06q~\x04\x17\xb3S\xb3\x13I\xb9$O\x13\x94\xfek\xbd\xfb\xe7\xda\x90\xa4\xe0\x91*\xaf\'\x0fP\n\xc0\t8\x93\xf7\xa2\xea\xeb\x87/\x11O\x81M\xdd\xc4j\x0c\xce\x82\xc6\x9e?\xba\xd1\xc2\xde\xeb\xf3\x17\x04\x8d\x96\xff\xb7\x15Ud\xf3\xf0\x15\xa1=\r)[T%\xb6\x9d\xbb\x1b\xc0\x98d\x9b!\x14\x88\xb9;\xb8+\x84\xfd95\xe4n\x1e0q\\.\xb9\x87\xaf\xea\xe7\xfe\xf6\x0fN\xdc\xa2\x0f\xb5[\xa3\xab\xa7\xd8\x15\xedM\xe7\xc7\x18\xcbB\xaa\xf6\x989c\xb8Dy\x0f\xad\xc5\x97\x93\xaa#\xd9\x98-P\xb7\xd7\xed\xd8\xfa\x00\xd4 \x9f\xe3\x13\x11\xd1\x87\xf9\x07E*r\x05\xdc\xdd\xd7H8\x11i\xf1K=6}J\xc2n\xd1Tc7L\xf2\xa4\xfc\xaf\xbd,\xa9\xf7?\xfb=\x92/h\xfa\xadB\x88\x88^\x927\x80\xa9\xaeVW\x15\x00\x90\xf4\x07\xb3r\xb8\xb9 \x93\xd0Dx^\xfb\xeaV\x82Z\xce\x1cV`\x13S\xa4&lt;\x00l\x8a\xdb6K\rr\xaf\xda\xca\xfd:\xab\x1c\xf7\x08\xa3+\xba\xecXot\x13\x93Flu&lt;\xa9\xae\xba\x1d\x81\xad#\xe5\x02\xab\xcc\x01 \xc6\x89\xbd*\x1c!\xfb\xf1\xdb\x87t\x19\xb5\xa2:;M\x85\xd3)\xb6?UK.\xad\xc9\xcdu\xdc\xba\xf5&lt;O4\x0c\xd8\x9f\xc3\x0bo\x95\x8cJ\x19\x90\xa9\xf5\x05\x9a\xf0Yj\xaa\xbb\xf7\xf3\x14rO\xf9]\xdd\xab\x9b\xd6F\xeb\xbf/\n\xc0\xcc\xa4\x06\xcc\xfa Lt\xab \xf4\xfe\x11\xcfrL\x1e\x0b\xddhe\xfc(\xae\xc2k\x8f\xa6\xc8\xc9\xd8!g\xa2i_\xb6\x1d\x03w\x16\x8b\xee\xca\xf6l{\xfd)\xed\xf1^W\x17\x00\x14Un\xb7;Y\xf7\xf3F-z\x00\xe8B\xd4w\x14\x0c0\xed\x10\x88\xceCe\x15\xad\xf4\x94\xb2\xb6\xed\xbe\x0b\x86\xed^\xc7\xae}\xca\xd8\x0f6\x1b"\xde&lt;#!.V\x95\xaf\x97\x97\x95\t\x8c\x1dI\xdd\xa8\xb61\x98\xd1\x129h}~\xdb|\xb3\x01\xf0\xb0\xe0\xbb\x9e\xc4/x\xfd7\xeb\x1e\x9bt\xf7\xf8$T\xa0ts\n\xbd~\xef#\x99G\xd7\xb4@\xd0\xd4\xc5\x92\\\xb1\xc2\xbd\x876\xba\x8e\xbf\x15B\xec\xa5\x98u&lt;(\xa6Z\x9a\x14X\x95\xcd)\xf1\xbb#\x08\x00\xd7\xe22?\x04\x93\xf6\xaaX\xa9\xe8\x14\x95\x12\x1dY\xfa\x1eKc\xfe;kQ\xccYD\xe6-ya\xf1_\x96m\x12\x92\x81a\xb9\xfd\x00\xcdx\xef\x84T\xcd\xea\x99+\x8e\xfdC\x83\xfe\xa7\xb2\x9f\x0b\xd1&amp;\x9fn\xc2\xf6\xff\x8a\xec\xde\x17\x1f\xdbW\xfaQ\xb9\xea]\xben\x8e\xef\x18f\xc5l""\xb3T\xad~\xec6\xb4\x9bs\t\x8a-\x87v\x89F\xed\x82\x92\x16\x13\xff\x9d\xa3]\xc8\x98\xf8\xde\x06e\xeb\x02PF\xcd\xcc\xc2\t\x00\xc1\x87\xa3X\xf8\xc1"%\x96\x91c+\x1295\xd9\xc1\xa4=\xde\xca \xabo ^Syv\xf2\xed\x9c\x12h\xd2\xad\x9a\xcf\xf9\xb0\xaaRg\xfc;k\x1b\xcf\xea\x92\xdb\x16\x84\xd7\xa1\x10\xe5oEv\xe5\x87%\xc0\x85\xb8\xcc\n\xc0\x18\xe7M\t\xaap`\xbf\xa4!\xfc\xb0\x0b\xb4\xb3\xe9\xf12\t\xf9A\x04\x88/,\xf2v&amp;\xa4{\x97\xea\xbdk\xfeX\xb3[&gt;Q\xf2\x92x\xd58\xf5\xf2\x12\xa5#\x9c\x8c1?m\x7f\xb1W3\xc1\xbb4\x98t\x07\xf3R\x8a\xd4\xda\xce\xab\xce\xdc\x90\xd4\x19\x7f&gt;~\xac\xc0\x8e\x89\xf9\xa37\xcb=S\xa5\x1c\x0f\x11\xc4c|+\x12\xa2\xe2\x0b\x11\xb7&amp;\xbd\xeeV@\xb1p\x04\xa0\x19\xda\xd9\xa2Tf|\xba\x9d\xd8\xed\xd4LZ\xbbN\x88\xac\x19\xb4\x9f\xc0\x95\xeb\x8d^\x87\x17c\xaa\x8c\xa4\xfff7\xec\xf9\x8e\xd2\x8c\xe0\xec|3Z\xa5\xc0\xdaa\xd3V\xde&lt;k\x1e"\xeaW%W\xeav\x0c\xe1\xba\xd3\xb20\xa9\xb2\xc7\xc0\x04\xe0\x86\x97\xa2\xf1\xbaZ\xca\x83\x8b$\x13\x11\xfd\xaf|\xdf\r}+\x13\x03h\xe0\x8f*\xe9%\xc1\xc6\xb5\xbc\xae\x1b\xcf\xa2\xd5\xc3\xcb\xac\x19\xe4\x19\xf7\xb7\xdf\xc7M\x85\xfdAx-\x95\x16\xd6\xc3\xab&amp;\x87\xd8\xd9\xa6\xd1hd2\x10\xae\x1f\x8c\x83\\\xa7O/\xe8\xac.\x18\xb2\\\x00H\xfb\xa0\xa2\rH\xdf\x0cOW=\xa1\xc3\xb5O\x99`lk\x95\xde\x96PN\xc8q\x0b&lt;\xde\xf3\x8c\x91\x00\xb0\x0b\xb1\xc4&gt;\xf6\xf8\x1c\\N?o\xb4\xb9i\xae\x00W7\x1d\x00\xac\x02\x1d\xedl\xd56\xe7\x06Z\xf0\xa0\xf1\xddq\xb1\x1c\x8d\xbah\x00\xd0\xa9\xab\x9eG\x87\x9e.zJeL\xa5I\x19-\xde\xf4&lt;\x96F\x08\xbd\x7f*\xe4\xd0K\x9c\x85BX\xe0\x90\xf6\xd7\xd2\xdb6V\xc5\xf7=\x026W\xcc\x13n\xd8\xd6f\xfaF\x18\xdb\xb4\xd4\xdf&amp;8mp=\x88\x88\xfe\xd1\xf6\xb9\x8b\xfc\x8f\xe5\xce\xc6\x94\xd6\x0c\xc5b\xefOd\x9e\xd6\xcfY7\xdfY\xb1\xec\xdc\xfdl\xd4\xf8h\xe1\xb8X+\x84\xd0\x96p\x8b\x04\xb3\xa8\xfc\xeds\xa8}\x17.\xb9\xa8\xd0\xe01\xa4Z\x0f\x80;\xc7^\xcc\xf6\xe8\xff\xfc\xb0R\xa5\xf5%\xe5j\xc6pr\xc6zR\x1e6&gt;i\x0f\xe6\xf5\xc6\x18"\xf3/rr8E\xc1W\xb97\xb4\x8b\x11\x11\xd1\xe3W{\xf6\x90 L\x97\xdb\xdaNq\xc3\r\x03@\xf9\xba\x19\x01\x08\x0c\xa6\xeb\xcej\xd6\x954\x19u\x9e\x0f*\x91`\xcc\xfa\xae\xeb\xf8$\xbaBr%\xd1\x10\x10\x06\x86\x8f\xcc\n\xe9d\x9f={\xa8S\xe4\xae\x00\xda\xd8v\x93,\xbewm[)*-\x88\x97\xc9\xaf\x00t\xa7\xac\xcf}~D\x0e\'?\xa5\xa2I\x7f\xf7bL\xd9 r%\xdc\x8eT\x9b\xa6\xb5\x81I\x8e\xaf\x1f\xfe\x99sp\x98e1\xe8\xfd\xad\xc</t>
        </is>
      </c>
      <c r="E653" t="inlineStr">
        <is>
          <t>&lt;class 'numpy.ndarray'&gt;</t>
        </is>
      </c>
    </row>
    <row r="654">
      <c r="A654" s="1" t="n">
        <v>652</v>
      </c>
      <c r="B654" t="inlineStr">
        <is>
          <t>steps_per_sec</t>
        </is>
      </c>
      <c r="C654" t="n">
        <v>9400</v>
      </c>
      <c r="D654" t="inlineStr">
        <is>
          <t>10.271055</t>
        </is>
      </c>
      <c r="E654" t="inlineStr">
        <is>
          <t>&lt;class 'numpy.ndarray'&gt;</t>
        </is>
      </c>
    </row>
    <row r="655">
      <c r="A655" s="1" t="n">
        <v>653</v>
      </c>
      <c r="B655" t="inlineStr">
        <is>
          <t>Loss/object_center</t>
        </is>
      </c>
      <c r="C655" t="n">
        <v>9400</v>
      </c>
      <c r="D655" t="inlineStr">
        <is>
          <t>0.14007118</t>
        </is>
      </c>
      <c r="E655" t="inlineStr">
        <is>
          <t>&lt;class 'numpy.ndarray'&gt;</t>
        </is>
      </c>
    </row>
    <row r="656">
      <c r="A656" s="1" t="n">
        <v>654</v>
      </c>
      <c r="B656" t="inlineStr">
        <is>
          <t>Loss/box/scale</t>
        </is>
      </c>
      <c r="C656" t="n">
        <v>9400</v>
      </c>
      <c r="D656" t="inlineStr">
        <is>
          <t>0.06525887</t>
        </is>
      </c>
      <c r="E656" t="inlineStr">
        <is>
          <t>&lt;class 'numpy.ndarray'&gt;</t>
        </is>
      </c>
    </row>
    <row r="657">
      <c r="A657" s="1" t="n">
        <v>655</v>
      </c>
      <c r="B657" t="inlineStr">
        <is>
          <t>Loss/box/offset</t>
        </is>
      </c>
      <c r="C657" t="n">
        <v>9400</v>
      </c>
      <c r="D657" t="inlineStr">
        <is>
          <t>0.16780585</t>
        </is>
      </c>
      <c r="E657" t="inlineStr">
        <is>
          <t>&lt;class 'numpy.ndarray'&gt;</t>
        </is>
      </c>
    </row>
    <row r="658">
      <c r="A658" s="1" t="n">
        <v>656</v>
      </c>
      <c r="B658" t="inlineStr">
        <is>
          <t>Loss/total_loss</t>
        </is>
      </c>
      <c r="C658" t="n">
        <v>9400</v>
      </c>
      <c r="D658" t="inlineStr">
        <is>
          <t>0.3731359</t>
        </is>
      </c>
      <c r="E658" t="inlineStr">
        <is>
          <t>&lt;class 'numpy.ndarray'&gt;</t>
        </is>
      </c>
    </row>
    <row r="659">
      <c r="A659" s="1" t="n">
        <v>657</v>
      </c>
      <c r="B659" t="inlineStr">
        <is>
          <t>learning_rate</t>
        </is>
      </c>
      <c r="C659" t="n">
        <v>9400</v>
      </c>
      <c r="D659" t="inlineStr">
        <is>
          <t>0.0009992045</t>
        </is>
      </c>
      <c r="E659" t="inlineStr">
        <is>
          <t>&lt;class 'numpy.ndarray'&gt;</t>
        </is>
      </c>
    </row>
    <row r="660">
      <c r="A660" s="1" t="n">
        <v>658</v>
      </c>
      <c r="B660" t="inlineStr">
        <is>
          <t>train_input_images</t>
        </is>
      </c>
      <c r="C660" t="n">
        <v>9400</v>
      </c>
      <c r="D660" t="inlineStr">
        <is>
          <t>[b'512' b'512'
 b'\x89PNG\r\n\x1a\n\x00\x00\x00\rIHDR\x00\x00\x02\x00\x00\x00\x02\x00\x08\x02\x00\x00\x00{\x1aC\xad\x00\x00 \x00IDATx\x9c\xed\x9dM\xc85Ms\x90\xcf|\x06\xd4\xe0F\x11?\x85\xa8 bD!\xa2\x10$AA\xc1Mp\xa1\x8b\xa0$*\x08\xfe\x10tcD\xfc!\t.$\xf0\x81nDDD\x0c\xd1\xb8\xd1\x85n\\\x88".\xa2\x06t\xa1D\x04\xcdB\x89\xe2B\x12\x8d\n\x92\x04\x84vq\xee\xfb&lt;sfzz\xfa\xa7\xaa\xba\xba\xfb\xba\x16\xef{?\xe7\xcctWWUWwW\xf7\xccy&lt;\x00\x00\x00\x00\x00\x00\x00\x00\x00@\x94\xd0[\x00\xf0Cx\'\xf3\x96\xabB\x92\xb5Dn\x94\xe2\xaa\xe4\xe8\xe7\x87\x0f\xaf\x9asu\xcd\xf3\xeftc\xef\xe4-\xb8%\xdf.\x82\x95jW=3\xa8\x0c\x06B0Z\x95\xc6D\xd5\x9er\x88]\xe7\x08\x9e\x10#G\xb0\xab\xc2\xd3"\x9d$\xd4\xd6\xc0\xa5\xa5\x08\xee\xeb\x82\xe1\xc1\x98\xc4\x00p\xeb\x8bW\xf1:\x9c\xbe\xfd\x96*a\xf2\xbb\xc3!hV/\x98rno\xef\xa4!\x84\x10\xfe\xa6j\x150$\x18\x1e\x94H-\x02$\nI\x14\xfb\xe5\x8f\x8b\x89\xb6\xb8\xd3{\x9eG\xfb\x94\n\x00\xe0\x86\xba\xa9\xf1!\x18/\x15\x01\xc3\xff\x16*\xe7n{\x03\x00\xe0\x06\xfb\xcd\xde\xf3\xb7D\xb1=_\xf2f\xa8\x05\x00\xfab\x16\x86J+"&gt;\x02\xac\x8e\xdb\xc4\xee\xa0\xf4Ue\x9d)\x87\xb0\x7f\xb5\x97\xe2\xde\x00q&gt;R\xc9\x7f\xb7\xb7\x1c\x00IZ\x0e\x11\x11\xfe\x01\xe2\x84\x7f}L%\xb3 \x98\x18A\xcbV\x9f.--\xb9\xbdp\xfcyu\x08j\t\xce\x03@Ga\x00\xc4q\xe5\xd2_\xe9-\x00\xc0\x11\xa5\x93\xe3\xb0,\xaeb\xee\xb6m\xbdE\xf8\x02\x03\x80\x05\xe3\xa62\xec\xdf"\xb0m\xdb\xb6m!\x84\xed\xf3\x9fzu\x01\xbcP\xcd\x1a\xf5*\x04\xbcP\xf7 ;\xc0\x1c\x8cx\x18\t@\x0c\xbdM*\x00\xf0\x00\x9d\x1a\x00|a\x1c\x95\x08\x82\x00\x00+2\\\xf4\x1fN`\x00\x00\x90\x81\x01\x00r\xc1W\x00\xa0\x14\xe7Q\x83c\xa0\x00\x00Zl\x83\xbc\xda\x08\xeea\x110\x07\xd8\x11&lt;\x80\x1f\x02\xac\x0eQ`M\xb0:\x00\xc0\xba\x0c\xfav\x00\x00\x00h\x82\xe8\x0f\x00\xb0.\x0c\x00\x00\x00sB|\x87\xa5q\xee\xfe\xf6/:\x855I8\x15\xfe\x06#\x81\xbf\x02\x08B\x87\x02\x00\x00(\x81\x91s\x020"\x00\x00\x14\xc0\xb0\x01\x00\xa6\x10t4@\xab\x00\x00\x00\x00\x00\x00\x90\x84e#\x00|!\x90M\x82O\xf0\x04\x00\x00\xb8\x81\xa1b*\xf4\xac\x89\x9b\x00\x00\x00\x00\x00\x00\x80\x1c\x13\xa7#&amp;nZ\x0b!|Co\x11\x96\x01\x17\x04\xe8\x02]\xef\n~\x0f\x00\x00`Q\x12\x03\xc0\xcc\x03\xc3\xccm\x03\x00\xb8\x80)\xff\xe3\xc1\x00\x00\x00\x00\xf60\xf6\x00\x00@\x01\xc6\xc3\xc6wZV\x06\x00\x00\x03\xc1:\x06\x00\x00`-\x18\xfb\xe7f!\xfb.\xd4T\x00\x80\x0c\x88\x8a\x00\x00+\x12\xc2\x8f\xf7\x16\xc1\x13\x0c\x86\x00CC\x07\x06\x807\x18\xd7E\x08\xbf\xbd\xb7\x04j\xe0!\x00)\xe8!\x00\x00\x00\x00\x00+\xc1\n\x00\x8c\xc1\xe5\x00\x00\x00\x00\x00\x00\x00\x00\x00\xa0\x80\xc6\x9fA\x90JH\x0e\x97\xd9\x1cN`\xe8\x0e&gt;\x03\x13\x82[\xc3\xf4\xe0\xe2]8\xfcl\x8b^\xa4\t\xdf\xa3U\xf2\xa8\xe0\xf1\x00\xd0\x97\xf0&gt;\xbf\xec;\xd74\xa8\xfd+\xda\x15\xe4\xb7`S\x94\x02z\xc2\x8a\rF\xc1U\x14\xda6W\xe2\x00\x0043\xd0\x84` Q\x01\x00\x00\x00\x00\x00\x00\x00\x00\x00\x00\x00\x00\x00\x00\x00\x86#}6#\x84o6\x93\x04\x00\x00\x1c\xc1\xd1=\x80\xb5\xa0\xcf\x03\xa4\xa1\x8f\x00\x00\x00\xc0\x8c\x84\xf0S\xbdE\x18\x83\xe1\xa6\x82\xcc^a&amp;pg\x00\x80EaB\x93\x02\xed&lt;\xdfI\xfb\xd5\xfd\'\x8fG\x08\xdf\xf3@9\x00\x83\xe3\xaa\x0b\x0f\xfc\xb6\xb90\xb4\xf4\x17$\x9cc\xdb\xb6\x10\x1e\xcf\xfc\r\xaf\t\x04\x80v\xd4_\x07]G\xce i\x1f\x02\xb5\x87\xee\xbb\xe3\xed\xe1\x15\xf6]M"&lt;`\xaf\x10L\x00\x13\xc0D\xd2\x0b\xc7\x80\xb2\x9b\xe4Gb\rK\x00\x00h\xe6\xebz\x0b\x00\x8f\xc7\xfb\xa9\x00b;\x00\xd8\xe04\x05\x94\xc9\x1c\xcb\xf0\x10\xc2\xebdf4\xfao\xdbv\xfc|\x8a\x86\x03\xac\xc6\xfbO\x0e\xdf_\xac)\xcb\xe3a3\x00\xbc\x9fg\x91d\xaa\xc9\xf2\xb6=.\x9a\x13\xf5\x829\x06\xbf|Vk/\xcc\xc9i.\x97\xbeVS\x94Y(\x1aT\x1d\x12v\r\x08\xe1\x87^\x1f\xc6\xae\xfc\xf8\xd1\xea\x10\xca\x1a=\xb6\x82\x00`\x11\x16\x0cU\xe1\xdf?^\xd1\xfc\x19\xd8\x7f\xed\xd5\x95\xfb\xe8?\xfa\xb8\x070\x17\xf4G\x01VS\xe1&gt;\x94\x87\xf0\xdb\x12a\xfd\x1c\xfd\x19\x03\x00\xa0\x05rL\x9dyE\xf0m\xdb\xde\xff&gt;\xee\x08\\\xc5\xfat\xa20\x84`\x96I\x9c\xf2\xd1&lt;\x80\x89\x19\xfb\x14\xd0\xac\x84\xd7\x7f\x00\xb2I\xaf\x06\xe7\xf6\'\x96\xc2u0\x008a7u\xde\xb6sWN\xf8w\xda\xf1\x0f\xd3\x7f\xd5~\xc2\xf4\xbf/\xe9\x95\xde\xdc\xd6\xe1\xc0L\x1d&lt;\x08\xe6\x82\xa7\xf7~q\xe2\x12o.r|\xfa\t\x80+,\x93\xb4gX\x01tg{&lt;\x1e\xfb\xcd\\\xb6v\xa1\x17\xae\x1c\xcf\x950\xaatl)\x03@g\xbe\x8c\xfd\xbf\xeb\xf5\xc9\xf6\xd8\xb6_\xf4&gt;\x120s\x87\xd5\x90\xf2y\xff\x03\t\xbd{i\xc2w=n\x8ft^\x9d\x01\xf5\xee\xda0\x14\xb8\xd3j0\xf2\xb8 :\xd3\x7f&amp;\x07\x9f\x0f\x08\\\xddX1w\x10\xcf9\xf6Mb\x02@5\xf4[/\xbc~\xec\xa5\x00\xe2.\xac\r\x93\x8fF\xd8\x03\xf0\xc2\xb6\x95\x1d\xfe\xf1\x13\xfdIDA/\xbe\xc9K\'\xa8\x87T.|\xe1\xc7\xafr\xfdx\t\xdc\x81\x87@)\xc3\x8f\x9fSrH\x07\xb9\x99\xeb\x03\xa8\x93\x9f\xd5!\xff\x03\xad\x04\xe6M\x83`l&amp;\xbc\xa2\x17h\x1e\xec\x98&gt;\xb5\x12\xfezo\t\xf4\x99\xde\x88W\xcc\xd7\xec\xe9\x1a\x04\x12\xe0\x16\xe0\x10%\xa7\xcc\xf7v\x83\x91\x8f\xae\x07\x00\xfdYv\x9a\xdf\x0ez\x03\x98\rz5d\xfa\x00\xae\x02\x00\x00\x00\x00\xb0\x18,\x02 \nO\x02\x0f\x06=\xb9\x1d3\r\xaa\xda\xaah\xafXQ\x0e\x000\x83\xce\x0c01\x81w\xb2\x02\x00\x00\xc0\x07L\xfc\x01`!&lt;\x9c\xfb\xee.\x00L\x83C_J\x88\xe4PZ\xd0\xc0\xdd\xab\x94\xc2\xe3\xb1]\xfc@\n\x00t\'8\x8c\x1aP\x8b\x8bS@\xdf\xb8\x9b\xef?}\xeb\x15\xf7\xfb\xaf\x02\x00\x06\xa1\xa8\xaf\xa4_\x83\x98(\x89\xe8?\x13\xfd\xad\xf9\xc5\x0b\xdfg\xfb\xe1s-\xf0\xfa\xc4x5\xd0\xf7e\xb3\xdd_u\xfba\x17\x96`\xab\xd2\xdd\x03a\t\xf6\xbfvr\x9e\x92x\xfe-\x14\x9fRA&gt;\xbcb\x1a\x16\xa7s\nh\xdf!.f\x1c\xff\xc8N\x9aR\x98\x1f\r\xce&gt;\xd3hY\x1d\x80\x13\xbe\xae\xb7\x00_8w\x8f\x10\xc2c\xdbt\x9f\xa7l\x80\xde&lt;\r\x84f\xf0\x86M\n\xae\xf7&amp;\xf0\xee\xb4O$\xcc\x7f\xbf\xdf\xe8\x0f\x00\xa0\xc7\x12\x93\x92\x10~2}\x18\xb9\xd7O\xa2\x93\xae\x05\x00\xe8Ff\xf4\'Rk\xd3\xaea\xb76\xea"\x98[m\x80\x1f\xcc\xa6\xbc\xbdS@\xd7\xfd!s\x05\xb4\xc4B)\x86Y\x1c\x91\xd0\xb0\x8c\x8d\\\x85\xceja\x96\xf5Xp\x88k_|\x1e\r}\xfe\xed\xb6\xdb&lt;\x8f\xaf\xba\x15\x0f\x00\x86\xe3\xe3\xa9\xd8\xf97\x81?\x89&gt;\x01\xf0\x11\xfd\xb7\xcdsx\xdd\x1c\x0fN\x00\x8d\xb8Zu\x818\xbe"\xd7\xf3\xe4\xd3\xc1\xe7\xc6\n\xaffC7\x00\xc0\x9c8~\xfe\xf7H_)\xc7\xd0\x11\xc0Px\xe8V\x0eD\x00X\x12\x0f\xfd\x1f\x00\xa0\x06\xcf/P\x82(\x18\x0b\xba\xe0e\x13\xf8\xcc(=\xc2\x9b\x98\x84\x92\x11a\xd3\x08\xf6\xd0\x8b\xe1\x92\xc3\x1b\xf4"\x17\x8c6\xfd\xbf\x92v\xacV\x00H1\\\x17\x06;\xf6\x9e\xd1\xebYV\xa9z[J\xa1\x87\x00\xc0Zt\x99\x1a\xfcI\xa6$\x00\x86\xd0\xd7\xd4\xb1T\xb1`]x\x06\x80\x13\xe8\x8c\x03\x83\xf1\x00\xc0!K\x87\xa6\xf0\x17zKpM\xa6a\x96\xb6\x1f\xbcS\xe7\x0c\xda.\x14\xc2_T-\x7fJ\xde\xf7\xde\xfe()Q\x80\x02\xe8-~\xa8\x8e]!\x84\x10\xfe\x92\xac0\xa3\x10\xdd\x05c\x14\x00;\xf2\xcf\xff\xf0\xa6{\x00\x1b\x86~\xee\xd2\xef\x83`sS\xe7.\xf9\x8f\x0b\xa5\xaf\x1c\xd2U\'b\xd0`\xb18\x8d\xbf\\\xe2\x93\x81E\xcf!\xf0\xa6\xfe\x18az\xc3\x83\x0e\xcbzN4\x92|\x0e\t\x9b\xff\x9f-\xb9b\xf2\x15\x80\x9e=\x12\x8b\xbe\xdb\xf9]\xf7\t`T)LJ\xe7\xa6\xc8\xeb.g\xbbB\xc2\x8c\xc8Y#\xdb\xc7O\x95\x0c\xdcu&amp;\x1f\x00\xaa\xb9\xed-\xdb\xf5\xcf\xd4\xdc\x8e:-\xc3\x92\xde\xe0\xb1r\xdf\x1e\x1a\r\x97h\x9c9u\x9f\xe2\xa80r\xae\xff\x8a\x01\x06\x80.\x1aw\xbb\x94s+\x18\xf4\xe2\xca%:\xfe\xb0\xd2d^:W\xcc\x7fc\x80\x01`2g\x02\xb0\xc1\xac\xe3L6)&gt;\x93V\xe4\xd0\x01j\x80\x01\x00\x8ah\xec\x8b\x1a\x8b\xdcgy&gt;\xc3\x84O\xa9\xc6b\xe8\x08\x98\xcb\xb3\x8d\xef\x89_Y\xe7\xc1\x11g\xa6\xfb+&lt;\x01\xa0\x85\xebC\x1f2\xd3&amp;\x82\x82&lt;-Viy\xd2\xea\xf6\xdb\xe8\xf7\x89\xbb\xf4N\x161\x1a\r\xcd\xc1|\x83\xbe\xe2p\x14\xce\x1dW\xfc)\xb0\xe5t\xba\xc7\x95K5\r\x1e\xd25V\x0f\x00\xc2\xabTO\x06\x82\x03\x96\xb6\x99\xef&lt;L&gt;\xcff+)`Y\xadZ\xd3\xae\xe6\x96x\xddX\xd7e\xb8/,\x07\xa0\x0e\xfch\x0e&amp;\xdc\x04\xce\x8dq\xcd.\xbcm[\xa2\x0c\xe5P\xbb=3\x8f\xc7O5\xab\x849\x10\xf1\xcc\x15\xf6}\x95`\xec\x84#9.\xc1\xe4\x1d\x00 \xce\xf4\xf1q\xf6\xf6A1\xd3\xfb\xfc\x9a`\xd4\xce\xcc\xb4q\xaaQ\xfb\xb3\xcc\xa1\xdf\x82\x0bO0\x9eC\xe8R.\xf0\xfcN\xb7o\xedTo\xb4\xc1\x8c\x01\x1dA\xf5J\xe0\xd5c\xd3h?\x91W\'\x9a\xd1\xb7\xfa!\xd6\x01\x15\x12Z\xb6\xc9\xbf\x02\x01\xd4\x91|\x9e\xc20*-\xd2{-\x8f\xbd\x82*\xd8\x0b E\xe8\xddI\xf6\x95;\xe9\xae\x0c\x0001\xe1\x1d\xe3\xaa-\xab\x83\x1b\x86\xc8i8\x81\xad`\x18\xdd\xfa\xe7\xa7,\xf5\\:Zr\xc7S\x15\x1e\x1f\x04\xeb\xeeN\xd5o7\xcc4^\xf7\x0e#%@\xf7\x864\xf2\xf5\xbd\x05\x98\x03\xbd\x17d\x1a\x10N\xbf\xf5\xb8m\xdb\xf397\x8d\xb6$b\xcb\xf3\xab%^\xad\xea\x04\xf1\xe3\x9e\x99\xc5\x85\xf0\x03\x82\xf5\x1edP*\xf9U~8\xfc\xb3j\xce2\\\x98\xf0\x03\xaa+\xa5.\x9d\xcb\xba\xd6\x9a\xc8k\xf6\xfa\x08R\x89\x9e\xb4\xae4\xf1\xea\x18\xaf\xb7\xe0\xba\x12\xaf/\xa8b,^\xd6:f\x81\xba\xe66\x17\xedSn\xdb\xac\x94\xd8\xb9\xba\xda\xad\x1e\x9e\x9c\x13\xa6\x1f\x7f\xf4\x10\xe6 C\x94\xffh&amp;G!\xce\r\xbd\x02\x1fS\x99\xebm\x00l\xd4\x9fYm0\xbd{\x99\xb5nn5\x8a\x80\x8a\xa2|\x99\xbe0\x00\x80[\xf0B\x80+Zz\x07\x03@\x1f\xae\xf4\xaeQ\x85\xf8\xc5\x99\xfc\xb0x\x89\xd0\x89\xe1\xa2\xc0p\x02\x97"\xd5\xbc+E\xf5\x8a\xfe3\x0f9\x96\r;\x0f0\xe9\xda\'Uy\x84W\xd2S\xaf\xfci=\x18\x16 \xbcc\\\xb5euk\x81rs\x10\xd1\xd2X\xaav+\xebXj\x1c\x9dg\xb4\xef\x9b\xf9\xc1\xe20\x0c8\xab\x130\xc4\x15\xc7c\xe5\x89+wy\x02R\xff\x1e\x11\xb7GKyg\xefp{\xdc\x05?\x86\x8e\x8c\xe2~\xa3\xc89-\x8b\x1b \xbf\xf9\x0e\xd5\xe4P$\x10a\xedNi\xc4\xe2\xa1\xef\x12\r\xbd\x0c\xa7kAq\xbb\xb7}0\xd5\x03&amp;3a\xe9tS\xe2\x0c\x96Ju\xbb\xff\xae\xc6:N\xb6NKA\x04\x1c\xa6\x03\xf3)}\xbe\x16\x01\x00xd\xbeh[\xf7\xc2\xc2\x15@-\x00\x90\xcb\x04\xd1b\x82&amp;\x08\xc2\x00PJ/\x8dy\xb6\x94\xd8\x93\xc3B\xe5\xc4\x0bw\xac@SP\x04\x8cK\xfa\xed\x02\xc7\x0f\xf5\xe5\x81\x87\\H\xa9+\xa5\xa2vb 8\x05\xd7T"\xa1Xt&gt;4Q\xf3\x1d\x9e8\x0b\xd7W\xaa\xe2\xf1\'!\xe7\xc3\xc6\xae\x9e\xc3\x84g\xd9\xd2\x8c+\xf9p8y5\xa4\r\xdb\xb6\xbd\xfd\xfac\x08\x0f~\x0f\x12\xfcS\xd7\x97\x1c\xf6@cZ4\x80\xf6Z\x18Bw\x98\x18\xc6 \x92\xc8v\xf0\xa3`\xce\xf9x\t+\x9d\\\r\xff\xba%\xc5W\t\xda\x19\x85\xcc\x97o\xbb\xa5\xfcUK\x8a\x85k\x97\x03\x96&lt;_5\x9a}1&amp;\xde!\xbev\x1eN\xbf\xe9\xb9\xc3\x01\xc1\xba\xbag-\xfaZ\xea\xb6\xf6\xe1\x1ci\x1aF\xd4\xfc\xd2o}\x98\x92\xee\x16\xfd\xce\xd8\x00\xd0]*\x18\x11|F\x1b4&lt;\x15\xa5\xcf\xee*\xbd\xde\xee&lt;a\x1fb\x0cp.\x9e\x19\xe8a\x1d*\xb2\x11\xcb\xb9\xc7@\rN&lt;\xefs\xf5\xb9T&gt;\xeavG\xd1\xff\x08\xe0[\xba2\xaa_\xe31\x93\x12\xa0\x11\xf7]\xd6\x84\x89Up\x95[\xd70\xbc\xf1"\xa0\xfa\xf1\xc8Q\xcc=\x90\xa8\x90\x897\x83\x9e\xe5\xf1&amp;!\xa8P\x17\\nW\x8e\xb2#\x80l\x04l/\xc9\xb8o8\xec\x8aR\xab\xc9\xf9 \x92\xc2H4\x0e\x00\xe7\xbb\x13{\xc1z=!\xbf\\\x11\tZ\x1ab\x19\x0e\x08=p\x05\x9e!\x8c\xf3\xceV\xb6c\xfc\xb5\xdcr\xa2\xf3\x9d\xeb!\xa0\x86\xf6B&gt;6-\xbeO\xa64\xa9B\x00:r\xeb\xc38\xb9G\xec\xad\x92\xae0s\x00\x08\xdf\xde"\x80d\x93\xa7\x19\x002ep"\xaa\xbd\x18?k\\\x9f\x04\x1e\x8c\x05C\xa2\x9a\x94([=\x841N\x82\x962Ys|2\x81\x92GI\x0f\xae\x8b\xd0\x1c\xb0\xbd\x8c&gt;&lt;\x03saL/\xbb\xd8O\xf4o\x14\xc3I+`\x05\xaa\x8f\xf3^\x16\xc8P44R\xdb\x95\xed\xe5\xe4\x97!\x9b\xfd\xef\x8bj\x13\xb4O\xd1L\xa0\x7f\xd0\x03\xf7\x88\xa3\xa1\x97\xbe\xba\x96\xdaA}\xfd}\x97\xf4W\x94\x04\xfc\x90cK,\x0e\x8eX\xd3\x1d3\xf2\xfb6\x82x\x07=\xecY\xb3\xb3,\x05C\xf8\xa2\x84\x10\xfevo\x19&amp;\xe0\xb00\xea(\t\x0cA/\'\xb9\xaa5G\x1e\x1c\xbb\x8ci\xf4e\xd6\x90\xc6j\xdc*\xdc\xab\\\xa3\x82:\xbb\xe0\xb6\x7f\x15P\xd1\x04\'\xcdV\x12#],\x8f\x878o\xa0k\xe1v8Wc\x17\x8cU\x82\t\xdc\xe1\xcd$\xde\xe4Q"\xe7`\xd2\xeb\x8a\x19\x0e0\x014#~,\x15\n\x98I\xf5\xdd\xdb\xd2]\x809\x98\xe3t\xef\x8b\x99\xdarEQ\x10?\\\xc9\x00`\x8a\x81\xae\xbbmC\xf5\xa8\xd7\x9b\xef6\x8a\xe3\xa19\xe2\x8f)\x85\xf0\x1b\x05\x0b\xac\x10\xa0c\xedfL6lO\x8b\xa0\x9dZJi\xdc!\x18\x9d\xe9\x1bXJw\x85\xd4\t\x80\x15_\x84\x10~}\xdd\x8d\x0e\xac\xdf\x01\xb3\x16\xbf\x9f#\x8c\xe4\xa9\xd7\xd3\xfd\x90\x0c\xd4I^\x0e\xa67+\x14/v \xf5\xfa\x84c\x1d\x97X\xb6|]-\xcf\xce|vm\xf4U\xed\xb7\\t\xc7m[\xa6\xd7\xfc\x90\xbc\xe6\\\xbd\x05\xf9 !\xc7~\x86h&amp;\x8fC4\x9a\xefV\xa5n\x05sKeVj\x1c=\x0f#(\x9c\x91z\x85\x9cD1*\xa5U\xd4&gt;P\xdfSe\x0e\xb3z3\xa8\xf6xPQ~\xbb~\x1c\xe9\x17\x1ejN\xe6\xa9\x1fiQ\xaa\xba\x05T\x023\xe3jtt\x8a\xdd\xab\x0e\xbc\x1a\xe3%X\xa6\x84\xde\x1a\xf2\x1f\xb2\xaf\xec.yw\x01J\xf15\xc1\xbe\xc3\xdb\x82 \x93\x8ey\xa4\x11\xd5\xb5\x1cWF\xeau\xa6\xde\xc3\x11\xd5\xd1\x19\xa5\xe3\x8d"\xe7\x93A\x07\x80:\xd6i\xe9\x90\x08\xa4\xde\xdc\x1b\xb8t\xe9\x000\x1686\xd43\xc1\x03\x9fn\xe9\xbe\x99\xdc\xb1vA*\xa6\xcc\xe7\xeb\xbb(\xc3\xc6\x04n\r\xdd\xbe\xd6)=\xe3\xe7V\x15\xd6\xa0\x88"PV;\xf13\xddr\x85\xe3\xd2Q\xe6V\xcb\xdc\xad\x9b\x07\xb1\x84;\xe6v\x00\xbd\xae\x9d)Uh\xdf\xa8\xd2a\x7fF\xad\xfb \xec\xfe;"\xf3\x05\xb5\xa5\xceW\x8c"\'\xe4\x93c\xd3\x10~\x9f\x81$\x90K\x97\xa3&gt;z\x91NO\xe8\xd5\x02\x96\x87\xf6VH\xd0gc\xa0C\x9d\x1e\xb9z\x0fD\x8b/y\xf0\xc3&gt;\x1cZ\xbe\xae"@\x88\x15\\\xa8.\xdc\xcc\xaf\x17\x7f\xf8q\xc6\xaft\xa95\xed\xa6\x91\xe8\xbfm\xca\x12A\x8a\t\xa2\xe7\xb6m\x0f\xe5\xdd\xd7A\x1fo4\xe8Z\x1a\x8a\x19\xda\'\x97\x8bg\xa5\xb6\xf2i\xdd/g\xf0\xbb\xbe\x89E\xb9|\xd5\xe2\x07\xa3\xf4\xdc\x9eL\xa5\xbb\xda}v\x843\xa3\xc8\xd9\x9d\xb4M\xa7U\xe3&gt;tF?\xb7\xa7h\x15r\xf8\xd0\xad\xd80\x19\x03\x8d\x01\x1dAE\xa3"n\xb9\xd8#3F]H\xf0\x90\xf8\xeb\x8f\xbd\xe4\xba[\xd3\x19g\xd4\xa2\xba\xd5\x13I\x1b\x87\xe7\x8e\xce\xbe\xaa\xe1\xbd6F\xebr\xc2\xc2\xac\n\xd5\xea&gt;:\xe3\xc0}K\x19\x915\x94\xe7\xb9\xd5\xc7)\xd5\x92\x9d\xf0.m\xa9\xae\xd4\xa1\xe6=\x88\x14&gt;\x89\xfe3}\xa3\xb2h\xc5$\x06\x80\x10\xfe\xe9\xc3w\x07\xb4dE%|\xa4V\xdbn\x8f|.TN_\xdeg\xfd\x1d\x05\x01-\x92\xc1Q}\x05\x00\x9e\x99\xd9\xdc5g\xd4Jn9\xef\xcd\nj\xb3\xae\xa8C\x0e\'s6\xa7\x9b\xed\x89E\x19\xbd\xea\xe0\xf1&gt;\x90\xdf\xac\xe4~\xeb\xdb\x95\xaa\xce0\xf1\xe8\xd2\xb7]-\xb5\xcfj\x91\x1a\xa4\x1c\xb4\xa5\x8c\x82\xa8\x9d\xbe\xa0\xa4\xc6\xeckk\xa8\x1e\x00\xa2\x97\r\xe7\xad\xc1\xf0`O\\cwU\x87\x1d:r\xe5J2.\xb2M+-mb\xc5.D\xe9v\xc2(V\xaf\x1b\x00\xda\xdbV\xa7\x1eq\xadF\xf7W,\xb9\xad\xf9o\x95\x95&amp;\xd3\x10%\x85\x8c\xd2)@\x9d\x84+\xecw\xbd\xac\xc4\xb9\x94!\xf1IE!\xd3p;\xc2M\xdcvY\xfaNN!\nj\xec\xc9\xb8\xdaW\x95{,\xb5\xf8_\x02y\x97O\x8euZ\n\x03P7\x95\xd6s\xe2\x9fR*\xd7\x04zv5N\xc2b\xce\x1e\x80\x8d$c1\x84Z\xfe\x88hiC4Y\x91\xac\xdc\xf4OW\x14[#\xcc{\t3\x18\xa6\xe3F\xe8\x82\xe4\xef\xb4O\xbf\x9f\xe4\x90A\xc5^\x17\xcd\xb3q\xb57\x8a\x8a\xd1\xc2\x95rB\xf8M\xc6\x92\x8c\xc2\xb5\xc6\xac\x1f\xc2\x1a+\x12\xcdw&lt;\xc6@@\xffJ\x80\x1a\xea\xec\xfa\xc7\xc5\xe5\xb8 *\xde/i.\xc1\xe0\xdeW\t\xf4\x9b\'~\xf4\xd0w\x00H,\x95\xea*29z\x9b\xaa]\xb5\xea\xc1x\x19C\xe9\x8c\xd0j\xcaV;\xe7\xf7_4\x8a\x8dU$\xf2DHV\x0f\x0fA6\x97\xfb\x85\x9f\xa3T\xee\x0e\xb38B\xc0\x12\x07\x95z\xc7\xd2B\xda\xd3\xa5\xe4\xc1\xdc\xecb3\xea\xad\xfeV\x03W}LC\x14\x87\x03\x80\xd4V\xc1\x1c\xfb\r \x80\x86\xed=\xf8\xd3~\xdd\xb3\x97&amp;|oUiwue~\xe8\x01\xafr\xadBK\xc8\x1ez[[\xbc|\xbd\xc2\xc7\xa6\x97j\x8a\xea\xc5~RT\xf44\x94?(\xde\x0c\xe7M\x1eh\x02s\xda\xd0\xf4J\xa5Hi\xe1\xf5y\x08\x18\xb135\x0f\xeb\xe8\x14\xdb\x9d\x01E\x9e\x14\xb5}Ku\x0b\x8bW\xd1}y4bO~\xa1$\xfa\xd0:\xb1aD\x15\x8d(\xf3\x9c(\x9d;\xac\xf8*\x84o\xab\x96$\xa7^\x80Q(\x9a\x13Td\xf9\xfav\x13\x9b\xda\t\x05e\xc8\xaak\x0e\xedk\xb7\xe2\xdf\x9a\xd7\x98I\xdd\xde\xf5U\x0eJV\x0c\xd0CP\xe1\xdd\x87\x19h\xe2\xf0|\x00\x14\xa1\xa77\x0f\x16\xd9\x8b\x10\xed\xe7\xe9\t\xace\x0b&lt;\xa8\xab\x0e\xb7\xe7\xc7f\xdd\x96\x80\x14\x9c)\x9e\x80\xd5\xf4\xdf\xbe\xef\xdd\xa8\xaf\xa0\xb0\xf1\x1b&gt;y\xfd\xb3J\xb4\xab\xc2\xe5\x97q`Ac\x80V2qw\xd7\xc9_\x87\x8a?\x11&amp;x\xbb\x94l~\x9e\x17\xab\xae\xabn\xdb\xa9#?\xf4\xfe\xcf\xfb4Z\x9e\xc7\xe6\x0f\x00\xc6J\x11\xe9n&gt;M\xb9\x04s\xa8^#\xbe&lt;4\xd3\x9a\xfbb\x13\xb5\x18?&gt;\x93\x19\x892e\xd2\x16\xfe\xaa\xf4\xb1\\Z\xf0\xb9\x8d\xb1\x1a\x0e\xad\x0ca\xef\xa6CG\x82r\\Uq\x9cz\xebW\x19\xab\xd7\t5\xe9\x0bO\x0b)\xc8!_\xc9"\xe60:\x02$z\x19\xb8@\xd6Ss\xa6\xf3\x8b\x07\xa0\xee[\xd9RK.\x87vt"\xd2a\xe9\xd9Q\x12U&amp;n\x9a\x05\xc3\xa9/}\x84\xe9\x19T\xc2\x0e\x1b\x91\x0eu\t\xd6+\x95YV\xa2:MQ\xb5\x04i*g\xd6\xf1F\x8f\x1f\xcc\xb8\xc6^!\x8b\x0clF8\xd1`\x91\x18\xd7\xd1_\xa0\xf0\x99\xe8\xdc9m%\xb1\x19tk\xc6\xad6a\xea\xb0\x9c\xfd\x18\xd4\x02\xdei\xf7\x82\x96\x12\xa2g\xf2B\xf8=\xbb\xbf\xeb\x93B8x&gt;\xea\xbb\xc1\xaa\xe5\xeb\xc8\xd0%D\x16\x0bySZ\x8b,\xa6\xcc9 \xa5\xa6$\x96r4\x9f\xbf~\xdd+h\xa6\x9clO\x8e\xd8!\xfc\xd9\x8a\x92\xbb0\xca*X\xc4U\xf6\x9f\x8c\xd2\xf0=N\x06\x80\xbe\xea\xaa\xab}\x10\x0b\xebS\xab\xbe\xc9\xf5\xf7\xda\x0f\xc8\x9c\xe0\x97F\xf3\xf4~\x83\x13\xf4\x86(o\r\x1ft\x00\xc8D|\xcb\xe4XB\xe3\xfd.\x99\xcb\x05\xcc\x99\xa3\x0b]E\xf6C&gt;:\xec\xb1\x950\xca\xad\x0c\x99RV\xa4\xb6\xec\x0f\xdd\x9a\x11~\xacK\xb55xp\xc24";s`\xc1\xb2\xdaOG\xf5]\xc6\xc9(\xf8\xe7\x97/%H\xe9\x00`\xe3*\x13\x8f1\x00/\xbe\xd2[\x808\xcf\x9e\xe1\xaa\x87t\x11f\xdb\xb6\x87\xce:\xf1\xaa\xc8g\x8dme\x94q[\xe3\xe1\x82\x12\t\xeb\xa9\xa8\xa3\xd4C\xa2\r\x11q3W\x1d\xa7;z\xdah,\x19+}\xe0$\x05\xdcm\xd5\x7f\xbf\x03l\x97\xfe\x19"vT\x8b\x98yc\xc80J\xe4\xae\xaa\x95\x8a\x92\xba\x87\xb0c\x94q%\x7f\xf1\xf4\x9d\\g\xeb\xda^\x17+\x80\x9c9]\x85\x9a2\xa7\x8a\xaf\x92\xd3\xd77Z\xa9\x8b\x99\xf7\x19\xa4\xcc[l\xe6\xd7O\xaauR\xb0Hy\xaf"\xf3\xc6\xed\xcb\xda\xeb\xea\x89\x8d\xc8\xe7u\xaa\xdb\xae\x0bl\xc1\xd2\x8e9\x14y`\x856\xfc\x0c\x1a\x9f\xc2\x87\xccc\x1b\xde,\x05ed\x06\xd9\xc4\xb7\xf1\x87\x00N\xb7{\xda\x00\x16\xc3xA\x93_Y\xee\xfc=\xfc\xe9B\x89\xae\xca\x11)\xa4\xe1\xd0jI-\xb3.C\xdbk};\xb8a\xb8pwM\xc9\xbe\xa2\xba\x9ad+\x10\x148\x1d\xaa\xda\xdd\xc8\xa7\x0b\xfa\x94*\x8d\xd2\xfct\x14U\xe4d,\xdb\xabh,A\xa3\xa8\xba\xda\x19\x00\xea\xb1\x18\x0f\xdc\x18&amp;\xe1%u)iWDE\xb7oTf\x8d\xb7\xd7Tl\x0f\xdc\xde1\xb4}\xf7\xf8iHwI\xfc\x0f\x00F{\x00u\xed7\xcb\x8e\x85\xf0\xe7\xad#\xd1\xe9\x93C\xd29\xec\x9f\xe1\n\xe1\xe1 W\xd8\xa2\xa2\xb8\xe8=Z\x94N1\x87;U7(\xc1i\x08\x10\xc7\xcf6\xd2K\x12\xc9%\xc5\xed\x05C\xd9\x99\xfd\x87\xc7\xe3\xf1\x08!t\x0f\xaf\x8f\x98\x9b\nJ\xe5\xa4\x8d/nC\xad\x99\x18\xed2x\xd3m_\xa4T\xfa\xfc\xe3v0v\xa5\xf9\xbdH\xcf)\xdc\xeb\xab\xcc\xa3.\xae\x9ac\x81\xdb\xc5Qh\xfe\xd5\xd6]Q\x91r\xd2\xf3P\xcf\xcbFY\xa6ohf\xd2ij\x1d\x08\xe3Y[\xfbE|i\n\xc8s\xbb\x9a\x90m\xd7\xb4jRc\x11\x8d\xed\x9b\xd9\xd8dY\x8d-\xa2\xffL4\xb4QT\xa6\xa51\x96\x9a\xcc\xad\x8bO\x03\xdf\x9c\xd6\xa8\xbdQV\x0c%l*]}f\xe7\x06\x11\r\xdf\xe7\xf73.\x08\xe1\xff\x1c\x16\x01o\x17\xdc\xed?\x81\n\x96\xca5[\xf1\x995JI\xce\x8ab\xf3o\xf1\xd3\x9d\xdc\x08\xd2\x84\x92&gt;\x93\x01Q\xa3B\x0b\xeat\xc5B\xc1)\xa3\x18Fu\xc7B\x1cAi\xaf\xce\x98\xcaV\x04\x1a\xdc\xee\x84Y\n\xd3\x91\xb7S\x7f`@\xf8\xdc\xa4\xbf\xf5\xb3\xf6\t\xec\xacVm_\x19H\x9e\xcf\xf3\xddy\xb4\xc3Y\x9f&lt;\xdb\xb7\x16^/\x94\xa8\xe9eim\x1d;\xf7a-Fl\xb5\x13S9\x11\xc3\tuCu\x08!\x84\xef\xca\xb9\xacE6\r\xf6\x02\x85\xf0-Z\xb5\\ON{\xe9\xc4\xbe\xde\xdb\x1a\xcbv\xa1WZ\xdcx\xec9\xd0\x8e\xccl\xae\xb6\x0c\xfb\x93$\x0e\xddX6*\x89\xdcXZ\x8bC\xad\x82$W\xa7\xe9\xc5\xcd\xbe`\x12\xadoS\'S\xf5!\x18\x9d[\xe7\xa7\xbdO9\x12\xc1s\x7f\xf4Pu\xa7\xfd\xf3\xfa?TZ\xc5\xe2,4\xf2\t&gt;N\x95W]g\xb5\xaeaU\x8f\x98%\xd9\xbb\xfbX\x0eu\xda8\xdf\x90\xb3\xc8hQ\x88\x812\x1d\xee\xd5]\xe5\xd3\xc6\xf21\xe8C\xfa\xe0\x84X-R\x05MG\x91f\xe6\xe8\xc9!\xfc\x86\xde"TR4&gt;\xf5\x9d\xaa\xce\xe1*\x831\x84\xd23e4XW\x0e\xa1.\x18\x1a\xd9\x83a\xa5{\xb3RU\xbb\xaakE,\xb5\xdbX\xd7\xed\\@\xcfWf\xcaE\xee\x13\xdf\xcb\xd2\xf1X\x8e\xd4\xc2\xb45\xa7\xa4v\xb1,\xb7Y\xa0y\x08\xe1g{\x8b\x10\xe1J\xd7\xf3\xd9\xc0Cs,O\x95\x88\xd4u.\xa5\xb1\xd8]z\xb7\xa5\x98\x9b*l\xd2\x83\xa5%gV]\xbdk=\x1c\xf3\x05\x992\xba7\xbe\xaf\x014j\xef\xae\xd2\xee\x88\xe84a\x9a\x9a=\xd5\xe4\xb1\xa2!\x90\x12[j\xf8\x14\xc7l\xb5}\xa8%\xa7\xa2A}\xa6\x9e\xea\x06\x0f\x17\xcd\xe5\x07\x00\xd9\xe2\xa6\xe6\xfd\xf9\xa9{\xf3U\xcfL\xf5\x8c2GhH\xafW\x04G\xe2\x04_\xcd\xbeR\xb6^\x06\x80\x08#6\xb8\xbb\xcc\xcf\x83\xb6fiS\r*\x04h\x99+t7\xd9:\x8c\x92\xd5\t\x19B\xfe\xab\x8ab_y\xbf\xcf\x7f\x9ek\xf9\x91\x11\xf4\x03\x11\x94\xcc\xf6\xfd&gt;\xc4\x90\xad\x17\x17\xb7\x07\x9d\x17\xd1E]\xa3\x0c\x90 F\xbe\xb1\xcfW\xb6\xe4\x9aT\x9d\xac\xae\xf0q\xfd^j\xdb\xd3\x00\xed\x15ON\xd1\xf7\xea\xba\xbe\xc6L\x93\x82\x15\xf9\xb1\xbe_\xd2:B\x83g\xdau\xe2*\x8b}So\xbf#+\x00uT\xaf\x89IK\xb6\xd2\x9e\x11\xee\xbb\x8d,W\xd4e\xf9g\'Ko\xc1i\x88\xe7\x04\'\xa3K\xbb\xe3-\x1882\x9d\xb6\x82\xff\xda\\;\xfbR\xea\xf4\xea\xba!\xfc\xb8Y]z\xf7\xd6U\xd7\x92\xb3\xba\xfa\xd0\x1e\xbbLB\xa1\x0c\xa3,\x855$\xb1?W\xd3x{\xa23\xf8\xb1\xd4$\xe4\xab\xd3\xa7\xea\xe3\xbd\xfd\xf3\xabL\x99E\xb6\x01ZP\xca;\xf94\x19D\t\xe1\xab\x0f!\x93\x1d&lt;\xdf\x95\x1b\xb8\x12\x06\x86\xa4n#+\x9a\n\xb8\x8a\x9b\xc3\xad\x16\x15\x17m\xa2\x95\x86\x92\xd7\xd6\x0eg\x85v\xae\xe6"\x82Z\xa8\x9e\x15\x89T\xbd\x9aA\x07\xc0\xc6*\xde\x0c\xdf\x92I\x94\x95d\x08\xa4Z\xdd\x98\xe9\x9a\x00\xbdfev\xe4\xf0c2u\xdd~\x92s\x97\x1e\xe1\x1d\xb3z\x07\xe0V\x1d\xf6\xbd]\x1cA\xab\xff\xb1\xaa\xda\x0f\x7f\\]01\xa5M\x8c\x1a\xac}wd\x1d\x8aVW\n\xb5\xdf\xf9\xbc\xf8nD^([\xdc+"\xf8\xd7\x88\xab\x0cf\xc7%\xb3\xe7z\x1d\xf2\xe66\x1d\xe5\x90c\x1a\xdb\xfe\\\xb9\xed\x8d\xc4?\xe1\x9e\xaa\xbc\xad\xfcq\x9at\x89\x87\x01 !@\x08\x05EIqU\xa4Cw\xf4\xdcalDi\x99\x03jx&gt;\x08\x82\x8e\x8b\xb1\xf7\xcb\x8a\xfe\xd7(d{\x0b\'H\x82\xa9\xe2\xb9]Nd3\xdbZKN\x8f\\\xa8\xe2\x80\xb8fr\x12\x06\xab\xe7\x82ZCj\x83\x93UW\x9c\xae4\xfam4-\xa8t\x9eA\xe4\x9az\x01\x94\x8a5\xccwu\x99\x8b\x18\xd7\xb8 \xe6;\xbd\xbb\x7f\x9aU&lt;\x1c\xe2\xa9\x80\x11\xb7_^\xd2\xdc\xca\xe5Mr\x1b\xba\xb4\xda8^\x98\xd5e\x03;O\xf0F\xfb\xcc\xf46\xa5\x9e?\x96\x84\xcf\xa3\xf7\x89\t\xbb*W\xe5\x1bo\x84&lt;&gt;\x96&amp;2E\xc1\x13\x83\x19\x86\x8d\xa5T\x8f&lt;\x88\x9f\xbd\x01\xbf\x84\xf7\x98{\xfcVh\xd9\x9e\xc8\xb2%\xee:\xffS+\x89\x91\xacZ\xa9\x96\xc8\x05\x0ez\x9d\x07\x19\x94\xf0\x16\xfd\x057\x8d\xe4\xc7\x00\x93\xa4\xe8p\xcc\xa9\x04\xa5\x01\xa0\xe2\xd69\xf5\x1bc\xfa\xcc\x89\x14\xb2\x07\xd5_E\x8d\xa8\x8av\xe6k5\xbe!@"\xdf\xf2\xba\xa0\xae\xd8\x06\xa1\xbe\x14\xe2pc@\x84\xabU\xbc^c\xbd\xa91S\x1aY\xb1g\xea\xe7\xa5M\xd0\xe8\xe6\xb2t\x97a\xd6h\xd3DK\x14\xce\xbc\xebf\x8fad\xab|\xb7\x03\xb7~\xe1G\x92:\xda\xe5\xcft\xe6\xf6\x0b\x0ch\xdf\x97\x12LCE&gt;\x14)\x1a\x9c\xa0\xe1\xf1\xd5q\xdfC\xf7\xbb%s^\x9f\xd3\x12\xd5\x8e\xaaQ\x91\x01\xed\xe1/yei\xd9\x03 \x9bO\x1b\x8b\x95\xdb&gt;*\xda\xbb[\xcf?w9\x01\xd9\xaa\n\xb8\x1d\xe7\xf0\xdd=-\xeb\xd1\xd7\x8e\x97\xb4P\x91\xba\xb4\xab(e\xe8\x95\xb4\x07\xd0^\x13\x0e\xd5\'.Pu\x81\x8d\x11m D\xd28"\x92\x8c\x8b\xcc\x06[{\x110+"\xdb\x92#\x86\'\xe8K\xc7\x13\x07\x82h\xcbS\xd7\xb3\xbci\xc9\x00BP%\xfb\xe4C\xcb\x00 xY\xfa.\xcd\xc33J\x05\xef\xab(HM\x08\xcc\xa0\x1d?\xec\xa3\x14\xd7\xb4}X\xb5\x04\x9b2{\x11\xfe\xb3nsf\xd2\xd5T4\xdae\\\xab\x8a?w6\xab\x8b\x1b\xb7J\xe9\xc4\xc1\x9c\xb6\xc9\xc3\xb3g&gt;%{\t\x18?\xc8\xe4W|Q\xb2\xa7\xea\xbf\xa2\xba\xcc\nM\x8a\xa4\xa1\xa4\xe82\x85\x8c.\xbf\xcc\xb61\xbd\x91?\xd3\x17T\xce\xf49\x84\xd1\xcf\xdaU\xf3l\xdd\x7f\xda\xfd}u\r|Pp\x8aN\xba\xc0:\xae\x02h\xf8a\xd5js9\xe4\xd9\x8aR\x19\x83\xba\xa6M&lt;m\x1at\xe5\x8a\xba\xa9\xc8\xd6\x82\x83:L#\x89V\xbf\xcf/M\xa4\x19\x97\x99\xbc\'|\x87]s\xf2\xc3\xdd\xf43M%z\xa9\xac\x97\xb1p\x92j\xc8\xb5\x16\x90\xb9\x94\x96\xd2H{\xf8\x93]\xf5\xb7\xdc\xf8\x91[,,g\x08\xdf\xd2\xe8B\x07\xd3\xe7\xb8\x9ceO\xf6f\x97\x8a\xe6{k\xc2\x99\xee\x12v\x17\xc0/\xaeT\xf3\x13\xbd\x05\x88\xef\x14\xfd\x9b\xfd\x05v\xc2\xdcr\x15,z\xad6\x9eOc\xb6\x8f\xf4u\x05d\x0c-W\xd5I\xeaJd\xf4\x1aw\x00\xeb\x85\xf1\xbcaT\xce\xed\x93\x9d\xe3\xcf\xadA\xa9\xc6\xa9\xaa\xa9\xaf\t\xda\x8f\x9f\xce\xedB\xe2\x8c\xa2\xae\x10\xfe_\x8fJ\x8575\xe7\xa1\xddm\xa6\x0f\xf7\x15\xa4\xd5\xf1J\xbb\xb5\x0f\x95\x02\x93\x9d\x8fr\xfe\xb0H\xf9\xc6\x8f\x1d\xc8\xd6\x84\x1bOIhXM\xce\x86\xf5\x81\x84;\x01\xa2\x17\xd8\x88x[M\xcb\x0eA~\x1c\x0c\xe1\xef%jO\x17r\xf5m\xe7\xb9\xbf\xe8\x01M\xf1\xb4\x0c\x91`5.\x13\xa4\xe7\xcbl\x04\xeaH\xf76J\xcdX\xdb\xeb5\x9d\xa8\x96\xef\x12W\x04\xf7[\x0f\x96\r\xcd)1\x92q\xb6K\x96v\xbf\xeaj\xac:\xa7"\xbd\x02\xfd\x8ca\xedB\xf4m\x86[\xc5\xf6A\xb0\xf1u\xf3V\xedz\r\x04\xe8^u\xe1\xb6\xe1\xdb\x8d*\x02\xc5\xeb\xf5\xd5\xd3r\xc6\xda|q\xad\x17\xd9\xce\x94\xe9\x8d"\xd5\xac\xa5L\x0f\x81X|\x81/XZ]-cM+^\xb2y\x16R\x90\xf6)\xc2\xaf+,\xaa\xb1:x\xa2&gt;sZ\xaf/|`\xd0\xda\xc4\x0c\xab\xa2v\'\xe6)\x99h\xcf\x7f\x18\xe63\xc1b5\x06\xd7\xaaEpj2\x84]|\x12\xcf\xc8+\xe8\x13\x1b\x15\xe0SY\xe7\xb4\xf5\xe5p\x92\xe1X#.8\xea\x10\\w\x94\x0cu\xbf\xd0\xb3N\x1e\x85\x03\x80\xf3\xb6&lt;\xb1\x17r\x08\xb5\x880\x8a\x0f\xc8\xd0\xd2T\x99m\xbd\xc6\xdb\xfd\xd9Jp\x96Z\xaa\xe1.\t\x8a+!\xbd-\xae]\x08a\x85\x13\x9d\x8f\xc8Z\x03\xc0\x9e\xb1\x9a}J\xbb_^c\xd6\xae\xea\x1cEY-\xd7CEN\xed]&amp;\x8f\xaa\xa9\x9bCEf{B\xfe#\x85k\xe1t\x88\xf6A\xff\x96\x1a\x15\x9f\x11G\x9c\xf3\x1eo\xf4\xf3\xe8\'\xc9b/K\x16!?\xeb\xda\xb6\x10\x8c\x17\x95\x95\xc1S&gt;=)P\xa0\x03\x19\xbaW\xe4\x90\x84G\x99m6\xc0\x11\xb3~\xae\x84\x99\x98\xe9\xa5I\xa3\xba*&amp;\xa7\xdaS$\xcf\x0e\xe0\x7f\x10\x82F^\xee\xbd\x9cil\x96\xde\xc6\x05v\xb1bN\xb0.NY\\\xdcn?\x004\xd2k!\xa8\x91s\xcb,p\xb1@26\xfb\x01`\xb91\xa0;CG\xff\xfc\xea|\xfa\x96\x9fT\xb5\x92\x0c-\x03p\xa2\xcc\x8a\xa2\x8anh\xcb\xb9Y\xd8\xb3b\x03FI\x12Y\x0e=\xc2O\x07\x01\xef&lt;\x1d\xe5w\x9aW\x1a\xfd\xe4\xd6e\x0f.\x9e_~\x17\x9c\x88\xb1\'\xaa7\x7fbj\xe1\xd0"\xd5\xa4\xfc\xbfy\'oQ\xea4t\xe8Tz\x8aVI8\xe8L\x16\xaa\x0b\xf4\x1f\xd6s(Zc\xb5\\P3\xa9wv\x92\xd5\x92\t\x9a\xfc:d\x91\xec)\x86\x02u\xc4\x899\x8b\xba\xa8\x0b\x89w\x14E\xff.\xd3\x8a\x9c\x10\xd9.F\xc5V\x87[X\xfeO\xcc9\xd5\xb3\xff;`\xfdG\xdb\xf4\xb31\x8f)rW\xe3\xac\xb0\xb4\xd2\xc6\xd2\xa2\xb7\'4\xa9\xe7\x9b}\xd71\xf6\x9e\xd3\xce\xea\x91bp\xf2\xa3\x15\x86\xd6\xe28\xc1\x97Pt\xcb8t\x19v\xc3\xef\xcd\xb9L\x8a\xd0\xfc.\x9d\xab\x9b\xc5S"J\xf8\x91\xa4\xa6\xfe\xfb[\x00\x00\x15!IDAT\x9d\t\xda\xa2q\xb6\xaa;+g\xf3\\P\x11\xa9s\xae\xd6^\xc2\x19,\x12\xcfU\xd4\x8d\x94\xd3{v\xbay\xb2\xcd\xaf(kv\xf5\x8f\xcdk3 \x92E\xe8!\x8f#\xa6\xc9\x83\xfd\xcb\xd3\'\x82\r\x8b\xbb\xce\xc5\x87\x15\x857\t\xf6[z&amp;F\x04\x92ly\x1a\xb0l\xe3$]bURi\xd5\x9f\x1f\xb9X] x\xecWaB\xe5\x08^YW\xda\xfe\x83^ym\xdc\xb7\x91\xcc!\\p+h&gt;\xf2\xd5\xf1\x8b\x15\xa5\xf8B\x08\xcb\xcf\xeb\'&amp;\x7f\xd6\xa9\x9d\x1d\xea^\xcey\xee\x1cv\xd4\t@tC\x03\xfb\xb9\x9a\xac2lt\xfb633\xa8\xcf9\x8b\xf8\xb3e\x1a!\x1daeSO\xe9Ob\x17\xfc\xf2\x821RS\xd4q\x99\xa9-\t\xae\xb6F\xf5\xb6L\xad\x06\x80p\xdb\x84\xd75\xa5\x13\xa6\xf1\x98\xb2m~\xe6\xadC\xa87\xd1\r\xb4\xab\x18\x8ei\x1aR\x84Yh\xb6\xa9%g\x00x\xac\x10\xfd\x95\xd0V\xd9\xb5\xd9\xe4\xcb|}\x1b2.\xab(\xd9\x03\xd5\x12\xf6\xdaq\x19\x8b\x95\xdb\xee\x90]\xf4\xff\xee\xcbH\xf2k\x0c\x05\x82\nD\x0e\xd8\xc8\x960D/\x8f\xce}jF51\x89ve\x0e2\xdb\xba\x9d+\x98I\xa2\xca(\xe68P4m\x1f\xb1\x81 \xcc\xed\x11\xf2\xd1\xbd\xe4%}Q\xe4\n\xe1\x9f\xa5\x8b\xfd\xcbMB\xddS\xa4v3\x1bM\xe0\x0f\xd3\xd3h#\xec{\x83g\x05\xe5K\xa6\xd4\n\xa5\x9d1\xa94\xbdA\xd2\xc6\xfeF\x80\x03\x82\x03\x00n\x99\x8bvH\xcd)&gt;G\x82\xa3\x81\xffy\x85P\xf7\x85;\xf1\x9b:!f\x9d\xe7N\xd9(\r\x12\x8a\x1aQ\x83%I!mY\x9c\xa1\xd7%zu6\x8dIqE\xc6|\xf4\rR\x9fR5"\xd2(\xa9\xc3!Sj\xd8\'\x99\x8a\xd6\xd8Y\xf4\xceM^\xf8Wk\x95\xacJiL\xaf(\xffod\x9c!K\x96p_E\xcb\x05\xdftS|}\xbd\xf0d\xcd\x01`\x02\x99Gl\x02T\x92\x98\xa9\xe5\x84\xe9\xdb\xc2\xcd\xee\x92\xad\xe2*Oe\xd33\xfc\xf7?\xff\x12:\'\x84\x7f\xd1[\x84b\x963\xfa\xa0#a\xe9\xea\xbb1\xc4\x1b\xc5D\xd1z\xdc\x8eLfX\x8c\xb2m\xb7\xff\xa0\x88\x10pBi\xfbj\xd6]\xb1!\xb1&lt; \xa8m\xf6\xd7B\xc4\x8f\x87}Go\x01\xda\xd50\xe2\xb0\xed\x13\xed\xc9\x84\x1f\x1d\xde\x1e\x92\xf6#*dQq \xe7\x94.,xp\xbcB\xb0d\xd5x\x1b\xb8\xc0\xcc\x13\xbb\xaf\xdb\xe8t2h\xeb1Q\xfay*]4\xb9&gt;\\\xd7qb\x8e/\x82\x08\xed{]\xd3\xc0,~$B\xf8\x13\xc9o\x05\xb2@9\xa7\xbe\x96\xf2\x18\xd5\xc6\xae\xa4\xc8\x19\x98\xd5\xf3\x19\x06d\xe8\xab\xc4\xfc\x19}\xe9\xb7\x87\xd5C\x81H\xd5G/oK\xc6_\x0b\xa9\xd6\x18\xaaN\xe3J?6\x07\xea\\5y*l4\x9b\x93p\x8f^\x10\xaav\x11n\xca\x14j\xb2\x92\xea\xd4sw\xf9\x898z\x1d8`f/\xb4\xecc\xb2\x91\xd4\xa6d%\xfcHi/Ifd\x7f\xee\xbd\x1b\xc8\x13\xaf=\xf1\x95\xd0)\x00\x18\x94\xa9\x0c-\xdb\x16m\xc5\xf4\x9d;Oe\xf8\x11\xe8\xa8\xee\x84\xad\xeb\xbe\x12\x04?\xcc\xe4v\xaa\x91\xf3\xa8ZtG\x10\x13\xd4\xd0\xae5\r\xbd\xfb\xb4\xa5\x81Lui1X\x96\xc9|#\x11\xc7\xd3\xa7\xb1m\x06\x80\xafhW0(\xce\x13\xe8b\x84 \x9e\x039\x94\xb6m\xdb\xf9\x9a\xe8\x87\xf6S\x9e\xbe\xf9\x9f\x9d\x18\xeeNOv\xf4\xff\xa7oh(\xe3\xd6\xdc\xc6\x868\xf7\x82c\xd5\xb1n\x02\x11\xaeL&amp;hK\'\x9b\x96\t\xbe&amp;"G\x067\xbd(y\xef_K\x96c&gt;\x008Ze\xbb\x12&amp;\x8d\x9e\xa8\x1a\xdbl#ju gpA\xf5y\xca\xa2*\x82\xa6YB\xf8\xbf\xf9bH\xd6+XVQ\xbd\xa7\x8a\xbb{|\xde\xa6\xb1\xd1\x99(Um\x88\xa4I\xc3?\x16\x91\xe5P\xec}\xbd\xc5e:p\xad=W]\x98\xa0/\x83\xde\xe1\x9f\xc6\xc2\xf5\xac\xdb\xd7u\xc27\x97\\\xdcIT\xbaV&gt;\x18\xa8\x17\x87\xde\x81Nj\xe8\xab\xb5\xfc=\x1f\xb0\x04\xe5\x83C\xd2\x1b\xbf\x0b9\xad\xe7\xa6\xe6\xcbV\x11\xfa\xbd5\\&amp;90\xd19E\x83Z\xbc\xf9\x00\x08\x92\xee\x0eo\xe1~\xc0\'\x8d\xdc\xa1\xa1\xb8\xce\t\x96\x013\x83\xf92\x9fg@\xc7\x0b\xc4\x84r\x8a+\xe3\x9a\t\xf3]\x862\xb8\xd2\xf0\x81+\xff\x1f\xb1\xd7;\xa5T\x8f\xc2[\xacw\xa5\xc5v\xff\x1e\xe1W\x1d\xaf\xb1L+\x05\xb5\x92\xb3j\x9fe^\x0fQ\xf2g\xc4+\x90V\xc5j\xdaP\xa1b\x00\xc8\xbc!|\x9c\x1a\xd6\x9d\xa5\x86O\xde&gt;\xd4\xac\xf1\xe1\xc6\xf9&lt;\xc8\xb02Q\xdf\x13)3\xe32\xb9\x1a\xc5J:\x95\\\xae\x9c\xf3\xd5\x0c\x87\x8aThPI\xe9\x1a}\xa9R\x92\xde\x02&lt;\xb2\x95\x1c\xbd\xcc\x83\x0e\xe1Qk\x88\xe7=\x7fUV\x94Nd\x8dd\r\x85\xe3\xea\xf7\xdcj\xc88\xa5s\xbe&gt;N\xa1g\xdc\xa7\x92\x1aZ\x1aB\x08\x7f\xaaF\x92^&gt;\x1a\xfeA\xed\x8d_r\xac\x97_)\xc1b\xff\xc5m{\xf7\xa9p\x8d\xda\xa5\xae\xef\xe83\x83\x11\xc2\xb7\xf5\x16\xa1\x98\x83\xee\x8bziH\x84\xfe\xe3@\x90W\xa0\xeacAzE\xc3\x1d\xf3tr9\x04u"U\xd2\xb9\xb7^\xf5\xdf\xe8\xe7U\xa9\x88\xdf\x8co\x1c\xb1\xd7H\xf5:w\x1f\xe2E\xc6\x80ip\xd5\xe4\xf0\x03\xd7_y\x92S\x1b?\x8d\xf5#I\x1dR\xf2O\x18\x1c\xbc\xb5\'G\x9c\xe2\x05\xe3\xeb\x14M\xec\xab\xc7\xc5`PT\x85O\xba\xb4\xa2zx\x86\x03-\xd6+\xb2B\xda\xe1\x1b\xbb\x83\xcf\xde\xe4P$k\x04\x15 \xba&lt;\x947\xcc\xff\xba\xbb\xe0Gcc\x80\xb8\x18\x15\xd8\x88\xe1\xa4\xb1\x0f\xf3\xc3\xb5\xf0"\xad\xde\x96\x1e\xf1\x8du\xb7)S\xdd\xa2y\xfc\xd0\xb2%E\xea\xbe\xbdXCr\xb7\x8b\x00m1\x82\xe8\xeb\x97\xc5\xa5m,0q\xb77C;\xa7=\\\xa6mQV\xec\xf5-9E97\xfa\xd7\xd9T\x13}\xff\xbb^e\xf9\x0b\xda{\xc1\x96y%\xb7R&lt;}\xd7p\x10\xf4\x84\xf8\x8f\n&lt;\x1e\x8f\xf0VKx&lt;^\xff\x08!%@\xa3l\xaf\xbbo\xa7\x14\xa5\x15\x85\x90\xe5\x86\x15%O\xc3\xa1\xedi5\xec]"\xa7\xe8\xabo\xd2\xda\x8e\xf9\x7f\xea\xf3h\t\xda\x06\x9d\xf0\x07a6\x89\xf1\xe6\xd5\x87\x0f\x05\x89\xc4\xc8\xab\x9fC\x91(\xbb\x89F\xbd\x1d\x9a\xb0m\xdb\xa1@\x83\xf0t\xb6\xfe\xfe\x1f\xf6\x9a\xbf\xfc\xe9\x9b\xbfSTL\xd6\xa9\x92i\xa2\x7fEC\xf2o9:\xa5\\\xe1\xfb\xc9\xfeg\x90\xcf\xfd5\xa4^8\x12\xa5\x8e\xcc\xc9\xd1\xf5\xedZcl\x08!aj\x9f\x1d\xd8\xf9\x142S\xbc.\xadxV\xfa\\\x7f&lt;?9\xc8\xe0\xd3\xe2-\xb8\xf2\x96\x840\xe9\x9e\xa8J\xa3\x8aV\\\x01\x94N\xc6*\xf4\x13\xc2\xcf\xecn\xdf\xa4\x92t\xfbg\xbb&gt;\n\x8c\x95\xea9\'\xf8\xd4Fo).\xc9\xec\x0cj#\xfaM\xa5!\x84\x8f\x8bNK\x9f\xc7\xe3\xf1\xf5^\x97}C\x13.\x86\xdb\x03\x06\xd1?j\xc8\xb7Td\x08\xb2{`"\xf4\x1c\x00\xe2s"\xd1\xd2\xbe\xac\xc8\xf6Ul?\xef\xad\xc6Xw\xad\x15\xe2 \x89\xc0\xf3 \x96 ^\x82L\x1f\xb9r\xa6\x9f~\x86\x037S\xe6v\xbaO\xff3\'\xc8\x06r\xe6x\xe6\xb6mE\xf3[\x1bo\xef9\x00\x94o\x85\xa54\x92N\xb7m\r\n=\xdf\x18\xc2\xff&lt;\x7fx\xae\xbe{\x0f)Er,T\xc0\xa7lOO\x88\xfa\xd6\xc1I\xfe@\xc65\xfe\xf1\xb3\x80\xf5\xe3\x0f\xae\xbb\x8d[\x94\x1c)|&gt;|\x9bYW\xd6Y\xae\xc2[\xae\xf2&lt;\xd1\x03\xa0\x9e\x0f\x08jK\xe5\xb3\xd5\x15&lt;-\xf8\xbd\xe7\xcf_\x7f\xfc\xcc\x97\xcb\xfc\xdb=\xc1\x882;\xa1Ho6z\x9ep\xdc*\xda9\tyG\xb2Dvc\xaeg\x8a\x8fG\x8e\x103Rv \xcf1\xe13\xfb\xff\xf8\\n\x9e7\x81\xaf\xb6X\x96\xb4\xbc5\xae\xb6\xac\x9f\xbc\x82\xcf\xcb7\xec%\xb4H\x01\x19\xcf\x16\x8a\x94\xf8Lz\x84\xaf\xea\x89\xf3\xc1g\xf4\xbf&gt;\x84\xae.\x82G&amp;k\xf5\xf6\x8c\xfe\x8f\xc7#v(\xb6\x8bH\x8dL3\xd5w\xa8\xff/\t\xea\xe7\xbc\xe1\xe2\x89\x01U,\x06\x80\xfdc8"\x056\x96s\xbey\xfb\xef7\xb5\xe4\x1c\xe9\xbba{\x96S|\x9fC\xc8\x00\\\xf1y\xfa+\xbc\xfd\xf3\xf3o\xc1](\x1b\xbe\x9ckZ\x18\xd5\xf6w\x1f\x96zV/\x94WQY7\xe9\xa5&amp;\xf6G\xc5\xf7tw\x85Qp\xb8\x96\x7f\xecc\xf4\xe9A\xf4\x97\xb4Wq\xdcasFG\xd0I\x0c\xfc\xed\x99\x1e\xe8\xe2\x06\xee\x9e\x03(%\xf7!\xbd\xd2b+Dy|\xbe\x05:\xf6\xd5\x8f\x9c\xa6\x87o\xd5\xb9\x0f\x01l\xfd\xe5rx4\xf1.\xfa\x83\x06\xdao\x1c\xd9Sg\xd9\xf7\xbb\xba\xcdi\xbc\xc7\x9d+\xdag\xe8\x1a\x03{"k\xf4H:\x8a\xff\x01\xa0\x1a\x9f\x13vq\xde\x8d\xfb\xe5\xc4\xf7\xb3\xed\xe19*\xc4\x1d`\x05\xf5\x8cM\xda\x87\xab=\xfc\xe53\xd1Xa\xe3\x16\xa3\xae\x00du#u /\xf1\xe0_\xa2\xe8jK\x07\xe5\xdf\xa3\x17\xa1\xf4D\xd6\xa0\xbc73l\x9f&lt;\xdeW~\x7f\xee\xa4\x8d\xc6\x17\x99\xd4\xdf&lt;\x17J\xaa\xc89%X\xbaAx\x085}\xc7\xff\xe1\xf7\x00\x8cK\xce\xac=\xff\xe2\t\xa6\x7f\xe1\xf3589-\x89\x9af\x8eU\xc2~Bw\xd6\xc6|\x1b\x00\xae\xac\xe6J\x984\x99G\xcfm\x18u\x05\x90\xa6o\xf4\xdf\xb6\xed\xf1g\xbeL\x00\x9f\x02EgzN\x9c\xe0\x96h\xf0z}\xb4}\x1e~\xcf!\xfd\xc0\xf6\xd0\xec7{[\xb41\x10~\x96 \x03i\xf2\xf6y\xfb\xf0\xcb\xccd\x99t\x05\xd0\xa5\xae\xab)\xf0\xab\xea\xf7\x07\xc1\x06\xf2XE\x06\x9a\xb8e\xb2;\xe5\xb5m\xdb\xa7\xbd\xcf/\x0e\x99\xa2\xd5\xf3\x99\xcf\x03\x96Z\xb5[\x01\xec\xbb\x80\xfd"\xc8\xa2\xae\xbb5\xfe\xe7\xd3\x1e=\xdf\xb8c?eK\xd7\xf814Z\tc\xc0\xf6\xc5\xe2\x1f\xbb@\xa3\x1c\xa5OX\xca\xdb\x19\xb0\xdb\xd7j\x9aI[\xaa\x99\xf3\xc5\xe7OL\x03\xa3YMnQ\x1d\x8d\x98"\xf9\xd4\x80\x8dTW\x87\x7fr\xaav\xf5\x92\x8cs\x1f\xb9\x15\xcf\xa7\xddeI\x1c\xe3I\\?\xbdZ\xde\xe88o\xc8\x1c\x99\xf3\x07pW\x93 \x98\x0f\x1cL\x10\x03ez[\x18\xadE\xe9\xca\xab\xfdA\xfc\x9c\x03^uU\x00\xc0\x01\xe7\xbd\x89\xe8?6E\x13\x7f,\r9\xac\xe6\'k\xb5\xf6\x9d\xa2\xb0\xe0\xd61\xe6&lt;\x06zK\xf8\xe1\xc7#\xe6\xbe\x97Oj.\x95\xb6\x83j|\xff\xa6\xa6&lt;\xb1\xdf\xdeX\x87\xf3#`\xcb\xaa\xc2\x08\'\xfau!\x04\xb8\xc4\x89\x8bN\x83\xb7sk\x8f\xd7\x8b\x03\xf4+Z\x02?J\xc84\xab\x88\xd9\xb0\xfd\x940\x07\xcc\xc7\xa7\x9a2\xa5\x12\xb7r\xd4s\x96\xf0%\xbdF6\x96\xbc\xdb\xfb\xbd=t,\\\xf5-\x0b\xf8\xc5\xa8,\xd1i}\xe3y\x18\x0e\x9fI\xb3\x901\xf7u\xdb\x8a\xd9\xb8R\xf4\xc1\x93\x12\x97\xa9\x88\x05\x00Ut\xec\x92\xb7O\xa8\xdd\x8eO\xc4\x13S\x92\x0f@f\x19C\xca`\x18&gt;\x8d\x7f\xfdx\x97o\x01\xa2&gt;b\xe98"\xcf\x06\xe7\x8c\x13k\xd1\xa8\x89\xea\xc9;f\x80|p\x959P\xb5\xe3!\xa9\x10\xad+\x84\xf0+\xf5$\xd8\xb1\xe2\xe9\xc6\xf0\xe5\xedl\xbb\xf7\xf7\xbe?\xb9\xbe{\xa5\xd7\xc7\x05"5\xceAX\xf0\x89v\x80$\x99}&lt;\xbcG\x95\xab\xbb\xf6\xa1IJ\xc2(K\xf7\xe1\xc3\xd8\x9b\xfea\x87\x81\xe2\x9dY\x80\xde\xbb\xefd\x83\x1c@\x0eun\x9f\xb8\xcbxv\xe5\xe8A\xb0\xee\x8b\xe7\xfdb\xcc\xec\x95\xdc9g\xbfJ\xd3PR\xaf\x1b\xbd\xad\x94\x88\x0f\x8b\x93\xd9\x05~"\xef\xaeC\x8f\xeb\x1e\x12\'\xe7\x7f\xc46\xe5\x0f\xaf\xad\xd6\xde\x8bq\x9b5v+\xd8d\xa0gYTOdT\x17\x9e\x7f#\xfe`J:\xbc\xef\xe3\xbf\xe5\xc9-\xce\x9b\x02\xf8G\xfdq\x1f\xfd\xfe\xee(\x05d\xc6&gt;\xe8\x1fv\x83\x13$\xd6z\xe2V\xda\xb6-*\x91x\xcaE\xc9\xc3\xc2\xfe1:\x8d\n\x00\x1c\xd0\xde\x1f\x13\x19`f{F\x84\xeb\xe5^t}0\xd0C\x1c\xa5\xc2H\x89~\xca\xaa9\xd2\t\xc0\x15\x17q\xc0^\x90g\xbd\xf4\x1a}\xde\xe3\xd4\xcfJ=\x82\x91\xf7\x9c\xf7\x97\xff\xce\xc7\xac\xed\x02h!\'\xb6\xe8\xef&lt;\x8e\x06\xba\xf</t>
        </is>
      </c>
      <c r="E660" t="inlineStr">
        <is>
          <t>&lt;class 'numpy.ndarray'&gt;</t>
        </is>
      </c>
    </row>
    <row r="661">
      <c r="A661" s="1" t="n">
        <v>659</v>
      </c>
      <c r="B661" t="inlineStr">
        <is>
          <t>steps_per_sec</t>
        </is>
      </c>
      <c r="C661" t="n">
        <v>9500</v>
      </c>
      <c r="D661" t="inlineStr">
        <is>
          <t>10.31786</t>
        </is>
      </c>
      <c r="E661" t="inlineStr">
        <is>
          <t>&lt;class 'numpy.ndarray'&gt;</t>
        </is>
      </c>
    </row>
    <row r="662">
      <c r="A662" s="1" t="n">
        <v>660</v>
      </c>
      <c r="B662" t="inlineStr">
        <is>
          <t>Loss/object_center</t>
        </is>
      </c>
      <c r="C662" t="n">
        <v>9500</v>
      </c>
      <c r="D662" t="inlineStr">
        <is>
          <t>0.05826482</t>
        </is>
      </c>
      <c r="E662" t="inlineStr">
        <is>
          <t>&lt;class 'numpy.ndarray'&gt;</t>
        </is>
      </c>
    </row>
    <row r="663">
      <c r="A663" s="1" t="n">
        <v>661</v>
      </c>
      <c r="B663" t="inlineStr">
        <is>
          <t>Loss/box/scale</t>
        </is>
      </c>
      <c r="C663" t="n">
        <v>9500</v>
      </c>
      <c r="D663" t="inlineStr">
        <is>
          <t>0.058758754</t>
        </is>
      </c>
      <c r="E663" t="inlineStr">
        <is>
          <t>&lt;class 'numpy.ndarray'&gt;</t>
        </is>
      </c>
    </row>
    <row r="664">
      <c r="A664" s="1" t="n">
        <v>662</v>
      </c>
      <c r="B664" t="inlineStr">
        <is>
          <t>Loss/box/offset</t>
        </is>
      </c>
      <c r="C664" t="n">
        <v>9500</v>
      </c>
      <c r="D664" t="inlineStr">
        <is>
          <t>0.19959311</t>
        </is>
      </c>
      <c r="E664" t="inlineStr">
        <is>
          <t>&lt;class 'numpy.ndarray'&gt;</t>
        </is>
      </c>
    </row>
    <row r="665">
      <c r="A665" s="1" t="n">
        <v>663</v>
      </c>
      <c r="B665" t="inlineStr">
        <is>
          <t>Loss/total_loss</t>
        </is>
      </c>
      <c r="C665" t="n">
        <v>9500</v>
      </c>
      <c r="D665" t="inlineStr">
        <is>
          <t>0.31661668</t>
        </is>
      </c>
      <c r="E665" t="inlineStr">
        <is>
          <t>&lt;class 'numpy.ndarray'&gt;</t>
        </is>
      </c>
    </row>
    <row r="666">
      <c r="A666" s="1" t="n">
        <v>664</v>
      </c>
      <c r="B666" t="inlineStr">
        <is>
          <t>learning_rate</t>
        </is>
      </c>
      <c r="C666" t="n">
        <v>9500</v>
      </c>
      <c r="D666" t="inlineStr">
        <is>
          <t>0.0009991678</t>
        </is>
      </c>
      <c r="E666" t="inlineStr">
        <is>
          <t>&lt;class 'numpy.ndarray'&gt;</t>
        </is>
      </c>
    </row>
    <row r="667">
      <c r="A667" s="1" t="n">
        <v>665</v>
      </c>
      <c r="B667" t="inlineStr">
        <is>
          <t>train_input_images</t>
        </is>
      </c>
      <c r="C667" t="n">
        <v>9500</v>
      </c>
      <c r="D667" t="inlineStr">
        <is>
          <t>[b'512' b'512'
 b'\x89PNG\r\n\x1a\n\x00\x00\x00\rIHDR\x00\x00\x02\x00\x00\x00\x02\x00\x08\x02\x00\x00\x00{\x1aC\xad\x00\x00 \x00IDATx\x9c\xed\xdd\xef\xeb&gt;_^\xd0\xf13\xf6%\xb6\x051R\xa8-\x89\x15E\x84\xba!D"v\xa7]\xd3\x1b\x82\xd1\xdeX\x84\xd0;\xbab72%\t\xf6\x86\xdeQ\xd06v\xb5,\x11C\xfd\x07\xd2\xb0"\x82PAE\x11E4\x08\x05\xc1\x96eq\x8d@\x92\xc5US\xe2\xe5\x8d\xb9\xaey\xcf5s\xce\x99\xf3\xfb\xbc\xce\x99\xe7\x83\xe5\xbb\xef\xcf\xfb=s~\xff\x9a3s\xcde\x0c\x00\x00\x00\x00\xd8\x89\x88\x88\x04\x1cf9+\xe4\xc4\xe2z\xc5\xdb\xd8V\xbe[f\xad\xb9N\xa8\x88\x96\xa5W\xa3\xb2\xea\xa5&gt;\xac#tj\xf6\xf9!D&amp;;\'\xa7w\xe8\xa1\xf7b\x1dh\xd6\xe1I\xda\xf6\x8a\x84\xb8\x06\x9d3\xd6$\x87\xa4[m\x06\xb7tENQ\xff=?\xde\xe8S~\xfd\xb8\xca\xb1\x1f\x96\x92\x9c\x92\x03\xa2\xa4\x86\x16~\x8e\xc8\x07\x8d\xeeF\xd5;\tx\x12\t\xea6}\xc9\'\xef\xdeh\xee\x90\xf9\x9c*n0\xd8\x15\x0c\xbdAR\xf3/\xf15\xcc\x1f\xdd\x13\x80k\xaa\xaaHC\xabM3h\xb2\xfd\xa2\xf2\x947Z)-\xc0}\xaa\xfe\x8b\xe3\x98/\x89\n0\xf0\x9a2&amp;L{\x08\xe3\xf6\xa5\xbb\xa1\x92L\xa5\xdd\xea\xd6;c\xa1i\xf0l#\xc8\xef\x14OZ]E\ny\x88\xd1\xaaH\x02\xcf\x81\xfcY~\xa0\xc1q\xa5\x07U* \x9cQ\xb8z\xe4_z\x1f\x82\x8a;\xe5\xaf[\xce\xb2\xcf\x1f_\x94\x9b\xbc"\xd6\xb4\xe9\x19\xba\x1b\xdf\x0fK\xa09m(b\xe9\x9d\x802\xd6\xae\xbd,\x93d\'\xd0\xda?\xbb\xe4z?4\xb4I\x80Hn\xfdni\xd6\xd3N\xf6I\x121j\xd250\x85\xb5&lt;\x9e\xc0\x99\xdf\xff\x8c\x01\xcb\x87"\xfc\xc5\x98\\\xc8\x05vB2\xcf\xbf\xab\xf35\x93\xfe\x9e\xa26}l\x1c\xf5tx\xf0\xbc};\x1e\xa2\xf3\x18c\xfeG\xd1\xd0\x8adx-\xb8\x92\xfd\xa7PP\x8d\xeb\xb3q\xfb9\x97y\xe36\x1c\xb2m8D\x9f*\xee\x9e\xb9\xce%"\xef{\xfe0t\t\x0e\x94\xf8\xfc\xde+;\xa5\x924P\x01\xee\xb5\x9e\x00z\x17T\xd9zW\xa2\xd4\x8d\xfd"\x89\xb9\x97\xe2\xa5\xd6\xe7J\xe2\xb9"\x1e\xd7\x96x\xf9\xa5\xe6Q\x8b\x88\xc8\x0f\x14\n\xaaD0z\xed\'\xde\xc7\x0f\xae\x076U\xd2SAe/^E\xe4gJ\x05\x87Lz\x1aY\x82\x90\t\xac\xfd%\x7f\xd54L\xb3zJ+\xab\xa8\xec\xaf\x9f!x\x91\x92\xd2\xabXv\ts\xc5\xf0\xc3\x15\xe2\x1d\x94\x88\x88\xfc\xe7\xde\xa9\xb8\x99\xca]\xe0v\\\x85(\xb6]\xf5qK&gt;\xf0\xa3I\xe9\xe1\xdb\x1ec\xf5\x1d\x1f?\xff\x1d\x8e/[\x0b\xfb\xc0G\xac\xdf.Zv\x05*\xe5\x88\xf2h/v\xf6\ro\xb4\x83\xce+\xbd\x14\x9f\x87\xfd\xe1\xd5\xae\x1a\r\x15\x7f\xf9h\x83e\x8e\xa7\xc5\xee\xd1\x87\'\xcb\xbc\x88%G\xe3^\x04\x04Z3\xa70\x83[\xb1o\xdbA\xe5\xc3w\xf4\xe2\xdaeQ$/\xd5g\xa9\xbe7\xe1;\xc6\x1d\xe2\xfdL\x00W\xba\x17Ml\xed\xb8*\xb4\xd6\xe8\x13\xb1!^\xbd,\x15\xb6\xe4\xc3\xc3\xd3U\xa2h\xd2\x87\xcb&gt;F\\\x90\xaaT=&amp;{e\xa9R\xe7\xd1d\xbf\xa6w:tKkC\t\xfb\xd4\xe6u\x9e\xdb~\xf6?a\x14\xb7\xaf\xd4d*\x9d\xbb\xd7\xb5\xcc\x9d5\xa6A\x8b\xb7R\xaa\x07-\x8d\x0b\x8f\x19\xec]u\xa3\x98}CB\xa9\xb2%\xae\xb0\x1ak\xa4E&gt;fD\x8c|A\xd10\xd3\xce*\x9d=MU7\x18J.]\xc8\xb8\xd1\xacx\xdb\x0fb\xca\xc6\xcct\xdd3b\xbd\xdbQ!\x96*\xd9L\x08\xb1x[\x15\x91\x1f-\x15\xd6UDM\xe2\xd1\x18;,.kD\x1e7\xcd\xda$\xa6\xdb@&amp;\xa7\x1f\xaa\xc4Ru\xeb\xb9_\xefZo\xab\xfe\xbd\xea\xb1t{\xcc\xe6\x18\xdd7U\xb8\x86+\x18\x9cJb\xf6[\x0eEK\xcf\xfa\xcbiJ\xf42\'\xfb\x03\xd6\xc2\xfd\xcb\xbd\xf3\xdf8\xee\x9b\xdf\xeaY\xb3\xde1\xff\xb5\xcb_\xe4\xdda\x87\x95\\\x92\x97\n*0\xf0\xfb6\xdfT\xd6\x89d\xc2b\xf4\xe7\xf3\x97_\x17\x80\xe7\x1f\xa6\xd72\x93\x97quY\x8c\xcb\xf6\xc0C\xe3\xd2\xd8\x9e\xaa\xfc\xf1\xea\x11=\xbc\xbfnDo1&gt;\xe35\xaf?\xc4\x05\xe2h\x08"\x7f#9a\xd3\xa8\xb1h\xb8\xc9\x88g\xcc\xa9\x9f\xef\x07\x1d\xd9\xfd&amp;\xa4&lt;\xca_\xcc6\x1e\xfe\x9aE\x14\x90\xb1\x8e\xbb1\xf5"\xd5\xd0\xab\xba\\\xe4e\xc6X\xa3%\xdc\xfcb\xd7\xefe\x18|\x1d\x0f\'t\x9e\x03\xcc\xeb\x1a0\xb0\xa1\xd0\x9e\xba\x18\xa8\xd8\x95$\xd5\x95\x8c\x8a3\x9f\x8e\x8c\x1fT\xdaI\x9f\xc0\xa1D\x0e[#\xbdR\x95\xcb\xd3\xee\xad[C\xfe\x8c\xd2n:\x1a\xb1\xe4=I.\x95\x99\xf3S\x06C\xef\x92\x8b|\xdb\xf7\xb6\x88\xa5gG\x8e\x8a\xb8\xd7\x05\xf1x\xbd\xcd\xde\xeec\xb2\xa1!\xd3\xc9)h\xb0\'8\xfd\xc2i\xd0\xfc\x1d\x92]\xa3\xcd\x17/\x14\xb1\xbdR\xa2\xc8\x16\x8d\x9eEk\xbd\x14h\xc8\x9d:9E2d\xbf\xdfI\x1b\xb9&amp;\xf8\x08s\xe6\x90\xbd\xdf\xf4\x9c`z\xf3]p\x84e\xce}\xc5\xdcn\x85\x91\x10\xce\xf9\x1a\xc8\x1fT\x83z\xae\xd4\x9ar*q\xfb\xeb\xb9t\x86n\xf6\x0f9\xe5\x1d\xbe\x0eJ[\xa4\xd4no\xb5Z[\xf1\x10K\x93\xbc\xbc\xcb\xbe?\xd4\x9f\x00\xba\x94\xa7\x04\x0c\x88&amp;\xe5\xee\xd7u\xbc\xb1\x92\'\x80\x97\x10\xfefP,m\xe6\x80\xe2\x01^\x86\xb9\x1e\xf0\xb9\xc6\xfc\x96\xfb\xaf[8\xfa;x\x04\xf9\xe3\xf4\xab\xbf\x976\xe4&gt;f-\xb6\xa9J\xcdm\x94\xc5p~g\xce\x9cE""\xea\xb3\x9f\x1b\xb4"\xce\xec5E\x14\xa8\xca\x80\xf1\xb1\xd9\x04P\\\xe0\x04\xb0z\xb7\xe3\x1a\xabZ\xea\xd4\xc8nC\xdfm\rA\xbe\xbe\xdb\x86\xe9L\xb62,\xd5\x16\xcbv\xe6R!I\xe9\x19\xb4j\xd7\xbd\xb88p\xfcY\xe1\x04\x10\x18\xc5\xe8\xe3\xe0\xe1\xa2\xc7\x7f\xc0e\x087\x12&gt;\x7f\xb6IO\x11\xaa\x12\x1c\xbe\xd5P&amp;\xba\xe7\x16p\xc1\x02(\x12R\xd9\x1a\xc9\x0c\xabR\xf3\xb8\x9c6jD\x9a\xef2Y\x1d\xe7\xda\xeb\xd3K\xa5\xe3n\x02\xe7\xc9\x11\'\x80\xe24d\xbec\r\xccW\xfd]\xf23D)\x96\xbe|\x0c\xb8Ck\x8c\xc8\xff\xce\x8f\xf7C\x8f\x18\x0b$\xe9xJJr\xf49\xe4\xfc\xf2\xa2i\xff\xd7\x84\xca)\xfa\x9e\xdd\xce4t\xdd\x1bN\xc3r\xfa\xa1l\xb0A\x07\x97+\xf7\xf0\x1ew&lt;\xb1D\xec\xbe\xf0wY\x1c\xa2\x91\xed\xef\xcf\x1fJ\xf5\xfa\x82;\xa6&gt;\xf7\x01\x8eP0\x0e\xdb\xb3:\xd6\xcc\x07&gt;\xd0\xa6\xb3e\xa4=\x834\xa8\xe3\x14\x9e\xba\x92\xf5t\x93\x1a\x97{\xc9\xa1u\x9f\xf3d\xe7\xf1\x9br!_\x1dP\xa0a\x07\x9e/\xaf2#-K\xe4\x1b~h\xd7\xcd\xf3\x07\xf7\xd3\x9c\xf1\xef\x02\xd2 \xfbqF[\x11]\x93O\x19\xe3\xbd\xdd?^\x96\x9e\xec\xd9i\x12K{\ti\x90\xd3p/\xdeQ\xbe\xe3\x18p\x8e\xfa\x8b\xad\x87\xfdTD\x98\xff&amp;4\xde\x8bT\x9d\x7f\xce\x11\xbbjI\x885j@\xd7=\x01\xc86\xf4\x87\xa7l\x9f\x17y\xce\xa6\x9e\xd3\x03\xc3\xde=?\x16\x9c\x14\rt&amp;Y]\x82^),\xb1\x04\xd6^\xad3k\x8e\xa5I\\\x08\x9e\xdf\xb8B\xf2\xf7\x8e\xcb\xa2kP\x94\xbe\xe4y\xcf\x8a\xea\xf8\xbdF\x89\x94eM\xc8\x96\xf5qk\xc8v\xe4\xe9\x87\x80\xa8\x95v\x1f\xa7\xe7\xfc\xf9\xf89\'\xf55\x9a\xc8O\xa6\x9e8T%\xf4T\xafc\x8b\xfc\xab\x1a\xc1\xee\xc2\xb7=\xa7\x90\x14\x82\xfc\x91\xb3\xdf\xfa\xd7\xe3\x17cMLbj\xb0\xce\xeeJF\xa8\xe0e\xf5\xf1@{\xbd\xc7dKK\x11hp\x9a\t\xd5\x95L\xad\xe1\xa9F\xa0\xd8i\xdf\x98\x92\xaff\x92/\xdc\xb7\xd5\xa4\x86\xe6\xa4!\r\xe1\xc2\xabf\xff\xf3\xc5\x8c\xfboKF};\x91\x97\x84\x17\x81|\xbcT\xb2b\\7\x91\xb5\xbb\xe6\xf5\xd8\x063\xe5X-\xd4\xb9|n\xb8\xb9\xb4VIl\x14\xdbYii\xab\xd1\x12\x92\x1b\xa7\xe7"\xe6\xaf\xe6$\xe8\x14K\x91Uc\xf2\x13\n)\xa7U\xa0q\xb1\x1c(\xffv\xc7E\xf8\x8a\x0b\xe6\xbc\x03X)\x8az\xe1\xa7\xf1\xedc\xec\x8e\xb9Lw\x91\xac\x85\xdc}m@vbO|\xfcPk\x0eH\t\xb3M\xab+\x95\xdf\x96}D_w\xec\xaaA\xd1+/\xf0\xaa\xc9\x1bk\x02\x88M\xad\xba\x8ce\xc8\x9f\x00\x8c\xb25i\x9bX\xb6\x12K\x8e\xafq\x1f\xd1\xd9%\xbb\x91\xaf\xce8\xb7\\2P\\\xc2\x1eHP\xb0\xee0\xffn\xf1\xc8F\x909\xa0h\x1b\x8cB\xee\xb2\xee\xff\xea\xca~\xcc\xd32\xadG\xe4\xa4i\xde\x12\xc8g*D4\x92\x06[(\xc8\xf1\xc9:\xc1zn\xf9\xd4\x89\xd0\xa7\xd2\xc6Kl\x1a\xae\x8fI\xbd\xc2h\xe9\x9c\xc2\xcb\x04\xe7\xe7\xa8}\x81\x84\xa7y\xbf#z\xfe\xd3\xdb\xee\x9f\xe2:\xad\xe5\xb2A\xebo\xee-UZ\x8f["j\x13K\xbf\xa8O\x91\x1a\x91\x7f\xa9\xbf\xb1\xd5\x98\x00\xca\xe6\xf7\x9cB\xbd\xa5i\x8c\xc9\xe8S\xe1u\xa1\xb9Eu\xb6\x95\xe0W^\x1d\xd04Y\x0e\x1a\x92\xa1\xa74\xf6t\xa6j/\xa8\xa3~\xe6\xe20\xd9\xedS\xe7d7\xb9\xac\xba_\x00\xac1\xfb\x8b\xe8\xf0\xd7\x97\xc9\xc0\xb3\xd4\x0b\x88:*\xa9\x81\'^\x96\xe6e\x93(^\x15\xaa\x06\xbd\xfe\x02\x0b\x83"\xcb\x94Yz!\xa7w\xac\x9e\xcc\xe6\xd1\xabu\xed\xa7\x9c\xb7\x94\xb4O\xc7.\xf6\xcb\x03\xce\xc7t\\#\xefG\x0fk,\x81\x03K`\x023f\xa9c\xaaf\x1e\xcb\x0e;_\xccxh\xa0W\x03\xcb\x9ax\x14\xa4!6\xa2\x84\xb8*u\xfe\x82cK\xb3aj\r\x7f}\xaaf\xda\x01\xf1|UX\xb5\\\xa7-G\xc5&amp;\x9b\xce\xf5_=h(p\xdfV\x89\xf7\xac\x1a\x89\xdfV\x99\xc5F\xff&amp;Uy\xb8d\xe9_\xa96\xef\xf8\xff\xfcH\xf6\xb2,\xfb_\x1a\xdf\xbe\xe9\xeb\xb1\x85U\x0c:\x8c(HCK\x81\xedv=\xacj\xd5\x07\x12\x91}2\x0e\xff\xbc&gt;\xdd\x98\xc5\x9d\x9d\x06\x19\xdcv\x8a\xfa\x17\xa5C\xfb\x84-\xc6\x98e\xfdOz\xe4"f;{i\xb2\x94&lt;\xa4Vg\x85~V\xd0Q\xfbe\xbe9\x8e\xfe[&gt;\x97e\xd9~\xd69\xdd\x9d\xc5N\xcc\x87Z\x0c\xda.\x0f\x98\xfdG\xdf7\xfb\xc0\xb2\xfc\xaf\xf8\xce\x99\x9fkK\x08\xfft\xf1\x07y1\x88&lt;On6\x99\x89\xad7mq\xebl\x13\xd6{\x03J\x16\x01\x87\xb4\xed.\x1d\x1e\xc9[\x9esI~R\xc3k\xa7{\xb1$\x92\x0f\xc6=\r6\xdc@\x96\xf98\xe6{C\xa2\x08(\x13\xb5\xe5V\xfd29\xf3\xf4\xb0r\xdbF\x01\xd7\xc1\xc9\xbb\x97:k-\x8d\x04\xbfh\xc8\x9a\xeb\x96m\xd8\x1f\xd1\x96\x12yu\xf8kx\x80!\x87M\xd4\x102\xa8\x1d\xc8:\x12\x11\x91\x0f\x04\x1cS\xac\xdc\xc4\xfb\xcf\xdb\xfa?\xbb\x9f\xcf\xeb\xc4\x9c\n\xb0\xae:\xc3N\xecpS\xf70 ~\xd8\x18\x91\xefj\x93\x86\xb7\xc4$\x9f\x18y3\xe0&lt;\xb1\x1f\xfe\xbd\xed\xd1\xff5g\x08/w\x0e\x9c\x11\x05&amp;hP\xe1K\xad\xf3L;y\xd1\x94Pu\x02\xb0\xfe\xe6\xe6\x92\x87\xec\x84\xc0\xfdG\xc6F\x9dy\xcdj\xbd\xff)\xdf\x9d\x1c\xde[\xb0J\x84\xa4$\xbc\xd8\xb7\x19Z\xe4\xab\xf2\xd25\xb8\xfd\x1chi@\x96i\xf6?f\xae\xaa\x00m\xce\xfb\t\x96c\xe6\xda\x17*\xc8U,%\x97&gt;\x8c9\x91\x8e\xb7&amp;\xc4\xf1\xd4\xc4\xaeT\xdfn\xa1\xbf\xdc\xf2=\xdd\x02\x12\x1d7\x85\x9aq\x15\xdd\xf4\x1e\xb5\xaf&gt;\xf3E\x1a\xe4\xd6\x11\xd4g\xf7\xe8&lt;0\xbe\xf5_w\xa6\xa2\n\xcd\xdf\x05\x1a\x14\xddej\xc5\xfaXc\xe9\x9e+"\xa34\x90\xd3c\xa0\x8eT\xbf\xe6\xe6t\x8cu\xce\x1d\xa3\x04\xfa\xdb\x9e\xf9\xd3\xfc\xf0\x9f\xc7\xf6\x94\x9er\xfb\xf1.\xb9mvl\xd4\xc9\xc9&gt;\x0e\xfdk \xd6_\x9e\x84\x0f\xfd\x97\x07W*\xba}\xee\x02\xa38\x1cT0a\xeb\xd0o\xdc\x1db\xaae\xe2a\xbb\xdf\x7f\xed\xc5u\xd9%\xae_\xc3\xed\xdb\xde\xf1O\xcd\x13\x13%y\'$\xb9m\x04n\xdb\x8e(d\xe49\x1c\x1cpXVb\x12O\xee$\xecs\x00nk\x9e\x97e1\xe6\xdb\x8d\xbf\x8d\x8eV4PmY\xe4\xf1\xff\xa7\x8fk\xb5OL\x94\xd4\xb5\xf6\xe5\x01\x11\xe3\xe0\xee_!\xa7h\xe0Ih\xe8\xc2\xdf\xfd\xec\xff\xbeD\x12\x16\xe8\xdb\x05\xd0\xee*s\xa2\xaf\xc3p\xcdk\x87\xe9\xd75\x01\xca\xee\xbfp\xd1Y&gt;:S\xb5W\xf4\x16b\x9f\xfc\xc6\xde7\x8e\xcd\xf2\xb9\x9f\x9e\x7f\x19\x17`\xc29\xba\xbd\x94O|\x06\xed\xe3\xde\x08K^\xdf\x15\xc0\xd6P\xd6\x7f\\\x86\xe5\x9c`\xd7\xc2\xd5Z\x1c-\xebi\xb8+$U\xabiG\t\x15L\xe3[+\xf5\x0c\x8d\x05\xebI\xe2\xbbFN\xec\xdbB53\x0b\xdb-\xab\xb7\x90wQ\xac\xbe4/\x8a\xc6\xd6\x81\xeb\xb1\x9fa|\x9d\xd1\xda.\xac\xe3\x9e\xfdi\x9a\xf446\xf7\xfc\x88\x84s\xd8\xfa\xf5\xc0pF\xdc\x1b\xc3\xbc&lt;M\xf1\xb0\x12\xd4)a}\xfa\x98h\x9e\x13\xdb\x8f\xe4]\x01\xd8\xa28FW$\xd8\xc6\xe4U\xa5(j\x04\xabZli6.\xa1\xdf\xc8\x0e!\xadN\xa3N\xba_\xab\x89\xe0i]\xf2\x8bF\xde\xf7\xfa\x9b\xabN\xa8\xa1\x8b\xfaS\x10;8m\x1dPlr\xd29\x99\xe7\xe7\x9c\xecCV\x91\xb2\x12\xf9\x96\xfc@\xba\x99\xb2\xb1\xf4\xea\x03\xe7&amp;6e\xf1\xf6\x950\xc6\xf9\x8f\xff\x99\xbc\xf4\x84\xa6\xc1\xff\xd7\xa4LU\x1a\xfd\xeb\xf5\x9e\xaa\xcb\xf05hW\x14\xf6\t\x80\x1e\x1a\xe2\xbc\xc2R\xbe\xd0\xe89\x01\xec\xa2\x8e\xbd\x13\x88\x1a\x94\xb7\xd5\x1c\xdb\xc2\xb6\xf8\xda\xbf\xd2~\xbf5\x89\xf9\xdd$d\x16\xe4\xf2\xc8\x98]\x8b\xd9\xfd\xe6\xa2Pd\x7f\xdfx\xfd\x8d\xee\xd2\xf4\xac\x02\xaaG\x1dV\xb6\x87\xdf\xe9,\xc6i\xa8m\xa8\x9a5.\xb4\xcc&gt;\x1b2\x05&gt;\xc61\xc7\xef]\xa9\x1a\x91\xf3)\xa0\xf5\ni\xfb9\xb0\xb8\xcf\x1f.\xd7\xae_:\x8f\xdf\x17a{\x86J\xb6\xff\xa0\x8d\xd0\x0f\xbe\xd6N\x87"\x17k\xbe\xb0\xc3\n\xca|\xeakY\x16c&gt;\xcf\xff}\x00)\xdf\xca0f\x9b\xb0L\x00\xeb\xc0\x7f. \xd9=,\x15\x1e\x81\xaa\xe7\x08\xcf\x1ey\xfc\xb2&gt;\xc9\xf4\x7f\x80\xe5\xc7\x8d1"\xe64O\xd4MS\x9e!;\xc1^`\xdbV]\tm=K,\xb0e\xfej\xcd\xb4\xecy\x96\xad\xcb\xf2\xfbQAm\x19\xbb\x9c3\xe6\x17r5\xc0\xeev\x11\x14Z\xa0\x92\xdb\xd9\x14y$\xd733\xee\xe3\xed{\xeeE\x13\xd5skw*i\xe5\x97Y\xf4i\xa7\xeb\xaf\xea\xfc\xe6H{\xb6\n\xb9/\x15\x1aTvb\xf4s\xe5\xb1\xcd\x88\xd9lP\xf6\xdcTsm\xf1\xa7\xc7\x15\x9c\xa4rq\x96q\xf1.\xa0\xf6W5[\x19\xc5\x16\x96\xfe\x0b\xb0\x12/"&gt;^Z\xc1\x94\xbb\xfa\x16\xc5\x9fW/\xa8Ha%\x8fe\xfe\xca\n\x0f5e\x8d(""o\xf1\x97\xabkW\x96\xe4;_\x0f\x9bc\x9b\xe8\xb2\xdc\xf2\x97\xffC\xf4\xc2\xf6\x89\x1c\xa4`\n\xcb\xccs\xd4\x982D\xf3\xcbO\x9e\xc2]\xd9\xd8\xe4x*j\xfb\xc3\xc5\xc7)\x8c\x91?9\x9e\x18\x97\x88+\xda\n9\x9a\xf5A\xa8\xaa=d\x84\x0e\x88\xa6\x9a&gt;b\x18\xb9\xa3=\x96\x97\xcbG\xd7\xe8\xd9*1\xf9&lt;Y\xb8\x1c\xfa\xcdV\xd7\xc5\x93\xe5\x8fZY\xd3\xbaz\x1d\xf4)\xb9\xcb\xee\xdb$\x8age-\x9dI.\x94\x10\xe6\xb2\x15\xb5l\x0f\xcb2s\xf3{\xc9\x9a\xed\x95p\x956\xc1j\xcc\xa9r\xfa\xc8\xd1\xde\xe5\x8b\xb3\xd7\xff\xbb&lt;2|s\xff\xf2F\x94\xb6\xa1?\x88\xfb"\xcb\xfc\xa11\x7f+9X\xd3a\xeeU.\xea9\n\x8a.\x90\xda\x82\xa2\x0e3\xfd\xeb:\x0f\x9bD\x05\xb7?\xb8\xe0\x93\x08\x03\xd8\x9e\xb2r\xe5\xcb\x7f\x156\xc8^\xab\x935\xdd"_\x98\x15fX\x81\x8cZd\xba=\xf7\x04\x1a\xb5\xc9\xfc\xa1\'"\xae\xed\x7f\xbd\xbb\xdb\x9a\x80\xef\xb0\xfc&gt;=\xc0\xbe\xbb\xf6\xdf_6n\xb5|7[\x92\xca\xff\xef(h\x8eE\xec\xfb\xd5\x1c9R\xa8v\xc1n\xe3H\xcbEI\xbb\x88\x82\xa3KNPTVJ&gt;|\xf9Z_\xf2c\xe5\x82~\x89\xe5\xb3\x93\xcez)\xf2\xbb\x0f\r\xeeG\x8f\xcb\x87\xb9\xf7\xbe\xebCr\x15\xec\xc9\xd2v\x0c\x1aE\xb3\t\x00\xe1\xf6\xeb\x1e%\xa5W)\x19Q\xc1\xfev\xea\x89\x93s\xb5\x92\xb42j\xd9\xe2D\xfeC\xab\xa8\xd6\xe8\xb4t\'=\x1a\x94G\xa3\x9d\x9f\x06q\xd4\'\xa7\x07@,\xdbY=\xda\xf0\xc5.|\xc6\xb9\xf0a\xcc:PR\x1a\xd3T\x8b\x9eL\x1c\nTD\xde\xdb)%\x1dinT\xaeU\xa6\xfc\xfb\xd7\x7f\xbe&gt;\x0e{y\xffv\x96\x9e\x14\xe6&lt;\xc3_\x1e_\xb6|\xd8\tq\x89\xba\x95\'"\xf2=U\x93\xd3\x88\x9e\xc6 \x12\xf1\xe0G\x89\xe8\xa23\x9es\xb3\xf7\xf2\xb4\xf0\xdb\t}]\xa6\xf00\x01\\\x1e\x9csm1\x9e\xa8fw\x9eN=G\x86\x869B#s\x195\xddw%OI\xe7\x16O\xce!\xfc\xf4\x99\x8fvXC\xce\x14\xa8sL\xbb\xfa X\xa4"\xafK]\x1a~\xf6\xc7\xf1@gzU-5.\x89Di\xeb\x99\x83\xff\xd5\xf0\xde\x13\x8b\xa7\xa5@\x04kS\xb9&lt;s\x7f\x177&lt;d\x9d\xad\xb0Y\xba\xa6\xfd\x88`\x1a=\xd7\xe6\xc9\xacY\xc8\xccT\xd9b\x99\xa0\x90\x1b\xa0\x88bMV^4\x80\x0e\xa2F&amp;\xd9\xa9\x98\xa6x""\x1f\xeb\x9d\x880\xc5\x0bN[]\x8c\xe5V\xa5\xe7\xdb\xdd\xad\x1f\xb5|\xe3\xd8\xa5\xadr\xe4\xcb\x16\x98\xa1\xc7]\xe5\xddwR\xc7\x86\xa0\xca\xdf\xef\x17uBq]&gt;\xe1`\x14_\xda+G\xa1\x99\xe6\x0f\x9by\xe2\x1a\xfa\xde\xe1\xb4\x0e\x0b\xffCk\x19n^\xec\xdb\xc8F+\xad\x99Q\x11+i;\x11\xfa\x1f3\xd9\xff\xf5W\xaf\x8eo\x90\xa4\xe1\xe5o\xdaT\xda\xf6\x11\x11\x91\xffT8L\x05u\xe9/+\x9d{h\xca\x95-,9\xfdP\x89\x86\xd6xI[\x83\xec\x92\x125\xb9\xaf\xe0u\xf1\xfe\xbb\xbd\x93\xf3\xa6q\xb3k\xf8\xc1\xe3\xeb|M\xdc\xdeJi&lt;\x10T\x8aN\xcf\xc0\xba\'\x1f\xd9\xfd\xdc/\x19c\x91o0Fk\x85\xfa\xbcL\x00\xbd\x13\xd3W\x9bK\xdd\xc3G\x8djF4s}\xce\x9d\xbb\x82B\n\xea|\xcc\xfa\x8b"e,\xf2?\xc3\x0e\x0bI\xa7\x8aWz\x9c\xd7pC\\\xcc=|\xb8Z\xc8\x83\x14\x801\x03\xd5\x16\x90\xe1\xb9\xba\xfb\xd3\x84\x13M\xd8\xd5\xea\xac\xae\xe6\x80F\xc9(\xaf^\x8d\xca_\xac\x10f\xf9 \xf1b\xca\x12\x0e\\\xf6\x86\xe4]F\xee\xed\xc9#\xf8\xb61\xf0S\xa5\x93\x14\x97\x86\xa8\xe3k%\xe4\x1e\n\xce\xf6"\xff\xcf\x1f\xcbm\x97\x15\xa8*\xaai\x85N\x00#7\xd7q\x13\x9f\xb0\x1f\xdb\xfa\xb6\x901\x9fh\x19_mim%j&lt;\x97Y?.q3\x9a\xab0j\x02\x08:,#1\xdduL|f\xd4j\x1b\xd8\x84D\xfe\xaf\xb5C\x8b\xc8\x1fX~\xb9\xfb\xf9\x1e+\xfa\xef\xab\x16\xb2\xc87W\x0b\x1bZt\xef\x1b\x8d\x1f\xe4/\xc2?\xa4\\\xfeu\xb8\xfc\xf6\xe4\x1a\xc1\x83\x1eXT0\x01\xc4&amp;@C\x82\xad?\xe7\x07[\xb62&lt;!\x8d\xf4\xd8\xc3\xeduo\xf0Q\x02\x87\x9dJ!\xcf\xe7\xf86\xd0C\x11l\xff&lt;\x17L\xc4;\x14[\xbd\xdas\xf3\xbc\xf8x\xf9M\xd0\x89:Z\xc0\x96\x88\x82oE]\x83J|\xef\xa5;@\xfb\x9f\x8c1\xf3\xad+wc\xc44C\xc5X\xf9\x08I\xad\xe4\xf4\x9a\xe6#Uw\xa1\xaf\x83N+\x98\xc7\xa0\x13yV~\xa3\\\x1e\xf3\xd3#\r\xe1\xa3\xde\xf9\xc0&gt;\xeb\x82\x97\x8b\x80b\xbd4\xb9cH|9\x14\x9ci\xcaJ/\xcc\xddbHm\xee\xa2=\xf31\xd0\xfa\xd7\xd2IwS\xf2\xf6\xb7\xa8\x8f\xd4\x88\xc8\x1an\xf0Jq\xb0\xb9\xd3\xc57\x01\xc4\x15\x9fCBO\xe9\xdb\xb9\xf6\xf3\xc5#_E\xd3s\xddn~\xfa0\xbctng"\x92\xfc\xa8c\xec\xe6[Z,Qr\xbf\xb2b\x1d&amp;tt\xfe\xd8d\x9cG\xf9u\xa9\xf4\xe9%j\x99\xd4\xc7\xdbn\xc4)\xd7\x8b\xed\x0f\xcb\x12\xb1\xf4\xdc\xf7y\x7f\xec[\xe0\xf3\x0b\xdc4\x1eh\xed\x10\xabF\xd6\x12B\xdc\xb6\x1d\xca\xa6$&lt;\xf6\xe4\xa8\x15N\x00\x81\\\x89Q\xd2\xda\xa7\xdc\xe6\x0eI\x9a\'\x03\xdcy*\xa9\xe53&lt;e\xa3\xe8\xdb\x04.[a\xce`Z\xaf.b\x1f\x05\t\xed\xab\xd3\xf5H\r\xd7\xfe9\xd1\xaf5\x92p\xe9`\x8c\xf9\x17\x19\xf1\x06\xc5R6\xb4]&amp;\xd3;]\xef\xf1\xa4\x1bi6\xfc\xcfe\xd0e\x88\x84\x8d\xe9qa*\x18+o%\xe0b\xdd\xc8\x7f\x8d\x0fVk\x93\xf6\xa4\xe90t%\xa7\xfe\xd6C\xa0k\x06H.\x92\xc3\x9c&lt;e\xc1\xea\xcc\xd5O\xf6N\x00\x1a\xa8x\x81\xa8\xa9U\x8b1\xf2\x15\xf1g\xb9sp\x18\x8a\xaafUQ9\xbal\x85\xe1\xba\x02\x88\xba2\xd8\x1f{\xeb\xe9\x14\xfd\xd4\xb8\x91\xf3\xf8\xa1l\xb8\x9e\x18C\x8eQ\xdc\xbd\xf2\x93\x96y!\xe29\xf7\xbc\xd9Q\xfej\xb8N\xb0\xf9\xac\x9f\x038\xa6\xd3Zv!\xb7\xc1\x1f\xa7=o\x99\'?i\xd0}[\xbfO\xbc\xb3\xec\xc1\xf5\xcdF\xd6\x83\xe1\x0e\xcb\xb2\xac\x99R\xf50H\xccs\x8cN\xe57\xe2K=\xc4\xec\x89\xe5\xeb\x02N\xb7\xb5\x01W\xf2\x8a?\xe4\xf3\xfdu\x82-\xefu\x1a|\x94\xce\xa1\x8c&amp;\x19\x96\xc2t\xcc\xac\xc8_\n\x8fYs\xa5t\xbc\x19\xf0\x9ej!K\x89U-\xce\xfc;\xfbQ\xbf\x0f\x8a.\xbb\xe3&lt;W\xf7\xb7i\x0e\xd6\xacF}\xecb \x9dW\xaf\x12z]\x7f\xbe\x8cUEm\xc2r\xbc\xa7\xf7\xb5iq\x9a\xabIO\xca\xe4\xb1O\xf2\xbakd+\xbd\xfd\x02Zq\xd1\x06\xf3\x8c2\x05G\x9f\xdf\xab\xd0\x10\xffy\xea\x89}\xbbDx\xa9\xf6\x9d\x00\xb6\xc85\x8f ~z\'\xcf\x18\x99{\xcdJ\xca\xc0\xb1\xc4\xbcN[\x8dJtu\xac\x90\'D\xf7\xe7*)\xdb,\xfe1\xa6`\x06s\xc6\xb2\xf2-\xa0t\x80\x17\xd1e|\xc6\xa7Y#;\xaf}\x94_\x82\xac\xb6\xe4\xa9Ne\x86\x82\x8flv_\xfa$\x9fX\xf86F\xce\xb9#t\x8a\x08\xdf\x1bvX~\x865\x94\x9a\xc8\xcf\xf6M@8\xf9*Si\x95!\xf2\x0f]av\xaf \x8c\xeb\xb2\xf1\xe4\\\xc4\xd02\xd5\x89\xad\x93"\xb5\x98\x10\xe3\xb8\rg\xff\x01\x8bF1\x8e]`UX\x8bC[!\xf9k-\xea\xb9\x03\x93\xd4\x0c\xd2\xb6\nC"\n\xdf/M\x88\xfap\xd6\x1c\xed?\xf4m\xa0\x99\xd2\x1e\xff\x0c\xdd\xf5s\x1c\x16\x15c\xda\x8bK\x0b:\xe4#\xaay\xc9\xf3fq\x8dG\x1e}\x06x\xae\xad\xbc\xa8&amp;\'\x12\xb2W\xdc\x9a\xf3\xaan\xfb\x8f\xf7\xb0UFK\x93\x84\x96\x13\xf2\x10y`\x92\x12S\x1e\x7f\xd6\xf8\x13D\x06O?\xb9\x1c\xdd\xfc{\xca\xfb\xdf\xb7\xb9\xf1\xd8~\xb6\x8f\x8dq\xb2\xcdF\xcd\xb6\x82\x1e\xb7\xb8K\xad\x94g\xdb\xe3\x8ew\xe7\xbc_\xf0\x14MH\xab\xb9\x9c\x00\xe6.x\xe5]\xab\xe0\xcd\xc6q\xa9-\x80"U\x13\x12\x84\xdaV\xaa3Ux\x13\xb4\xbd\xd3 \x1d%Tjj\xca\x1bqB\xe2\x94\xe7h\x1a\xe1\xe5&lt;ke\xd0\xd2\x02\xbdS/\xe8\xf5"\xd9\xb5\xdd\x16\xb2\r\xa7|\x83\xb9M\x0b\x13w\x19\x9e\x8f\\\x7f\xc8\xbc\r\x10\x18\xa3\xf2\xef\x0fA\x08\xfbM\x8b\xd2U[#L\xbf}l\xe1=h;\xfe\x1c\xc8\xac*N\x00z\xaf\x90\xa7\x96\xdfj]oM\xa9\x142\x8aK(gyN\x06\x89o\xeb\x12\xf1\x9f\xdb\xbe\xe2\x93\xc7\xf1\xf5EO7i\xab\xd5\x9f\x02J[&amp;\x0fq\xf9\xb6,K\xbd\xc7`n\xb5\x0c\x99\x9b\xc8?3\xd5\x9eP,\x12\xa0\x84\xbfr\xc4a\xed\x0b\xae\x00\x86k\xc3\xc3%X\xa9\xe4{D\xcf\xf3\xfe\x7f\xc8a\xa9\xa9Kw\x88\xb6x2$5\xcc!&amp;\xceQ\x14,\xcc\xc3=sO\xc0\x1dkp\x88\xa6\x13q{C\xe5\rjm\xe9)s\x05p\x99\xab\xb4\x87F\x96\xe5/\x14\x89= \x84\xb8\x01\xf7\xf0D\xf2\xfa\x8f\x92U\x9b\x1a\xd4a\xeb\xb3Pj\xca\xb8\xd5\x94v\xc8\xeaR\xfb\x11\xf5\xd7\xa8\x9d\x7f\xf2\x8e\xf29\x11_VR\xa9\xb18\xe2\x95\xf2\xde\xc3z\xcd\r\x13^[\xf8\'Z\x91O\x99\xdd\x08\x9b\\\xe8\xd6\x13KM\xf2\xc9+\xee]Jj-\x18\x87\x1c\xffz\x08Y\x85$\x9f{7"?k]\xb4\x89\xc8G-\x07\x07u\xc3\x8f\x95K^8W\xc2\x14^\x1c\x8c*\xb0(\xad\xadD\x02\xdbNv\xec\x80\xc7=\x9bPB\xa6\xe7((\xff\x86\xc4\x1cyl\'p\xf4w\xfd^\xff\xf8\x1d\x98&gt;\xf5\xf9\x18\x92|N\xc6\xb9\x87\x7f\xa6~.\xbd\xb1f\x89)\x15\x91\xae\xe2\xcb6Wn\x14\x90\xfaMD\xbe\xabN\xb0\x91\xd77U\x12\x91\xa4TR\x94e\xab\x16Uy\x1c\xae\xc4\x8bo\xedf\xea\xd5\x19G\xab\xb7\xd2\xb6\xec\xa7\xdd\xebS\xd8\xee\xa36\xa8\xac\xbb[u\xd2\xd5t\x91\xa8\xb0^\x86S\xb3%T\nxl\xb1\xc5"\xf2\x05%"\xbdSe\x9c\x07\x06y\x15\x1d\x9a\xca\xe2KN\xd8\x1c\x13@\xe3\xb8p7\xb7j]\n\xc7\xb8\xa0\xc7@\x1d\xa9v&gt;\xd0\x14\xf1\xa8\xd6!\xa2\x84s*K\xceK\xd5\xe7\xbd\xea\x05~n\xa2\xb1/\xa2\xc0%\x91\x7f\xd0;\t\x9d\xf5j-\xfd\xdb\xe8\x88\xdd$|\x0fD\xe7z\x19\xa5\x88\x88\xc8?\xa2\x9e2\x05\xf6\x14\xffc\xfbs\xe8\xde\xeb\xa5\xe1\x98&lt;\xf3(w\xde\xfc\x996\xabw\xb5\xd5n`\xbdR\xfd\x1e#&gt;Y\xe0\xd1&gt;\x9dc\x94\x8bz\xe5\xde\x05\xd4\xfc\x13n\xb4\x80.\x96\xe0\x8f\x8cN\xf7\x91\xc7\x92\x02\xdf\xb7:\xca\x07G\xdb\xa7s\x1f\x9f\xc2irM\xd2\x1f\xf5NF1\x97/KPX\x07\x99*\xde\xc2\xad\x14n}\xf3\xd52b)l\x02*\x93\xa4/M6\xd7W\x00\xe7q\xdf\xfat\xfc(K\x95(\x95jq\xdc\x92\xd2\xfc\xae\xa13k\n\xf5\'\x1b\xf1\xd4\xed\x95\xb9\xc6Cm\xe9\x8c\xb0O\xba\x88|m\xcc\x89\xe7)\x04\xa8\xcd\xda\xccr\x86\n\xdam\x9a\x06\xe56\xf0\xc0:\xa2\xe4\xe2\x161"\xdfW61o!\xd7\x08\xd7\x12\x11M\xcdb{\x04\xe0\x07\x82\x8f\xaf\x9b W\xbc\xa7\xdf\xfcB\xbd\xb82\x9e\x8b\xbb\xa7\xe1\xcaj\xb0\xe4\x86\x18\xab\x0e^\x9e;\xea\x9b\x94\x1b\xfb\xd8\xdb`\xd7;)I\xd2\x174W\xc1\xfa\xdf;v[\xa3\x97IB\xfa\xe5Wj$\xa4\x15\xb5\x9d\xbb}\xc2&lt;]Ze\t\xa1\x9b\xb5\x9d\xe4\xb4O\x9d\x9d.\xd3\x1d&amp;\xc5s\xf6t\x8e\xa0q\x8f\x816\xc8A\xec\xc7\x08Z&gt;*\xb7&amp;\xc9\x13\xd9?~\xfd\x9b\xce*\x1fT\xaf\x82LY\xeb\x95M@\xd1\xd04\x18\xf7!\x08\x97sO?\xe7q\x9cgz_\xedGd\x11\xf9\xc3\xd3o*E\x07\x9dz]\x0b\xf6j\x16\xbf\x19y|\xf1\xd2\x99\xb2?L\xd6\xcd\xd5n\x90D\xf3\xe4Dv\xdf\xeaU)\xc3\xb1\xc1\xca\x0fmW\xd9\xc5\xd3\x82\x17\x93\xb4\xefT\xe1\x99\xbfyA\xe97\xcf`]\xc2\xf1\x9a\xe4\xb1\xcb\xe1\xbeVY\xc7\xdb\xc7\xc9\xcb\xb2\x8d\xbeQ\x977[ \x99\x17E\x87\xb1\xbf\xef%\x96\xccxm\x1bb\xfa\x8c\xd7\xc8\xe0eG\x03\x1a\x88~\x15\xc4\xb1\xc5&amp;\xbe\xf9\xe7\x93\xb1\xf1\xda\x13\xf3v\x0f\xe0\xa2#\xd5~\xaf\xd6L\x97!\xb1\xeb#\xcdcX\x91z\xaf\x91A\x86\xfe(\x87\x0f!\xc5\x9e\x82P\x81e\xf6\xf1\xed\xf8\xd4\x1d\xa1\xf9.\xc3\xe6\xb8\xb4&lt;\xe4b\x86,)\xe0\xfcH\x9a\xa3t\x7f\xb4jj\xa6\xb0\x04\xf4\xb8\xf4\xa7{\xdf\xd6\xb5i\x01\xdcI\xbd[\x02\xe8\x8e\x9a\xad\x87n\x93,\x7fd\xf7\x1fp\\\x03\xc5_\x7f\x8c-\xfaf\xec\x1d\n\xa5\x90\x81\xca\x8a\x99\xbd*\x85\x85\xab+5\x15\x04N\x00\xce\xbf^\x9d\xab\xadB\x13\xcd\x93\x13d\x08l\x064\x15t\xa4\xe7ce#\x0e\x9b\xef\xd8\x7f\xed\xb8E\xb5e\x8f[X\x81\xf67\x87\xa7,\xb4\xed1\xdc\x193w/"2V\x13}K\xf0k\xb2{=a5V\xe9\xad\xecO\x01\xa5\xe5\xa3\xc8\x04\xa8\xff\x8eB\xd4\x8ac+IU\x8d\xa3T\xf1\xbe\x85\x13\x909\xcdu\nc:|\xa7S\x11\xe7G\x00\xfdo\x07P&gt;\xbc4\xe6\xb8\x02ph9\x8a\xa9]\x8f,&amp;\xae\xab\xe8\xccE\x94\xb5\xbbdfc\xacr\xb8\xe15\xcd2\xc8G:\xd6\xaaQ;&gt;\x8c\xa5\xdcWB&gt;{x\xee\xec\xaa\xbbR\xa7Y:\x84T\xd3\xba\x92\x92\x80\xaf\x81T]gI\x96\xc5\xc8o\xbf\xfd\xf3&amp;\xcb\xc6e\x84\x0b\xb5m\x84HM\xe8\xa0/\xe5\xb9\r\xc9\xd8\x08\xaa}G\xa8A\xf7x{\x06\xb9vL\xd9\xd6\xb7\x83\xf4NE#\xf7\xc9)\xee\xa3\xe4\x15\x80_x\xef\x89\xddcy\x8d\xa6\xe6\xe8\x1f\x91\x8a\x94d\xc8\xeb\xc6\x97\xfeU\xca\xb2\x0c\xb6\xb1\x93\xe7.9e\xa2\x831\xc6\xc8\x1fd\x9c\x9bw\xc9,\x93^t_~pq\xbe,\xcfg\xad!*\xeb\x9e\xa8\xf3 \x9e\xee\xf1\xf9[\x17z\x0c\xf4\xd1!\x8c\xabv\x8e\xca\x86?_\xf9\x97U\xb0|\xa6l\xed\x98Mx\x1b\xf5l\xe2\xcb\xee\r3\xfe\xbd~zE\x17\xcfG\xfbK\x96&gt;\xf5\xe8GS\x8f\xf5s\xbd\x13pk\x97\xed\xf5\xf2.\xee\xcb(\xe3\x9d\x00\x12:\xc6\xe7\x96^\x9d\x95\nj\x08[\x91\xdf-\xe3\xbd\xec\x97D\xf0\xd3\\Nk%jNa1!\xe3r\x916-;\t\'f\xc7\x7f\x15K\xa9pn\xd1j`1\xeb\xed\xae9D\xd5\xcb\x88\x95\x18\xf4`\x83\x88\xf4z\xda#\xe7U\n\xc2wn@\xbd\xe9_\x162\x13\xb9\xe1\xa7\xcf\\\x0b\xf0f\x93\x9d\xc2\xf5\x91\xaa\xf4\xa8J\xccM\x14\xbe\xd9\xbe\xdbv\xbb\x9b\xc92=\\-\xa6\xcff\xdb\xfaz\xff\x83\x9e\xe9\xb1\xde\x87\xda\xf7u\xac\'\xbf\x18\x97\x88\xd0\x94\xd0En\xa3\xdb_\xc0&gt;B\x0ck\xc8C\xbcu\xc4J4]\xb0\xe7O\xba7|\xe9\r\xce\x8a\xbc\xee\xa96\rK\xccq\x07.+K^b\xb7\xce\x13\xb6\xdaU\x8d\xa1\xb1T\xddZ`\xf8\x06\x90\xec\xf8*\x88\x90g{\x0e\xbf\xf1\xbf|uh\xd6\xd2\xd8\xf2\xab\xe1\x91\xaf\x81\n\xbewQ\xa9\xa6\xf0FW\x1b7\xc9\xf50\xb9\x0c|\xc0\xbfHD\xf9\x81x\x02\x1f\xa5\xc0\x91l\xb2*\xa6\xcd6F\x81\x1b\xeb\xcb\xe0B\x96\xf3[\xc9\xc9\xab\xf0\x88\xab_4P\xbb\x18\xcb\xb2\xc8\xb7\xf6NCC\xdd\xc7\xdfY\xf7-\xa2\x1c\x8b \xe46\xcb\xdbc?&amp;\xf1\x0e\xf01@cL\xe9\xdb;\x93\xdd\xab\x99\x03w,0\x01Uw\x01\x0bKX\xce\xa7}R\xf7\x1c\x82\xeb\x9f\x00\xb0W{|\xb0\x86~\x18\xa3\xaa&amp;\xa0\xa7\xd89\xa0xI\xe4L\x00"\xbfV61\x80Z3\x0fC]Y&gt;\xf7:\xe9\xaa\xd4\xf9\x18\xe8\xdb\x11\xa9\xbb:\xed/\x90\xd6\xf7\xcb\xcdyi\x06e\xd8c\x9c\x98\x7f\x93\xc7\xf5p\xe0\xf90\xfdc\x91\xfd&amp;\xf0\xeakrR\xdfc\xc2l\\\xda\xf9{_j\xcd\x9a\xaf\x82\x96\xe9\x1eC\xc2+\xc7\xe8\x1f~\xbe\xfa\xd1\xdf\'\xff!\xf7\xdc\xd3\xdf\x97\x18i\xb3\x91\x8bQ\xf2\xe6\xa8\xfd\x1b\x12\xbfS\xab\x18\xb8\x91\xf4Mx\xc6m\x80v\t\x1f\xb7r\x01\x04\xda\x0f\xee\xc1~n;\xb7o\xe2\xfd|\x17)\xae=,\xff\x06Yc\x81\x1bm\t\xfbq\xef1\xe6S\xec\xf3\x02S\xf3?\x83\xbe\xdeV\x8c\n\xf0\xf1\x9a\x00M\x83\xa4\xc7;\x87\x7fo\x03\xa5\x7f\xc4\xd4\x93\xb1\xd0\x8f\xad}(:\xc1\xbf\xc7\xe8\x0fLm[\x9e\x9f\x87\xbb\xcc\x1d\x08=#d\x9c-\xd7\xca\xaf\\\xf6\xfcI\x15cD\xbe\xbcYb\x00\xa8u\xdc\xa0w\xdc\xc9\x8b\xd9\xeaqj\x98\xadt\x96G\x97\x8c\x19w\xfe\xc2x\x12v\xe7\nD\xca\xe5\x1d\x8c1\x8e\x05{\xa9\xe1[\xff8jy\x0c\xd4\x98\xe8\x9b\x9b|\xaf)\x92u\xe9$\xda\xfb%\x1a\x8a\x19\xfd\xe3\xde|\xac\x7fH&lt;\xde\x03H$\x1f-\x13N6\xbea\x15\xb7\xc2\xeb\x952\xedG\x89\xf3\xcb\xcd\x1c\x07Z\xfe\xa0\x7f\xac\xb7rl\x01\xad\x7f\x8b\x9f\xeb\x94\x8c\xb9\xc2w\xec\xe9\xc0NKm]6\xd0\xa6\xe4z\xe0\xc7\xf3$\xe4\xfe\x80\xc3o\x92\x07\xd2\xc6\xb4?\xe5\t\xc0\x8a\xa1\xbf \xeb\xfa\xdd_\xbc\xe7\xdb\xa5\xeb\xd5\xd8~\xd1#\xeaw#\x9c\xaf\x82h\x9f\x14\x00Q\x12\xb6\x1dD\xbel\xd0\xcd\x8az\xec\x05r5\x06.\xa7\x81r\xfd\xc7bN\xbfR\xbcAd\xdb\x02R&lt;\xfc\xb3\xe3\xa9A\xd9\xb5\'\xdbDi\x92\xfb\x02\x97\x0e\x07\t\xcb\xff\xb4\xc0\x15\x16\xbb\xed) \xad\x93\x95\x19\xea+pk\xd0\xb0\x8e\xd0\x90\x06\x98\x8c\xbe\xa0p\x18\xea(g\xf4\x0f\xe9\x0b\xcaK\xdb\xf1\x18\xa81\x86\xae\xae\x8f\x86\xc6T|\x87\xb0\x7f\x96\x80`\xfb11\xb0#Uf&amp;@\x00\x00\x0cMIDATh\xe8\xb6.\xc7\t\x80\x1b\x00\xb8\x95\x06\xab\x1c\x16R:9?\xba\xe4\x1d\x00/\x07GOu+l\t\xbe+\x00f\x024#"\xf2\xa5\xdd\xa2\x9e \n\x14\x93WY\x8ea\xf3\x13\xcf\xb0u\xb5\x84\xeb\xef\x7fg\x1a\xb0\xba\xe7\xc3\xb2\x95r\xdd\xf1\x05$\rZ\xf8=\x9b\x8ar\x17\x03q\xe9\xda\xda\x7f\xc8@UK\xf0]\x01\xac\xe4\x07\x1b$c&lt;\xcb\xb2\xdc\xf0\x96t\xd5\x1d\xc2.\xa5\xd9\xa07\xb2\xad:\x9e\xd47\xdb\x1c\xde\x04\'o\xd3\x7f\xd1\xe4\xd5s\xc8\xb5\xb6\x0b\x16\xc4\xa2\x02\x81\xb3\xe0wz~ \xbc\x03Y\xdf\x06*\xf2\xe8\x83:\xdf\x11j\xb9\x028\xce\x01\xad\x922\x10}\xf5\xe84\xcc\xd2\x03\xd0\xe8+M\xee\xb0\xfdxUf\xa9\x04\x95e\x7f\x17\x10W\xac+n\x81\xa4\xe1\xf3zP.tD^\x16\x13\xdc\x98\xcfa\x1e^\n\xf4\xf8UP`\x8d\x9c\xae\x00\x96\xe5\xe7\x97E\xe5\xc5J\x07\xca*k\x18\xca\x8b\xad{\xcb\xa6o\rCDyc\xcet|\x1d\xf4#\xb3\n2m}C\x00Kr\x14\xd0\xef\nem\xd54\xe1\x81\xacc\x8e\x881\xcb\xe5s\n\xcb\xf5\xeaB\xd9\xd5\xf1\xf5S@\xbdX\x0b\xc9rI\x85{(Z\xeb\xddz\xa0\xa2\xae\x8f`"b\x8c\x04\\\xb8\x8d74\xd9\'\x00\xcd\x83,W\x00\xf7T\xb0\xd6iAH\x11\xf0~\xd06\t)\xc8\xf7\x14\x90\xdeI\x00(\x8d\xd6\x0e\xaf\xdd{\xffCO\xb0\xcc\x07\xda&amp;\t\xef\xab \x1c\xbf\xd7|}\x00$\xaa\xd9\xaa\xe90C[\x96\x97\xed\xff\xa8!|Y\x96\xfd\x19\xda\x06\xcf\x94{\x00\xda&amp;1 _\xd5VM\x87\x19\x9d\xb5\x06\xc5\xfd\xe1\xae}s\xd2&lt;^:\xbf\x14\x9e\xaf\xe9\x00J\xa17i\x13\xf18\xc9r\\\xbfo\x83\xfbr\xfa\x93\xd5\xfeO\xdaV\xcf\xf6\xaf\x844f\xc8g\x95%\xfd\x1d\x1e@E\xba:=\xa2\x04\x0c)\x87\x03\x1e\x8f\x8d\xee\xde\x05\xa4\x96}\x0b\xe80M\xc9\xee\xbf\x9a\x15\xe9f\xca+\xac\x08\xa6I j1\xbev\x99\xc3\x86\xfe\xf3O\xb6`\xbfs\x1b0_\xc7\xd2q\xfb\xdd\xc0I\x8fq\x93l\x02\x9a5[\xa3\x04\xbc\x0f\xeeC\x97[\x0b\xae{\x01[\x10\x9f\\\xff\xa9ox\x89\x9b\x03\xb5m`\x01{wh\xa2b\xd65\xe7\xf4\x19m$dDN+\xebgM\xbd\x84\xa0\xad\x89\x1e\xb7\x80\\\x13\x9d\x08-\x0e\xdaM\xdfDE\xc4\x88l\xdf/ \xa2nE9\x1c\xeb\xae\xceAH!\xdb\x06\xcdO\x9f\xc2\tOW#\xa1_\n?{\xcf\x9a\x9f\x8cp\x17\x07\x1er\xfa\xe19\rP\xb1Y\xb6\xc1-g\x01a;\xf3\xb3\xb7\x9f\x9e\x0bk]\xcb\x7fc\xfdRxC\x93\x9a\x92\xf0,\xca\xe0\xb6\xfd\x84\xbe\xc9\x98Q\x91om{\x9b\xa1\xdd\x9f\x0e\xc8\x8c\xa2\xb8\xd3\x16\xd0\xf6\x83|\xb0qRP\x8f\xcc\xfeV\xdb{b\xa1V\xca\xe5\x1d\xe7\xa0[\x05\xde{\xc5:\xbf\x17\xd4\xfe\x850\xe6\x06\xdb\xa9\xb7\xa2\xed\xd6\xd34Z~\xc2\xeb\xf0)$Co-j\xeb#\xd7c\xfd\xb2\x98S\xbd\xef\xbf\xf6=\xe4x%\xdc\x9f\x04\xee7d0ZU@y\xd6!\r\x9f\xc8Y\x16\xebmD:K\x11\xebg\x83\xb7\xbd \xdf4\xe0\x1b\xecm!\xe7\'\xae\x9a\xf4+\x00\xb1\x9e_\x82\xb2\xafL\x98\xc1\xa3Z\x19*\x06\xb7]\x04l\x8f\x18R\xa5\x95\xec\xaf\xed\xd2\xb6\xda\xd6jR^=\xf6WA\x84\xb4\xaa\xeb\x87\xa7R\xd1\xa4+\xa1\\G\xf7X\x9cn\xff\x18\xad\xab\x0ct\xd3b_\xb2\xc9\xe5\xac\xbfzB\x1f\x03\xc5\xd0\x8a&lt;\xe4p[\xaa:\xc2\xf2|p}\xc4\xea\x1c\xb7\x11\x9eS&gt;n^\xf6|_\x08sCw\xce;\xac\x1a4\x08Z\xdd\x10v#\xfec9\xb5\xec\x1c\x8e\x1cuz\xd8?\xc6D\xab\x04\x80\x89\xa5|#XA\xac}:\xda\xdeT\xd5;!\xb7C\x99\xf7E\xf9;\xbd-\xff\x19\x1d\x86\x92PY\xd4/ps\xf6WA`&lt;\xf1\x15w\xd8\xa9tM\x06\xcc\x12\xc0%\x11\x11\xf9D\xefT\x94\xb0\xf6\xf6\xcfd\xaf\x10\xd5\x8e\x1b\xbcC\xd1\x8a"\x01\x92)|\xd7\x7f\x8a\x97\x9b\xc0y\xf9Q\xbb\xc1PvwKe\x16\x01\xe0\x9a\xfd&amp;\xf0O\x1bc\xcal\x07i\x1c\x1e\x0bos\xe9\x9c\xe5\x00 V\xda3\xa0\x0c\x810s\\\x02\x03w\xc6\xc3?(n\xac\xe64Vj\xe1B=\xa6\x18z\x02\xe8\x92\xecA\xcb*\xc7\xed2\x0cL\xca\xf7A0%\x02\x1f\xdaY\x8fi?\x1c\xdf\xf0\xc1\xd9\xdbe\x18\x80\xfe+\x83R)\x94\x112\x8b\x04\xd4)\xaa\x1a\xae\x81\xd5\xba\x02\xe8W\x0e\xef-\x10F\xa1\x07a\xa1\xcd\r/\xd7\xd0\xd2p\rl\xb0\xe4\xb6\xb1}\xdb\x86\x19\xb0F\xfd\xf4\x7fC\x05\x80\xfe\xaa\xee\x81\xd4\x0b\xbc`\xb0,\xfe\x81\xee&amp;\xf9\x84\xedpn\xbb\t&gt;\xf4sPC\xa0l\xb1\xa2!t\xe7\xbc\x07p\xfd\xcd\xc8\xa9\x8a\x0f\xafu\xc6\xeb1vJF\xecA\x93\xed\xaa!\x19\r\xa1\xbbw.\x8f\xd0\xbfk\xfc\xf8\x8e\xecr\xa1\x95\x0b\xac\xba\x91\xd2\n@\x99\x80\xa7\x80F\xb8Nc\x1c\xc4\xa5\x11\x1ary3\xe5\x9a\xad\xd9\xea\xf6\x05,;\x1d\x93\x04\x00\x86\xbbG\x15x\xbf\x12r\xa8\xcd\x90\x81\xd0\x8a\x81\x04\x8cH\xd5m\xeb\xfd\xfd\xd3W\xed\xe7\xdd\xeeS\xbdT\x1b\xa6\xb9\xae\nD\xf9\x00\xb5\xb9\x9f\x022\xc6&lt;;a\xe3yWvQ\xf7\xb2T\xbb\xaf\xb0,K\xf1\x02\x9ds\xa4\xfc\xfa\xa5\xfb\x1c\xc0,\x8d{9|#X\xf8[\xd8\n\'#\xf6\xf8\xec//K&gt;\xf7\x9f\xa4\xc5Xt\xd4V2H\x15O\x06\xc3/\xd0\xd4~\xc8\x7f\x99\x0c\xe8\x8d6l\xe6TE\xc1ZQ,(\xe5\xb8\x17!b\xdf\x9f\xd8\xda\x1c\xf7a\xf6\x9e[d\x94\t\x80\xf1\x1c?\x08\xb6,/\xeb\x0b\x866?\xca\xc74\x99\x05E\xa4qQ\xb7\x8fq2\xac\x8d\x86p\x9c\x00^\xae.\x7f\x9e\xca\xcbr\xa3&gt;P9\x8f\x1d\xca\xf0\x0e\xb5V\xd3-\x9a\xfd\xf8\xec\xaf\x82\xc8\xaf&lt;\x16P\xe66}@U6K\xbd\xb9DQ\x96\x80j\x8e\x8f\x81.\xcbb\xef\xcf\xc1\x9d&lt;\xf3v17\xb8\xe6V\xfb\x8e9\x03w)\xf4C\xa4&lt;\x08\xc4\x831\xa3\xa0\x86\x80\x9b\x0b\xfaJ\xc8\xc7^\xf6\xeeg\xe7\x91\xcf\x1fTm\x0b\xc0\x8a\x1a\x02n\xeeb\x02\x88\x1d\xc7=G\x17\xbc,\xe0\n\xe3\x8c\x02\xc1\xe8\xe8\xd7Z\xec+Ad\xffR \x15\xd5#"\xf2\x91\xde\x89\x18\x99\x92z\x040\x86\xe4!\x83\xb1\x06\xd3\x93\x8f\xf6N\x01\xa0\x04#\xfe\xa6qAP\xf2\x00\xa2X\xee\x01\x84\x8f#\xe7o\x8f\xb1\x86\xd0lkO\xdb\x08\xd8\xfa.+7\xde\xcb\xd1\xd5\x92\x80:\x8e\x13\xc0\xe3\xcb\x00B\x1e\xf7t\xfda\xfd6\xf9\xf3\xf1\xf5G\xe7\x9b?zt\xeb\xcc\x97Fa"\x99\xb6\x95\xa8\xc7\xf5\x97\xc2\xbb,\xe6u\xc9\xf9\x1c}\x8f\xbf7\x8f\x17\x0cE\x05\xbe\xceB7\x1f\xd0\x01\xa0\xa9\xf3\xc7\xb8\x8a\xccf\x81A\x0c3oj\xc5\x83t\xb0\xa2Q T\xc2w\xc2\x00\x00\xa6\xc2+\x1d\x00\x0c\x84\xe1*\x96\xf3\x93\xc0o\xdf\x00\xd3$\x1d\xd6\x9ac\x02\x82\x1e4\xc5\xda\xf2\xfb;w\rc\x05\xbd\x0b\xa8\x86\xed\xd5r\xef\xf7t-\xaa\x13j0\xb8\xd4\xe6|\x151\xda+\xb2\xfa\xf6\x84\xc0\x97\x0c\xa7\xa1\xcc\x1ah\xfd\t\xbe\xb6\xd1\x01\x9b\xc2W\x00\x11\x8f\xff\xd3\xea\x93\xb8\xbe\xb1\x99\xd9\xb4\xa0\xc6\xabP\x16\xbd\xe8\xa5\xe4\x04 "\xeb\xb0\xbe\xad\xee\xd7\x0b\xba\xfd7\nl\x96\x85\x1d\x9e\x92\x96\xe7\xe7\xef\x98\x0c\xc6r\xb7Ka\x9d\x99\xbdL\x95\xced\xe7;}\x128)\xab\xbb\x11\xdf\x18c\x96\xdd\x86\xe9\xcb\x1c\xf0\x1a\xf2b\x8c\xfc\x897X\xc6\xb20o;\xa7\x14\xd7h\x96\xed?\xf7\xa0p\x97\xff\xf1\xfa\x83\x8b\xa3\xd4%\xbb\x08\xf7\x15\xc0\xeb\xe2\xfdB\xd8Q\xe7\xba_\xde\xe5\x0e\xf2\x11\xf5\x9c\xe5^\xd5\xb9\x9co2-\x0c\x9a\xcdfC\xe2@\xcb\xa9\x96\xd7\xb2\xdf\xbe,\xe6j\xa0\xd17m5\x11\xfa\t\xde\xab\xaf\x81L\xa8G\x96\xff{\xd6\x12\x0e\xf9\xcd\xad\xdc8\xebA\x06j\x1b\xb7n\xc7}%\x0c"\x97\x13@R2Fj\xaf\r\x9cK\xe3\xe6\xc3\xfd\x19e\x81z\xa6\xeck\xf6\xb7\x81.Q\xfb?up\x97\xf8@\xe1\xe6\xa96\x14\x10\xea\xb9]\x07\x8c\x1a\xfe\xc3W\xa3)W\x18QG\xdf\x0f\x97\x02\xb7BM\x17G\xf7I\x17\xfb\xe0\x10\xa3\xd5\x86\xa2\x004\xa0\x1f\x1e\xed\xc7&amp;\xc6\xa9\x11Qk\xb83\x1a\x7f\xae}\tR\x9a]d\x16;u\x86\xb3\xff\xd6;\x01\x18\x83k\x01\xc9d0\x1c*\x0c\xa8d\xe8\xf1\xd0\xfe\x14\xd0\xc6u\xdb\xdb\x9fg\t8&amp;\x9f\xf5\r\x13\x15\xa3k\x12Kq\x8f\xc7\xbaz\'\x03\xb1\x86\x1eVne\xe8\xa7\x83,\x9f\x04\xde\xda]Z\xc6\xd6\xaf\xf3}\xfc\xdc\xa4\x11o\xa9\xac\x1a\xdd\xa0\x95&lt;t\xeb\xbc\xb3{V\x1c7\xae\x06\x90\xf2\xb2\xa0\x1bW\xeaO\xf4N@q\xf4RTr\xb7W\xe3\r,\xf6\xd1\xcfz)\xa9a\xb8\x04\xe3\xce\x98\x92\x91&amp;\xfdu\xd0\xfbK\xd4\xfb\xb4\xbf\x84\x97d\x14\x0f3&lt;\xeaz\x1f\xcd\x832}\xf6\x8bh6\xa3k\xf4\x95\x90\xcb\xb2\x8c\xd5R\\;\xb0\xd6\xdf{\xbb\xc1E\xcf\xcc\xefBcu\xc2\xb1R;\x8ae\xe9s\xcf\xe0\x9e7*f\x12T\x7f[\xa7\xd5S\xdfrJ\xba\xc2D\x86\x10\x91\xb1\x12\x8cJ\xceM\x1a\xa8-\xe8\n`\x1b\xa1\xce/\x1f.\x9f\xa2\x13\xeb\x06\x85\xaa\xae\x92\xb5\x85\x129\xfa\xb3~\x9e\x95\xaa&amp;\x8dpC\xef\xa0\x86n\x01-Of?\x06UX\xba\xda\x87\xfb\xa0\x88\x9e\xb3T\xe9$U\x15[\x82:\x87\x89\x81{\x80\xdb|9\x82KZ]\xaf\x8d\x9e+\xf87\t\xe5x\xbc\xaaH\xbd\xb0\xb8\xc9\xd7\xe1N\x9f\xc1K)o\x93\xbdA\xc3\xa8\x84\xa2\x9b[\xe9\x9b\xc0\t\x1f\x01{\x9d?\x97\xd4\x19uy^\xa6$\x9c\xdb\x85&lt;E\x9d5P\x06\x81\xf9\xfc\xed\xde\thAv\\\x07\x14\x8c\xa8o\x08\xbdbO\x9b\x00z\xc9\xccf\xc9\x94p\x19\x84~&amp;kz\x96w\x01]\xf6\xae\xfc\x03\xde\xe4\xad\xd9\xbbW\xc6\xb2,\xc6,-\xc7\xa3\xe4G\xfb\xf3\xd3\x98\x16@\xd4eYH\xee\x92\xaf\x11\xbb\xeb\xddZ[\x98~n\x1e\xb3\xe99\xf9\xb6\x80\xac]Wv\xdf\x19\x19\xe2\xa2A\xe46\x97\xfe\xad\xad\xf1#\xd8\x81q\x9d\x0f\xcbLc\x9b\xcd\xb5z\x91t\x1f\x98\xba\'\xa0\x8dA\xe7\xe6\xdbrN\x00\x9eOBi\xabcm\xe9Qb\xe2b\x19q(U\xd7mP\x8e\xc8_\x19\xb1M\x02\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t>
        </is>
      </c>
      <c r="E667" t="inlineStr">
        <is>
          <t>&lt;class 'numpy.ndarray'&gt;</t>
        </is>
      </c>
    </row>
    <row r="668">
      <c r="A668" s="1" t="n">
        <v>666</v>
      </c>
      <c r="B668" t="inlineStr">
        <is>
          <t>steps_per_sec</t>
        </is>
      </c>
      <c r="C668" t="n">
        <v>9600</v>
      </c>
      <c r="D668" t="inlineStr">
        <is>
          <t>10.296723</t>
        </is>
      </c>
      <c r="E668" t="inlineStr">
        <is>
          <t>&lt;class 'numpy.ndarray'&gt;</t>
        </is>
      </c>
    </row>
    <row r="669">
      <c r="A669" s="1" t="n">
        <v>667</v>
      </c>
      <c r="B669" t="inlineStr">
        <is>
          <t>Loss/object_center</t>
        </is>
      </c>
      <c r="C669" t="n">
        <v>9600</v>
      </c>
      <c r="D669" t="inlineStr">
        <is>
          <t>0.28501788</t>
        </is>
      </c>
      <c r="E669" t="inlineStr">
        <is>
          <t>&lt;class 'numpy.ndarray'&gt;</t>
        </is>
      </c>
    </row>
    <row r="670">
      <c r="A670" s="1" t="n">
        <v>668</v>
      </c>
      <c r="B670" t="inlineStr">
        <is>
          <t>Loss/box/scale</t>
        </is>
      </c>
      <c r="C670" t="n">
        <v>9600</v>
      </c>
      <c r="D670" t="inlineStr">
        <is>
          <t>0.06268563</t>
        </is>
      </c>
      <c r="E670" t="inlineStr">
        <is>
          <t>&lt;class 'numpy.ndarray'&gt;</t>
        </is>
      </c>
    </row>
    <row r="671">
      <c r="A671" s="1" t="n">
        <v>669</v>
      </c>
      <c r="B671" t="inlineStr">
        <is>
          <t>Loss/box/offset</t>
        </is>
      </c>
      <c r="C671" t="n">
        <v>9600</v>
      </c>
      <c r="D671" t="inlineStr">
        <is>
          <t>0.12916513</t>
        </is>
      </c>
      <c r="E671" t="inlineStr">
        <is>
          <t>&lt;class 'numpy.ndarray'&gt;</t>
        </is>
      </c>
    </row>
    <row r="672">
      <c r="A672" s="1" t="n">
        <v>670</v>
      </c>
      <c r="B672" t="inlineStr">
        <is>
          <t>Loss/total_loss</t>
        </is>
      </c>
      <c r="C672" t="n">
        <v>9600</v>
      </c>
      <c r="D672" t="inlineStr">
        <is>
          <t>0.47686863</t>
        </is>
      </c>
      <c r="E672" t="inlineStr">
        <is>
          <t>&lt;class 'numpy.ndarray'&gt;</t>
        </is>
      </c>
    </row>
    <row r="673">
      <c r="A673" s="1" t="n">
        <v>671</v>
      </c>
      <c r="B673" t="inlineStr">
        <is>
          <t>learning_rate</t>
        </is>
      </c>
      <c r="C673" t="n">
        <v>9600</v>
      </c>
      <c r="D673" t="inlineStr">
        <is>
          <t>0.0009991305</t>
        </is>
      </c>
      <c r="E673" t="inlineStr">
        <is>
          <t>&lt;class 'numpy.ndarray'&gt;</t>
        </is>
      </c>
    </row>
    <row r="674">
      <c r="A674" s="1" t="n">
        <v>672</v>
      </c>
      <c r="B674" t="inlineStr">
        <is>
          <t>train_input_images</t>
        </is>
      </c>
      <c r="C674" t="n">
        <v>9600</v>
      </c>
      <c r="D674" t="inlineStr">
        <is>
          <t>[b'512' b'512'
 b'\x89PNG\r\n\x1a\n\x00\x00\x00\rIHDR\x00\x00\x02\x00\x00\x00\x02\x00\x08\x02\x00\x00\x00{\x1aC\xad\x00\x00 \x00IDATx\x9c\xed\x9d{\xe8~_V\xd7\xcf\xf3c\xaa\t%\x84\xca\xca\xd4B\x89\xa4\xa1\x12\xca\xd2\xfcc4\xed&amp;\x18*H\x11F\x17\xc8T\x901\xa7\x92)\xb5\x0c\xad\xe9jh\xc2\x80\xff\x88\x84 \xda\xa05\x85ZM\xa5t\x01\x05m\x86Aq\xba\x189aTRbE\x17Z\xfd\xf1&lt;\xcfy\xf6\xd9\xd7\xb5\xd6^\xfbv\xce\xfb\xc5\xf0\x9b\xcf\xf7&lt;{\xaf\xb5\xf6\xdek\xaf\xb5\xf6&gt;\xcf\xf7\xf3\xdd6\x00\x00\x00\x00\x00\x00\x00\x00\x00\x00\x00\x00\x00\x00\x00\x00\x00\x00\x00\x00\x00\x00\x00\x00\x00\x00\x00\x00\x00\x00\x00\x00\x00\x00\x00\x00\x00\x00\x00\x00\x00\x00\x00\x00\x00\x00\x00\x00\x00\x00\x00\x00\x18\x03\x11\x8d\xd2\x1bU\xdd\xda\x9a\x94^pV\xa2+\x0e\x1f\x00\xcbC\xb4\xb6\x1f/m&lt;X\x02\xa2\\\xc6\x87\x07^\x8d7F\x1b`\xc9\xed\xb6\xddn\xb7\xd1V\xe8Y\xdax0\x04Q\xc8v\x1aS\xaa/2\xc0\xa58C\x02p\xfd\x18%\x0c\xb8\x14\xea\xa2\x81\x88\xb6h\xdf\x0bl D\x89\x9d3$\x00w\x0f\xa0\x88\x06\xc0#\x15\xefn\x916\xb7Kd\x00\xf0\xe4M\xa3\r\x00\x00\xb4%Z\x15\x85\x0f/R\x17\x13\x11\xca\xc4\x1d$\x00\xd0\tl\xbcY8.\xc3E\xe2\xfe\x0e\x9c\xd0\xe5\x0cW@\xa0\x92&gt;!\x00\x1bo\x12\xbce\xb8\xddn=\x97\xe6j\xf9\x06\x000;g\x8dJ\xfc\xef\xfbS\xfe\xfb\xa1\xe0\xa4\xa0(\x03\xe0Z\xdc\xa3\xbcW\xf5?B?\x8ei\x00\x00[&amp;,-\xe9O\xaa\xbfA\x7f\x12\xf6E\x99\xa7\xf6\x1fo\x01\xe8\t\xd6\x1b\xf4\x81\x12\xce\xc6\x8cza|\xec\x1f1g\x08\xd0\xe0|\x8c|\t\x8c\xc3&amp;\xe8\xc3\xad\xc2\xd9\xc2\xb8[\x19\x8bu\xdd\xfd\x1b\x9bf\x8a\xc0\xa5\xc0\xb7\x80\xb6\xed\xfeK\x84L\xe4`\xd7-\xc5\xedv+\xaf\xd6sA\xad\xea\x15\x93kv\xa6\x08\xf8"\xb8:\x88\xc8 C\xd1;\xc6^\x91\xc7\x7f]Op\x1f%\xea\x0e\x06\x82\x15\x01\xa7e\x15\xdf\x96\xbe\xfe\xed\x90\x00\xa4\xf2\x11G\x16\x05\x0b\x07\xc09Q\x7f\xad\x08A\x01\\\x08+g\xc7\xa6\x99\x01\xd1\x17i\xe6\xf9\xc6\xa1\x0b\xd1?\x1el\xc0X\xf5\xbd\x98j\x98\xb39\xe1(\x06|\x13\'\xfa\xf7P\xc0YI\xef\xb4\xdbv\xc37\xc1\xce\x0f\xe1\xfb~\xa0\x05\xc8\xe1\x93s/\xf5\xe3\xff\x00\xe1\xde\x00\x8b\xc8\x06s\x05\x80\x19\x88&gt;M\xe1\xdc\xf5\xdc\xff\t\xcf\x15\xd7`\x88\xd5K\xce\x14\x9b5\x1d\x01L\x06\xbe\x89?\x03\xd2\xbb~$c\x0e\x98"`\xce\xaa\x7f\x11,\xb5\x19p\xdb\xd8\x8db4\x92\xbe\xe69w\x80\xab\x1f\x1d^\x9b-\xc7\xb9]\x1a\\\x9a\xf8\xdfQR\x95\xf3\x8f\xbb l\x17\xd0\x11\xdc\x16\x80a\x9c\xd5\xf3\xd4a|\xceo\x88\x02\xa0f\t_^\xf5\n\xe8\x04\x9c/\xd8\x99\xfcuV\xa4\x01\xb0\x10\x19_]\xe2\xc6\x0e\t@\x86Ud\xba\xddnk8\x88\n\xc9\xeb_Y{\x00\xa6"\xfcwu\xd6\xfa;\xdeH\x00,\xf6e4\x8c\xd9\xa7\r\xff\xdb\xb69\xae_\xda\x02\xa8\xf7\xc1y\xd8\xff\x81\xe5&gt;\x7f\xdd\xb5~\xef \x01\xb08w\xb0n\x8c\xd8Gk\xb6\r\x92\t\xc8\xd0\xad\xdaX\xe5+[H\x00\xc6\xa0\x9e\xddy\x1c\x87\xfb\xee\x845\xb6\x1d0\x85\xbf\xe9V\x89\xcb\xdd@\x028P\x1f\xbd/\xeba\xf4y\x91\x87\xb7\xect\xec\xe7\xe5\x03\xdfs\xd1\t\x04\x1e\xa9\x7f\xc83\xa4\xea\xc8\xa8\xdd\xf33\x94z\xf5\xd1\x06\x9b\r\xd8p\xff\x07\xc6\x83\xc7,\x17\xf5\xf6\xd2e\x93\xe8)\xe1\xfc2\xb8Q\xbf0\xae\xe6\xa6\x9e\x88N\xe0\xa88\x01\xc8\xb0M\xfa3\x14\x115\xb8\xd6\'\xf6B\xd7\x17\x00MY{\xa9\xda\x93tf\x86\x93\x8fZ\xf2\xf8\x19\x94\xdd\xd7\xd6\x98! \x01\xc8\xb0]\xf3\xa5}\x88\x88\xb6r\xe5.\x1b\xe0\xcc\x132\xafesp\xbb\xdd\xa2\xbf\xf6\xb5\xf3\x9a\x0e\xfa=}\xab\x96\x07H\x00\xbdY\xd7W&lt;8\x1b\x9bu\xff#\x11x\x1aN\xe3\x06.\xe1\n\xf6_\xd1!^\xd4_\xa9\x95\xff \x01\xe8\xd1\xad\xc1\xc9\xc2\x9c7\x05\x9a\xd1\x9d1\x14\x169\x99\x1b\xec\xfc\xee\xd1\x06\\\x04+\xff9\xa7\x17\xee\xcc\xff\xaf\x11\x11\xf5?%7\xc7M\x8d\xf9\xb1\xbdZ\x9em\x0e\x00\x00\xe0\xda\xec\xff(X\xe4#\xfc\x02\xb84\x98\x13\xc0\x01\x7f\x13\xb8@\x9f\x8dt\xb5\xdf++\xfa{77\xa7\x0b9\xec7?\xeb\x96\xfe\x97Zt\x05\x98\x9e\x16\xf0\x8f\xd7`\n\x10&amp;v(`\xb4E\xa09\xdf:\xda\x00\x00\xc0\x14 \xe8_\x10,8\x00g\x00\xb1\x1b(\x80\xdb\x80\xe9\x80S\x02\xd0\x94\xce[\x0c;z\x19\xb0T\xe0\x0e&lt;\x01\x80\xcb1\xc9wff\xb0\xc1\xa5fZ*\xc7B\xdfV\xd3\x1b\xf4`6w\x05\x00\xccB&gt;:\x14c\x87\xe4_p,\x89b\n\x02\x17\xe3\x04\xef\xffg3\xff\x04S\nl\xa0i\xbca\x06\x1b\x008\r\xd8P`^\xe0\x9b@\x04\xc2YH~F\x88&gt;\xae\x93\x1d\x00\x80\xd98G\xc0D\xdc\x07\xd3\xd1\xcd)/\xe5\xfd\x97\x1al\x070\x9b\x00\xcc\x08"\x1d\x00\x95`\x13\x01P`\xc8\x16\xc1\xce&lt;1X\xda\xb1`\xfe\xcf\x00"$\xb8\x0epv\xd0\x15T\xa0}\xe0L3\xd1G\xb57\xe4Z\xc0\xbd\x01\x00\xe0Z\x10Ji\x80\xf4\x0f\xc0rT\xfe]kEKpe\xe0\'\x00\x8c!\xba\xf3\x8a\t\x00;\x96\t&amp;\n$a:GS\x0f\x82\x83\x02\x0fN|/\xfc}NCk\xc0Y`\xfe\x92.\x04$\x90D\xed\x1b\xc8s|\xc2\x040\xe1\xecMh\x12\xd8\xb2\xeb2\xc3\x92\xe1\xdf\x14\x06\x00(9\x840\xfc\x0b\xe5\x0b\xf2\xc6h\x03\xa6H\x83@\xc1;G\x1b\x00\x06\x12\xb9\x16#\xc2\xbb\x10\x97\xda\x7f\xa5\xa3\xcbL\x0e\xce\xd94\xdc\x02pU\x88\xa8i\xcd\xdaZ\xbe\t:#\x8f\xb1\xe9v\xbf\x89\xbc\xcb\xb9\x7f4\xff\xc0\xc1\x9d\xf1\xeb\x84\x1c\x00\xc0Bx\x95\xe9\xedv\xf3\xb2\x08r\x80\t}\n\x88\xf1W@p\x13\x00\x16\xe5\x1e\xa1\xbc8\x85\xd0_O\xb7\xe3\xe3\xf8\x04\x00\x14\xfc\x1c|9l\x1dN\xbcP\x94\xbe\xf7\xc7\xcb\x80\x10\xfe\x9c \x89\xe6\x80o\x81m\\\n\xbc\xb8\xfb\xd1\x91\xe0\xa3\xd7\xcf\x03\x8cc0\xada;\xfcw\xe9\xf5#Y\xf2\x04\x80\xf4\x08\xb6m\x1bU[\xeb\xdco\xfe\xb8\xa3#\x18\xd7\xec\x7fwi\xfe\xe8q\xbb\xdd\x98F\xd6\x8fd\xf6\xb9\xd8\xf0\x96\x18\x80i\x08\xd3\xd8\xedv\xdbwh\xf8~\xb8B\xd16}\xa0\x961\xe7\xbb\xf1\x05N\x00sM\x18h\xcfY\x8b\xe5\x13\x10\xc6/"\xf2_\x01\xc7\xde\x0c\xcb\x15\xd5\xf4\x9e\x94\xd9\xa2?\x003\xf2\xb6\xd1\x06DAR\xba\x93y\xf1{\xe7\xab\xe7\xbe\x02\xaa\xe4\xff\x8c6\xc0\x16d$\x00@\x19\xf7\x8b\x89n\xf4\xf7\xaaZ\xda\xb6\xedt\xb775\x98\xdc\xfc\x9c\xf0\x1a|\xf2c\xfe\xdc\xd6=\x188\x87\x93/\x1fh\n\xd1\xe1\xbb@\xdb~,\x80c\x94\xe0\xcf\xce\xc9\x7f\x15\xc4T\x7fQ~\x9f\xebyL\x02`~\xa2\xef\x84\x87XrJ\xa6\n\x92\'\x87_\xbc\xfc\xe9\xd6\xa6\x0c\x05\x15\xdc*\x0cY\'\xa2?&lt;B-\x00\x8dQ\x07\xbe\x9fkkG/2\xc3\xdd\x0f\xf5\xfd\xac\x01r\xfa/P\xf4\xdd/\xfcD\x01\xe6lF\x16r\xe5\xa6\x96\x8e\x9a\x87\x85\xe6\xff:\x04\x7f\xd7\xb7\xd0\xe0L\xb4\xab\x84N&lt;i\x97f\x86U\xd5\xb9\x16&lt;R\xc1\xf0)\xc3\xaa\x010\x86i\xf7\x9e\xce0\xfcS\x1ew\xf8s\xa0\x9b\xac\xd9&amp;y6{.\xcb\xd5\x17\xa2C\xf8\xb9\xc8\x14s\x7f\x8d\xd45f\x03\x80\x14\xd8\x02\xe7\xc7p\x85Wq\x17\xdbZ\xbe\xdd\x98\x17\x99\xce5X\xc59\xa3HM_z\xb0`a\xfc_{8\xab#Z&amp;\x00\x9aw\x98\xe0\xce\xc0\xe5\x19\xe2\x1bp\xc8\x0b\x81\xa5\xde\xc1_\xb3\x9c\x8ay\xd6\xa2\x91%\x99\xa3\xe4&lt;c?\x1f\x17\x9d\xdby\x86]s\x83\xa2~\x01\xbb1\xaen\xe6\x99"0\x15-\xde\x9f]\xe1K\x01\'\x1f\xde5\xa9wZzw!\xd4\x0e\xfb\x9a\xfc\xb6}`\x88\xe2f`\x07\x9ap\xfaH=\t\x98\xe7\xab\x80u\xde\xe0\xee\xeb\x80\x95\xea\x06\xa6z=\x14\x87YQ\x17\xa2\xb7\xf5&lt;/S\xf0C\xa6\x8d\x99R\xf8\xfd\xe9\xc8\xac\xe9G\xf7\xb4\x03\x80\t\x91$\x80\x95\xeeK\xd5f.3B\x87a\xffj\xfc\x18\xb5I\xc4\x05\xd0\x9a\xcb\xdd\x82\x95\xf6\xf6E\xe0\xfeE\'\x89\x04"\xa2\x0f/\t\xfc\xaaZ\x93\x96f\xc51\xb6\xb3y\xc5\xd9\x00\nh\xad\xfa\xee\x82\xd4_\xefH\xd7\xd8\xca\x1b\x9e_\xfeQw\xff\xb1n_\xd2\x9fm\x0fLe\x0c\x00\x95\xc0\x9f\xf5H\xa7.\x0c\xf7K\'yr\xfe\xab\x94\xc0\x18\xb8\xea=\x8a\xd6\xa0\xc5Y\xd7\x97\xc0\x10\xc6z\xcb\x1b\x03u\x9b\xa0\xfd\x07s\x82n\xcd\xfe\xe5\x9d\xa6\xcb{s\xfe\xab\x80\xe9|\xb7\xdbM\xfe/\x13]:\x08"\x07\x00&amp;\xea\x7f\xf3\x0b.\xa6!Z\xa0\xb5\xde\xaes\x86\x03\x91U(l\xf9`\xa26L\x02\x98\x93\xa5\xbf\xe1 \xfdnR\xa1M\xb5=\x00\x14Yw\xbb\xf5\xe7\xbaS\x05/q\xa1\xa3+\xe8\x92V1\x07\xa0\xa8\x07\x1d\x80\x8fe\xd0\xed\xeb\x16\x96\x0cf\xceQ\xcdh\x93\x04\xdb\x04\xd0\'_\xcc\xe9\t\x17\xa7fML\x16\x94\xe8\xad\xf5B\x00\xe8\xc7\xfcql\xb7p\xdf\xa2\xf3\xdb\x0cB\xb0hS\xe1\xff\xd2\xf81VL\x0fb\xcd&lt;&lt;\xfeF\xc2h3\x00\x00\x00h\x18rsR\xf1\x8b%,\xcd\x00\xe6|B\x03\x99j\x17\xbd\xac\xb3\\v\xe0@\xcc\xba\xef{g\xb6\r\xb8\x9cu\x99\xce:.P\xcbT\x9eADD\xffB\xdd\xd7\xd6\x180\x8a\xccB\xfe\xd5~V\x9c\n\xec\x8e\x19\xa13^\x14\xe8O\xc1us\x91\xaf\xb2\x7f\xbcF40\xc2\xd0\xd9\x89\xe8\x17\xb2[\x8a\x85K;\x00\xa0c\x92\xcc\xdc\xed\x17\xae\xd5\xf45\xbf\x02\x9ad\xf2\x81\x8ba\x1d\xf0\xfc]\x84=V\xf9\x8f\xa5\xed\xe9\xa0\xbd\xc8$f\x802X()\xf3\xcf\xd8\xc0\xed\xb7\xee\xceW\xff\x05\xa2W\x020\xb6\xa8\xac:\xfcy\x1e\xe6\xb1j\x1eK\x008\x1bx\xe1l;\xfc\t\xa7\xb2\xd2\xa4\xd2I\xbaN:\xe0\xc0\x9c\xe4\xe5\x16\xa3\xd7UR\x07%+\xe1M\xfb\xe4\t`\x88q\x93\xcf\xc9&lt;`\x9a@\x13\xce\xba\x03\xcf:\xae\xfe\x10\xbdm\xb4\t\xb3\xd3\xcd\xd9\xe0\xd5\x83\xc1\xfc+ \x9a\xae~\xc1:6\x05\xd3\x0b\xce\x00\xf2-h\xc1\x89\xbd\xea\xfd\xdd5~qw\x8d:R\xb1\x84\xe8\x0b\xfa\x1a\x02\xd8 \x014\x85\xfe\xf78\xd5CWv\t\xbf"\xa2\xbfb$\xc7B\xcci\x99\xf3\x9f\x84\xba\xee\x9a\x9dx\xe4\xde\xf7PV\x1fi\xde\xb1\xdb\xfd\xf3;\xea\xaf\xb1{_\x847\xc7\xf8k6\xcb~G\xf6\xe2)\xe7\xe2\xc3_\x9b\xd6kw\x1d\xe7h7\xd0\xfa9\xbc\xce*\xec\xd4\x0c\xb8\xe7_\x1c\xab\xa7\xe7\xf7}W\x99\x13pB\xfay\xf9\xfd\xbf_\xd6G\x9b\x00\xf5\x04,\xbam\xe7\x0c73\xd8\xe4\xda\xc0L\x00sN&amp;(s\x9a\x95\xab=h\'~6Wt&gt;N0!\x8d\x06\xb0\xe2\xcc\xe8J\xfeIF\xfa\x97F\x1b\xb0\x12\xf4d\xb4!&gt;\xca\xf7&lt;8\xa8\x1e\xa1\xf7\x8c\xb6`\x02VY\xac(Cv\xe8\xd23\x06\x16\xc3\xd0\xdb\xe6\x14\xb5\nD\xbf\xbf\xf8[\xf0\xba\x19c\x82\xc8\xe0\x19\xeb\xa0i\xc0\xd4,\xc3\x9c+E\xf4\xf6\xd1&amp;\xcc\x0e3\xfe4\rS\x85\x04\xf0\x83I\xef\xe2\xdb\xd4\xf5\xf7\xa6\x8dP\xca\xc1\xf9\xf6T\xee\xbe\x05)\t\x80\x89\xb0\xdd\x8f\x19a\x99\x9d\xff.K\x13N\x8e\xfa\xfed\xefF/!-\x0ctt\xc5t\xf4\xbe\xf9\xe9\xa9\xac%H\x9c\xe3\xc1\n\x14\x81\x9b\xce\xc6\xbd\x1eO|\xd4j\xb52\t\xa0V\xf2;l\xe5\x99\x01\xbf\xef\xcd\x9cozS\xacbh\xe5\x8cv\x18\xe6Z\xdf7\xdf\x18\x8e\xdan,y\xd5d\xb1\x89r\xf2\x13\xb2u\xc7\x82\xdf&amp;4\xec\xc4\xac\xe3\xfb\xe0,,\x14p\x8b\xac\xf5\xfd\x93\x9a\xeeD\xf4u\xa9\x8f\x9e\r\xfa\xaf\xac\xab\xd1\xc4\x80\xce#8\xd3^X\x83\x11&gt;\xdaY\xe10,\xb6\xdfK\x04\xf6\xc6\x0c8\xb7\xfc\x85\xe5\x10\xc5_\xa2_\\mZ\x95\x016\x1a{*\x03V\xacu\xe1sM\x88\x88\xdel*P\xa2\xdaR\xf1\n\x14\xbfl\x93\xbf\x88\xdfo\xd2\x86\xef\xac\xd0\x80\x15\xffi\x03\x84\'p*\xba\xdd\xe67\x91\xdcH\xeeL\x14\xff^w&gt;\x07\xf8\x1f\xb3\x7f\xdbqL\x94\xb2\xe3\xde\x9d\xe8/\x8aDI\xe9\x10\x9c\x91\x00\x060|\xce\x87\x1b`H\xcfJP]x2\xfb\x9cgU\xd2\x14~\xcdj6\x01\xec\xa7\x87\xfc)\x81gF\xf6\xfdv\xac\x99\xd7\xc1\x13\x10M0D\xca\xdf\x86\xe0\x1etD]\xe6g\x15;\x1b2C\xd6\x9d\xc0\x84\x07\xf7\xd9\xd0E\xd5\xad{\x02\xe8\xdcqr\x14\x93_\x88\xbc\x99\xe8\xcf8\x1f\xd4s\x179\xc3zY\x8do\x86\xb1\xb8\xf4\xb1\xe7\x8d\x0e:j\xb8\r7\xe06\xdc\x84\x177\xb9=\xbb\x1b\xddn7f\xdfQ;\x81\x88\xb6\x99f\xdb\x10\xfe\xe4\xbb}t\x9f\xde\x9e\n\xf9\xaaT+^~\xff\xbc\xff\xd0\xd4\x9f\x14S\x9b\x92\xc3o\xdca\x87L\x15y\x1a\xa2s\x8f\xb9\x92\xf5\xb6m\x8d\xe3\xa6\xe0\x84[\xd1\xd7\n\x8e\xc6\xd9\n\xae\xb5\xf0\xaa\xfb\xd4d6:\x01pN\xa2\x87K\xa1\xba\xaf\xba\xaa\xfbf\xc5\xb6\x90\n\xe4 \x10\x14q\x8b\xa9\xd7\xc3h\xacW\xab\xd0v\x9cD\xfe\xd5\xa0Ok\xfb\r\x1f\xf1\x85U\xd0%z\xd7\xdf\xc1\x92\xcet0o\xf2\x19\xe8\xc1\xc5\' S\xdf\xbd~\xd6]4\x97T\xe4?\x02[\xda9\xa5\xd3\xa6~\xc1\xe3e\x82\xfd\'\xa6\xb4h3F\x81/2S\x0f\xd3\xa9{\xbe\xe2\x121\xa3M \x84\xe8}\xc3T\xab;&gt;_\xc4)jA\xef\xea`\x88\x9bFO6=\xb5\xab\xf5~6G\xbeN\xb4\xb0{\xf8\xb2W\xea\rs\xc6M\x97r6\xfa\x83\xf9\n\xe6\xf8G\x13\x9b\x00\xe0\xa0\x8eq\xf9\x92\xbc~\xd3\x86\x07\xf6y\xe2\xc0pCj\x0c`\xd7\xdd\x15:\x02\x8d!5\xd2\xea\xed\xb1\x15\xd8\x1a\xc3\xbd\xd9\x939\xac\xb0f\x92\xc9\x9d\x87\xf0e\x9a\xc5\x16\x8d=\xac\x14z":;a\x8d\xb6\xd4\x05\xce\xa5Vs\xd4p\r\xef\x9d.\xb6b%(\xfdKn\xfbC\xdf\xd2]\xe3&lt;\x83\x07\x13\xa3{m\xf0\xea\xde\xc5\xc9V\xf1e\xfay\xacf\xef\xe7\x0b\\d\xe0\x00h\x98\xd0\xbf\xcfw\xf1\x9d9\xf3\x91\xf3_\x9d\xfc\xf9\'\xa1\x92\x93\x0f\x0f\x84,z\x9d79\xb3\xcd\xd2\\\xd6\x0ce\xb6\xa5iAx\x0b\xca\xea\xa5UQ\x89N\xd0\x15\xd6\xf1ltX\xb3Qe\xda\xe4\xef\xf1\xe6\xb2f\x02L\x16(\x14B~\x83\x8d\xe8\x97\xa7\xfa\x96\xbf\xab\xa3\xfa^\x03Sr\xc4\xf8\xe3\xd7\xa2r\xddC\x87\xcf\xebS\x19\t\xceF\xb7\x04\xd0\xe7[}^\x9d\x05\x87^\x1dE\x14+6P\x84i\xa2_\xcf\t\xc4\xa9O+S\x0b\x13""\xfaG\x95BZ\x80\x9dx\t\x9e\x7fs\'\xf6\x11\xcf\x03\xea}\x04~vz\xc4\x17\xa4\xaa^\xae\xba\x10\x9d\xa8\x9c\x96\xf6\xdf\x99\x1e\x05}\xdfh\x0b\xcc\xa1\xa0\xd2l\xa8K\xfb\xd7b\xfb\xf3\xb9\xbd\x14\xa5\xc6X\xf9}\x92%(\x14\xb0\xf1\xe7\r\xcc\xb0\x17\xd9\x8a\xc2\xcdI)\xec\xee\r\xb8W1\xca\xbf\x93\x9c\x93k\xe5\xd5D\x8f\x7f0\xcd\xbf,R\xd9|]05E\xfaL\x10m\xca\xbf\xfcu\xca\x15\xa4\xa5\xe2r\x86\x9e\xab#.\xb08\x07Y\xb9\xfd\xdd\x86\x9c\xae\x12\xce\xe1;`\x0e\xe6\xf4\xa6u\xbd\xdc\xd6\xee\xe1\xf3\x90&gt;\xc4|\x87\xb9\xcct\xfb?$W!\xed!\x12\xbe\xaas^\x1a,\x1b\xb8\x02\xc6\x19\xc8T\x9aT\xe9${\xb6\xc9\xbb\x84\x06o\x0b\x1ew_&amp;\xa2,\x84,\xcf$\xfe7!\x98\x97\xfe\xd0\x17&gt;\x7f\xc87c\xac\xcd\xe4\x8e\xcd\xbc\xc4\x8f\xf6\xe2&lt;\xd4\xd9\x93z^\xf3\xd6:\xdf\xe0=\xa9\x8e:}\xd3\xaf\xfbt\\\xe1]\xe5\x84\xd4\xd4FX\xaez\x9eq\xad\xb1\x96\x7f\xd7V~gD\xdf;\x9a3\xaa\xd0\xd7\x8e\xb6\x00\xb4`\x88\xb7\rt\xf1\xfe\xaak\x8e\xf3\x95Ud\x8d\xd2\xe2\xa7\x1c\x9b\xc6.\xf4&lt;\x91Td\x8a\xd7X7\x08\xc5W]\x0b\xeb\xae\xb1\x02\x80\x04S\xed\xcfs\xd3\xe2\x1b2+2\xd0\xe3j\x96@\xf5e\xa4G\x16\x11&amp;\x80\xd7\x7f\xa3&amp;\xfd\x01\xa9\x1d\xa7\xa78\xbb\xe7\xd8I\x8d\xf6\xcdY\x03\xcdl`\x9e\xa3p\xbeD?\x84Ij\xa3\x19l\x98\x1dJ\xfc\xcc\xe1s\x0c\xedh\xc0\xbe\xfa\xd1:\x82\x8cn\x81O\xe9d#\xef=F)N`\xf9W\x9f\xda\xff\x02\x12\x9ep\xd6}Ne\x10o\x94\x01h\xdb\x88&gt;\xa6\x81`p.\xe8\xcf7\xb97x\xcb|\x11j\x12N\x99\x08\xeb\xb9GQ\xc1\xeb\xd3\xd6\x06I\xee\x91*\x13\x80\xbao\x0bf\xb3g\x0cC\xca\x19\xb5\x8a\xa6\xf2\xa7\xe2Jc\xed\xc4$\xb7\x10R&lt;\xb3_\xef\xab\xed\xf2\x87\xe8 \xd2b\x12\x87|/\x00X\xd2a\xf1N\xe6\x1f\xa5\xef\xb6k\xbfc\xd3\xa5KN\xda\xb9\x96\xc9\n\xdd\xa4\x10\xfd\x87\xe2|z\x9f\xeb\xaep\xd9\xdf\xe6\x94\x9c]\xd8\xdf\xbcj\x9a\x9b\xbd\t\x81\x7f&amp;Y\xb4D\x1a\xc2\xb43\x15.b\xe4m\x07og6e\x06\x1b8\xccbG\x1a\xef|\xe0\xaf&gt;o2[\xbc\x8d\x98f\r\x0b\x10\x11\xd1w\x8e\xb6b\x02\xa6M\x00\xdd\x82\x05\xf3\x9bj\xd3N\xd4\x9d\x99m\xdb)\xae\xa9\xe8\xae\xa3~\xc8\xf4\xa4R\xceB(\xc6\xbb\xee\x14-j\xf6\x00\xf6/\xc34ye\x8fe\x98\x86F7\xb9\x1d\xa45\xf2\xcc\x99\x9dsZ\xe3&gt;u\x84\xd2\xe8d\xacr\xa6\x1c\x03\xcd\xe1C\x93l\xb3\x81\x16\xcc0|5\xb4m\xf4Y\xa3\x8d8;Q\xff\xc88M\xebBm\x1e\x87m\xf1\x02&lt;\xaab\xe9M\x1a\xc70\xf2\x1a\xce\xcd\t\':A\xff\x91^\xaaL&amp;"\xa2[\xbe\x81\xf7CVT\x8fA\x16*\xd6\xf6\x060i4\x19\xde4s\x94\xdc{t\xf3\xc0)=]E\xde\xa5\xe7\xdc\xd2\xed\xe89\xdc\t\xe7v\x86\xe8\xd6\x1f\x915\x1d\xaa%\xdbW\x0eg\xbd\xfdx\xd4\xe3\xc1\x93Lc\x10\xc1\xf5\xb6C\xd6}~\xca\x91P\x92?\xf5\x02\x8c2\xcf\\\xa9\xc9\xdbN\x13Kf\xd0\x92\xd6\x1e&gt;\x99\xd79\xeb9\xf7\xe82L{$\x9d\x08rH}\xc4\x11"\xfat\xf8\xc2\xf0s[C\x1b,\xb4\xe7J\xc8z\xe9\x12\xb0\xd3\xee`\x16\xda\xe1\xdc\xd4}S\x1b\xb1\xd7[=:\xe2&gt;\xdfx\x91\x9a\xe8\x17\r\x0f\xe8R\xc2\xe3\xce$0M\x9a\xd0r\xd0\x07\xc5\xd2\x13\x11\xd1W\xd6\x88U)\rm\x18\xe6\xb4g\xbd\x043`\xff\xcb{\xd1\xf519\x01LH\xd1\xdc\xfc\x80\xbckG\xc3\xe1/\x91\x00\x96Xm+\x1bO\xe0\xff\xfb\xee\x96\x8e\xe5L_\xe8\xa8\xd4?\xdc\xfeV\x14\xefyN:nK\xa2\xb3gp\x1d_\xd9\x7fA\xa6\xdaf\xc5cb#k\xe3_\xf4\xac\xd3\xe5%\x00\xd1K\xaf\xa9\x16eGg\x15/\x05F\x96`\xceI\xb0\x81\xd2elS/9\xf3\x9c.\xf2&gt;\x96&gt;\xbc\xb5\x06`\x03\xb3x\xcf7\xfbkn\xe3j\x93\x0c\xf9\x91\xe7\x0f)\xfb\xbd\xdb\xe9\xd6\xdf\xdaX\xecF\xbb\x1e\xda\x06\xfc]0\x85\xae\x85\xd6\xa5]\x85\xb2\xb7l=\x19\x0b\xcd\xf6E\x98m=\x88&gt;7\xf6\xb0\xcd\xc1\xc8\xfe+s\xcf\x1f\xd2\x1fE\xcd\x98m\x15,\x99\xf9]\xcd6\xdf\x060g\xaa\x83\xf9\xb9]]G\xdb\xc2\xb3\xbaAg\xdc\xc9p\xee\x97F_\xf7\xe7?\x95\x848\xce\x89dy\xe2\xaf\x7f\x07\x18\xd2\x04\xe9R\r\x1fxk\x03&amp;\xf7\xdd\xfeo\xd4\x95\xc2\x9f*&amp;\x9f\xcf"\xc1\xedJ\xed\x17~\xc4\xdd\x15]\x16\x9f\xf3\xd9\xd1\xfaA\xfc\xa5\xd9Z\x9b\xc4\xfc\x14"n\xdfl\xae\xa4\xafy*\x17.\xfe23\xd3\xbe\xc1\xc0\x17r\xbc(\xfd\xed\'\x87\xce\xaa\xe7\x81\x88\x88\xbeg\xb4\x15\xa0=c}\xbc\x83v\xaf\xbe\x0b\r\xc8\xbcO\xeb\x9c\x00\x0c\xd9k\x91QQ\xccD\xaf\xec\xbb:\xf5\xfa\xc0\x93\xf3\xe7\xbf\xae/{\xfb\xce\xe6\x84\x0b\xd7\xd4\xa2\xfc\xdc\xb6\xb8Q\xe9\xa6QM\xea0\xdaC\xb5c\xc0T\xf0-\x8a\x1e\xe2\xbd?\xb6\xfe\x1e\x8e\x9a\x19m:+\xc4vt\xdd\x85\x12\xbf\xcf\x9c\xbe\xd8\x1a\xceQ=\xdc\xba\x916\xeb\xdc\xbc\xf3\xc9\x1f}\xa4\x12\xa4\x1d{^g\xf5\x99p:\xfeL\xefF\xa8\x05\x12rw\xcd\xc2\xf6`\xc7\xcd\x00\xba\xf92\xbf\xf0\x15\xbfu\x0f\x9aO\xb2\xf4\xfc\xe2\xc6k\xd7\xe3f\xcf\xd1\xde^[\x0f\x0c\x87q\x9a9\xb9\n\xb6\x15hD\xfe\xf5&lt;\x82y]\xb3\x1d\x13\x80I"\x98\xe1\xfe\xf4\x83\x16B\xbc3\x04\xd1\xc7z\x9f\xba\xb7=~\x0e\xf0\x0e^u\xda\xc1\x86\t\x99\x13\xfaz\x0b!\x8d\xd7\x96~\xa7\xfe\xc5@\xa6\xdfW(E\x1a`[\xb0\xcbk\xf6r\xfb\xc8\x17\x8b\'H\x0cj\x1eQ\xfe\x7f\xd9\x7f\xdb=\x9a?\xe6\xe4\xdd\xa6\xd2t\xdf\xa6k\xe4B-\xb6\x00\xa8\xa2\xeb{\xe3\x87Fa\xaf\xab:\x01+\x01L39\x86\x91\xbaR\x94+\xc1=u\x1d\xdb\xd4h(\x18\xd9?\x07\x9b\xab\x8b\xbf\xc4\xaa\xd62\x8f\xbb^\x05\xfa\xdaR\x83\xd5V\x84\x8cnfW\x1b7\x18F\x98Eh2\xff\xe9\x93r\xa6\xfdJ\xd2J\x08\xberc\xabW\xb2r3/s\xf4\x88\xaa0\xb8\xdd\x18g\x9e=\x97Qv\xd2\x07\x86\xa8U2\xe4JMqU\x12=\xe8\x98\xd9\xd3BhG\xf9\x8b\xb1\xf45n\x07L\xbeQ\xd34\x01\xd4\x98\xd7g\xe9+\xcc\xfb|M/G\xe9Z\xbeMT\xde\x8f\xb6k\xfd\x8a\xe6\xfb\x13\xc6\xd7\r\x9eN\xf7\xa3D_2\xed\x0cg\x8c\xefl\xc9\xf2xN\x19\xfd\x86\xcf\x89\'\x95\x1a_^1\xef\xdf3\xad\xd49\x80\x13n\x06FR\xf5\xb7`\xef\xff\xa5\xef]\xe00\x1a|\xd7\xe8K\x9bhy.d\xb8\x9a\xf9(_\x94f;i\xe6\x0b\x10\x1e\xdf\x91\x00\xc4\xa4fl\xa1\xaf\x85p\xec\xda\x1bX\r\x80sw\x14\xcd\xa6\x9d\xc9\x18\xe0$\x80\x8e\x06m\x1b\xfd&gt;\x9bi\x119$\xb3\xa5\x95\x8f\xef\xa77\xfa\x12\x03iI-\xae\xa2\xa0\xb4w?\xf0\xdap\xf8I{{\x1b2mtZ\x95xD\x9b5\xe5\n\x02\xc1h\x03\xfa\x93\xcf\x01:\x81\x95\xe3\xb5\x9a.\xa9\x9c\xa2\xdd\xb6Ck~\xe5M[\xaaZOE\xfcy\xdd\x14\xac\xc8\x84\xfeT\xbf\x81\xf9\xd5b\x8d")\xc93{O#\xee\x1a\xeb\xeanE5\x9a\x91\x7f\x08\xb8\x83\xf2\n\xbf/g\xe0\xa9\x11\x85\x07\xca\xb0\xea\xe7(R\x8c\xae\x8f\xabK\xbdb\xe2\xa2\xcb\x88\x0e#\\k\x0e\xc7ZK\xe9\xcdY\xee\xab\xac\xb5\x8f\xda\x15"*\xb4\xb7\xc3.\x01\xbc\xcb\xbd\x02\x99!\x01&lt;$\xa4%\xdbf\x17]\x8a\xed_\xbb\xfc\x82r\x9b\xe9\xbc\xf4l\xac;\xbfn\xa5c&gt;\x08\xbe\xcc\x9a\xdd\xdb\xe2m\xb3\xa8\x12\xef\x90\xaej\xe4\xf7\xccm\xc5\xb3T\xd3\xe1\x8bD\x8b\x8e\x0b\xfb\x13\x97b/\xdb&lt;\xd1-\xc8xCX7\xb8u\xa2~\x8e\xa2\x02\x96\x9euj\x93QN\x8f\xd5\xed\xcd\xe3\x87\xcf\xa9\x17\x96\x14\xde\xa1W\x0bh\xff\xb2S\xc9\xa4\x9f\r^l\xa4\x12@\xe1\xb9\xa3\xd73\xc3{b\xb5\xfa5\xb5\x94\xa1\xb4\x0b\x81i\xf2HMH~\x96\xa2\xfeggT-\xf5\xa6\xe4*G\xad@\xbe.\xa3J\xa5\xf7\t\xe6\xa0\x9d)\xa4$_1\x8eL\xf9\x9f\xf9\xe8\xd8L\xa6\xb1)\xa9\xed\xf9HW\x8e\xb5\xc5\x99\x9aj\x93N\xc1\xf0\x19!Z\xfb\x001\x15\xb6\xab\xb9\xc7\x08\xa2\xcd\r\x19\xc5\xf0\xf1\xec.\xd2\x15W\xbd\xc5^{\xf2\x04\x8et+C\xdd\xeaL\x96\xacl\xd8+\xe8\x8aJ=\xf9:\x85e\xd5\xab\xa3s\x89k\x81\xe9\x89b\x1e"k\xda\xbc\xc3\xd0\x92\xee+\x9eWW?\xcf\xab;03\xbe\xe6c\xf4K\x94*\x05&amp;\xcfp\xc2\x04\x90\xd7\xd2\xad\xd7\x0c\xc2\'\xc2p\x8fE2|\xba\xf1\xb4\xb0\xc2\xf1{\xf9\xd2\xaa\x8cq\xe4\xa4\x0f\xda\xc76\x8b:.\xd3\xec\xfax3\xf3\xfc\x0c\xbcn\xf2[\x1e\x7fN\xde\x9f\xd8\x19\xac\x90fk\x00\xd8\xb6m#\xfaHSi\xeb-\xcfZ&amp;G/gG\x19\xd3\x01o\x80DD\x1f\xda\x88\xbek\xe0\xa8\xb5\xd5\xab\xb9!\xf6D\x0f\x10\x86\x85\x7fBi#\xc1Y\xa5\x03t\xce\x87\xf9\xa2\x9e;\x18\x99\xc3\xb8\x10?\xc9\x954K],\xca\x84\tO+&lt;\xfd\xd1\xb7\xe7\x9a\xfd\xe7\x88\xa8\xf8\xf5\xcb\x9c8\xef&lt;)|~\x0e\x8a\xc7\xe5\xc0\x8b\x1a\x1b\x04f\x83\xe8\x1b{k\x94\xfb\xa5B\xc5\xe9\xa9,\xb7)\xc0\xd2\xb8\xa7\ns\x99:\xf2\x96Dg \xbcEl4\x9c\xdd\xe1\x1b\x9e$\xb4\x9f\xce\xb3\x82@I\xb9\x94\xb6U\xd7\xbd\xfbE|\xd4j\x90D\xf4\x0f2_hI}\xc71*\xea[Y\xeatv\xda\x92\x8a\xef\x99\'^\\\x9e\xf9F\xb1\xc6\xb0\xfc\xa8f\x1d1`3\xad\xd7.D\xe7\xcd\x1fUe\xa8??\x9cC\xcd;w\xe0\xbb\xf3\xba\x9aW\xf4\xbd\xff\xf7\xe7+;\x96\x9bI\xa6\xae\x85\xcc\xa2\xe4\x944\xf7\x85\x87T\x1d\xf0\x91\xf9A\xf7/Vj\xc4*\xba\xb4\xb9d\xc8D(N\x91\x9byxJ\x8a\x17&gt;\xb9\xf9\xb4\xf8\xeaQT\xa3IcMd\xd4]\xa3}\xd8\xc9K\xe3S\x0fn\x11\xac6\x1a_\x8eI\xce\x17\xd5\x1ad}\xc6,\xdcu6\xfen\xa8m\xb1\xdc\xc8\xca\xe2\xbd\xbf"\xa7\x8a\x1aT\xa2\x96\xdf\'\xc7\x1b\xde\xd4u?w\xb2t]\xa7T\xba\x1c\xe4\xb8\xaf\xb0(ka\x8e\xf2\x90\xc1\xef\xd5\xd9\x95\'\xd97^\x02\xa0\xf4G\x059%-\xf5\xa6\xdaR\xb4\xe8&gt;\xe6\xaa\xea\xa7"d{\x1d\xa3\xeb\xd0\x7fV\xd5u\x80\x887\x0ceq0)u\xb7\t\xb6\xb4\xed2\xdc\xb6\xed\xb6\xff|\xbb\xe5\x9a\x06\x86\xa8\x95\xa6z\x12\x91.\xb1\xecv\xe7\'\'\x08|\nU2D\x13\xca\xa7\xd2t\xb5U\xf9\x8eB\xff9\xd0h)\xee\x16e\x84\xdfn\xb7[\x9d\xe5[\xa9{\x18y\xee\xff\xff&lt;\x9b\xc6;y\x12L\x9c\xf5+\x18m\\E\x81\xd2F\xee\xdc\x05\xb3\x04\xd0\xe5\xb7\xeeT\xd6b5\x92M(\x04\xe2\xc47\xc7\xeb\xafk\xc2\xae\x95\xc5\x9d\xbao=\x86\xba\x9d\xd2\xf2\x03\xe9\x8f\x86\xd76\xfd\xa0_\xf9\xfc\xa1\xd8\xf2\xfe\xdf\xd8M\xe6\xe1\x8f}\xdf\xe1\xbd\xa2\x99\xa4#\xe7&lt;t\x10~8\x88\xccx\xc2\x13\xd0\xdfv\xd1\xd128\x0cN\xf4\xc6i\xe9\x8b\xc2\xcaw\x98\xdd\x86\xd4t\xf6\xf2!\x9e\x9f\x00\xbc(\xd0m\xc5k\xd4\xc4\xab\x8d\xe7x\xa3co=\xc6z\x91\xa9\xa4\x9d^\xe2I\xb7g?t%\x8e\xdb\x89\x93\x96u\xb3\xac\xe8\xd8n9\xc3\xcd`R\x98\xb7\xab\xc4\x89\xbe&lt;_\xc6F;_\xae\xe6\x15&amp;\x80\xe8\x94\xb6\x9b\xb4\xd2\x12\xeb/\xd9\x0b\t \xe6\xf0\n-:\xf3\xd4\\\xcaum\xe0\xfbn\x8d\xb7\xe9:\xbe$T\xf6\xaf\xd4\x9e\x08\xf4\xc3}\xad\x14\x1d\x8c/\xf4\xcf\xb7\xbb\xee\xd3\x13\xdd\x02\xa9\xc4\xa9\x8b\xf5D\xdf\xa6\xb72#\xb6oG\xce\xc0\xcds\x12h\xce\xf3:\xaf\xd4l\xee\xef\x9c\xb5V4\x9bw\x12\x11\x11\xe7\xf5\xd5\xa3\xb1\x89\xc6z!\x93k\xcf\x9f\x998\r\xc2\xf6\xa6\x06\x1edV\x8a\x16\xd9\xb6\x0fx\xb6\x8d\x10\xa5\xb3\x91\xa2k\xedU\xa9\x19\xe1*\xb3C\xf4\xa6\xd4m\xc9\xd2i,\x1f\xae\xa6]\x9c\xc1)g\x1a!/iu{0}\x9dUm\x99\xce\xa4\xdc\xed&lt;\x11\xfd\xdb\xb2\x84t\xf7*\xcb$\xac\x12\xdcjYh\x9cK\xe7\xaa\xe1\x06\xb8Le\xcc\t\xa8\x9cO~\xe70\xacWm\nuO\x0b2\x86\xdb\xfa\'G\xd8u7De\xa9\x90\xe9\xbb\xbfw2Am\xe7\xbd\x1f\xd3\t\xf6f\x83\xf7\x06\xeb%&lt;CN\xfbRp\x86\\2\xdc\x86\x81\x06\x0c\x1f{\x11\xf7\x8a\xc9\xb56|\xa2\x11^ro\x8e\xf4\xf9\xe7\xd0\x18\xda\xb6_\xb2\xff\xfc\x05\xc2K\xc3\x16\x06\xf1\xf4&gt;C\xb9\xf0\x1bDo\xdd\xb6\x0b\xae1;\xfa\x8b\xf2\x03\x11\xd1\x8f\xb8\x7f\xec\x91cr\xc6\x0c}\xcd\xf8\xba\xb5\xbf\x9ew\xf1\x99\xe1&gt;\x07\x183j\xcf\xa5\x12@#s\x12\xba\xec\xd5\xb5\xb0&gt;\x1a\x19\xcd\x15\xd5\xc4\xdf\xd5C@\x1f\xfbW\x99\xa5\x81V\xf2O\xc3\xc1\x93V&amp;M\x84\xd5(\xe9\x93\x8f\x7f\xdc\xb6oh\xa0E\x04m\x1b\xd1\xd74\x94o\x91l\xca\xb7dm\x8ahjs\xb3i\xfd\xfe\xd3T\\\x1d3\xd9\xd2\x83\x8c\xe3\x91\xdf\x92!M\xa07\xf7\xe9\xbf\x19\xb4\x10\xa7\xcd\x06\xf3\x0fl*\x0b][8\x86\xf1\xf6O\xf9\x1e\x86a\x9a\x98I&amp;\xd60e\xb6V\xad\x16\xde\xed&amp;\x8a\x82\xdf\xce2\xc3%X\xa1\x99\xe4\xd3\xfec\x99b\x934\x82\xf3:\xf1\xe2\xe4*\xf4^\xda\xdfQ\xb2$\xda\xb1\xc3\xcb\x1b\xde[\x84\x91!~\x12\xfaDa\xd1\x91\xd45\x89\x1b\xa9c\xdf(\x15\xda\xc8\x12\xcbiV\xa9E\xda\xf75W5F\x80I\xe0{\xae&lt;xmD_\xe9?|~$\x14u0S\xeay\xe6\t\xa0[\\\xb6z\x8fR/\xa4\xddi\xe3|I\xae\x05Vs\xa48\xac\xa7^\x92a\xe1\xfa\xf1)u\xddS\xdf\xef\xdc\xef\xd6\x1f\x7f\xfc\xe2:5\xbeF\xb37\xab\xf9\n\xab\xf3\xd1\xa4\xc5\xcb\xed@\x85\xfd\xdb\x8ey\xb6\xeb\xf9\x12\xc0\t\x86\xe0\xe2\xd7[\x0co$"\xfa\xa8\xf6\x96u\xc6\xb2\xeay\xfe//\xb6\xdd\x1d\xb7:\xa0\xf0;5\x89\xb6\x0f\x1b\xd4\xc6\xff\xad\xd8\xc3\xdao\xe3\xf0%\xe8f~\xe0m\xf5@l\xb7[BE\x93-&amp;\xf2\x87\xed\xf8~\x82\xe8\xf0\x8d\xe19\xe1\xddp\x9e\xcec\xcdGD\xf4fnK\xeb\t\xedpd\xcb\xde\xb1&amp;\xdb\xe7\x8d\xaa\x0c\x85=\xae\x9bK\x06\x9cpc8\xd5\xccZp\x96\xe3\x07m5\x96,\xe1_\xf4\xbfO\xa1\xbd\xef\x96?\x83\xab\x0f\x1cC\xeb\xd9\xe4\x14\xb0=\x87\x7f\xdf\x01M5\x9a\xc4\xdf\xe2\xe1W\'\x93s\xd3:\x906\xb7g\xa5k\x04\x8bYH\xc9 7\xec\xa6\r\xb3]\x88\x8a\xc3\xab\xb8\x179sx\x14\xd5\xf0j\xa1\x85\xd8\xcb\x91\xaf\x05\xacT\xec\xae?Q\x02\xb0\xfeVL\xb8\xb1\x07\x06\xd6x\x18J\xa7\xe1\x856SqV)\xd6\x86\xb3\x10V\t\xdb\xd5\x1e\x99\xea\xa3mn=^w\xe2\xcc\x99d(S$\x10\t`v\xfaL\xe3\xdd\xb7\xcb[\xb7\xd7\x95\x8b\xa6\xc6I\xdb^\x93\xd5f\xab\xbe\'\xe1\x8bF\x1bP\x83\xd4\x15\xef\xcdS\xe5\x91\xd4?h\xdb\x88~\xc8\xd0\xc2g\x97\x9f\xdd**\xa7\xe4\xd0\x82O\xc5\xe3]t\xfbt\x0bvy9\xe6\xd37\xedj\xdc_\x7f\xe9\xcf\xc5z\xbd\x85R\xd4\xb3\xc8\xfc\x12 %\xb0x\tfk\x89\x95\xa8\x0e\xea\xdc\xbfQ/r\x98\xcaM\x9d\xd2Da\x88|VT\xdb\xb6\x7f[A\xad\xd9\x92\xfb\x10\xa2G\x9cx\xe3\xea0x\xc5\x04\xc0\x97\x9f\x7fcf\x95\x00\xc23o\xeb\xd8\x91\x92\x9e/\xc6\xf3\x01q\x14Q\x93\x1e\x86\xfe\xf1!\x16\xd9\xd3m\xe23\xd9N\'\xa1\x9b\xcf\xe4\xd5\xd0\xb1\xa5\xf7\xf0\xa7\xd22s\x1a?\xb1\xc9\xa6\xa8\xcd\xbe\xa3\xafO;\xa1\x18\x9e;%VW~K\xccr\xb1V}4\xcb^|\xdbXb\xed\x97\x99\x9b\xb1d,\xfb\xdb\x86\xfa\x1f\x8a\xf6\x19n\xe4\r\xdd\x9c,Sl\x8a$\xec\x8bb\x15\x8c8\x02\xfc\xdc#l\xef\x7f\xcavW\xa3\x01\x1a\xef\x8b\xa6\xf2\xc7#\xf0\xc8\x062E\xf49\xac,!\xdc\xdb*\xf5\xa29{\x8f\x82\x1f\xc4*\xca6\xa8D\x0bm\x88\xdfo\xf4\xda\xd8LE\xd1\x13@\x1f\xd5\xb6\x02;\xd7\xd1\x9d\xa3\xc4\xf2\xf9\x80i&gt;\x11\xd1\xcf\xb0eV\x1e\xbe\x06\xcd\xa9\xf4\x1d\xd7@ZL\x11\x7f\x97\xae\xee\xf3\x8d`%\xd1\xb3\xdf(xD\xd2\x98\xf6\x18=\xc3\x85\x8c{B\xbd\xd6B\xb6\xc0j1WY\t\x85\x99:\x8f\x0f;\xb1c\x93\xa68\xad\xa1p{\xb0_\x80X\xe9k\xc9\xf0\xf0\xc4!\x13\xb9\x9a\xd7\xceG-\xb3\xcfT\x89\xe8t\xcd\xef\x00q\x86\x15\xdd\x13|\x07\x89/_\xa4\xf0\xe3\x13w\xa9Cf\xba\x18\x9b\xf8\x17\xb5\xdd\xa0\x8e_\xae\x98y3\x9b\x1b1\xc9U\xe7\xe1\x0esl]\x9f}c?\xc3\xc9\xa39\xf9)PH\x93vTU\xc7\xef\x16\xf7\x91\xc9\xf7\xc7\xb1\xae\x1fxN\xcc9\rpdZ\x18V/\xa37\x9d\x9d\x80\xe9u\xa9w\x1b\xd3\xf2\xb8\x0ejv\x9f\x19\xfd9\xffP\xdd\x0cl[\xddf\xee?\xd1\xaf\xeb\x85\xf4\x89Xq\x91\xe2\x0bI\xfc\xdc\x1f7\xfas,\xa9\xdc!\xd1\xa9\x8b~\xa7\xa2[\xb2Y\x91\xe8\xfcD\x9fD\x0bU\xfa\xb2\x82\xa8\x0e0o\xf9\xd4\r*\xb9\xackq\xe1\xcfO\xe5R\xa5|\xbd\x91\x07\xb8\x92u\xe7V\xb1\xc6f\xde\xb6\x90\x0b\xbf^\xa39\xdfnl\xab\x91X9\x8fS\'\xd6[+\xf5\x81\x94UN:\x7f\xfc\x97\x99*Z\x13\xcd\xf1\xe5^\xbcw\x03\x19Q\xe2\xca,\xfbe\x1e\xa6\xcd`\xdb\xf6H\xcaiY\x92S#\xbf7!\x057\x00\x00\x1f_IDAT\xd2\x03zt\xfc\x87\xba~\x8f\xed\xad\xec,\xd0\xd2\xba\xd4zi9\x1cGb:E\xc6\x98\xfb\xc6\xc1\x8c\x8a\x8b\xd0\xd8C\x9d!\xbedff\xb2ZQE\xa9\xe4K\xe0\x9f)\xd9\x1f\x19z\xeb\xeb\xba\xdf=N\xad|\xeb\xdb\x8fT\xcegN\x9b\xe2:\xa2\xea\xae)\xb8\x1f\xec\x979\xb4\x8d\x9bz\xa0S\x89\xfb\x0f\x07\xb2o\xbf!\xaaK\rXB\xbc&lt;Wh\xffh\xf6kb\xbb)\xe2\xb1\x8a\x8a\xb5H\xf4\x00\xd1.\x8d\xa5\x94\x0e\x84h#\xfa\xbf\xc7\'H\x00\x0c\xa2N\xc9\xea\xc8&lt;m\xd9-C\xb4t\xaa\xadn\x18\xc3\xafI3\xed\x1c\xf0\x98fftt\xab\x02\xd6B\x8cRZ\xd1=\xee\x1fF\xcfy\xd1"\xd4*\xfa\x13\xfd\x94\x9fZ\x1e?|\x8d\xf3P\'\x9bi\x00w_\x9b\'&lt;Q@\x99skLD\xe6\x8e\xc2\xbb\xf3\x8d\xf5\xd5x\x80!\xda\xe4\x15\x91\xe3?q\x9eO\xeeA&amp;;\xca\xc4\x92\x88\xe4\xca\xee\xaa\x056\xce\x19\xce\x7fS\xea2FFk\xf3\xcc\xa7:\x9c\xf3\xca\xe3\x7f\x9c\xc6:\xfe\xbep]t\xe3mX9M\xbe\x9f\'\xa42\xc6F\xcf\n\xca\xcb\xd9\xf0\x89\xe4\x040\xb0\x1c0Wm(\xae\xdd\xacp&lt;\xa7T_3W\xf6 \x8a\xbe\x81g\x1fKr6\xbe\xb3\xee\x9d\x8c\x0f1D\xef\xad\x94\xf9\xaf\xb6\xed-\x1c]93du\xa1\xe0E\x82pl\xa2\xe6\xdd\xaeg\x97\xc1\xa6\x84\xb6&amp;\xe3.\xa9\xb3\xf6\xd6\xb6j\x98q\x96Bt\xf5\xb2\xd5\xc0\xf2\xd5nT\x17\xd1\xf6\x19\xfb\xcf\x15z\xdd: ^p\xa8F\xe9\xceg\x8d\x0f\x14{J\x85\xb7\xf0F\xda6\xa2\xdf\xa5\xd6\xb2\x0f\xa0\xc3{/\xceG\xab\xec\xd9\x86p\xa6\x80\x82o\xa1\x8d\x9d\xb5\x8a\x8djn\xcb\xecd\xcaR\x91\x90\x9a\xa9+\xc65\xbd\xe8\tH\xed\xa0\x06E\xbd`\x19\xa4\xed#\x12\xb2\xc25\x02\xbd\x18\xc2\x10E\x8e\x19\xe1\x88\xea\xc3\xb7\x97\xbckD\xad\ng\xd8n\xe9\x14\xfdT1w\xea\xa0\xa0\xf6\xec\xd0\xf9\xf2\xcd\x16r\x88\xc7\xe5F\xba\xc0\xb1z\x05\xf2\xb6l\x03F%\x11\xa9\xbe\x0b!\xe0\xc3l^2\xf5G\x11@\xd3\xcfs\x02\x978\xd4\xd2\x97\xc6\xa5\x15U\x14?\xe5_\x1cm\xc1\xad\xd4\xb4\xce3\x11\x99\x8b\xbcg\x83\xdaZC!\xb3\xff\xca9\x89\xa1\xb3\xe6\x83\xf6\xccG\xd1IK\xe53\xd1\x821\x97\x98y\x95O\x89m\x9f\x0cps\x84~Nz\x8b\xcc\xbf0&lt;\xa91\xdf\x83\x93\xc0\xafPme\x82\x17\x9c\xd9"\xfa\x16\xae\xb4C\x06\xfe\xd5\x1a\x83\x18\x92y\xed%o\x11z]\xbf\xd6xs\xaa\xc8R\x1bc\xcb\xdd\xba\xf0F\xd1\xf9\xb4\xaa:s;\x84\x81\x98\xd91\xd9\xa6\xe2r\xdf\xbce\xd8x\x9eU\x9e\x87\xf0\xc4\xf9x\xf2\xa1*\x81WD\xed\xc4\x9c#^&lt;\x16\x14\x15\xf9]\xde\xc7\xa9\xd1\\\xa5\x19\xdb\x88\xfe\xe8\x16\xc4\xd6\x92E\x07E\x06\xf5\xf2\xb6y\xff*\x17\xb3\x08\r\x1f\x96T\x95,\xa9\xbei\xdd\x7f\xa0\xe0\xa1\x15\xf4\xbc)\x8aJ\xce\x7f\xaa\xd3uxR/\xb4M\xdd \x92X&lt;\xee\x9b\x90Y \xf7\x8f5\x19\xb7\xd1(N\x9b\x00\xf8\xa1\xb3\xd8\x8c\xbe3x\xd8\xe5\x8cv_sf\xb2q\xff\xcbi\x9fk\x938.pF\xc00\xa0,\xa4(\xc7+\x7f\xf6\x9f3\xbd\xac"~7\x0eC\xdb6\xfa\x1f\xfe\xa7{1(\x95\xb9OS\xa6\x1aPxx7D\xa5[\xab\xc0)\xa1i\xaa\x0e\xeb\x0fiaWo\xd2H\xd4\xe6\x8b#\xb8\xa9v\x81^\xc6+#+\x81\xbab\x96\x12?\xb7\xc0\xdbE\xfb\x8f\xf9\xd3OF\x9a\xc2\x00Qcf\xebD\xc6eeA\x89=~\xdfd\x95\x1d\xcc\xa7F\x9d\xcc6\xe3\xf1\xd6\xd8\xdf\xbf\xdcV\xa7\x87\xa8\xe7(\xe4\\\x14\xfeT\xd5;\xe8!P\xb6)M\x14Ua\xd8]\xd4\xdep\x14\xa1\xa4P\xb4\xa7/Z\r1Mj\x970\xf2\x15\x9f\x7f\xd1\xf7}\x02\xc9Vp\xd4\xe5\xa7\xda\x9c\xc8\xea\xdb]\xa1\xc8\x8d\xa9=/v\xa8E\xf8\x1d/\x97\x12\xe8\x1b\x07\xe9\x95\xdc;\xd5/y\xe8g\xf5\x8e[\xd3\xbd\x05\xed\xb2&amp;_\xda\xbd\x9dH;\xbf\xed\x9e-\x98\x92M\xd0\xfb^G3lk\xdb\xce\'\x00\xab;\xb4\xa6\x89\xe1\xb4\x84q\xb68\x19\x92p\xf0{\xf5\x86\x1d5n\xaau\xca$\x00\xa6\xeaQD\xb6\xf4\xe3y\xba\x01\xe3\x96?5\t\xf9!\x17Eef\xb7g5\x9a\x81\x9e(:\xa6?\xd2\x14\x95ZCJ\xc6\x94")Ga\xe6\\\x98\xf4\x9c\xfa\x04P\x97\xab\x88\xfe\xac\xffP"\xd3\r\x11VV\xad\n7\xac;\xdb\xa9\xd14\r&lt;\xd2\xda\x92\xb1\\\x9a\x93\xbc\xf4\x9c\rL\xf1\xa5\xc9\x1b\xc3\xb4\x84\xd9\x9d\x82\x1f\xfa\x10\xdd\xcf\xfcC\x89\xb0\xf8\x95Z\xf7P1\xad3\x17wu\xf4\xf9l\xc3\x99y\x86\xa7\x86\x9f\x002\x1d\xad\x0et\x9e|"\xfa\x1c[\xa1"\x03\xb6\xed\x07\xbc\'\xbcC\t\xfb\xa8TQ\x04=\xe6\xfcp\x13\xbd\xef\x017 \xb6K\x00\x9e(\xee\xe4X\xa9\x0cTo\xdb\xf6\xab\x9eOjT\xd3\xb6\x11\xbd\xd5\xc241\xe9\x13\x952\xf1\xb0\xf5\x8a=DdNm\xa9\x11\x08I\x14:\x1f\xc3:\xf10R\xc5\x852\x89U\x14(\xe6\x00E\x82\x1e\x9b\xd5u\xaa\xd9U\xa7^\xc5\xde\xf1\xbb\xb3\x9f\xee\xc6t\x98\xc3C\x1ebw\x89=T\xbe\x07\xca\xb4{gpD\xe0\xa4p\xa2\xefg\xaaV\x90\xac\xb5c\xebu\x7fP\xdc\\v\xd6\x15\x08\xcd\x93v\xd9\x18\xe7\xb3\xfa\xa5\xc7\x81\x80\x85y\x80\xd0\xadG\xca\x0c\xa274\xa22\x1f\xc7D\x19N\x80\xb02\xfa\x80\x99\xe2\x97\xcc\xd7\x04\xa4\x12@\xfd\x8a\xd7;\xcd\x1e\x8b=9:\xb1\t\xe79\xe0*-J3\xd9\x14\xba\x8a\'Q\xde\xaa\xca\x91j\x93^\x060\xdall\xd7\xa2\xe3\xdd\xa6\xaf\xcb6"!\x15\xe4\x198;d\xa7\xdd\x8dz\x7f\x9d\xadq\x1e\xd70\x9c\x87\xd7T\x08\xb7\x932\xca\x08{\xe9j\xfc\x94\x1c\n\x9e\xb8\x7f\xf4\x12@(!_\x8c\x17\x0c([\xf8\xf6m\xdb\x88\xfeYJE\xf4\t\xffBu\xc2\xc8fbP8\xf9V#\x9dp\xc6\xe6\xa2\xbeZ4\x9c\xe2\x16\xab\xe5\xc5\x0b\xf3r\xa3l@\xec\x8d\xe5$\xd4\xafu\xbb!e\xea\xe2\xcc\rI\xfa\xf9\xe1\x8f\x1f\n\x1e\xe6\x03\x109\xff\xcd\xd9\\jPI\x7f\xef\xedC~P\xa91\x9fu6\xba2\xd5\x0c\xb66&amp;\x94\xff\xedM\xf5\xdd\x95Z\xc9\xb1{\xb5\xab\xceI\xd1\x1d\xd74\x07x\xa7\x87\xe2\x8e7\xab\x1cU\xd22\x17\x1dR\xd5\xc9O\xff\\\x9d\xf4\x98"7\xa1\x8a\x86\xdc\x7f\xc3Z\x19p\xfe\xd4Qy\x8dX\xec.\xbdm`\xa9\x1e\xb4(\xcf\xba\xb2\xc1\xf9\xc3n\x8a\xa2\xa2\xf47\xbc\xc2!\xf7Y\x9aF\xf7\x00\x1aK\x9e\x06\x88\xa6(\x95\x00\x8a/uc\xd2\x92ZDr\xa48YA\x96\t\x1am\x9fR\x83\xfdX\x1f\xef\xe5\x1e\xfa3\x97\x87\'$\xac\x9ed\xdd\xe5*\xea\xa1\xfd\x7f\x9doi\xee\xff5\xda\xa2\x9b*|(\x90\x86\xa7CG\xad\xban9#U\x93\xf6\xf4\x0c\xfa\x11I\xe3\xfb\x7f_\xc9\xb5N\xf5\x88\x8c;\x95"f\x17]\x94\x8b\xb6&lt;UVp\xf7je2P\x1b\xa0P\xc7\xa9Li\xdb\xe8\x13_\xed\xedJl\xe3_\xf9[/-5\xb4T\xa5\x99\x96s\xdc\'\t-\x99\xc9\x94F\x7f\x13R7\xbf\xe5\x8e\xa6\x17A-(\xce\xb9n\xfb\xf0\xf5f\x9e\x88e\xcet\x94$\xfaQ~\xe68U\xc4\x0f\xa9/\xc1\xa2\xe7\xc1\x8f\xad\x11\xcaQj\x17\xd0m\x15\x11\x11\xfd\x8d\xf8\xf3\xa2X\xc3c\xcdW;i\xb2\x85\x07gd\x8a\xb4Q\xf0sJ\xf2OXG\x90&gt;.\xb4\x04\xc5\x11\x14\xe7*Zm\x1c}~\xa2\x04\x00rD\xde\xe01\x82\xd7\x96^6\xf3\x08d\x9a\x00\x9a\xd7\xb3\xcc\xcd\xc3l\xccW\xaa(\x0fMZJ\xdd\xa3R\xa3\xee\x9c.ZY\x85\xe5\xcdkXE\x17\xf9\xceejtw\x8a\xc9\x896\x9a-\x90\x13\xf4\xb4&gt;!r\xba\xd8\x96\xa2&amp;\xa28&amp;\xd5\x86-F\x842,\xfc]\xf9\xf7\xb1e\x84\xebV\xa4\xd8\xeb\x15\x0bJ\xb2\x95\x06H;\xa4U\xeb\x92\x87\xad%9\xf9\xe9\x99T;\x8c\xfal\x14\x89\xc8\xa6;z\x14\x99\xc1\x86\x1f\x9c`\xbceZ\x0crB_\x99\xcd\x9e\x1a\xa2\x9e\xca\x8f\xd42]\x8c\x9b%N\x1b\x9d\x01V\xabF-}r\xaa\x13C9\r3\xe5\xc8_\xb7\xd4\x0c\xaa\xe7\xd2\x9c)\x14(y\\\xbf~\x04\xbb=o\xef\xf0w\x98\xbb\x1b\x93\x15\xeb\'0\xad\xe3r\xd6e\x0f\xf7j\xca\xef\xf5\x85d 3S!\xbe\xf2\xc1\xe3y\xd96[\xcc\x87\xdf\x01\xe2}\xdd@=\x82|\xe0\x8e~\xfaUJUe\xc9\xc76\xb2\x17\x06yQ`\r\xbc\x04\x90\xd9\xb1\xd3\xef\xdba\xb6\xed\x8a\x89"s\x18\xady\x0b\x15:\xa3M\xc1$\xf6k\xc0\xfe\xf3\xf6\xcaO\x9d\x15\xcf\xc1\xcc\x9b\x08,LMQ\xb9\xd9\xdd\xcb\xb7\xc8\x13\xf4\xd3\x16B\xe8\xed\xbcf\xb5\xafL\x99\xd3\xa8_/\xbf\x90/\xb5/V\x9d:;\x92\x02?k\x93\xdfZt&amp;oG\xea\xd6\xc5FuP\x1f\xa4&gt;\xda\x1f\xa6\xa6-ydop\x03\xd9\x9f5\xac\x9c\x01\xef\xa4\xcfi\xdf\xf4\xea\x93)\x9cy\x97\xb59\x0e\xcd\xef\xc2\x7f\xde\x9f\xcc\xfc\x87O\xdf\x14\xeb\x9e\x16[g\xd9q\xc2\xf7C\x1f}I\xad\xd8\xb1(\xe6e\x1eo)\xd2\xd4\xd4z\xe1\x99\xfe\xd2\x8as\xa1E\x91\x11\xbd:\xf0\xdb\xd8\x85\xb6|I\xc8\x94\xa0\xfeT\xa3\xee\\\x0b/\xbaO\xeb9\xf6W\xc4\xdf\x9ft\xd3\xfd4\xe0\xf0G\x13!\xd9\xa9.\xaa\xe8V/\x1fn\xedD\x8d\xa7\xbf\x9e\x056\x98]\n\x0bE\xd1\xf3\xdf\xba"\xa2\xef\x88I\x96\x843\xbe\xda\x83\xfc\xcd\xe2r\xa6\xa6\xbb-Vo\xdbLp\x0eX\xf1\xa5L\xcd?w\xd1\xd3\x1a\xf3\xcf\x15\x13\x14\x1dA\xeb\xa96(\x93\x89\x88\xe8\xbf\xf3\x04*\xc2}\xb9\xd6\xb6\x10\xa2\x13\x0bz\xa3\xb8R\xbc\xbb\\\xb4A&amp;d\xf8\x0fef\x16\xac\xea\xd3\xf2\xf4&lt;\xbe\xfbq\xff\xb9\xe4\x03\xe1C\x96\x8a\xe0g\xab\xb3,\x13[\xb1\xe6\xe5v\x07o\xe4Ti\xb9s\x12\xf6KS\x18k\xd3\xc9\x8cb\x83\xb0Ih&lt;i\xe3Et\x16\xfa\xb8^\x9fCt\xb8\x0f\x89&gt;\xd9\xea`gK&gt;R+e:\xaf\x162m8J\x8fs82&lt;\x89N-\x91M\xe1\x9e\xc0,\x8c\x11\xa5\xf0\xb0\x01g\x8d*\xcc3\x17\xb9\x0e\x91@\x99\x0e\x91\x953\xf5XE\xb6\x1c\xf3\xdd\xae\xbb\xe2H\xa5\x8d\xfb\xd3\xd6{\xde\x9b\xfc\xc2n\x89K`h\x89]\xe0\xf2\x8d\x8c\n\x89YB\x9cQd\x1aT\xd6\x8c\xb9^Fw&amp;\xfa\xbe\xa62{\xa6\x1f\xd6\x1b\x8b\xd1\x19\xd1\x84\x13\x0c\xc1\x87S\xf8\xd4\x15\x83\xe9\x8f\xfe\x1e\xab\xbbz\x03\x18\xd6\x0b\xf9)\xda\x9c\\\xb5\xdfZ\x18\xaax6`\x05)\x93Q\xbf\xfd\xa9QDq\xb1\xdcRNjR~T\xf4\x9b,_\xc6TN\x1f\x05\x7fL\xe73\x96\xd9{\x0b\xfe\x18;\x84*i\xe9s\xba\xd8y\x19~H\xd2\xf8\x1by\xcd\xf8\x15A}&lt;kZ\xd9\x15\xcfOR\x15\xc5\x94\\\xa9h3\xaav#b\x13G\xa5|\x03\x91|\xf5\xa7e\xe1\x0cQ\x1c\xeb\xe7\ts\xea\xe2\xc9H{\x0f\xd5\x94\x9d\xf0\x13\x16\xec\xb3\xc1?\xd4\x87\x1d%\x8dE\xb2\xb7\xed\x11\xe3~\x9cyy\xe5V\xf1\xeeC\xe6!\xc2"\xc1\xf8J\xdb\xe9jG\x98WB[\xab\xeb\xf4\xf8\x85uTW#Jy\xa8\x97\x1d/\x8d\x93\xbaD}1\xb4m\xdbo\xafP\xa4&gt;n\xe6\xc5r&gt;=!\x1f\x17{(\xad\xe9\x0c\xafe\xca\xbaJ\x05\xc2\xabe\xe6\x9e\xaax\xf9\x13\rIm|\xae\x11\xeaK\xb6\xfd\x87\xbd\x08\xa0m#\xfajC\xdbB\xa5V\x97{=\xfd\xb0\xb9\n\xa3\xab!\xe61t\x15\xce1\x8a\xa9\xd1%\x00\xf3ui\xb7\xc8EC\xcf\xe7a\x8a5mgLD\xddw\x1e46\xfd\xb7\x86\n\x964\xbb\xceRH\xcb\xdd\x84H\xf4\x12\xaf\xd9S\x1a\xa7\x95\x06\xff(\x89P\xde\x</t>
        </is>
      </c>
      <c r="E674" t="inlineStr">
        <is>
          <t>&lt;class 'numpy.ndarray'&gt;</t>
        </is>
      </c>
    </row>
    <row r="675">
      <c r="A675" s="1" t="n">
        <v>673</v>
      </c>
      <c r="B675" t="inlineStr">
        <is>
          <t>steps_per_sec</t>
        </is>
      </c>
      <c r="C675" t="n">
        <v>9700</v>
      </c>
      <c r="D675" t="inlineStr">
        <is>
          <t>10.121468</t>
        </is>
      </c>
      <c r="E675" t="inlineStr">
        <is>
          <t>&lt;class 'numpy.ndarray'&gt;</t>
        </is>
      </c>
    </row>
    <row r="676">
      <c r="A676" s="1" t="n">
        <v>674</v>
      </c>
      <c r="B676" t="inlineStr">
        <is>
          <t>Loss/object_center</t>
        </is>
      </c>
      <c r="C676" t="n">
        <v>9700</v>
      </c>
      <c r="D676" t="inlineStr">
        <is>
          <t>0.23931739</t>
        </is>
      </c>
      <c r="E676" t="inlineStr">
        <is>
          <t>&lt;class 'numpy.ndarray'&gt;</t>
        </is>
      </c>
    </row>
    <row r="677">
      <c r="A677" s="1" t="n">
        <v>675</v>
      </c>
      <c r="B677" t="inlineStr">
        <is>
          <t>Loss/box/scale</t>
        </is>
      </c>
      <c r="C677" t="n">
        <v>9700</v>
      </c>
      <c r="D677" t="inlineStr">
        <is>
          <t>0.07774318</t>
        </is>
      </c>
      <c r="E677" t="inlineStr">
        <is>
          <t>&lt;class 'numpy.ndarray'&gt;</t>
        </is>
      </c>
    </row>
    <row r="678">
      <c r="A678" s="1" t="n">
        <v>676</v>
      </c>
      <c r="B678" t="inlineStr">
        <is>
          <t>Loss/box/offset</t>
        </is>
      </c>
      <c r="C678" t="n">
        <v>9700</v>
      </c>
      <c r="D678" t="inlineStr">
        <is>
          <t>0.14093372</t>
        </is>
      </c>
      <c r="E678" t="inlineStr">
        <is>
          <t>&lt;class 'numpy.ndarray'&gt;</t>
        </is>
      </c>
    </row>
    <row r="679">
      <c r="A679" s="1" t="n">
        <v>677</v>
      </c>
      <c r="B679" t="inlineStr">
        <is>
          <t>Loss/total_loss</t>
        </is>
      </c>
      <c r="C679" t="n">
        <v>9700</v>
      </c>
      <c r="D679" t="inlineStr">
        <is>
          <t>0.45799428</t>
        </is>
      </c>
      <c r="E679" t="inlineStr">
        <is>
          <t>&lt;class 'numpy.ndarray'&gt;</t>
        </is>
      </c>
    </row>
    <row r="680">
      <c r="A680" s="1" t="n">
        <v>678</v>
      </c>
      <c r="B680" t="inlineStr">
        <is>
          <t>learning_rate</t>
        </is>
      </c>
      <c r="C680" t="n">
        <v>9700</v>
      </c>
      <c r="D680" t="inlineStr">
        <is>
          <t>0.0009990922</t>
        </is>
      </c>
      <c r="E680" t="inlineStr">
        <is>
          <t>&lt;class 'numpy.ndarray'&gt;</t>
        </is>
      </c>
    </row>
    <row r="681">
      <c r="A681" s="1" t="n">
        <v>679</v>
      </c>
      <c r="B681" t="inlineStr">
        <is>
          <t>train_input_images</t>
        </is>
      </c>
      <c r="C681" t="n">
        <v>9700</v>
      </c>
      <c r="D681" t="inlineStr">
        <is>
          <t>[b'512' b'512'
 b'\x89PNG\r\n\x1a\n\x00\x00\x00\rIHDR\x00\x00\x02\x00\x00\x00\x02\x00\x08\x02\x00\x00\x00{\x1aC\xad\x00\x00 \x00IDATx\x9c\xed\xbd}\xf0\x7fOU\xd8\xb7\x175\x82\xe2\x038\r\x05\x95\xf8P\x870Xm\n*A\xab\x90\x89\x0f%\n4j\x11\x1f\xe2\x18\x15\x8b\x89\x0e\xf5\x19\xab\xc4\x87hb\xaa\xa3(\x16"\x98\xd0(T\xc7I@0I\x9bQ@\x11\xb1\x04\x91\x01Q\x03j\x8a\x10\x9f\x8aN\tZ UO\xff\xb8\xf7\xee\xdd\x87sv\xcf\xee\x9e\xdd\xbb\xf7\xfd9\xaf\x81\xef\xef\xfd\xb9\xef\xdds\xce\x9e={\xf6\xe1\xde\xf7\xfbm\x8c\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x8a\xa2(J)\x00\x00\x80]\x8cK\x12\x85\x83*\x90(\xe4\x14\xd8x\xb9{\xfd=\x00\xab\x0e\x10^\xa4\xa4\xa7\xb4Fr\xa0\x91]\x1d\xfd&gt;i$\xb3\xc0Z\xc6\x9a\x9d\xf3+\xd5\xea]\x8e\x15\xcb\xaeR\xac\x88\x94\xf6\x8cRi\xc6\x1a\x9c-S!\xba\xd4\x92Bo$\xca\xbfo\xaed.\x86\xbb77PP\x15t\x98\xd8\xf2\xa8\n\x82~@G\x1bc~p\x88\x96\x89@;\x05\xed\xact\x12\xe2\xa4?,O~\x84[xOvAynJ\n\x8a\x01xA\xe3f\xd2{\x12\xcd\xc1,\xac$e\xa71\x89\xf7\x03)|\xb1\x19i\x1fj\x00\x00\x9e\xca\xabU\xaa&amp;g\x00\xab\xe4K\x90\x8a\x19OV\xf9D\nJ5\xdf\xa40\xdb\x16\x96\x0fxaC]\xb2\xd6\xca\x9b\xab*\xd7\x82\xc6\xfc\xc8\x9e&gt;/\xa6z\x82\xb6\n\x00\x1e\x87]\x0c\xbc\rQX\x03xkj\xb7\xb3\x12#7\xeeXx\xb4\xf9\x9f\xed\xbb\xf7\xf3\xba\xb9%\xf7\xad5\xdc\x15b\xb8\xb2\xa6\x9b\x19\x84]\xc2\x18\x7fy\x1eB\xda\xc6X\xe8\xa5e"\xfb3B\'\x7f\xfa\xecD\xb5vN\xbf\x03\x00\xbc\xbe\xd6\xb2f(\xdb\x98\xadE:\xeb\xab\xf2\x1a\xab\xfb\xb2v\x02H\xed\xfb;a\x9b\t\x00\xcf\xb7\x17\x87\x9apsl\x1d\x89\xe4qn\xf7\xc6\x05\xdd!\xean\xd8\x13C\x97z\x0bOs\x8c\x14\x901\xd8\xfb\x13\xd9T\xd2\xa7\x16\xa9M\x8c\xf1\xcf\x7f~\x86^\xb6\xa7\x85d\x8c\'\xa4\xc5\xc21\xe7\x91~\xc8"&gt;\xd2\xea:\x91\xd3\xfb-\xe1\xd1\x0f\xa6I\xb1\xed\xf1\xf0\xac\x16\x1e\xf3\x9a\xbaj\xe7A\xa5,Q\x15\x92\x92g\x8cE\xe3\xa7*\xb3\xaf\xdc\xcd\x9e\xfe\x1a\x07g\x90\x98\x98\x15\xb3\x029\xc3\xbe\xd4l\xcc`z\x0e(\x13\xe8]t^7E\x18\x18\xf3M\xcekgc\x14\xae\xf7\xc3vEvV\xdbp"\xd5\xc19-q\xbf\xa0\x13\xc0O\r4\xe9\xd2\xb4G\xc6-EW\x06x\x11v\x86\xc3\xafn\x8c1\xe6\xd3\xbd\xeaa\xf2\xe3/|P\xf9\xf1\x0c@\xa5f\xa9\t\xe0\x10\x88\x8dF\x96L\xecd,*\xf0k\x00\xe6\xbe\xc5\xb2\x11]\x8e\x16\xc4\xf9=\x82\xf9\x8f\xb1\x93\x8a\x91\xdc\xd6\x14\xe0\x01\x00\xf01\xde\x95\xe7\x88\xa6\xa4\x9bu\x9c\x10w\xdd=\xe3GVZc\xb4&lt;\x8fg\x04c\xa2\xa9\x82\xa5\xd7\x180\xe6\t\xa2Mv\xd5\'v\xa9\x85\x96\x16\x1bp\xfc),\xfe\xe0m\xdd$+]\x07`\xef\xd1}\xfa\xed%E\x9ex\x99\x89\x17+&lt;\xdc W\xdf\x89;\xa5\x0f\t\xe7\x80\x07c\x1b\x05\xbe\r\xb2p\xf2/j\xe2\x15\x87K\xd1f\x91\x14\xc2&lt;$4\x06^\x7f\x8d\xd5\xd9\xa3\x92\xef\xf2O\x11e\xac\xe9@\xda\xb2S\xc6\xe0\xc4\xde\xba9\xe2\xfe%\x16\xe5\\Q\xad\xc6L\x93\xfd7\x93\x12oe\x1e\xd7\x91\xb4a\x80+\x98*\xd2\x85\x8a\x16\ru-\xaa&gt;\xca;\x0bwR\x14\xb7\xfb\xde\x036\x01Wp\xf8\xdc\xd6Ur\x0f)A\x89\xb1\xbd,\x8b1fY\xf6\x92Xm\xef\x8f_%\x83xY\x96\xc5\n\xaabY\x96c\xf6\xdf\x0ck\x12(\x00\xa4\xd6#\xab[c\x13\x9b=\xe1\xf1=b\x92R\x14t\x1f\xed\x91\xb5\xd3\xd8\xd9\x82_\xd2\xa9\xb3\x1bQZ\xf1,\x167\x8c\xa5\xe3\xf9\x8f\xcd\x90c c\xfe\xfe\xd9\x031\xcd\xdc\xd6\x8d\x02\x9d\xab\x8b\x96\xd2\xeb9\xc0\x1fg\xca\x80\xe9\xb0,\x85\xb6O\xc3\xf6#\xb5\xe0\x1df\xc3lN\x89\x80\xb7\xec/\x92\xa6\x06o\xd5o\x02*\xaa]\x93\xd3[\xda\xf8\x9c[\xb1:~\xc9\xd3]3\x1b\x00\xf0Z\xecb\x8f\xb4\xda\xe3\\\xc2\x95\xd6"\xf7\xc4\\)r\x92\x8e\x89%]\xcd&lt;v\xef\x8d\xb5/ejy\xc0L\xd0\xb2\x14sx\x1e\xbb\xd8[\xe9c:+\xc8\x1a\x90\\dL\xd0-3Q=\x01\xa4\x9f\x01\x80\xe4\xf1H#-}(83\x01|i\xd1\xe6\x89\xa9\xb8\xd4\xb8\xec\x040\xc1s\x9c\x9b\x8d\xf0k\x99\x1b\'\xb748\xe7\xdf\x99\x89p\xad\x16\xb6\xf7\xc8\xb5\xda\x8b\x10&gt;\x94R5\x01\x1c\xf7c\xa9\x02s\xfbIn\x0e\xe0=\xd6\xb2\xf3wD\xb4b*P\xfe\xcd\x04i\x08&lt;\xf2\x85\x87\x185\x82\x9bI\xff\x83\xcfyh32\x1e\xed\xfa@\x84\x88\xd0\xf3\x9d\x18\x13\x0cN\xa9C\x83\x01y\'+=\xd1\x96\xcf\x1d\x98k\n\xf2_\'\x03N\xd1j\xb5\xaf\xdc\xd7|seua{\x86\xe1\x1a~\xf6,\xdc\xc4$\x86sFP\xd7Q\xd6\x9e\x1bg\x0c\x83 7\xd5\x99\x07\xd1@\x95\xed\x89X\xd0v\xa4\x90\xad\x984\xc3\xbe\xd3\xb5S\xe0\xc5\xfb3\xac=\xb5\x84J\x83\x1b\xaa\x03U\x07\x14\xed\x00\xf0\xea\xfb\xeb\xc7\xb7\x98\xd1PW\x84\xf9\x86~\x01\x176]\x94\xf6N\x9c\xd1\x93R\xc9\x1a\x9d!;%&gt;\x00\x00\xf8\x1bL\xabX\xd2\x84D%\xf8\xf1\xda\x8aBK\x8f\x13\xef~\x03\xfcr\xa5\rn\xad\x9f\x916L\xb9.\xa7\x04\xf4\xa5gq.\xb2\xc7\x15\xf0\x84^^\x93\x12\n\xf0\xe7\xcc\x067=}T{\x9a\xc19\xd9,\xf5\xf0)Q\xdc8\x01\xb4\x9c\xf8\x9d\xce\xb4\x86\xf5 \xfd\xe1\x18)\x15\xa7\xb8\x14\xe8\xaf\x8f\xbc\x1d\xc4\x0f\xac\'\x8f~\xfe\tEK;\xaa]z|\x06BN\xf8\xf8\x1ei\t)~\xbdi#\xed\xdc\x1d\xd8\xed\xf1\x9cd\x16\xee\xe7\xea\xeae\xdc\xc5\xa8z\x12QX\xe6H8\x13@\xa2\x00\xb3\xf9\x1d\xe3\xb2*\xc10k4Z\x0e&gt;\xd5r*\xb5\x0f\xd67\x1f\x93{\x00\xbe\xb8vg\xcc\xfeD\xa1 :\x91\xe3\xb4d\xcf\x19`f(r\x02\xe8c\x15\x1fxbM\xd0s\'\x80\xe6\xcf\xaf}o\x87m%\x93\x99\xa3N\xa9\xe3\xcc\'\x1a.\xb7\x03\x98\xc1Z\xce)6WT\xb7\x01}V\x86:\x91\x91\x8d\x85\x93\xcem\xefPwNC\xef^\xbe[\xa3\x94@\xec\xcb\xe0\x06\xb0}s\x9b\xccw]-\xbd\xa7\xe0;\x14[\xcb2l$-\xe6\x9c/\xe5\x9a\xe7\x8b\xc0\xeeN\\\xd5\x8d\xf4g\xf0g\x8e\x8fZ\x96;\xb9b\xabA\x1d\xc4g\r\xa7i=&amp;n\xd6\xe0\xf1#u\x17d\xda\x0eRZ\xa0\x86^\xba\xb3u\x0e\xc8P\xea\x9di\xbd9\xada\x97f\xb0OE\xd4\xcd&lt;I\xa7\xf9\xde\xb3\r8\x85\xde\xcf\xe4\x0c\x98\x01.\x19m+\xa5\xde9whQ\xba\xafw\xefE\xb9\xf3\xc4\x11{\xd1y\xab\x11\xf1F\x07\xab\xfe\x9b\xdc\x04H6\xe8er\xa2\x94\x19\xb8b\xb0_w\xd9\xde\x88\x9b\x9e(\x0f\xdco\xa0=\xe3\x11O\xd0\x814\xbd\x19\xa0\xdc-\x00\xbc\xefU\x03c\x98\xdf\x8aq\x16\x82\x8f\x81]\x0eN\xc3\xef\xa6g\xa4\xe0|RRQ\xf2\\7\x80&amp;\t\xfe\xecg\x95\'\xb1S\x84\x8a\x96P\xed\xafvK\x0fo^\xa5\x8f\xb0}\xc0Y\xb6(gpG\xba\xfcBmL\xf7\xc8\xadM\x00%\xdf\xb7\xba\xb6\xfc\x12\xcd\xbf\x80\x89\xc6\x98-\x9c^\x14\\9\xcb\x98j\xac\xc9\xd73}\x05\x8cy\xb9\x9c\xa8\xa2Arc\t\x85\x82yz&gt;\x837r\x13\xc0e\xa3\xbc\rx\xd4\xd9\x16\xb0\xb9P\x07\xc1S\xce\xb6`OY\x8a\x183d\xb1\xd9`\xfa$.6\xde\x91\xa8\xc2g\x8e\xb6b(`\xcc\xb3\xb3e\x06Fu\xb5\x9a\xd2\xe5\xd7\x0c\xf4vlV\xfe-\xe7\xab\xf4\xc23s\xda[\xaf\xf4v\x1d\xda\xc0\xa5]\xd2\xbbC\x07\xaf\xc2 \xf9\'^\x05\x00\xe0i\xb1\x9c\xa9N\xf0\xaf8\xf4\xfaO\x00\x8c2\xfd\xd4KQz\xdf\xc9n\xd5\xdfU\xa7\xae\xe1\x81\xbf[\xbbQ\xa8H\x8f\xd2scc\xd5^\xda\x1cj\x00N\x15\xe9\xb3\xd9sGp]~\xf2\x0el\x92\xde\xbfh\x14\xea\xf8\xa1\x00\x17!i\x02fUkO\xbf;A\x10\xd4\xef\xbf\x1f$iFo&amp;\xf0\xf4\x08\xc65\xf2n\xf8\xb3\x17=\xbcw\x1b\x1d\x02\xa23\xc0\xe9\xe7\xd4\x89\xa3\x1b\xd1\x99\xae\x9e\x96\x03XI;\xac\xd8\x0e\x92O\x0f\x83a\\\xbe\x99\xa5\xe6g\x17YM\xd6\xdc%&amp;\xf1\xd5$iQ\n\xe6\x8d\xc1+6\xb6\x9f\xc5\x17u\x88%6\xbe\xb45\xe2\xcd\xbf\xd2\xd7A\x17\xb1,K2\x12\xe7\xf9~\xdfY\x98|\xbe\\\x96\xc5\xc8|\x13\xf8D$\xdc*\xf4\xb5\xe7\xc2\xac\x91\x90\x9f\xbd\x9e\xdbKuA\xf9\xbc\xc0j[\xaa\t\xbf8\x9d\xdf\xc9\xf0\x9f\x0c@I\x05\x87\xef\xa9\xa8s\xf3|\xe9\xd9\x064"\x1e\xbd3d\xf9\xbb\x03g1;\xed\x827}r\xc2\xdc\xbb\x801\x00\x0f\x96\xb1\'\xbf\x9d\xfax\xaa\xd6\x8c\xfe\x95f\xd2F\xc6\x1d\x90\x89\xaav\x8d\x8e\x8a\xabw\xbd\xac\xf5c\xc6\xc2\xb5=~\x06\xe3?"\xc4\x8c\x83\xd4Pu\x86v\xf6\x98\xab\xdc@\x96\x9cW\xfb\xaeK&lt;@\x95m\xef\xd5\x13Ew\x1a\x9f\xd6w\xfd\x9b]V\xd4\xaaZ%x\x1a\x99\xc2\xf2\x1b\xc9\x16\x9b\xce\xc6w&gt;\xb2S\x9ca\x91\x04B\xd3\xff\x15\x81\xe1]\x00\x00\x00\x8f\x1e\xa1HJ\x0e\xe6\x1f;\xd8\xed\x9f\x89\xbacf\xa9\x01\x92\xcf\x19#\t\x0f\xcanr9\xd2\x92\xef\xde\xe7\xeel\xfa\x04\xe9\xed\xaf\xb4\xf8\xbft\xebK0x\x05\xeb8e\xa4\x0bF\xec\x05\x815\xf69\xd9\x19-P\xe4\xb6\x8bf\x85\xa2\x85,\x85\xc0\x8d&amp;\xeb;\xf4\xb6\x15\xb0u\xf0Kf,\x99\xf3\xf6\x99B\xb0\xf6\xda]\xee4\x80\xd4\xbd\xbd}|\txh\x80\xab7[y\x96d\x8d\xc9\x1aL\xc9Ys\xe3z1\x9bX\xf8nY\xc52\x0b\xf7\x86\xe9\xc3\x11vdf\xe9a\xa6(\x17\xe4\xa2\xeb\xaf\x1eP\x87\xe6\x00\xf0\xb7\xa4T\xc0\xa7\xa0z?:\xbe\xf8\xfa:\xf9\xdcu=\xa7\xd39\xe5\xb2\xa7dy{\xd8\x9b\x9e\t#u&gt;\x8b|&amp;t\x99"\x05c{~\xfc\xf9\xe1\xeb\xc6?.6\x7f\x10\x0f\x84&lt;M\x1dkC\xd7Y\xb9`\x02\xd8\xca\xe7\x052\x94\xbe\xc8y]\xd96]\xac\x14\xa3.\xbb\x0b$\x9e\xb28\xfe|\xbb\x06C\x1e\xd4=\'\xdc\x07\x10\x9a\x95c\xbbK\xb3?O\x0b\xcb\x12\xd3\xdc\xa8\x19\x16+g\xeb/\xc1\xdd\x9d\xd9\xd5\xdf)\xf6_\xc8i\xb7\n\x00\x7f\xec+\x1e\x83\xdd\xd6\xf2\xec)\xb2\xc3\xf3\xbf\x1b(\x08\x02\x91\x96\x811\xef\xcf\xb3\xd9-s\xd1X,\xb2x\xdcSd\xafF\xd5\xc3\xfa,pw\xedY z\xa1\x14Q\x1ev\xd1\xc59\xd2\xff\xe9\x06\xd4\xd1\xbet-\xd2U\xd1Su]\xeb,\x10\xdb\x1a\x08\x9f6\xb8_\xcf\n\xa3\xf4\xf4\x1c\xbb\xb1o\xc0\x83}\xa2\x8b\xb0f\x86\xf1\x06s\xec\xdd\xee,\xdfm\x8c9\xe9\x1cC1U\xc3\x90{J\xf3\xf7\xc4f\xa6\xcb\x05\xc7\x9c\xd6&gt;\xa1\x93\'\xa9\x85|z\xb1\x00N\x81\xea}\xe5V\xfd[\xaa*\xef\xf3\x93\xd19\xa0\x19|\x8e\xcf\xd6\n\xc1\n\xb4\x1d;\xdc\x0c\x89\xf8\x9c6t\xa5\xd2\r\xeb\x00\x87\xf7\xe9\x811LbFL\x91\x8b\xb8\x0f\x90B\xf4\xa8,\xacO/\xe7\x9eE\xb5O\xce\x1e*\x0b\x9fZu\x1f\xe9\xad`\xdd^\xf6{T\x16\xee\xc0\x17\xcbA\xad\x03\x9d@\\VW\xc5b\xf6\x0fo\xd4k\xb9\x19\xec\x07\x02\xe2\xe1V"$Sw\xbb#w\xfa\xf3\xe3U\xb4x\xe6\xea\xda\x99\x14e\xa4\x92o\x03\r\x9a\xed\xfc\x99\xf0\x086\xe0\xcbf\xceei\xf2\xf8\x82\x1a!\x87\xa0\xe8i\xd7\x14\r\xfe_\x0e\x01\x0b.\xc6~\xcb\xe7\xe4\xe3j\x00\xfe\x90j\xf2F"\x96^\xd0"\xf7&lt;\x00\xe0\xc7\x07kt\xfe\xbd\x10]FQ\xfb\xce+u\n0=c\x8e\x8f\xe0\xaf\xf4\xd6p2\xd7\xeb\xf89\x10?\xc1\xbf\xe804\x13X~G\xb5\x9f\x9b\xbao\xf5\x80\xf8\xa2\x8d\xaa\x88\x03\xc1\xd0\xb9;N;\xea\n\xda\xd1\x87q\x8f\xa8\x9e=\x01\x9c\x0b\xf2\x94m\x9b\xc0\xd2\x1f\x849\xc7\xf5\x8b9\xe7a\xd2_\xc7\x9fk\x16\xb3\xe4rG\x1ev\xf41\x9d\xb0-\x1b\x1eWP\x85!TF\xcc`Z\x8f1\'\x87\xc8\xcb\xf2\xc9zi=\x1c\xbb4q\xcb\x13\xbe\x10v~|\x0c2r$\x02|\xde@m\x94\r\'\xec\x83N|\xdc\xd8\xfb3\xf70\x0f.\x04\xabv\xcd\x04\xaed\xc0\'\x00\xe7\xf5\xbf\x12\x92\xa9\x08R?\x97^\xfd\x99\r\xf7\x01\x15f;`\x7f`\xe5\xc2\xcd\xae\xa5\xa5\xed\xbb\xab\xef\xa4\xe3\x94n\xdc\x85\x07\xf0z\xd3\xf4\x9b\xc0\xf0?I\x991\x08|\x05Z\x1aDwrU\xb2,\xf5{\xef\xa5\xa5\xb21\xc6~\xa0$\xbe~\xb7O\x84\xd3\xa0\xce\xb9%wi\xf6W\xcap?\x12\xfcO\x8dy]\x85\x84\xeb&gt;\xc9\xe4\x00\xc6&lt;\xfdl\x1b\x8a\xa0\xbc~\x03}\xd1\x8f\x9b\x9c\x00\xd2\xd6_\xbbmgp\xedI\xb4\xf13bU\x1a\x8b\x0f\x8eNd\xfc\x1ey?\xec\xb1\xffH\x89%?ox\xf5\xa3HY\xd4\x1b\xf3\x03W\xf84\xd9\xa4Pw&amp;\x87\xda0P\xe9\xe0\xe7_K\xdb\x85\x9f\xc9\x08\x1aTk\xc6\x89\x00l\xb3\xe0\xad~\xf5\xc8M6\xaa\x08\xde\xb7V$?\x87!eJ3M\xf7\x00\x06\x03\xdbW\x81|\xec\xfe\xe7\xb9\xe6\x8c`\x99|\x8f\x16\xf5\xc19\xcf\xe8=XRXc\x82[l\x9f\xcd\x11\xa0"\xf9\xda\x15\xa2K\xd7\xf6\xf6\x8f\xde\x97\x8fU\'I\xb0\xa2\x9c\xe4\xc8\x17\xe0^3\x981!\x00\xf7&gt;\xdb\x84V\xa4zv\x9e\x08\x99\xc5\x8e\x1d\xfb\xfd\x8ci\xde\xbe\x17\xbe\x043\xdb9I\xda4f\x8f\xc5G\xf0\xcbG\xa6\x9f\xd5\x92w\xf9\x7f\x02\xc0}N\xb1cb\xec\xd9\xd8\xe0\x1e\x9a%\xb8w@\xe2\x0b\xee\x05\x91\x1a\xfe\xf3\xb4hBfv\xcdt\x13\x00\xf9\xee@3\xe3\xdb\t\xa5\xd5\xe7\xf0\xa80\xd0\xb0\x96a\xae\xec\xaa$g\xbe\xd9\xa6\x87\xd2j\xb6Yp.\xa3\xee4_s\xb6\x01\xe72Q$&amp;L\x190`\xc0\xc7{\xab\xbbr\xa5\x92\xec\xfae\xb6\t`6\x86o\xc8\xea\x7f\xf9C\xd8\x14%\xc7\xd0\x9b\xc0\xeb\xc6\x18\x7f\x0b\xf0%uELP\x15\xd6O\xb2\xee\x7fyw+a\xff\xbaz\xa62\x8d\xd4\x04\xe2\xce\tz\n\x00\xb9\xe7\xdbo\xe7q\xf5\xbeN\x0c\xbaN,K\xa5F\xbd\xbd\xcc!\x11\x93\xb3Gj"\xc3\xa2Kr\xf1\xc7-)\x03\x00\x9e\x1c\x9e\x081\xbcy\xf5\xd4\xd0\x95\xd8\x81"\xce\xc2wo\xdd\x1e\xcc\xbd\xd6\x04 hj\xa3\xa8\xea\xb5\xd4e|=\x90\xa0+\xdc`\x0f\xe2\xf3B\xb1\xea\x81\r\xe9\xa2\xef\x9b&lt;|T4^\xed\x93\xda\xc8\xf3\xec\x8cs\xe7+\xe5\x863@\x02\xb7I\xda\xb6\x96\x8dc\xa3\xdf\x04P\xc1\x89\x96H.\x95\xa6\xf1\xa7\x12\xf7\x83\xbdQ\x87\xe6\xc9\xa2\x9e\x1bq\x04\xc4\xb0\xe7\xc7\x82\xbf\x99\xbf\x02\x06\xc7\x7f\x9d\xe7\x94\xd9\x86%\x1e\xd7^\x98\x1bR\x1d$4\xa1\xff\x9e,\xb0\xc3\xdf~&gt;l\xe2\xb3\x82\x96\xaf=j\xcc\xb9\x94\xd6\x8ad\xbe,\xb3\x7f\x04\xe5\xf6\xa0\xba\xc8\x8d&amp;\xd8\x17\xbc\xdbE*ON\xf5\x1cZ\'+\xc0Y\xfa\x8d_\xae\xc0L\xbfO\xedr\xda\xf23\xe9\r(\\T"\'H\t\xe1Sv\x848\x00\xff\xba\xb6"\xc0Cdma\xab\xfe\x9c\xc2\xf2}\xcc\xb8\x04\x9c\xb6g\xb3\x9d[\xe0\xf6\x9dY\xdaT\xd9g7\xe7\xcc:\xd6\xa4\x91\xc6\xbd9}o\xaap\x9a^\xcb\x95\x95\xbf\x03s@\xbf\xa7l\x11]\xb8\x017\xee\xe1\xc9\x01\xc6P\xba#c\xa1\x86\xd2Eh^\xe0\xdcn\x1el\x1d}{\xdf\x0b\\\xa6\xa8R\xd3g\xee\x88\xdb\xe0\xb5\xce\xeb\xa9\xe3\xfev\xe1&lt;\x17sf\xfa\xff\xb3S\xb42\xd8n\x98\x14\xa6\tg)\x8d;u\xf2\x99v\x1e\xdb\xbc\x95K\x8b\x1c]\xdc\\\rx\xd4Dq8?"\xeb\xf7\xa2\xda]\xee\xf3\xc0y\xf7\x8f\xb6\'E\xccb\x9c\xaf\x89\xb6\xf6\x14\x19\x06\x00\xeb\x1d\x16{\xc8\xa4\xcf)\xc7\xac\xceI{&amp;\x0c\xe8\x06?n\xa2\x1c\t\'\x06[\x0f\xe0\xb6\xbe\xcfy\xed\xaf[jQW\xecH\xc9z\xec\xd6\x1c+\xb5H\x00\x1f\xf7\xad/o\xd3B\x9d\x8aJ-I\x7f\x14\x15.!y\x06\xec=s\x81\x05N\xff#\x88\x1br|\x88T\xc4\xca\xdeNs\xc5\xdeY\xdei\x8ca\xde\n\xd6\xb3\xfe\x04\xf4\x14\xd0&amp;6\xa9HL\xcd\xa5\xa8hv\xf6\x03\x1630\xbb}m\xb8\xad\xab\xee\x8bK\xf4\xe3\x85\xa8\xf0\xe7\xf9\xde\x9f!\xf7%\x0c\xf8\x82\x12\x9f~?CQb\x0e`ji\x07\x1c\xbd\x15\x15{p~ *\xb5\x9c;~c\xed\x00\xf0\xd0SL\xb9\t\x86\xf6\xa6\xf8C5=\x10\xb40!jr\'\xf4\x03\x92\xe7T\xed^\xb9\xb3\x8e\xbd\xb3\xdc\xe9\ru3\x15~\xab\xff$\xf0\xf6I\xb4\xf3\xeeB|\x1c\xbbd\xfb:\x1d\xe8\x96\xda/\xe5\xa8\x16~]\x16\xe7_\x8c\xd6\xb1&lt;\xcf=\xae\xe8k-n\xe4Q\xc8I\xf3\xed\x84&amp;M\xcf\xfa\xfc\xcb\t\x9b\x80q\xfa\x02\xed&lt;\xcd\x82\'\xf5\x94\x909G\xd1\x98\xde\xc9&gt;\x92\xdc\xdb\x801 \x87\x15\xa7\xd8\xd1\x81\xa9\xfa\xc8\x1d\xaaS\x19v\t\xecxS\xd7\x850\x93\xd1\x1e~/"\x0b4\x08\x1fF\xbf{\xd3\xf0\xd3\xec\x92\xd2\xaa\xcf\xe5\xac\xfe\x9d*\xaeP\xc4\r\x9cm4]\x0e\xbd?\x8f\x13&lt;\xfc\x80\xdf\xd4\xad\x8d\xbf\xa9&lt;\xde\xef\xf6\x0c_d\x8b\x01\x13\xb9\xf2l\xa6\x8a+\xe5*|T\'\xb9\xa5\xd1\x08\xceo\x03u\x8a\xe4\x9ad\x9d\x13\xd8h\xa9\xd4\xa0}w\x11)\xd2\xf8\xf3(\xf9\x95m\xe4q\x991\x0f\xe8f\xdb\x8d\xd1c\x16\xd7\xf9\xe4\xe6\x01x\xd5,\xeb\x06\xf78\xaf\xcb\x82t\xa6OK\x89\xb7q\xcc^\x98\xa3\xe2\x8fy\xd5u\xf3.N\xda\x9d\xea\xec[Bp\xf0\xf0Gb\xdf\xdf\x03X\x9f\xe2\x80n\x9fZ^\n\xe5^\xefC\xa4X\xe3\xf0\xfb\x10\xe8\xc5gg\xc43m}o\xbaU\xf3&lt;\xa8s\x93\xa4\xbd{w|\x7fWf\xba\xf2v\xc2\xac\xdfK\xbf\xd1\xed~d\x13=\xcc\x19v\xef\x05u\'u\xdeR,\xdc\x93Y,j\xba\x9eV\xae\t\x00\xc0\xff\xe2\xff\xa9\x91E\x00DN\x98\x85a\x9d\x07w`\xa5\x908[O\xd5\xe2\x95\x0ffk\xefx\'{\x1c\xd1\x1c\x85\x7f\xc2(\x937c\xe2\x81\xa0\xf0\x89cI\xbb\x95"~\xe8c\xba\xf9r\xd0q\xf6\xd9OM4\x1a\x00\x00\xdf\x97+\x90\xd8Q\x15i\xa6\xfa#u\x9d\x96\xdf\xef\xb9\xa3\xd8\x8c\xd4\xbb\x13\x86\xbe"\x84\xf6l\x9a\x8a\xfd\xba\x19\xf6M\xba\xb6\xe7z\x1f\x19\xc3y\xdf\xa6\xebFg\x9d\r\xe9\x9b%\x87\xfce1X3\xa1\xf4\xcb\xae1]\xe4\xf5\x9c\xf0\xf5^\xbfA+\x8b\xb2Z\x82\xda\xb3&gt;p\xa0\xb7%n\x15\x18\x12`w\x8a\x11?\noFu\xd9\x1a\x1fg-\x12l\x1b\xed\xad\xef\nK8\x8e\xa2~\xb0&gt;\xb8dWL\xb8!\x85\xbf]\x9e-z\x14H\xde\xf4I\x9c\xe10\xdd\x95\xf8\xfe\x89\x85\xfa\x8dl\x85\x06\xcc\x85\xbe\xd9b1\xb7\xf5\xf3\x0f\x03H\xe7\xa1\x9br\xe6\xb0}\xc6)\x94\xb6\x8eZ\x0e\xa7\xd7\xf2\xf1\x0e\x00\x00\xf8\x0e\xcdn\x83\xd2;\x0f\xb7b\xbf\x87\xc7.\n\xc0\x9dx\xec\xa7h#\xab\xa4\xc9&amp;\x8dA;\x80Q,\xc6p\x1f\x8e\x83\xc7u\xb5\x84\xc5g\xd4=\xa8\xc3;\x0cE\x97\xc3\xf0\xbffkE;\x83d\x0e\x0e\x0c\xc9\xe7\xebe1\xdf\x95\xef 0\xc6|\xdc1\r\xdc\x06u-\x81c.\x945gV.\xd5\xe3\x972vz\xdaG\xfb&lt;\xfd!n\x08\xbc\xc1\xbb\t&lt;If\xe4[\x92\xb6{\x9e\x16\xf5\xa3\xbayu\xab\x84Zm\'s]\xcb\xcf"\xeb1\x80\x7fL\x95\xb9#\x8b\x8a\x1b\xc1\xeb\xc59\x0eG\xf8\x1b\xf6\xdb&gt;\xa0S\x94i\xd1\xd3\xd4\x1b\xc1\xa6\xff\xf5\xe3\x7fg\x9a\x92\x03]\xcf\xcf\xb0\xc8\x87\xfd\xdf\tl\x19\xca\x15\x9b{A\x93g!\xfed@\xab\xb8\xb6\xea\x9fq\x17\xf6\xf8\xbd\x99\xd9\x81\xd66p\xfe\x9d\x8d\xf8\xdb\xeb\xf0b\xdd\r\x19\xcdL\xa7\x86\x05t5\xba]\xee\x00wV\xb7^\xb8\xc7\x01\xe0\x03\x1a\xea\xf68\xb6\xe6\xac\x82K\xf5]t\x9c\xcc\x80\xb3;\xa9q_\xe6\xa1\xd5bi\xed2n\n\xe6\x8e\x87q\x9a,d\x10\x0f;\x1c\xc5\xc7$\xfcy\x07\x99\xb2\xe2n\x89N7.\x03\x81\xed\xf2o\xf5\xa3\xa4h\xbb\x06\xb4\x94{\x7fXz\x02PJa\xe6Y[lX\'\xf5\xc9\x1cMP\xc60m\x84\xec\xa3x7I\xa79\x00\x91?U\xb0HS\xb9\xbe\x16\xb7\x83!\xb6h\xe1\xa6\x13\xc0\xb9\xac\xfe\xff*n\xc9\x8f\xecn\x90\xabq\xa4\xb2\x06f\x0b]\xe6\x81\xa7$\xaf\x1e\xac\xcf\x01\xe02S\x80ka\xc5\x89\xf9)\xd9\xdc\x18\x03\xf0\xc5\xb1c\x81\xa8X\xd1\x05p\xea\x07\xb9\xef8\xf3\x8f\x9a\x01P\xe9C=s\x01\xa8L4!\x13\xceR\x1c{\xb2\xe7c@\xbc\xe6\x94W\xce\xe5\xc4\x80\x94\x1a\xb9\x9d\x9e\xec\x9am\xa8\xca2\xe2\x93\xc0-\xce+\x08\x8e\xeb|\xa1\xc9\xfa\x99\xce\xf4c\xb9#\xe7\xb3\xe0+\xb6(\xbd\x8c\xcf\xef\x1ec\x85\xf7i\xec\xcb\xf4\xd8E)\xcd\\-\xa9\xae:Q\xae\x1f\xf8\xaeU\xeb\xc9\xe9\xf2\xabS\x85\xdf\x9a\x95\xe5\xb6g\x943\xb9\xaeg\x03\xab\xdf\xd9y\x97\x10HmQ\x14XY\xfc\xd8U\x9d\xd6f.\x1a\'\xa5\xa4\x9b\xe9&gt;G\x97==\xcdo\x10\xa3\xca\x93\xbb\xf8D\xf3\x06\xabN\xa8\xbb\xa9\xef\x02\x12\x9f\xab\x87\xe1Z\r\x00\xefi\xd7\xe4\xe9]B\xcd9\xfbZ+\xa8\xd8\xe24\xef\x0b\x1aK\x05\xb5(\xfe\xed\x86\xbaw\x04\xfepX\x96\xc5\x98\xf76\xff*\xf7U\xe49\xbc\x92g,\xc8\xf8\n)\xd7\x0c\xb0xp\x92\xbadN\xbc\x9bl\xf7\x84\xfb\xc4 |D\xcds\xae\'\xde\\\xe9\xb8\x07\xea!t8\xaesP?q\x96\xed\x1c-\xfc\x8f\x11x\x0f8\xdc\x86\x97\xa5\x01}\xda\x8dI\xa7\xf1\xdf\xdb\xf5\xd5\xc7 c\x8e\xb0*\xb4\x1cC\xda\x18\x80\x97u0\x8a\xd4;l\x9c\\\xf1\xf4\xd0\xeb\x17\xa2@\xee\x14\xc8\xff$\r1:~\x9f=j\xdc9\xa0\xdd\xa3\xe0\x9bt\xb9\x0eB\xb9\x9d\t\xa0w\x0b\x04\xc7?7|\x9b\x1b\xd5\xe9Q\x84\xbc\xde\xe8\x00\xb7\x87\x11\x8f\xec 3\x06\xe0\x05\xb70&lt;\xfa\x93u\x12k\x02\xf0\xb6\x11\xe4\xbd\x00f\x7f\xec[L^\xe9\xc9\x18\xb9\xe0\xb8\xa3\x14\xb97\x9b\x8e?\x13\x91\x0f\xe8\x9f\xdc\xf0M\xdf\x08cK\xa8\xae\xee\xc8i\xda\xbfs\xaa+7\x00\xd5\xcb\xfbYbn\x02\xf0\x87$\x9a\xff\'\x0f#\xc18\x9f\xbc\xa5\xb7\x8f\xc0\x9e\x91\'\x02~\xb9c~\x94\x99\x00\xa2+_\xdd.\x14U\x04\xfa)\xdc\xd3xD\xb3\x04*\xc5\xdbn\xad8\xeek_\x06\xcd\x00\xb2\x89)l\x90\xecq\x96\x92\xa7G\xd8%\xceF\xaf\xd2\xa9n\x8e\x96\x96\x0c=\xa2\x1c\x9e\xa5\x03\x86E\xa7\x10t\xb3\x7f\xf5\x04\x10^\xcfU)7sv8\xed\x1a\xdc\xee{\x0e\xd5&amp;\x07\xffD"\xb3c="\xbb\xcd\x9e\xa6\xday\t\x82w\x02\xfa\xad\xc8:\xce+\xd1\xc0\xb8\xd5\x1c\xd1\x08\xe5\x93vw\xa5\xc3&amp;\x1d\x9f`\x0c\xc0K#\x81\x19]\x95\x86\xf6\xc1y\xb0b\xbf\xe9Z!\xc4.\x8c2e\xcaE\xdf\x1e\x99\x84(\xe4\'0\xe4\n\xe5*TX\xde\xa9\xb10p\xe8^\xbd\xd7J\xe1\xb44}\x8b\xab\xddYi\x87\xdfp_p\x9ekb\xc9\x01\x80\x87\xec/\x18\xba\x14\x12A7\x01&lt;QN\x18*\xdf\xeb\xee\xdbN[\xccMn\xbb\x07\x00\xae\xf4eM\xca0\xbal@\xa7\x89\xb3\xd3\r9\xdd\x80\xd9\xe1||f[\xbb~\xfb \x93\x12\x88\xcfF\xfc\x87\xa3Z\x15]\x7f\x16\x1di\xff\xb4\xde\x02\xe7_\x01i\xeb!\xe4{\x08\x89\x1b\x0b\xb3\x8b\xa6\xed\xca\xe9h\xf1S\xb4\xe9k5&amp;\x94?A/\xd6\xdd\x0c\x80\x87I\xdc\xf08{\x02\x98a\xf70x+8C\xc8\xc5\xc8/A&amp;\x96\x96V\xc4:\xe5\xbb#Ocg\x0f\xc8z\xfb\xc0\xcd\x8b\x827`\'$n\xdd\x98\xbb/g1\xf2FE\xc6\x92\xb1f\xf4\xba\xf1\xd3\xf2\x19\x97i\xfa\x82b\xfc\x04@\xa6\xbe\xed\xb1:\xc4$\xf8\xca\xbe\xb6\x9d\x00\x15\x14\xe2\xbd\x91Ov\xd2\x1ae\xe9a_\xba\xd1\x03F\xec\x1e\xeb5j\xb6{\x03\xf9\x0f+m\x05~\xac\xc6@\xae%V]\xb6\xcc\x00JU\x811\xf0e],\xf1\xb4\xcc=\x01\x0c\x83\xb9\xca\x8c\x8bT8\xb0\xc7\x91\x860\x1a\x13\xc6\x1ehVT\xbc\xac\x03\xbd\xbb\xe5\rB\xd2\xa3b\x8cs\xac\x96\x1e\xca\xea\x9a\xd0\xa9\xd9MgqtK&amp;\x89\xe1\xd6\x93F\xe0\x9e\xdb\xd4\xaex*\xa7\xd0\xf2O\xb1\xbd\xa9\\I-S\xf4|-`\xcc\x7fw\xba\rs\x0c\x9e\x04\xb2\xf6}` &lt;\xb7\x89\x11U&gt;\x0e\xce\xfe&amp;\xac\xd2\xcf\x1a\xab\xe2\xb2\xfe\xecMQr\xae\xcb\xe4\xd7]\xedMJ\xfb\x9e\xb4\xf8\xb6\xaa1\xc6\x98\x97\xb6\xa8\xe4hin\x94\x94%=\x08n\xea\x9ee-8\xff\xe3V)\xb1t\xec\x83C\xfa\\J+rO7\xdd\xe6\x82f.\xe0\xd8\xb2U\xed\xafk{a\xcc\x1a-1-\xfd\xe3\xcc95^\xb7h\xe91\xf8\xd8\xf1\xac\x01Q\xf1p\xd1\xcc\x87\xe0\x1c\xbb\xc0~\x96^F\xe3\t\xde@b{\x9a.\x01\xe7\xdf\x91J\x03\x07\xf0\xfd1\xfa\xb7bV\xcb\xda\x7f\xb7\x0b\xc0\\\xf3\xb7\xbfX\xd8\xfeC\x1de\x9f&gt; \xde\x05\xf4\x9d"\xcfKu\xd3\xed\xd1\xd53\xd0\x7f@\xa6C\x0b)\x9f4i{\xd2\xc5\x18c\x16\xb3\x9c\xf6\xcbS\x1a\xae\xb6\x9bl\x8fL\xea\x8d\x99\x17P\x97\xc3\xbb\x07+\xed\xd4\x13\xfbI\xf6\x9c4u{\xb9JZ\xbf\x18\xfe\xd3\x1eB#\xf8\xf6\xb3\x9fu\xd1a]@{xg\xabkW\xdc-F\x0e\xc0\xdeZ\xa4N\x9f\xb6\xcdx\xee\x84\xf0\xe5\xa5b\x0ft\x98\x1d\xe8\x0cP\x84\xde\nV\xc4\x80\xc2%X\xa7\xc0+&gt;L\xa7\xae\x0b\xa5\x92}\x02\xc8Hky\x92O\xb3\x9e\xcb\xf7v\x93\\q\xabf\x00\x00\xe6\x85M\xd5\'l\x93R\xc8_?U;\xff\t\x16\x80wL\x15p\x89G\x94A\xf4\xf4\t\xbf\x1f\xde\x9c\xb8\xa7r\xe6\xcd#;\xd1j\xcf\xdd-\xba\xf6\xf7\xb9y\xa0\xe8\xe4g\xd0\x01\x11\xe7A\x94\x87:\xaf\xfb\xfb0\x16\xafg\xd6\x15\x00\x00\xc0w\x9cm\xc5ip\xe2\xe5\x8a\x11%y\xa7\xd86\xff\xf4\xdb\xcf\xc7\xc3\t\xfb\xad\xf0\xd3M\x12\xc7m\xe3\xe9\xad+z|\x05\xf6G\xb8\xecs\x0b\x83\xedw\xc6\xf2\x04\xbe\xbb\x080M\xb0u\x02\x00\x12\x8d\xe3&lt;=\xc5|41\xadh0\xf7\x10\x94\xb5\xec\xffc\xd22_\xa6\x8f&gt;\x16c\xfe\xfe\xb2\x98\xff\xb0\x94\x9at%\xc0L\xd42\xf8\xcb\xe1\x05\xaa\xa0\xd9g\xe5}H\x8do\x833\xfc.\xb8f+Gp\xbf\x93\xed\xacK;4\xe9\xa8\x87\x99\xdc\xf4\xc7\xcf\xea\x8c\xcd\xc4|\x8e\x1c\xfc\xe1 \xc4\x80\xdd+\xf3\xf9\xe6\x04\xf6\xfb\x90\xa7\xda\xc0+c\xa3\xb9\xfaS{\xe2\xdc\xa93 \x91\x13\xaf\xaf\xe1\x15\xfb\x866-w\x87~\x11\xd81\xb0\xe5\x1f6\x7f(q\xfd\x82\xe3S\xd0\xdc\xb5\xe9i\x1fl\x13\x80\x9c\xd2N\xb8]Y\xf0\xa8\x92\xf3\xef\x00.\x17l\xca\x84p\xef\xc69\x8f\x90\xf5\x08\xbb"\xa9\xef^$\xba\xf1\xf3\xa5h\xddi?\xd1k\x0f(\xd63\xeb\xbc\x95@|\x06\xb7\x9ce\xb1\xbdH+_\x96\xe0\xf8|\xfcaz\x11\xe9\xdeF\x9d7\xac9\xf3\x9c\xc9r\x98\xbc\xa3\xef2\x85]#\x1fv\xa3\x172-\xd3\x18D\xc8\xda\xd6\xc2\x0c6\x811\xf0\xec\xa9\xd7\xf8\xd6A\t#\xeb\xfc\xd8\xee\xf7\xa9\xc2I\x96\xc1M\xbbY?\x8a\xc2\xff\\H\xf7\x8fR\x8e\xcc[M7r\xfb\xa7\xff\xeaC\x12\xfd\xa8\x9e%8\xb8\xffv\xef\xad.we\xdao\x15\xc4K\x0b\xf8\x97\xc7\xc0\xb8\x83\xfdz\x07\x9b|\xf3\\&gt;GI\xe5\x7f\xb4:\xec_\xc5~\xfa)\xdb\xa5\x01g\t\x0f\xff\xc8\x18\xbf\xed\xee\x040\x8fG\xe2\x9de\x10g\x9f\xb8\x15;\xd9N&gt;\xed\xf1v\xa1\xc6V\xb3v\xee\xd9\xfb\xf6bZ\xcc\x9d\xa8\xa5\xdc\x07B\x82+r\x13\x00\xc4W\xba\x85B\xf7\xcf.\x8d\xeaWV\xaf9\xbc\xc5\x8f\xd79\x87Zf\x02\xb8\\\x86H\xd2\xd8\x94F?\x88\xef\xfc\x1a\xea^\xb2c+\x02\xf2[;\x9a\xd3\x13\xf4\xc67\xa7\xfd\xdc$u\xbc\xee&gt;\x01`\x06\xdcSP\xd9\x00\xbb\xa1\xe4\xd4\xd2\xe4\xb6k\t9#\x17e\xdf\xeamY\xb8\x0c0\xac\x1fE\xf6\x9f\xd8\xde\x9b:\xf8\x96#\x1b\x88\xf6\xad\xb8\x08s\xcd=\x0bh3l\xb2n\x92\x1c*\xdanNv=\x97\x88\x95\x9a\\\xe2&gt;\x1e\xebIK.\xf9m\xe1\xc7\xf1\x8aaZ\xb6\x8f\x11l/\xb2\xc6\xd7N\x00\xc6\t\xe2N@.\xef\x87\x96t\x98\x03:\xb5/\x1b\xc3V\xef\xe4\'\xc2\x03,ko~W\x07\xa2\xc1\x96\x8d\xc3t$\xa3\xe5\x8f\xd7r\xc6\x0b\xe0&lt;\xdb\x8e\xa4\x0f\xaa\n\xa7K\xf8\x89^\xd0#\xe1\x04\xb0\xfe\xcb\xc8&amp;\xcc\r\r\xa7\x8c`^\x05_ \x15\xa9\xedZz\x10\xec\xf9\xf6\xbe\xf8\x95\xb4R\xd9I\xe0\x1fN0\xde\xa6\x9e\x00f:\xd5\x1c\x8f\x1b\xa2\xe1[\xd1\x0b\xbcbx\x9d\xca\x99\xfd\x1d]\xb7\xd6X\x1bQ:\xd6\x98\xc5\x99\xabfw\xb4\xb7\x9e~\xd2\xd3\xb5\x11\x10\xce2@p\x06\x80\xc09\x82sK\x83I\x9c2\xd5y&lt;\xac\xd8\xdc\xe2\xd7\xb7T&gt;\x03\xd1\x08\xf2d\n\n\xac\xd0&gt;\xd2\x80\xb2l\xc6\xbeX\xad\xb7\xb4\xe9\x92\xdf\x05\x94\x00\x8e\xff.E\x1f\xbaYx\xc5\xb72\xec\xbe\xef\xf5\x05A\xcbb\xd6&gt;h\x8bA\x96\x87D\xbf\xe7\xeeG\xdd?\xac\xed\xa7N\x01\xe9v\xc1\xbe\xa0(\xaa\xe5\x95\xdc\xf1\xc5\xb2\xebG&lt;\xa4\xbej1s\xaesc\xaebg\x05[\x04\x16e3\xf6\xc5\xbc(B\xef\x88O4\x82\xf3[H/\xc3\xde\xc5ku\x8e\x06\x18;\xff\xa7\xd5d\x8dh\xb7Sj\xdd\x1a\x8a\xe5I\x06o\x9a\x18=Q\xc8.\xde\x057\x01c@o\t2+\x1e\xaf\x81\xbf^*Qq\xb6\x0f\xc5\xd5\x13\'3\x9b\x9e\x0b\x84\x8b8\xd6\xc3q\x0cqB\xb3_\x88\xcc3\x86\xad\x11`\x0c\xc0Oa\x05H?&lt;\x95y/\xa10m\x01\xbc\x19\x95\xf0\xfeqI\xde\x11PV}\xbf~@\'\x80X\x1b\xf0\xd2A^\xd0d\xec\x1dT^\xf1\x02\x8d\x9b\x8b\xac\x9f\xaf\xee\xcf\xca\xef\xf0Y\x96e\xbdWh\x8c\xff\xed\xba\xae\xb7\x96\xc5`\xdf|\xed\x94!\x8fwl\x19\xb4\xc4\xfanB\xf2\x0c_\xedbw\x87@\x7f\xfd7\x801K\xd8\x07\xeb\xba"\xdb\x8280\xd3\xad\x86\xa8\xb3)72\xc9\xf5\x911&amp;\xf9\x05\xeb\xc6\xa0\xe1\x91\xd7k\xc8\xb9e\xd9\x8e\xe0\xc0{\xbd\xd8\x03\xc2\xf47\x11\x05b\xce\x04\r\x0c\xbf@\x17\xdfV\x00Q\x12\x98\x07\x00\x10\xb1\x0c\x1d)\xfb*x\xae/3K\x07FL\xd5\x04\xb0~E\x9a\xd9\xc6at\x8a\xda\x94V\\-\x06\xf0/BK\xa8\x90\xd2~"@\xb4\x1a/\xe90\xb8\xd5\xc1d\x8f\xce.\xf8{^\x81b\xab\x13K\xb2eYb\xab\xf6\x04U"v\x9a\x00\xda|\x84]OM\x0f\x86\x1c;q\xb1i\xda*\xc9:\xd9\x0bf\x83\xd2\xc4\x8aJ\x902F\x90\x9a\x9b\xc0\xcb\xfeo|\x0f\xcd\x10\x17\xeb\xb4\xa4\x05\xdd\xd2v\xd6=z\xe0\xbbOd\x96\x95q\xa3\xbfU\xde\xe6\xb0}\xe5M\xd6*\x8f\x94\xcc~&lt;\x98\x117%\xd8\xb7\xd8f\xd4&lt;\xa5\xcc,\xbe\xe4B\xc8\xa7\x15\x92g\x13\x8b\xd9\xbf,\xd6\xe1\x11\x98\x10\x93s)\xa1y\xfe\xa1\'`d0*\x1bEU\x08\xb9\x82\x9f\x1d\xbe{\x88\xc5\x89\xbb\x94\xf0\xc3C?\x0e#\xa2+q\xf6\xcc\x11\r\x8fm\x1d\x90\x00\xff{]\xe5\xc4!&lt;\xc7\x1e\xbe\xd9\xb6\x1c&lt;\x808\xfd\xc7`\x19\xef8\x99\x8a\xab9\x07a\xb6\x8dH8!WjZ\x97V&lt;r\x00\x926\x94DBX\xb7\x87=l\x9f\x04\x85N\xf7d\x19uz\x88#\xd1\x00\x00 \x00IDAT\xf14\tMI\xb0A\x14\x15\xa9\xcc\xe8\x85\xd74M\x00"\xfd\x15\xd8\xcf\x0f\x83\xca\xecS2\x01P\n\xdc\x82\xf0\xbbM)\x03\x97\xcfoN\xbb2R\xb8\xaf(\xd2\x94nlO\xc3\xfaf\x89\x96\xbe\xe4\xd4(\x92\xca\xb7$x0\x04\x00\xe0\xd3\xf8zN\x05\xec\xff\xda\xba\xf6S{\x0e\x89\xb4y\xc1;\xa95NPr\xef\xb3\xc4\xd6$e\x15]\x85)\xaa\xc5c`\xcc\xb3\xaa*\xbe\xa2JW`\xe7\xbb\x92\xe5?\x13\x15\xc2\'\xae\xf2\x0e\xbe\x9c\xf2\xe6U1L\x13\xd5\xa8\xf5:j\x04|YX\xb2\x87a=\x80\xb6o\x03c\xd6\x89\xcb\x04\xf5*B\xeaBN&gt;p\x12_\xeb\xc3\xfe\t\x87Q\x92\x81\xdfa\xbe`\x88\xde\xf2\x0b\x17\x9a\x1d\xf6wI\xdd\xb6\x943s\xc8\xc0\xfd\x9c\xd7\x99\t8\xdc@\xa0n\xc9%n\xa4\x07\xdcK\x00\xe1&lt;\x9d\xaf\x7fq\xd6\xf6&gt;\x9fW\xd2\xfb\xf3\xca^\x08z\xb2\xa2!\xc5\xb7F\x92\x13@\xa9\xf6\xe9p\xdb@o\xab\xff\xafv-\xa5.\x83\xc2H\x85#\xd1\x80\xf7\xfaE\xa5\xc6\xc6\x92_U\xd1\xdb\x00o\x1d\x10"\xbb\x97&gt;=\xd2^j-\xab\x06\xb5\xa8,R\x81\xcf\xf7\x85\xc4\x12\xde\xcc\x16R\xdb\x82\x89X\x9b\xc1\xea\xb2h\x97pi\x17P\xfdh\xff\xfa\r\x86\x04)\x1b\xc8\x02\x17\x9ae\x87\xd9H9-\xb1\xd2\xafs \x7f\xacwM\x08\xc7v\xf5\xb7\x93\xc5\xaa\xe5\x07Z\xfcf&lt;\xa8|\xfa\xcc\x16\x06\x89oxMK.\xc2\x04\xa7\xe1\xb75\x01\xa4w\xc0\x89V@\xae\xc0\xa5i\xec\xc5\xfa\x8a_T\xa6\xa5J\xc9Q\xfd\x84\xee\x93\xd2i\x03\x17\xddx\xa2mkL\x82\xe1\xc5\xceC\x9d\x7f\x1a\xb6\xf9\xc1\xb7\x84\x7f\xb4\xc5\xb5\x07ui\xe93\x12T\xd7\x00|h\x93u\xc5\x06\xb01&amp;\x19c\x99\x9a\xa3ZT[q\x9d\x14\xeb\xf5\xa2]\x990)\xabj\x92\xf9\xc4mE\xa9I\xa9\xe6\xc3+\x12\x9d\xd5;n\x02\xd9"\x8a\xca?\x07\x10}\xec\xabb\xc0\x80\xfbt3\xbbj\xe9\x83\xb8\x87a\xa8\x86e}Z\x1ay\x16\xfd7*2#\xa6\x9e\xd94\xd7\x82\xcd\xe2\xe7\x17\xeck\xac\xf7\x13\x15 \xd4s\xa8fjq\xcb\xa3\x1f\xfd\xfb\xadY\xd6\x92\xcb\xb2,k\xbf\xfe\xe6\xdeb\xd7\xdc\x7f~\x92Y\t8\xbd\x80:wY\xcc\xdb\xb0O9\x14\xd1\x1c\xe8\x1es}\xcciE(-\x03\x801\x0fO\x95X\xbc\x0f\xbf\xf4\x98\x0b\\\x99S\xb8:\xdaP7\x0b\x84o\x96\x92\xd5\xb2\xa0+\xad\x95.\x08?V\xa6\xf4\xcb\xd8\xd1\xd3\xef\xbc\x85\x8fd\xf7\xa7\x15\xb1\x16\xef\x99\x1cu\xd1# qk\x80\x0er\xf2@i\x9a\x05&gt;\x07f\'\xfejX\x8b\x1cz\xcc\xc0XK\xcc\x19E\xb3\xe0z%\xf0\x11zZ]\x7f\x90W;\x9em\x17~6.\x19?\xbfB\xe5&lt;\x1e\xbb\xdb#~\xb6\xc3l \xdf\x13\xfc3\xa8\x91I\xb3=ws\'\x00a\xb3_?g2`6\xf5\x8b.\x98\xd1\xc0\x18x\xa1\xffgn\xaa\xcb6\x91\xd3\xfc-3\\\xce_|\xaa\x1b\x05\xfb\xbf\xd9!\x1a\xbc~/_{I\xb2\xeb\xd2\x0b|\xc9ow\n\xff\xb1\xac\x11\x911\xac\xc2\xc6&lt;\x90)\xb6\xe8\x1eF\x07?\xe3wn2\xe9\x9b|\x00\t\\\t\x98\xe5\xa1 \x861\x05m\xb1\xfcb\x9b !l\x1b9\xd3\xfcU\xd6\xb3\xd9V\xa4\xdf\xe24\xb3\xd4\x05\xd5wh\xa6\xc6u\x113,\x82\x81U\x1aL\xc1\x8e\x81\x1f\x8c]\x12S.Y\x84\xe5\xab\xde*3\xa9\xa8p\xa1\xd6l\x1b\xa1\xeds7\xa4\xd8\xa4=\x8c\xa4\x1d\xd6\x8ae\xd2\xa2\x90]iS[\xde\x17\xdb\xd7\xfe\x97-"\x9b\xa8\xe8,\xd9AtEl\xee\x12\x16K\xf4\xc4\x98\x03\xb7\xda_\x04\xdbo@\x14\xde\xbfZ\xf6\xef\xe7\xdan\x960[\xb8\xb8s\xaf\xd5\x08\xefir\xa1\x8c\xde\xb4l!\x7f\xe6\x13\x99bu\x7f}T8\xfdUwAFJ\xec\x9cr?\x9e\x15\xa40?\xbb}\xb6\x01\xf8\xeaD\xf5\x05\xfd65_C\xf2\xddbVq\xc5}\x96\xac\xb0~Qh\xdd\xb7\xec\xd9\xaf\xf5.\xb5\xe8\x90\xf0\x1f\xc3+\x00`^{rJ\xe5\x8f\x0b\x98\xefk,O\xa0OwY\xc7\xba\x83t=E\x9a\xd4\xe3\xd9\xfbl^\xe1\\\x8e\xfe\xb8\x9e\x8b\x8b\x1er\xe3S\x08\xef\xdd\xc2\x85\x15\xa9\x85\xb56\xa5+\x96\x98d\xabd\x16\xd1&lt;S\xb3\xe5\xd3d\x9bJ\x9d\x025\xea:xU\xbed\x95.\xe7\xe0\xa5A\xce`\xe0\x97*\xad\x9d\xa4m\xd6\xf6v{zw\xd8UB\xa2\x0c\xc85\xac\xebNg\x98G\x8f\xdb\xc2U\x0f\xc4\x831\x7f\x9b\x94|\x0c@Nk\x90D\xcc\xf0\x7fSj\x13\xcdh\xfc&lt;\x8b%o\xcf\xaaLuz\x96\xa5\xca\x9b\xb6Qj\xa5K=\xbb\xf5\xe2\xfey\x96\xe5\x9a\xb9\x91\xb5yu\x01\xeb$@\xfc\xb0\xa8\xb9\xc0\xcdB\x0eZ\x00*\xb1R\xe5\xebz.]\r\xe0\xf5t\xc5RU9KJ\xcbK\x0cp\xd9\xfc\x80Z\xe3\xdc\xb9=\x0e\xf4\xf9\xe9;\xa5e`\x8a\x13T\xc5\x94\xd2\xb8\xc0b\xfa\'\xbe|\xcd\xc9\xe2\x00\xb5~H\x8c\xa4\x00c\x00\xbe\xf1\x1a\xbee:J\xaa\x0cU\xb1\xc8Y\x90K\xe5\xa9\xbaX-\x80\x97\x9e\x1e4iJ\xd3_r`\xc8\xb4\xd3\x15\x84\xdf\x1c;\x8eJ3`\xc2S\x15SV5\xb7\xcb8\xf7c\x04N$x\xcbL\x00\xf8do\xfa,S\xce\xf4\xcfy\xf7\xb3{!\x15\xcf\x95\x07\xa1\xc9\xb7\x82w]S\xe7J43\xe4\xbd\xea\x15q\xb1\xa2\xf0^\xeba\x00_\x1c\xfc\xcbR\xb5\xad\xf03\xa0\xa1\'\xd4\'\x96\xfb\xadiY\x1a\x9a\xf4\t\x9c\x99\x00\xf2_%D\xa8\x13\xca\x05=(\xb2\x8a9g\x84\xb5&gt;\xa9\xef\xf1t\x98\xce\xce;\xcapU\x0b6\xb8w\xe0L&lt;\x01\x88\x08\x01\xf3n\xe4[\xe5\xd1\xcc\xd2X&amp;v?\x1d&amp;\x83\x86w\xe7\xf6\'\xf9\x1a\t\t\xe5\xde`\xa7~\xe3\xdd- E\x19\xb6\xf7zDj\xe2X\x9fC\xc2\xd4j\xdf6\xb7I\x92\xabd\xb4\x91\x1c{\xb2\xe8i\x8e\xb3L\xaa\xc3\xfe|\xc3\x84\x81\xd7\x84;\xf8\x90\xc5BIK\x01\xbe#\xde=\xb5Y\x87|l\xcd\x15N\xe5\x8e \xe6l\xa1\xea\xaece\xb2D-fa\xfa\x88\xcc?\x99)yNL4V\xeb\xf2}\xfc\xa7\xa4M\x8a\xc2\xa3\xe8)\x06\\\xc2mO\x00\xc7Ec~\x99Y\xfd\xabN\x1b\xcfTN\x06\xec\xeb.\x8ew\xf3b\xcb\xd4\xd5\x19\x99(\xc9\x11\xc57A\xb6w\xb2\t\x1f\xdd\xc4\x04\x16\xc3|\x1f\xe0,\xbd\x9b\xa5LKj\xecK\xa4\xee\x8a$0/\xee\x92\xd3[c\x96\x8c\x87T\xce\xfa\xa1\xa3\x8c\xb8\xd7\xd2\xe9\xb0zH\xb3R\xb0\x90\x91\xa5\x86\tJ\xab1\x801\x01 \xb5\xae0Z.a\xe4Y\xac\x9ey\xc0\xd9fpHGfc\x17\xefg\xd1\'\r@\x10\xca&amp;\xd1-\xbeM^\x8fVY\x81\x13.\xfa(\x1c\x9b\xd1\xe7\x8e\xca\xfc\x1fDb\xb5\x8f\xe1)\xa1\xb4\x1a)\xa2\xbc\xffp\x8d\xfdZ=\x85C{\xd2\xf2p\x14z&gt;lr\xa7\x8b\x8c\xad\xf6\xb1\xdc\x14\xe4\xff\xa6\x0flK\xcf\xb4c\x1e\\\xb5\n\x14\xa3Q5zC\xa6u:!\xaa{\xcf\x84\xfc7\xd5\xe2G\x13\x9e\\\x93\x1b\xc9\x96\t\x00\x82\xb7\n\xcc\xbbx\xa2Z\x8d\xbfh\x1bx7r\x8a\x13\xe5\x15\x01\x08\xe2\xfa\xb8\xb8\xbdf\x0c\x93~Y4=\xae\xda\x95N\xb2\x02\xabG\xf6V-ro\xd6\xbe8o\xb2l\'q\x88\x14\x1e\x97%\x848\xed_\x9c\xd0\xb9\xb8o\xb8\xa0\x8d\xbbh\xa39V{K+^\xea\xbf\x84+\x82 G\xa3\xf7\xe9\x91\x8b\xb2\xcd\xef\xdavz\x02\x18\xa4\xa8V\xdc\xf5\xd3\x02\xfc\x881\xfe\x91Y\xa6&lt;\x7fA\xddbV9\x89\x18b\xda\xec\xb6&gt;\xde\n\\\xbc\x9f3PG\x07\x8a\xf1g\xc1\xf9\xc3 \\\xe4i\xb7\xee\xc8\x0c\xe4kyS0^9[\xc5d])CB{\xd2\x8bz[8/0\x9a\x00\x0c\x164\xed\xed\x90\xed\x14Wlc|_+\xb6\x87\xe1\xf5\xfe\xd9\x13\x80M\xe8O/,/\xa0:j;\x18\x03p/N\xc550\x13\xce\x1b\xe0\xd8\x8e\xeb8\xf4&lt;\xf1D\xe2#\x11\x11\xf3\xf6\xbb\x05V\x05\xc7\x8c\xcfk\x999\x92\xc6x$\xca\xb8/~\xabp6*\xb5\x9cs?\xadS\x14R\xfe\xb8\xe2\x0e\xe6\x0e\xae[K{\xa8\xf2\t\x85\xb6\x9b\x88\xf1\x15\x8e@g\x02\xa0\xc6i\xaf\t\xc0]\x02^q T\x12.Z\x1f**\x9cW\xc6u77PJF~\xc5\x04@\x95N/L\xf8\x113gxe\xbd4\t\xfd\xb2\xc0\x1dg\xfe\xbe\xe7\xe7\x07\xc3[m\x07\x0b [}f\'x\xc4\x86\xc6\x8b\xfat\xf5\xc2\xd5D\x8f\xe5y\x99\x19\x9c\x84\x8e\x96O\x96\xd9\x16Vi\xe1\x00\xff\xce\xfb\xd3\x7f]\xd2\x04vQLW\x0fJ\xbdz.\xf3[8\t`\xc8\xb5m\xb0\xc1\r\xf2\xc6Q\x0b\x8e\x02,\x8d\xb9\xc7\x84\x98fS\xd7\x01\x00&gt;0k\xc3c\xad\xba\x1b\x0f\x95\xb8q\x9fuv\xb3\x8b\x8e\xb9\xf8\xf9\xc6\x89\xc8\x03\xf2;\xa3\x11-\xc6$\x83\xf8+\xb7\x92\xa9\t#X{\xba\xf9\xf2\xea\x81v\xfbC\xe5N\xe2Fl0\xc1\x03\x18\x80\xe7\xd1\x15\x8f\x07\xff\x82\xba-)\x1e=V\xad\xd9\xcd\xa7\xca \'\xbay\xc9&lt;\x03\xa6\xc3N\xe6\xde\xc5SL\xb1\xda\xd9\xabH\x88&amp;\x00?\xbd\xe2b\xd9\xe2\xf7\x8a\xfb\xaf\x8as\xaaA4N2\xe5\x9d\t\xe0\x95\\\x8b\x94&lt;6\xfb\xc8NK\x97\x9e\xe4\x8a6\xf7\x82J\x8d\xc4\x06Q\xc4r/\xb9\xef\xb3T\xc5\x89\r\xda\x8aK\xc7\x06\x02\xc0?=\xa5I\x05\xb3\xae\xcd\x9e\xf6\n-\xa4"\xfe\x82*\x05\t\xbdD\x11`s0*\xf3\xe7\n\xb7G-Dw/\x8aO\x05Y\xee\xeaspl3]\xc14\x9f\xcb\x8f\xf6\\\xf8\xd2T\'\xdf\x8dgU)\xf5\xc6\x05\xa5\xc2+\x89\xa8v\x127\xc7`N\x19\xbe@\xaa\xae\xe5\xe1\xb78\x01\x90]6CC\x83\x13\xc9\xf0]\xcbc\x8f\xf2\xc5*\xcaSy\xc5\x04p\x96\xd8\x1e@\xf9\xd7\x87\x80\x93|\xeb\x1a\x86\xd6\xaa\xcetU&amp;\xccHjIQ.\xaa"\xf0\xdc\xd2\xe9\x1b\xef\xbb\xfcpD\xc7\x91\x0f\xce\xf3\x81\t\x8d\xa5\x8b\xfa\xd2\xc2\x81\r\x8e\xe5%\x82\x06\xd0h\x11\x10\x07a\xdc\x84\xd8\xa2\x9b#\xdfO\x89\xc1\x1d\xf9\xed\xe6px\x0b\xabF~\xbe\xa4\x7f\x98\xd3#\x0e\xd2w\x17\xcaD}vVW\xd3:\xb1\xac\x96[\x1d\x17\x9b\x99\x1b\xd07\xb3F\xc49\xa2b\xf6\x9a\x19p\xfe\xc5\x0b\xc0#\xab%\x0bz\xe9\xde\xf4\x12\xc7\xbe\x86\xa8L\xd6\xaa\xa2X\xacJ\x0b^u\xa9\xb19)\xa1gO4\xc5\xc1\xf5{\x90&amp;\xd0\xbeH\xf7\x10&lt;\xb7\xc6\x86\xe79\x92\x078\xe6\xa3\xb1\xb1\x97=\xbe(\x02~\xb6F\x14\xc0\xb3;y 5\xe8\x93\xb5Hi\xd8\x80Oo(o\x83#\xb1\x1a\xf3\x95U\x8b\xfa]N\xe8\xde\xba-BP\xd7\xceXp\x1f\xcff\x04\xde\xe2\x92\xf9\x88\x87\xa7\xcby\x9d*\x16\xb55\xbd5\xb9)\xd2\xadt&lt;8nC\xed\x9e\x8cCt\x85/\xa4\xde\x00F\xfem\x19$\xb8\xc0]\x18\xd4\x1ee\xd2b\':?\xa9\xb3\x07\xad\xe2\x1d7Eb\xbbN\x00\xb2\xab\xe6C\xac\xbf\xc1eVY[\xd9\xd2\xd1\xb2\xaes\xeb\xa6\xe5\x1c\x13\x00\xd8+A\x81:\x13&lt;\xe1|k\x8f\x8bl\xff\xdf\xa3\xca\xb6+\xb1:bY\xd6\xff\x17\xd7\xad\xe8\xc1e1\x87\xa6\xb5{\x96\xe2\x8c\xb8,\x06\xe0\xc9\xd9b\xa8\x85\x8b1\x8b\xd3X4\xd7/\xc6|\x8e\xef\x90Dc9nX\x96M\xe7R\xee\xe7"\x98SW\'3\x16\xdb\xce\xc2Z\xf6\xb55}\xd9\xff\xe7\xbe\x15(jlE\x94\x19w\xe1\xa6f8pt\xd9\xa61\xd9\x1b(9\x1b\xed2\xff\xfbf\t&lt;\xf6\xa3Vc\xc2\x96\xb7\xf8\x98\xdb\xfdD\x91\xde\xc3\xb0/\xf7j\x9b&lt;]\xea\x17\x02\x85\xcb\xbd\x96\xecI\x1b\x90+\xc3]\xa1\xe4\x1b\x92(S\xd4\x84\xecio\x11\xd1\xc9\xf8\x01R\x98\xb1\xefa\x96L\ti\xa8L-\xcd\xba\xae\xf7[hii\xbe\x8csW\xafm\x07@]\x87N{\x1dO\xc5\xd9\x1d\x87\xee\x00\xa6\xe0\\\xc7\xc0v\xf2S[\xbd(\xfb\x8b\xc6\x81+\xa7B\xa6\xb5\xc3\x9a\x94\xb5\xad\xe8\x90\xcaM\xa3\x00_\xea\xe9\x15\x1d\r\xa8\xbc\x84\xfc\x84\xee\xe3H\x17\xe0K\xf6\xb3\x17)\x93Dh\x99\xa4\x8b\xac\x193$+\xc6N]\xf3\xa9Z\xb6l\xd7$tz\xf6\x8f\x99\xcb\x9a\x13\x81d\xb2h\x15\xeew\xbc\xf0\x04`\xcckl\xceb\x0f\x</t>
        </is>
      </c>
      <c r="E681" t="inlineStr">
        <is>
          <t>&lt;class 'numpy.ndarray'&gt;</t>
        </is>
      </c>
    </row>
    <row r="682">
      <c r="A682" s="1" t="n">
        <v>680</v>
      </c>
      <c r="B682" t="inlineStr">
        <is>
          <t>steps_per_sec</t>
        </is>
      </c>
      <c r="C682" t="n">
        <v>9800</v>
      </c>
      <c r="D682" t="inlineStr">
        <is>
          <t>10.191514</t>
        </is>
      </c>
      <c r="E682" t="inlineStr">
        <is>
          <t>&lt;class 'numpy.ndarray'&gt;</t>
        </is>
      </c>
    </row>
    <row r="683">
      <c r="A683" s="1" t="n">
        <v>681</v>
      </c>
      <c r="B683" t="inlineStr">
        <is>
          <t>Loss/object_center</t>
        </is>
      </c>
      <c r="C683" t="n">
        <v>9800</v>
      </c>
      <c r="D683" t="inlineStr">
        <is>
          <t>0.21472622</t>
        </is>
      </c>
      <c r="E683" t="inlineStr">
        <is>
          <t>&lt;class 'numpy.ndarray'&gt;</t>
        </is>
      </c>
    </row>
    <row r="684">
      <c r="A684" s="1" t="n">
        <v>682</v>
      </c>
      <c r="B684" t="inlineStr">
        <is>
          <t>Loss/box/scale</t>
        </is>
      </c>
      <c r="C684" t="n">
        <v>9800</v>
      </c>
      <c r="D684" t="inlineStr">
        <is>
          <t>0.07009523</t>
        </is>
      </c>
      <c r="E684" t="inlineStr">
        <is>
          <t>&lt;class 'numpy.ndarray'&gt;</t>
        </is>
      </c>
    </row>
    <row r="685">
      <c r="A685" s="1" t="n">
        <v>683</v>
      </c>
      <c r="B685" t="inlineStr">
        <is>
          <t>Loss/box/offset</t>
        </is>
      </c>
      <c r="C685" t="n">
        <v>9800</v>
      </c>
      <c r="D685" t="inlineStr">
        <is>
          <t>0.18289396</t>
        </is>
      </c>
      <c r="E685" t="inlineStr">
        <is>
          <t>&lt;class 'numpy.ndarray'&gt;</t>
        </is>
      </c>
    </row>
    <row r="686">
      <c r="A686" s="1" t="n">
        <v>684</v>
      </c>
      <c r="B686" t="inlineStr">
        <is>
          <t>Loss/total_loss</t>
        </is>
      </c>
      <c r="C686" t="n">
        <v>9800</v>
      </c>
      <c r="D686" t="inlineStr">
        <is>
          <t>0.4677154</t>
        </is>
      </c>
      <c r="E686" t="inlineStr">
        <is>
          <t>&lt;class 'numpy.ndarray'&gt;</t>
        </is>
      </c>
    </row>
    <row r="687">
      <c r="A687" s="1" t="n">
        <v>685</v>
      </c>
      <c r="B687" t="inlineStr">
        <is>
          <t>learning_rate</t>
        </is>
      </c>
      <c r="C687" t="n">
        <v>9800</v>
      </c>
      <c r="D687" t="inlineStr">
        <is>
          <t>0.0009990532</t>
        </is>
      </c>
      <c r="E687" t="inlineStr">
        <is>
          <t>&lt;class 'numpy.ndarray'&gt;</t>
        </is>
      </c>
    </row>
    <row r="688">
      <c r="A688" s="1" t="n">
        <v>686</v>
      </c>
      <c r="B688" t="inlineStr">
        <is>
          <t>train_input_images</t>
        </is>
      </c>
      <c r="C688" t="n">
        <v>9800</v>
      </c>
      <c r="D688" t="inlineStr">
        <is>
          <t>[b'512' b'512'
 b'\x89PNG\r\n\x1a\n\x00\x00\x00\rIHDR\x00\x00\x02\x00\x00\x00\x02\x00\x08\x02\x00\x00\x00{\x1aC\xad\x00\x00 \x00IDATx\x9c\xe4\xbdu\xbc\xb6U\x95\x06|\x1d[Q1\xb0\x0bL,\xc4VT\xec\xb1\xb01\xb1\xc7\xee\x1cQQ1\x11\xc7D\xc5V\xec\x1e\x03[\xc7\x18k\x84\x01\x03T\xb0\xc6D\x14;\x07k}\x7f\xdc\xf7\xde{\xc5\xb5\xf6\xbd\x9fS/\xdf\xf7\xad\xdf\xf9\x9d\xf7~\xf6^q\xad\xd8k\xed\xe7\xbc\'\x80UH\x04"\xd2cx\x0cz\xdb\x13O\xd3\xb6\xc8\xeb\xf9ED\xe4\xfe\x19\xc3 u\xf8E\x9e\xcd\x16E\x06\xb1\x06CUP\x98\xbfuQ\n\xaa\xc9\x92\xc8\xe9\x1dk\xf1]\xd4\xcb\xb5\xbb$F\x99\x95\xcb{\x85\xca\xaf\x8es"\xd0\x9b\x9a_\x00\x91\'N&lt;P\x9e\x16\xa9\xa2&lt;A\xf5\xcd\xe6\xb2\x0f\x8e\xd4\x8fY3\x03v\xdeV\x8d\x16\x12\xcf\x95[\xae&amp;|LZpZ\xcc\'\x84E\x89(x-\x80=\xf2N\r\x10a\xf3x\xf2\xddU)\x93eh\x07\xf1\x13\xfaPb\xc4Z\xe1\xfas\xa3\xab\x06v\x05\xea\xe6\xd7\x17\xc9\x13\xa7\x93\xe2}\x89\xc0\\\x15\x89\x88\\\xcc\xf1\x90r?\xe5P=l/\xe0[\xdd\xf6\xaa\x9f7\xd5W\x01D\x9e%\n\x1eLW\xe5\x18*\x12\xf5L\xd6K\x9a\x17\x01\x88_Q\x16\xb5\xbfY\xbe\xf5\xc0\xa0\xfau\xcf\x1a\x0c\xddG\x01yP\xeb\x8f\xfa\xf3l\xfe\x1fu\xea\x88\xc8mZ\x1d\x9b\xae\xba&lt;\xad\xf9\xc4\xb2\xf3\x9b\xbaS\xe3\xf3{\xcb\xdc\xc2\xa5$}\tQ\xa3q\xd0\nc\x0e/\xc9\xb9\x05D&gt;\xac+*\xda\xd2\xe1JhVu\xc7h(\xa1g\xf9\t$\xf2\x8a\x80\xd0X\xc8\x01@\xe7W\xbcZ\xbe\x92\xd0F\xfa\xec\x0b;QZ\xd2y\xf9\x94\xe1\xab\x93\xce\xffnW\x93\xcd\xa3\x0cp\xbc\x1f0\xa9\x99\'a{\xa8f\xfb\xb1Wq\n\xa7&gt;DQ\xa7%\x9cO\xf3\x1c}\xedG\xa1\xd3\xfbZ\x95/\x82W \xa7\xe771\x13\x14\xd5\x92\xee\x00\xc9\xbd\xbctU\xd8|\x8f=\x85k\xd3\x15\xb6"\x14\x1d7\x11\xc8\x8f\x15\x86\xa0Hl\x9a\xaax\x7f\xae\xd7r\xb7\x80\x1d\x83\x1d\x90jwg\xccS\xe7\xe1\xa6\xf3*U\xe5\xa5\x00\x07\xdb\x1eZ\xf5+\xa7b]=\xa3f&lt;\x0e\x15h\x85r\x98\x88\x9c&gt;\xacs\xaf\x03\x86\x1aU\xa5\xd0W\xf5r\x9f\xa2\xfdEE\x86)Y\xe5\xbdE\xaf\x7f\xadDK3/\xda\xdd\x94\x1em\xcf\xfbg\xb5\xce$\xec#:GS\xe3*-\xd3\xb3\xe0\xaf\x9b\x13Q\xc7\xf6\xd2j\rE\xde\xdak\x07\xc3.\x88@\xe4\xd6a\xf1\x90\x05){\x81\x1a2\x14\x0e\xbc\xdb]\xc2\xb9%y\x11\xdb\x92\xa0B\x97\xd9\x13+\xdba\x88\x8b\xaa\xc4\x17F\x9a\xef\x9e\xa5;\xf7cP\xee;\xf8\x0f\xa6\xc7\x8d\x07\xb0\x81-I\xa6fN\x91]\x9cG\xec\xaa\xa1]k\xbd^^\xeb\xb4\x8aH\x9d\xc7m\x85\r\xaa\x80D\x8c]eKt\xach\xc0\x7ff\xa4V#;\x9b\xe36W\xcb\x16=\xaam"\xf7Fd\x1d\n\xb2\xe6n\x07\x80\xabX\xa7!\x89\xbf\xaa\xd2\xb6`G\xbb}/\x95\x0fi_\x0c\xc2\xb2@S\xf0\xb6\xde\x15pki\xb5\x01\x10{\xc4zA;w\x07\xb5\xd0\xe4\rH\xf9\x1e\x04\x90\x15\rF\x97\xd7\xa0\x95uP\xebS\xc1:a^\xd1k\xa6\xc1\xdfI\xfbV\xeaapU\x1e\xbd(\xd3K\xf1+_\xe46\xd1D\x93=C\xe2Z;{\xba\xdb\xea\x95\x10\xabi\xf1\xe3Z&lt;\xf8)""w\xf7\x86X=\xd4\x86N\xf0\xe8")\xebo%\'\xff\xd1*\xa4\x9a\xbf\xdb\r\x939\xe1\x12T\xd7\xd2\x01\x10\x98\x7f\x06|{\xdds(\xa3\xe6\x0e\xbd\x8f\xf7$\xc9\xca\xa9\x93\xf6:\x88\x04\x10\xc1\xf3LZ[\xcaj\x1e\x11zB3\x1a\x0b\xd8G\xac\xd5\xbc]\xd3}\xa3l\xbdQ\x17j\x1dN\x97c\xb0\xab\x9a\xed\xa5\xccj\xd6\x866\x85N\xa5\x94\xf7\r\xf9\x13nKa\xb3\xf0\xc8\xff\xe5[\xee%i\x13\xb6m\xc9\xe32l}\xb8"\xf2\xcd%\x86\xaayU\xcf\x8f\xb7\x1a\xfa\x01\xac1\xcf\xac\xf8\x9e\xa8{\x13 r\x1e\xad}\xb78\xe1\x82\xedzr\x8c\x15w\xe1R&amp;\x94\x14)\x0f\xa5\xe1\x8a\xba\xb3\xcb\xd2\x7fS\xa9\xd3k:\x82svZ\xfb\x8e\x8b\' \x82k\x1a6\xd7;|\xf4\x82\xda\xeeW\x0fl\xd3\x01\xefM\x1e\x8f\xd1\x1f\xe2\xb6\tt\xe5\xaa\xea{\xce\x90\x8agF\x1f\'\x98\x81\xe9\xabv\x8an \x1e\xb3}i}\x14\x81\xc8\x0bt\xc6\x9bH\x05\xd6\xc9B|\xf0\x18g:kP\x95:\n\x00x\x13\x8f\xbcy\xc7\x90\x97\xe7\x96\x11\xb5\xba\x12\x94\xad@\xad\xcfm[\x14\x91G\xd5\xdd\xd5\x10\xf6N\xfe\xb0\xa6\x8c3\x82\xa1=4\xc3\xac*x\x00\xc3\xb7\r\x1es\x8b\xc9\xa1&amp;\xc57\xe4\xf9I\xd9\x81\xb1\r\xd1l\xc9\xf9\xcd\x8a:\xa8m%\x9c\x1c\xefi=!\xae\xebu:\xfek\x17\n\xe3\x17\xc6\xe8N\x17\xf1\xb0\xdbm\xd1\xf5e\xd8\xe8\x85 \x90\xeb\xb6\xd7\xecW|\x18\x11\x83\xec\xef\xd4\xf6e\xa7\xe3L\x0c\x17\xb6\x8e,\xce\x8c&gt;\x8d\n\xde\xca\xf4Y\x11[u\x1b\x19&lt;M\xf6\xb7q\x00\x9cI\xdf\xb5ED\xe4{\xda_5\x0c\x00\x01NP\xb9@\xc8B\xb3\xf9\xf8\xfa\xf2\x06\x12\xeb\xdc\x1e\xb4\x045~Z\x18\x8e\xa01T\xb1\xea\x94\xeeV\x91\xd0\xca\x1b\x11T9X\x9f\xe9\x7f\xa4\xe3\xc7w\x9c9@\xdf\xf1\xf0\xfa\xa6+27\xa8\xcb\xeeoW\x05\x1c\x9dm9\x8c\xcc\x16\xaa\xdbbx\xce\'\xd7\xb1&lt;\xaa\xd1P$\xb1"\xebn\x07\xb60G(\t\xf0j\xad\x16\x90\xc7\x95\xbc\xb7\xec?\xaf\xe3\xa3\x02\xd0\xbb\xe3\xd0\xeao\xc7C\x0f\x00\xfd\x90\xb9\x96\xe8wa\x8f5vA\xb5&gt;\x89\\\xa7&gt;\x9f\xd9\xf6\xdfk1\xefB=\x98\xc9\xc1\xe2\xe3\x9d\xea \x8f]C\xbdp[\x7f\xa6\xbd\xbe\xf6\xc1\x1e\xe9\xe4\xda\xb8\xf5D\x8ar\xe0\xf5.}=\xf1E0\xb9E\xd8\x8fE=1\x1aR\xc3{\x17\x11\x11\xb9\xa5\x88\x88\xbc\xd6\x84=\x88\x93\xd4\x88\xbc\xaf\xfa\x0b\xa4A\x06^\x18##:);v\x00\x88\xec\x973\x88\x82v\xc6 \xbbN\xbb-\x82+\x0b6`\xe5\xf9&lt;]H\xf5\x12\xb7\xaa\t\xb7\x12Zv\xaa5\xf2\xefbW\xa2h\x14\xd1\xfa\x93\x99a\xd4t\x06\x80\xd7\xccL{&lt;\x01\xe2\xb7J1\xfc(\x97\xa2\xa4\x8f\x9f31\xb9pj\xe5\xbem\xac3r\xf3\xdc\x18^%\xa1\x80Dn\xab_\xee4\x0c2\xa2\xd2\x191]\xa6\x1cZ\xea&amp;\x94\xa7\x8a\xf9\x85\x84y\xac\xfa[\xbf\xd33&amp;&gt;X\xcc\xfa\xc1\xb3\x89\xd8q\xe5{\x95\x00\xf2\xf9\xa0\xa1O\xc5\xe25u\x0c\x17E\x94,\xdf}\x84\xd6\x06\xb92\x15qS*jsSP\xbd\xb0\x9c6\xec?\xe7\x1b\xaeN2Cn\xdd\x176\xdcVjf\xabI\xa3A\xd6\x0bX\xc3\xca\x15\x1e\xda\x02=\xd0%7Hs\x99\xd6\xcb2\x1d\x00+\xea\xbcO\xd7\xd6\xa0\xf2\xc1\xae\xfa\xa7\x1c\x06i\xf7\xdd2\xd1[\xd9m\x05\xaa\xd4\xfaa\xe9\x16}\\\xc4\xddr)\x83\xc1\xad\xf41\xd8S\xd4\x16\xd5\xae\xe1\xff\xe1\xf2\xa5\xc4\x03p\x1a\xdea\xda\xa5b\x9b\x05\xaf\xc0\x12\xa1\'\x9c.\xc5\xb2\xf2\xf3\x8ek\x0f\xb6\xd5\xdb)\xa7\xd9\xeb{U\xd9\xbb\xd6\xdb:\x80C\x00\x01&gt;\x15\xdc\xf4\x13Bw\xa5W@\xae\x19\xc6\x83\x1b\x1e\x06\x9e\xb9\xec\xcf\xfc\x87\xb2\x0bS\x87td|.\xc8\xed\xd8\xbb\x10\xff\x03\xa0\xe8q\x13\xe5\xf1.;j\xab\x19\x00\xe4\xdb\xc6\xf7\xe2\xa6\xb7\xa8Cj!\x99+r\x1bB\x07\xf8\xd1"\xfa\xfb\x98\xe3\x83\x0b\xc7\xb6\xd1\xfa,o\x0fTZX\xe5!6\xb5\xde\xa4\xd1\xe7\xa1ob\xb3h\xb34O\x8e}\x17\xa4\n\x9d\xb9Zgtkq\x8a/Nk}Q\x80\xd2\xa9gp\xd4\xe0:\x11\xf1ND\x80?\xb0y\xa0\x0fy\xfd)\xf0\xf9\x1bEl\x07Yi\x0c\xa7&gt;\xb2\xffl\x10\xc1\xab\x80\xfbY0\xed\xe8\x02\x02&lt;\xc56\xaf\x06&gt;\xa9\xcc\xba\xfe?\xa1\xadd^\x84{.\xd1K\xc5I\xbbd\xe2#}@\x94\xb6eNO\x10@^\xa3\xf1&lt;\x0c\xca\xaf\xd3\xc5\x01`saT\xa9m\x89&gt;\xaa\xdeZ\xc3b\xef\xda\x96s\xe9\x9b\xb2bx\xcd\x00\x08\xe6\xa2\xc2\xba^\xe9|\x80\x00/\x06\x0ej"\xfd\xa0n\r\xb9\xc4o5\x86\xc1"\xa3\xeb\x00\xf4\x17\xee\xcdq\xb5^l\x16\x89@\x1e\xb7\xc4\xb3\xe9V\x83\xfe\xd3\xf4\x19&amp;z\xa7\x1f\x8a\x81m9\xf8\xda\xa8~ng`\xf58\xdb\x83ad\xaf\xb3\xa4\xf0\x13\xdd\xd1U\xd7G\x00\x8d\xf0\x9c8\xe39\xf5,\xe2;\x80j\x16\x0f\xad\xe5w\xaf\xe6\xa0\xe5W\x9d\xe5\xce\x9d\xab\xcc2r\xda\xfa\x97F\xb5_qs\xcb*\x10\xb9iG\xa3;\x92\xbd\x1acl\xc6\xae\x1bf\xfeJ18\x00D|\xbb7\xc1w\xb7\xf2\x89v\x01\xfe\xbd8\xfe\x1f\xba\xf5+\xfd\xdf\x01D\xeen\xcd\xe5S\xd9\xe3I\xc7\t\x8dO\x88\x12\xae\x92\x18\xdaZR\xd1/\x0f\xea\xf3\x82\xec\xd6\xb7\xbf\xd9\xd0\x9e\xdc\xa2\xab\x86\x9e\x06\xf5y\x13\xf0l\xa2\xaa\\Q\xa8\x9f\x1e\x9bVU\x0fX\xe3Q\x9f\xfbF#\x9d\xc5\xd9\n\xd6{\xd8\xd4\x03\x9d@\x03\xfe\xe5\xca\xd7%\xccz\xf1\x03[\x15\xdd\xc9\xe9o&amp;D\xfd\xdc\xb2\xda\x95\xc0/""G\xaa\xc5\x8dU\x8b6c\x9a\x9d\xfa\x82\x0f|\xa8\x8dA7&lt;4\xb0\x89N\xd3M\x84\xcfx\x18\x00\xa5\xf7\x99\xd9s==r\x14~\xa5\xc1\xb7i\t\xe4\xd6oKg\x0c\x9f\x106h&amp;t-\x89Q\x15\x89\xa7\x88\x00?\xeb\x8f7\xdf\xf4\x1f\xe5}\x00\xfe\xa8\xc0L\x0f\xd7\r\xb0\x93\x0cl%\xad\xcf\xea\x8e@\x9a\xd2\xfc\xedn\x9d;\x91\x1c%\xe1HL\x9f\xbf\xb2\xaa-\xf5Nm\x1dA\xd0\xc5Z\x14\xe6\xb0\xf3\xab\x96\x85T/SvQu3sH\x06\x92\xae\xefGa=X\x1f\xfb?\xf6\xf5\xf5A*"\xc3o\xfb\xa2\xd1\xc5vF\x99\xe7\xb7\x1a\xae+%\xaa6\xf1(k\x85\xe2\xae\xc3\x86\r"r\xf7&lt;\xc8\xaea\x81\xe5\xb1\xaa\xea\xe1\xb1A\xf8\x88\xea\xaa\x86\xc7\xcd-{#)\xbb\x0f6\xf1\x8cM\x9c\x05\xc1\x98\xa0}\xff\x9d\xcd\xd6\x9d\xed\xbc\xecgGW\xb2vS\x00\x91w;Q\x01\xe4U\xea\x02z\xb3\xf0vgZ\x17?\x9f\xeeJ\x06R\x0f\xd5\x96\x13\xb5;x\x17\xd8d$\xc9\xfa-\xd6\xadp \xa4\x9b\x18u_\x1f\x0b\x9c?\x19P\xc8\xbb\xcc\x18\x98\xf2pk\x88\x88\xdc\xbc-\xea;\x08\x97]j\x9a\xd6\xd0\xc2\rW\xec\x83\x84\xf5\x0e\xd5\xa3qw\xba\x0b\x88\xbca@C}\xce\x94\x90\xcb\x81\xe3\xd7\x1d\xa4\t2U\xad\x05\xf4\x91\r\x90\x9d\xd9\xa6G\xbb\x02\x12\x8b\xf0\x96T\x15\x9b\x1c\x9a\xa1\xb1Q\x06Kn=c\x06p\xa5\xe9\xe5\r)\x03\x1d\x0c\xae\x8d\x8a\xe8/\xd4\xa0\xbe\xd5(\xe2\x192e\xeb\xf6\xce\x05\xe6 \x80\xdfk+\xd5\x10 \'\xfaI\xac\xb3\xecG\x91-r"\x95S\x82k\xdbI\x9e\xb5]\x866\xc9e\x1d&gt;}\xe9@w\x0c\xd0Z\xdfQIp\xf7\xe8\xac,\xd6\x01o\xa4\xb8Z\xc9\xee\x1e\xde\x0bw\xff\xf3@\x9f\x81\x8eZ\xac\x8e\xbcs0j\xd7^\xd4)"\x87-\xf2\x04\xcd\xcep\\\xdc5\xa9\x9c\xc1\xd3\xbc\x9c\x8e\xf6U\xf2\xc6j{\r\xaf\x96\xbfw\xe6zRN\xcc\xfd\x85\xd9V\x17a\x11:\xfe\x07k\xd9\x04L\xdd\xda\xadz\xedHI]\x92C"\xf0\x16\x82\x10\xd7\x19CU~\x7f\x93\x11b\xcb\x81\xb9\x7fCH\xde\x04h\xdfr_w\x04\xe9R\xf3[}\xc1\x01\x9e\x8e\xc5\x8d{\xee.k\x00D\x8e\xd1\xef\xfe\xda\xee\xa2\xaa\rBY\x17\xc5\x08\xd4\x8a!\xcc\xe5D\xbdJ\xb5B\xb7\xdb_\xf1\n\xdfV\xefS\x14\xdb\xf0\xdb\x8en\xc7/yQ7\xd9\xbe*u*\xd2~\xf4\x8f\x8d&amp;\xf4\xb6\xf5\xc6\xd7\xee\xd7\xbe\x8f\x1ce\xd3\x91\xc5rq\x00\x98\xbb\xa1\\,;\xf1"\xcf\x8a[m\xe6\x05\xfd\x9dX\xb5\xf7|V\xecF\x8d\xc1\x83\xa5G&amp;3\xca\x03\xe1&lt;M^\xbaX\x85n\xd8\xc0\xa4V"\xaaP\xc6\xdet7/\xaf\x9b\x95@~\x8aOX\x9e\xff\xd3\x05p\x9b\xe9\xf9\x15\xb0\xa7\xa3\xeaw\x8e\xd8\x11\xd5\xe6J\xf0:st\xeb\xa9\xda\xbf\xf5\xa6\xb4\xe3\xcd\x80\xb4\x92\xa1\xd3\x97hz\x86nh\xa5\xdb\xdd\xd6=\xd5\x90\xf7\x88\x154\xe8\x82s\xeb\xca\x8a\xe9\xa7\xe9\xb4\x189Hf\xe5{\xc6\xca:+\xc2u\xa2\xea\x8b0\x06\x06\xc9\xf7\x83\xe9\xfb\xe9E1\xf4\x95T\xaa\xbfd\xa9\x93k\x1e\xbd0\xb4\x00\xc85{JTG\x13\x11\x91\xffN\x98\xd9\xd7\xf7`\xf3\xaeV\x1as\xd3\xaf\x19Bk\xab\xfd\xe5e\x81a\xfa\xfc\x15\xdb\x88\xb3P\xb8fm q\xcfZ\x17\xa6l\xa2?rR\xaa\x16\xc6\x8c\xf3\x1aj\xd1yg\x9a\xf5\xdf\xd2:\xd4\xe2~}v\xadi-\x8e\xec\xaa\xc3\x12\xcb\x80\x89+T}?\xff\xbfD\x02\xfcxK\xf5\xdb@niT7E\xf5\x88\x92\xc5J\x9d_&gt;I=\xcb\xa1\xe5!\x1c*;\x9f\xcci\xd7\x95\xaa\xad\xfc\xc2\xdbZ\x00\x1c\nZ[\'\xfc\x99\x06\x89\x9a\xfc\x00\xc8t\xaeJ1\xb6`\xfd\xb1\xafA\x03vq\x1e\xd60:q\xe3|=\xae\xbd|G\x9d\x19\xbd)KU\xc5P\x844\x88J1\x9da\x86\x8d\xed\xfe&amp;*\xcfs\x8d\xdc\x0b=N\xc8\xba\xba\xfa\x1c9\xdb:]T\x9e\xd9b\xa1\xf8\xcf\x8a\xd3\xfd\x05\xc1\x17\xa1\x05\\\xf7t\xed\x95\xf3\xf4i\xc0\xa1zl$&gt;n9\xa5oi\x87K\xdfIm\x14\xd0\xc6\xd4:\xd4\xeb\xf3\xc2\xebd\x00\xb6\'a\x0f\xeavOs\xa9q\x17\xb7\'\xf36\xea\x02B\x8e\x1d /\x89l+\xd4h\xab\xf8p\x99\x1aL\x85\xfb\x82\x80\xf1\xab\xd306\x8f\xc4\xda\x1a\x95\xb2\xdc\xffP[\xcf\\I\xc3\x8anM\x02\xd3/8{O]T\x9f\x01\\\x1c\x80\xfa%h^C\xbe\x18!=b\xf8X\x99V\x08\x08\xf0\xc3\xc4\x1c-0\xb9\xab\x87\'\x9f\xb3\x17|6c\x94\xce\x06\xd3\xf908\x9e\xc3\x00\xf0\xee\xb8c5\xed\x91*\x153\x0c\x9a\x86\xaa\xf0\xc1\x9b\xf0e\x83\xf5\x10mm\xf3\x96\n\xd99\xca\xe2\r)\xab\x8d\xd4u\x12\x9e\xed!\xda2Fe\x8d\x9e\xaf\x8d\x99\xeb"\xe9\xca\xee\xb1\x04\xa6\xbd\xcd\x1c)\xd6\xb9\xd0\xef^D|\xe5-\xab0\xda\x88\x84k\xeb\x14\xb3gv_$\xadG}\tN\x85\x7fF\xb6\xa8\xbd\xdb:\x12@\xe4\x95\xf4\x92\xfb\xb5\xac\x8b\xb1\xaf\x8dP\x9c\xf4\xb7\x11Rw\xde\x9e\xdcp\x11jC^\xa9\x90\x8c)\xd7[\xd9\x18p\xeb\xef\x1d\xa8\xed\x89\x0e\xb6]\xb8\x00n\x0bN\xf9\xa2N\xd3\xfaK\x03\xbdt\xc6\xac\r\x85\xb7D\xefM\xbc\xeb[\xaf\x83\xca\x9c/W\x99\xb4P\x99\xcb\xdbV\xc9=\x97\xd2-\xe2!\x97\x92wn\x19\xbe\xd5)\xc6Se\xa5\xb1\xf5\x7f\xf9\xfe\xc61l\x8e\x9e\xf5\x98\x9e?\xeb8\xd4\xea\x1f\xd7,"\xf2C\x00x\xd8\xfc\xf2\xfc]\xf6\\\x0f\xb3u\xef\xa4C9A\x8e*92\xfd\x93l\xdf\x14rCv\xfc\xcf\x16\xa4|=\xc7\x19\xe2=]\xc7\\\xf3\xaf\x92H\xea\x88i|\xe5\xcbDO\x99,\xb6?7\xd6\x0c\xad:\x00:R\x11\x92\xee\x06r\xe2\xb2\xda\xef\'0\x9a/\r\x00\x8b\xaa\n\xb8(\xb6\x0c\xaa\x16\xa1v\x1d\x06J\x87\'\xca\xfd\x87\xe9\x90\xed\xa6\xe5\x8f^\x18\x05\xc5\x11\xf2#c\xdbMi\xca\xd7uq\xde\xb1\xe4\x1a\x1frGV\xc2&lt;~M\xc8\xda\x16V\x89\xe7\xc6IWUV]q1\xba\xb9xN\xbc\xd1\x04I\xd5\xa0\x9bT\xc5\x10O\xe6\xdd\xb4\x17\x8e\x99\r\x80\xd6\x8f\xc6\xa2,\xd7\x1c\x1b\x81r\xef\x8c\x8d\xb7i\xdd\x0e\xf4\xca\x8a\x99g\x9a\xbf\xe6t\x028F\x1b\xfao\xe3{\xdfb\xb6\xebG\xa3@\xe4\x9e`^\xf8^,\'\xd6\xad\x17/e\x81\x94Y\xce=\x9d\xe8\xe7\xb8\x01\x90t\xf3\x07h\x06\xf7_\xf7\xac\x98WM\xce\xa1\xa6\xf5\x87\xce~\xb2/\x00\xd6\xfd\xcd{\x91\xf6~b\x18\xc3\xe6S\x16\x81\x8d`\x12\xf5y;\xc9w\x7f\xfd\x15\xba%\xc1t+\xb9P$zXc}\xc8\xac\xa7\'hO\x14\xd9]%\x9a\xfabe\x02R\x19\x0eb876\xa2h\xb3\xd3\xc5\xfd5\x8baX\xe1\xac\xd4\x9f$\xc3\xe9\xdf\x95\x0f\xe9\xcfo?/\xc6\n\'36\x14\x91\xaf\x8b\\U\xafl\x90h6=\x83\x99\x88\xbd\x0b27A\xfa\xb2\xff\xaa\xc5\xf2\xd4\x04\xce\xe8J.\xfb\x01\x97\x01`b\x03Xa\xdc\xd1\x8a\xcc\xb3\x1f\xb8\xac\x9d\x10\xa2\xff\xcf\xb7j\xb3\x0c\xab\xa6F\x949\x83\x90\x95&amp;\xdd\xaav+\xe7\x05\x80\xeb\x01\xc7\xac\x88dsh\xb0\xafe\xb2\x0b\x0cv\x02o\x0f\xc57b\xb1)\xaf\nL\xf6 \'9\x13\xdcPHwv\x87G\r\xb0\xa5^B\x0fU&amp;%""7\x89w\xa2\x8dP5\xd7\xc7\xb6RK$G\xa8\xe6\x94s\xce\xcf\x11\xd8j\xbe,\x86[+\xb7\xcf\xb3\xe4\xdf\xac\xaa\x95\xccS&lt;U\xf9\xa3\xe7\x15\x83AD\xe4\xdf\xf4J\xa6g\x05\xa3\xeb\xc0Y\xf1(\x8b\xfee\x88G\xeb\xaaeC\xf9\xab\xee\xd1\x80\xc8\x8do\xd6D\xecyT\xb7\xe9\xaf\xe4\xfd\xdd\xb7l\xb7\xbb\x0b\x04\x90\xa3\x83Hx\x16`\x9f\xe5\x01\x10v\x0fR\xefV\x1d\xf8\x1d\xf2E\xa0\xf5\xd9\xfcDr9\xda1&gt;\xb0\x13\x08\x95\xa7\x11\xf1E\xe4\xb1\\b\x117\x00\xea\x9a\xa0jWh\xd0\xd6M\xa1\x80\x12`\xb4]\x02"\xcf\\G\x9b\xe0\'\xca\xd8b\x03\xc0\xf0\xa4\'\x93\xea\xafj\xcbq\xf2\x08;\x17\xae\x0c\xf3"\x89\xc2L;\x85\xe1\xacm\xeb\x17\xa4\xc1\xc9\xf9J\n\xc4\xa4iC\x90\x00\x11|\x02\xf8\xb0z\xd98\xbb\xdf\xa4\x9f\x81\xdf\n\x92\xda\x97Uq\xb6pY\xc3\xb5P5\xcf\xfd\x00\xf9\xb0i\xeeE\xf6\x86\xba*\x9a/My^\x8a%\x0bb\xd94\xf7\x83\xcb\xc3u;\xaeM\x1f/\xb7\x83_\x0e4\xed\xc8\x96cVK#-h\xc7\x93\xc8\xfck\x0e\xa3\x17\x9d\xd3\xfb\xfbL\xdbfB\xb3\x9a\x93\xc4/\xf2\x00\xfe\x00\xd7\xca\xb3&lt;\x0b\xd7\xd8^\xbf(\xb2o\xcb\x18bg\xcf\xcc\x0c\xd0_Ym\xa9\x13\xb2\xf4\xd6\xfb\x19+X/Rj\x85~Al\x95J\x9f8\x0f\xcav\xeb\r\xeb\xe8\xc6,\xd6\xb5^\xe3\xa6\xbfc\xa8\xd0\xcf4\xe01\xc4\xf6\xb0\x97\xc5/+\x8b\xeb\xee\xfe\xfakz\xae\xdd[\xeb\xc8]\x8e[Y?\xea\x88\x0c\xd2\xdc\x13_\xe0M\x88\x88\\`f\xd8\'\x98 \xb5\xea\xbe\x94\xaf|\xf4\xe9\xb6?B!Vm\xd3\xf0\x850x(\xfeR?\xaf\x8eN\xe9i\xe4\xbf\xe5\x1f\xfaW\x96\xbe\x17\x90\x7fQU\x11O\xb7\xf6\x82\xc1\xd8a\x94\xf5P\x01.\x08\x1c\x08\x97\x95\x85\x86\xb8\x9d\xa4k\xc8&lt;[\x84{v4\xf8\x1f\xef\xce\xd8z\xfe\xd2\x9e\xeb\x18\xe6RN\xbeqP\xb3m0\xb2\xf2\x95\xa4\x11\xab\xa2\x94\xb8e\xce\xedr\x81\xc62\xd07 \xc7I\xc4\x07\xd4\xf6A:\xbf\xccJ\xdbR\xd8\xac\xe0\x87\x19\xa4\xce\x14a7\x83\x85t\x1dU2;\xf7\xac\xe7p\xb6D\xadyGB\xa4\x92oB\xbd\xa9\xd5\xf9\n`\x9d\xdf\xd15@\x87\xb4\xb6\xa8\xc7\xa1k\xd6\xa5\xea\xf4\xcd}v\xc1{\xe6\x82\xfc\x08\xdb\xf7\x1d\x8f\x00\xaf(\x0fG\xe8N}\x16T\xa3P\xe6\xfa\xd4Z\xfc\t\x15[\x87\x1a\xc3+\xa2\xaa\xf0\xcd)\xa8\xca\xc7\x0e\xd76\xd1\xc8!\x8f\x9c\xaa\xa6\xed\xc1\xb3\xb2g\x1f\xc4\xb0\xe1`\x98\xeb\x06\x80\xf2ks\xd6\xa1\'+\x95\xceV5\xbd\xac?\xbf\xaf\xc5\xe3\xb1`\xae&gt;\x84\xefo!}y\xae\xd7K\xe9\xa3("/5\x0c\xaa\xfb\xd3\xce\x1b|\t\x15\xae\x07\x80N\xca\xb4x w\x84*\x07D\xe4\\~\xb4\xf3VH5\x8cS\xfd\x8dc\x1d%\xaa\x95\xaclZ\x7f\xf1a\x11\x8cn\x8b7\xd0\xd6KH\xc9\x10\xba?\x1c\x91\xc4l\x8ch\xea\x1b6[\xb4"/\x14\x99\xff\xdcz|G\x18GB\xf9\x19v\xb5k\x1fV\x85\x07\x1b\xa5\xf1\xdb\xea\x1d\x00y#DD.d\xc1\xcc\xc7G\xbd!\xb3-\xde\\2\xdc\x7f\x03\x84\xb8UU\x9b\x98\xa0\x15\xc8\xe7c\xac\x823\xae\xcdrA\xfe&gt;\xc0\x93\xb5\xce\x82ms\x8b&gt;Z_i\xab\x13X\xb1\x0f\xd9%\xa5gQDv\xe6\x82?g\xe7\xbf\x95\x9d\xda\xa3\x00\x85\xe5\xb4\xc8\xbc\x97-\xd2\xc1\x10ur\xe6"\x92\xb8iyR\xc0\x9b}\x96\xfc\x19\xf9\xd2B\x1b\x12\xf9w\x11\x11\xf9~\x83\xca\xd9\xcaC\xa6\xc7]\x02\xec\xfb\xda~\x0c\x1d~\xdfz\x00\x91\xebd\xa2}\x8d\xd4\xe2\\B\xf4\xa2`q\x1e\x91XlE\x18\xd7]\xa1\x9a]\xe6\xa9&lt;\xb6\x83\xb9*\xea\xbc\x17\xactQ%\xab\xa6\xbe\xc8\x1b\x16\xfa\x8f\xcfQp!0\x9cb\x06@\xc66\xc8\xa9\xf9\'\x8eOn\x10b\x97\xe8eD\xca\x00X\x16\xbf D\x1e\xbf\xc8\xb6qj\xef\xf5l$;\x87\x7f\x15\xe5Mk8\xe7Brg\xb6\xca\x9d\xb4\xc6\xcd\xab\xadW0\xffF\x9e\xc2\x96#B#\xb0\xb9\xd0/\x95\xad\x83\xa7\xbf\xcc\x95\xf9x\x06\xe0Z\xc4\xe5\xe0W\x86l]\x14\x0f\xf9\x88\xfa\x83u0\x97\x82F\xd5\x95j\xd1\xc1\xf7\x9d\x11\x11[\x82\xe7v\xc0\xdfm[\xd7\xd9l\x8b?5o)bC\xefX\x11\x85Y\xaf\xef\x1b\x86\xbd\xd8\xef\xea\tJ\xfc5_\xe4s\xa6K\x9a-{\x94XI\xc0z\xc1\x83\t\xc8\x07-\x8f\xf9*\xff\x91N\x0f\x8dL;#\x1a\xad\x02\xf4.\xdf\xf4\xed\x9b\x9bM\xac\xda\x1dE\xa1F\xdb\xeb-r\x8dVg\xac\xc2\x9e\x86\xd5c\xdf\xe1\xaec\xdc\x14\xd3\xdb\xcdn\xeb}\xf5Ht\xef Cx\xe8\x17\xdf\xdbn\xb5xs\xd8E\xb5e\xda\x8df+\xfaA\xb7\x18\x98\xb6\xf8(\x1b\n\x84&gt;XO\xb5V\xd8\xcf\xa09Z5\x86Zv^\xd9;\xd5\x90mt\xe9\xc7\xd5\xd0\x18\xff\x1c\xcc:\x06\x9c\x83\xa1\xcb{YU\x1e\xd4\x05W6\x1dT{\x84\xa1\xfb\xa5Lg\xb8\xe4\xb1\xf7\x7f\r\x00E\x15\xff\x1c\r,\xce\xd9\xeb\xcbp\xb4\xaa\xc6\xa6\xcf/\xd7\x9d\xd7b\x9b"\xdc\xc0\xd3\xec\xd4\x95\x9d\xb8\xc1\xd9\x96\x93|ql\xf1E\xfd\xadBdlg\xcf\x80LJ\xd47/\xb5"\xd9P\x07\xd8a\xa4\xbb\xcc\x10\xffV\xce8\x11\x91W\x97\x87a\x8b\xe3\xf8\xdb0\xcby\xdd\x11\x12\x11\x91\xe7\xd2#\x1a+D\x92\xe7\x11r]\xb5\x99P\xdata\xd66\xa4?\xc7 \xd0rv\xd7\x9ch}\xf1\x9d\xb5\x83\xaa\xef\xc8\xda\x9d\x9e\xbf\xfc\x7f5\xb6\xaa\xba\x04p\x11XI\x166b\x02\xc8q\xa4_\x940V\xe6\xa6\xe4\xeaN\xa7\x94\x9bch\x97\x1cC\xb7%-\xbb \x90\xcfp\xbf&amp;\xba\xed\x88\x92\xd5\xe3\xe6\x0f\x88\xea\x92\xba\xdd\xb7\x155\x0c\xa2i\xf3QT\xdf\xcc\xe8\x17S\xba!^:\xe0n\xd7\x0f\x00\'"\xde\xba\xc8\x9bJ\xaeED\xe4\xed\xc4\xdfm\xa2\r\x1au\xbd`\xd0\\\x1c\xad\x80?\xf3\xab\xd6\xab:B\xa5\x13\xad\xb7/d9&amp;\x16]\x1b\xd2m\xd7\xf6Dv\x9b\xc8\x01\xbc\x08\xde\x8b%\xc0\x1d\x96\x1a\x19\x87DG,\x0b\x94o\xcd\xf2\xba\xf6\xd6\xd58h\x86\xae\xc8|\xc7\xa4\xc7\xbe_.\xb3\xc5+v="Sd\x0bOO\xac\xab\x8d\xa8Bh\x16\xb5\xe3\xd3L\xd4\x80G\xeb1\xbc\x02\xbc\xdeFX\xf7\xa0JO\xa3&gt;\xe6\xae\xe9\x02\x8b\x97\xe5(\xab\xcb\xc69k\x04\xed;\xcb\xa8\xd9\xc3xhZ\xb4\xf5\x98\x90z\xbbY\xc4?\x0bz\xd8u\x00\x88\xc8k\xd4\xfa\xc3-Z\xfa-=5\x9b\xa6\xd1\xab\x15m\x970om\r\xa7T\x93\x14\xd7]\xe5m3\xad\xc3\xb2\x13\xe9\xf5\xb5\xd1\xb7,]\xfdK&amp;t\x1d\x90\xddM\xfa\xde\xafr$\xf6\xce:T]?2w\\D\xe4\xcd\xfe\x1c\xc6\xe6\xd2\xf1\xd7k\x93\xeb\xb6\xeef\x8e\xd6\xc2T\x1e\xd2\x1f&amp;\xe8o\xd5\xd6f\x91\xe9b\xff\xd9\xae)\xeb\xa9\xccYpM\xb5\xa1F\x9f\xd0/\xadi\xddG\xe0\x06-\x9b\xbb"{k\xce\xd8\x97\x1d\xfa~\xdf\x8fl\x12\xedZ\x1e"\x9b\r\xb6\xa2\xe7\xfc\xc1\x84\x92\xf5Rw\xb2u\x18"`W\x80\xef\x02\x00\xae\xa5q*\xb6A\xf7}(\x14\xc5\xdf\x19\'K\xd4\xf4\xb8\x14\xef\xc8\x01\xb0\x03,\xa7\xb4\xb9q\xe0\x97\x02\x1bnw\xf0\xeaCd\x1b\x87ZsJS\xfb\xc7\xd2\x197B\xe6\xa8\xeb\xb2^\xfa\x19\xa8\xbe\xceX\x91\xee\xf0,k`\x05\xdd\xbf\xe9\xb8s\x1b\x173~\x1d\xe7/tQ\xadoK\xe4n\xde\xae\x00\xc0#\x97\xc4m#31\xf1-\x8c]\\\xa0\xc2UY|s\\\xb1\x7f\xe9I\xac\xdd\x19\xec=n\x1a\xc1Z_HV\xf04\xfe\xd4\x85\xe2\x04\x80\xafWx\x14CP\xe8V#Zgb\xd5\xd6\xaf\x00\xf8a\xf3\x7f]\x84\xce\x96\x08\xfe\x16\x01\x13\xa4\xdbN\x1d\x0c\xabB[\xb73""__U\xa4\xbb{0\xe4B\x0b\xf8kz\xe6\xba\xb9\xf9\xa0\xdd\x16/\xdd\xd7\xfc\x14I\x10\x0e\xa6\\\x80\xfc\x17\x9eW\x86V@\xfa\xf9\x9e\xd9\xf0\xeb[\xa4\xa7K\xd9\xf2\xfc\xefm\xb7\xe3i\xe5\xd6\x94m\xc0\xe2\xe2\xa2\xd6\xe6\xfc\x8d\xbceB\x90\xafN \xb6\xc2D\x7f}\xf9\xd6\xba\x9e;\xc2\xf0\xab\xea\xbaY\x93\xbdw\x12g/("*e\'\x05\x90\x83\xe4`\xeb T\x04\x83\xae\xe9\xff\xbb\xad\xc3\xc358\xaa\xa7r\xfe\xa4\x0b^\x07M\xe4\xad.@6\xdd\xf2\x1d\xe7\xa3\x8d)-\xe3\x16\xde\xee\r\xccxd?\xeb\xe9\x92+\xf0J\xea\xca\x9f\r\x18\xfe\xd6g[\x89\xde\x0b\xea\xc3\xb2\x97\x83V\x92\x8b\xc6&amp;)\x17\x11\xfe[;DN\x0c5\xa4\xa5\xd6\xe3])\xa0\x9elr\x06LlG\xcd\x8dA\x8a\xfc\xeb\x8b\xad\xee8KF\xcd\xa90\xebY\xe3\xb6=Q[\xac/\x9f\xdb8S\x1cm\x00t\x0fO\xcd\x94\x16\xdc:\xd2\x80\xfb\xb5e:\x11\xd92\x17\xd8\xd6&amp;~\xc1\x07\xd5J\xedC\xb50\xf7\xd2#\x1e\xb8(@#\xf4\x90,0\xa7\xed\x8a\x14X\xa5\xf7\x98\xfb\x93&lt;\x8c\xf4w\xee\x9a\x18w4\xebU\xe7\xf5WN\xabW\x05^\x1b\xc4+\x1d\xc5\x0e\x82\x00"\xc7\xe9\xae\xad\xe9n\xf6\xa5\x0b\x0b\xa5i\xf7\x9d\xc0\xddw\xf4\x00H\x8ek\x8b\xe3\x196j\xc2V\x98K\xe2b+^lH\xed8\x05MYG\x8b\x93O\xa3]\x89\xa8\x9e\xab\xa8\x93\xa0\x95o\x05i\x00\xad\x07E\xb6\x99a\xe9\xe6b3\x15\rIpmz\xf9\x8e\xa4\x95X\xcdl=\xf1\x85j@\x9e;\xa7p\x1d\xa9\xe4\xda\x92\xbf\x1fd\x1a\xdf\xfc\r&lt;\x03\xda\xd8\xcf7y\x9e\xd0\xef\xb4\x94g\x0bn\xd6D\xfb7@\x9fFf\xb4\x8d\x04Q\x1a:\xcd\xa1\xd0\xfc\xcb\xfa\xe5\x89*\x14\xcfk\xb0\xafi \xf5\xc2bf\x1e\x83\xa7PEY\xadD\xc3\xe3&amp;\xba\xa3\xaeD/\x19\xb7c_\xbc\xbd\x93\xc5\x0c\xe0B\x0e\xaa)\x83\x9b-\x9e\xca-\xa1\xbc\x02\x15\x0f\x8d\xf8\xeapE\xee\x9cY\xa2\x18\xe6X\x0f\xbcSS\xa1\xe4\xc0\xc6\xd1\xca\xf4g\x1fVq\xae\x98\xfe\xde\xe2\xdb\x82\x95t\xe6[+\xaa\x1a\xde\x8a\xd1\xa3\xef\xf1\x01\xdc:\xc7\xd9\xb9\xfeO\xfcrU\xbe\xb53 \xc0E\n0\xf9i\x11\xb9\xeb\x90\x0b\xfd#\xed\xb6F\xb2d\xc7[RWj\x10\x9a\x1e4\xa0\xd9P\xd2\xd44G+r\xcd\xa3J\xee"N|\xfa\xee\x97C\x11\x89F@\xbf~\xa5\xf6+\xeb\xc5\xaau\x04T\x84\xa8\xa1\x89~\xa2\xdd\xe9\x06\x90\xdf\x1e\x94\xfe\x16O\x81\xdc\x97u\xf0\x06/\xb1\xb1\x94\xbe\x13T\xde\x9b\xda\x93\xfcl\xd0\x99\x8d\xd7\x11Z\x03;\x86\xc8\xf5a\tO\x1f\xeb\xa7\x13\x06:\xd8\x95\xc5\\\xc4w%[O\t\xdcZ\x9a\x00\x06\x83\\\xb8\xee\x17\xd6\x03O\n\xd5]f{\xc7l\x01\xcc\xf0\xba)\xacU\n\xa9\xb6\x15\xa7\xb9\xf5}\x7f\xb4\xde\xde9\x9f#U\xdc\xeb\xcb\xf4\x18/\xf5\xeb=k\xab*i\xa2\xd7\xf0\xc5\xa6\xac\xec\x9a\xbe\xaf\xb6:^+\xe4y\x85t\xed.\xa7[~\xc5v\xcf\x00\x11\x91\xdf\x14%\xf5G\x11K)vNb\xb6\xb2|\xfcY\xdbr\xb6|w\xeb\x9cn@\x80s\x02;\x01"r\xf1\x8ea\x16(\x0fc \xf6\x8fS\xd52\xd15\xfa\x02\x04v3d.\x01\xbanC\x00\xdc9\x1d\x88\xd0\x8e&amp;\x11\xc8\r\xe8\xba\xec\xbe\x0eU\xf1\x84\x0f\x1c\x9b\xfe\xf9\xa7\x86\xceje7\x18Y\xb1\xcf\x1e\xb9\xe0\x0e\xe5!\xc5?\xa0\x99\xaeD\x85R\xd636}\xfeW"v\xae\xda\xcbg\xafW\x8f\x867\xd2\x85g\xce\xa7\xea/b\xa4B\xed\xa4\xbd\xda\xac\xc0\x86(fm\x01\x83\x08\x80\xfa\xfb\xa8\x1a\x92\xce\xe4s/\x93\xb7\xa1\x19\x84qx\xb1\xa4\xf5\x8b\xbb\xb5ftf\xd4\xf8$\xe6\xec\n\xb9\x07\xf4`\xc4\xf3\x1bK\xa8\xf6\xcaE=\xc9\xd8&amp;\xfc\xdf\x83\x88\xf91\x06\x01\xe4\xd4\x03o\xb9\xba\xbb+\x91o\xeb\xe5\xa9&lt;\x1c-\x19\x99\xfa&lt;\xc5\xbc\x03\x98\xbd\xda\x85\xde\xac\x01@n\xb4\x19\xfaY\xd4\x1c\x83\x17\x19WNG\xeb\x8a\x93\xc3@\x1dF\xa2\xfdp0\x9c\xf8\n\xee\xe4\xe5 \xea\rM\x84\xb7\xf1*\xba\xeb\x98\xc2N\xd5f\x03`\xb0\xc8\xa3\xe6\x8d\x1f\x0c=\x00\xae\x0e\xc8\xd2\xef\x1a\xf4\x95I.\x01kNy\x11\x9c\xc5\x9d\xa3\xf5\x95\xfdKSF\xbf}\xe7\xd1T\xe8\x8e/\xdd\xc8S\xf0\x00\xe4}\xcc\xe2*\xed\x9eZ\xd1\xa8&amp;\xda)\x04\xcaX\xfc\xfd$h\x8f\x86\xf2\xa7\xea&lt;\x82i\xd0\xc8\xf9\x18\xce\xa0\xe6"\x91\xf3\xc2\x03&lt;\xba\xe9\xc3fD\xa8G\x8eA\xa3\xf2\xfb\xdbN\xe6\xa4\xe9\xb2\xb3?\xb7\xb69\xb6\x94\xdbQ\xedb\x08\xc6a\xd8\x1c\xf8\x82S&lt;\x1d\xc1\xa1|d3&amp;{7@5\xb4\xe7\xeb\r\x084\x13\xebO\xca"\xb6V\xaf\xe53g\x08\x1b.\xdaT\xe12\xb6\x92\xb8yeSf\xc0\xf0\t[\x9cU\xf2\x9f\xed\xf9n~\x00\x88\xe8\xff Q\xd6\x17,\x06\x84\xe2\xbfy\xbc\x9c\x1a\xfb1B\xa7I\x8c\x8e`K\x01\x8b\x88\xc8\x9e\xb6\x15\xfe\xd0y\xd4m\xca~\xa5V\xc8_\xd5\xc0\x0b\xdf\xc1\xb5\xdc%\x98\xe6\xb8\xa5\x1b1Q"xD\xa6\xbf\xfe\xd86pC\x9e8\xd3A\\Gi\xae\xc5\x01\xd0\xf1j\xeb\xc8\xfc\xbd\x1b\x05cz\xfey{^\xa7~\x96\x8f\x94\xb3\xc6\x08K\xe3A\xe3$\xaa*]\x07\x9f\x8fw+7\x87&lt;\x80\xd5\xd2\x91\x95QT\xe1=\n\xa5\xb9\xce\xbb\xd8\xea\xfc\xf4H,\xea\x94\xa5\xb0c\xa0T\x16\xd1\xd2\xfb\x9am\x85\x89\xa0\xfd\x91c\x06\xac\xe9\xa5\xedo0\xe9\xa1%\x85+m1w\xb8\x02\xc6U)\xc0\xb1\xech!\xc65\xc2\xf0F\xb7R\xbf\xecp\xee(\xd5\x81\x97c.\xed\x0c\x10\xb9\x8c\xd3P\xdb\\\xecn\x8f\x8b]\x8f\x1d7sZiL:=\xa4\xbbb\xdat\xa7\xfes\x1bq\xb6UU\xd7\x9f\xff\n\x8d\xf1J\x80\xf9\xa7\xe2\xad\xabZ\xc9J\xe3|\xab\xa8%\xec\x01\xed%X\xf7\xac\xfc\xd7\xa2\x8a0\xbf\xd7\xab"\xee\xa1\x8a\x13A\x15\xb5\x1eN@.jD\xfaj\x89\x86:f\x92\xbe\x1c\xd3OVBpzF\xabk\xf6[\xbc\xd1\xe2\xfc\x19\x1d\xdbq\x12\xd1W\xd2\x154T\xbc/J\xdan\xd5\x8f\xd9S\x15\xb4\xf3\xa7o\xcf\x87\x81g\xa8H\xf4]\x7fIe\x0f\xf0\xccC\x16\xad\xe9Ue\xb5\x94\x98w\xfd\xb9\x94\x00\xd3\xdf\x1b\x11\x91\xe7+=\x97\\\xc6\xef\xd4\xd2\x06\xb7\x87cxC\x1d\x00\xca\xd9#\xb1\xdf\xbchN\xdcH\'\x12\xf6\xe5\x81\xd8\xf1\xdd\x8a\xe7Q\x90\xca\xd2\xc5\x8a~\x7f\xa16\xeet\x83;\x98\xbf\x85&amp;\xa3b\xd2\x19\xdeZ\x95&gt;A\xc2p\x8aR\xeb\xa6\xc8\xfc\xfc\xf11\xe8[D:\xa9\x00D\xf6\x10\x11\xb9\x87\xe5\xd1\x8d\xeca\xbd\xf9\x19\x9f}\x9f\xcdo\xee\xe8\xe6\xe6\xbc\n\xad\x96\xea\x9f\xdd\r\xf6&amp;W\xc7e\x11\x99\xe5\xe8\xac\x88\x1c\xe4NH9?K\xd8\xc7A\xae\xe6\xe3\xe8Q\xb9H\xbb\xd0\xc1\x0ei\xd7z\xf4\x01\xe8\x98[\xf4\xd7\xf7\xb8u\x05G\x993\x08\xbbv\xc9\xb6&lt;\x10\x0f\xb5\xa7\xd7\x8b\xe8\x80\x84:q\xc3^-\xd6\xa8\x12%}\xd7F~$\x87\xfb\x92\xa8\xbe\x9f\xedDC\xcaEn\xcc\x16\x19\xa1\xfa\xef\xaa\xdf9\xdb\xd6\xbd\xacP\xb6\xcd\xa2\xe5\x81\xd7L\xcf/\xdb\xf42\xbe\xd8\xe6\xae\xbe\x85]\x80\x97\x06\x9dnrl\xa2G+\x93\x1c\xe0\x8b\xa3\x069\x86Z\x803\x97\x87\x91\xcb\x02YL\xba\x009?cQ\xd1\xdd\xc7,\x06\xe5U\xedJ%D!\xe9\xca\x86\xbb\x11,\x96o\x0b\xaf=\x03\xd9h\x1c\xc7\xba.Z\x98\x9d\x8c\'v\x7f\xb7E})\xc1\xc9\xcd-\x9dnz`\xbe\x9f\xf7M\x97\x97\x8efoe\x80\xbf\xe6\xfa\x8e\n|K.-K1\x82\x97\r\xaa\x161\xee;\x88?{\xcf\xdaq\xc4\xaex\x1eFv7\xf2\xa8\xbf\xe2k\xc5\x82\xb8:5\xec\x10\x19\xa8\x03u2H\xad\x95/\x9d\xb2v\x10\x8e3\x15\xdeh\xef\xa6\xf0\xf26\x9e\x14\xebJCwk)F\xb3\xbe\xec\x04z$\x03\xa4\n\xdb]\xa0\xe9\x97\xa3\xd6\xa3\xbcc\xa6A\t\x14\x00\x00 \x00IDAT\x85\xf2T\x9d\xb1|\t\xff\x80\xadL\x85\xc8\xfc\x07\x01[Y\xbf  \t\xb2n\xb1\x7f\x1a\xd7GY\xb5-\xc6\xafS!\x00^\xa3\x0bF\xfd\x82xu\xcfm\xec\x8b\xb1\x97\xf6V\xe3}\x11g\xe7\x8d\x97g\xb6/_\xd8\xe7^\x17Q$\xb1\xcctp\xe8\x96my\xa9_t\x12\x07H\x0bz\xf4\xd1\xd6\x9a\xa7\x17wPz\xaeV\x9e\xd7\x92\xee?S\x1dbV\x9bi\x7f\x91"\x80F\xe4{\xcf\xfd\xfbB\xe07\xabL\xf4E\xd2\x80\xdf\x14\xb6nj\xd9\xec\xad"8\x98[\xb9\xdd$%\x0f\xd3#G\x80\x7fl\x8e\x13\xeb"\x01n`_\xb6\x0cu\xefAy\x8b\\\xb6\xa8y\xc8\x11ZF\xed,\xf2{\x96\xe7\x11\x11\x91\xff\x08\xad6\xd39b\xb7\xb3\xab\xff\x08\x9c^\xbf6\x03P9\x0fX\xb4\xba\x83\xc8G\x18\x10\xb9\xc2\xfc\xbcg6W\xc8i\xaf\xf3`\xf9\xf6\x90,\xbaC8\x04~1\xdf\xeb\xa5\xe0WK\xad\xeb\t\x15\xf6\xb3\xe2\x96@\xee\xd7\xe6\xe5F\xc0T\xad\xf9\xb0g\x03 \x9e \xef\xd1"\x857\x85\x1e\x92\xe5.l!t\xf3\xe6\xb1\x03\xfe&gt;\xa4\xe1D\xe7o\xc0\x8dP}/^\x91\xef\x17\x03"g\x9b\xd0\xcd\x16\x9bl\xe2^b%\xf2\xacZ\xcf[H\xee&amp;\xd2A\xa6\xefw+)\'\x8bK+\x99\x06\x89\x0f\x89\xa4\xee\xc5\xdd\x1c\xad\xf6\xb5\x82E\xaa\x96\xccy\xe8\xc2;e\x92\x83\xa7_d\xc8\x85u\x16\xa8\x1c}.\xe8\xaf\t\nz\x16\xb1-\xe1\x07\x1e\xbe\xc0RT\r\xb0\xc1_\x03\xf9\xe1\x0f\xb7\xc5/\xc4^\xf1\xa0\x08`\xbde\xe00t\x06\x80\xecm\x8eL\x9c\xa9\xa4\xa9\x8dQ\xd5\xc9\x83\xc38\xd3\xad\xa6a\xd9\xe5fn\xa5\x88u\xd4\x02"r_\xc5\xe9\xa7\x9a\xd5\xe3\x1c\x10\x85\x7f\x0f\xe0\xa5y\x9d\xfc\xa2\x8bd\x07\x10\r\xe2\xc2mb\xcc\x81\xb4\xf1Emcg`\xa5\x932\xac3v\x1f\xe90\x0c\xe9\xbcN\x93\r\xc5\xe3\xb7NA\xa5\xa0H\xa5\xe9\xd9\xf5\xe5\xf4\xab\xbbM\x8fs"]wBw\xf8X\x15\xbc:\xf0\x96v\xde\x96\xb0\r\xba0\xd0\xdf\xc7s\xd0\x02\xa2\xfa\x05}\xebI0\xe4\xb9\x9e\xd7\x1f\xb7\x0c\xc0\xab\xd5\x1d3A+\x80\\\x0f\x1a\xaa\xa8\xad\x14\xa4\x85Zm\x11\x9e\xe0S\x87mb}\x13c\xa8\xb2\xc0r\xcaP*D\xd40\xeb\x04J{\x8d\xf0\xdf\xb3-\\\xc1p\xa7~\x9a\x9b.8\xfa\xa5\x9dv\xf5w\x91\xbe\xfb\x14\xd2\xfd]/\x8e\xae\x8a\xba&gt;/\x9e\xa2\x05[\xa2\x9f\xbb\x15d\xd9\xda\xf3\xea\x8dx}#\n\xab\x18\xca\xe0\xeb\xc5\x8e\xb6IZ\xe4\x80\xad.\x88Z\x9a+\xf0\xeb\xe0+\x17n\xe28\xc3&lt;H~\x93\xa6A\xe25\x8c|\xfdm]\xc7FDD\xfeK\xaf\x9c50\xac\xa0\xcd\xa8\x15y\x95\x9b\x7f\xbf[I\x89Q\xb5\xa2\x835)\xcf\xe3\xbb\xe4~z\xa5&amp;\xc8\xb5-\x9dH\xce\xa9\xd9\xcb9\x85\xdb#lAz\x1d\xf9\x95\xa8\xb9\xcb\\\xad\xaf\xa2?\xbf\xc5\xce\x87W\xeelf$\x7fg\x90\xa9\xdaa\x94dH2\x9e\xc1f\xbaB\x053\xfey\xb0\xf3\x96J\xdef\xf6\xf4+\x06\xf5\x03nc\x8e\xd0\xafK\x08nc\xbbU\x0cMg\x9aj\x86\x11\x00\xe3e\xba\xe94\x12^\x8c\xc5\xf3,\xb4\xdfQsa1\x9aK\xa1R~\x95\x0e\x07x\xdd\xe1\xad\xdf\xbb\xd0Z\xc0\xa9\x17\x10\x1aH\xfc\x17|\x8e\x17fP\xa8\xefp\x1d\x06\xf9u\xdd\xbd\xb8\xdfbw\xf6\x9e\x0b\t\x85\xad\xe8\x9a[\xa4\xb2\xebq\xbfH&gt;\xc4\xee^`Q6\xe9B\x8e\xc1-\x16_&amp;\xd3\x8f\x98x^\xa1E\xacot* 1\xba\xad$\xf2II~\'T\x9a\xe6UR\x94\xb1j\x1d\xeb\xc8zj.X\xd1\xae\xb5r_\xbe\xb0\x13\x85\xf2q{Z:0\x928\x95:X\xff\xfb\x92\x8d\xd0\xaaW\xcb\x91\xbc\xe8\x0e\x9bz=\x1f\xefW\x02\x90\xe7\xce+^\x89=*\x8b\xd8:H\x16\x00K\xb9\x91\xad\xf8m\xc1=mL\xcdu\x0b\x03\x91\n^\xc8-ME\xad\x04\xccu\xc0.[\xff&amp;;z\xc6}/S"\xe6\x80\xf8KR\xe1a\x16\xa9\xd7+\\\x95*\xaa \xfb\xbdnm\xdc \x9f\x01\x02\xc8C\x97\xebJ9\xae.\xfb\xf6\xc7\x03\x05\x90\x97N\xebW\xaf\x9c\xd7\xe9\xaa\xdd&amp;\xa2\xb9\xe6\xd9\x8d\xc9\xde\x98\xdd\xfa|\xb1v/\xd8\x80FF_bvG\x06\xc0"\xb5\xb2e\xadDD\xe45\x89`\xf9\xcc\x02\xbf2m\xe9\r\x82|\x95`\t@;\xf3\x80\xbc\x90\xead\xad\xbf\xfc\xe6\xd1\x1a\x93\xcc/\xb1\x91\x87jj\x02&lt;5\x91\n\x1a\x06\xf8\x18\x9d\xe8\xf4t\xae\x8d\xa16\x84]z4\xf8\x16\xbane\xf4,\xf6\xdf\r\xaf6\x03\xbe\xdc9\xe0\x9d\x99\x11\x16\x00@\xfe\xbe\xdcR\x10n]5&amp;\xa6\xbdv~\x10G\xd5\xcfn\xcc\xf7\xe5\xe0\xb8E\xfb^\xed\x0e]%\x99[\xf3g\x13\xb7\x99\xf9C[|~\x87\xc8\x16\xe8\xb4\xb2\n-\xea_/\xc3\x06\x07\xcc\xac$@\x14`\xfa\x05\xf7\x8b\x82\x03\x9a\xcdy\xf6\xbb\x03\xf0\x8e\x00DN7\xc6\x9b\xc0\xe8nmOy\xa5\x87\xa7+R\xd8zU$,\x92Q\xe4m+:{\xcen\xd5Y\xebf}\xdc\x84\xd1#\x90\xe3!w\xef]\x8a\x01\xd3\xe3f\xeb\x97\xd0J\xda\xddyZ\xb9\xa43\xa1\xa3\xfa\xcbY\xc3G\x1c\xaa$\xda\xecF\xff\xb5NjD\x8e\xed\xf7\x04\'\xb9\xcc\x1c\x82\xf6r\x92\x0b/\xe8Q\xa9S\xa9k\x92V\x91\xa6\xa3+\x1b\xd59V]\x93e\xd1P\x1b\xe6\x0b_D\x8d.\x15\xedMx\x0f\xba~2ew\xe0\x8a}_\xd3\x91]+r\xdeu\xc2\x0bY\xa6\x87\x90\x06\xb0\x9d[r7\'A\xff\x90*\xd9\xf1V\x92\xd4\xe1\xbc\xa5y\x16n\xb5\xea\xdb\xce\x06i\x04a\xc7\\\xa7\xeaJ\xe1\xa6\xde}x\xc0\xe8 &lt;\t\xf7\xbe\xe4\x16\xd6\xfb1\xd8r\xe4\xd2\xad\x8e\x94\x05\x93\x9e\xc6\xfe\xf7\xe6\xcc\x00\xeecKH\xce\xa14\xb7H\xda\xc1P\xe9\xdf\xcaJ\xec\x11\xa2\xc3R\xbf\xca\xa1s\xe3_js6\x8bY\xe6I{U\xa49o\xbf\xc0l\xfd"\x9e\x12\x81\x95\x8e\xdb\x1c\x1f\xea\x02 \xc0o\xadG1\x08\\y6\x00\xac`\x9dm\xf9\xe1R\x93\xa0\xd2\xbf\xb6\x1cI\x08\xe0\x98\xf7[@\xdav\xbf\x02\x86(I\xa4\xaf\xf8M\x85\xbdn\r\x9b\x18w\xa9\xf7/\xdd\xc8\xec[W\x86\xe1jq\x11\xc3\x87a\x8b("\x1f\x1f\x87N\x0f\xf2L\x89\xfa\x9f\xfc!H\x9d\xddn*\xb7\xe2\x86\xa5\xc3r\xad\xd0\xecT\xcb#\r\x8b\x8d7\xd2\x06\xd8\x15\xb2\x19\x9d\x15\xc6w\x12F\'\x048C\xa2\x1f\xd3_?WKK\'{\x94S\xd3M\xe1\xa9j3WO\xf9@\xaf\x99\xba\x97\xc4\x15\x154\x1b\xe16,\x13\xfdT\xbc\xb7\x1b~\xdc\xda5t\xa8a,!\xf8E\x83N\xe2%2w\xb6\x9c\xeaQG\xf0m\xa3\xa4\xad\xb8`E\x8e\x8d{\xd1\xd9\xcdMm2\x86\x89\xbeeLk\x84\xda\xeb\xf5\x01^\x00\xb0\xba\x14\xb7^\x00\x9cLv7\xc3\x06\x00\xe01\x1b\x90\xa5w\xb4\x0eO\xff\xbd\xd7z\x00\x94(\xcdi=d^\xb94\xf0t\x9b\xc1\x17\xd4Ngdg\x9e\xe7\xbbC\xc7\xac\\g\xb2\xf2*\xdf\xf8\x1a\x86I\xe1\x0c\xe6\xe2\x00\xfe\xea\x8a-\x9cK\xd7\xb0j\x94V:\xd1}fW\x90\xaa\xfdyGkC\\\x0e\xfb\xe2\xb0\x0f\x0f\x13\xda}\x9c\x12*+\x90\xd7A\xfd\xdal\xca\xd3\xe8\x8c\x01\x15\t\x94\x8f\x95\x9d\x16\x0f\xc1\xb5\x00\xb9\xd0\xe6_PF\xc9dk%2\xf30\x91]\xe9\xafm2l\x1b\xf5\xce\xb6\xb3&gt;]}\xf3\x1a\xc4\xb0M&amp;\xbb.\xcer\x992\x0c\xf7\xa1\x8drQ\xadE\xff\x97\xf5\x0e\xa4&gt;\xed\xba\xde(\xc9pah\xed\xfd\x9b\xdd\xfa\xc8\x9fs\x15\x7fu\xb93\xe1t\xfdKd\xff\xd8\xfd\xef\x1c\x9aW;q6bq\xab2\xb8(\xb9\xdd\x89\x1e\xa7rm\xef\xa4\x94\xac\xef\'\xae\xf0vA\xc7*\x19\x00&amp;D4\xd4\xc6\xcd\xf5\xa6r\xf2\xf4gI1\x8c\x14I\xcb\x17]\x0c\xf0.\xad\xd4\x86&gt;\xc9\xc7\xf0\xb6\xd2d\xfb|+\x0f\x80\xf0\x1e6\x13\xef[_\xc26(\xb2\xdc\xd4\x14Hj(\x8e\xc0%\x95]C\xb6\xa0i\xc4\xee=s\x8etd\x83\xf3"\nv.\xb2\xfe\x82"\x07c\x03\xeaFR3\xde\xd3aOQ\x97m=\xa0\xa9\xc4:\\\xef\x9c\x83\xba\xf0\xa8\xc0\xa9_j\xeb\xd3\xca\xde!\xad\xac\xa7\xa8\xaf3(\xfe\xce\x91t[QW\xc4\xa3Q%\xd4\xebk\x1c\x06\r\xa3\x9d\x1c\xc6.\xe3\xd7R\xb4\x9b+7\xb9\xf5N{\x99\xb4\xbd\xae&lt;\xfc\xdc\xf1\xbcp\xc2\xf6\x93\xda\xd6\x9b9\x7f-\xf01^rh\xcb\xe8c\x05%\x0c\xdc!\x8a\xda:5\x91\x01\x18q:\x93\xbe\xcb\x80,Bg\xa1hf\xe4\xfb\xa4l\xbdj#of\x8d\xb4$\x9c\xb3\x95c\xf0\xcc\x1e|\xa7a\xf4\r\r\xadr\xe4\x8e\xe8\x12\xa7\xbb\xae\x8e\x17i\xa5;Zid@\x99\x88\xda\xcb\xe8K\x1d\x18\xfanEu\xea\x97\x91!\x83mR\xbf\xae\xdf\xd1fz\x90\xab\x87cM\x97\x17{\thMA%%\xb5"K\x0cI\xc7\xa1\xaa\xc8\xa8\x10s\xe9\xae\xb6D~\x9d\x9dt\x83_\xda\x1b\x0bk\x8bc\xd8\xdfE~\xff\xf4\xe6\xd1o)\xf1M\x15\r\x08j\x82N4v\xbf\xaf\xbe\xcd7\xba\x9f\x8d\x16c\xc2\xa6^\xeaw\x02Dx*\xc2\x99G[Hb/\x1d+P\xaepU\x91u`\xd6\xda\xfajk\x9a\x17t\xd6lq%+\xddOUyY\xbf\xa9\x92\xf5\x05fR\xdc\x8f\xeax\x0b\xae\x9c\xfb\xb0\xde\xd7\x17L\x15\xaa\xf6="\x18Z\x15G\xd8\xb7\xdb\xc19X\x81n~\xbb~\xb1Y\xd4*\x04\xa6U\xb9\xaf\t\x1c?\xa8m\xc9\x90\x0b\xec\xc2\x91qR\xf9\x17\xc4\xf9tq\xd1\x03D\xe4\x9a+\xc2.\xe0[@\xa2S\xa9H\xc3\xf6\xa8\xc8\xa7\xc2\xab]\x08F\xa7@\xed\x1f\x13\xd4f3\xa9\xe1\x9b\x15\xd9\x0b\xa8\x19p\xf9\x80\xdf\x84\xae\xf7Vi\xcb\xa9U\xe1:\xc6\xc0eY\x08:\xff\x89\xc4L\xaf\x07\xf3\xfa\xc4\xb6\x9d\xa8\xd7\x94mY\x15\xd3\\\x1e\xd2wH^d\x99\x8bXqrC=T\xb1u\xb2/"ru\xbc\x8dX\xec)\xff\xe3f\x14@\xc7\x06i7A\xa4\x1e\x96\xe7\x06\xf1\x0b)\x13\xfeXq$\xe4\xc6=\x99\xd8i\xc4\x91j\xabT\x02\xcd\x97\xde\xcd&lt;\xbf\xb8z\x96\xab# \xf2:9x+\xc2\x93\xae\x81\xd9\xc5\xb7\x07CY\xf7\xcf\xe3)^3\x1d&gt;\xb9l\xd1\xbe_k\xf7\xea\x07\xfeKN\xffN\xc4\xb3\x16\xaa#\xa6\xa7\xda\xde\xbeHF\x81n"Y\x9f\xd7A\xfb\x91\xe1\x96\xd0\xff\xac\xf7\xe8f\xa1\x91\xb1\xdb\xbd\x11\xb9;[\\\xb0\xbe\xa4S}YFC\x15y\xe1:\x92j\xee\xb9IY\xd4eic\xe02}U+\x99\x16\xe5T0\x9d\xdf\xfa\x19V}\x0c\xf8:S\xc7/M\x03\xd1\xe4\xf7\xb2p\xcbK\xc5\xd3h\x0b\xff:\x86Z:m\xeb\xb6m\xf1\xf5\xee8\xa4\xca[\xfdhs\x1d\xc8\xbak\xb8\x83V\x19\x80\xa1r*\xda\x00\xe0\xb0\xec:\x98\x03\x88\x94b\x9e\xfcr&gt;\xda\xc9\xaa\xe9\x13\x05\xcc\xe7\x14\xc8hF\xe4:\xc244~\x03\xf8\xc7\x00\xa6^\xf4\x97\xe8NR\xe1\xda"-\xc5\xfe\xc5\xd7\xcf\xa4\xb2(\xc0\xaf\xd4V\x16\xb7-\xa47T\x07\xc6\xc7@\xf1\x16F\x16z\xab+\xed\xe9\x86\xddB\xbfr\xad\x9b\xf5\xce\x8f\x8cDD\xe4\xcb~1\xbc\xcc`\x07U\x9em\xddI\xd5\x13%a\xb8G(t\xdd\x08\x1a\x9e\x8b\x15\x85\x8b\xe0\x118\xe5\x86\x04\xbfCE\x15?\x81)_)\xb0\xfd\xbbj\xc7z=W\x1b\'Wr\x83\xd9\x8c\x95`\x0eN\x1e\x07\xde#\xca\xce\r\xf5\xee\xd2\xacE+\xa1k\xfa\x01\xd0\xc5\xcc4\x98e\xe3HB\x0b\xf1\x893\xaf\xcfL\xa0BNK\xdee\xf6\xcc\x1975\x867^?\xbd1\x90\xd9\xa9\xad\xfc\x8fb&amp;~\x85\x88\x9c#\x19\x00\xedc\x87\x0c\x80J+\r\x80\xd3\xc6\x00M+/ZR\xb2**\x7f\xc1q\xbb\xebq\xb3\xcaRDni&lt;1\x13\xe7E\xbd\xb6\x95\x11B\xd5\xfd:j\x82\x8a\xd0~Z2\xde\x15\t;\xb5v5]7\x046\xd1vgk\xba\x9c\x84\x88\xcd\xe6F&gt;\x13\x01Bv\xf7=\xba*\x7f(a\xef\x11\x7f\x17"""o\x8f\xeb\xfd\x9e5y\xf4\xdez\xaa\x8dTv\x08Z4&gt;\xc0\xeeR\xb6M8=\xa2\xff\xf3&lt;\xff\x89\'\xb7\xa8K\xe2\x88V\tV3\x1f\x03=\xca\x03c\x9</t>
        </is>
      </c>
      <c r="E688" t="inlineStr">
        <is>
          <t>&lt;class 'numpy.ndarray'&gt;</t>
        </is>
      </c>
    </row>
    <row r="689">
      <c r="A689" s="1" t="n">
        <v>687</v>
      </c>
      <c r="B689" t="inlineStr">
        <is>
          <t>steps_per_sec</t>
        </is>
      </c>
      <c r="C689" t="n">
        <v>9900</v>
      </c>
      <c r="D689" t="inlineStr">
        <is>
          <t>10.196086</t>
        </is>
      </c>
      <c r="E689" t="inlineStr">
        <is>
          <t>&lt;class 'numpy.ndarray'&gt;</t>
        </is>
      </c>
    </row>
    <row r="690">
      <c r="A690" s="1" t="n">
        <v>688</v>
      </c>
      <c r="B690" t="inlineStr">
        <is>
          <t>Loss/object_center</t>
        </is>
      </c>
      <c r="C690" t="n">
        <v>9900</v>
      </c>
      <c r="D690" t="inlineStr">
        <is>
          <t>0.49512458</t>
        </is>
      </c>
      <c r="E690" t="inlineStr">
        <is>
          <t>&lt;class 'numpy.ndarray'&gt;</t>
        </is>
      </c>
    </row>
    <row r="691">
      <c r="A691" s="1" t="n">
        <v>689</v>
      </c>
      <c r="B691" t="inlineStr">
        <is>
          <t>Loss/box/scale</t>
        </is>
      </c>
      <c r="C691" t="n">
        <v>9900</v>
      </c>
      <c r="D691" t="inlineStr">
        <is>
          <t>0.08384767</t>
        </is>
      </c>
      <c r="E691" t="inlineStr">
        <is>
          <t>&lt;class 'numpy.ndarray'&gt;</t>
        </is>
      </c>
    </row>
    <row r="692">
      <c r="A692" s="1" t="n">
        <v>690</v>
      </c>
      <c r="B692" t="inlineStr">
        <is>
          <t>Loss/box/offset</t>
        </is>
      </c>
      <c r="C692" t="n">
        <v>9900</v>
      </c>
      <c r="D692" t="inlineStr">
        <is>
          <t>0.19210246</t>
        </is>
      </c>
      <c r="E692" t="inlineStr">
        <is>
          <t>&lt;class 'numpy.ndarray'&gt;</t>
        </is>
      </c>
    </row>
    <row r="693">
      <c r="A693" s="1" t="n">
        <v>691</v>
      </c>
      <c r="B693" t="inlineStr">
        <is>
          <t>Loss/total_loss</t>
        </is>
      </c>
      <c r="C693" t="n">
        <v>9900</v>
      </c>
      <c r="D693" t="inlineStr">
        <is>
          <t>0.77107465</t>
        </is>
      </c>
      <c r="E693" t="inlineStr">
        <is>
          <t>&lt;class 'numpy.ndarray'&gt;</t>
        </is>
      </c>
    </row>
    <row r="694">
      <c r="A694" s="1" t="n">
        <v>692</v>
      </c>
      <c r="B694" t="inlineStr">
        <is>
          <t>learning_rate</t>
        </is>
      </c>
      <c r="C694" t="n">
        <v>9900</v>
      </c>
      <c r="D694" t="inlineStr">
        <is>
          <t>0.0009990134</t>
        </is>
      </c>
      <c r="E694" t="inlineStr">
        <is>
          <t>&lt;class 'numpy.ndarray'&gt;</t>
        </is>
      </c>
    </row>
    <row r="695">
      <c r="A695" s="1" t="n">
        <v>693</v>
      </c>
      <c r="B695" t="inlineStr">
        <is>
          <t>train_input_images</t>
        </is>
      </c>
      <c r="C695" t="n">
        <v>9900</v>
      </c>
      <c r="D695" t="inlineStr">
        <is>
          <t>[b'512' b'512'
 b'\x89PNG\r\n\x1a\n\x00\x00\x00\rIHDR\x00\x00\x02\x00\x00\x00\x02\x00\x08\x02\x00\x00\x00{\x1aC\xad\x00\x00 \x00IDATx\x9c\xed\xbdw\xfc=\xdfQ\x17|\xf6\x07H3\xd2\x03"\xd2A\x14\x88@0\x94G\x05\x1e\xa4Ho*-\x10z\x97 \x08*J\x11B\x87\x04\x10\xa4(\x02\xa1)EDA\x88@@j\x1e\x10\x10\x14D\x10\x0b\xa1%\x80\xf4\x1e\xe6\xf9cw\xcfNy\xcf\x9c9gw\xef\xe7\xdeo&gt;\xf3J\xbe\xbf\xbd\xe7Ly\xcf\x9c9sf\xf7\xde\xcf\xbd\xa5\xdc\xd3=\xdd\xd3=\xdd\xd3=\xdd\xd3=\xdd\xd3=\xdd\xd3=\xdd\xd3=\xdd\xd3=\xdd\xd3=\xdd\xd3=\xdd\xd3=\xdd\xd3=\xdd\xd3=\xdd\xd3=\xdd\xd3=\xdd\xd3=\xdd\xd3=\xdd\xd3=\xdd\xd3=\xdd\xd3=\xdd\xd3=\xdd\xd3=\xdd\xd3=\xdd\xd3=\xdd\xd3=\xdd\xd3=\xdd\xd3=\xdd\xd3=\xdd\xd3=\xdd\xd3=\xdd\xd3=\xdd\xd3=\xdd\xd3=\xdd\xd3=\xdd\xd3=\xdd\xd3=\xdd\xd3=\xdd\xd3=\xdd\xd3=\xdd\xd3=\xdd\xd3=\xdd\xd3=\xdd\xd3=\xdd\xd3=\xdd\xd3=\xdd\xd3=\xdd\xd3=\xdd\xd3\x03@DDDw\x8d\xa2A\x87\x80\xdc\xa3\xe0\xd8\x08U_\x0e\x8f|\x97B\xcb\xda\x14\x06"\x8e\xc9^\xc72\xc8\xbfT\xd9\x95\x14\xab\xb5\xfcv*\xc0&amp;\xf9_sy\xfd\xa5\x00\xb9\xb5A\xfe\x14\x1f\xf7\x95\x14\xdaFJ\x95U#Xv\x1bLE\x80k\x0e\xe2\x10\x93\x96*\x0b~\xb5"\xdb,\x89\xc1\xa6B\xcbV\xc2|\x0b\x94\xdcSc\xb1{U\x1d\x04\xea\x000ZC\x82!H\xb5=\xa6!\x92\x93"ew\xd7\xd9\xb4\xd3\x84\n-\xbdR\xc7Y[sB\x94\x0f\xc3\xb31\x13\xf1:\xb8\xf1\xbcJ\x94`\xb6\x12\xc1\nED\xf4\xa6n-~#5\xe2+\xb1\x16\xe1\x01`a0\xa3F\xcf\x1ag\xacs\x8d\x9b\x17\x04\xe5;g\xce\x90\x8e\x86\xb3R0\xe0V\tfkm\xd2x\xf6\x86\x89\xe8]\xa3\xd9a\xb5\x19\x9e?\x1e\xd5\xdeO^\x12\x1cn\xa5&lt;\xc0\xb9r\x0e\xed\x8c\xd6\xd9\xc1\xb6%\x04V\xbdD\xa1\xd9\x12\xe3\x93j\xdf\xea\xdea\x18q\x8bGr\xabZ\x86\xd46\x8e"\x85\xb90=\xc0\n\xc2Pd\xf2++^d\xb4\x94\xb1n\xf9\xe5\xa0U\x8cob %\x19[j\x9e\xe9i @\xb5\xf9\xea\x92\x1d[\x89&gt;\x1bWLu\x87\xc7\x0cz\xf0\\H\xe1\xec\x88B"\xfa&amp;;\xd8\xaf\xe9H"*D\xdfXd\x85*\xb25\xdeJ\x9e\x10D\x15\x16\x9b\x00\xcfO2\xc5\xd7#\xd7:;\x8d\xe6\xd9\xb7[\xaf\x8b\x0cu\xf5\xae\xac\'\x96\xf5\xcbz\xad\xc7;\xf7\xb8G\x8d\xb4\x07n\xbav\x93\xa7B\x92\xfff\xe8&lt;7\xc6\x168\xb8m\xbc0]\x0c\xc2~;\xcd\x88\xe5\xe3\xc9\xb7\xf4\xf8\xdd\x9e\x91\x14e\xe2\x93=\xa9S"n\xd56\xef\xee\xadT\x1c_/\xfe\xb6 \x06\xe2\xa2:\x87`\x98H\xf4\xfc\x07\x93\xba\x1b\xf0\xfc]\xffU%\x9b\xec\xe3\x9a\xc7[`\x0f\x8b\xcb\xaew\xbd\x87\x90G\x89}a\xee\x0c\xe2\xbb\x87C\xa0\xde\x01\xe1\xec\xbc&lt;\x8e{:\x8d\x8eJ\xd0\xa6\x96\xa6\x91fy\xf5f\xd5\xf0Q\xdb\x8d\x88\xbeR\x8d\xe4\x0e\x00\xfa\xbe#\xac\xc3\xfe\x9d\xcd\x16T\xbb-\x18\x00\x8f\xd3\x1b\x96\xd73\x07I\x91\xa6\x9fgy\xc9n X\xe3\xef\x85C\xe9\xa4\xea\x919\xabT1\xe5\xd6U\xc0\x0f&lt;\x00T\xdd7)\x94X\xe5\x85~\x85rA\xb8I:*\xca\x17\xa6\xa8\xe7:\xdc\x96\xf4\xf15\x8f\xd6?\x06#\xe2\x94OD\xae&lt;;\xe1\x9eW\xa5\xe7$\x07\xc0\xed\x08\x1d\x1f\xae\xf8\xfe\xa0^\xd4\xd2\xb9\x8d0\x1e\xaf\xca\xa8\xc1\xad\x8es\xb5-An=v\xdf\x9a\xe3V\x82\xf2]\x1f\xd3\x89\x13"\x8c4\x11\xd1O\x0b\xa7\x8a\tf~\xa9x0{)\x0e\xe3\x95\xef\xaf\xbdt\x9e{\xc3\x9a\x1f\xf0\x88w\xd2\x15\x06\xa3k\x81\x0el\xfa\xf6\xd3\x81\x00\x06TQi\x94\xfb\xd8\x9c\xeay\x0b\xab\xb6\xa1\x94V\x12\x9fXDD\x8f\xabh\xa3gY\x81"\x88\x16\xb1\xf1\xebg(\xe65VR\x9b\xefB\xec\x9c\xf5C\x9f\xc7\xbe\xf0\xf5m\xc14\x9dt~\xcdJ\xefz;?S\x13\xbd\xc4&gt;q\xbc\xa5S+:\xdcg\x1d\xce9F\xfb\xb7\xfa%\xdbBU\xa4\xd4\xf8\x81\xf74\xe4\x90f\x93\xfc\xbe\xb6\xffOIu\x9fy\x12\x9bRe\x9f\xf9\xc4\xfa\xe3\x03\xc9s\xf6\xe6\xe9V\xbc\xf20\xde\x04\xf83\xe8l\xb7\xf7\xe4E\xf7N\xbe\xe0"f\x12\xdec\x80M\xee\xb1\xe0\x07\xf6\xa3\xad}\xdelCO\xce\xd6\x9eR\xa8\xce\'\xae\xcaj\xec2\xc1\xff\xf4\xa1\xb00\xc6g\xd5f\xab\xf5\xbc\xf1\x81=\x00n\x94\xb6\xdb\xb4g\xbe%y]\xf92_\xad\xbah\x8f\xf8\r-\nD\xfa\x01\xcb\x94\xde\xf0\xb5\xa6\xb4\xd5\xee\x000\x10\xbcK\x86{{\x82\xdf+\xe2\xd5VO\x8a\x19\xf1\x0c\xba\xc9\xef\xab\xf2l\x05S\xf9\xea\x7f3y\xff\xc0\xd0K\xde5\x80\xcb\xd3]\x95\xd7;\xb1z\x87g\t\xea\xf7u!\xd8\x0fN\x9f1co\x1e\xf8\xe5\xa9\xe3\x0e\xe0)\xb9\xb3\xed\x88\xe7{\x99\x8aL\xe8]_\xcd6\x00\xc5\xd1\xa3\xce\x1b\x0b\xa6i\x8b\x88\x88~\xfb\xc6\xce\x80\x1bj\xd6&lt;\xba\t\x07\x92q\x1e\xf3\x05\xe6\xe7\xe1+{\xe1T\xb9\x93\xcc$\xe7z\x19\xa1B\xf4-\xc7\x02#\xc7V\x9f\x92#\x1eO\xc0\xdb\x1d\xcds\x90\xf2R\n}W\xc4\x19\x1fi^\xa5\xce\x03\x80\xb7wD\xff\xc3\x9b\x15\x9c\xde\xf87\xdc\xcc\x13\xf5\x8dn\x0c\xee\x83N\xfb\x97\xe3\xbc\xf5\xbcp\xa2\xecy\x8ab\x18\xb27\xef\xad\xb6\xf4\xe0\x1d~\x94*\xa2\xf1uw\x1e\xad`\x85\x03w?&lt;\xb0\xf9\xfb\x9b\xec#\x97\x1d\xcb\xb1~P\x05\xa8p\xdd7/\xf9\xb3\xe8\xae\x87E\xf7t\x16\xd5u\xbdk \xddtT\xe2\x0c\xb7E]\xb2g\xd3yH\xf0\rS\xa2&lt;U\x86\xaf\xd8\r ?\x95)(D\xf4\xcbCF\x89\x0e\xcb\xba.\xbb\x01\xf3\xa9\xfc{4\x10\xfd\x9a\x1e1\'\xe2}\xf5\xbf\x16\xba\xc5\x85\x18\x83&lt;P\xc4\xf7G&amp;\xd0@\xe6\xe2J\xe8\x80\xbb+\xf46\x80\xcf\xf9\xe3y\x18\x14\xce\xb6\x81\xe1\xe2\xfe\xf6_"^\x0e\x9e.{\xa8y\x1b\x91\x9f\xba+\x82m\x81\xfb\x14\xe8\x16\xebN\x91N\xde\xa2\x03\xb7\x87\xf8d\xeak\xa3\xbe|\xbb\xfe\xa2\xe3\xb1\\\x0b\x1d\xf2x\x8d\xef\xef\xb1\xf7\'\x07`\x1c\xf1\xc5\x13\x80\xba:V\xd1\xea&gt;{\xda\xc4\xd1\xd5\xe4\x8c\n\x9b\x7f\x84x\xf9\x13\xf4\x9e\xb2t\xc6*\xdc\xdc\xc2\xd6\n\xe5E\xe3\x84\xcdssA\x02\x94}\x9cM\xef\xb7\xd7P\x7f\xbc\xce\x8b\xaf\xf7(,#x\x06\x9e\x0cq\xcc\x87\xc0\xf0\x94\x88\x03O&gt;\xe8\xe7\x0c\xf0\xbe\xea\x01\xa1\x9bs\xec\xe6\x00\x1fN\xc3\x11\xb8\xb6\xd0\x11\xfd\xe4\x05m]\xcew\xa2\'\\\xcc\xd6\xa9tW\xe9"\xeb\xf2Y\xdd\x0c\xc1\xaf\x97\xb8o\xf6\xaf\x9c\xd4\n=\xb3\xad\xd5\x9e\xe6\xe8\xdab\xb5\xb5WW\x86\xed\x92\x15\xe0\xf2\x8e_U\xa8/O\xeatq\xdeYq\x8f\x81\x07-z\xb7x\xdc\xc1\x1b\xb7g\x12\xba\xc5\xf5\xaa\x94\xf9\xd4\xdd5\xd0\xd9] \xff\x00"\xb7s\x85\xa1\xb8B\xfa\xb4}\xe2\xcd\xb5U\xb7\x02\x8a\xfbV\xd7\xe8\xa6\x0bG\xa5\xf5\xd9\xf7\xd1w\x85\xc3\x82\xb4\xfd{\x01\xba\xf0\xad\xcf\xd9&amp;\xe2\xc7\xd3w\x95\xb1\x18\xd5\xf9`\xae$\xab\xaf\xff\x19\xc8Q\xef\n\x04\xbd\xff\xfd\xb3\xa0,]&gt;F\xb6c\xda\x8f!\xa9a\x8f!(y\xec\xd3\xfc\xc3W\x82Jy\xd4\xd1:\x81\x15\xe7\xa3\xebWE\x07\xe6\x98WW\xae\xa4\xdcp\x14\xa4\xa7\xee\xb8&amp;\x1eh\xbc\xbab|\xbc\x7f3\xe0v\xe8\xa8\x15Rz\xae\x7f\xe1/s\x00x\x864\xcf\xc3zu\xb6\xdf\xe5{2c\xbe\x13z\x90?\xf81J\x99\'\xe3\xcd\xa0\xcd*\xde2d\x18\x98\x1a#\xfa\x18\xf0\x84GU\x7f\xd7\xe5g\xb6\xf4\xb8\xf0\xe3\x8e\x93\x087_\t\x9e\xf6\xd4\xa7\x8f\xe0\x19\xa6\xcb\xe4_\xe2\xd3\xd3G\xda:\xf5\xd9K^\xd5\xad\xb4\x7fg&lt;\x0e\x8d\xcc\x1dj\x8b\xbf\xf3\x7fU\xa1~&amp;j\xff\xdf\x05\r\xf2\xcf\xc3^\x10\xcb^\x1aC{\xf8\xcdx,\xbb\xb5\x15\xff}\xd8Bh=4=\xe0\xd6\xc5r\xa0v^\xca\xfa\x9d$\xe1\x19vS\xf7R\xc7\x9a\xdcGw\xf2F\xc8\xe14/\xa4\x97W\xf1B\xdf\x9e\xb7\x17\xa0\xabJ\x82\x93\xb0\xb4\x8a\xf8.\xf1\xaa\x84~\xa1\x0b\x94\xd1\xa0\xde\x13nm\xd7\x81\xa2f\x05\xe0v\x1a\xa3\xcc\xf3\xe5;&lt;\x00\x8e\xd7\xb9\xcf\xc4\xe5\xa3`\x1f\x8e\x03\x9e\x0b\xc2\x1a\xec\xf0\xc2\xfa\x1e=\xd4\n\xa7\x06\x90\\\x11e\xb6\xd5\x8d\xbbx9\xba@2\x80\xcah\xaa\xf3\xd6\xd1\x84\x82\xbe\t`\x14\x1e\x00I\x84\xbdt\x85\x9b\xea\x8c7\xd5\xb7\xebz/xG`,\x12k1\x7f\x00{\xfd\xc7\x81\xed\xc2\xb3\xee\xd7\xd2\xb4B\xecgm`G\xb2\xb2\x95\xdb\xaa\x90\xa6\x19t\xd8\xba\xd5\x0e\xe2\xd9C\xec\xcd\x99;\xb0n\xa9\xe6\xc4\x85\x9f\xc6z\x0f\xaf\xe2\xdb\x82\xae\xc1&lt;\x98a\xd9\xaa\xe1:\x1f8\x1c\x88\xe1\x1a\xdc\xe9\xa5\xa0\x08Z\xce\x0e\r\xf6\xdet\x18\xe2\x11\xd4&lt;\xe7\xeaavO\x82\xeez\xe1\x1aD;\xbe?\xbd\xdf\xd6\t\x0f\r:oB3\xcf|\xe8\x9b]\xd9\xfd\x07\xc3\xf0{z\xcdC\xebz\xe8\xae\xe0\r\xd8\xbd\xce8\xc2{\xcd3\xcd5*{%\x97\xe7Z#yQ\xba\x0f\xc1\xe5w~\xeaI]\xe7[X\x9eN\x92S=\xcf\x8e\xf66pG=%\xb8\x0c\xa9\xc78\xebG\xe3^\xee\xec;\x98\x1b\nQL\xd7\xe3\xc8\xfa\xd44\xc5\xfc\xe7\x99\xc83#]\x89\xe7\xb6\xc9=DO\xaf\xecV(\xed\xec\xb0\xde\x01$\xbeE\xfa\xe2\xae\x1f\xdbZ\xdf?\xd8\x1e\xaf\xf54\xfe;\x0f\x80\xddGH\x8f\xadc\xb5a\xe8W\xb2Y\x8e\xa2C\x9cYOJ""\xfa\xec1\r\x07\xa7\x19:\xb3\x8d\x94\xb9\xb8\xa7k\xa1\x0bt\x8e\x99\xfbG=x\x88\xdd\x96\xb6\xdf=\xc2Ja\xa5\xbf\t&amp;xF\x14\xdd\x85\xdc\xf9\xf3\xdd3I\xf9\x1exz\xd3u\xe4\xe0[\x19\xfc\xac2\x05\xe3W\x87\x8d\x86\x8fz\xec,\xbd\xfb\xf2\xae\x9e\x87\xec\xc1N\xecg\x16\x1a[\xc2m3;\xf2?6\x08\x07\x18:*\xc7\xd6\xf4\xfe\xc1=\x1a\x0e\xc2\x12Z\xb9\xa0\xad\x012\x15\xdf-+W\xea\xc0\xc8\xdb3\xf3\xbfm9\x11\x19\x87\x01\x86KG\xf5\xe7\xf0g\x8a\xf6gE\xfcI\r*\x85\xe8=Z\x1a\xf4\xbd\xf2\xed\xd1\rC\xbf\x14\xd1\x17\\\xc5\xdb\x92\xc4\x13.\xe6L\xbcUp\xc9\xac\xed\xdd\xc0\xcd3\xf5j\xa9Y\x1f\xcf\xfe\xc8\xe0\xad\xbc\x83\x92\xe9\xc1\xf9K\xc8s"\xbegf:0\xb0\xe7-\xd2\x80\xdea,#\xb6\x06M]\x88v\xae\xcb~\xef\x88\xe2\xbfRNi\xb8&lt;\x1d\xd0u\x1e\x82#i\xab\xd3\xd8\xd1\xef\x88\x1c\xa5\xc7=$\x8e1pO\x90\x0e\x89\xafx\x8e\xa6n\xf4\x8e\xd0|\x9f\x03\x1e5\x03C\xbf\x98\xe5\\\xd8\xae\xe0\x1e\xe8\xfa)\xbe\xb5\xb2]/\xfd\x1f\xc4\xd6k\xf4\xa0#y\xcc\xfaI\xda\xf8] |3\x96\x88\xe8\xcf\x8cj?\x88\xe2\x87H\xd7N\x17z\x8c\xebm\x86=:\xaf\xe0\xb9\xdb\x8d.\xfc\xa9\xb0o%"ou\x9a\xe6LZ\x8a\xae\xe8\xe8\x8f\t\x8ck\xf0q\xf33\xeb\xd4%\xe6\xca/\xb0\xbf2+\x15\xce~\xe9\x85\x1f\xa5\x9eK\'y\xe2\xe9\xfc\xbe\x1e\x91v?+?\xc3\x1b?a\xc8\xd3\x83\xb2\xb6wO\xb7x\x03\xa10_\xf0-\x93\xcb\xd8\xe1\x16\x1b\xde\xcd\xd3\xa7\x06\xe1\xf29\x01\xdd\xe1C\xb1\xd7\xb5\xf6?0G\xc0\xf1\xa4\xb7\x90\x9c"\xea\xfd\xea\xf8; \xfc\x01\x86cM&lt;\xb3\xa6\xcfQ\x8e_\xea^\xd6\x19\xf7\xf8\xd3\xc0\x0e\xe9\xdfw\xc8\x1e\xf5\xa1\x9a\x1bK\xe3\xeau\xf5\xde~\xfa\xa0\x1e\x00\xf8\xa8\xd8\xce\x80K\x81&gt;\x83\xce\xbb\xf3\xaa\'d1\x07\xc0\x91V\xceQ\xab\xad\xb8\x0fv/b\xfe\xe2\xd4\xbb\\\xd9bwt\xbc\xf2yu\xc7\xcf\x0c\x83\xa9\xbb\x05\xf6\xa1\x07\xbe\xe1W/\xda\n\xafg\xdf\xa8\n\xce\x0b~\xe6\x00(7\xfd\xa8\x80\xf7)\xafx\xce\xaa\xf8\xa53\xbc\xeb\xec\xd1/n5\xfc\x0b-\xf8\x02\x1d\xa9?\xe6\xc5\xed\xd2\x19~\xe5\x9b\xe2\x0e\x9d=\xddkWR\x8d\xe1Q\xe6\xae?=\x0e/^[\xfb\xcc\x14\xbf\xc4^\x9d\xfb\xe4Cm*\x00\xaa\xe2\xfb\x07\xc0\x91\x90\xee\x8c\x84\xab\x17?\x96{{\xb7\xb1\\\r\xa4.\xb0?\xdf\xfbl\x03\xc7\x11\xd1\xe9?\xfa{\xc9\x0ec\x9fN`\xe5\xa4C\xf1n)\x06 \x1e\x88\xef\x08\x80\xae\xb9\xe7;\xbeg\xad\x96\xbe\xde\x0c&gt; E\x9fSsU\x87}~\xa3\x9c\xf5^\xb5{\x96\x00\xedj;\x82\x032`W\x1d\xaeWNM\x84G=(\xd8\xaf\xa4\xd7\xe2\xd8\xda\xa9\xeb\x01-\xb7R0\xe0\xe7,\xcb\xfa\xf6\x00c\xd3\xb1\x8c\xfd\xe3\xdcH\xf66\x82\xf3\x80SrU\xce\xb8\xcb\xeeR\xab\xa4\x8ez|\xe4)\xcf\x86\xe5\x0f1\x8f}2\xf8L\x92\xeew\xd2%\x9d\xfaX\x89?\xe7\xcd#\xb9\x95\xe5v\x1en\x88G\x02\x14\x16\xfa-\xd5\x9d\xb6ID\xf2\x10\xd0\x87\xd2I7v\xb7A\xa7\xdc\xd2\xfe\xdf\xcb\xd9\xca\xd0\xae\xc3 \xad\x84L\xed\xfb\xd4R\xfe\xe8v\nA\xb9\xc8=J\xe6\x99\xf8\x95\xc4\x0b\x95\xc5/_/")\xfb\xdc\xe0$&lt;G\xa9m\xaf\x08\xfd\xe5\x06Cm\x9b\x86\x00\xf4\x0b\x1dI\xb4\xfe{\xe7H\xae\x88N\x8d\xc4\xfe#7\xd5\x8b\xb5z\x13\xc5\xbc\x93\x01\x1a\x827\x13\x0f\x18\xad\x1f\xfc\xd0#c\xf4f\xb3\x86]\x88\x0e\xa0`\xd5\xe6\xf1\xb7F \x89\x8a]\xf0\xfd\xeb?\x8b\xff\xf2.\x1d\xbe\xf2\xe3n\xd9o:\xcf\xb7\xfb\xbc\xce[\xbd\x07\x87\x92\xa5\xeaV\xfc\xee:\x00\x8e\xb1\x983r\x8bG\xc2\xcd\x01&gt;\x96\xb2[\xe3\x9c\xf3\xfe\xbc\xe0\xabbW\xefb\x9bU\xbev\xcd\xc7\x829\\g\xc6\xa2\x18!j\x1e\x00t\xd0\x9fM\\\x1d\xe5]\xda\xef\xfa\x83\x17=K\xeeS\xd1\x1b\xf1]\x94\x06\xb7\x1d\x1e\xd1\xd6\tcL\xee\x00Z\xdf\x08\xed\xab\xfe\xce\xa2_\xce\x8d\x8eE\xf9\x1e\xf3\x1e\xef|\x11)\x97\xfc=\x95\xf0F\x12\xbfA\x0f\xe0m}\xbau}\xe1c\xcc\x1d\xa2\xe54\xba\x0c\xbc\x0b$P\xaf\x813\x00]\xb4\xf0]\xb1\xc2\xe3\xb1\xf9\xbdj\xde\x96*d\xfa\x01fB\xf6]\xd3\xb6\xba\xa8\xf7\xc1T\xafr\xd7hx\xebs\xe5\x85k\x90\xec\xdb\xf4:\x0f\xd8M\xdf\xc1\xa6{\xee9H\xbe\xbc\x13jb85qO\xa5\x93\x9a\x9a\x07o\xd7$=\xb2\x9b\xe8\xa4@\xd0\xff\xdc!;\n\xf2\xec\x16\xf8\xaez\xec\xc6\x01\x00&gt;\x17p2\xa0\x0bP\xd7\xb1\x7fC\x04\x8f1\xc0\xd6\xaf\xcae\xbb\xcd\xe7\xfb3=\xa8\x07\xc0]\x01H\xa6\xdf\x80\xaa\xa3\x08\xb6\xffMKq\x92\x1fU"\xafp\x0byO\xf6\xee&lt;\xc3\x0f\xa0\xcb\xfbp\xf9v~\xf9\xb0\xca\x0e\xd9\x92\xb8I\x1cR\x7f\x15\xf4JG+\xdc\x19\x8b[\xdfXA_\xd5\xeb\xd9\x9d\x9c\xcd\xf0\xfd\xe1r\x95\xa5\xb9\x8bzoq\x88\xdd\xd6\xdfzNv\xd3\xed\xfa;X\xe8\xf7\xf1\xdfn\xb8\xae\x90n\xb1\xb7R\x9f\xfe,\xf2mU\xa2\x0f&gt;\xd9z\xfa\x81j\xf6)\x96\x199\x08\x80\x12\tV\xfa\xae\x9e\xa9\xc2\x03[\x9d\x88\x96\xf3Vi[\x86\xab\xd9r\xfb\x91\x9c\xe4J\xe6\x0e\xa0\x19\xc9+\x89\xf3\x95\xc0\x98\xe9\x8a\xa0\x1cD\xc1\xd3\x12"\x9c\x9f\xcd.[\x9e1;\xb0\r\xed\xf5\xc3\xcb\xf1\xf0\xb3\xfe\xcb\xa4\xae\xee\xf0b\xe6k\xdaM)z9\xf9\x12\x9eo\x07\xd2\x9d\x87\xe7\xd4\x03\xee\xcfV+\xb7\x93\n\xb0\xb5\xb9\'\xf0 {\x87*\xa8m}\xa4\xe0\xf2\x14\xc6\xe0a\xdb\x93\xcf#\xd5\xdf\x11\xd9\x93:\xbd\x9b\xe5\xe0\xe3\xa7\x8b\xf9\x9a\xfa\xe3S\xe8\xec\x03\xe0\x01#\x9b\xbbrs^\x1cP\x0f\xdd\xd0)uyB\xefd\xeez\x0b\xb7Q\xc7\xcd\x03\x87\xde\xe7\xd4z\xf0_\x8f\x08\x0e\xd3\xce\xe0\\\xcc\x96U\x05\xa3\xe0\xdf\xb4=p\'\x80zd\xd1\xf4.\xd8\x18W\x15\x9a\x0bc!"\xfa\x9bg\xea?I\xed\xf9Q\xba\xaa\xac8\x8a\xf8\xc3_Y\xb8\xe1\xb7\x07\xa7\xb6\x95\xd7{\xd1\xf2\xb0(z\xea\xd8{\\Q\x82\'O{:\x89\xbb\xad\xa8Q\x95\xa7o\x89\x05\x1f\x90\xacV\x07@\xccS\xfc\x03\xe0\xbb\x8f[\xcb\xc3c\xeb-\xf3rq\x90\x89\xbbJ\tz\xb6;1{.\x11\x95\x0b\xfc,\xc10\x91$1.\xd8Db\xc0N\xd3\x9b*j\xdf\xc5H\xdcY\xcf\x83\x83\xe9\x81\xa9\x87\x1e\xe9\x95\x959\xb0\xf1&lt;`q\xa0\xf5\x9d\xe1&amp;\x8f\xbd\xbeC2]\xd8\xc9\xe6\x1e\xa0\x85\xbf\xa4\x1b\x0fF\xcc\x94\x17\xc9F\xea \xd3\xa9\xdb\x0b-u,\x88\xbb6}\x99\xad\xe7\xc5\xd9v\x00\x17\x00s\x0cQ\xfd\x88\xab\x0f\xfa\xef_\x10\xcf\x8d\x92j\x01\xce\xb2r\xb2\x9e\x8b%.=\xee\xba\xea\xfe\xbcx\x07\xbao\xfb\xc4\xa34\x03[\x0b\xf8\xf3,\\\x82\xe8\x95sl\xe97\xc9c%\xf9\x15Ir\xde\xf6\x01p\x96rv\x97t\x9e\x95\xab\xa2\x93v{\xaf\xca\x01\x0c\x87 \xcf+\xb8\xfe\x94\xe8\xa8\x11AaZT\x9d\xee\xef\xa9\xda\xf3w\xff\x15L\x97\xbf\xf9\x9b\x98&gt;\xb5\xdf\xdc-\xa2Q\xf1\x87&lt;cZ\xae\x9c\x9a}\xebx\xf8\x06\x11\xdd\x0c\xd5\xac\xc8&lt;\xa5\xcd\xeb\xcc\x8c\x1f\xff\x18\xe1\x98\xea\x8f&gt;JQ\n\x11\xbd\xedN\xd5\xe7\xd3\xb0\xf3\x14\x1f\x00\xa3a\x95\xef"\xb4\xd5\xdc\xe1\x01\xb0\xf2\x8c\xb7z\xc3-\xf9\xa9w\xdb3(bd\x91&lt;\xa8\xe7\xc2Bc\x1e\xc6\xdd\xd0\x9dS6\x9b/\x00e7m\xe7w\xfe^\xb5_\xf9Nz\xc06\xc9\x803^\xcdR\x91y[4\xb8\x13R\xad]\xa7\xdf\x82\x1c\xda(g\xb4(s\x1dG\xc8\xcf\xb4MXg\xacz\xcf\xdf\x07\'\xdd]\x0f\xcf\xdf\xd2?\x1f\x02\xd8C\x87\x14J\xbb\xa3\x0e\x81zU\xb5\xb2\xddu\xe6\xee\xd9\x03\xb6\xbb\xf5\xf6p\xebA\xeb\x93I\x18\xda\x98wA#\xfam\xa53\xc0v \xc5wB\x19\xf1q\xd3\xfd\xbb\xaf\x99\x99I\xcc\xd7\xb4e\xcf\xa7\xcc3\xfd\xb3\x9fW\x1cK\xf0\xce\x0e\x8e+\x1eb\x9c\xfem\xe2\x85({\xaa\x1d\x81o\xbb\xedp\xee\x8b\xd5\xcb5JZ\xd0\xd2~lc4l\xbaW\x8c\xde2q\xac\xaa\x08\xc7\xcc/\x81\xc5/\x1fL*\x85\xe8\xb7.lt\xb3\x1e\x94r?\x1aG\xc5\xe8\xcaK\xdc89\xed\x7f[\xea\x01\x88H3\xa5\xb8\x9b\x87T\xb1\xbb\x8dZ\xde8?\xf6\xe0,\x1fW\x1d(\xf9\xd5\xff\xce\x8f\x81^\xda\x0f\xb5F2` *\xf4\xdd\xfd\x9aO\xaeJ\xb7\xb3J\x98\xf6\xeeS\xf9\xe8\xe9\xb6\xf2V\x90\xaabv\x16\x8a$5\xef\xc4vaR\x80\x13\xcfU\x0f&gt;\x00vR\x97\xe9\xfd(3]\x95\x17\xa2\xa5\xae\xad\xfc7z\x00\xec\xa7\xe6[M\xe4\xbc\x84a\xfa\x87hY\x9bO\xba\xc3\xf9\x06[G\xd3p~APE\xd9\x0e\x1e\x0b\x86+\xb8\x80wg\xd0C\xa5\x94i\x9a\xa6i\x9a_\xd7\x8b\x98\x026\x1e\x85\x99\xed\xd8\xa8\x9c\x1ae\xe5W&amp;\x16\xbd\xa1;#\x1a5&amp;\x16\x03\x01\xe6\xe5e\nnH\x9e\xcbS\x11\xdf\x9c\xee\xf2O+\x1a*EN\xdd\xdeN\x1a\xa5i\xc2\x0bQ\xeb\xbb\x9a\x9d\xd6u\x9cP\xf4\xff\xc4\xca/\xb6\xe1n\x90A_\xa8Ple\xb7\x8e0\x18\x95\xf9\xa2\xa5\x12"\\\x01\xd0\x9be\xd5\x00\xcc\x93\xb8LV\x80\x1b#\xdb\xbei\x06\xc9\x1c30\xceq&lt;\xaa\x90\x1dE]\xfal4.\xd3\xbd\x0e\xdf\x90\x9d\x07\xcbz\r\x1b\xb1\xc2B\xa4\x9a\xfd\xe5n\xa0u\x13\xa0\xc6\xf6D\xfa2;\xb5"\x0c\xda\xc3`| \x97z\xa5\xc0n\xfd\xd8\x96\x08z\x00\x122C\x90\x98y\'ev\x87\xea\x99\xf6d\xd1-\xb6\xfc\x80\xecZ&gt;a\x87*T\x0e\x0e{K\xe0\x02\xf1N\xe2$\xb9\x13.S\xfd\xcb\x9e\x03\xc0\xb4f\x97\'\\\xfee0\xf9\x9c\xee-\xac6`\xe2;Ot\xa0\x93\xf2\xf9\xe04I#k\x15K]\xb8fum\n\xbc\xa0\x9d\xe6\x9a\xe2\x87\xfb\x7f\xf3\xc7@\xf30\xb7\x1b/\xd26\x86\xc1\x1b\xbf\x9a\xe0\xe2\xc8\xfc\xfc\x1d\x18\xdd\xab\xf3L\x0c\xf4~\rU\xb0\xcd\xa7R\xe8\x13\xdd\xd91$\xd7@\xf4\x8aiN8\xd8\xe9\xef\xe1\xf1am\xf2mD\xbe\xfb\xbc\x91\xfc\xf6y\xa9zI\x1fs3\xa18\x91\xf64\xba}\xd5\xa4Os\xea\xfc\xbf~\x8a\xdb\xde:\xbeG\x7f\xdf*\x1cW\x86\xf8\x96\xe3[\x0f\xb5\xff\xda\xf5^\xd8]\xc0\xc6\xb4]\xbe\x16x\x16\t\x95\xb3\x0bS\xdd\x80\x19\x18\xf0\xd1P\x9e\xbc6C\xee\x9d\x86\t\xfbd"J]\xc6\xdfR\xfb@\x1f\x11{\x9e\xe7\xd0]D\x87\xb7\x99WB\x14~\xf0#\xb5\x7f\xae5\xc7T\x99\xfeY5k\x0e\x80\xf7rJ\xbf\r\xc1\xe1\x0f\x88+\x8cq\x85o(_&amp;\xd2{y\x03\x92&gt;e\xf0F\x19\xdc\x15\x1d\xa1d\x08\x0cV\xbe_\x83\xfcm\xc23R\x9d\x9f\x97o\x90\x97rs\x133\xefAxu\xa4\xce\xc9a\xf7.\xd0\xa3\\C\xe0\xf7`\xc8\xb4\x18\x03S\x809\xcf\xdaC\xad\n\xc8\xce\x00\xddX\x05\xf5\xbf\x8a\xc7\x9a\x0fF\xdb+\x9b\xe9|\xc1\xe0\xc9[\xa2\xa9\xffw\xba\xb4\xed\x81\xd2O})\xbd\xe3\xf9\xcf!"7Y\xf7Uq\xef\x15\xd1Sk\x1f\x04\x83u\x81\x00]\xdb\x1a\xec\xc7sJ\x13\xf4\x0f\x0e\xd6\x9f\xcf\x9c$\xed\x87\x94\x84\xf7JGE\xe0\xcc\xdc\xeb\xdd\xa4\xc31\xa4\xb0\xc4\xd7\x93;c\xfd\xe2G\x05\x7f\xd3BF,%\xdeFl\xddR"\xd7V|FH{\x88\x18\xf2\xeb{`D\xaa\xa2V\x1bx\xe2\x1a\x04OoLf\x0c&gt;\xc4\xb8L\x06\x1d\xb9.N:\xf8]\xfc\xae\xea?\x80\xfb\xd4\xac8\xf2\xf9I\xfa\xden~\xf9]\xec\xe5MW\xa2\xfd\x0btF\xdf\x80J\x1f(\x8f\xf5P\xa4\xb7\xaal\x8f\xbe\xa5\xe8wQj\x8b\xfa\xd3c\x0b\xd4%\x94&gt;\x99\x86\x900\xedg\xec\xb1\xc3+\xd5\x05\x12q\x001\xc5\xc7\xc0\xc1\xf0F\xeaK\x97\xc80\xe4l\xae\xfa\xe27Th~\xeeL\xe5sg\x96x\xfc\xb8\xc3\x84\xaf\xb6\x98\xa5\xbc\xa5\x95iW\xf3]O\xfc\x89\xfey\xa7T\x8f\xfeNDX6sK\xab^\n\xf1\xe3\xd6\xfa\x0e\xd3\x86&gt;\xe3\xa2Y\x1b\x9c\x01\xc7\xdb\xea\xef\t\xba`\x98\xf4\xc8\x8b\xe6\xf4#+\xa5&lt;\xf3}\x0fe\'\xf1tZ\xdf~\xefZV\xad\n\x8a\xdb\xdb\x82^CwL\xa7b\x1dS\xbe\x07\xd0\x19\xce\xc0\xe7\x1b\x17\x7f\xc4i\x93\xec\xe3\xd0\xe0\xa5\x00\xf9\xd4[=\xcf+\xfd\xbd0\x0e\xd0\xb3j\xdb\xaf*e\xee\xd0o\xf9\xa7o\x1b\xc4Pv\xef;\xf0\xbce\x9fB\xadm\xdf\x1b\'A\x8e\x12\xfdp\xdc ^;q\xb0#\x0fX\x9dkm\xa2\xbf\xa5\xf2\xce\xdb^\x1aX\x8c\xbbz\x10O\xfd\xd5S\xbd\xbcp\xe6\xd1G\xa2\xc1\x8e7\x84\x9f~0\xa0!:6nDD\xf4[\xc9\xf7\x8a\xf6\xda:\xe1\xb1\xe1 \x0c;\x98\xa9\xb99\xe5\xc7R\xf3a\x11\x10\tS\xc4\xbe\x01s\xf7K2Fq\x05\'\xfa\xbe\xfa\xb2)\xcey\xbc\xe3\xf3\xda\x82t`#J\xa5\xfc\x13g|\xcc:?\xa4\xaf-nc\xf4\x00x\x11\x7f(\xe0\xe7O\xab\x05j\xa3\xc1\x1b\xc1\xb3{\xea&lt;Utdn\x9d\x07\n1\x18\x1c\xc4\xb5(\xbc\xd9j}Y\x12\x0fm\xe7\x91p1\xae\'\xaa^\xc2\xc1s\xbb\xc2\xa6\xf5\xcd\xfd\xa4f=EDO\xee\x82\xb9a\xc8\x8f?\xc0t+\xee\x12\xfd\x95\xf5\x02&lt;\x08v\xaa\xf3\x01\xab\x19l\xb4\xee\x1bn\xe7\x1b1g5\x07\xdf\xb2\xb0\xfd\x95\xc4\xe9\xb6\x9bD\xc1\xbb \xaa\x01u\x95\xbf\x90{\x82\x8a\x97\xc9\x9b\x95\xfa\x89\xa0[I\xdf\x0c\xf1Tk.[\xec\xfcQ\xbf\x0c\xfe9\xc7?"To\x19-\xd7\xc3{U\xc9\\OB\\\x13\x92\x1c\xdb\xc90vRo~\x10\xbdI\x91\xedE\xa6^\\r\xd5L\xea&amp;&gt;%\xf1z\xfdV:\x0e\x00\x7f\xaa\xa7.\xc7H\x060\xd8\xd3q92\xaf&gt;iwQ3^\x8d\xd9\x13\xc0\x80\x03|\x9f\xaa\xc3;\xee\xf5C\x08\r\xeb\x07Z\x0c\xc1\xec\xea\xbc0s\xce\xeeQ\xaan\x97\xf8\xc7Qj\x8b\r#\xb33\x1f\x86\xc5\xc7\xdef\xab&gt;$\xfb_\xb5s\xcd\xed\xb8\xe1\xef\x06u\x18E\xfd\xae\\\xbb\xeb\xe9\xae\xee\x92\xc6n\x1b\x83g\xdf\xebn\x19\x02\x93\xe7\xec\xbf9\xcd[\xb4\xca\xedc\\{\xff\xd1m:]a\xf3\xda\x1f\xa1Mt!\xf21\x84\x9b\xea\x18\x1b\xfdtpw\xe2&lt;\x9f\xe1\xd7\xb8}\t\x0f\x86\x94\xe9\x9eCe\x7f\xf3\xa1\x138%\xa2\xef\xb3{1\x0cl\xed3\xa8\xcb\xeb\x07\x96\xd4\xf2\xc5\x0f\xc7!\x83\xb7H\xc4(\x06\x90\xd1\x16\x13I\xc2&lt;=\xda\xbc\x97D?f\x985\x8c\xb4\x9d&gt;\xda\xbd\xd5w\xc8^p\x93\x0c\x1b:*\xf2\xa3\x9d\x07^\xfd\xef\xf0\xad\xf4\xd5zW\x83\xcb\xe0)\xf1:}r\x1f\x984\xfa\xe8\xc6\x06\x7f\xa1\x04\xb2\x16e\xd66\xb3\xfbN\xdd\xa1\xb7G\x87D\xc3{\xd4\xb8Gu^4x\xd0I\xf2\x9a*\xff_\x18\xc65N\xcbv\xdd\xa3\x81\x88\xfe\xf8 0\x9dO\xdenb\xdb\xecG\xb8\xe7\xec\xe9\xed\x85\xc9\xdf}\xc9\x87r\xca\\\xd2\xb4w\xf0\x0c/qo\x87\xd7\xad?\x9c\xeaU\xadV\xea&amp;\x12{\x9c\xa0s\xaac\xdd\xa9\xbf\x87\xf9\x1f\xb3\x87B\x9b$,FDo\x94P8\xff\xfb\xeaY\x00\xce\xf5]\x91\xdb\x00\xfa\xfc\x87\x99\x1e\x10a\xddn\xccv\xf6\x8e\xba\xe4\x8e\x95\x8f\xfb\x96\xbc\x05\x8f\xb9M-\xde\x1as\x07\xacw`\xd8A\xa3\xfc\xf8\x0f\xab,P\xfeJ\xbf R\xf5(v\ry&lt;Y&gt;\x05oVt($C2\xf7T\xe4\x1f\xe4\x03\xe0&amp;hO\xc9\xa8\xbb\xb1\xf3(j\x98\xdc\x93\x13\x9e\xac2\xd9\xd1*&amp;&gt;\xcb1Lgt\x00\xd6M\x92\xb4\xc7b\x17\xb6\x81\xac\xb0\x83\xf2e*bM\xc3q,\x9aGl\x13@/\xc1S\xa7\xc5\xa0\x07\xdf\xc3\xdc^\xec_\xef&amp;\x8c\x809`s7\xe9m\x9d\x07\x81\x1b{\xe8\x0b\xf6\x89s\xaa\x1bf\xff\xb2\x85VF\xb6z\x13X &gt;&lt;\x0b\x904y\xfe\xde\xdd\xb7\xd5\x1e\x00\xd8\x0b\x8b\x97\xa5\x10\xfdIB\xd4\x8d\xb0\x97\xff\xfd;\x94\xac\x8f\x07A\x11\xd4\xe5,w\x004\x19\x12\x87\xc4\xe5\x8a\x91\x82s\x81|S\xd6\xf3&lt;G\x94\x8b\xdf\xdb\t\xe6Zhx\x9d.\x99Xm\x9e.\x85\xa3V\\\x85\xa3\x07@\xd0,\xb4\xfa\x143\xd2: \x0f\xdf\x90;\x8f\xbdm7&amp;\xa4*\xfa\xf8\x0c\xb8\x86m\xe7\x1crD$\x1d\x89\x95\xe4|\t\x92g\xbd\xc8?\xd38\xe1\x89\x10\xfck\xf8\xb4\xf8\xeb\x1f\x82A&gt;\xed\xb1\x83+\xa78\xaaU4\xf2\xc1y\x9e\xbd\x90/N\xbdu\x81\xe7\x16\x98=\x04\xd3@\xa7\x06z\xc6\xc1;\x9bc\x0be\xc6\\\x00#\xe8Y\xd4C\x92L\xf5\xbf\xcc\x99\xeda\xb6/\x93]\x9b_ROw\xaa\x19\xd8\x12\xdc\x10\x9c\x1fm/2\xeae\xb0\x17\xf8\xc9\xda\xb4\x824\'@\xb2\x10\xe5\x17\xac\x1e\x99\t\xde\x99\x1f+Q\x0cd\x02R\xeb&gt;\xcc\xa7\x1a\x1c\xb4\x01\xd5\x0eM"\xbdq:$\xad\x89^\xd8\x19\xdf\xac\xd8E\xba\x0c]\xd2Vl\xd7\xad}\tY5~\xc9\x03@Y\xa7\xba\x99\x11C\x0c\xa9\x82~\x9c7u\x9aS\xacaor\xb6\xd7\x08\xf3|O\xf6\xa9\xe6\x1e7\x9bgXp&lt;\x00\xe6R\x88\xe8+s\x07\x86\xd5\xd3\xb5`\x84\xdai"\xa2o\xd2V\xe2\x03\xcch\x08\xc1[s(\x0f\xd4\xe8\x03[\xfcaU\x1a\x13\x14\xb3\x8c\r\x99\xd8\xc6\x19\xe7^\xa3wH\xbc\x10\x8f\x89\xafi\xdf6Q\xf0\xd6=\xf8\xce&amp;I\xd5\xa6\xd7F!~\xe2\xe1Z\x0e\x0f&gt;\xc8[\xd7s\xcf\x80\xe3\xf5\x9a\xb2\xee\x9b\xae\xcd\x90\x8f\x04,\xb4\xb42\x1c\x1d\xf2{\xea^\x85\xc1IF\xc8\x85\x8c\x1e\xfb\xb2\x97\xad\x97\xe2\x03 f\xbe\r\xea:E\xcf&amp;\x994\xb9\xdaq*\x9e\xa3\xf4tF\xd8K2\xbd\x91\xf8\x0f\xa2:F/S\xfea\x03U\xd8\x86\xe9R\x02\xab\xbc\xad\xfe\x07zvj\x8c\xf6`\xed*4\x99\xc8\xa8\xba\x1c\xb0\x05%\xb5wY\xc5:\x86r\xc4\xdf2\xb9HY\n\xec\xbc;8\x00\x1e\x13\xa9:\x0c\xd4\xf9\xa4\x96\xa4\\\x19\xfa\x8b\xa6@\x08\xe3\xe2\x16\x1b\xdbXg\xa4\xf7\x9ca\xdf\xcdG/\x05\x8b5\x90]^\x95\xbf\xfc\x01p\x88\x8908\xef\xd4k\xba\xd7\xf1zs\x10d\x94\xad\xf5\xb1\x89d\xfc\xe1\xa3\xdd\xc3\x13rg&amp;\xc4\xbe\xa8\xe1\xcd\x8bK\xb5V\'\x12o\xb8\xee\x12\x07"\xbe*\xbd\xf0`M&lt;\xcaE[\x7f;\xc5#mct%\x8b\x17\xf8\xd2]\xb3V\x01\xaf6u\x1d\x00\x17K\xef\x97\xf1\x01x\x957\xd0F\xe6\xa2\xbe\xa4\xf7\xcaB\xb2\xd1\xf3\xe0\xf5\x963\xdf)y\xff\x17\x8a\x87\x95\xb7\xdeA\x82\xbf\xeb$\xc9y\xf9\nf\xc1_a\x15=\x9dz\x1b\x87^\x85\x07\xd2~\xc5\xc4\xfe\xdd\x87d\xe4T\xb3H\x9a&lt;\xdfwF\xb7\x15\xcf\xe6\x9e&lt;\xa4\x0c\x11}9\xb2\xd8u\x00\x0cU\xb6,\xbc\xb6u\x9f\xb9\xd9\xf5\xd7d\xdb\x8ai\x88\xa4\xd7SU\xb9\x0e\x89\x92R\x11\xf8\xf8VJ\xca\xb6k\x8eN(\x82\xcf\xa1\x10\xdb!t\x17\xe7\xce\x05\xc9{\x04oS\xc7\xd7\x80g\x0f\t\x1aTB\xf4)c\x82\xabx\xaa\xa64Mt\x19\xcd[\xb9\x93N\xc7#{+\xb3\xb3\x8ed\x9a\x89\xff\xd6i\xe8\xa8pig;\xd7\x02\x1c\x00\xef\x80y\xac\xd2\xedH`\x93d\x18,\x16\x8aS}\xdd\xe0\r\xe4\r\rC{\x01\x05\xb3K\xbc\x19|\xeb\xdaU\xed\x9d+%\xef\x1c\xde\x13\xb7\xc3c\xde\xd4\x97\xea\x8e\x9d\xf6\xa1\x17\xadw@\x9a\x0e\xa5S\xed\x0b\x8e[\xbf\x18\x81\x8a\xd3\xaa\xcb\xb4v\xb2\xee\xf1\xf6\x0c\xf6rS\xb8\xd8"Mi\xa8\rG\x9aG\xbe\xe9m;;\xcaTcq\xe6\xfd\n\x84\xd1&lt;\x00\xdau\xb6m\x11\xab\x85\xaa\x92\'\xfa\xf0\xd9\x7f\x81\xbdr\x7f\xc2h\xcat\x19\xe5\xaek\xd9\x06c\xf7\x12\xcen\\\xcc\x1b"\xfa\xdcR\xe8#\x8f\xb9\xc3%\xe7:\x0f\xa6\xa9\xbf\xaf\xd7\x13E\xdf\xed\xfd\x1b\xad\xaewH\xe7q$\xd1\xbau\xcd&gt;\x1b\xc1\xc63\xd5-_\xfb\xa0\xd7\x196\x81\xa7i\xac\x1f\xdeNA\xe7\xd6\xdf\x8c|\xcc\xa0\xfe6\x80u\x8f\x97\xbadG\xa9\xbe+\x02\xb9\xd2\xdaTg\x03\xf09/c\xe5\xfc&lt;n=\xc4\xbc\xa7\x99\x0e\xdcbU\xcf\xb1\xdb\xb6YCm\xe5\r\xba\xe0\x866T\xc4!\x1eB"\xf0\xf8l\x12\xaf\x06\xbc\xf6\xb5\xa5N.\x8fy\xf5\x10\xb3\'[\xc7\xbd;\x18\xee\x17\x9d\xf9}\x8b\'\xd1C\xf14\x11M\xa5L&gt;\xc34\x89\xc9\xfdk\xcc\x15\xba\xdb\x83f\xce\xe5\xe5\x07\x00\x86\x06\x0c\x05\x1b\x99H9\xc2\xeb\xc8\x808\xd4v\xb1N\xa2\xd1`\xfeo\xf7\x8f\x8c.I&lt;\x1a\xd345\x17n\x13\x0cg\x99\x9eF\xbeu\xadE\x03\x9eQ5MS\x81"\xbb{\x7f\x8egb\xaf\x17\r\x909TU\x83\xc3\x03\xb7\xfa\xfb\xaa\x01N\xa2\x87\x97\xc4\x1brZ\xb6W`\x9aJ\xf9]\xa5\x81\x97f\xce\x89\x02\x88\r\xd6\xc5\xe1\xabDL\xe14m\x05r\x9a\x1a1\xbc^\xea\xbd%\x1f1\xd1\xdfn\xf4(w[\x00|\x9f\xf8\x9b\r\x18\xf8N\xe8=\x1a&lt;|*Y\xc6\x0f&lt;9,\x00{\xd1\xa5\xff\xe85\x1a\xbc\xd19#/\xf3\x8f\xa4\x0f5\xda\xee\xe8\x83\x07\\\x82\xd9\xa8\xbd\xc0\x16\xe6\xf0\x14\x9e\x84\xe0\xc2\x95\xcc\xc2c\xdb [|2\x0f\xe2 =\x9f\xc4&amp;\x8f\x99\x0b\xb5n7Fu\xe1\xe5 xyx\xc5\x89\x97\xa4w\n\xea\x12\xd9\xd0\xff}\x8a\x87\xb8\x8cP\x81){*\x9cG\xcb\xa2\x83\xf1\xe3\x17z\x80\xc4it\x878\x18\xd5lek$\x19660~\x19j\x9dM\x91\xe0~\xd3\x0e\x9e\xbd\xd6\xbb\xfc\xa9\xac\\\xa2yf\xdf\x1e\xe1\xc6\xf9\xca\x9c$z\\)\xe5\xc7\xddY\x005\t\x1d:\x8aSP08w\x9di\xa3J\xb3\x17mQ\xbf\xba\xbai\x9f\xd7\xd3C/\x96W\xdfa\xeez\xa8\xdd\x8d\xf2\xb3\xb3Ks\xf2A\xa2\xe4_\xff\xc5\xa7\xd4\x8cC\xe9\x1d\xdb\x95\x8d\xb2x\x91[\x8a\x01\xb2\x95w\xb7\xc2\xac\x92\x80\x93\x88\x88\x1e\xbf\x13\xc9\xb5\xd3Q\xe9\x90\x7f\xf0\xd2\xd0\xd3s \xf5\x82\x1fK\xac\x8c\x14\x11\xd1\x97\xb5e\x03ED\x9f\x9e\x02\xb3\xf1\x8f\xdc\x9dT\xd9+\xa4\xf3\xef`\x8e\xa8,\x9ef\xdf\xa87B\xf4v\xdb!\xa4\xef\x9e\x1b\x1b\x81\xe8\xb5&lt;s\x81\xe0y\xf9\x7f \xed\xc8\xea\xac\x18\xb1\x7f\xf3\xf4s\x9d\xfcwIO\xb8k\x00\xa5\x94OC\x83]\xad\xd9\xe1tR"/\x1d\x9c\xff\xd4&gt;\xa3!1"\x0c)\xd5$\x08k\xb8\xa7\xb3\x12+\xb0X\xed\xb2\xc7\xca\x02\x0f:\x00,\xa7\x1a\x8fo_l6\xe2/j78\xbb\xa6Tz\x1f\x18\xda\xb0O"\xaf|\xf7.n\xae\xb1\xfb\xc6.\xfek\xa1\xa3\xb06K\x98\xaaA\xb1\xe9?\xc9\x8e\xf7\x80\xed\xf2\xbb4C\xf9\\\xe7u8\x08B\xb8\x82\x00\x00 \x00IDAT\xefJ\x933n\xee\x06\xb4%\x81\x1dBN\xe3\xfcI.\xff\xd0\xfb\n\xf6A\xca\x85\x89\xd6\xbfk\x13#\xadR\xee\xe8Y\xf2\'(\xf1\xf6\\\xd9\x9a\x83N\x8bc$\xefG/\x11{B\xb7G\xeb){\xb4\xad\xd3N\xb8\x07\x99\xa2G\xd2\x99\xc2\xf4\xa2\xe0v\x98]\xab\xa9\xbd\x0fI\xad\x86\xcc\xce\x89\xf7Pt\xb6\x95RJ\xf9#\xa0Y\xb6u\xeb\xa5F\x9b\x7f\x1eu\x0b\xb9\x9a8\xa5\xfa\xb45\x0ff&lt;\xdea\xc4Wn*rJ*\x14\xc9(Tw\x18\x94\x10\x1c\xf3W\x96\xc2\xcb?\x17\xd2\xdb6\x8e\xcc\xb1\xe7\x1c\xc4pcT\xef\x9b\x82l+\xdb\xd3\x8c\x1e\xcdk\xb03BjY\xf0}\x9c\xee\xa1\xc0\xc3\x10\x0b c\xda3\xea\x0e\xa2\xbb\xf5\xbcE\x17\x80\x93\xcd\xe6\x00H\x99\xe9BU9\xee&lt;\x97\x95{Kg\xf7\xb4\x8d\xe1\'\x02\xd9\xddK0\xcc\xe01\xef\xb9\xf9\x88\xcf\x80\x0c\x80\xed\xc6Z\xde\x80\x1eH\xac\xd9O\xdf\xd4~\xdc&gt;\x8b\xec\'\xdaOY\xebNU\x8f\xeaEp\x85\xd4\x15\xc5fM\xb4/\x1b\nQZ\xaeGNG\xc6\xa2\x02\xca_\xe6\x11\xb9:\x1b\xcc\x0e\x7f\xdf9$k\xbd\xe2\xa9\xb3-m\x1d\xcf\xa6&lt;sJ|x\xb31\xd7\xde\xb7)\xf2/\xcd\xd1\xd5[\xb4R\xd1N\x88t\x05\xd0*\xf7$\xbc\xed\xc3M|\xdf6\x9e5\xe7\xce&amp;\xdb\x85\xb6\x9dmK\xda\xf1\x84\xf4a\x94\xd9b\x1e\xa0\xcc\x0e\xf2\xc25\x8f\xbf\x11\xca\xcf\x1c\xf0\xdb\xa1(:G\x1bJ&gt;\xbe\xd0R\xf0\xc0\xc8\xb5K\xfb\x17\xecp\x85R\xdb\xa2s8\xb7\xe0\xc9\xb1]\xe7D\x00\xcf\xd0\xd4\x1eR\xa8\xba\xce\xd1&amp;O\xf2Plj\x03\x82\xb9\x1d\xe4\xf57u\xe1\xc1\x1d\xad\xaf-\xc2\xd3Y\x1ccU=\r\xf2I\x7f\xd9\x87\x0f\x80\xe1\x03;\xa3\xbf8i\xf3`\x1e\x00c4\x10\x0bO$Y\x8c\xd8Q\x1c\xe9O\xc2R|\xca\x84\x1a7\xb2\t\x03\x17$\x92\x17\xcd\xbd\x11\xc7\x89&gt;\xeb\xf4GCG\xe9O\xf6\x13\xd6]\xdc\xdbJ\xfe,\x86\x9e\xbf\xa1\xb5U\x92\xcb.\'A\xb0j\xab\x9246\xa1\\\xcfB\x11y}`\xbd\x1b\xedo\x06K\xcd\x80-\xa0G\xea\xbc\xed\xea\x7fF;o\x07w\xea\xdc\x94\x87{\xc0\xd5 U\xf5\xf4/\xed\x1b\xde\xb1\xdb\x97R\n\xf5\xff\xcd\xd5[\xf9\nm\xf9\x1e\x88z\xd0\xf8\\O\xa2\xd7\xae\x99&gt;\xf3h\xcd\'\xbf\x81\xd9s~t\x07|f\xcf\xb8@\xfcsD\xa3\xf77\xcd\x91SI\xc5\xc7k\xd4\x1c\xd9\x16\x83g\xd1\x07\x93\xb1{\xab\xd4\x9f\x85\xa8F\x1f\xd1 \xef)OA\x03u\x12\xaaj\xd7\x93\x1a\xd8|6\xe9\xf3H\x14\xaa|\xb1\xa3\x0f&lt;\xb72\xba\x87z\xb8\xdc\x03:3\xda\xf6\xb8\xf9B\x9d\xfc\xd5\xb0\x13\x81\xc2\xd7:\x93\xbd\xe7\xd5!Xp\xfb4\xe4\xac\xf4+\xde\x94W\x84\xc3\xf7(c\xfb\xf1zz\xa3\xe3i\xbfo{\xe4\xb9q2\x1f\xa3\x16\x9c\x83\xfa\xc57\x05\x0e\x1fu\xe3\x89\xdb\xa3\x81g\xf9x\xef&amp;a\xa7\x9b\xa6\xf0\x903_|\xbf\x8c\x0f\xe0c\x16i}\xde\x9a\xc1H"&gt;\xcf\xa5\x02\x9b&lt;\xfb\x83\xc2\xc1Q\x10}iF[\x1b\xf3\xe6`b\xf5\r\x9bw*w\x1d~\\y x\x99\x1a\xb7\xd3\x02?P\x15\\\xf9\xd0\xe6\xc3=\xf1\x1e[\x85\xe8\x05\x1f\xf4\xf2_J\xd9\xb7*08\x03\t\xda\xc5\x13,J\xdf\x1a#\xf1m\xcf\xa0\xc8\xf4\x96\xd4\xca\x9e\x11\xa4\xcd\xeex\xca\x11\x11\xd1;\xf6\xa2\xcd\xa9\xed\xdb\x0bx\x81\xa4B\x8f\xad\x01\x83\x97\xb6N\x00lV\x15\xfd\x88\x7fO\x1c\xb3\xeb\xee\xde\'u+,\xdbz\xc9\x97M\xb1!r\x90\xb7G\xf6X\x1c\xcb\x1f\xa4\xca\x056\x90\xf3\xb7G}[\xda\xd1\xb0\xc7zs\xdc.\xb3Z\x95Tm\xddQ\xca\x8bsT@0\x166\xad7\xad\xbdF\x93\x90l\xac\xbc\x97wK\x1f%_\x12\x11\xd1#\x97k\xc4\xef\xd5\xbe\xcc\xb6\xff\xe9\x1e`\xa9zj@fjC&gt;\xfa/\xe2\x08\x0e\xd7\x1f\xd8\xbe\x9cAv3.\x17\xff\xe30\xe5\xdb\xcb\xef`S\xbb+O\xb2\xbe\xaf,\xef&gt;l\xeb&amp;\xc9\x94\x120\x089\x0f1m\xea{\x07\xffn\xd3\xcd\xceQ\x14 \xaa\x7f\xc7\x9b\xe9\xf5\x0e&lt;\x00P\x06\xc3S\xa1\xa0\xfa\x95\xd0/\x14\x1eN,h\xbf\x06CB\xff\x08K\xe5\x94o\xff68\x13\x8b\x02\xd3k\x7f\xd2y\xc2&lt;\x9d\x82\xdc\x8e\xf3\xad\xb9)2S~k\xecZ\x81uc\x80\x92\xd5Y\x89t\xe8\xcf\x99\xa0D$\xaf\x8evb\x85\xb5&gt;\xb8K=\x83l\xc4\x9b\xd9\x8c7\xc9\xd0\xca\x85\t\r\x92&amp;c\x82\xef\x19\x08r\xa4\xcb\x9b\xe9\r\xcc\xb8\xa9\x0e\x19\x03\xc4.X\t87\xf5\x9f7\x86\xd4_MT\xe9L\xa9mkM\xd8\xedbN\xd4\x1d\xce\x86\xce\x9e\xf7l.MoZAs6\x19\xda\x1d\x12\xfb\xb7\x97\x8c\xad]\xe9\x17\xe5@ %\xc5\xf7\xc3\xb81\xa2\x9e\'k\xcd\xc5\xee*\x8eyj\x97\xb3\xb4\x17#\xfbd\xc7Y\xd8\xdc\xb4]\xaa,v\xa8\xa1+\x8b\x07\xd2} \x16\xb8\xebo\x15\xeed\xd5\x0b\xf5/\x17\xdd\x80\xa5\x9b\x99\xb0\xfb \x9de\xda@\xae\xa5\xd6\xed\x18R=~\xefR\xaej\x05$nNA=\x9c\x0e?\x00\xb6\xebNA\xb3\x16\xcf4\x07@\xf1\x8a\x08\x9a\xca\xecF\x18&gt;&gt;txp\x89\xe8_\xf5\x8b\x1c\xc2\xaf\xfc%\xa2\xf7\xc4ln\x85\n\xf4\xabxR)D\x9f\xdbDN\x922\xcc1\x8f\'\xb8B\xca\xb5\x0e\xc6P\x13$\xed\x80\xd7\x0b&amp;\xe6\x81\xe0s\x86\n\xd1gX\xcd\xf6\xa2F\xc2j~G\x03\tZ\xff\xact\x03$^\x9as.\x93\x8a\xa1\xfe&amp;\x84\x0e\n\xcc\x01Gvti\\\x96\x88\x88\xfe\xdc\x98\xaa[\xa2\x9aL{\xf6\x18\xad\x7f\xab\x02iX\'\x84j\x07O*\x10\x9e-h\xfd(\x08V\x8f\xd2\x9e7\x16#;6h\x1b\xbc6g8{\x0c\x9c,y\xb0mdl\xcd\xed=\xf6\x9a&amp;\xc4l\xa8-c4/x\xc9\x1d4F\x01&lt;"\xe2\xef\x1b\x11\x15\xfa\x0b\xbb\x94gn\xb3\x1e\x1c\xca\x96\x12W\xfc\x1b\xbd\xa2\xaf(\xc4\xf0\x18\x0f[\x13X1\x1db\xc2\x1c\xad\x9b9\xa3\xbe\x01&amp;\xe9c\x87!t\xbf\xc5\xb5\xf7\xda\x82\xed\xa4\x879\x95\x0c\xe9\xb3\'\x07/\xc2\xd0\xa5\xa7?2.;B\x05DTl\x03\xebhY\xf3H\xb3:\x03\xce\xd2\t/\x8b\x81\xe8\xbc[4m\xe8P+\x14\xee\x82\x0bxt\x15\xa4\x932-\xc2\xc3\x97\xa4.$\xc3\xf4U\xad\xe7\x12\xc9J\xaa\x80\xe7s\xe5=\xe5\x14\xd2\xacG\xf8\x8f\xa4X\x81d\x0c\x03\x0e\xfa\x04\xc5\x16\xddKa\xe5\x06\xc6e\xb6G~\x1fZ\x84R\xcf1\x80\xb9\xf2\xde\xa2\x99\xdb\x07=`\xde\xe6\xc8U\x18P5\x1c\xd5\xf6mb)D\xcf)_\xba+\x0b\xd5\x06\x1b\xb6\r\xef\xf0\xa5z\xf0\x88F\x89k\x00:c\xa3\xbe\xac\xd2\xa3\xae\x9b\xa6\x8d\x06S\xef\xc2\n\xebY\xcf\x10\x8e\x03/4DD\xf43\t=\x19|qr\x07\n\xf2[\x02x\x94\x11\xeb7\xe4\xc9*q\xb1\x8e,\xaa@\xbc\xad\\h\x80\x9e*s\xcd\x8b\xb4k\x00\xeax\xa4\x8e /\x93\xe2 \x8f\xdbj\xdd/j`f&amp;\x19\xf3x\x8f\\!=T:\xf7X\x93\xe2\xed\xb1\'4\x81\xec4MSK8\xa3\x9f\xabY\xae\xb5\xe2O\x15"\x06\xdb4\x15\x85e\x9a\xe15\x11\x16-h\xe1\xd1j\x94\x12\xfce\xb5\xfb\xd2!\x0f\x11U|\x146\xa7\xd3\x14\xf91M\x93\x17\xe4\x9c\xf7\x98\x021k\xcc\x1a\x8a\xf3\x8d\xcf\xae\x82\xc0\xe0&lt;5M\xcb\xd7\x84h\x13\xafW(\xc49\xab\xa8x\xdd\xf0\x96-\xc4\xab\x95I\x01\x18\r#\xef`\x16\xa5\x19U[9v4r_\xbav6\xf7\xce\x18}\x8e\xbc\x9ej\x94|\xb403%r&gt;;\x87\x1aZk\xd6\x98U\xcfh\xb6\xdf\x1e\xc1s\xd5o\x12a\xfb\xff\x1ek2\xbd\x1a\x9a\xd5t `\xda\xba\x83\xe0\xe4\xc7\xb9\xf2\xc6\xc8\xeb\xe63\xa2&lt;~\xb8\xb5\xf2\xce\x0f\x07*\x19\xe7\xa4\xfa\xe6m\x19\x99\x91&lt;Af\x85&lt;p$\x19\xa2f\xea\xf9\xd9\xbe\xc9\xa9\xeb\x8c\xddR\x93s\x14\xf9~\xaa^\x07&gt;n\xff\xda\xd9\xf5\xdf\x8e\xbc\xed\x07\xa9\x04I&amp;g\r\xfe6B\xefmFR\xdda0\xd5\xdc\xf8\x0f\x14\xe9=\xe6\xf0x\xb7Q\xaa\x9e\xcb\x95k\xd3Q\xe0\xbb\x94\xeb:%\xf9\xa9l\xbds\xdd\x12:J\xc6P\xb0\xa9\xbaR\xea\xf0\x84\xcb\x14\xa9l\xdc\x1a\xc8?d\x0c|\xd2\xa2\x82\xd6\xcc\x9e\x814\xf3\xb8U\x1a\xecws \xf9\xf7\xa7E\xcd\x84^UV\xaa\x06\xaa\'\xb6\x9dVg)g\x8fg\xf8\x930\x94/\xca\xdc\x08\xe8\xeb\xa1\x81\xae*\xe9\xb1m\xff1\x83{\xa3 \x04\x83X\xab\xf1\xd7\xac\x9dH\xab"w\x91\x92ZQ\tw\x94w\x85\xbb\x16\xf6\xda\x03Y\xb4\'\xf3\xac/Mm\xec\xe6\xa9#\x80o\x80\x8e\xd2n\xb8i\xb2N\x11\xbdtT\x0b\xfa\xf3\xc1\x13\x81\xe9\xb1\x87D\xe6wc\xdb\x0b Q%S\x87kq\xf4t\x05&lt;\xc9\xc9\xed\xc6\x8b\xda\xa5\x93k\n\x16\xfd\xd4\xc4&gt;\x97\xbc\xc5\x16\x1dz\xafBSp\x9f\xd4\x02\x10P\x19m\x88f\x91\x97\xadG\x02(\xd3\xddj]s\xbc/X.\xcao"\xd7\xac\xa0h\x9d\x1c\xb5\xd0\xe2!\xe0\x93zX\x0c\x07\xedV\xff\x0f\x0c\xbb\xd6\xaf^\xfe\xd5\x90\xbf\xf3&lt;\xdb\xd4\x1a\x91.%\xa9h\x879\x93\x15\x8c9\xf3J\xb5\x89\x86\xbf\x87e\xe6\xbe\x03\xc0c\x18PXT\x9fZ\xa7$\xcfM\xd2\xa7\x95R\x0e=\xc1l\xc9\x8b\xc3\xd3&lt;\x00\xa0\x8a|\xd0\xbbv\xe6X\x14X\x96\x08\\\xec.\xa7\x1d\x0b8\x11m\xb3\xf4\xad\x83\xb5\xaan\x9cSZn\xba\xcd)\xa5\xf8\x11\xb6\xc1i\xea\xb1\xe7t\xb4R\xe8\x96:S\xddl\xc6\xa8\x11\x98R\xcd=\x97?\xf9\xbe\r\t\xae&amp;\xb0w\xc5\x89\x86\xb5\x94\xc9\xa6\xa8n\xb0Mg\xc7\xa1\xf2v\xc0\xd1\xbaX\xa1\xb5\xee\xbfc\x10\x84gF"uNBZ9\x8d`,\x81\xcd\xe9\x11\xe7V&amp;f\xe0\xb3\xcdm\xac0m[\x91i\xe0\xb3p\xf7\xd6\x9b\xf4|\xbf\x1f\x00n\xa7\xb5\xe1Q\xa8\xba\x8c\xf6R\xf2\x89\xc4\x18\x8a&lt;\xf88P_\xa48_E\xbe\x0c\x8d\xce\x0c\xcd\xcc\xf1\xc6\x9b\x1e\xe8\xdb\x9a\x95\xbeZ\xe5$;W\xe2\xdb\xac:\x03y\xb4w\xc6t1y\xabT-E\xe0U#\xb5\xfbil\xb3dxL\xc0\x1b\x18\x92\x19~u\x94\tG\xbd\xc8\x84O1\xbb4\x87\x8c\x9d\xb7-v\x04\xa9U\xd7 \xa4\x0c\xf2&amp;O\xf8\xd2\xde\x04\xac{\x06w+\x08g\'\xa4^\x8au\xf2Eo\xabrz4n"\xe3@W\x82%\xe9\xe7rlk"i\x9c\xbcD\x06=D\x13y0\x1f\xa7z\x88V\x88(q&gt;\xe8)\xd9\xae\x7f\xa0i3K\n\x8c\x0e\xd4!&amp;L:\xa9 x\xa8\x14\x80\xe0.\xbc\x9d\xabi\xb47I\x8d^&amp;\'\xde\xa0\xd7\xdf\xf6U\x9b\xd9\xefU\xc9\x0cz"8%\xb9\xaa\xc6|)\xa5\xd0\xafG\xcd\x1a\x9f\xf9\xf9\xd1~\xb6\xc8&lt;n\xc2.hE\xb8\xb8\xf9*h\xd7J\xd5F\xb2\x8e4\xa1Z6\xbdLp[~\xb2\x0b\xdbjn"Y\xd8\xd4\xcb\xe7\xed\xfb\x1c-L\xb9R\xca3\x04O\xdb.T\x9e1\xdaNA$X\xe4\n*\x1e\x08\xcfn\x1c5\xb5\x930\x98\x83n\x02`\x882\xca\xf9\xadL\x93\'\x06\x10\x83\xb9=\xd2;\x87_\x1b\x0f\xcd\xf66\xdaZ\xa4l\xe5\xf9\x9dD\xcf\xf9\xe8\xec/\xcaU\x99\xf8./\x83\xb3\x05o\\\xd6CB\xb9\xe0({\xfc%\xd1\xc7\xc6xd\rry\xc0\xa04g\x92\x8a8g&amp; `e{\xf9\x89\x9a\xf7\xf2\xfd\xcb\x8a\xb3NM\x05\x1b\xa4\xa5y\xbe.\xf4\x0c\xf7V\x83\x88^\xa7\xf2\x7f\xa9\x18\xf7\xd4\x96R\xde\xac\xb9#z\xa2\xb1\xb9\x99\x14\xe8\xa1\xc6B\x9fc\xb1k\xb1\xae\x9d\x82\xfd\xa6w&amp;*vV[\x8bF\xfe\x1a H8\x88\x01\xa3\xd2\x83\xc0\xe5&amp;\xe9\x98\xac\xc9\x9d\xd7\xe0\x81\xac\xe3\xf6\xd0\xf5\xb2-\xb1K\xdf\xb0\x0b\x8fu\xe7\xd4,\xd7\xe</t>
        </is>
      </c>
      <c r="E695" t="inlineStr">
        <is>
          <t>&lt;class 'numpy.ndarray'&gt;</t>
        </is>
      </c>
    </row>
    <row r="696">
      <c r="A696" s="1" t="n">
        <v>694</v>
      </c>
      <c r="B696" t="inlineStr">
        <is>
          <t>steps_per_sec</t>
        </is>
      </c>
      <c r="C696" t="n">
        <v>10000</v>
      </c>
      <c r="D696" t="inlineStr">
        <is>
          <t>10.407728</t>
        </is>
      </c>
      <c r="E696" t="inlineStr">
        <is>
          <t>&lt;class 'numpy.ndarray'&gt;</t>
        </is>
      </c>
    </row>
    <row r="697">
      <c r="A697" s="1" t="n">
        <v>695</v>
      </c>
      <c r="B697" t="inlineStr">
        <is>
          <t>Loss/object_center</t>
        </is>
      </c>
      <c r="C697" t="n">
        <v>10000</v>
      </c>
      <c r="D697" t="inlineStr">
        <is>
          <t>0.2816409</t>
        </is>
      </c>
      <c r="E697" t="inlineStr">
        <is>
          <t>&lt;class 'numpy.ndarray'&gt;</t>
        </is>
      </c>
    </row>
    <row r="698">
      <c r="A698" s="1" t="n">
        <v>696</v>
      </c>
      <c r="B698" t="inlineStr">
        <is>
          <t>Loss/box/scale</t>
        </is>
      </c>
      <c r="C698" t="n">
        <v>10000</v>
      </c>
      <c r="D698" t="inlineStr">
        <is>
          <t>0.10767807</t>
        </is>
      </c>
      <c r="E698" t="inlineStr">
        <is>
          <t>&lt;class 'numpy.ndarray'&gt;</t>
        </is>
      </c>
    </row>
    <row r="699">
      <c r="A699" s="1" t="n">
        <v>697</v>
      </c>
      <c r="B699" t="inlineStr">
        <is>
          <t>Loss/box/offset</t>
        </is>
      </c>
      <c r="C699" t="n">
        <v>10000</v>
      </c>
      <c r="D699" t="inlineStr">
        <is>
          <t>0.17344128</t>
        </is>
      </c>
      <c r="E699" t="inlineStr">
        <is>
          <t>&lt;class 'numpy.ndarray'&gt;</t>
        </is>
      </c>
    </row>
    <row r="700">
      <c r="A700" s="1" t="n">
        <v>698</v>
      </c>
      <c r="B700" t="inlineStr">
        <is>
          <t>Loss/total_loss</t>
        </is>
      </c>
      <c r="C700" t="n">
        <v>10000</v>
      </c>
      <c r="D700" t="inlineStr">
        <is>
          <t>0.56276023</t>
        </is>
      </c>
      <c r="E700" t="inlineStr">
        <is>
          <t>&lt;class 'numpy.ndarray'&gt;</t>
        </is>
      </c>
    </row>
    <row r="701">
      <c r="A701" s="1" t="n">
        <v>699</v>
      </c>
      <c r="B701" t="inlineStr">
        <is>
          <t>learning_rate</t>
        </is>
      </c>
      <c r="C701" t="n">
        <v>10000</v>
      </c>
      <c r="D701" t="inlineStr">
        <is>
          <t>0.0009989727</t>
        </is>
      </c>
      <c r="E701" t="inlineStr">
        <is>
          <t>&lt;class 'numpy.ndarray'&gt;</t>
        </is>
      </c>
    </row>
  </sheetData>
  <pageMargins left="0.75" right="0.75" top="1" bottom="1" header="0.5" footer="0.5"/>
</worksheet>
</file>

<file path=xl/worksheets/sheet6.xml><?xml version="1.0" encoding="utf-8"?>
<worksheet xmlns="http://schemas.openxmlformats.org/spreadsheetml/2006/main">
  <sheetPr>
    <outlinePr summaryBelow="1" summaryRight="1"/>
    <pageSetUpPr/>
  </sheetPr>
  <dimension ref="A1:E701"/>
  <sheetViews>
    <sheetView workbookViewId="0">
      <selection activeCell="A1" sqref="A1"/>
    </sheetView>
  </sheetViews>
  <sheetFormatPr baseColWidth="8" defaultRowHeight="15"/>
  <sheetData>
    <row r="1">
      <c r="B1" s="1" t="inlineStr">
        <is>
          <t>Value</t>
        </is>
      </c>
      <c r="C1" s="1" t="inlineStr">
        <is>
          <t>Step</t>
        </is>
      </c>
      <c r="D1" s="1" t="inlineStr">
        <is>
          <t>t</t>
        </is>
      </c>
      <c r="E1" s="1" t="inlineStr">
        <is>
          <t>t_type</t>
        </is>
      </c>
    </row>
    <row r="2">
      <c r="A2" s="1" t="n">
        <v>0</v>
      </c>
      <c r="B2" t="inlineStr">
        <is>
          <t>train_input_images</t>
        </is>
      </c>
      <c r="C2" t="n">
        <v>0</v>
      </c>
      <c r="D2" t="inlineStr">
        <is>
          <t>[b'640' b'640'
 b'\x89PNG\r\n\x1a\n\x00\x00\x00\rIHDR\x00\x00\x02\x80\x00\x00\x02\x80\x08\x02\x00\x00\x00\x83\xaf^t\x00\x00 \x00IDATx\x9c\xec\x9de\x80\xd4V\xd7\xc7\xcf\xba\xbb\xbb\xb3\xee\xc2\n\xb0\xb8\xcb\xe2\xee\xee\xeeV(\x0e\xa5\xb4E\xdaR\n\x94*\xa5\xee\xee\xfe\xd4\xdd\xbd}\x9e\xca[w9\xef\x87Lf3\xd1{\x93\x9bdv\x99\xdf\x87\x96\x9dIn\xee\xcc$W\x8e\xfc\x0f\x80~|\xf9\x7f\x84\x89\xde@D\x00/\xd5s;\x1a\xb8.\x01\xe9\xa3\\\xfe\xf4o6\xf7r\x1e&lt;x\xb0\x8c\xd4\x11\xc4\x87\xc6\x9b\xd8\rw\xc5/\x7f\xb2\xd5\x97\x8c\x19h\xf5\x15=\x08\x88\x13\xfe\xb1\xfa\xe8\xab\t\xf5K\x01b\\\x0e\t\xefce\x87\xa2\xaa\xe6\xbb\xbePe\xe5\xd5=x\xf0\xe0&amp;\xac\xb9\xec5\xbb\xbb\xd0\xceAD\x80\x1c\xbb{q\xd60b\xf5M\xea\x07 \xa2\xdc\xcbQft\xc6\x83\x07\x0f\xed\x0e\xa3\xa3\xf9\xc0E\xd7\x08\xfe\xca\r*\x9en\xb0A\x0f\xcaD)\x0c\xf8\x1e\xcc \xa8;"\xf6\x99{\x05\xd5IY=\xd6\x9b\xd4\x1d\x0f\x1et\x11lw\x07\x98\xe1\x19\xfe\xb4\xf0\x87\xe0\x1ev\xf7\xa1\xdd \xdeGyn?\x8b\xc9\xe0\xfe\xe7\xba\xc6\xb4\x8b\x0evw\xc0C[\xa5x\xd0v\xbb\xbb\xc0\x9c&lt;\xbb;\xe0\xe1,\xc4\x17\x00 f\x80\xdd\xdd8;(\x1f\xba\x9b\xfb\x07"v\x9er\xb1\xfa\xc1\x888f\xfdm\xe6w\xaa\xbd\xe2cw\x07\xda\x03\xbbo\xf8\\\xf6\xf5s\xaf\xf9\x10\x02\xbaZ\xdb\x17\x0f\x1e\xda\x1f\xa1vw\xe0l\x02\x11\x11\xf1\xc5\x9f\x11 \x9c\xe0\xf0X\x8f\x81\xc2\x83\x1c\xd1\x10\xd1\xd7\xaak\x89C\xf4\xdb#\xe9vw\xc0\xc3\xd9@\xa2\xdd\x1d8\xeb\xb9\xed-n\nF\x80TwZ\xfb\xf8\xd9\xdd\x01Z\x8a\xec\xee\x80\x87\xf6\xc3\x96\xab\xde7\xa7\xe1\x08\xca\xe3\xdd\xcbfs\xe6e\xbc\xe3\x1d\xcf\x06\x80!\x81vw\xc0\x03\xbf\t\x86\xd4\x11\x9e\xdfC\x00\xe5\x16$\xa4\x07@\x899=\xf1\xa0Eh/\xbb{\xd0^\x89\xb5\xbb\x03g\x15\xee\xb5\xdc\xb1\x1d\x14\xf0\xd4\xb7\xedw\xe1\x95\xdc\xb4\xc2cX\xf6\xd0\x96\xa9\xcb\xe8\xb6n\xda\x8e\x07\xf5\x9d\xfc\x85E7\x7f\x8d\xc2\xeb!\x16Z\xef\xdb0\xcd\xd3.\xb5\xbb\x0b\x1e\xac\x03%\\\xf9\x8cg\x92\x02X\x7f\xfcM\xb1"\x87\x07\x0f\xb6\x82\x88k\x8f\xbd\xdev\xb7k%\x83wv\x9fq\x0c\xa0\xc1\xee\x8e\x98J\xaa\xdd\x1dh\x0b$\x0f\xb7\xbb\x07n\xc1\x90\xa5\xa7\x9d\xf3\xee\xcf\x829\xd8\xee~\xb1\xe6\xbf\x88$z\x1a\xa2\x0f\xaf\xf0Ep\xb9\xf6\t\x8c\xba\xe6\xa1Mc}pG\xa5;E0\xc8\x83\xca\x8f\xdb\xc857\xb7\xc3\xf1E@\xfb\xfet\x1e\xd8\xf2)""^\xf3\x1f\xbc\xec\xe1\xdf\x01`\xdf\xcd\xffm\x9fs0\xf9G\xfa\xba\x9d}r\x0f\x1e,G\xfdYs\xcf\xc1\xe5\xa2\xbb\xbf\xb7\xbb\x0b\x1e\xce:&gt;\x17M\xb7\xfe\xcd\xeds\x02Nl\\v\xc9\x03\xbf\xd8\xdd\x0b{\xc9\x10\xfc\xbb\x98m\xd3\xde9\x13\xd86\xe8\x96\xb4\xb9xu\x0f4\xa4\x8d\xb4\xbb\x07\x004[\x05\x0f\xed\x00\xf1\x04\x0c\xd0}\xe61\xcb\xef\x01\xb7\x10\xd73.\xf8\xec\xd6\xa1}D\xbfh\xdc`]m\xfb\x9d\xc5C\x86[\xdc\xbbm\x90\x8a\xb3D\x0c.\xa9q9\xed)\xe7\xdd\xf2\xbf\xe0\xe2\x19ft\xc6\x83\x08\xdb\xbf\xe7\xac\x1e\x1b\x10\x11\xc0_\xf8""\xfei\xfb\x04\x1c`a\x15\xbe\x84\xfa\xa5qu\x8b\xad\xbb\x1e\x0b\xbeB\x04(\xb0\xf6\x9a\x9e-\xa0\xd9\xa4\xd9\xdd\x01\xe6(\xb9\xab}\x07.\xbe\xd6\xd2\x8e\x18"\x01 _\xf9\xdd\xb0\xd4.\xab\x94\xde\x93Y\x9bz7i*&lt;\x7f\x89\xf8\xca\xef\xee\xb7\xa8\x8d\x1f\x02\x90dw\'4\x10n\x1f[\x96_\x8f\x88O|\xcd\x85.\xba)\xef\xbb\xeew7\x9ex\xfb\xb9\x1f4\xe3\x90L\'\xbb\xc7\x06\x8b\xafH\x9b\xb9o3\xc7\x1f\xfb\x0b\xa0\xd6\xee^x`\x8bE?\xa8\xf5.\x83\xdc\xde\x9b\xc4/\xb9SNsX\xd9l\x95w\tL\x82\xaa\x86\x90\x90\x9e\nod(\xbc\xceQ\xa1\xfa\xae\x07Y\xb2E&gt;\xd4\xb6\xe1R\x8d\xe8\xbb\xe4\xa2\xe7 y8$\x0cy\xfd/\x97\xae\xba{\xcf=xp?\xdc\xd4\x19\xd1s\xf6\xf1\xc8\xcay\xc2\x8c\xc3e\x87\x9e\xb7\xbbS&amp;Q=h\t\xa3\x1dv\xdc\xe0\xf0\xf29\xc6\x9a0i\xd7\xe8\xaf}\xc8\xd9\x07wc\xdf\xf8j\x9b\x9a\x80=\xb4\x1f\xfc:[n\x9a\xf6\xa0\x13+\xc7\x05T\xe6\x7f\x88\x10\xd5\xdf\xb2\x9e8\xf0jt\xcf\x1bU\xf4\xa3x\x86\xef\xb6\x85\xf3\xf7\x12n\x82\x8f&gt;\xfc;\xff~\xa5\xdcI\x1e\xe7\x9a\xdb\xb3\xf3\xfaO!\xda\xbc\xc2U\x9erlg\x1f&gt;\x9d\x12\xea\x97Zs)\xd1\x8c;s\xd7\xc3/\xfc\x8cC\x96\x9d\x06H\xb6u\x8b\x10`\xc7Eu\x10\x02\x00\x00\xd1\xee\xb9bp\x13R:\xaf4\xa7\xe1\x10\xda\x13\xa2\xaa\xe77L8\xe8\xfc\xb3\xf7\x9c\x93\xea\xc7\x8b\xac\xbem\x8aH\xbb;\x00\x00\xe0\xa5\xf7\xc4x\xee\x7f\x04\xb1p\x01\xdf#n\xbf\xeec\x1b6\n\x1e\xda-\xb9\xd6\x18\xabE\xb3\xaf\xe4\xfdD\xfe\xf5\\\x0b:c\x18\xc2\xcdJ\x95\xd6\x01\xceA\x83\xfa\'\xb8\xe0\x8eoiO1\x97\xac\xb1\xf6]\xdb\xcf\x8dWQ9vw\xe0\xac \x0e\x11\r\xcc\xc1\xdc\xf2\x8a\xe4\xa961JK=\x06D\x8e,\xe5\xb7\xe2uu\xc1\x88\xb0\x97\xaf\x81s\xcfVBz\x02T[p\x1d\xe7\xbc\xbb\xf1\xe4\xdb\x9aG\xae8\xf2\xa2\x05]j\xf3\xf84i\x1dQfE7x\xd6]\xfe\x86\x95\x97\x13\x82\x88E\x03\xb7\xdbuu\x0fnH\xb49\xcd\x9a\x9c\xb3\x98\xa9\xbe\x86\x95FK\x96\xa9X\xc3\xca\x87\xee\x9e\xbf\xff\xc9\xa1\xcb\xcf@xo\x9aN\x04\xd1\x1c\xecA\'|\xc2\x9b\x15\t\xc4\x0b\x0e&lt;\xdd\xba\xf1\xd5\x12\x9a\xd8x\xf2mD\xd4\xbb\x803\x0f\xc5/\xcam]\xb3\xf5\xe3.\xb2\xe4:\xed\xbb\xa4[\xfbK\xc9\xf3\xe0\xbe\xa8\xc8\x80\xe8YMGW/\x00\xc8w\xdb\x11\xca\x835\xb8Z\x9e\x15|i~]\x1c\xff\xf0\xef\x82\x88\xc5\x83vX\xd6=\x12\xf2\xfbmUz\xcb]\xc3\xa3B\x13\x1a\xacq\xed\xb7\x8d\xccI\xe9oT2x\xa7-=\xf1\xe0\x81\x1e\xbf.n9\xcaxpw$\xae_y\x17\xafp\x1ak\x9cp(\xbdy\x8d\x85}l\x9f\xf4\x9dw\xca\xee.x\xf0\xe0\x81\x8c\x7fUv\'\x00\x00\xf0\x0f\xa2\xaa\xd3\xd7\x83\xfb\xe0V\xf6[?\xf1\x1c,\'/\'\x9c\x80mW\xe6\xb3\x9c0\xbb;\xe0\xc1}H\xb1\xef\xd2I\x1f\xb5\x83]V\xe1\x80s\xed\xee\x82\x1e\x06.\xbe\xc6\xee.x0\x08\xb9\x90\xb8\x0f\x00\x9cx\xe2\x1f\x80Z\xf0\xd6\x8c\xe51\nJP:\x06\x00\x00\xfcW]\xfa\x8a\xd9]\xf2\xe0\xc1\r\x19\xb7\xf1N\xbb\r\x8dn\xb5v\xa7\xa6\x1a\x00 u\xa4\xdd_\xa2\x07r\xd4u\xf8&lt;\x18\'Yn\x02\x96\xe6fT#"@2\x00\x84\x96\xcd:\xe8\xa9\xca\xe7\x81\r\x99vw\x80\x96\x12\xbb;\xd0V\xc9\xf5\xca\x1e\x07\x00\x00a\xc6&amp;`u%\xdel\x03-{\x90\xe0\xd79\xb4l\x96\xdd\x9dhSx7Ioo\xf5\x1b^:\x01+\x1c\xefX\x0cM&lt;\xe7\x9e\xaa\x11\xe7\xb1\xe9-c\xea\\\xffl\x13)\xcb\x1e\xdc\x848\xd3Z6^C\x8f\xc3\xd2\xbc5\x00\x00(f/6^2d\xa7zBp\xc3\xf8\x8b\xb4"\'\x15\x1e\xec\x98\x81\xb6?\xf3+\x8e\xbc\xa8:\x86\xb61:M&gt;\x82\x88)\x9dLR\xcfi\x97T\xc9\xfd\xf4j\xdaL\xd2\xd9w\xdb\xb5\x1f\xab\x1c_3\xea|\xc3\x9d\xf4\xe0\xfe4\xd8\xdd\x81\xb3\x8a\xb3F\xe5\x10\x11!\xb2\x9f\xfa\x01\x06&amp;\xb0t}\xbd2\xc8\xf1\xc7\xffF\xc4\xbf\x04chr\xa7\x15\x00P&lt;h;\xc4\r\xdes\xd3\x97\xef\x9a9\x1f_\xf2\xe0\xaf\xe65\x8e\x88=g\x1d7\xaf}\x0fd\xdb_\x0f\x1e&lt;\x98\xc5\x13_I\x1f\xba\xf0\xa7\xff\x0f\x85\xc2\xc6%Cv\x1a.\xf8\xe1\x06({\xb9\\\x0e\x90\x0cC\xa17\xbc\x82\x00\xa9fwO\x07DCgx\x1f\x86ck@\xc1T&amp;\xedxp\x13\x14\xe6`V\xfe\x14\xebMg\x1e&lt;\xb4u\xea!\xa2\xaf\xf0\xef\xcc\xee\xeb\xec\xea\nc:M:\xa2\xf6\xb6\x7f3"\x02\x14\t_\xe3F\xa5\xa2\x81\xdb\xe4N\xe8\xc8\xb2s\x94\x08\x07\xcd;\xde\xd1v\xf5\x19\xb8\x94HKRSG\xd7C\x9b"\xb2\x9ft\x1a\xbe\xe95\xee\x86Ix\xf97|\xedO\\x\xe0i\x9b;\xe9\xa1=\xd0\x86\xe4\x97\xad\x901\x19\xbc\xf4:\xf5\x032\xbaY?\xf5\x8a%\xc6\xdeC\xbc\xef#+lc\xf2\xb9\xb6s\xf6&gt;\x8e\x88\x96\xd5\xa5!\xa6V\x8f\xe5PC\xd2\xd2\x83-d\x9a\xdc&gt;\xd1P"\x9d\x83\x8dX\xa7\x87\xae\xb8AWW=x\xd0\r\xcb\xca%\x88X=\xd2\xf4x\xc3\x1e3\x8f\x99}\t\xe3\xf4\x9cu\xdc\xe3\x9c\x12\xe3:2\x92nI\x11q\xe8\x8a3\xa6vL\x81\x06\x80&lt;\x80P;.\xed\x81t`z\xeb_\xf9\xa9\xf7\xcd\x7fp\xc2\xe6\xbbM\xed\xa2\x07\x0f\xa6aRxl\xac9\xcd\xba\x1fQ\xfd\x10\x11 \xc9\xee~\xb8\x13g^n\x1d\x1f\x05+5MGu\xb9\xe6Z\xa6\xe3\xd8\x0b\x8dwOB\xf6S\xdfz\xd6P\xf6@\xb5z\x95\xf85DY\x03v\xfa\\\xec\xc63\x00\xd9\x8ey\xf9BVS1|ohi\x9bI\xb3,\xe8\xdf&amp;5\xac\xccb\xca\xb6\xfb\x85\x03e\xd3\xa4\xc3$gy\xe7\x8c\xe7\x8e\xff\x93\xda\x9e\xe0)&lt;\xd2\x86\x89\xac\x9c\x97\xd4\xb8\xdc\xee^x8K0\x9cT\x932B\xee\xd5 \x00\xd8t\xc5;\x16\xc8\xc3\xa9\x80\x88\x8d\x13\x0f1i\xaa\xd3\xa4#mJk\xa8\xd4\xee\x0e\xb8\x13*\xfe9\xd9\xda\x9f\xb7\xbd\x85 \xb6ZW*\xb4]L\xd9\x97\x1a\xc1\xf4LXt\x99\xb6\xaca\x99iE$\xcf\n\x86\xad\xbc\x01\x92\x86\xda\xdd\x0b\x0fg+Q\xfd%/e\xaa\x1c\xfe\xd47\xca\xdb\x83\xcc\xb1\xf6\x16\x17g\xea\n\xadPXj\xb8\x03\xea\x92Sv\xc0\xcd[\x8f\xfd\xd71\x81U\x8d\xd8g{g$sp%\x00@p\x0f\xd9\x83\x1b\'\x1e\x12\x1e\xfc\xca\xef\xac\xee\xa4@\xc8\x18\x03\x99c\x18\xb5&amp;\xc3\xe4s\xef\x0b(\xb4+\xf7\xc9\xdf\xa6\xeb\xb2\xa4v\xf4\xd9\xa2\x9e\x11T4\xdd\xee.\x9c\x8d\xec\xbb\xf9\xbf\xcaJ\xc5\xe9L\'\xad\xb3\x85\xf4\xae\xeeXs\xcc\xa6\x9f\xd2\xb7\xb3\xeb&lt;W\xc0\xfdc\xe9\xc1\xff\xd8\xd1\x1b\x00\xe5\x80\xd5\xf2\xa1{Z\x0f\x8a\x1d\x04\x90\xa6t\xe4\x99\x97X}\x95\x16\xc8\x8f\xa8U\x82j\xfb(y\x16ee\xadd\x98\xb6\xe3A\x82\xa3\xdan\xc0H\xdb\xed\xf9YB\xd8K\xbf\xe2\xf3?\xc9\xdf\xab7\xbd\x86\xee\x13\x0f\xcf?P\x06\xc7\x13S\xea\xce!"@\x8d\x19-\xbb)\x88\x08\x90@p\xa0\xbf`\xeau1\xcfv\x9er\xb1I}\xd3DiZ\r.q\xa9\x16\xb7\xec\xf0\x0b\xce\xb7~\x96\x1clW\xe7=\x90\x80\x88\xdf{~#\x0f\x1e\xd8\x12\xd0\xb5\xd5\x00\xee\xdd\xa8\xab\tO\x85J\x16\x10NB\xce\xe9\xea\xda\xe7\x11 \x1b\xa0\xde\xf5}5\xa1]\xf3P\x9a\x80\xa5G\xbe\xf8\x0b\x0e[y\xe3\x89\'\xfe\x11\xae$\x10q\xd9\xa1\xe7\xad\xef6\t\x81\x85\xd3*\x86\xed\xb5\xbb\x17n\x80O\xa7\xf5\xc7\xdf\xd4sbPw\xd6]\xf1\xe0\xc2u/\x9c\x9d\x0b\xa30\x80p\xbb\xfb`\x1c\xcf\xf4IH\x0c\x00\xe8\x1c\x82Hp\xccXa\xbdH\x0esr\xe4\xbe\x9f\\\xde\x968\\\xad\x81|\x02\x06\xbf.\xcf~\x8f}\xe6^!:\xeb\xaagM\x19Dbj\x17\x02\xe4J\x96)\x1e\xf4\xd0\xa1\xef\x16\x80d\xbb4\xc6=(\xe1QcU \xc0cWkg\x8cY\x7f\x9b\xbd\x1d\xa8\x13\xcdps\xf7=\xc1\xbd\x81\x88\xd3w&gt;dW\xb7\xe4\xe7]\xff\xe6\xc0\xc2i\x92c\x93 \xa0\xab\xf4Dn\x81c\x0eY\x11\x15s\xd9\xb6\x88\x88QU\xf3\xd9\xb6\xe9\xe1,!\xb7\xf7&amp;\xbb\xbb\xe0\xc1\x83\x07-\x16^\xf0\x8c\xf4E\xe1&lt;\'\xd4\x90\xe2\xa7\xb1L\xeb\xfa\xa7\xd0+\xe7\x04\xfc\x9b\xcb&amp;X^\xfc\x88;&gt;\xbf\xdfVv}\xb1b\x7f6x\xc9u\x00y\x00\x81\x16\\\xcb\x83\x07\x0f\x1e,\xc2\xa7\t\x00|;L\xb2\xec\x82\x87\xee\xf9\x81\xf6\x14\x8b\x0c\x1b\xbdf\x9f\x90\xbdv\xeb&lt;\x971\xc6)\xc5\xf2-\xe2\xae3\x9f\x01\xa4X\xd13\xd5^\t\xbe\x9db\x80r\x92\x13\xcd\xee\x1e\x00\x00\x84\x15\x0e\x90-_A\x88\xac\xf4G\xbe\x81\x06\xdd\r%yH\x8f\xc1\xb9}\x90\xe5\xb1\xc7zh\x1f "\xab"\x02A\xaa*\x102\t!\xd3w&lt;\xe4\x9c\xe7\x16_\xf8\xac\xb0&amp;\x92O\xdeD&amp;}\xd2\x87p\x02&gt;\xf5\x14\x92D\xf4\xcd\xd9\xfb\x18"\xfee\xd5\xb8\x80|eb\xbdH\x02\xdc\x12\x86\x18h\xadm\xe0\x19\xb5\xcd\xe0};\xbeUD&lt;\xdbs\xa8\xcc\x94\x07`D\xb5\xdd\x1dpG\xa4&amp;\xd2\x8cnk\x99\xb4\xac\'\x04n\xf4\xba[\xef\xfd\x88\xdb8\xfa1\xe9\x04\x13D\x9b\xe0\xfaq\xaa\x02\xceq\x83\xb9\xc3\xecp\xaakl[W^\xf22qS\x84J[,\x19\xbf\xe9N\xeb/\xea\xa1]\xe0\x8e\x15\xc4\xadg\xc0\xa2\xab\xf5\x9c\xe6Z\x10\xd7\x18mBI7\xd9\xee\x0e\xd8\x8cRPR\xf2\xd0\xe5\xb6\x94\x0f\xd2\x06%\xc8\x1e\xd60\xe1 \xffn\x91\xec\x01\xf6\xe2\xd9\xf3\t\x08\xb6\xbb\x03\x1e&lt;x\xf0 \xc2\n\xbf\x98\x926\xb2\x9b\xe3\xab4\rW\x0c\xdb+|q\xf5\xa5\xaf\x98q\xf9\xa4&amp;\x8f\xca\xbfq\xdcOy\xd5f&lt;u\x87\xda\x0fe-\xbb\xed\xee\x82\x07\x0f&amp;\xb3\xe8\x82g\x84\xd3\xede\x8f\xfc\xa1\xb53fc\xce-k\xd9\xc5\xa4\x1d\x1a\x8c\x06\xbe\x99\xb0\xe76$P\xe0\xb1\x01xp{\xf4\xfbJ\xd7\x1e{\x9da?&lt;X\xcf\xd4m\xf7\xdb\xdd\x85\xb6E`7\xf5\xf7=#\xbe\x04\xda\x02MliCU\xc9&lt;\x18\xc1\x1d}@fP\xd0\x9fa\xa2#\x03\x12\x1a\x96\xda\xdd\x85\xb6\x883|\xc7\xa2\xe0\x9b@\x80:k\xaed/#V\xdfdw\x17\xdc\rf\xd1\xaa\r\xe3\x0f\xb2j\xca\x04\xce\x8a\xdb\xdb\xcdP*\x13\xd4\x9eIl\\fw\x17&lt;\x18\xc7&lt;\xb1&amp;yT\xabd$\xb4@\x90\xda\xce\x12\x11\xc1\xbf\xb9\xad&lt;o\x1bO\xbemw\x17\xf4s\xfb\xdb\x0cw\xf0\xd9\x00@V\x96C\x96\x0e\x06/\x9f\xd9}\xbd\xc1\x16\xc8\xd9q\xfa\x13\xcb\xae\xe5A\x81\x08\xbb;\xe0\xc1C\xdb$\xaaj&gt;@\xb2r\x8dX\x1f\x80Z\x80\\K\xfb\xa4\x9f\xa29\xfb\x1e\xb7\xbb\x0f\xfa\xa8\xbb\xef#\x1d\x13\xb0\xbc\x9b6\xbc|6[9\xb3\x15G^\x8c\xaa\xd6\xa1\x9a\x19\xca\xb0\x0f\x1e\xdc\x99\xd9{\x1e\xb5\xbb\x0b\x1e&lt;\x90R;\xe6\x80kY6\xc6\xf5\x87t\xb8\xdf\xdaC\x91vs(\xb1\xbb\x03\xd4\xcc\xda\xfd\xa8W\xf68\xcd\xc3\x06,$\xcde\xdc~\xdd\xc7:\\\xeci\xcd\xab\xabG\xeeWx\xd3W\xfcB\xcc@\xd7\xbf\xdbA\x8d\x1a\x0f\xed\x1fD\x1c\xbb\xe1\x0e\xbb{a\x03J\xc5\x92\x99\x12\x11T&lt;]\xf0g\r\xa1j\xc5\xb1G\xffT}\xdf\xd7\xb8x\xa2h\xfc\xcaoY~\xbdW\xf6x\x00P\x8c\xa7\xf5o6r\xbd\xb3\x98h\xbb;@OB\x0b\xa4\x0c7\xa9\xc86\r\xf1\xe1\xe5s\x00\x02H\x0eu&lt;\x0fY\xceuC\xd9\xd9\xae\xb8\xe4\xa1-\x80\x88\x05\xfd\xcf\xb5\xbb\x17g\x05\x97&gt;\xf4\x9b\xc2;.\xe20\xfe\xf9\x935\'\xd7Qko12\x01\'\x81o\'\xe1\xdf\x87\xee\xfd\x11\xa0J\xf5\x14?O\x90\xf0\xd9D\x1c\x84\xf7\xa9\x1b{Ah\xd9,\xbb{"%@!\xfe\xb0\x8d\xe6\xac{8+\xb8\xe6?\xea\xe3g\x8dE\xfd8\x8b\xc8\x13\xbf\x10\xaaQf\x97\'\xfcCS\';\xff\x82)\xe7\xdf\xfe\x8d\xebk\xa5&amp;^\xcf\x0c\x92\x87\xdb\xdd\x03\x0fv\xc1\xd8\xdd\xe2\xc1\x83\xed \xa2g\x05\xe9&gt;\x98-\x93.\xf1\x9f\xe9\x84\xc86\xe8\xc1\x83\x07\x0fR\xc8c\x08\xda\'!=]\xffV\xb7Azh\x03Xf\'\x0el\x9f:\t\xf1C\xe2;.\xb1\xbb\x13\x00\x00)\x9dW\xda\xdd\x05;\xc8r\x89\xfc\x8a\xaeYHs\xb2\x9e\x9a"\x1el\xc4\xe3\xd5\xf2\xd0\xce\xe82\xe5\x12\x06\xadl\xbd\xfa\x03\xa5\xb7\x10\x11\xe2\x06\x05\x16N\x1d\xb3\xfe6\x87\x91=\xb8;\x83K2\xc6H\x8d\xfazf\xbd0\xc0Wmol*3pn\xb9#\xaa0K;\xf4Z\t\xcfh\xae\x17\x8f\x1d\xcb=Il+\xe9\xd1R\xe1\xfd\xca\xe1\xfb^\xf8\x19!\xa0\xab\xdd]\xb3\x02\xe1\xc8\xe3\x97?\x99E\x93\xf1C C\xbeh\xe5\xbc\xfdO\x82og\x80\x12\x08\xee\xc1K\x15\xda~\x97\xc41m\x8d\xa5\xd0I\xe1\x80meCwCT?\x86m\xb6?\xd4\xebV\x01@`\xe1T+\xfbs\x96\xd1\xd1\xee\x0exP\xc2j\xd1%J\xa2\xfa/\xbcJ:\xfbJ\xaa\xe0XoZo+\xb2\x13l\xc8\xb4\xbb\x03\xee\x8c\xbb\xa4G\x7f\xe4\x90$\xb3\x1e5k\x84\xe8Y\xbd\xfaY\x999\xd8x\xca\x9d\x07U\xac\xa8\xaaf?\t-v\xf7\x80\n\x8b\xa6\xde\xc2\x01z2\xa0\x92\x9a\x96\xff\xa29\xf1\n\xf8\x1a\xd1\x86\x910q(\xa3\x86\xa2\x8dT\xdd\xb0\x06U\xb9J\xf6\xf8\x01DY{E\x9d\xc4\xd5-\xb6\xbb\x0bnN\x82\xdc\x92\x19\x00\xe0\xae\xf7\\^\xcc\xee\xb9\xc1\xde\x8e\xb6_*t\x9du\xd6\x15i\xf6\xed0\xc9\xee.\xb0\xe7[=K\xdbr\x9a\xc9W\xfah\x1b\xd5\xa9\xf5 \xc5\x87YKID\xcb\x96\xaa\x11\xfb\x98]\xd1L\x8e\xdc\xff\xb3\xdd]\xb0\x93\xe4\xa6\x15\x9a\xc7(M\xc0\xa2\x17\xef~\xdf\xb3\t6\x87\xc8~:\x8cX\xb9\xbd7\x99\xd0\x15\x0fm\x80\x83\xf7\xfc@2\xd7\xfe\x8a\xb8\xf9\xd4\xbb7\xbd&amp;\xfft\x9b@\xaa\xf6!J\xc4\x0f\x01\x806\xa9\x98\xc4\x9aB3\x7f!\x0f*\xb0\x8a\xc4\xa1.\xd1%z&gt;\xaf|F~\x02\xf6\xf8\xd1Ycp\xd1\x9c"\xf4\xb4\xd5\x8d\xb9\xc0`o&lt;\xb8B\xa4\x98(\xc1|o\x82w\xe3\xab\x7f\xa0,O~\xdd\xfa\xef\r\'\xdeB\xc4\xa0\xa2\xe9\x00\xf9\xddg\x1c\xb3b\x0e\xf6j4\xa5Y\xab\x08\x07HSx\xcb\x84t\xa3\x88&gt;\xec\xdb\xf4\xa0\x07\xe6%-\xa9\x9d%\xeb\x8f\xbf)\xfbd\xf6[p\xe5\xdc\xf3\x9e\x00\x03&gt;\xe0\xbc&gt;\x9bu\x9c\xd5\xbe0\xb3\x9aE\xe6\xd8\xda1\x07Ll\xdf\xbd\x88\x05\x00\x08w\xeb\x81\xcb7o\xa2\xc9W\x08\xdex\xf2m\xe9\xd4{\xd7{\x08!= \xa8\xdb\xf9\xb7}\x8d\x88G\xee\xff\x19\xa0\x1e\xc2z\xb7\x9e\x97:Rx|\xe3\xc4C&amp;\xf7\x13\x80iZ\xc4\x1b\x7f\x9b\xbc-\xcc\xed\xed\x19\xaa&lt;\xd8\x06\xf7X&gt;\xf0\x89\xf0.\xf7\x85\xe0\x1e\xb6u\xa8\x1d\x11\xa3\x96K\xddj\xb5;\xff\xb6\xaf\xc1\xbb\x89\xb6\xf1\xb4\xe65\xba:\xe5\xa1M2i\xcb=\xb2{\xdf\xc0\xc2i\x8e#\xbc\x9b~E\x84\x84!\xd2s\x93\x1a\x97\x9b\xbe\t6D\x90\xca{\x16TGM6\xfb\x02\x1e(\t\xb4\xf6G\xb1\xb9n\xc1\x8e\xd3\x9f8\x1fKO\xe4\x1a=\x8a\xdav#V\xdfDr&gt;?,\x1ap\xa41\xe6\xac\x0b\xf2r\xf3\x82\x8cA\xc5\xd3eg\xdf\xa9\xdb\xee\x07Ht\x1c\x948t\xfd\xf17!m\x14\x00\x00D\x8a\xe2\xfb~\x14N\xc0~]\xcc\xea\xa8d\xe1^6t\xb7\xc1&amp;\x7f [1\x94\x0f\xdd\xcd:\'\xd6D\x9c\xc6O\x85\xe2K\xca$5-g\xdb\x15b\xf49f\xe2\x19\xf7\xa2\r!.\x11\xe8\xc1\x14\xe6\xee{\\v3Z4p\x1b\xe1n\xa3p\xc06D\x8c\xae^\xc0\xbak\xee@\xf4\xd9\x96\x18\xca\x9c\x84\xfa\xa5\xb2\xb3\xef;\x88\x90\xc2\xc9\xf2;\x13ar\x9cg\x15\r\xdc.\xfc3\xbf\xdfV\xbb6\xc1\xd7\xbd\xe0\x86{nw!G\xf4w\xd7iGm\xe9\x07\x19f\xc4\xd0\xbb\x99\x14\x11\x9bB\x17\xbe\x00\x05g\xf5\xe2\xc3~\x8a\xb9X\x18\xe2\xe3S\x01\n5\x0fZ}\xf4U\x80b#\xdd\xb2\x1cO\xa1!\x83\x14\x1d\xb8\xfd\x1b\xd9\t\x18\x11\xaf\x7f\t#\xab\xe6\x01D\xca\x9f\x9a5v\xc0\xa2k\x00\xca\x00\x12\x00\xea\x87.?\xc3\x9d\xf5\xa5\xa5\x13\xb0\xef-o\x90^\x0e\x11\xbds\'\x00\x14xn\x1b\x15\xcc\x9b\xb1\xbc\r\x9c\x9b\xd0\x1e\x8a\xc0\x07\xb1\x11\x16\x8d\xaeY\xd0o\xc1\x95L\x9a\x12\xf2\x1eb\x96\xf9\xfe\x98vC\xc3\x84\x83\x8f\xfdWv\xe8i\xc37*\xf5\xe6\xc9\xdf4k\xe7\xd9B\xba\xd2\xec\xcb\xf1\xfcO(\x1f\xab\x1b\xdcC\xb0\xdf\xcd\x01\x80a+o`\xbe\x03F\xc4\x01\x8b\xaeV\\\x01\x00@T\x7f\x8b7\xdcm\x95\xe3\x8f\xff\xa5\xfa\xbe\x91\xd9\xd1\x83\xf5x\xb6\xbf\x1e&lt;\xb4y\x92\x9bV\xa8O\xc0\x88\xb8\xfa\xe8\xab\x10\xde\x07\xfc\x9b\x01\xb2\x06,\xba\x1a\xc2\xfb\xc4\xd4,\x84\xd8\x81\x82\xe96\x1f\xbc\x1a\xde\xb5\xc9\x04\xdds\xf6q#:\xf3nCk\x9cd\x98\x9c\xef\x96(nb\xfa\x8e\x07\x1b\xc6\x1f\x94y\xc3\xab1\xaf\xcf9Jgu\xe8{\x0e"v\x9bq\x19qQ\xe5\xf6\x85\x824\xf7\xd9\x87\xc5\x9ak\x1e\x8c\xe3.j\xac\x94\xd8\x1c\x96\xe8&gt;\xac&gt;\xfa\xaa\xe6\x04\xfc\xea\x1fX5b_B\xc32g:k\xd7iG\x85\x07\xac\xbb\xfc\x8d\x8a\xe1{\x85\xaft\x9e|\xb1\xbd\x9fK\x0e\xdb\xeb\x1a(S\xd0\x7f+\xfd\xb2E\\!.\xac|\xb6\xecq\xce_%\xb1qYH\xe9L\xd1[\x01\x05SmY7\x9d\xadp\x16\xfe\xb3C"\x981\tvw\x801\x88\xb8\xf8\xa2\xe7\xec\xee\x05{|\xf34t%\xcb\x87\xee\xb1\xa6\'\xee\xcf\xaaK_!\x99\x80\xf3\xfbm\x11\xc6\x00\x8b\x0e(\x1a\xb8=\xaaj\xfeG.;`\xcd\xf0\xdbZ\x95\xf7jF\xed?\xf6\xe8\x9f,&gt;\x9f\x93\x0c\x80:\xa6\r2\x85K\x02\x03(\x94\x86M\xd1\x90/\xfb\xaa\xe8\xd7"|\xab-\xe0\xd9\xb1yh\xc3\x84\x94\xcc\\y\xf1Kv\xf7\xc2$\xa8\n\x1e\xa8\xe5\x89\xb6o:O\xb9Xs\x02\xfe\x11\xb1\xfb\xccc\xe0\xd3\xe4T\xa4\x1a\xb2\xecz\xe7\xbb\xa1e\xb3\x00\x00\xa0F\x18\xcce\xe3\'R\x85\x9d\xac2s\x18}w\\\xc1]\x97\xcd\xbe\xf0\xb7\\\xe2\xb2\xe2\xf6;\xf1\xc4?my\x02\xf6`\rfJ&gt;yh\xab\x88-p\xaeP-\x8e\xcf\xde\x98\xd8\xaa\x11\xfb4\'`D\xec3\xef\n\xe1Y\x88\x08\xe0\x0b\xfe\xcd\x00\xe5\x8e\x97\x82\xba_\xfc@k\x15%\xc3\xfd\nf\x9b,\xbe\xe6\xb2\xd7bjUTk\xec\'\x03\x00&gt;@\x9c\xb6\xfd\x01\xc3M\xf9\x8a\xaa\x90:\x7f\x95w\xe4~\x98\x17~\xf6L\xc0\x1e&lt;x \'\x8f\xe0\x98\x12\xd3{\xd1.\xe8;\xef\xd4\xe1{\x85*\x1a2\x94\x0e\xd9\xa9x~\xd2\xb0q\x1b\xef\x84\xc0n\xf9\xfd\xb6&lt;\xf4\x99p$7T\xfc\xe0\xea\xe7\x18\xcf\x05\xee?\xb9\x98\xa8\xf1\xe1\xfcUN&gt;\xf1\x8f\xf4\xdd\xf4\xaek\xb9w\x8f&gt;\xfc\xbby}\xf0@I\x91\xdd\x1d\x10\x92mw\x07\xdc\x04EI,\x0f\x1et\x127\x08\xa0\xe8w\xe5\xd9\xf7\x0bD\xf0nB\xc4\xbd7}y\xe4\xfe\x9f\xf9\xf9U\xe4O\xf5\n-\x9d%&lt;\xcb`\xa7jG\x1f\x90}\xfdgD\xa1\x86`|\xc7%\xadB]\xaat\x99z\x89\xc1.Y\x80R\xc1\x06\xa38\x7f\x15\xa5:\x83\x88\xb8\xf3\xfaOM\xba\xfaY\xce\xdac\xafW\x0e\xa7*\xef([\x9fC[\xc3\x01\xa0\x80\xe6*m\x15\xef\x9c\tvwA\x19\xdfN\x86\x8a\xbdg\x8cf\xd7\x95\xb3\x8e\x88\x8a\xb9\x82\xbfJ%\xef\xbb\xb5\x9by\xc6\xce\x87\x94&amp;\xe0\xe2A\xdb!\xac\x17"\x06\x15MC\xc4\xdb\xdf\xc6\xb8\x8e\x8b\xa5z&gt;\xd5#\xf7;Oy\xedO\xb3\xb6\x9b\xaeS;q\xbe{HO]W\xab\xd0u\x96\xfb!Z\x19\x95\xb5\xec\x12\x1d\xb0\xec\xd0\xf3\xad\x7fD\xf4\xf5\xca\x19\x0f\x00\x00\x81\xa6\xf4\xc6#\xa0\xe8\xc1\x00\xbf\xba\xb5-\xab\x9a\x85\xa9\xcd\xb3\xcf6\x01\xdf\xcev\xf7@\x8d\xf9\xfb\x9fT\xde\x03\xe3\x86\x13oABK\xaf\xd9\'\x10\xb1\xcb\xd4K\xa4\xe1\xc4\xa9]V9\x0f^p\xfe\xd3\xb6|\x04%\xbe\xd0\xb5)\x0f*\x9enR\x7f\xeca\xca\xb9\xf7!"@-"^\xfd\x1c\xf6\x9d\x7f\xca\xee\x1ey\x10\xd1\xderl\xcc"np{\x17\x1fv+\xef\x83\x85\xa4\x8e\xb4\xbb\x07\xf6 \xac\x19\xaaD\xdf\xf9\xa7\xbcs&amp;\x1c\xbc\xe7\x87\xaf\x11S\xbb\xac\x12\x9c\x1d\xb4\xfd\xba\x8f\x9d\x87\xf9\xe4\x9a]3Q\x04\x95\xa7\xb9\xd2\x8a(hcK\xe0hD\x04\x88b\xd6\x1b\x07b\x03ft\xcd\x02\xcfN\xd4\x83.\xca\xb5\x0fQ\xc3\xf8\xbd]\x03\xf12\x15\xd9&lt;x0\x80\x19*\xf4\x14p\xd3\xe7\xf8MwFU\xcf\xef\xb7\xe0\xca\x9f\x14\xa6\xe1\xbf\x11\x7fD\xec4\xe9p\xc5\xb0\xbd\x888v\xc3\x1d\xc2w\xc3\xcb\xe7X\xd0O\xfe\x9f\xea1\xf0\xf6\x81\x88\xbe\x1d4\xf2\xd0\x15\xf1\xed\x8c\x88W=k\x8d\x91\xcd\x8duI&lt;\x9c-\xe4x4P=\xd8\x8a\x9f(g\xc4\x89R \x92I\x8cZ{\x8b\xe0\xaf\xaa\xdb\xdf\xd6\xdc\x15\xb7\xf2\xdc\xf7hL@\x82\x08D\xfc\xd4f\x07\x10A&gt;\xa4\x0e{\xb7\x93\x98\x9a\x85\xfc\xe9\xf2\xf7\x84\x80H}\x97\xf0\xe0\xc1}\x08+\x9b\xed\x1a;s\x16a\xccT\xe6\xa1\xddS&gt;}\xc7\x83$\xb3\xef\xc857[\xd3!D\x85\xb2\x10\x00\xd6,\xa3g\xed~D\xfb\xa0\xc2\x01\xe7^t\xd7w\xba\xb3\x98\x87\xaf\xba\xb1e\xf9\xf5m\xba\xa0\x8a\x07\x0f\xe4$6.S~\xaa\xdb3\x9e\t\xd8\x83:\x15\xc3\xf6~\xae:\xf5\xbaS\t\x04\x83\x9e)%\x04\xb1\xeb&gt;M\x9eG\xc6\x83\x07\xe6\x98\x98\x01\xef\xa1\r\xd1F\x86Wk\xab_\xc4\r\n+\x9f\r\xfe\xcd\x05\xfd\xcf\x15\xcf\xbe\x96\xa4\x1d\xf6\x9as\xc2\xb4\xdf\x85&gt;\xec4k\xac\t\xdd`A\xd5\x88\xf3\xec\xee\x02;\xc2{\xdb\xdd\x03\xb6x\xd9\xdd\x01\x02\xc2\xfb\xd8\xdd\x03\x0fg;\xec\x06zyI\xfcvA\x05\x81w\x92%=f\x1e\x93y\xd5\xbf\x99E\xdb&amp;\xea\x8f\x96\x99\xd7\xb4\x14\xff\xfc)O|m\xe4\xdeeS\xd2 \xacL\xbe\x16\x93\n\xb9\xbd7\xc9\xbd\xccR\x83T\x0b?\xab.\xe4\xd6\xa1F\x89\x8d\xcb\x0cj\xd7y\xf0`\x18\x9bC\x91=\x98\n"BB\x8b\xc5\x17\xadRx=\x8b\xe9U\nc\xeb\x16\x11\x1f\xec&gt;\x85\xf0*\x16\x1exz\xdb\xb5\x1f5M:\xcc\x17\xe9\xf3`\x1e\x06\x14\x9a&lt;x8{\xb1t\xc7\xd9\x8e)\x1cp."FV\xce\x830\xcbl\x9ci\xa3\x00\xaae\xdf\xb0\xaa\x07nN:"\x8e\xdft\'\xfd\x89\x99\xcc\xbb\xd2n\x88\xac\x9a\x07\xa1\xbd$/\xc7\xdb\xd0\x15\x0f\x1e&lt;\x18\xa2}\xc5\'\xa6\x8f\xf6\xeb0\xc9b\xd1!\xd1\xc0\xe7\xd6\xa6H\xab\x89\xee\x1fT4\x1d \x89\xf6\xbce\x87_\x10y\x8c\xe2\xeb\x97\xc8\t\xc0\x9e\x9d\xa4\x02\x00_\x91[v\xfd\xe7\xc1\x03 b\xcf\xd9\xc7\xed\xee\x85\x18#i\x9c\x16\x11\xd5\x0f\x00\xf8\xa7\xcc\x039nQ\xd5\xd4vO\x9b\xcd1A\x87\xee\xfdQ\xf0\x97\x1f"\x82O\x93\xe1V9\xf5&gt;\xea\x89\xdc\x12\xccX\xee\xf9V\x0c\xdb\xa3~\xc4\xf4\x9d\x0fA`\xb7u\x97\xbf!z}\xe6\xae\x87e\x8f?\xfd\xa2{\x8fzv\x92iw\x07L\xe1\xc0\xed\xdf\xd8\xdd\x05\x0e\x99\xe2\xe5R\xf1\xbe\x9f\xf8\x899\xb8x\x86u]\xa3\xe3\xac\xaaj\x9c\xe6\xee\xeb$\x12|\xf3\xf4jf\xb5a\\\x96 \xa1e\xb3\xe2:.\xb6\xab+V\xe0X/\xab@T\xcfK\x11%\x05]7\xca\x11\x143g\xefcvw\xc1\x83[ \xb3\xdfM\x1av\xe9\x83\xbf*\x1d\x0c\x90\xc0:\x80\xc6I\xa69\xcdZC\x08\x00@\xfa\xe8wI&amp;\xc5\xc4\xa1L\xae(\x9d\x80/}\xe87\x16-[\xcaYh\x91\xb6\xc6\x19\xc9\xfc\x8b5K\x1ae\xf5\xa5\xaf\x188\xbb:\xa3\xdbZN\xe2|\xd7\x99\xcfXu\xc9\x83a\xfc\xdd\xc0\xd6E\x04"\x9e\x95\xa3P;\xc3\x1b\x80\xd5\xcc\xaa\x1f7W\xb5k\xd5\xea\x0c.\x9e\x81\x88\xe0\xdb\x19"\xfa\xda\xd8!;`)\xe1\x1d]\xbd\x00\xd2F)\xbc\x19\xc0\xba\xf2\x06\xd7s\xb7pc\xc8\x11\x99\xd2y%@\x83\xdd\xdd\xf0\xc0aX]$cL\xdd\x98\x03\x0c:\xa2\xc5\x89\xc7\xff&amp;\xab6MG{\xb0OzhG\x08S\xdc\xca9\xc3\xcb\xdbf\xde\xa3\x11\x15s\xdb\xbd\xc6Pb\xe32\xcb\x9fs\xe5\x0c\xefH\x9dk\xa9\xe9;\x1f\x82HM3\xb5\x16\x01\xcd\x88\xd8u\xda\xa5\no;S\xbd=\x12\xa7\x14\x9c~\x11\xf5nd\xdb\x82\xfa\x8a\x07\xb7\xc0\xe25\xbd\xf9\xca\x07)\xc3\x89\x0f5\xc3JDP+-\xbc|\x8e\x81`\xbfl\x92\x83\x06/\xbd.\xa3\xdbZ\xc9\xcbJy\xc9\xec\xe94\xe90@\xad\xfc{\x01]\xd9\x05,D2j\x87\x16YC\xba\x0e\t\x11\xaf\x94\xce+\x0f\xde\xf3\x03\xd5~\xbda\xfcE\xf4\x17*\xa1?\xc5\x83\xf5\xb4\xd1tmOH0{T\'\x08O\xf9p%\xc8d\xba\xea\xc6\\`\xf2\xee-\t\xa0\xce\xcc\xf6]\x08,\x9c&amp;z\xc5\xd8\xa7\x93y\x9e\xfb\xce\xbf\xd2@\x83\xeeL\x16"\xde\xf8\xaa\xc9[\xf9\x84\x16\xd99\xd8\xaf\xc3d\xe5\xe8\xf1H\xa3\x99]\xb1\x9e\x9a\xd3m\x8a\xf4\xd1V_1\xa0\xab\xd5Wl\x85\xdb~\x19\xba\xc3M\x1e\xc3\xdd\xb5\xe6\xae{c\xa9\x0e\xa5\x02\xed\xf2\x97+\x95+\xe7\x1e\x1cY5\xcf\x86\xbeh@\x97&gt;\x8f\x88\xa6\xab\xc3D\xf6\x83\xf8!J\x02\xee\x8f|\xe9\xf1\xd8\xc9\x92\xa9\xf3&lt;\x9fN,{a\x05\xee\x9fB\x93bw\x07dp\x0fW7\xe7W\xf2\xd4w7\x8d\xd7\xfe\xa0\xfd\x99\xc3\xdb\xe9\xefa\xe5\xc2B_@S"\x00@hO\xaas&amp;o\xbdW\xd7\xb5h)CD\xd7IE\xcdrX?\x8e\xdc\xd0\xdd.\x17|F`\x92*c\x9d#y\xda\xf6\x07\x96\x1ez\xde\xb2\xcbq\xf4\x9e{\xd2\xe2+\xfau\x98\xcc\xb6\xc1\x80\x82\xa9Z\x87X\'N\x10U5\xdf\xfd\xb4\x10\x8c\xe5X\xba2\xe5\xdc\xfb\x18\xb6\xa6D\xa20^\x9a\xe3\xcagp\xfe\xf9Oq\xffv]s)K(\x87\xf4\x00\xf0UzS\xa1\n\x02C\xdac\xfc\x17i\xc8z\xf2\x8a\x8b_r}E\xc3CV=\xb2\x1d\x15\xb3\xf2\x00mo\x07\x9c\xd8\xb8\xfc\xe2\x07~Q\x191XSM\x10\x04\x13\xef)\xd2\xd5\xe6\x89\x1e\xc0\xae-_\xc8`\xe3"\xf1\x87L\xfdu\r\xfb/\xbc\x8aw\xee\xaa=-\xf1\x1d\x97\xe8\xbe\x841\xf4\xd7VBDvY\xf6\x1d\x99d7r%\x9eJ\x06\xef\x00H\xaa\x19u&gt;\xd19\xde\xc6\x85\xbdl\xa4]\x1aNL\x85\xca4\xea\xa6\xb13K.\xfaO|\xc7%\xbc\xa2\x9c\xb9\xbc\xf03\x8eZ{\xeb\xc5\x0f\xfcb\xc1\xb5L\xc0\xca\xad\x85\xfb\xfb\x05\xac\xa4\x98M\xac\x9fo\xde$n\xf57h\xc9\xb5\xaa\x07\xfa\x01\x04\x1a\xb8\x8e\x91\x99L\xcb\x85\x19\xd8\xcd@\xe3\x8a "a\x08\x1b\x99\xeb\xa5\x9e\xff\x87\xd1RK\x88H\xee\xda/k\xd9\xdd\x8e+\x92^\xf6\xc8\x1fT\xc7GV\xce{\x95\xda\x81\xd2\x96\x90\x8a}\x8a\t\xea.\xf8#\xd6\xcc\xbe\xe8\xe7o\xc4?\x10\xad)\x12\x93\xdfo\xabr\xbe\x80\x9b.P\xda \x99a\xe5\xd4\xf5aM\xc6mJ\xde%7\xad\x80\xc8\xbem,Y\x90\x81b\xb3&amp;A\xe64\x9b\r\x10\xa6\x9a\xb0\xc4tU\xeb\xdb\x99ek\x0eJ\xe5r\xba\xb43\x8b\x9e\xfb\xc1\x1d&amp;?\x93\xb4\x03\xad\xa4\x9d+\x9c\x84\x96\xcd\xa2\x8f\'\xb2\xcc^\xad\x8e40\xd3\x03\x00@Z\xf3j\x80zU\x0bM\xaeu\xbd\xb1\x16\xc2\x0f\xd6\x0e\x9ej#jS\xd2\x94p\xbf\x7f\x11\x05;W\xf7\x84h\x1d\xe7\x1a\x9da[\xf5I\xb9Q\xf5,\xb7kYpw\xf9\xf8\xe7\x8b\x82}\xfc\x00\xca\xdcXF\r\x00\x12\x8a\x07m\xa79\xde[a\xfdgM\xeac\x9e%Wi\xfb\xf8u\x01\xbf.vw\xc2\x83Ut\x9a|$\xad\xcbj#-\x18\xd0\'i@\xc4\xa9\xdb\xee\xa79\xdd\x88\x85_\x13\xbf\xd6\xadpH\x0f\xf5C\x07,\xbc\xda\xcc\x9e\x08\xe9\xd8k\xce\t\x93?\xb8\x07\x00\x88\x92\x88\x8e\xb9{=f.\xdc\x81\x18\x19[qx\xf9\x1c\xedL\xe2\x98\x81\xbey\x13i.\xe4\x81\x1c\x1dB@n\x8e\xdbX\xad%\xf8\xdb\xdd\x01Sh\x18\x7fP\xdf\x04\xdc8\xf1\x10"\xf6\x9as"\xbdy\r\xf1I\xb5\xe6\x98\x8b\xa9\x19\xbb\xe1v\x82\xa3\x98\xc8\xb6e\x01\xd4z\x82K\xdd\x81\xca\xe1{\x01*\xed\xee\x85\x1e|\x0c\xcc\xa0\xdd\xa6_\x96\xd7\xe7\x9c6\x90%\x11B\x97I\xe8\x0e\xb4\x81R\xca\x94\xfc\xc2\xf4\xe3$\x00\x94\xb9\xf9\xe6\xe3\xe1\xcf\xb1z\xe4~\xbb{!\x8b\xf6\xf4\xc3\xee\xfe\xcb\x04\x00-?\x82\xfe`o)s\xcf{\xc2\n\x8dV\x00\x00\x88\xad]\xd4\xce\x9eRE"\xfa"\xea\x16s\xd6KB\x0b\xd9qAm\xf9WH\xf1\xce\x19ow\x1f&lt;\x88\xe1\x06\xc0\x98\xda\x85vw\x84!N\xdd\xe5b\xff\xfc\xc9\x10\xd5\x9f\xfcL\xf1\xde9\xa0`jL\x8d\xdbX\x15\x06E\x00\x00 \x00IDAT\x7f5\x89C\xe9sR;\xf2\xff\xd0\x8a\x11\'P\xc9V"\xad\xcbjH\x1a\xaa\x19\xa5\xc5bPs^\xc2M\x03V\rR&gt;t\x0f"\x86\x94\xcc\xb4\xbb#\xb4\xe8\x921\xb7\xbc(r\xfb\xdb\x85X\xcf\xf2\xc3/\xd8\xdd\x856\x89\xe7\xdeS\xc7\xdd4J\x88h\x9cp\x88\x915&amp;2\xbe~)\x8bv\x00\x80|\x9f\xa1\x83\xf2\x96\xe5\xd7\x03$\x97\x0f\xdb\xc3\xaa\xc5\xf4\xaek\xc0\xbbi\xf8\xaa\x1b\xef\xfe\x00\x01\xa0\x82\xaee\x96R2\x00\xe9\xdb\xaf\xfb\x18\x11w\x9c\xfeD\xdf\xf9\x1d\xfana\xda\x1fr\xa2\xb3{n\xa4&gt;)e\x84s\x07&lt;|\xd5\x8d\x8c{$\x0f\xa1\xaf\xb7\xa3\xf6!vP3\x9a,\xd9\xdd|R:\xad\xb4\xbb\x0b\x1e\x94\xc8\x01\xc8\x95f\x8d?\xfc9\x8eZ{\x8b-\x1drO\x18\x05\xdf\x86\xf6d\xe4\xdeg[\xa0\xb7\x8d\xd18\xf1\x10\x17\xe7\x92\xd7\xe7\x1c\xd5\x03]\xc2t\xcbZv\xa9\x1e\xdc\xd1)\x91F\x88\xc1e\xf2\xbf\x88J\x82\xd2\x96\x90I?uq\x86\x99\x18H\x1d\xc1\xbc7\xfa\xf0\xce\x99\x80\x88\x12\xb94\xf7\x80\xc6\xca\xd7\xf6\xf1\xc8\xce0$\xa0\xeb\xf4\xa3v\xf7\x01\xc0m\xd2\xe3\x98I2y\xe7L`\xd2\x8e\xf9\x90\xe7USe\xa6\xd6\xb8\xa5\xf5\xc2\x1ft\xcd\xa6\xa5Cv\x1a\t\x81\xf9\x1a\xf1,+*\\\xcf&gt;\xd34\xba?\xf7\xc3}\xdb\x0e\r\x86\xed;A(\x8cP)\xe8,\x84\xb9\xce\xb6\x87vK\x8fY\x97\x1bV5\xf3)\x1f\xca\xccF\xad\x07\xafF\x80\xe4\xc1K\xaf\xa3\xdf\xceF-;\xfc\xc2}\x1f\x9b0\xf4\xb7\xdb\xe2\x83\xa4\xf1q\x8d\x13\x0f\x91\x1d\x98\x88\x88L\xa4R\xed\xc6]D0\xe6\x9d\xf7\x04"j\xc9\x82\x9eU\x0b\xc7\xb6\x0c\xdb\xd0\x8d\xf4\xaek53A\xdb=\xc8cwG82)So\xdd0\x1d\xad\x86,\x87JVv\xa3\xd27o\x12\xe3\xee\x98KZ{\xccql\x07\xd8\xe8\x8c\x10\xd3w\xde\x15\xf7~\xe8&amp;\xc3K\xbb\xc1\x9d\xa5c\xc8\x89\x14V\xd1\xe1&gt;R\x8c==\xb1\t}\xb3o\xe3\x84\x83&amp;\xf5\xc7l\xf4\xad3N=M\xf3\x15%\x0f\'3\xf7%\xb2\x0e\xe32\x15w\xd9Qyh\xbbT\x0c\xdbS9b\x9f\xdd\xbd8\xeb\xc9\x18cw\x0f,B)\xb1\xb8\xdaP\xab\x91\xfd\x0c\x9d\xee\x8a\xbe\t8\xa0`\n\xc3&gt;\xb0$\xb2_Z\xb3T\xf0+\xc1\xb0\xc0E\x1a"\x1e\xb9\xef\'\xb2\x83\xeb\x11\xd1\x12\xe7t\x9bR,\xf7\xd0\x86\xe9\xc0\xaa!\xd6\x966\xdd\xd1\xa3\x85,{\xe1\xc6t\xe8{\x8e\xc1\x16\xbc\xe43\xcb\xdbj\xdcn\x07Dt\x9f\xe0)\xe7\x04\x9c\xdc\xb4\x82{\x85\x8bV\x0f,\x9c\xa6z\x9e\xb8.\xb2\xbb\x10\xd2C!\x8e\xc9\xb8W/\x04B{\x11\xad~b\x06\x181\xe9\xfb\xe7OAD{%\xb1$!Hn\xf1s#"\xc3\x99\xc0\x8dq\xa3\n\x19U#\xce\x0b)\x99\t\x89-\x00\xc0\xa4"\x0b\x92\x86\n\xbaap%\x1b\x10\xd1J\x9d5\xb7\xf1-\xca \x8a\x0b\x90*\x98\xe7\x01\xa4\x9bp]\xa5\xc9\xc0\x92Jy\x01]\x01\x82\xb9@\'\xe7\xec\xfb\xf2o\xad?\x12\np=S\xe8\xea\xd3\xa5\xbd\xd0\xc6\x90\xd1\xd4-\x1a\xb8\x8d\xe0\xc4\xb8\xbb\xdfGD\xdcy\xfd\xa7\x10\xde\x9b\xf6\xaa-\xcb\xcf\x8cYO\xa2\x7fi6n/I\xe8A\x03V\xa1d)\x0c\x87AD4\x96\xb0\xae\xe2"\xb4\xb8\xb0J\xb2\xb5\x97kw\x10oSH\xcb\xcd*\xe0\xbeK\xb9\x9b_\x97L\xb4Q\xfd\x95\'`3\xf0\x86\xd4\x91\xda2\xf1\xb6\xa1/8S(\xf7\xdf\xba\xa8\xd2\xca\x1bnC\xb8\xc5\x86\xf8l!z\x00\x00\xb8\xfa\xe0\t\xbf\x7f\xad\xda\xe1F\t3\xb9\xfd\xf6\x11g\xc4\n\xe9\xb7Q\xd7\xa6\x82Hd(\xdev\xedG}\xe7\x9fR_\xecw\x1c{ad\xd5&lt;\xbd\x97\xc84\xad\x92.\x1b\x10\x11\x92\x86\xb9\xbc\x14\xdc\x83\x9b}\xadSV\x8a\x1bl\xd1\x85\xd8\xa0Y\xaa\xb2\xf5Q)\x1d\xe2\x9ctk\xe4\xca\x06{\xf0p\x96C\x11\xad\x1d]\xb3\xc0\xbc~\xb8\x01n#Sa%D\xfb\xbc\xcc\xb1\xfa\x1a\x7f\xedO\x84\xe4\xe1\xfa\xce\xd5\x84\x89\xea:"\x1e\xba\xf7G\xe9\x8bO}\xeb&amp;\x9e\x83L\xeb/\x19^\xaeR\xfd\x8d$\xf4\xa0u\xa2m\x9ez)\x00\x00\xd4\xb1\xa8\xe8\xc0\xaa&amp;\x84gc\xe1A\x015[\x94\x19E\x1b\xdd\xc8\xdb-\xe1l\xf0\xb2yp\'\x92\x19K\xbc\xdaR]Js{\xaa\t\x17\xc3\x9c+k\x17i\xad\x94@U-\xd1\xa7\x93\xe1^\x99\xc8\xe9\x17q\xe7\xf5\x9f\xda\xdd\x0b\x0f\xd6\xa0\xfeT*\xa7t\x87\xf6b\xdc\x91\x88&gt;\x88\xc8,\xbd\xcd\xcf\x9e\xea\xa5\xe9]\xd7 "@\xb1-WgGp[\x11\x9f1\xea\xd0\xad\x19\xc5LQ=\xa1a\x19\xab\xa6\xce\x1a\xb4\xf3v\xc6n\xb8]\xcd(\x12\xde\x07\xbc\x1a\x00\x00\x11\xf3\xfbma\x1a-\x15\xc9\xae):8\x8f\xc3\xc3\x9f\xbb\x83\xcd\xc3\x8c\x98\xc7v\x80\xfd_Kl\xdd"\xbb\xbb\xe0\x8e\xb8\x93\x84\x91\x12,\xcb\xb3\xda\x8e\xc1\x80,h\'\x82\x06\xa6\xd9\xd5\xcd$w\xf2\xd6\xfb q\xa8fh\xd5\xe6S\xef\xaa\xbe\xef\x07\x00\xcf\xfc\x1f\x8e\xddp{\xbb\x90\xd0\xb38v\xd4\x83\x0bW=\xe3\x1c\xbe\x8b\x00r5|\xa2q\x83\\\xfe\xf4n\xd4r(0\x93\x15*\x1e\xb4]u\x8d\xe8\xa8\x0e\xeb\xae5\xcb\xcd\xe2\xc2\xbb\xbes\xfb\t\xd8\x8d\x10{\xb9\xc7\xac\xbf\r\x92\x87\xc9\x1ej-~\x000x\xe9u\x00\x1d\xceRW\xbc&lt;udk\x7f\x12\xe3Ib\xc7\xb1\x17P\x06q\xa8*,\xa6\x8d\xf2\xca\x1e/\x8e_\x93\xc0?\x9cf\xc7\xa3\xb6Q\xce.\xd59\xd6\xa4\x8f\xddp{\xdf\xf9\xa7\xac\x19\xc12\xbb\xaf\xd3-\xfb\x9a\xdb{\x13\xdb\xce\xb8\x17z\x1cL\xf6\x9b4\xec \xa0\xab\xd5W\x0c\xa6\x10\x9a\x8e\xaa\x9e\xdfs\xd6q\xf3\xfa\xc2\x1e\x1f65\x9d\x8c!\x93\xad+)\xe7@\xea\xde\xb8\xf3]\xce\xa0\xa4\x1do\x82\x88\xbd\xe7\x9c\x18\xb7\xf1\x0e\xc2\x96\xa5\x04\x15O\x87\xd4\x91\xbaO\xa7D]\n\xdf\x83\xcd\xe4\xf4\xdaH+\xbd2i\xcb\xbd\x95#\xf6\xa9\xc61\x05\xba\xea\x8d\xa7\x00\x84\xb6,\xbf\x9e\xa0\xed\\\xaa\x9eh!\x9d\xb6\xdbW\x18`\xd6X\xfa\x00I\xa2]VA\xffsut\xc7\x83\x10\xda5\xa3\x9c\xbd\x9e*\xde\xc7J\xe2\x87\xd8\xdc\x01\x9fN\x88\x98\xd9}\x9d\xe4\rnV\xa6N\x00#\xf7\xe8 "d\x8c1\\\x87 \x93O\x14\xb6\xdd\xecA\xa7\xdd?h\xc9\xb5&amp;\xf5CB\xd4Yc$/g\xd6R\xdaH\x80x\x97\x9b9\xb4\x17\xc4\x0f\x06\x00H\x1c\n\x00\x00q6\xc5H\x02\xc4\x0f\x99x\xce\xdd\xea\x87\xd0\x1bu\xed||t\xb9\x81\r\x16|\xf3`)\x1eK\x9d\n\x052\x13\xadw\xa3\xf8\x15fk\x85h\xbb\xe2-\xe9\xa01\x8b\xb1rb\x91\xc9\x84\xd1\x11Y5\xaf\xed\xfb\xd8(G[\xc3v\x91\xac\x1e\xeb\xb9\x7f\x14\x0e\x90\xfe"\xd1\x06\x1b\xa7G\xbc\xdf\x15\xfd\xa0\x93\xcf\xbdO\xae\x9f:\xd0\x11![\xccJ_3\xa4t\xa6\xf6q\xadD\xd0_\xc4\xd1\xcf\xfe\x0b\xae\xa2?W\x0eQ&lt;A\x1b\x81\xb6\x8eB\x95;+a\x99\x80M\xcbj7\xa2\xedyw\x1a\x18\xd5\xb6\xf2\xcf\'\xaf\xfb\xadd\x84\xf4\xfd\xc6ut.\x1d\xb2\xd3\xc6\xf8pF\x18\xb3\xb8\xfau\xa1&lt;\xa1\xb5\x12\x97\xb2\xc1\x99UN9\x00Th%\x17\x18L\xf6\r5\xb7pB\xfa(\xe9kF\xd6|\x9d&amp;\x1f!8\xaaNw\x19\xdc\xa0\xa2\xe9\xfaNt\x03\x1c&gt;`7\xaa\x94\t\x00\xba\xe4\xc4l\xb7XZ@\x91\xde\x13\xadLhk+\xd9\xfa\xb1vw@\t\xb1*="~\xe5\xd6[^\xca\xbdK\xe2P\xbaS\xbc\x1b\xe9g\\e\xc2T\xa4\xc8K\x01\xfc\x99]H\r\xb7\x96\x02\x94\xe5\x1b\xf3\xef\xc0\xf1\x9b\xee4\xfb\x12r\x18\x97I0N\xcc\x00\xbb{\xe0J&amp;uu\xc6\xb6V\xb3]\x17A\xdd\xed\xee\x81:y\x00\x00\x81\xddT\x8fi{C\x8f1\xa8=\xe2%\x83w\x88^\x99\xbe\xf3\xa1\xb6os\x16\x10Kk\xe8\x93\r\x98\xe7\xa2\x02\x19\x96\xc7\xc8u\xb3/\x99\xd0n\xe4\x0e\x066\x86}\xa8\x05S\xaa\x15\xb9\xf7\xf6\xec+\xc4\xfc~[\xed\xb82\x93\xe1\xb8m\xabo\xb3e\xfa\x8e\x87\x8c\x15\x97\x96\xd6\xbfRB!\x99=\xaa\xbf\x81\xab\x9bD\xd2\x91\xfb\x7f"+\x15\xac"\xabI\xfe\xcd\x08\xd1\xe1\xd9\xf2\xe0\x0e\x93\x8a;c\xacz\xba,\x81]\xaf{\x01\xb5*\xae\x8a\xb9\xe69\xe63e\x03@\x12\xa3\t\xd8\x13\'d\x05\xb1\xed\xa8\xa2\x8en\x04%\r\x82\xbb\x9b#QKL\xea\x08N\x18K\x0f$\xa5\x85M\x85\xbeT\xa2\x07W,K\xef.U~+\xc0\xfc\xaaD\x8c\t+\x93\xd5Z\xb7X\xd3\x86\xd2\xaf\x1c\xd8\x95\xfc\xd8SO[o]\xf0,\xe3X\x12\x90\xd9}\xbd\xdd}h\x13\xe8^\xf7\x19\x0e\x95\xe2\xc3\xaac\xeb\x16\x1bm\xea\xac$\xb8x\x86\xdd]0\x8e=\xaav\x03\x17_\xb3\xe1\xf8\x9b\xe0\xd5\x08\x00~\x1d&amp;\xbb\x911\xd9\xdc5e\xa4\x99\x8dk\x91\xd8\xa2\xfav\xb6\xeb\xaf\xc00\xc6\x8d\x08\xbf\x0e\xe4\xf1\x8f,\x88\xd6\xef\xc6-\x07\xa8_p\xe0i\x9f\xbc\x89\x0c\xfb\xc3\x02A\xc6p\xec\xa0\xc6\t\x87\xcc\xb9\x8a{\xbb\x07\xda\x12\x154\x07\xab\xec`lc\xd8\xca\x1b$\xaf\xd5Yv\xf5\x94\xce\xda\x95?\x8e&gt;\xf4\xdb\xac\xdd\x8fX\xd0\x19\x1b0/\x12\xc5W\x94\x81\xc6jg\xd9\x0eTW\x01\x00\xe6\x9d\xf7\x04\xc5\xd1Q\xfd\x01\xea\xb5\x0fK\x1da\xa3\xd6Mj\x97U\x86\xdb`\x18^\xa0A\xe0O\xad\xd5\xe6\xddY\x96\xb9]\xcf\x94\xa9#h\xc6\xfa\xfc\x11\xabo2\xb13.(\x19\xa6\xcat\xfc"q\x1d\x97\x1cv\x94z\xech\xa4O\xfa\xf0\xca\xd6\xa8V\x89\x88L-W\x1d\x98\x8f\xd1mA\xe9^\x0f\x88(^\x7f\xd0H\xe6i6\xdeZ\xb9\xc8K\x92\x10OA6\x8b\xee\xd8\x82;\x0f\xecf`\xbc\x16\x93\xb7ur7\xd8:\x01\xbb\r\xa1\xbd\x00\xd2\r\xcb*\xb5O\xf6\xde\xf4%\xa4Is\xf5\xf4\xe5\xd5\xb0\xd5\xd8\xb3\x01\xc2\xfbv\xc0\xa2\xab\r_*O\xfb\x10\x01\x88\xc8\x85n\x85\x94\x18\xb5-;\x05=\xf8\xe7\xd4\x9a\x1c*o0%$U\x8c\xc2\xe0c\x86\x0f/H\xe0j\x11\xa7{\xa9P&lt;h;\xdb~L\xdf\xf1\xa0\xa2\x11(\xa0+@2\xdb\xcb\x19 \xd2\xee\x0eh@\xa9f\xef\x96p\x0f\xc0\xb5\xcf\xbb\xd3\x04\xdc\x06\xf2U\xecKx\xf5j\xec\xb7\xe0J\xd1k\xbey\x93Lp"\xb4\x81\xa2\x9e$3Dd\xa5\r\xeaQ\x88\x08\x90\x03\x00l\xc3V\x7fw\xab\x85\xb2\x89\xe8\xcezW \xa1e\xce\xbe\xc7Y\xc5gEV\xcd\xe3\xe2\xea\x93;\xad\xd0\xd5@\r@\xa6\xf2\xbb"\xdb\x92y\xb9\xaa\xb5*\xef\xf1\xde\xf48v\x0b&gt;\x9dI\x01jR\x1b\x94\x82\xe1\xee\xc8C\x9f!".=\xf4&lt;\xf1\x19\x01\xcdS/\x05\x00\x804\x80:\xda\xe0u\x96\xc4\x0c\xb4\xed\xd2Q\xfd\xe4\xb6\xa1\xed\x84\x8f\x11\'\x9es\x8f\xdd\xbdp\x92\xef\x95=\x9eL4\xdf\xadHr\n;T\x8f&lt;\x8f]\xb3\xf9\xec\x9ars\xa2 n\xb0\xcd]P\x10\xee\xf0%]\xec\x9a\x1e\x16\x9e\xd0\xb0\xb4\xe7l6\x15k\xe2;.q\xaeS\xffn5\x8b\x92\x1a~^\xfdCkih\xca\xafi^\xb4\xb3\xbe\xccCzf\xee~\x84F\xba3\x0f \x1d\xd2G\x03d1\xf4\xd3\xb4=\xb8\xcf\xeeFi\xafA\x0c\x05\xcd\x0f\xdf\xfb\xe3\xf1\xc7\xffv}-\x03\xa0\xd0*\xa9 !\x9c-$ZU\xbc\x9a"\xdcc\xd0\x92k!\xa4\xa7\xc1&gt;\xd1\x93\xc9\xa6\x99\x88\xbeO~\xdd\xbew\xc0"\xd56iT\xbfpwh\x81\x8c\xb3\xda\x1eQ\x9e4N\xb9\xda\x0f\x00\xfc\xf3\xa7\xb8\xbe\xe74\xec\xd1\xba\x93\xcd\xae!\x1f\x051\x03$V"5\x85\xc4\xa5\x87\x9e\xbf\xffc\x97\xe3\xf9\xd3\xddMW\xd1\xed)\xe8o\x8b\n\x87q\xfc\x00\xca\xc0\xafK\xe5\xf0\xbdv\xf7D\x13s#\xc8\xfc:L\x86\xcc\xb1L\x9bL\x8a\xad[\x</t>
        </is>
      </c>
      <c r="E2" t="inlineStr">
        <is>
          <t>&lt;class 'numpy.ndarray'&gt;</t>
        </is>
      </c>
    </row>
    <row r="3">
      <c r="A3" s="1" t="n">
        <v>1</v>
      </c>
      <c r="B3" t="inlineStr">
        <is>
          <t>steps_per_sec</t>
        </is>
      </c>
      <c r="C3" t="n">
        <v>100</v>
      </c>
      <c r="D3" t="inlineStr">
        <is>
          <t>1.2189543</t>
        </is>
      </c>
      <c r="E3" t="inlineStr">
        <is>
          <t>&lt;class 'numpy.ndarray'&gt;</t>
        </is>
      </c>
    </row>
    <row r="4">
      <c r="A4" s="1" t="n">
        <v>2</v>
      </c>
      <c r="B4" t="inlineStr">
        <is>
          <t>Loss/localization_loss</t>
        </is>
      </c>
      <c r="C4" t="n">
        <v>100</v>
      </c>
      <c r="D4" t="inlineStr">
        <is>
          <t>0.21098767</t>
        </is>
      </c>
      <c r="E4" t="inlineStr">
        <is>
          <t>&lt;class 'numpy.ndarray'&gt;</t>
        </is>
      </c>
    </row>
    <row r="5">
      <c r="A5" s="1" t="n">
        <v>3</v>
      </c>
      <c r="B5" t="inlineStr">
        <is>
          <t>Loss/classification_loss</t>
        </is>
      </c>
      <c r="C5" t="n">
        <v>100</v>
      </c>
      <c r="D5" t="inlineStr">
        <is>
          <t>0.96024555</t>
        </is>
      </c>
      <c r="E5" t="inlineStr">
        <is>
          <t>&lt;class 'numpy.ndarray'&gt;</t>
        </is>
      </c>
    </row>
    <row r="6">
      <c r="A6" s="1" t="n">
        <v>4</v>
      </c>
      <c r="B6" t="inlineStr">
        <is>
          <t>Loss/regularization_loss</t>
        </is>
      </c>
      <c r="C6" t="n">
        <v>100</v>
      </c>
      <c r="D6" t="inlineStr">
        <is>
          <t>0.029572876</t>
        </is>
      </c>
      <c r="E6" t="inlineStr">
        <is>
          <t>&lt;class 'numpy.ndarray'&gt;</t>
        </is>
      </c>
    </row>
    <row r="7">
      <c r="A7" s="1" t="n">
        <v>5</v>
      </c>
      <c r="B7" t="inlineStr">
        <is>
          <t>Loss/total_loss</t>
        </is>
      </c>
      <c r="C7" t="n">
        <v>100</v>
      </c>
      <c r="D7" t="inlineStr">
        <is>
          <t>1.200806</t>
        </is>
      </c>
      <c r="E7" t="inlineStr">
        <is>
          <t>&lt;class 'numpy.ndarray'&gt;</t>
        </is>
      </c>
    </row>
    <row r="8">
      <c r="A8" s="1" t="n">
        <v>6</v>
      </c>
      <c r="B8" t="inlineStr">
        <is>
          <t>learning_rate</t>
        </is>
      </c>
      <c r="C8" t="n">
        <v>100</v>
      </c>
      <c r="D8" t="inlineStr">
        <is>
          <t>0.00416</t>
        </is>
      </c>
      <c r="E8" t="inlineStr">
        <is>
          <t>&lt;class 'numpy.ndarray'&gt;</t>
        </is>
      </c>
    </row>
    <row r="9">
      <c r="A9" s="1" t="n">
        <v>7</v>
      </c>
      <c r="B9" t="inlineStr">
        <is>
          <t>train_input_images</t>
        </is>
      </c>
      <c r="C9" t="n">
        <v>100</v>
      </c>
      <c r="D9" t="inlineStr">
        <is>
          <t>[b'640' b'640'
 b'\x89PNG\r\n\x1a\n\x00\x00\x00\rIHDR\x00\x00\x02\x80\x00\x00\x02\x80\x08\x02\x00\x00\x00\x83\xaf^t\x00\x00 \x00IDATx\x9c\xec\x9de\x80\x14\xb9\x16\x85/\xee\xcc\xe00\xc8\xcc\xe0\xce\xe02\xb8\xbb\xbb\xbb\xbb\xbb\xbb\xbb\xbb\xbb\xbb\xbb\xbb,,\xee\xb2\xd8b\xbb,\xbbp\xde\x8ft\xd7Tw\x97\xa4\xac\xbb\x87\xc7\xf7\x03z\xaaRI\xca\x92Tr\xef\xb9DFIb8\x07\xcb\x01p\xfa-\n6\x9e\xed\xba+u\xe9\xc1\xe1R6\x00\xe0\xbe\xda\xc4.\xe7\xbe\xb2\x88\x88|\xddV\x12\x00\xadW\xf2?\x00@\xd3\x11\x07,\xaa\x92\x11\xc4\xa7\xb3\xe6\x82;\x9e\x90\xef\xda/\xa0uDH\xd3H\xf8\xbd\xf4\x94\xb7\xd4J\x9a\xf0\x05\x88r\xbb\xad\xb4[?\x00\x80"\x17\xb6\xb8\x9c\x00\x8a[A\xf8#R\xda&amp;\xc6s,\xder\x11\x80\xfc\rg\xe98\xb6L\xfb\xe5DA\xc6\xeb\xa0\x83p)\x1b\xf0%Lp\xe25\x00P\xecrD9\xad\xad\x13\x11Qb\xeb\x8bP\x03\xc0\x89\xd7\xde\xfdr\xdaH\xd0k\xeeU\x89\xcdq+\x10%\xf1/\xd2\xc7\xfa\n\xa4\\x\xf4\x1b\x11E\xcb\xd8\xc2\xfa\xb2\xac \xb3E\xf9n\xba\xee\xa5\xcf\xcf\xfa+\xd8z\xd3V\xb7\xc8\xe9\x9a&amp;-\xd8\xabX\xcb\x85V\x17\xea=\x1d\xf0/\xe4\tc}\x11\xc9;M;\xf7\xd8\xfe0d\xae&lt;:\x14=\x18&gt;Am\x12\xe5\xebfu)\xb1\xb2\xb5\x13_\x935\x17!@\x94\xb2\xd5\xb8cVW\xc0\xfdw$\x9e\xf3\x86\xa8\xc5F\xacyDIj\x10EusUB\x1d\x8d\x86\xee\x03@\x94\xd5\xd3\x15\xd1\x8a?\xc5-O\x14\xe6\x010\xe7\xc0\x17\x00D\x11\xe4\x13\'r_\xbd\xdcD\n\xe1\xd7=\xe0\xe2g7\xbcr\x19\xad/\xe2\xe7\xe4\xc8\x0b\x85\xf9\x83\x84n\xad\n\x07\xf5\x06\xee\x8a\x95\xad\x9d\xd9\xb9\xc6-\xd9f\x89\xd3&amp;\x97\xe9\xa5lf\x17\xeaL\xa4\xb4M\x0e?\xb3\xf6M\x89\x96\xb1\x05\x00\x9f\xa06\xc2\x964e\x86\x88:`\x15\xd6]\xc6\xcc\xbd\x1f]\xb7k\xecS\xfd\xb5$\xb6\x86\x9a}\xb6\x10Q\xf3Q\x87(iMO\xd7E7y\x89\xe2[]F\xc5.k\x00P\xf4\x12N\xdbcdnE\x14\x7f\xca\xcew\xfcY\xa5+7\xcc\xd4\xaaq\x13\xb1P\xe3\xe1\xfb\x15\x1e\xbb\n\x9dW\x13\x11E/\xae\xbb\x84g@\xee\xbaS\x03\x8b\xf5\xd3\x9d\x83\x95$\x88\x90\xba\xa1\xa5\x05|\xf4\xa6)\xe8P\x89o\x19\xaeda\x83-\xae\x07\x0fy\x882\x18\xcc"w\x9d\xa9D\xb9\x88\x88(\x1a\x11\x11%\x9d\xb0\xe5\x95S\x9a\x08\xa9\x1b\x89\xff\\vZ\xcf\x03\x96\xa7\xee4\xfb\xcf\x00\x1d\x87\x9bJ\xe0\x90\x15\xf7\xa4;\xda\x08\x05\x89"\xf3d\xf1\xb7\xd4\xe1\xf3\x0e\x7f\x156\x86\xc2\xd70r\x11O\xd7@3\x15:\xaf&gt;\xf8\x04\x87\x9f\xbb\xe1ZG\xa4p\xc1]f\\x\x02\x10% \xa2\x19{&gt;\xb0\x1d]f\\\x88\x93\xa3\x03Q$\xfe\xbc\x00xj1F\x99\x86C\xf7\x12\x85I\x90\xa7\x8b\x81&lt;r\xc7\xce\xde\x9e\x92\xd60\xa3:\xa9\xcd\xc8D\x84\xf5\x8b\xf7:\x16\xd1\x7f\xa1D\xd4b\xb1s\xb4o0x7\x11%\xca\xd7\x8d(w\xf3\xd1\x87=]\'\x1b\xa37&lt;+\xd2l\xbe\xe9\xd96\x1dyP~gX"\xb6^\xae\x93\x9c\xb5&amp;\xeb&gt;\xd6,~\xfb\xcf\xf6\x99\xdbm\xe6Ess~\x08\x00\x08\xaa:\xce\xdcl=\x89\xd0\x9a,&gt;\xf1]2A\xba\xb2\x1e\xfa\x98#""\x00c7&gt;\xef\xb7\xe8\xa6\xbe\xc3\x87\xac\xb8\xa7)}\xf5^\x9b\x96\x99a\xcc\xd2c\xce\x15\xe3\x99\xfc\xf4\xf4_|\xcb\x13\xc5&amp;\x08\x9f\xca\xda\xafd\xaf Zq\xa2\x94V\x17\xd2s\xee\xd5\x8c\x15G\x99\x97_\x1c\xf3\xb2R\xa1R\xd7u\x14K\xe5[|\xed%w\x1a~\x96=\xfe\nE[, \xa2\xe7J#\xbc\x18\xd13\xb7t[\xa5\x1cHP\x993!\xff&lt;\xb33\xe1\xf2+\xef\xef\xb3\xe0\x06\x80\x0eS\xceh\xce\xd9k\xb9\x0b\x10e\x17o\xd9\xffH\xdb\x85{\x004\x19\xbe\x9f\xfd6\xc5\x0eP\xcc{`\xf6\x81/bSCM\xcc\xda\xf7)\xa8\xea\xd8\xc2\xcd\xe6q\xa6\x8f\x19\xd4:b\x9aF\xea\xe9\xd4\x00\xb0\xfdwv\x19C\x81\t\xba\xa9hXA\x17\xd9\x06\x9an\x0f\x99\xc5\xec\x0c\x7f!\xc1\xd2S&amp;\xce\x07\xc46)\x9f\xd0\xc7]{\x8f\xf5\x17Pw\xc0\x0eo\x9db\xe1]O\x05@\x11\n\xaa\xa5\x8a\xae\xa3\x06m&amp;\x9c\x88`F\xfb\xec\xf5\xf8Uc\xffW\xef\xb9\xc9\xb3\x15\x01\xf0\x18\x10-op\x12\x8e\xfd{\xe49\x88(A^#3\xae\x11&amp;m{M\x14%j\xc6\xe6\xfa\x0e7P\xf4\xff\x0f.\xc6\x83\xfaI\xa1\x9e\xc4\x91\x88i\x1a\x9bW\xbaw\xe3S\x8a(\xd0\x94\x9c\xe6\x1d\xfeJDDi\nH\xb9\x0ej%O\xbdi\x0f\xbc\xb4\xd7q\x07\xe9\xca\rs\xect\xb9VIC)l\xa8\xf1\xe1\xff\xf8vk\x00\x00QB\'\x1b\x01wr\xed+\x00\xf8fm\xab\xf18\xb9\xb9\xacTZ+0u\xe7;/\x1c\x90&amp;)\xd8KS\xfa(\xe9\x9b\x11e"\xcadQ}\xbc\x01\xf6b\x17k\xb9P\xd32\xd8\xdaK\xb6\x8f\x8f\xe0\x863-\xab\x9aW\x91\xdcx\x16\r\x06\xef\xb6\xbf\x14AD\xc4\xdda\xf8\xc8l\x8f\x0c\xe0\x9d\xb9o\x99\x83\xa9\x97_\x86\n#\xf9\x0e\x0b\xab:/m\x05KN\xfe\xb02\xfbdVd\x9a\xa4@O\xfd\x07\xfb\x966\xaf"\xa1\x8ah\x19[\xec}\x00J\\\x9d3}\xb6\xea\xe3\x89\xe8\xca_^\xd7\x03\xf1a\xd4\x82\x91\x02\xeb\xce\xde\xff9J\xfaffT\x864\x99q)s\xe0\x89\xb6;\xc2\xfa\x98\xd1\xeb\x9fF\xcd\xa0\xef;\x9e(^\xc5\xcf\xde7\x10\x11\x93\xa7\xee4\x00\xad\xc7\x1fO\x14\xac\xc1\xc11fPk\xc7\xf5\xaap\xca\xe93U2m\xc9\xb3|\xa7U\xcc\xdcO\x84\xe5Nb\x82i\xa1\x11|\xb3\xb6=\xff\x01\x94\xb0J\x81\xc6\xb3\x89\x92\x02\xd0\xff\\\x11Q\x98|\r\x87\xee\xbd\xf0Q\xee\xe9\x8aBD\x89\x82\xbb\xdd\x03\xf8gA3W\x1e\xa3\xb32Q\x8biJ\xee::\x07\xf0\x1e\xe0\x16\xa6\x90\xce\xe4\x17F\x90\x14t\xf2\x122\x96\xeb\xb8\xd2\xd3up\x0bq\xcao\xbc\x86v\x13O\xb9\xa5\xb0\xa8\xed\'\x9dVM\xe4\xea\xff\xa7\x9b\xda\xfd\xb6\xcb\xedbv\x1cN\xc4\xce\xde\x1e\x80\xa1\x91D\xb4\xe2\xde\xdfL\x8c\\\xfbX\xdf\x81S5\xf8\x98\xa5\xd7W\x84+\xf0V}1U\xd2\x95\x1b&gt;~\xf3\xcb^s\xaf\xa5.=\x84(\xe7\x98\r\xcfR\x97\x1eb,\xcbl\xc3V=\x90\xdc\x119}S\xf6\xe9\xfc\x12 \xca\xab\x9a\xd1\x12\x19cR\x8bpz)\xfc\x8b\xf4\x81#CW\xdeW\xc9"Y-\xef\x7f\xb3~\xe1\xd5\xc4\xc9\xd1\xc1\xd3U\xf0$qrv\xd8\xf3@\xfd\x15\x8a\x9b\xab\xa3Y%\x16n6/o=\xc9u\xf1\x04\x9a^fM\x1f\n}\x16\xdc\xe0O\xfc\x0b\x0e\x02&lt;]\x01\x9d|\x04v\xdc\xc1\xa5/\xf0\xcb\xdf}\xda\xee\xf7fd\x99\x1a@\xe5\xae\xeb\xa4&amp;\xe7\x12H$\x97!|\xaa\x86\xaa\x96\xb4V\x03)\x14\xd2\x07\x14\xed\xfbO(\xef\x80\xfb,\xb8AQ\x8b\xf2\xa7?\xf0\xd8\xb4\xf3\x05P\xa8\xe9\\\xd7\x8df\xe5\xff3\x12&amp;\x9f\x15ZB\t\xf3v5=O\xef\xc5\xbfv\xf9N\xab$\xf7\xe4\x91\xee\x98\xa5\xf9?|R/\xff\x85\x9fQ\x0e\xcc(_\xb5(\'\xb7\x9bt\n\x00\xaf\xa4\x06\x1f\x00V\x9d\xc3\x99\xf7\xb2\x0fd\x86\n#\xb3V\x0b\x05\x0e\xa0?\xa4;`\xcd\xd6\'\xa1\x88\xed\xbfk3\x86WM\x1c6e}\xbe\x9cb\xba\x8eoN\xfc\x01\x00\x14\xab,\x7f}\xcc"\xc4\xedo\xc0\x92\xdf\xad/.\xcf\xd8\x8d\xcf\x89\xc2[_\xd0/x\x99\xb5\xef\xd3\xa8\xf5O\xad,\xc1\x1c\x1bZ\x17\x98\xd1\x9c\xaf\xea\x12\xac&amp;$\r\xd7/}\xf9\xbf\x1bsP\xfc\x8a\xed\'\xab/\x91\x84`w\x82\x90G\xb3\xa9\xb9Q\xa2\x15/\xd9f\xc9x\x17\r)\xefD\xd3\x17\xb0\x9bY}\x01\xfa\xed\x00\x02\xeb\x9aZ\x17YR\x94\x18\xc0\x97\xd0\xdf~y\xe3\n\x9b\xfee[\xd4\xec\x9c\x9e\x036\xf1|\x03\xb2\'\x9e$g\xed\xc9\x00\x88\xf2x\xba"DD\xb9\xebL\xf1t\x15\xe4\x88iI\xaea\xf2\xed\xbc#\xf1V\x8fZ\xf7\xc4-c/\x13\xf0\x0b\xeeN\x14\x91\xac\xd4\x96\xca]w\xaa\x15\xd9z\x10\xdflm\x89h\xd2\xb6\xd7\x9a\x8e\xd2v\x85\xe3\x94WM\x1c/W\'\xde\xdc\xfc\xaa\xf2\xa6T$z\xa6\x96\x89\x0b\xf4\xc8\xd7`\x86)\xb9\x19a\xcbo\\WRk\x07lO\x16\xe4\xb4=dI\xdb\x80y\xb6c\x05\xa2xL\xca\xc3|\x12\xb9^^\xa7\x08\x10r\xa4*9\x88\xc2y\x83\xdc\xa9~\xf2\xaevK\x008&gt;\xd2y\xba\x02\xae\xa4$"\x8aP\xf0\xbc\xacy\xa7\x01b\x94\xec)\x119*\xf9\xb5\x7f\x90\xacPo\xf3\x8b\xb3\x80Q\xeb\x9e\x1cx\x02\xa2\xc4\xde\xf6\x89\xe0\x95\xa4&amp;\xa2z\x83v\x01\x98\xb5\xef\x13\x80\'Z\xae\xd8c\xdb\x15\xe6\r\xc7\x02\x80(\x1aQ\xc2\x85\xc7\xfe]w\xd9\xc8\xad\xc9\xba\xe8\xd8\xbf\x06\x0ew v\xf6\xf6\xaag\x9d\xb1"\xa7\xbb\x91\x03\xb3\xf6\x7f\xe6L\xb9\xf8\xc4w\xad\xcfj\xa4\xb4\x8dy\x92\xb1\xb7\xe0\xd8+\x1cttp\x00P\xaa\xedR\xb67F\xe6V\x9aU\x18\x13T&amp;\xca}D\xbf\x94\xaf\xfb\xb4\xc9\xb4R\xa7\xffv\xb2_79\x0b\xbe_\xfc\x82\xec"\xec!\xd4\xe8\xbd\xd95\xd1\xd6\x9b\xac\x95T\xb7\xf3$"\xb9\x01\xc7\xb4]\xc6-b4\xd8\xbc\x18!F\xe6V\xd5znL[v\xd8S7j\xcb\xe5\xac5\xc9=\x05Y\x04\x80:\xfd\xb7sL\x11\xbb\xa2!\x96\xc9\x0b\x80(\xf9\xa8uO\x00\xe4\xad?]{Y6V\x9cE\xbb\x89\'u\x1f.\x86\xb5\xb3,Z\xa8&lt;Q(RaS\x8as;\xe1\xd9\t^\xfa\x82NS\xcf\n[;M;\'|Cw\x9bu\x89\x88\x00\xa4/?\xc2\xea\xdaL\x94\x99bau\xd0C@\x1d\xfd\xb5Q$R\xda&amp;\xc2%R\xd0\xabP\x97\xb2\xe0\x96\x91\xcfJ\x89\xd5_\xbf\n\x9dV\x97n\xb7\x8c3\xc7_\x18#/QZ\xc7-R\xde\x8aa\xf29\x1e\xe2\xcc\xfc#\xff\x00\xa8;`\x07O\x91\xe9\xca\r_}\x01\x89\x82\xbb\xbb\xec\x11/\xc9[\'\xc2\x15\xcf\xfe\x1d\xe0&lt;\xb6\x08!n\x05\x15!n\xdf2\x8d\x87\xedw\xe7\xb7o\xd7\x19\x176\xdf\x08\xdd\x9f\xda:\xe2\xe4$)\xd8+H\xaf\xed\x92\x19\x937&gt;D\x94\xb5\xdaxc\x99\xc4\x05\xe0\x1a\xafP4\xc1\x1bf\xf6\xfe\xcf\xa1\xda\xd0Ir\x1eHt\x82f\xc5j4$E\x90\xbc\xf8\x00\x1d^^\xb9\xebNe\xc16\xcc"\xa0\xa8J(\xb6\xf8\xb9;k\xcds\xe35\xaeG=\xec+\x80\xe2U\xe4H\x19W=\xc9/L"c\xc5\x91G^\xa8\xdc\xbf\xbf\x003\x05\x8a\xe3Wbo\xa6\x93\xcd\xf3c\xf7\xce\xe5\xd6\xe8\xbdY^\xde\x88x\x0c\x11\x8bp\xcbt\x87~&lt;\xb4J\x92\xa0\x92[\x8a\xf1\xc0\xd9\t\xfdS\xa6J\xa3\x01\xc8\xf9\x05\xf0s\xf5o\xef\x1a\x9f\t\'x\xc5\xcb*\xa6\x89\xad7\xbd\xa5\xf2\xc9\n\xf71\x9a\xc5\x85\x8f\xc8P\xc1\xf2)\x08\xed\xe8\x0fb\x1f%C\xb3\xe7\x80R;\x1e:\xb0&lt;\x86\xb63\xe1\xf2?q\x1a5\xc7\xad \no`\x027\xbf\xeb\xcc\xad\\\xc7\x95KO\x19U\xd7\xab\xdcm\x1d\x87\xa4\xbb+\xa6\x98\xe5[c:\xf7\xf3r\x078\xfd\x0ewlO#\xefb\xb3A\xf8M\x9c8\xb1\x07P\xf1"T\xcf\xb1Z\xcf\x8d\xee\xac\x0f\xd9\x17_\xb5\xe0kE5\xe4\xe1\xf5q=\xfd\x0e\x1e\xf7\x1a7\x88\xbeP?\xb1\\^\xd1\xcc&amp;\xd4\xc5\x93\xe4I^\xbc?wb\xb3f\x93\x186i_&amp;\xc1s\xe8\xa9\xec\x8bZ\xa5\xdbzS\xcbU"e\xc9A\xa6\xe4\xd3t\xc4\x01\xed\xcdk\x1aI-0\xfa\xbftzv\x1b\x00\x16\x1c\xf9\xc7\xd6U\xc4\xd3\x19\xbbL\x13&amp;\x8a9\xf0\xe3\x91\x1e\x9a]\xd54e\x86J\xee\x9d\xb2\xe3\xad\xc6\xe0\r\xb9\x8cU\'\xab\xe8=\x8ae,+\xcf\x12\xc9;\xcd?\x85\xd0\x84?sD\x0e\x0f\xd2v\xc2\t7\x94\xd2r\xcc\x11\xf1\x9f\xcdF\x1e\xdc}O\xf3\xa3\xa6}\xae%@k\x11V\x90\xb5\xba\xf4\x8a\xa3y\x9a\xde?%\x89\x88\xc2\xe8&gt;\xd8\xbe\xde\x1f\x81\xd3\x88\xc1\xcb\x91o\x97\xcd\x1a=\xa7\x03\xc0\x19\x81q\xef\x03\xa9e\xe0x\x15\x07/\xbfkRe\xb4\x11rq\\\'\xa8\xfc\xaaQl\xd7\x85\xa7\xa8\x94\xa4\x86\xd5\xb5\xd2\x81[;\xe0\x8eS\x04\xe3\xba\x84u\xfa\xef "e+\xad\n\x9dW[_\xa9\x9f\x19\xd90mn\x99\xf4(\xddV\xb8\xb9\xbeD\x14P\xb4o\xc8\xbe$\xbc\xa18f\xee\xfdHIk\x9aZ\xaf\x98\xf5\x07\xed&amp;\xa2\xfc\x86C\x0f\xc5\xce\xd1\xbe\xd1\xd0\xbd\x92\xbb\xb4\xc7\xce\xfa\xbfC\x90(\x89\x9e\xb9e\xcc\xa0\xd6\xe37\xbfd1\x0f\xf4\xe3\xb5j\x06\xba*\x06\x80\xe2\x94\x97\xdc\x95\xbd\xc6\x04\x00\xda\xcd\xe9\xfd\x84_\xff\x02,\xc8\x1b\xe7TA\xebq\xc7\x9cL|\xe3\xe5\xeat\xe3_\xf5\xcec\xea\xcew\x95\xbb\xad3]\xe72I\xc1\x9e9kMz\xc7z\xaf\xf0\x05(r\xe1\x18\x99[\xb1]\xcdG\x1d:\xff\xc1\xeb\xbe)\xe5p\xa7\xffR\xfcG\x00\xf3&amp;\x14\xc9wY\xa4j\xf4\x0b\xca^s"\x007\x9bD\x89\xd1=\xb2k9\xf6\xe8\xd8M/(L\xde\x99{?\x02\x18\xb5\xee\x89\x89\xb5\xcaV}|\xd7\x99\x17\x1b\r\xddk\x7f\x02\r\x85Gl9\xf6\xa8\xf4\x8eH\x85\xc3\xa7jh$gw\xb2\xf4\x94\'\x1b\xac\x0c\x15G\x12e\x14\xcd{\xe9\xa4Jw\xf7-p\xf0a\xcd\x04^\xc2*\x00\xf6r\x08\xbf\x8b\xc9V}\xbc\xd8$\x82=\xfc\xd3v\xffI\xf1C\xec\xe3\xf6&gt;D\xebq\xc7%\x0f\x07\xe0\xe2\xc8\x1b7A\xde.P\x13\\|\x0c\x14m\xb1\xe0\x0fkZ\xa1y\x87\xff\x06\xd0i\xeaY\n\xa8\xf3\t`\x1e\xc3U{l\xe0\xfe\xac\xf4UM\x11)]\x13/\x9c"\xd6Mb\xf1\x1f\xa3\xd7?5pn\xd1z\xcf\xbf\xae\xf3PS\xf5c\xb5\x91\xc8&amp;\xca\xa3j\xc5n\x00\x9b[\x8eK\x90;wsV^SW\x19\x08\x03[\xa2\xc4FB~J\xb1\xec4Z\x8d=V\xb6\xc3\nV\xca\xb9?5W2R\xda&amp;\xecG.\x9b\x10[h\xb7\xdd#\xb3&lt;e9\xc8\t\xe0\x89c\xe4\xe3\x94%\x07i\xb7\xa9\x91\x00\x8a\xd2\xd0\xb9\xeb\xfcl\x92d|D\xb5\xc5\xce\xf2-\x93\xaa\x94\xd8*"\xa9\x87\xeac\t\xe9\xca\r\x07\xd0t\xc4\x01\xd6\xa7\x9cz\x0b%g\xbfh\xc55d\x1d\xbb\x9c\xa4\xde\x9f$\x03\x96\xfc\xaeK\xe3=L\xd2B\xdab\xab\x9b\xc6\xcf4\xb8P%E\x89\x81\x00\x88|\xdfZ\xd5/f$J\x02\x80(\'\x11m\xban\xb2}\xa6\xa9\xa4T\xdc\x9b\xdb\xbaj\xfb\x05wO[vX\xb3Q\x87\x00T\xec\xb2\xb6H\xb3\xf9zr\xb1M**}\xe2pk\xc9z\x0c\xf7\xcf\x8e\xd4\xec\xb3\x85=\x93U\xbaop\xdcc4lv\xaaR\x83\x00\x88gY\x7fAD\xcf\xec\xe1&amp;\x01\xb0A\xff\xbc\xc3_\x13\xe4\xed\xb2\xfe\n\x1a\x0f\xdb\xe7\xe9\xda\xe9 @a_\xdd\x01;\x00\xdc\xf8\xa6\xf4Tg\xa80\xd2\xd5\x87\xf6\xa1\x19/\xc2\xcc}\x9f\x8e\xaa9\x82z\x1d\x11R7r\xe3\xe8\xdb\xf3\x00(\xd0x6\x809\x07\xbf\x98\x9e\xf9\xa1g\x88\x90\xba\x11\x80v\x93N\x11Q\xfd\xc1\xbb\x01$\xccg8@S\xe4"N\xe6T\xc6\xc9\xa3\xa6\x90\xac\xa67d\x88\x8b\x9f\x00\xe0\xc6\xbf`B\xd0V\xe1\xed\xde\x059\x9cF9n\x91\xe7\x8d\x9d\xb9\xf2\xe8\x06C\xf6X\x90q9\x00\xee\xf7\x87q\xc2\xab\xc6\xbbaS\xd4\xfb\x06l\xbb\x05\xa2\xb0\x00\xca\xb4_ND\xd7\xfe\x01E)B\xbee\xd2\x95\x1b\xc6\x99\xcf\xc9\xd7\x00P\xbc\xe5"++\xcbA\xc2\xca\xf6/\no\x14\xa7\x04\xe0\'\xa1Jd\x04\xa3\x8b2\\\x18\x7fd\x8b4\x9f\xef\xa8\xf1d\x15I\n\xf6\xd4\xb5h\xed/\x98\xea\x9d\xfd\x135\xfbl1R\x07\x07S&amp;\x11\xd12\xb5\xd8z\x13D\xe9\xff\x02\xcc\xb5Z\xcaV}B\xed~\xdbL\xcc\x90\x88J\xb6Y\xa2\xb0\xd7\xfe\x9aY\x12c#{\x8d\x89^&lt;1\xe0f\xbc\xb1!\xd3\xcd\xf6\xdfAa5\xb7\x03\xf1ru2\xf5a\xd0\xe3\x02\x1e\xdc\xc0\xa8=\xa0$\xec9\x0f,\xda\x8fl\xcd,o\xfc(\x00\xeb\xaf@\xfc\'c\xfa\xee?\xad\xa8\xa7\xa5|\n\xa5oz\xe2\xea\x99*\x8fvOQF\x03\xa3\x06\x16\xeb\x07 Qp7Sj\xa3H\x18\xc1\xd6N\x1b\xd1\x8a-;\x05"j2\xe2\x80\xf2,J\x8e\x9a\x13m\xbf\x02%\x94Kcfi\xddw\xe1o\xa5\xda.U\xc8\xe1\x85\xd1\x07\xceY*\xab\xcf\x82\x1brIK\xb4^l\xd8\xa5O\x82\x91k\x1f\x03\xf0/"=\xd4PGE\xf4U^\xba\xf2\x17\xffo\x84\xcb\xff\x13\x8f\xc6\xd8\xa99E\x81Tw\x1c\x8aX\xc8vM\x1c\xa4\x89S_\xf8\xe8\xa6\x0b\x95\xb6,\xef\xa7\xb9\x9b\xb9\xfc\x97\xf5\xa7\x9f\xac\x96\x99\xb9\xb9\xcd\xeb\xd1\xf6\xc4\xc4\xadP\xa2\xf5b\x0b\xb2O\xec\xbc!Z1\xce#\xdbN&lt;9\xe7\xc0\x97\x86C\xf6\x14oe\x9b\xc0\x01@\t\xab\xc8\xa5\x9fw\xe8o\xdb/W\xf5\xbe\xa8\xc5\x88\x88\xa2\x97XrRQ\xe0\xc9\x98\x16\xbc\xa6\xf0y\xa9J\r\xd28~J\xc0\x19\xcf\xdc\xc8\xab\xfe\x137\xa9\xbf0\x97FC\xf7\x01\xf8j\xc2\xd3\x12\xd6\x84\xda\xc8\xc3\xb9^\x1b6E=\xe1\xf7\xa97\x90\xeaG\xc5\x89\xebSX\xc9Xx9\xd8\x81\x13\xb7\xfe\xa1\xad\x96\x91\x8b\xcc9\xf8e\xd8\xaa\x07\xd9kL`\x1b|\xb2\xb6\xd1\x96\x03\x91o\xd6\xb6\x00\x0e?\xfb\xf5\xfe\x9aB\xc4B:\x0eJWn\x98\x8e\xa0\x9b\x0f\x00\xa2\xdc:\x8aS\xa5\\\xc7\x95\xce\x9b\xb8\xc3VDI\xdf\xec\x15 \xb6?\x04\xf0\xd2\xf1\x85/\xdba\xc5\xa0ew\x84\xbdN?D\xc4M[v(E+V\xa3\xf7f+\x9d\xca\r\xb9\xe5\xa8\x11u\xff#\xd1y\xc9+\x8a\xabD\x0e\t\xa8]\xb4\xc5\x82\x98YZK\xee\x04@\x94Cg\x05-\xc6+5\\\xff\xaf\xf9\xcbp\xef\xdbi\xda\xb9\x9es\xae\x98R\x19I\xf27\x9c\x05m\xebJq\x89\xa2\xe6\xae;5Ya\xa5\xa8\xa0\xd7\xff\x91\x1d\xa7\xdaz\xee(E\xe5\x8e\x951)O\r mYi\xb5,NXd\xa1So\x7f\xb6\x0e8A\x9e.\x94\xa0\xb2\xa7k\xe1H\xb6\xea\xe3\x0b5\x99\xeb\x95at\xcd\xa4\xff\xa2\x9b\xb9jO\x11\xfe\x94\xf8&gt;\x8bT\x88}\xf8\xc6\xcf\xd3\xd9y\x97\xc8\x13\xff\x01\x10\xf2}l.q+\xf4\xb0\xb7 \x9a\xbe\x1dK\xb6^\xf2\x0f\x90Y\xd7Z\xc5\xb1W\xf8\xd3\x80\x13\x1aQ\x1a\xa2\x18z\x0f\xff\xe91%\x08\x95\xb4\x85Z\xb1\x16\x0b\xcd\xc8\xdc\xad\x14m\xb1`\xc2\x96W\xe1S5\xf0tE\xf4``F\'\xac\xa4!O\xce\xda\x93\x93\x16\xec\xf5\' \x17\x98\x08@\xb4\x8c-\x14\xf2\xcd\xdfp\x16Q\x90\xae*\xa9s\xe8)\x8cF,\x88R\x84\xc8\x9fb\x940\xa9Fd[\x0e\x8bQ\x92\xc2{\xb9e\xa56|K\xb6^\x92\xbc\x18\xbf\x82q\xa8\x84c2\'\xf5\xe9w \x8aR\xae\xe3J\xa77\xed_`\xd0\xb2;qsvd/\xe1\x07\x93fV\xc3\xa5l\x90 O\x17"\x1a\xb1\xe6\x11Qj\x8a^b\x9a\xdd\xbcB\xd3\xab\xbe\xe36\xae\xfe\r\xa2\xe8:\xea\x90\xa9\xd2(\x16\xb6\xc1\xe0\x90\x99\x83\xa0X\xd9\xdbY\\\x84\x97\xc1=C\xa3\x84\xcc\x80}\xf9\x19\xde\'\xa4\xe9\xc8\x83\xfaK\x0f#\x1d\x94\xda/\x7f\xf7U\xe7u\x04\x1d\xb2\xc4\xa0\xcf %[/\xf9\x04\x0c_\xfdP\xd9\x0b\x0b\xc0Ay}uez\xce\xbd\xca\x992j\x86\xe6\xfa\x8a0\x9d\xfbv\x9b/\xbd\x19\xf8\x08Vca\x92\x87\xcc\xc9\xc7\xce\xde^\xee\x80\x99{?v\x99q\xe1\x81%\xebV\xbf,N&lt;\r\x80\xb9|_\xae\x9d\xa6\x9d\xb3\xfd\x8aV\x1c@\x91f\xf3!\xc2E\x89F\'+\xcf\x01\xc0\xd6\x9b\xa0\xf8\x15\xa7\xed\xfe3S\xe5\xd1\x14\xbe\x80OP\x1b\xa1\xb6\x1a\xf2\xf2)\x15&amp;y]Sje\x01\xd1\xb2\xd5\x98@D\xcc5\xebgZ\x15.\xddnY\xe2\x02=\x88\x92Y\\N\x86\xb0)\xeb\x1b\xcc\x81(&gt;o\xda\xb8\xe5)n\x85\x81Ko\x8f\xdd\xf8\xbcH\xb3\xf9k/!\xb8\xc1\xcc\xd2\xed\x96\x91\x7f-\x8a\xee\xf4)\x13Q2\xdcu\xa8\xbb\xc5\xdb\x7fw\xeai\xa4\xe3\xc14\xb4\xc2k\xcb\x8bYw9\xa4\xd1\x93\xb0\xbfQ\'\xa7\xe8p\x81x\x81\xc5d\xb5\x8f\xa4\xd2\x0b\x98 g\x16+[\xbb\x96c\x8f\x8aG\x03ZP\x96L\x90b\xc7\x9d\x9f\xaa\xbdch:\xa3\xa4\x85z\xe9\x18t\x17j:W\\\x9c\x18\x9d\xd6\xd7N\xf8\x94\x16r~\x05L\xdc\xfa\x07\x00\x8a\\$$A\x92\x1ak/i\xbbq\x93\xb7\xbf1\xa1b\x96\x10`\x8f`\x9a\x88\xc2\x17\xf8\xe9\x1e\xc8\xa0u\x971c\xcf\x07K\xcb\x98\xb6\xeb\xbd\x91\xc3\x0b6\x99#H\xbf)s\xe01\x94\xe9&lt;\xfd|\xab\xb1G\x95mJ\x00T\xec\xb2\xc6H\x85E$0)\x1f\x15\x92\x14\xec\xc9a`\x95\xc6\x1dU!"\xa2\x86C\xa4\xb5\xcd?\xe8\x1a\xc2\x16k\xb1\x90\xfc\xb8\x1e\x00gb\x9440h\x8e\xac\xf5X\x00\x1d\xa7\x9c\x91t1\xe5\xccG\xcd\xdc8\x9b\x82\xe1\xad\x15\xc4rg\xe09N\x06,\xf9\xdd\xc1\x02\x88\xe8!\x90\xa3\xe6D9\xc5s\'\x00\xa8\x86h\xad\xda\xc3\xa6\xef\xd3x\xd8~\xeez\x85#J\xa5X\xa8y\xce\x9a\xbe!\x1d\xf0\xb6[Xu\xce\xf91\xcdPa\xc4\xe5/\x9aB\xb9\xc5\x02\xd0u\xe6E\xd3j\xe81\xcc\x8d\xcf\x18\x82\xc7\xa5!\xdcG`\xdd\xb89;:l\x89Y\x8a\xe78\x95\xbe\xd7\x059\'\xf2Z}\xb7\x1a?\t9J)z\xae[G\x8b1G\xf6&gt;t\xc7\xd8\xb1\xd5\xd8\xa3\xf2\xfd\x96\xbf\xbe\xeep\xf5\x05\\\xd1\xeb\xbaS\xa5\xfb\xfa\xf4\xe5\x87\xeb;\x96(\xae\xde\x035\x93\xa4`/\xa2\xcc\x00\xc8\xbf\xb6B\xb2\x9f\xee\x03@;iJ\x0f\xa97p\x97x\x0blj\x0f\x06=YS\xa5*5\xa8j\x8f\r\x94\xa8*\xf7U\x8e\x90\xb8@\x8f\xb0)\xea\xb3\xc7z\xd9i\xf7\xdd\x9b&amp;\xc3\xf7\xb3B\xfd\x8b\xf4%\xca\xe6\xb47E\xf1\x01lo\xea\xd2C\xdcV%/ \x13\x7f\x00\xedP\x8400r\xd7\xcb\x9f\xa0P\xd3\xb9N^\xa7!\xc8\x0csYD\x1de\x9a\x8d&lt;\x98\xb1\xe2H\xf1\x96w\x16\x9e\x11\xafZ\x85^x\x95\xc3\x01\xec\xba\xeb\xbe\x96!^\xaeN\x11\xd34\x96\xdb\xeb(\xa8\xe7\xa0#=a\xcb\xab\x06\x83\xf7\x10\x11\xf9U38e\xc2A8\x8b\xf3\xd7\t\x80\xfd*\xc1\xa15\xd8EF\xcf\xdc\x92\xc2\xe5\xb7\x9b\xeeJ\xac\xb6\xfcB\x8e\xd4N\x7f\x03p\x9d\x9d\x98w\xe8o\xa2\xecl-\x16\x80&gt;g-}t\x9av\x0e\x80\x82\x05\xa3\xbe\xa1\xee/\xbc\x96\x16\xa3\x0f{\xf3\rU\xe8w\'o\x7f\x13P\xb4/E\tY"\t,\xd6_\x9c\xc0\x83\xd5v\x0b\x968U\xeaE\xfd\x9b2W\x9d)\xaait\xa1y9\x00@\xc2\xbc*\x12\xbcy\xeaNS\xcf\xc8\xaf\x1a\x7f\xa1\x16)AM\xd9\xf1\xf6\xff\xe0Q7\x83\x9a}\xb6\x88\x17q\x19\x00\x9c\xc4#\xeb\x0e\xd8\xf1\xc5\x9b/h\xcc\x92F\xee\xb7\xa4\x9fk\xb2BJ\xfe\x88\xbf\xb0\x9e\x9c\x9e\xae\x804\x17&gt;)}\xf8.?\x03I#R!\x81n\xdb`%\xc4&amp;\x11\xbf\xf0J\x94\x1b(f\xda\xd2w\xe1o\xca\x99L\xd9\xf1\x96\x88\x92\x17\x97\xf6\xc1\x01\xf0;\xa0I\x8d\xd9\xa4nR\xc2)\xd7\xda\x0e\xb8\xe5\x98#\x19+\x8e\xb4\xb0\x00w!3*\xd7a\xc5\x17\x8a\xd1\xee\x1f\xc2\x8d\x96\xd1\xa8\xd7\x12;\x87\xac/\xc4\xff!J\xdd/\x90\xab\xf6d\xb9\x03\'o\x7fc\x7f\xddL[;8\xff\xd1=\x1f\xd69\xc8\xde\xfa{\x15\xaf\x14O\xfc\xd2g/\xfef\xd0C\x90\xf27}\x8c\xcc-\x95\xd7t]I\x90\xb7\x8b\xf1\xe0.\xb5\xfbm\xf3\xd2\xef]\xb9 \x04\xde\xc3\x80%\xbf\xc7\xc9\xd1\xc1\xd3\xb5\xf0Z\xbcT\x9a\xca=\xe4\xad?\xdd\xfe\xd3\xd7H&gt;\x8dBe\x089i\x94{\xdfGP\xf1/gM\x15\x8b\xf0#dh\xfb\xe5\xec\xb6\xa4\x86]d\xaa\xcb\xf4\xf3\x82d\xac\x15\xb8}\xfe\xdca\x12\x1b\x00\xc5*\xeb\x96rC\x03\xf1+\x0e^~\xd7=Q|\xf8a\xcf\xc6\xc5O\xd0\xba\xda\x1ddM}BHR\xb0g\x8e\x9a\x93\xac.\xe5\x17V\xa1=L\xcd\xcfD\xfe\x86\xb3\xcc\xc9\xc8\xcb\xda\x0b#(w\xc0\x05\x1b\xcfV9&gt;\xa0\xb6SO\x06\x80(\xd2\xe2\x13\xdf\x01t\x99~\x9e(~\x81\xc6\xb3y\x1e\xbc\xf9G\xfe!\xa2\x19{&gt;X\xdd/\ng\x17Tu,O\xfa\xc0b\xfd\xf4\xa9\xdc02Tp\x9aYt\x8e\xb3\x12\xba\xf0\xcb\xdf\xc3.\xa8`|\xda#~\xd6\xea\xe3\x95\xe3\xe2x\x88\x1cg\xff\xd4\xf6\x10\xa6\x1b\xbf\xe5\x95\xd1\x07\xd7\xb74\x11)x\xe3\xd81\x1a7\x89\x88\x88"\'/\xde\xdfm~~\xae\xe4\xa8\xf5\x13\x0f#$\xee`\x0b\xb3c\t\xff\xe2\'@\xb9\xf7\x05 \x8e+ M\xd8|,e\xe9\xb6\xcb\x88\x88(\x1bQT"Zs\x11\x00(\x90\xe9\xc3\xe4N]zp\x9a2*&amp;\xfdld\xcf\xc2\x00\xb8\xeb\xdbT\x19s\x9c\xe2\xde{\xc5\xb9\x08(\xa9}\xb9\xe2z/\xb6\xfc\x06\xd8\x96f\x8d\x13\xcb\x8cLl\xb4\x9dxr\xf3\rK/\xb5\xabBK\xcc\x92\xc2\xcf0\xc9\xeb\xde5xQ4\xce\xb6;Q\xbe\xe3\xaa\x08\xa9\x1bi\x91\xb9O%\x08?\xfd\x82\x93\xb6\x13OJ^\xb4Rm\x96\x02\xa8\xdek3\x91\xb4\xab\x89w\xb4h\x96\x00\xe0\xd7\x83\xa4\x0f\xd5\x0e\x98(\x9ej&amp;\xc5Z.\x04`\x1f\xe1\x05d\xa80\x92(\xb9K\xaa \x8e\xea\xf0\xd8\xda\xb8C\xb2\x1e@\x91f\xf3\xc4\xf3\xeab\x86\xadz $s\xdd\xeb"\xbd\xe0\xcf\x92e\xb3\xc7&amp;2\x97\x7f\xb5\xbc\xd7\t\xf3v\x15nh\xa5\xaek9\xda\x84t\xf6\xc7 \xc4{\xe7]\xc8\xb3a\x94\xa6#\x0e\xb8\xe6\xa3/\xe7\x9a}\xb6X=n\x1b\xb3\xe1\x99u\x99k`\xde\xa1\xbf\x9b\x8d:$\xb3\xd3D\xad\xd7\xa4\xeaI8p\xbd+\x89\xf3\xf70%g\x8f \xf7\x901\xfdj\x00\x05\x1b\xcf\x91\xec\x8d\xee\xfd\xbc\x1d\xf0\xd0\x95\xf7=]\x85P\xc9#\xd5\xee\x17p\xd6\xf4 "\xa2\xc8\xe9\x9a.?\x03Q(0\xcd\x9aG\x92H\x8d\xdd3\xc9\x98C[\xab\xf0\xa0|:\x00f\xef\xffLDD\x12B\xd9\x0f\x00\xfe\xc8N\xac\xa0\xeb\xdft^\xba\n\x9dW\x03\xe0\x14Z\x19\xb9\xee\xc9\x91\xe7\xb6\xdb\xdad\xf8\xfe\xb0)\xea\xf7\x9e\x7f\x9d\xa7zg\xde;T\xaf\xd9\xc8\x83\xe7&gt;\xa8V8\x1e;\xb6\xd7\xdc\xab5\xfbl\x91K\xe4\x97\xbf\x07\x00\xdflm\x99\xb1\xf4]\x87\x91\x9f6\x96\x9fV&lt;\xd0\xc2\xb0uf\xc2e\xa1\xc3\xces\xcf}\xa9S\x8dR\xc4UV\xc2\xb3\xb0\xda\xae8\x0b"\x8a\x91\xb9\x15\x1385\x96e\xd6\x84\xf9\xba\xf5[\xf8\x1b\x9bjs3\xectj\xf6\x91\x10\x1b\x12\x9e\xdd\rW\xad\xeak7^\x83\xcd\xd9\xdf\xed\xa8D_\xfe?BZ\xa9X\x07s\x0f\xfe\xa5\xdc\xfb\xae\xbd\x04\xc9!u\xe3a\xfb\x00\xfc\xf6\x1f\xec\xdf\xa3\x99L\xe9\x80\x89(^\xeeNN[bd\x91\x12\x7f\x8dP\xd0xY\n&lt;7p:j\x97\xc2AgQ\xb8\xd4B\x14\x16E\x9c\xc5C\xce\xbc\xd3P\xcf\x86C\xf6$.\xd0\x83\x15w\xf3;R\x96\x1c\xa8\xac\xcb\xb8\xf8\xf8\x7f,\xb1r8E9\xbe\x00\x00\xd2\x96\x1d\x06\xe0\xf8\x1f\xb2\x95&lt;\xf2"d\xd7\xa4m\xaf\x01\xfc\x03\xd4\xe9\xbf]kqg\xffT\xea\x80\xeb\r\xdcU\xb4\xc5\x02\xadyz)\xcaOX\xca\x92\x03\xddU\x119-\x9b\xf0\xe2?Xm\xd3\x94\x19\xca~l\xba\x0e\x03\xcaj\x8c\\\xe4[f\xfa\xee?Miq\x14\xf1\x01\x90\xa5\x8a\x83\x9d\xc8\xb6[\xb6\xe7\xac\xe5\xff\xd9\x9an\xa4\xb4\x8d=]\x85\x9f\r\xe5\xdeW\xe65O\xce\xfc;\x01&lt;\x06\xa2fl\xde|\xd4\xa1\xca\xdd\xd6\x99\xd5\x01\xeb\xe0\xe8K\xe8P\xeaW3\x89\xc8fY\x07\xec\x80\xa2\xf0\xa4D\xce;n\xe3\x91H\x99\xab\xcf\x82\x1b\x00\xbes\x16\xe7[\x86\x9d\x17#\xa8\xea8U\xe7L#\xb7\xf5\xcc{\x00\xa0\xb0\xc1\x1f\x00\xa2\x9cDQ\xf8\x8e\x0b\xa7\xd3S#QU\x00\xd7\xfe\xc1\xba\xcb\xba\x9f\xc3\x9fP\x86\xcf2\xfck\x13\xa5\'"\x8a_Iyy\x89-3D\xcd\xd0\xdcX\x1b\x91\x11\x80\xdd\xbd,\xbd\xdeL\xb41s\xdf\'\x00u\x07\xee\x14oL\x98\xb7+\x80\x17\x86\xdb\xbbv\x93NiI\x1e\xba\xed6\x1d1&gt;oa\x8a\x11\xa2\xe7\xe1\xe9\x80[\x8e=\xaapT\x9e\xba\xd3\xdaL8q\xf2\xb5\\om\x02\x11\xd34RI\x11N%4\xac\xdc\x14\xa8\xa0\x18\xaf\x15\xe1L\xc7mz\x01 E\x89\x01\xe2\xbdW\xfe\xc6\x90\x15\xf7\xcc\x94\x8e\xb7\x91\xd9i`\xe4\x93\xb5\x8d\xfc8I\x8ex\x14\xbd\x84\xfd\x10+\xdb\xb1p\xc1\xb6R\xa2\x14-\xd6\x92\'pu:\xa7\xb3\xd3Nn\x00D\x89x\xac\x16\xa40mb\xc9\x89\xb4[o\xa2\\\xc7\x95\x16\xe5\xee)\x84\xc8\xbee;\xac\xe8&gt;\xfb\xb2rb\xbf\xfc\xdds\xd7\x9dj\xbc\x8d\xe8\xb7\xe8&amp;W:S\xa2\xc0\xba\x0c?\xe3\xe7\xe9lJ\xb6\x8c\xfa\x83v\xa9\'\n\rX\xa4&lt;g\xc7fL\x04 |\xaa\x86DD\xe4\x1b5#W\xc4V\xcb\xb4&gt;LSFT\x98\x80f\x96\xae\x00\xba\xcc\xb8@\xf1+\x8a\x0e\xf2\x11\'\x1b\xb6\xea\xc1\xb8\xcd/\x1f\x1aj7]q\xb0=\xae\xd1{\xb3Z\x88\x1b\x15\x00\x98\xea\xf2\x90\xb9\xf3\xf4\xf3l\xf6\xbex\xabE\x00t\xd8\x85\xf9\x05wW\xba\\q\x1d\x8c(\xd9@\xfc\xfcG\xec\xbeg\xbb\xce/\x01\xa2\\b\xf5n\x1d\xa7a)B\xc5\xea\x0e\xd8\xd1\\\xd6`(\x84\x15g=|.\xd9\xaa\x8fw\xf6-\xf4-c\x8e\x93\xce\x8e\xdb\x88\x9f\xbb\xb3\t\x19y\x11\xbe\xa7\xde\x88\xef\x13\xbf\xbe\xb6\xabq\xa6\xfbp\xfd\x98P\xa0Z\xcfM\xde\xf9jy\x1f\xda\xdc*4\x119]\xd3\x1f\xc0\x81\'!MC\x8a\xe2\x03xtv\xe2\xe4\xec\xf0\xdb\x7f\xd2\xf7.E\ta\x8d\xc6\xb6V\xb2\xf3\x8e\xc1\xbb\xac;\xd8x\x0c\xc9\xde\xf7\r\x10=SK\xa1\'\x0e\x93\xbc\x9e\xb8StM\xff\x1d\x00P\xb8\xd9&lt;cg\x11\x92\xbf\xd4\xe6H\xfas\x8c]Vo\x08XYX\x08a-6\xa7\xe1\xb4\xbf\xcby\x82\x1b\xce\x14_gJV\x93\x89\x86&gt;\x01\x88(s\xe5\xd1\xaf\x85]ZIT\x05\x80d\xe0?\x81\xe4\xc5\xfb\x03\xc8]g\xaa\xe6\xccE\x0fI\x85\xce\xab5\xa5\xd7Q\x96\t8F],\xd6b\xe1;\x13+\x03\xfeE\x82\x9f\x86\x84U\xbc\xd0\xb9\xdbv\x8fm\x9e\x916\xba\xcf\xba4y\xfb\x1b\n\xa8\xe3\x94\xb8\x83-\x9a\x8d\xaf\x9b*\'\x8d\x81V\xef\xa7!z\x89a\xab\x1e\xe4\xab?\xc3\xfe\xb7\x8a\x97&lt;\x80F\xc3\xf6\x85MQO\xc5\xa9&amp;r\x11U\x1bT7 \xd9\x01\x03\xa0\x04\x95\x89rw\x99q!B\xeaFN\x93\xc0,\xc1\xc4m\xaf7\\u&lt;\xc4\x8bi&gt;\xea\x90\x7f\x91&gt;&amp;f\xa8\xfd\x94\xd3\x01\xa0\x80\xdaD\x94\xad\xfa\xf8\xab\x7f\xab\x1d\x1b\xa1\xa0pa\xab\xf5\xdc(.K&lt;\x0f\xd7m\xe6E\x00\x8e_#\xbc\x00(\xa0\xa6\xb2\xa2\xef\xb6\x8a\x1f\x89\xa6#\x0ep\x1e\xc2;\xbf\xc8E\x8c\x85G\xbf\xf1\xcbv\x9e\xb3\x1bpe\xaf1\xa1\xcd\x84\x13\xeb.#Y\xe1\xde1\xb3\xb46\xa7.\xde\xffz\x98B\xf4\xcc-\x9b\x88n\xb6{\xc4~\xf37\x9c\xa9!\xb5_5\'\xf7\x89\xba\x03vZ\xdc~%\x7f\xf8\x7fp\xebu\xcf\xf9[q\xd9\x13\xe4\xedR\xab\xef\xd6L\x95F\x19\xd1Nr\x1b\xdf\x01\xc1\xa8J\xcc\x82#\xffP\xecr\x14\xb7\x82\xd4\xe7\xb5\xbfm\xf54~\xa5\x86C\xf6\x1e\x7f\x05\x00{\x1f8\\I\xbf\xfc\xdd-\xaa\xf0\xc6k\x96=\xcf\x91\n[\x92m\xd8`6E\x07 v\xf6\xf6\xd12\xb6 \xca\xaa~T\x98\xbcR\xe3\xb3h\x15:\xad\x9ew\xf8\xab\xed/\x9f\xd2\xecfu\x98rFW\xcd\xd2\x01\x18\xbf\xf9\xa5\xaec\x95\xf0\xfc\x98,lp\xec\x1c\xed\xa3gj\xa9\xe9 V\xe7s\x7f"a&gt;\xf3W\xb5\x94\xa6\x1a~\x16"\xd8\xad\xea3\x84\x8a\xb6\x8f\xf1\x10\x18\xba\xf2~\xfdA\xbbL\xf1\xf2\x9e\xb9\xef\x93\xf8O\x00\x8d\x87\xed#\x8a\xece!\xd5\xbc\x05@\xb3\xd6+\'\xb9\xebL\xad\xe7h=\xe7\xb5\xc4\xca\xde\xaeN\xff\xed\xae}\xb0M\xd4E\x9a\x88\x91\xd26a\x9a\x91\x00\xfa,\xb8\xa1\xbd\xd8\xd4MG\x1eTM\xb4\xfb\x1e\x88h\xf8\xea\x87\x94H\xc9a\xc6 \xac\xab(\xd6ra\xdb\x89\xeeL\xb5\x13\x00\x00 \x00IDAT\'M\xcf\xbc\xdb\xccK:\x8eJSf\xa8j\x1av\xf1\xa7\xee|\xa7#\x7f!\x87\xaf@D\xb3\xfd\x0b"\xa4n\x04\x19\xa9\xac\xb4e\xd5\xcf\xeb\x17\xa1\x92A\xcb\xee4\x1fu\x88(\t\xc5\xab\xc85\xc6\xfc\x19a\xef\xa4\xb0\xa6X\xa4\xf9|JX\xd9\xa35\xf2j\xe4\x8c\x13-\x89\xaf\xa7\x19\xb7\xc6.\x8c\x97\xbb\x93S\x07\xac\xa0\x8b7j\xdd\x13qJA\x19\x8a\x9f\x8a]\xd6\xa8~$EJ\xdb\x18@\xcf\xb9W\xb9\xbf\xa5t\xae\x85\xd7\xee\xb7\x8d\x88(NyM\xaaR\x1c\x84%"\'\x13\xa4T\xa5\x06\x9b\x95;\x80\x8eS\xce\x9a\x95\x9b\xe9\x0c\\z[\xbc\n\x13%}3\xa2\xc8\xbeY\xdbz\xb0Jr\xb4\x1e\x7f\xdc\xd3Up+)=]\x01&gt;x\xbb./r\xd1an\xef\xff\x0f+\x0e\x96a\xc9\x07q(\xc1/N\x8e\x0eB\xb7\xdax\xd8&gt;\xa2@W;\x80|\xf5g8w\xd5zQ=\xb6\xd3\xd4s\xba37\x1b_"bv\xc8\xaaI\x97\x9c\xfc1|\xf5\xc3f\x12\x9f\xf8fJ\x1f;\tTy9\xee\xafm\xc2|]y\x93\xc6*c\xbc8~K\xe0_p\x92L\xfc\x87\xa6e\xad_]\xe0/,\xc5\x88\xf3\x15\x80\xb89;\xc6\x0c\x92\xb31\x89F\t*\x97n\xbb\xec\x93\xbd\x7f\xbd\xf4\x19=\xe6\\Ys\x11\x1f\xe1\xcc\xa8uO\xec\x11\\\xf4\xb0\xe7&gt;\xa6\xee|\x97\xbf\xe1\xcc\x06\x83w\x1b\x14\xa2\x97\xc2\xee\xae\xed\xc3\xa5\xd4\xa8H\xf8\x9c\xb5&amp;\xd7\xe9\xbfCn\xb6\xf6\xfc\x07\xec{h{\xe5\x8f\xbd\x02\x80\xd3o][\x80d.[B=\xddf]\x02@a\xf2N\xd8\xf2J\xd9f\xd37k\xdb|\rf\x10\xe5\xa1\xb0\xc1\x96VIx8\xbfr4\xc2\xf9\x1b\xcd\x8a\x96\xb1\x85\xa5\xf5\t\xfd\xe87\x8e\xc8dV\x15"\xa6i\xd4\x9eS\xb9"B\x01\xfa\xa9\x85\x97\xb9I\xed\xe9\n\xfc\x84$\xc8\xd3\xe5\xeaW\x90}\x84gwM\xd6\x06\x80\x1es\xae\xf0H\x8aFH\xddh\xd3u|p]\x1f\x16\xbe}\xa3\x17\xb7\x9b\xeb\x1b@*v\x88;)\xd5v)G\xaaD\xf3\x0f\x7f\x95\xd3\xd9\x15\xcf\x04\xb0\xdf\xd5{m2\xabz\x9c\xa3y\x00\xb3l\n\xd5\xee\xc3~\xe2\xc9;M;\xa7\xaa\xb7\x0c z\xa6\x96D\t-\xfd&gt;1&lt;7\x93\xcb\xe4\n\xfd\xc28=\xe6\\Q\xbd\x9d\x00\x84\x88\xe2\x1e\x81\xd3\xe5\x8e\xb1\xf5f\xa8\x1f"\x8c\xd9\xf8\xdc\xd3U\x90!Iuw\x95\x94\x9d\xe2VpC1\x81\xc5\xfaK\xf4\xbe\xbc\xe2\x82n\'|\x01\xf7\x97\xb9\xf6RH\x07&lt;\xf7\xe0_&amp;\xe6\xcc\xd9\x97\xb0d"\x7f9\x1e\x8cj\xbae\xad&gt;&gt;z&amp;\xde/\xc8\xf1\x9b_\xda\x9c\xc5E\xdfTqrv\xa0\x08\x05\xa3gn\t\xc0\xe0\'\xd3G\xd1Ub\x92\xbdzr\x89V\xccH\x1d~J&lt;\xfb\x9e\xc7$"\x8a\\\xa4\xd1\xb0}n(\xcc\x88b\x80\xfdE\xe5\x89\xe9\xc6t^t\xb2\xe57\xec\xba\x17\xea\xfbo\xeb\x98\xbc\xfd\x8d\xa7\xab`\tE\x9a\xcd+\xd6r\xa1&gt;E\xb6\xf4\xe5G\x90\xddI\xda\xe4jY@\x9f\x057\x02\x8b\xf6\xd3\xea\xc7b\x19\xea\xc2/\xa1\x14!\xdeC\xc6\x8a\xa3\x0c|\xb32\xb2\xe8\xcd!\xc5\xdb_\x13\x96\x12$\xa8d\xff\x15\xc3\x83\xb5\x10\xe9\xfb\xe8wm*\xd1z1Q\x123\xaa\xa3J\xa0\xa5\xd3;\x0c\'e\x80_8!\x0e\xf0BDD\xa9B.W\xa2\xaan\xaf\x8e3]f\\0rx\xf2\xe2\xfd\xb5\x1eR\xbb\xdfvv\x05\x16\x9f\xf8\xdex\xd8~#\xa5\xbb\x03\xbbZ\xf2\xf23(\xd4t\xae\xdb\x8a]s\x91E9\xf4w[\x89\x06\xc9Ru\xacz"E\xd8j\x08\x80!+\xee\x01\x18\xbe\xfa\xa1\xc1\xdc\x00\xb4\x1c#!8\x98\xbc\xf8\x00\xd7\x8dD\xe4\xa0\xab\xe3S\xfa\xff\xb3Y\x930\x8af^\n\xba\xd6\x11\xcd\x0e\x14\xaa\xcbd R\xba&amp;!\x7f\x84/\x00\xd8\xd4@\x13\x05w\xb7N\xf5\xdb\x8d\x84\xd1\xf7\xa4F\xcd`WQN\xec\xb6IZe\xb2\x13Q\xd1\x16\x0bt8\xd2(\x109]S\xa7\xf8&lt;\x00X\x8c\x17\xc3\xc3|K\xa8;`\x07\x7fb\x00\x17&gt;j&gt;\x85Q\xeb\x9e\xd8\x7f\x86\xa7\xb8\x15B\xd4$t\x11)m\x13\xf5D\x06\x18\xb5\xfe\xa9^M\x7f\x9d\xb0\x07\xe3\xd6\x0f\x16\xe4\xd1=Ek\x0e!e:\xec\xac\xc7o~I\x14\x85(\xbe)\xb9I\xbe_j*\x0b\xb6AO\x83\xc1\xbb\r\xd6\xc1\x9b\xd1\xe0\xd7\xb8\xe9\xba7\xb6S\xdcDY\x7f\xc5\xa1\xf2\x00\xd6\\\x00Q"\x00m&amp;\x9c0^\xc0\xe5\xbf&lt;{qr(G\x12\xfd\xa9p\x92h\xe7%H\xfc\x07\x00&amp;\xcdv\xe9\x8b\xb3hT\xa8@\xac\x0b\x91\xa3\xd6\xa4\x8c\x95F\x19\xce2\x94\xf8"\xba\x8b\x08\xa9\x1b\x02H\x90\xb7K\xee\xba\x82\xf6\xb2\xb3\xc1W\xad\xbe[\xbds\x00\x17.e\x03\x85\xbd\x91\xd35\x95\xd9\xe3g\xccZ\xca\x99BM\xe6\xb0\x89h\xa9\xa2&lt;?\xf3\xf4\x93\x12\xb5X\xb6\xea\x13\x9c\xb6\xed\xb9\xef\xc1g\xd4\xd7u\x93\xed!\x8bR\xe4\xf4[\x84K\xd5\x80\x88&lt;k\xae\xe5Fbz\xba\x02^A\xee:S\xcd\rf\xc5I\xb5\x9e\x1b\x9d\xe2I\x9b@@m\xc1\xe5\xc6(\xd1K\x00\xd8y\xd7\xebz\x14/\xc4\xdeQ9}\xb6\n\xd3i"5\x82\xf8\x952U\x1a\x15X\xac\x9f\xa6\xfc\x87\xae\xbc\x7f\xf9\x0b\xef\x8d\x98\xb4\xfd\xf5\x86\xab\xbc\x89cdn%\xb7\xeb\xe4\x1b3\xc7\x13E\x9b/\xa0\x88\x85\x00\x8cs\xd5\xd7\x8c[\xbe\xed\x04\x05\x993\x16k\xc4\xad\xd27Z\t\xeb\xe9\n\xc8\x12X\xb4_\xca\x92\x03E\x1b2\x01\xe0\x11\xba\xb3\x02\xa7\xe0\xa0!D,H\xc9j-?m{\xda\xe2\xe5\xea\xe4\xbe:y\x11!\nea\x92\xd7\x95L\x11;\xbb;D\xbc\xed0\xed$o\xb5\xe65\x0ct\xc9T\xb9\x13\x00\x1duJ\x19K\x11\xa9\x90iY9c]\xd0-\xfb\xd4k\xd4\xa2Z\xc5\xbcbdiED\x8f%?"\xe3U\xbc\xfeMC\xdfV\xa0\xf1\xecW\xdc}\xe1\x8do\xaeC\x01eb\xa8F11\x0e\x80\xeb\xdf\xf4|R_\xfc$\xa4\x0f2\xbbR?)\xd13\xb7$\xf2\xa3\xc0\xba\xf3\x8f\xfcCD\x14\xb9\x88mG@\xed[?\xd8\rP\t\xe5\xa80.\xb3\x8e\xb89;\xc6\xcb\xddy\xc1\xd1o\xf9\x1ah\xf2\x16\xf0&lt;\xa6\xf7\x8b\xee\x9cI+\xd9f\x89\xcc\x9e$\x00&lt;=\x9fo!\'\xfe@\xad\xbe[=]\x0b\xb7\x91\xc6\xd3\x15\xd0\x8a\xaf\xb3\'\xb7.U\x93u\x97q\xe2\xb5\xf8\x19\x0eCDl\xc1\x8b\xef-\xb3:H\xab\xcd&gt;9\xa0\xa8\xb6\x8fr\xad\x00\xb8a\x0f\x92L\xf1\x94\xdd\xf3\xa4B8\xfb\x94\xb6\x89\x92*P\xb4\xf9|\xdd\xf5\xfb\x99\xc8Pq$\x11\xd5\xee\xb7\xcd\xf5\tc7 \x93\xe22\x15\x13\xb3U\\\xbaH\x96\xacPo\x9d\x95\x8b^BA\x9f2\xa8\xeaX\x00\x9e\x8dLl\x90`M1\xa0d\xf8\xd3]\x1d\xf0\x85O\x18\xb5\xfe\xa9\xdc^\x00\xe7\xb5\x9b\x14y\x9a\xbcD\xe9\x82\x1b\x98p\x17B#\xbab?\x98\xc6\xd0\x95\xf7YP^\xc3\xcb\x8aY\x88(n\xce\x8eV\xc4#""\xa2\xb0&amp;iN\xe5\xa40\xf9\x0e&lt;F\xbar\xc3\xf4Z)Gbm\xf2=\x80\x12W\xdfq\x1b\xec\xc3\xddt\x12\xe6\xeb\xd6l\xe4AV\x96\xed\xc3\x8c\x9b\xf2\x9dVq\xa5;\xea\xec\xe1\xf0\x7f\x8dm\xb0\xe3\xfc\x9c\xc5\xe6\x1a\xf7\xc5.+\xb7\xe7\xd6\x0f\x0cYqO\xa7\x9c\x82o\x99.3.4\x19\xae\x18\x053Zq\x91\xb0\xa5\xd9f\xdbn FIO\xd7\x80\x97\x1c5\'\xb2\xb1\x9aEl\xba\xae;\x18\x9c!\xaa\xf7\xda\xe4\x13\xd4\xc6\xfd\xe5\xba\x13\xb9P\xf0m\'\x9c\x88\x9c^\xce\xae\xc7t2d\xac8*|\xaa\x86\x85\x9b\xcd\x13,\x86\xde\xda\xbe,\x13\xea\xcd3\x12\x85\xc9G\x94\xd4\xfe\xa7H\xa2\xd2\x13\x12"\xca\x08g\xfd\xdc&amp;\x0fn(\x13\x8aZ\x94"\x14\x94s\xe9\x9cs\xe0\x8b\x81\x9a\x12\x11\x1d}i+h\xb4\x92\xd9s\xa0\x8b\r\xa0\x8c\xe9\x96+\x1e\x998\xd5\x82\xd4\xa7\xbde\xd8\xe7X\xe2\x98\x9co\xac\xb2\xb5\xfbo\xd7}t\xec\x1c\xedS\x94\x18\xc0i\xd1\xee\x856\x8d?\x17&gt;\xd6e=y\xfb\x1b\x00}\x17\xfef]\x11\xff\xf7HK?\xba\x93+\x7f\x03\xc0\xea\x0bB\'\x02\xc3vmQ\xc7o~)\x9e\x03+\xd6b\x01\xfb\xb1\xd7\xd9\xba-\x8eIa\xea\xc3\xe8;\xec\xd4[\xdb)\x97j\xbbt\xf5\x05\xe8\x9f\xe4\x8f\\\x84\xe5s\x17\x98\xb0\xe5\x95&gt;\tU\x1eBzz%\xc4\xb1\xf2\x84\x95\xe9P&lt;%\x19\xc2\x0f\xc737\xa2\xeb\xc4I\x99v\xcb\xad.B\x1fqrt\xe0If\xd9\x04\xd4/\xdc\xc1\xff\xed\xf8\t\xc0\xfc\xc3_\xfd\x8b\xf4\xa1d\xb5&lt;]\x17"\xa2\x99{?\x1a8ZE\xfe\xf7\xec{\x10e\'\xffZ5\xfbl1PJ\x08\xb3\xf7\x7f\xee/\xd5\xb3\xdegk\xa5E\xfa\xb2?\xdb\x8c?n\xc6\x03\x96\\\x935\x96\x983\xef\xf5\xd84I\x10\xbb\x9c\xd05~\x06\xaa\xf54M(\xdb\x95#\xcf5\xd46s\x951\t\xf3u\r1\x89\x8dX\xd0\x92:\xb9\x87\xb4e\x87\x02\x10)X\xfd\xfc\x88\xe4\x05\xbc\x9d\xc7\x9e\xe9*\xa2\x1a\xcfb\xd6\xbeOJ\xbb\xc3\x17\xf0\xacV\xda\xff\'\xf6v9\xfe\x885\x8f\xbc\xe1;\x95aN\xbcwk\xe5\xb5\xfd\x1e\xda\xbb\xa2X\xd9\xda\xb9\xee\xdeq[\xf4\x9e\x06\xd4q\x94\rH\xf5\x01\xd0.b\x13\xf1\xd8KC!#\x97\x9d2\xa1\xe9\x80\x88\xed\xbf{f\xd8z\x0f\xb0[\xb3\xa7p\xaaX\xa5\xae\xebV\x9c\x85\xdc\xaaG(!Iu\x84\x9c\xe1\xff\x05\xf9\x1b\xcdJ\x98O\x7f`8\xbd\xe4)\xd5f\xe9|\x8dZB\x19*X\xb8\x14j)\x00v\xde\x91\x7fc\xe3U01\xf2\x8c2;n\xbbM\xa5\xe8\x17\xee$f\xc6\x10C\x81$#\xd7&gt;\xb6\xac\xa0\xa4B\'\x149\x9d\x1e1\xaf\xf9G\xfei5\xee\x98\xeb\xf6\x91k\x1fS\xa0\x84__\x99\xf6l\x82P\xbf;~\xe1\xa6\xf3\xc2\xa7j\xb8\xfe\n(v9\xdd\x99\x10Q\xd1\x16\x0b\x84s\xffb\xf8c@\xdfG9\x80\xfe\x8bo\x896$ {\x07\xfc\x16\xf0\x0b\xee\x1e\xe2M\xf33\xe3[\xc6\xd3:8\x01\xa6\xe6\x16Or$k5e\xda/\xf76\x93\x8d\x84y\xbb\x02\x98\xb8\xf5\x0fs\xb3\xad\xa3\xb8\x1eo\xce\x14\x99\x04\xd9\xc4\xf2O\x8c\'\x80VOM\xf7\xc0\xe2\xd4\x06\x16\xeb\xef1\xe1\xfe(E=S\xae9\xe4\xf5\xace5?\xf7\x01W\x15Ofy\xe4\xb4\x18W\xa3\xf7\xe6\x16c\x8e\x08fM\x06\r\x8f\x01L\xda\xf6\xdaH\x0ed\x7fU\xaf~\xc5\x0c\x9d\xeb\x05\xb1\x84_\xf9\x1a\xccH[vh\xf9\x8e|\xa6\xcb6\xf2\xf8\x04\xb5\xc9Y{\xb2\xf0w\xafy\xd7\x84Zm\xbbef\x1bbTT\xd3j\x0e?\xb3t\n\xc2\xbd\xa7\x1f\xa3d\xbfE7#\xa7k\x9a\xac\xb0^\xb7\xa5\x9f\x08\xf9\xee0\xa0V\xdf\xad\xe3\xb7\xbcR8\xb6p\xd3y\x14N\xc9q"BjW\xdb\x8d\xc8R%&amp;\'\xca\xcdQY\x15\x0e&lt;q\xc8\xd6/\xb8\xbb\\J~~\xe8\x1a.\xa8\x0e2\xcauXi\xa0R\xe6\x101Mc\xe3\x99&lt;\x00\x88\xa8\xe3\xd4\xb3R;=\xd1\xac\x85\xcbo\xca\xb3d\x16O\x80\xa1+\xef\x8b\x87Y\x15\xbb\xace\x8f\x87\x7f\xe1&gt;2\x07\xc5\xce\xdfp\x96\xc1q*\x00\x8ak4l\xf3\xc9\xd7\xb6/\xe0\xf8y\xba\xe8\xce\xa4`\x939B\x95\x96\x9e\xfaa\xacF\xcc\x1a+\xe3R3\xe6\xd8=C\x89\xd6\x8b\x01\x10E\xd0t\x94\xe8i0.B\xe4l\xe0\xe7\x1a\xecEr\xf6u\xe59\xf8\x17q~d\x1d\'(T\x89\x9c\xab\xce\x94\x91k\x99\x10\rn\xfe\x87$\x05zj9\xdcc\x14h4\xdb\xa2\x9ce\xdes.\x0b\xc3\xf2\x9dV\x01P\x90l\x94\x1c\xe2\x0c^~\xd7iK\xec\xec\xed-p\xee2\xc7H\xf2#\xb0\xe57\x9d\x1dp\xe4tM\x178{7*\xa8\x0b%\x0e,&amp;\x1d\xb6\xa8\xc3\x943\xe9\xca\r\x1b\xba\xf2\xfe\xc6k\xeenw\x1e\x00\x91\xd35MQb\x00\x05\xd6\x91L`\xcdd\x86\x1b\x89o\xad\x05L\xc6\x8a\x12\xf2\x06\x00z\xce\xbd\xaap\xd4\xc6k\x00p\xf0\t\xd7\xb5}f\x9f(\xce^s\xe2\x885\x8f\x84\xed\xa3\xd7?\xed\xb7\xe8\xa6\x81%\x98@a\n:a\xbe\xaez3\t\xc1\xf8\xa3r\xf5+\x82\xaa\x8e%\xa2\xd4\xa5\x87\x18\xaf\x8f*\xd6\xccM\x05\xd6\x05P\x7f\xd0.M\x07\xf5[t\xd3\x9a7-\x1a\xc5)G\x14\x9e\'i\xa2\xe0n-\xc7:\x05\xaeJ\t S\xa5\xd12G8\x0f\x84\xf3\xd6\x9b\xb6\xfe\n\x00\xd4\x1b\xb8\xd39\x06\x96\x8f\x16E\x9b8\xe5\xbf\x9bs5\xa2f\xad6\x8e/e^"\xea1\xe7\nQz3\xcau\xc0\xc8\x9dm&gt;\xeaP\x92\x82=\xc5sM\xde\x80\x89^\x13\xff\x01+\xce\xea\xec\x80\x9d\x067\xf6?#\xc9\x1d\</t>
        </is>
      </c>
      <c r="E9" t="inlineStr">
        <is>
          <t>&lt;class 'numpy.ndarray'&gt;</t>
        </is>
      </c>
    </row>
    <row r="10">
      <c r="A10" s="1" t="n">
        <v>8</v>
      </c>
      <c r="B10" t="inlineStr">
        <is>
          <t>steps_per_sec</t>
        </is>
      </c>
      <c r="C10" t="n">
        <v>200</v>
      </c>
      <c r="D10" t="inlineStr">
        <is>
          <t>5.3237553</t>
        </is>
      </c>
      <c r="E10" t="inlineStr">
        <is>
          <t>&lt;class 'numpy.ndarray'&gt;</t>
        </is>
      </c>
    </row>
    <row r="11">
      <c r="A11" s="1" t="n">
        <v>9</v>
      </c>
      <c r="B11" t="inlineStr">
        <is>
          <t>Loss/localization_loss</t>
        </is>
      </c>
      <c r="C11" t="n">
        <v>200</v>
      </c>
      <c r="D11" t="inlineStr">
        <is>
          <t>0.038029112</t>
        </is>
      </c>
      <c r="E11" t="inlineStr">
        <is>
          <t>&lt;class 'numpy.ndarray'&gt;</t>
        </is>
      </c>
    </row>
    <row r="12">
      <c r="A12" s="1" t="n">
        <v>10</v>
      </c>
      <c r="B12" t="inlineStr">
        <is>
          <t>Loss/classification_loss</t>
        </is>
      </c>
      <c r="C12" t="n">
        <v>200</v>
      </c>
      <c r="D12" t="inlineStr">
        <is>
          <t>0.33282477</t>
        </is>
      </c>
      <c r="E12" t="inlineStr">
        <is>
          <t>&lt;class 'numpy.ndarray'&gt;</t>
        </is>
      </c>
    </row>
    <row r="13">
      <c r="A13" s="1" t="n">
        <v>11</v>
      </c>
      <c r="B13" t="inlineStr">
        <is>
          <t>Loss/regularization_loss</t>
        </is>
      </c>
      <c r="C13" t="n">
        <v>200</v>
      </c>
      <c r="D13" t="inlineStr">
        <is>
          <t>0.029598257</t>
        </is>
      </c>
      <c r="E13" t="inlineStr">
        <is>
          <t>&lt;class 'numpy.ndarray'&gt;</t>
        </is>
      </c>
    </row>
    <row r="14">
      <c r="A14" s="1" t="n">
        <v>12</v>
      </c>
      <c r="B14" t="inlineStr">
        <is>
          <t>Loss/total_loss</t>
        </is>
      </c>
      <c r="C14" t="n">
        <v>200</v>
      </c>
      <c r="D14" t="inlineStr">
        <is>
          <t>0.40045214</t>
        </is>
      </c>
      <c r="E14" t="inlineStr">
        <is>
          <t>&lt;class 'numpy.ndarray'&gt;</t>
        </is>
      </c>
    </row>
    <row r="15">
      <c r="A15" s="1" t="n">
        <v>13</v>
      </c>
      <c r="B15" t="inlineStr">
        <is>
          <t>learning_rate</t>
        </is>
      </c>
      <c r="C15" t="n">
        <v>200</v>
      </c>
      <c r="D15" t="inlineStr">
        <is>
          <t>0.0073200003</t>
        </is>
      </c>
      <c r="E15" t="inlineStr">
        <is>
          <t>&lt;class 'numpy.ndarray'&gt;</t>
        </is>
      </c>
    </row>
    <row r="16">
      <c r="A16" s="1" t="n">
        <v>14</v>
      </c>
      <c r="B16" t="inlineStr">
        <is>
          <t>train_input_images</t>
        </is>
      </c>
      <c r="C16" t="n">
        <v>200</v>
      </c>
      <c r="D16" t="inlineStr">
        <is>
          <t>[b'640' b'640'
 b'\x89PNG\r\n\x1a\n\x00\x00\x00\rIHDR\x00\x00\x02\x80\x00\x00\x02\x80\x08\x02\x00\x00\x00\x83\xaf^t\x00\x00 \x00IDATx\x9c\xec\x9de`\x15G\x17\x86\x0f\x10&lt;\x84\x90\x04\x02\t!!A\x82Cpwwwwwwwww\xa7H\x81\xe2.m\x81\x02\xa5@\xd1\xd2\xd2B\xa1\x86\x94\n\xb5\xf7\xfb1\xbb{Wf\xedJ\x12\xf8\xee\xf3\x03rwgg\xf7\xee\xdd\x1d9s\xce{\x88\xec\x12\xda\xd0\xf6!\x06\x848W[\x1ew^\x83M\x00\xb4\x9dp\xd4-U\xf9\xe6\xe9\xe2z%\xb3\xf6&gt;s\xbd\x12\x15\x97_b\xee\xfe\x1f\x89\x88\x12\x97q{\xe5\x0c\x00\x1e\xaaYCj\xee\xd9s\xd4\x9c\xc8-]\xa5\xfbz\'\xce\x91\xaeh\xbf\x03wA\x94B\xbeq\xcc\x86{\x8e\x0f\tJ\xc8\xf6\x04\xfb\xe6\xedr\xe8\x01\xb4\x90_Um\xe5\x95\xba\xac!\xf2%"JU\x05\xc0\xe2\xa3\xaf\x85\xc2D\x94\xb8L\xb3\x91\xfb\xe5\xdf\xcb\xb1\x8b\x88("I\xf6v\x00\x88\n\xb3\xcf\xd7\x7f\x87\xa6\x0c\x11\xe5\x00P\xbe\xe3J\xa2\xbcDD\xbe\x95\x88\x88\xfc\xaa\xb0}I\xb2\xb7+\xd5f\xa9T\xb4v\xbfm\x99+\x8e\xda\x7fG8\xbct\xdb\xa5\xf9\x1b\xcc\x00\xf0+0n\xd3\x83\xf9\x07\x7fV]\x0cQn\xf9\xb9\x00\xdc\xfeGq\x01\x7f\x02\x00&amp;n}4r\xed\x97l\xfb\xd0\x15_\xb0b\xbd\xe7}\xaa\xb9\xd4|R\xcd\x9f\xfd\n\xa2\xecl\xeb#Y\xb1l\xd5\xc6)ni`-\xf5\xcd\xf1\xab*\xfd\x9d\xb3\xd6d\xd5\xdd\xce]g\xea\x84-_\x9d\xfa\x0e-F\x1f&lt;p\x97U\x1b]\xb9\xeb\xba\xcd\x97@\x14*\xd5\x93$\xba\x9dt\xc8k\xe0\x190q\xeb\xa3\xba\x03vH5\xd7\xe8\xbd\x99(Q\x9f\xf9\x9f\xaa\xea/\xdct.QF\x00DE\x89\x02\x94;\xa3\x88\x12\x93\x864\x05{\xca&gt;\x15\x9b\xb1\xfb\xa9\xf0E\xd2\xd6!R=Z\x0e\x1a\x0e\xd9\xad\xb9{^\xbc\x88DV\x1a\xf5.&gt;\x1c\x1f\xff\x84%\xc7~uSe\x99\xac\x15\xf3u\xd3\xe9\xb8D\x1b\xec\xf3\xdc\x0f\x94\xaf\xfet\xfb\x07%WoHR\x96\xfd_\xba\xdd2\xbdc\x1a\r\xdd\xc3\xd9\x1aT\x9b\x82jk7\x97i\xb7\xdc\xf2\xc5\xd8\xfdQR\x10eSn\xf1g\xed\xe3\x0f\xc0\x8d?\xb1\xebs\x14l&lt;\x87{d\xfdA\xbbR\xe4\xeeDDD\x01\x00N}\'4\xf1K\x8f\xbf\x01\xf0\xc5[\xc7o\xf4\xab\xa3s\x95\x9f\xcbO\xfa\xebk\x00@\xd7\x99\xe7(\xb5\xa3\xa7/\xd9z\t;\xeag }\x89\x01\xaa\x1f]j\xc4\xb3U\x1bW\xa5\xfb\xfaQ\xeb\xeeP\xc6\xc6\xa5\xda,\x11\xf7\x17\xba\xf6\x1b\x00t\x9av:_\xfd\xe9\x00\xe6\x1f\xfc9it\xbb\x0c%\x06\x028p\x97U\x95VU\x1b\x80\x06\x83?H\x92\xbd]\x85N\xab\xd8\xc7\xbc\xf5\xa6SD3\xe9\\\xec\x8fBM\xe7j\xbb\x10\xb6\xc5?\xa6\x07\xf9\x94n?\xe9\xb8\xb4\xfd\x15\xb0\xfa\xcc\xdb\x1d\xd7\xb0\xe8\xc8\xab\xe8\x1a\x13\x1c\xdd\xad\xec\xc0\x9es.\x02X{\xeeo\xf61_\xfd\x19\xdc\x1b\xce\x0e\x0c)9\x88\xfd\xf1\x9fX\xd5\xa9\'\x90s\xf1G\x10Eqk\x90\x91C\xb3%\x98B\x1b\x11%ul\xc8\xd4\xb4|\xc7\x95k\xcf\xfd\xfd\xc1\rl\xb8(\x9c-U\xde\xae\x06\xd7&amp;|\xb5\xe0zD\xe1lX\xa0!%Q\x01J[\xe7]lc\xbd\xc4\x12\xfc\x87#SS\x00\xd2\x10\xdb\x16\x83\x97\x7fn\xf7\x90\xf0\xf2\xc3m\x95\x8f\xe5A\xa5_\xben\xbcw\x98\x88(\xba\xc6\x04\xa2\x10\xcd \xdaur\xbb\xbbB\x1e\x8155\x9b\xf8_SF\xa4\x13\xe7\xa9\xd3o;g+o\xa2ID\xc2\x94\xc2\x94\xa4e\x89\xa8b\xe7\xd5\xaa\xcd/M\x1e\x8c\x8c\x9a-a~\xf9\xbb\xb1\xbf\x12gk#\xdb\x9e\x9f(P\xf61\x0bQZ\xa2DDDI\xcb\x11e%\n(\xd4t\xaeO\xb66\xbf\x01\xc9sv\x90\xca\xa5\x89\xe9)&gt;\x9f!\xdc+`{\x9b\x8d\xdc\xdfb\xf4Aq[\xce\xcf~\xc5O\xb2f\xfd\xd0\x03\x10\xd1\xb4]\xdf\x95\xed\xb0b\xc5\xc9\xdf\x014\x1e\xb6W\xaa!\xa4\xd4 \x00w\xfe\x83t\xaf\xd8Q#\xd6\xdc&amp;J\n`\xc1\xa1\x17RU\xcbN\xfcF\x94\xfc\xcakvI\xc9\x00\xa4-\xda\x97\xfc\xab\x13%#""\x7f\xa2\x0cy\xeaN\x05p\xf2[P\xba\xba\xd2\xcb\xb5\xe9\x13\x00\x98\xfe\xc1\x13\xed\xeb\x96\xbe\xc4\x80q\x9b\x1e\x90r\xba\xdff\xfc\x11\xa2d\x94\xbc\x82\xac|Af0\x000~\xd3C\xa2&lt;DAD\xd4~\xd2q\x9d\xf77\x12\xc0\xc1{\xc2\xae\x11kn\x0b\x9b\xfd\xab\xc9N\x14\xb3\xea\xf4\x9f\xe7\x9e\x83\x88\x02\n\xf5\x0e.\xde\x7f\xd0\xd2kl\xd7k\xa1@^\xa9\xba.3\xce.&lt;\xf4\x82(\x03%,\xa99W\x98\xf2c\xfe\x06\x83?\xb8\xf6\x1bj\xf4\xda&lt;k\xef3Va\xbfEW\xb8\xbf QAi\x18@)*N\xd8\xf2\x95f`\xa7 \xb8X\x7f\x83\xbd^\xdeEL\xdb\xc1 \xd7\xeaOe\xa9\x94h"\x8beb\xb9\x03\xae\xd8y\x8dt\xdeX;\xa93p:\xd4\xd8$\x9f\xee\x1eN\xf3G\x92\xe9RE\xfe\x863\xad\x9fR\xd9ez\x90\xb2\xed\x97\x97l\xb3D\x9cr\t\x8c\xddx\xbf\xcb\xf43\x99\xca\r#"\xa2\x0c\x1f\xff\x8c\x0e\x93O\xcc;\xf83\x80\xbb\xff\xe9&lt;\xa2\xfe\xd5N?A\xdez\xd3\xca\xb4_\xae,\x10J\xc9+\xb0\x13u\x9dy\x8em\xea1\xe7"\x80\xa5\xc7~\xd5&gt;\xf0\xfbn#c\x99!\xe2x"Q\xc1\xc6\xb3\x01\xcc\xda\xfbl\xcd\xd9\xbf\x00\xb4\x1ewX&lt;$\xff\xcc=\xdf\x03x\x05d,=\xe4\xa5\xb0QX?\x92w\x9f\x00\xaat[\x0f\xe0\xccSV3\x11Q\xcd&gt;[6|\x8c\xca\xdd\xd6\xa9\xce\x9e \xb2\x05\xdb\x12P\xa8W\x056\x06\xca\xd4\xf4\xe6_`\x7f\xb0:k\xf4\xde|\xe9\x05\xdeB\x81p|P\xed\x98F\xb3\xc5\xcaR\xb6\x9bxL\xea\x0e\x01\x10e\xe6\xfd\x02\xd9N&lt;f\x87\x07\x0fYqC\xbe#c\xe9!D\xbeD\xbe\x00\xb6\\\x96_g\xc6\xb6\x13\x8er\x7f\x85^s?\xd1n\xac\xd3\x7f\xbb\xf2R\x13\xf0.C\xc2O,V\xc8\xbcYHY\xc9\xa4\x80\x97\xffg\x9c\xefW\x12\x94 Gwhj\x08R0\xef\xc0ON\x9e4\xbc\x19\x00\xa2\x82N\x1e\x1e\xdfIGD\x14\xd2\xc0\xf8Gi=\xfe\x08Q~\xcd\xe6\x02\x1e\xba&amp;\x15\x11\x15F\x98\x15)\xea\\\xcd\x0b\x0e\xbd \nWm\x8c\xd3qO\xb0zC\xe2\xd2D\xa9\xc4\x99w\xe6\xe7\x00\t6\x92\xec\x14\xd1\x9c\x15\x99\xb1\xfb\xe9K\xa0L{\xc9\x96\xeeX\x02/\xd9f\xc9\x9f@\xa7\xa9\xa74_J\x1a\x8e\xa4\x97o\x05\x90 \xb2\xe5\xa2\xc3/U\xe5\x1b\x0e\xd93s\xcf\xf7\xe4x\xfbr\x0e[u\x13\xc0\xce\xeb\x8e.d\xc0\xe2\xabQ\x95Gg\xaf6\x9e}\xdcs\x13\x00\xae\xbe\x01\x80\xa3\x8f\x1cF\xe6g\xf2\x9a\x83\xeb\x12Q\xf1\x96\x8b\x00\x10\xf9\x13\x91O\xd66ibz\x8eZw\x87XW\x17T\x8b(i\xcf9\x17\x89|\x89\x92\x10Q\x97\xe9g\xd8\xa1l\xe6Z\xae\xe3JE\x7f\xe3Wu\xfd\x85\x7f\x1b\x0c\xde\r\xe0G\xc7\x89\xd2\xb1\xff\xfe\x01v}\xceVj\x89\x88\xb2T\x19\x930K\xab\x98F\xb3\xd4\xf7\xdcYv\\3zr\xba\xcd&lt;7n\xd3\x83\xa7\x00Q\x11ic\xd2\x1c\xed\x01t\x13\xc7@&lt;\xf4\x07\x9aDE\x9a\xcdW\x8f6\x88\x8c\xe7\xc7^\xe2\x1c\xfeT@ \xac\x89\xa7O\xefb\x03\x97\xaf\xc1\x0c\x00\xe2\xf84\xfe`qq\xd7\x8d\x04\xb8\xc3t\xecCDm\'\x1c3\xfdQ\xfe\x01\xc8\xb7\xb2\xf5z\x9b\xca\x1c\x85dh\xd6t\xd5\xf8k75\x1bu\x80WR\x1a\x81\xa5\xa7\x8c\x8d\x89\x88k\x86\xe98\xe5\xa4\xc1\xc9\\o|3\x94\x1c\xa8\xdd8x\xf9\xe7r\xcb\xa4\x1e\x0b&gt;\xfaE\xfeq\xdfm\xf0L\xd6r\xa2\xf5~\xa6\xff\x80Vc\x0f\x13\x15\\~\xe27\xb3\xd3\xa6d~F\t\xa3Z\xd6\x1b\xb8s\xe5\xa9?\x9a\x0c\xdf\xa7*\x01\xe0\x91\xe6D\xe7\x9e\xe3\xc6\x9fh5\xf6\xd0\x85\x1f\x01\xe0\xe0=\xa4\xc8\xd5\xa9\xed\xc4c\x7f\x88\x1d\xc0\xc1{Xt\xf8%\x9b\x913\xfe\x04&gt;\xba/\xeb\x1eRU\xf9JQm.\xf6_\x92\xec\xed\x88\xd2\xc8\xbf&amp;\xfb\xaf\xcb\x8c\xb3\x1d&amp;\x9f\x10\x8a\xd6\x9e\xdcg\xc1\xa5\xb4E\xfb\xb2\x8f\x99+\x8c\x040q\xeb#JQQ5\x86\xf8\xe8&gt;J\xb4^L\x015\xb7}\xa6\xf8\nMG\xee/\xd8D\xbe\xe2\x9e%\xac\xec0\xf1\xef\xa0J]\xd7\x9a\xdd7{\x94h\xb5X\xbd)\xbc\xa9\xa6\xa7\xe4\x03\xa0v\xdfmD\xf9\xa5\xf2\t\xa3Z\xe9\x95\x04\xf0M&lt;7\x95y\x91\x03\x8024\x88\xeb\xabp\x91\xa2\xd2\xdb\xfb~\xe21Wd\x15\x87\xbf\x12^]\x00+N\xfen8\x12\xb7A\xd9\x0e+\xac44E\x9a\xcd\xb3PY\x8c|=R\xa2r\xb7u\xe2\x9fi\x89\n\xe9\x1f\xaeX=\xd9\xf5\xb9\xebM\x95c\xfaB\tJp\xbf&amp;\x00+\r\xba{\xa7\xdaI\xa2\xdb\x1d\xf9J\xd5\xbe\xfb\x0f\\zMU,{\xf5\tR\xefx\xf6{4\x1c\xb2\xbb\xe9\x88\x0f\xd5u\x857\xe5^\xed\x97\xff:\xe6\xbb\xc5[."\xcaU\xab\xef\xd6Rm\x97\x028\xf5\x04D\x11\xfd\x17]\xa1\xb0&amp;B\xb7\x91\xa8\x14;\x90yaS\xca\x8abw\x92\x95\x88BJ\x0e\xa2\x8c\x8d\x89\x12\x10e\xd5\x1b\x06\x9d\xfd\x1e\xb9\xebL\x01\xc0\xdc\xdfn\xbe\x05\xf3c\n/?\x9c\x12\x95\x020\xef\xc0O\xc7\xbe\x06Q\x84\xec\xa0L\xbf\x03E[,\xd8p\xf1?\xa2\x0c\x94\xbe&gt;QQ\n\xaeGD\'\xbf\xc5\xa4m_K\xe5\xb6^A\xfdA\xbb\xa4\x8f\x1f~\xe9\x86\xdf\xa2b\x975\xd2\xdf\xfe1=\x88(\xb4\xd4`y\x81);\x1e\x9bV\x92\xb9\xe2(\x00Y\xaa\x8c\t(\xd4\x0b\x80\x7f\x81\x1ez%S\xe7\xef~\xf9\x15\x8a4\x9b7u\xe7\xb7.\\\xb5\x97\xd8%\xb4\xf4\x10\xd7\xdf\xfc\xc4\xd9\xdbj\xbd\xed=J\xdez\xd3b\xf3t\x06\xdc\xd5\xbd{..\x84;p\xe2\x07r\xe97M\\f\xe2\xd6G\xce\x1f\xee4\x16\xa6\xd4\xb5\xfan\xe5lMQQ\xd6+g;\xf3T\xfa\xee*\xaf\xae\x1c\x94\xce\x9a\x8f\x95\xb3\xfc\xac\xd3\x01\x9b\x0e\xa1z\xcc\xb9\xe8\xc4\xe9r\xd4\x9cd\xb07AdKi`\x9a4\xba\xfd\xa0\xa5\xd7\x01\xfc#^\xe1\xf2\x13\xbf\rZz\x8d\x88&amp;l\xf9j\xca\x8e\xc7\x94\xb2\xd2\xde[\x90yf9h?\xe9\xb8jZ\xf9\x14\x18\xb0\xe4jX\x99\xa1-\xc7\x1e\xaa7`\'Q\xd1\xff\x00JZ\xaet\xdb\xa5\xbd\xe7\x7fJ\xe1\xcd\xe4\x85U\x8fbx\xb9\xe1\x94\xa4\xac|&gt;GDDy\xe7|\xf8\x03\x11\xc9\x1d\xb6\xb5\xf8\xe6\xed\xc2\x0e)\xda|\x01;\xfc\xea\xaf\x8e\xca\xc7o~\xa8:W\x9f\x05\x97\xc6n\xbcO\x94\xea\xb5\xb8\xd2\xfc\x8b\xb0\xca\x1bND\xed&amp;\x1e\xd3;\x11\x00q\x16^\xa8`\xe3\xd9\xcb\x8e\xbf\xd1)\x18ap\xb5z\xde\x91}\x16\\\x12\xff\x8c\xd1\xeeM\x9d\xbf\xbbA\x8dae\x86\xea\xbd\xda\x05\x1a\xce\xac\xd5gk\xb6j\xe3\x13D\xb60\xbc*/\xf1\x8e\xf4\xe6E&lt;\xcc\x13\xd7\x87\xff\xff_\xbe\x06FKA"z\xd1\xd2&gt;\xee\xbc\x10\x0f\xb0\xf3\xba\xdd\x87!g\xb9\x8e+\xa5\x0f\xe37?\x14\xfft\xc6k\xda\xbd\x84\x97\x1f.s\xf9q\x0fu\xfa\xf3\xfc\xba9$S}\xfe\x13h=\xee0\x111S0\xdb\x980\xaa\xa5\xb8Lhe\xed\xdc_Zl.\xd9z\x89\xb0\x9e\x9a\xb8\xcc\xb4]\xdfi\x16\xb3\xd4\xf1\xacu\x07\xec\xc8Re,Qv\xb6,-t\xc0&gt;\xa5\rN\xc6\xd6\x8c\xb5e\xa4\x99\xf7\x9e\x9b\x8aGe\xe5\xe9?\xb8\xf5\xfc-~Ye\xaf\x9fD\xef\x1d)\xdabA\xd9\x0e+\x88\x88}\xd9\x7f\x01\xf2\xabB\x89J\xa6)\xd8\x93\x12)|\xfaR\xe5\xed:\xfd\x83\'\x0e\x97iG7\xcf%E\xcd&gt;[\x8c\x06\xc7\xa9\xaa\x00\xe84\xf5\x94\xf0Q\xbc\xd5\xe4[\xf9\xe8\xd7 \xa2\x8c\xa5\x87\x00\xf8\x8b_\x03\xfb\x11\x8dF0^\xe2\x1d\xcdF\xee\x1f\xbb\xf1&gt;\x11e\xae82\xae\xaf\xc5%\x02\x0b\xf7\xd6nt\xafY\xcf\x8b\x15Z\x8c&gt;\xb8\xcc|\xe9\xd1\x88\xa0"}\xec\x1f$\xb8\xc5\xf1\xa7\xc8\xbap\xa6 \xce\x92\xc2\xac\x80\xbf\xfb\xce\xe5\xaa\x0f`\x9d\xfe;\xb4k\xbd\x16H\xb2\xfc\xc4o\xe7\x9fC9\x86\x0b\xa7d\xe5\x88RN\xda\xf6uos3\x98bH\x94,G\x07JYI\xd7\xf2\x91\xb6\xce\xe0\xe5\x9f\x03\xf0\xcb\xdf\x8d(!\x80\x1f\x80\xbd\xb7X\x0f\x9a\x8d\x92\x96\x93\xf5C\x8e\xa8\x1eU\x97l\x8d@\xd9pA\x08YfFc\x03dc\xbe\xa8]\x9fCn9O\x18\xd5\n\x00\'\xbe1E\x05\x00\x95\xbb\xae\xd3\xab\xb3\xe5\x98\x8f\x00\x10%X\x7f\xf1?J__\xb9S\xb8\xe7lQ]\x8a\x80\xe7\x10 \x8bG\x08\xaeg\xfc-\xbc\xc41%Z-~\xffz)\xb9\x1c\xcf\xff\x13E\x8cv\xfa\x942&gt;8}\xf1\x01n\xb9\x08\x00\xb9\xebL\xe1\xedIi\xb1\x86\xee\xb3\xce;sb\x9f\xd2\xc4\x19r\t\x8ei:\xedr\x16gN\xa4\xc4B\xafCD\x14Yi\xb4\xce\x9e\xc4:/ \xff\xd7\xfc\xf0KH~\xbcN\xf0\xe9/\xd8\xf4\x89\xdd\xf7=`\xd1\x91WD9\xd9\x07QA%BU(S\xb9\xe1J\xe7)\xd7)t\xe2[\x00\xe8:\xf3\\\xea\xfc\xdd\r\x8ddr\xf7\xc3L\xc6\r\x1a\x9b\x04\x17h(\xf5\x97\xc9d\xe5U\x13bc\xc5=\xc7\x14_u\xc6\x8ce\x86\x80I\x850\x92W\x08,\xd4\xbb\xfb\xec\x0b\x00R\xe6\xe9lX\xa7\x0c\x1d}+v\xfdz\x9a-^\xde1|\xb2\xb6\x01@A\xb5\xe2\xfaB\xec\xe3+\xb79\xb3\x05W\xa1=}\xff\x86\x14\xf1\x86\x84\xa6%\xd6\x9c\xfb[+\xefg\x0b\xad\xaf\x10\x11\xc5W?\xbb\\V\x1e\xb6\xbd\xb7 N\x91\xd57\xb0z\xcfM\xbc#BJ\xb4\xd6\xf8\xcd\xba\x83\xbf\x80\x01K\xae\xbaXI\xae\xda\x93e\x0b\xed\x8c\xe2\xd9\xabO\xb0S\x87\xf5\xd5\x81T\x03\x97^\x1b\xb1\xe6v\x82\xc8\x96v\xeaw\x9c%Ad\x8b\xb02C\xa5M\xccp\xfd\xf1Oh\'\xa9h\xa5\xaf\xa7:L\xf9\x9b\xa6\xb2n\xd7\x95VO\xae\xfd\x86\xda\xfd\xb6\x91\xe0\x16\x90\x8a(9\xeb8?\xfe\xc9dp`\xb0BT\xac\xe5BJ\\FiE\xf7\xe2%\xbe\xc0\xe4;\xb2\x10Q\xd2\xe8\xf6q{)\xf1\x07\xad4\xd8\xb0U7=|N{1\xd9Zt\xe4\xcc\x8a\xbbV\xab\x93\xc1\xc1\x16\x88P|\xe2\xf9\x0c\x8bB\x92\xac\x85U\x84\xa8\xcd\xd8\xfd\x94\x88\x88\xb2\xb3\xe8X\xf7\x92${;\x95m\xdc/\x7f73\xd7!\x1d\xdc\xef\x8ao\xc5\x8f\x81(Ue\xa2\xa8\xd0\xd2C\x96\x1c}mXN\xeb\xfa\xee\xfb\xc5\x9f\xe85\xef\x13"\xa2\xb0\xc66\xae\xcb\xb72\x00\x99\xab\x14\x85\x97\x1f\x910\x8a\xd3\xfd\xdb\x92m15A\x11\x11\xa5\xab\x9b(k\xeb\xa2\xcd\x17\xf0\xf6\x05]\xfb\r\xd15&amp;\x0c\\z\xcd\x8a\x1bGD\x85\x11\x06\xfa\xac^\xbcxq\x1d\x8en\xbb\x8a*\xddtR\x0b\x04z\xce\xe6\xa1\x15I6\x8c5\x8f\x15\x9e\xc6\x8fICDy\x8d\x8aHX\x93j=6\xce\xd9\xff\xa3\'\xa65m&amp;\x1c\xa5$\x8a\x8es\xe1\xe1\x97\x94\xa2\x82\xe1A\x89\xb8[}\xf3t\x99\xbc\xfd\x1bI\xa9QKD\x05\x1bN$\xa1\xa5\x07[\x8c\x96\xe99\xf7c\xeb\xd5\xaa\xc8TN\xbd\n\x0b\x88]\xb2&gt;\x8e)\xa6\xa0\xa1\xa6\xf6e\x93\xc8Zu\xac\xd3\xd7\xa6\x83\xaf|\x82\xeb\xe8AC\x1a\x12Q\xa5\xaekg\xec\xf9^?\xecB\x01\x80\xc4\xd9\xdb\xda\xd16\xf7\x127\x98\x8a!\xbc\xa3X]q\x8cW\x9c}f\xb9\x15\xb6\xaa\xc4\xe9\xaf\xdd\x04\x9d\xc8T\x8f\x99\xb6\xe2.{U\xd2r\xc2\x1fij\xc4\xd5%$\xca\xd2\xda\xacH\xce,U\xc6x\xe2\xe6\x07[\\\xd7\xcf\xd8\xc8B\xa1\x18\x96\xc5\xc8\xb5+""\xa2\x14\x15)Tq\xc6\xa6#&gt;\xe4&amp;\xad\xd2\xc8\xabi\xa4\xc1\x0c\x01\'\xa5AQJV^\xa7xd\xc62C\x89\xd2\x18\xdax\x13|t\x1fR\x97l\xebn\x84\x94\x1a\xacnlSV\xd4\xd6 \xdf2p\xc9\xb5\x16\xa3\x0f\xea\xc9z\x13\x11Q0Q1\xde\xf60\xa2bL\x98\xd3\xfa\x15z\x89\x03~\xf2\xfeB\x9e&amp;ss\xf32\xf6y\xe5\xc6\x1f.\x95\rM+\'\x88\xaeaku\xd0\x9d\xd4\xee\xbb\xcd\xde\x01\x01\x16\xfa\xe9\x8c\xd6\xec\x99\t\x8a\x13Q\xceZ\x93\xd3\x16\xe9k\\\xf0)\xd0j\xec!\xcd\xaa\xaa\xab\x0cX\xfc\x99\xf8g~\xb3\xb2\xd6\xbc\xba\x82j\xbb\xb8\xba\xdfk\xde\'\\\xb1e\xbd~"c\xe9!\xc6qJ\xfad\'\xa2\xd9\xfb\x9e\xb3\x0fAE\xfaX\x8b\xdd\xcaA\xf6\xc4\xde\x0b\xe9%\xb5\xb4\x88\xa4\x90\xf5\r\x90&lt;gG\xcd\xfe"B4\x14\x07iI\x85Y\xf2SS\xcaJ\xe4_\x9d\x88\x88\x12\x16l2\'U\xde\xae,\xed\x84\xb7\x0f\xf6\x12\xaf\x88\xfb\xd8P\xd7\xc9Yk\x92&lt;\x9d\x9c\x8b\xb084\xeb\x14j\xa2\xf5\xc04\x18\xa4\xbf\xff4\x1b\xc9U\xc7,b\xd1E\xeb\xf2K\x97\x1c\x9b5\x18-Lp\x92\xdc\x05\xd5\x02`\xa1\x93\xa6|\r\xf8\xc9\xfbTT\xed\xb1\x81\xbb\xfd\xa3\xfb,\xd7PZ\xee^.)ru\xb2^X\xce\xd0\x95_\xc8&gt;Y1\xc0\xf8;\'w\xe3\x96\xee\xad`\x939\x00\n6\xe6\xc5\x8b\xf3,7\x01\x85zi\xb6eSD\x1fQ&gt;JY\xf1\xc3/q\xe2[\xf8\xe5\xeb\xe6\xfa\x15z\xf1\xe2\x1e\x00(2q\xbe\x9b\xcc;\xf8\xb3\xd3z\x1a\xbce&lt;\xf3\x16\xaa\xa4#\xff\xab\xab\x98EXJ1\x9d\xd6\x9ct\x0cIW\xac\x9f\xeb\x95\xb8\x84\x05\xd3\xf7\x91G\xb8\xfa\x06\xcd\xf8r\xd9Z\x8c\x1d\xd1\x8dR:\xd6\xe8\xbd\x99\xd7a\x84\xf7\x9e\xf7\x89\x85\xbb\x9d\xfe\xd2\x0bng\xe3\x93\xba\x80B\xbc\x89iC\xaaK%,\xc1\xeb\xaeL\x13P:\x07g\xf9)}\t#k|\xc2\xa8V\x13\xb7}m\xf7\x9d\x8a\xd2\r-\xb3JH\xc9A\xb6\xcaKsz+\x9cy\xcan8\x7fQ\xdfK\xbc`\xda\x07O\xd8\x1f\xd9\xaa\x8d\xeb\xbb\xe0\xb2\xb8\xd9ZB\xc0w\x8f@\xf3"\xef\x02\xb9js\x03m\x9d\x83e\xf3\x8e?K\xe6\xfe\x1e\xab\xd9\x9d\x192:\x18\xe6u\xb0\xc5\x86\x8f\xb1\xec\xf8\x1b\xd1K\xb6\xa0\xd9\x1c\xd1OO\xf4\xad\xd1\xd0=f\xa7\n\xe5*i\xbb\x88\xc6\xc6\xcey\xcb\x84\xdeW/\r3\x07\xe3D\x14Fpg\xa5n\x99\xaa\xfe\x04d\xab6\xde\xf5z\x940\x9b\xbc\x89Ce\xbd\x81;)IY)\x8d\xdb&lt;\x8d\xd4A\xebq\x87\xd5\xb9\xbc\x02j:mB\xf0\xe2\xc5\rh\x9a\xa4\xf7\xd5\xe3\xccy\xba\xce&lt;W\xb1\xcb\x1a\x9f\xacmx\xde\xcbD\x82\xa40\x17\xf9\x9c)\xab\xdb/\xccM\xb8a\x1a\xedi^\x01n\xb1\xe1\x97n\x1b\x7f\xc3N\x00|\xfe\xbb\x93]\xa0(\x13m\x15w\xe4\xd8\xe0\x03\x80\xe5a$\xa2\xb5\xe7\xfevk\xdd\xe6\x11\rD\xf4\xc61\x8cp\xf4\xb5\xfd\x16]a\xe9\xb6N}\x87\x86Cv\xbb\xf5\xaa\xbc\xc49A\xb5\xe3\xfa\n\\B;\xf2M\x92\xbd\x9d[j\xbe\xf3\xdf;\xef\xdd\xd0`\xd0\x07\xe5;\xad\xd2\xe8\x0c(\x0c\x83\x1et\xe2HQ\xd1S5\xc7-\xc9\xcaEU\x1ec\xbd\xb8\xdd\x0eF\x87\xa4\xa3\xd7\xdfu\xc2\xe1&lt;\xa4\x94=+\xa8\x13D\xd7\x98X\xb6\xfd\n^z\x12\xb7%,\x89\x1d~\x90\xbd\x0bn|/\xce&lt;\x85\x9e\xf0\x19\x00\xb9\xd9y\xd1\xe1\x97D\x14]c\xc2\x80%W}\xf3va\x1b\xcb\xb4_\x1e\x1f"\xfd\xbc\xb8\x82n\xac\x9b\xad\xb4\xaf\xf1\x10\x00\xfd\x16]\x89\xeb\xabP\xd0z\xfc\x91\xb8\xbe\x04b^\x94b#\x12\xe0\xdc\x0b\x1c\xef#\xfdC\x94\x81+6\xdc\x7f\\"u\xb5X:\xd1\xff\x13]g\x9eS\xa9\x83q\xc51\\\xe1\xf2+\xa3&gt;u\xc8\x8a\x1br\xf7\x85\x17\x9e\x19\x98\xb6\x18\xf3\xd1\x8d?\x15\xdd&lt;\x80\xc8J\xa3\x88\x88(e`\xa1\xdeD\xc5S\xe6\xee\xccq\xa6S\x91$\x96r\x98zq\x1d\x83lH\xa9I\xc8G\xf6\xae\x92\xad\xda8(\xf3\xc1\xcd=\xf0\xd3{\xb3\x18\xec\n\x00\xd6\x9e\xff\x87\xfd\x9d2Og\xa3A\x98\x0e\xc6\rV\\\xa0\xb2\xa2g`\xff\xc5\xffH\x0cy6\xa7X#\xb4\xf4\x90\xd8?\xa9\xfc\xfcqzv\t\xeb\x8eW\xaeJ\xbcY\xa4\xee\x80\x1d\xf2\x97Q\xef\xe9e}s\x85\xce\xab\xb9{\x13e5\x8d&gt;\xf7\x12\xef\xb1(4\x1f\x9f\x89\xa80"\xb8x\x7f\xb6F\xc2(\xd4dn\x1c^O\xfc\xe1\xea\x1bQ\x16QW\x9a \x96\xc9m\xb87\xa7\xe9\xf1\xea\xa6*\x0e\xc47\x9c\xf1\xf3z\x00\xec\xbf\x13KC\x84G\x80\xcer\xa3\xb9\xca\xb7\x17S\xfa;b\xaf\x9d\xc7\xcax\xf1\x19\xd0x\xd8\xdeE\x87_~\x17\xef\x07\x97^\xccI\x18\xd5*\xae/\xc1s\x04\xdd\xfe\xc7s\xcfh\x01\xf3"\x06\xa4\xa9AD\xc9si\x03\xf0=N\x9e\xba\xd3\xa4\xbf\xedL\x10\x13\xb8\xe3\xe4\x19\xdcQ\x89\x15r\xf9\xe6\xe9\xc2\xdb.\x88\x18\xc4\x13\xaf%\xde\xfd\xcf\x1f\xcb\xb3\xf6\x0c6\xe3a,\xe3|\xae\xf1\x1c5\'\x8d\\\xfb\xa5\x1b/\xc5\x15\xcf\xea\xd8\xc7 \xc8\x98\xed\xaa\xdacC\xffEW ${\xf0\xf2.\xf3\x1e\xcct\x8d\x10\xf5\x08K\xb4Z\xc4\xfe\xf8\xd5m\xad[\x12N\xc8\xa3\x0e\xa3\xd6\xdeq\xf1d?\xf3.;\x7f\x83\x19\xae\xa4\xd5\xdbw[\xefVp\x14\x8b\xdcB\x82\xc8\x16D)\xd5!\x13\x1eC\xb7\'\xb3\x11\x12\x13\x07\xf4]x\xd9\xbc\x90M\xf4nE\xb9\x8e+u\x12\x00hI\xe2\xc6\xeb1!EE\x83e\x91\x9es.\xa6)\xd83\xf6.\x86(vc(\xc2\x00\x14\x10r\x0c\'W\x89\xafe\xad:n\xda\xae\xef \x12\x8bW\xe5%&gt;\xe2\x1f\xd7\x17`\x031\x0e\xd2=N\x83\xfe1=T\xb2\x1eW\x7f5z\x1fld\x03\xe5\xe3\x86\xfc\xb5*\xf4_\xe0ln?\x97\x84anW\x07,\xa1\x9b]\xc2\xcb\x8f\x90\xfb\x94\x9e\xd3\x95\xd7\x16\x14?\xca\xb8\xc9\x95LO\x01\xca"\x7f\xc4]K\x9a,g\x87\xb8:\xb5\xd3\x000\xd4\xd6\x88f\xffe\xaf&gt;\xde\x8a\x12j\xcd&gt;[-\xe8\xf3\xe8Z\xe9}\xb2\xb61=\x85\xb3\xa4\xa6LMU\xe3\x9e\x80B\xbd\xa4\xde7\xb0poq3\xdf\xaf\xc5M&gt;\xf6^\xde\x1d\xb6\\\x8eg\x832\x9d\xd4\xd6\xae\xd3c\xf6\x05\x17\x8eN"J\xd2\xc7\xb12\x97\x85l\x01n\xc6c\x06Osz\xcf\xe3\x18{\x00\xb8w~ck^\xd2b\xf4A\x00;\xae\xc6\xb3\xb7\x86\x8f\xdaeIt\xd0\x8dm\xbe5\xba\xc3\xceE7e "\xb9\xc2k\xebq\x87\x9d\xaa\xc7\xbd\xf05J7}\xe2\x9d\xfe\xbe\xffp\xf3\x93\xc8\x1b\x17\xcf\xe5X\x8d\r\x8a\xb7\\d\xbd\xb0\xb2\xa1\x89\xe1\x96\xf1\xc9\xd6\xc6\xacK\xb6`\xc13O\x8d\xe0f\x7f\x99\xba\x03v\xe8\xec\xd1\xe6Xup\xee9\x9c\x8e\x11\x1f\xb4\xec\xbaf\x9b%!\x02W\x98\xb0\xe5+n\x9bu\xe2q\x1c\xb7b\x93\xb6}\xed\xe1\xc6\x94\xff"\xab\xe8\x1f\xcf\xa2\xf5\xcc\xb0\xed\xb4o\x93\x00\x0f\xd7/\'\xa5\xaae\x98\xb9\xf7\xd9\xd6+\xecy\xc8\x99${\xdbX\xbc\x12/\xef01$\xcb=\x1e\x8f\x90r\xd2\x11Q\x9a\xea\xd2\x9f\xddg\xb92\x7f\xe53q\xeb#\xd7+\x91\x058\x1av\xd8I\xcb%\xcb\xe1I\xe3aX\x93\x98F&lt;\x81x""bn \xceT\xebSZ\xab\xba\x05M\xa6z\x17\xc8\xc5\xdd\n\xe0?N\'\x973\xce\xa7\x11\x85\x9b\xce\xbbo~\rN\x8e\xba~\xe7\xd4\xcc\x1f&gt;\xc6c\xb2\xab=\x06RU\t/\xaf\xce\xf5\xab$6c\x9c\x9cW\xb4\x1e\xb8\xf4Z\xe1\xa6\xf3\x84\'0]]\xe9\xbd\xb8\xfaF\xf8\xd5\x84\x91\x99^J\xa8\xb0&amp;\x00\xdek\x17\xda\xffG\xfc\xcc\x8b\x18R\xa4\xd9|\xe5\x06Wfl\xee_\xf5\xf40\xef^\x84\xf1\xd0\x15_\xa8:!\x99X\x98\xc3\xc8a\xaf\xa3\nk|\xe9%\xb7|&gt;\x00\x14XK\xb5U\xd7\xdc\x97\xdc {\xbc\xbd[\xadw\xfdk\xdc\xac)\x18\xdf\xe90\xd9\xae\x8auRW\x9c\x99]\xa7\xee\x80\x9dDdSUT\xebi/\x1f\xcb\xba\x16\xbc\xa0\xa4\xed\xc4c\xd9\xab\xbb] \xda\x04\xff\x02=(]\xdd&lt;u\xa7\x01\xe0\x19\x03\x82\x88\xa8\x8d \xf8\xc3\x1f\x8fz\x89?(,T;\xae\xc2e\x0f\xd5x\x15S\x98\xb6\x8f\xe0\xe3\x9d8\xf6\xb4\x90,\x13^~\x84\xedC\xca\x19\x8f\xfd\x8d\xe0N\xd0\xb5\xf6O\x96&lt;\xb5\xde\xc0]\x82\xf8\xbb/S\xff\x8f\x1a\xbf\xf9\xa1\x9d\xb3\xa5\xb5\x12\xbck\x8cxa\xc5]\xab&amp;?\x00\xfdp\xe7x\x12\xc5\x91h\xf4\xfa\xbb\x9e\xa8\xf7k\xe5\x8f[\xb8\xe9&lt;""*\x1a\xff\x9a\xe64\xdc\xad\xd15&amp;\x06\x14\xec\x05\xa0\xe3\x94S\x16+z\xac\x19l\r\\z\x8d\xfdq\xea;\x8b\xd6\xfe0\xfd]\xc1\xfa\xbb\xcc\x91\xae\xc4\x16WD\xd1\x9b\xadW0m\xd7w\x8e\x1d\x99\x9aj\xcaJ\xfd\xb1\xa7\x02\x19\xbc\xb8\x8dZ}\xb7Z/\xac\xbfX\xa8\xcb\xc9o\xb1\xe6\xec_v\x8fr7\x85\xe3\xfa\x02\xcc\x19\xb9\xf6K\x8f\xd9B#\xb3T\xd1\x95&amp;\x06\xa0\xcc$\xea\xa0R\x97\xb5\xaaK\xe2^\xe1\xe5W\x18\xb7\xe9\x01\xb7\xe6\xd5g\xdf\xda\xbcT\xab\xe4\xad7\xcd\xbc\x90H\xe9v\xcb\xb8W\xfe\xf1O\xf1\xd0\x87E\x93\xd6"a\x89\x82\x9c\x04\xcc\xbc\x92\xef9y\xa2*\xab\xd3\xff\x8d\xdb\xf4@\xc7\x16\xcd]\xbb\t%\xa2v\x13\x8f\xf1veR\x8d\xce\x01\xb81\xe1\x95\xcbd\x05`\x9c\xcb&lt;c\x99!\x99\xca\r\x8b\xb5\x0b\xf2\xe2.\xfc=Z{\xcf\xb9\x1f\xc7\x83\xa4\x05\xfc&lt;?\xba\xa4\xaab\xfb\x0c!\r\rw\xe75\xdcK\x89\xb3\xb5\xa5\xb0\xc6\xc6e\\\x81i\xb8s\xf9L\'nJ\x9b\xf1\x10\x00oE K\xdd\x01;\xb8K\xc5\xff\t\x13\xeb\x82\xda]\xd6\x86\x1a\x19u&lt;\xb3\xfc\xec\xe6\x0fH\x9a\xa3\xbd\xe6\xec6\x1f\x89\xb8c\xf4\xfa\xbb\xc5[\xd9\xf0\x16\xf4\xce{\xec\x93L;\x06\x8d\x1d\xcf\x80-\x97\x8c\xcf\x12:z\xfd\xdd\xe1\xabo\xe5\xae3%Q\x16\x93\x85\xde\xd0R\x83\xddxa^\xde=,g\x14\x8f\x1d\\4Z\xba\x93\xd2m\x97\xc6\xed\x05\x0c]\xf1\x85\x85R\xd2\xc2\x18\xbf\x05_\x7f\xe1_\xde\xe6\xfcD\xbez&gt;/\x00\xe4\xf6O[\x8d\x1a\x80\xc9\xdb\xbf\xb1^\xde\x80\r\x17\xff\x13\xed\xae\x8c\x08\xb7T\x1b\'\xdc\x05\x84\xd1^\xa2R\x7f\xf3\xefg\x84a\x05\xef\x9c\x07Vl\xf0[\\;\xe2q\xf9Z\x98\xf5ZW\xab\x16(\xd9f\x89\'\xae\xc7K\xfce\xe1\xa1\x17D\xc5\xe2\xfa*\xd4\x00P\xca\r\x86\xb9\x16\xee\x92H\x8c\r\xb0\x89L\x94\x18\x80[o\x94\xeb\xe3\x8c`\x92\xa7V\xe4G\x16\xf9RH\xc3\xe8\x1a\x13\xadW\xca\xfaZ\x00\n\xf5.\x9b\xf9\x07\x0b7u\x8fjw\xdc\xf89{@\x89\xba\xd5\xd8C\x00z\xcf\xffT\xd3\xcb\xfe?$\xbaNGD\x94\xa1\x81\xbb\xaa\xf3\xcb\xdf\x8d\x88\xea\xf4\xdf\xdex\xd8\xde.\xd3\xcf\xf8(\xb2\x17\xd8p\x0bx\x04X\xc8\x7fe\xaa\xe1\x9a\xeb\xd0C\x9c~\xa2|Py\xd5\xe6\xab?]\xb3M\xbe\xc4\xf6\xff\xb60\xe1\xc5\xf3\xb8Os.\xa9\x8brE\xd6O4b\xcdm\x9d]\x82\xe7\xcb\xbc\x83?\xf1\x96\xa3\xdcl?\x94\x85Z\xb9\xe8\xdcn\x14\x13,\x87\xf5v\x17~0\xed\xf3\x84&gt;c\xfa\x07O\xb8\xbb{\xce\xfd\xf8\x95a\xc79e\xc7c\nR{S\xf31\x0f\xad\xf6(\xee\x94o\x04\xb0\xec\xf8\x1b\xc7g\x93\x0e)\xc4\xf1g\x1c\xa4\xa6p/i(\xa2\xb9\xce/\xee\xa2\xd7g\xfe\x98F\xb3\x94\xa9\xec\x03[\x8e=Di\xebX9\xb8\xd5\xd8C\xae\x07k\xc8t%\xf9\xbe\xfd\x9f\xfd\x8a\xae3\xce\x8d^\x7f\xf7\xe6_\xe2K\xe1W\x95(\xeb\xe8\xf5w\x15\xcf\x83\x92a\xabn\xc6s\xc9U/^\x88\xd8\x93\x1a+\x94l-X\x87\xce=\x83~\xd0\xb0\xdb\xd2kKY\xbb\xdd\x0b\x80\xb5\xe7\xfe\xe6\xcaU\xca\xb4\xf1,\x10\\\x97\xd2:\xa9\xe6a\x9dv\x9a|\x9ac6\xdc\xf3\xf4I\xddBP\xe1&gt;i\x8b\xf6\xcdQ\xd3a{`\x12\xc0Q\x95\xc7\x0cX|U[&gt;u\xfe\xee\x9am\\\x97]\xb7$\xd5p\x0e\xe6]\xecL&lt;BP\xe1&gt;\xe4W\xb5\xc7\x9c\x8bV\n\x1f\xfb\x06\x16$\xde\x02+tZ=|\xf5-m6\xaa\xe9\x1f&lt;\xf9\x17\x90\xcbqt\x9by\x9e[\x05\x00\x8bR\'FdlL\x14\xbd\xee\xfc?Dy\xb8\xfbG\xac\xb9M\x14\xd9c\xce\xc5\xb2\xed\x97\x13\x91\x9eB\x96\xac0\x95\xef\xb4\n@\xbe\xfa3\\\xbd6/\xb1\xc6\x8ek\xf1q-\xe4\x1d\xa2r\xd7upv\xd5S\x86\xbb$)\x04$\'\xac\xc0B\x16zG\xb9n\x89\x0eW^c\xe0\xd2k\xfa\x12\xb8\xd6]\x9c\xec\xado1\x05&gt;\xed\xf6C\x0f`-\xe4)\xb4\xe3T\xab\xa1,\xf1\x96*\xdd\xd7\x93_U\xe3G+\xa3#\xd7\xaf\xc7Cx\xc5x\xd3X\xc3\x9aJ\xb9\x7fu\xcd\xa6\x10\xd5g\xc7\xbcS\xbb8\x92\xa2\xe2_@\xda"}\xa5\r\xa5\xdb.\xeb\xc3KZ\xe3\xc6\x05\x0e\xf7%\x89\xf1\xe2E\x9f\x8ce\x86z\xf6\x04\xa9\x8d\xad.~D\x94\xaeX\x7fO\x9c9\xa5\xf3B`B\xff\xd1~\xf2\tw]\x8cD\xfa\x12\x03\xdd[!\x80BnZ\xa0\xb5\x0bwZ\xe3\\le&lt;$q63\xdd\xc1\xf7\xd1\xa2X\xdaM\xf904\xa44\xd8W\xa5\xfb\xfa\x11\xabo\x99\xdfp\x11\x00\xdc\xd4a\xc3W\xdd\x8aW.\x9f^\xde7\x82\x8b\xbb\xb9\xaf\x02\xe0\xba\xde\x961MG\xec7\t\r\x12\x12!\xa8i4t\x8fG.\xe8=#y\x05\xa7\xe2\xa6\x14S\x908\xd7\x80\x8c\'\xe8$-\xd6\xa5`\x939\x8d\x87\xedk5\xf6\x90^\x81\xfa\x83v\x15k\xb10E.\x0f\x89\xc2\xea+T\xa4\xacd\xbf6G\x94\x9a;uU\x93\x96\xab\xd9g\x8b\xdbj#JW\xb4\x1f\x80\xc8J\xea@dJQq\xd9\xf17\xae&gt;\xc9\x96S\x9azyO\tofZ\xa4X\x8b\x85\xee:[\xe9v\xcb\x8c\x92\x99\xf8\x9b\xba\x14\x9a\xe3Pw\xd2\xd5?\xf2\xe2\x1cj\xf3\xb2\xdcLg\x0b\xe6\x86\xaa\x83\xed\xd0\x8b\xff\x0f\n\x13\xe5\xfb\x1e\x000c\xcf\xf7\x01\x05{\xe9\x14K\x93\xb5\xea\xd89\x1f\xfe\xf0\xa3*oJ\xe22\xaar)s;\x99\x1f3it{\xf3B\x0et\x95\xf5"+\x8e\xea5\xf7c\xf1\x93z\xe5\xc5/_7\x8ala\xf3\xd2\x18|Q-\xbb\x14h8\x93yE\xb5\x1e\xa7kf\xaf\xd4um\xd7\x19g\xddr:7\x91\x1d\xc0\xd6+\x08(\xa4\xf7xx\x89o$V\x8b}\xa7/1\xb0p\xb3y\x9e;\xe1#\xa7\xc6\x8ci\n\xf6\xe2\n;(H[\xbbB\xe7\xd5f5\xe5\x90;\xb6\x18\x93\xaeh?\x8b%\xb9\x0cX\xc2q\x96yw(b^$nI[;it\xbb\xb8\xbe\x089\xb9-\x96k=\xeeH\x12\xd9\x95\xd7\xeacC\x93\xce2\xee\xe9\x87x\xb8\xc5O0\x01\x80R\xfaA\xabQ\x95GO\xff\xe0\xc9\xf2\x93\xbf\x13\xa5#J\x92\xa3\xe6$w\x9c\xd4\x06\xb9\xebL\xb5\\\xd6e?\xac\xf4\xf5\x95\x8a\xe8l\xf1&gt;\x17\xa5\xa8 \xa5\xef\xccSw\xaai\x1cG\x91f\xf3\x01\xf8\xe5\xeb\xfa\xe9/\xb8\xf6\x9b\xd7\xc8\xe4\xc56F\x11/\xa6\x8a0\xbaD4\'\xa2*\xdd\xd6;y\xb8\x16\x99\xe3F\xbd\x81;\xbb\xcd\xe2;Iz\x88\xa2-\x168s\x18\xc73\xc5\n\x11\xbc\x8d)\x9c\xaa\xca-(\x12\xbe\xcafcV\xd65\xf8^\xa6\xae\xe1C~\xb6\xd5\xd3\xb42\x9fW^\xdbo.\x9d\xfcAE\x02\x95\nP\tKZ&gt;2\x91f\x8b\xed\xfc\x80v\x920\xe67\xf3Lt\x97\xafY\x1c\xea\x88\x15\x01\x10\xc1\xc4\xe1SV\x94&lt;\xd5\x7f\x03\xe4/{\xf1\x96\x8b(\xb0\x96x\xeb8\xcb\x01\x81\x85{\x03\xa87pW\xfa\x12\x03\xdc\x186\xed\xe5\xbd!R\xbe\x06\x0c\xe0\xa3\xfb\x8a\x97\xf0)P\xb1\xcb\x1ac?\xfbxN\xca\xdc\x9d\xe5\xe2P\x19\xdc\xed\x03ED_\xbc\xb5\xdaXW\xee\xba\xce\xedg\xf7\x04\x9d\xa6\x9e\xb6y\x84V}\xc2\xc5$"\x12E\x89\x88"\x9aS\xfa\xfan\xaa\x90\x8b\xea\tOa\x18\xcf\xaa\x9f\xf3\xce\xb7\xb2e\xcf\xac\x04\x05\x1a\xce\xb2V\xd2\x04\xd7\xebI\x18\xd5\x12\xc0\xce\xeb\xee\x99\xa2\x018pW\xaa\xea\xdd\x14\xa3HR\xf6\xb58\x1c\xa9\xd0i\xb5*\xc3R\xc3!\xbb\xa5E\xfd\x84Q\xaddq\xc3j\n7\x9d+\xecJY\xc9^L\xa0\x978\xa7N\xff\xed\n\x15\x98d\xe5\x82\n\xf7q\xfbYJ\xb6YB\x94\xf7\xa9\xf0\xf4\xa4\xe6J\xf9\xbb\x11\xbf|\xddN=\x89USL\x1e\xbdT\x01A\xb5]O\x10\x14\xd7h&amp;:\x06\x19\x03\x9d\x12\x7f\xd8l"\x90+#]]\'\xea\xb7@\xc6z\x03w\xd9\x93\x0b\x7f\x83\x00\x00 \x00IDAT\xf1\x13L\xec^\xb5\r\xfb\xe8\x19\x8d\xb4\x0f[\x84G\xaf\xc3\x0e&gt;\xdd\xddi4J&amp;E\xd8\x03\xd0*\x99\xf3IZ\xd6}\x17\xe0"\xca\xd1X`-y\x082\x9b\xd4\xca\xba\xdbL\xf7\xf5;\xe0\x07\xb2]\x83\x96^\xcbS\xd7F\xda\x12/q\xcc\x13\xf5\x8f\x1a\xe9\xbe\xdc\x99\xea\xe5(\xd9\x88U=q\xb1`\x98\xb2\xa1\xe6\xd8b\xf4Au\x85\tJh\x8b\xa5-\xcau&amp;\x8a\xa4\xb0&amp;9kMN_|\x80\xf53\xea\xe5\xea)\xder\xa1\x87\xc2\x9f4\xb8\xa2\xb8i\x91 \xf3"\x16C6\x1d\xd8\n\xe7\xf0\xc9\\q\x94\xcd\xfa\xadR\xa4\xd9\xfc\xc6\xc3\xf6z\xa8r"\xf2\x8f\xe9\xe1\xae\xaa*vY\x13\x97\xfe\xe4F\t\x9b\x8d\x98\xb1\xfb\xa9\x94\xa4$\xa2\x82\xed\xa4\x9cz\xa4-\xda7U\xde\xae\xec\xef#_\x19\xdf\x16\xdfx\xe2\xa1\xa9\x9d\xe4h\x7fP\xd6\xa7JB+\xa1\xa5\x06\x03\xe8\xb7\xe8J\x19A\x97CF\xb86A\xa1\x97w\x04\xd5\xa8\xaal\x87\x15\xe2\x9f\xc9c;\x81\x8c\x8f\xdc/\xcc\xd2\xa9[\x8f;\xac\x97\x15\xa0\xe3\xd4S\xa6-E\xf2\x9c\x1dul\x80\x81u\x07\xec\x885\xa9,/v0\x15\xc8t~i\xd0\xb3\xbd\x1aO\xe6\xf7\x1bg\xcfhq\xacP\xb5{\xec\xe8\xb0Z\xc4$I\xa8d&gt;\xed:\xe3\\\xc62C\xb9\x19\xb7\xacS\xb4\xf9\x02\x8d\xf1&amp;\x85\xb2\x91\xf1(\x01\xe6E\x0c\xd9~\x15m\'\x1e#\x8a\xd6\xee2\x08H\xf3\xf2\x8e\x01`\xd4\xba;\xda\xedJ\x8fh\x17\xadm\x96\x0e\x8f\xc3A}\xd3\x11\x1fj\xb6\xe5.\xd3N3\xd2$\xea\xbf\xe83\x9d:\xf2[&gt;[\x11y\xbb\xd0f\xfc\x11\xd5\xda\x8f\xcb\xc4\xad\x1b3G\xf2\xd0]\xdeji\x8b\xf4=\xfb}\xdc:y\xa6U\xa4F\xb7\x83\xf2\xf1\xceC\xbe\x95\x89\x88\xfb\x8c\x99\x12/\xb3\x1a[B\'\x19\xb9/QA\x8ah.\x7f\x89\x00\x1c\x7f\x8cP\x87\xbc\x17\x83\xd3\x1bip\xf8\xdc\x01Py\x0e\xf6\xb4\xa6j\x19\xcf\xf0\xac\x82\x82\x97\xb8\xe4\x95R\x95M_k0\x83\x85\xca,.v\xf2\xe3\x19\x00\x10\xe5\xb3V\x83ZZ\xcb\x8aw\xa5\xebK#\x7f\xeb,\xc3\xe8\x9fZ\xab\xca\xeb\xc8\xb0\xbd\xfa\xcc[\xa2\xd4\xf2H\x7f\xb7\xbbU\x1f}\xe4\xb9\x96\xda\xb6\x07\xac\x15\x86\xaf\xbae\xab|\xf5\x9e\x9b\xdcz\xfeL\xc6)\xd0\x9df\xff\x1d\xc8:\x83\x1c+O\xfdQ\xa1\x137p\x8e/y\x91\xbb\x8e\xb8\xc0\x19\xda\x88\x12\x97\xe1\xe9?{\x08\xb7I\x94\x13\x85r\xbfr\xc62C(\x81\xb0\x0c\xc1\x1a\x9f\x99{\xbe\x17\xf6en\xae-_\x7f\xd0."\xd2\xeb\x93\xf27\x9c\xd9~\xf2\x89*\xdd\xc5\xc0\x87\xf4\xf5\x1c\xb5\t\x18Ie\xc5\x11\xc9(e\xc5\xb2\xedW\x98\x17\xf4\xf2~\x11\xa2\xed9Z\x8c&gt;\x18\x0b\'\xe6&amp;\xbd\xe90\xf9\x04Q\xb0\x93\xb1\xe4\x89J}g{\x02\xedTB\x15\x9e\t\xeb\xb1\xce\xa9\xe5B?M\x86\xef\x03@&gt;r\x05\x9clD\x94\xbe\xf8\x80\xf7Z\x1f\xcaN\x08\x90\x85\xa5,\x17\xee\x953\xc9\x00\xdc\x05\xf3bu\xe8\x1f%,ID[.\xcb\xbeKr\xa3\xb5I~\x8fk\x9e\x11/\x1e\xf1\x8b\xc9\x10\xb9(\xfb\xafD\xab\xc5\x94\xca(\xbe+K\x95\xb1$\r\xb8\x8d\xd4\x84\x04KL\x07\x9e\xce\xeb\xf0U7\xa53\xc6\x07|\xb2\xb6\xa1$\xcc;,\x0esfx\x89{\xacx\xd9XE\x99\x11\x9d\x0f\x00w\x1b`MIDD\xd9\xab\x8f\x0f*\xd2\xe7\xb3_\x9d\xef\xf9\xba\xcd&lt;g\xf7\x10\x00\xbfk\xda\xa0\xdf\x85\x86)\x97\xb6\xbc{\xa5\xf5&lt;\x83Z\xec\xde6\x19\x95\xf2\x96\x81\xd6\xb2\r\x1ar\xee\x19t2\x02\xc5\x1d\x11\xcd\xdf\xeaw?/\x00\xf2\xab\xaa\xe7\xfcX\xb7\xff\x0e\x00\x93\xb7\x7f#\xdfX\xb9\xeb\xba\xf3\xcf\xd5\xf6Ug)ND\xe7\x9f{v\x14X\xa5\xfbz\xfb\xa9\xb5u-j/\x01JZ\xf6\xc4c\xb8\xe1\t\x8c7,&gt;\xf2J6F\x89\x88\xc3+\xf1\x12\'\xe4\x8f\x93\xb3jlD\xce\xd0w\xe1e\x8b%\x85G&lt;\xb4\x11\x00\x9b\xeaz\xbaXtpM\x13\xd3s\xfd\xc5\xff\xb4\xdb\x13goKA\x1e\xcf\xd0\x17\xefp\x04,\xd9u\x9c~o\xd0\x1a\x9c3j\x0b\rZz\x1d@H\xc9A!\xa5\x06)\xf7\xb8\'\xbc\xadT\xdb\xa5fE\xdc\x10pU\xbe\xe3*\n\x90k\x80$\xa7\xccLrR7\xfa\x7f\xe0\xd2kQ\x95\xc7\xc4K\xa3\xb1G`?D\xb1\x16\x0b\x1b\x0c\xfe\xe0\xd6\xdf(\xd6\xd2\\\t\x18\xc0\xe9\xa7\xef\xb1\xfd\xec\xff\t\x00\xf6}\xf4\xe36\x14\xd2\x19\xae\xbc\x92"\xdfW\xc5\xed\x95\x90\xbe\xed:\xb8X\xff\xf9\x1f\xfdb]\xe30\xde\xe2V\xebz\x8c\xd3GzB\x17\xc5)\xc2\xd9\x8c-E\xae\x8e\xdcU\x18\x19\x8e7\xeb\x07\x00\x80N\xda\xd0\xd4\xc9svt\xed\x92\xd2\xa4p&gt;\x9d\x97uRQJE\xfa?\x00\xa9\x0btO\x18\xd5\xb2\xac6\xa8FAZ)\xcc!m\xd1\xbe\x14\xd1\xdc\xed\xc2U\xa1\xa5\x06{R\xbf\xd3\x08\x1d]n\xa6p\x19m\xecq\x96\xb3\xd6\xa4\x05\x87^\xd8Q\x16\xf3\xf2&gt;\x91\xc4\x8d\xf1\xec\x1eq{y\'\x00\x90&amp;\xa6\'\x7f\x9foe\x0b!7q\x8fu\x85m9ae\x86\x9ae\x90$"\x8a\xaa&lt;\x86\x88r\xd5\x99\xb2\xe1cU\xa8z\x1cc*\xcf\xab\x83\xa4\xe6\xc8\x1d\xb9r\x1a\\\xd6\xc2\xba\x18\x90\xe3&amp;\xa2\x9c\xb6\xf7\xf6]xY\x13pem8%e0K]\x8d\xdd\x8aQk\xbf\xb4w\xeewj\xa5\xdc\x16\xde\xde\xf7=A\xd9\xba\x19\x90\xce\xc2\xefm\xd7c&gt;\xbb ^*\x0c\x90\x8d$\xe5\x04\xd1\xd4\xb8#g-7H\xc3\x17\xb1\x91\xf1\xc2?vC\xb1\xf5\xb3\xce\xe9\x92Wn\xc6\x0ft\xb7\x86Z\xdc\xb4/\x1eT\xa3\xd4\xca)\xc7!&amp;Q\xb9\xcdF\x1ep\xd7\x99T]E\x92\xec\xed\xd4%"L\x92\xb3\xed\xb8\x06\xa2(\xf9\x96\x1a\xbd6\xbb\xe7\xe2\x14\xe4\xb6\xbfP\xed^R\x1d6\xd4\x12\t/?b\xef-o\xa7\xfb\x1e\xb1\xe5\x92\xe2\xdd\xe81\xfb\xc2\xc9o\xd5?pL\xa3YDD\x0153\x95\x1b\xe6\xa1\xcb0\x93\xb0\xe1 \xd7\xb1rgbQ\xe7\x91\xcf`t\x05\x9e\xdaN8\x1a\x0b\x97\x12;xz\x0c\x9e\xa9,\xf7ysU\xe2 \xbe1x\xd9u\x8b%/\xbfT\xdd\xedT[/\xc3\xf3"h&amp;]\xb51\xa9\xf3wo8d\xb7|\xcb\xa1\x070R\xba&amp;\x92\x05=\x86\x11%\x04\xc0\x8b\xd47\xc6\xb9\xe5\x9bb5\xfbl\xb1%\xba\xe7v\xfa\xcc\xff\xd4`\xef\xf5\xdf\xb9o\\\x82\x8c\xea\x80i/\xef\x08Sv&lt;&amp;\xca.\xbd\xc3{n\xbe\xcf\xc3+\xcd\xb3\x9b\xd0H\x95:\x81%\x95D\x0b\x99\x10\xa5\nK\xa4.\xd0\xfd\x87\xf7\xc2j\xe4\x97\xaf\x1b\x11\x01\x18d\xb5\xf3\xb0?\xbdN^\xbeN\xff\xed\x9a\xad|\xe13\x0f!7W\xc4\x07s\x9f\xf6\x1a\\L\x9dI\x94\x90R8)-i\x91k\xbf!\xa6\xb1\xcc\x84\x1e\xd1\xdcz\x82\xb2\xdcu\xa7\x9a\r\xf2\xf2k\xb6\xb8d4b\x0fv\xbc%\xb2\xe2(\xae\xa7N\xb7\x99\xe7\xe2\xc3\xf3\xe9\xc5)"8\x01\xef\xb1\x84\xf2aJW\xac_\xac_\x01K\xb0\xc3\x1d\xf3Z\x8ca\x15\xc4C*vYS\xb1\xf3\x1a\x83r\xd6\xd3\x19\xbd+\xf4_\xac\xa7\x0bf\x88S\t\x1b\x9c\xa0\xdb\xccX\xcd\x17\x19\x1b$.\xad\x11\xabq8NO\xda\xf6\xb5\x13U\x0e[u\xd3Mm7?\xb0\xfeO\xb3\xca\x1b\x0c\xde\xad\xb9\x00a\x85x\xff\x9d\xf7\xed\x95\xb1C\xcemW\xe4Q\x9a&gt;\x92\xeb\xc0\xf8\xcd\x0f\xe3\xea\x9a\xbcx\x02\xab\xfaS^\xccp\xb4\x86\xa75\xe9\x98\xbcC\xd4X\xe6\xf6?pC\xd6\xf4\xd8C\x9e\xa1D\xec\xcc\xd2\xd6\x96[k\x01a6\xe9\xf0}\xcb\xe0\xd1\xfc\x89*R\x99\x17\x91\xf0\xabJA\x16\xa3\xbas\xd4\xed\xbf\xc3\xf6\x89B\x1b9\xb7\xa6\x1eT\x84y*\xe4\x0f,d\x94\xb9\xcf\xbf\x80\xdb\x92g\xc8\x91\xf2FXA\xa6\xcc\x9f\xac\xeb\x0cAx\xa0R\xd7\xb5\xdb&gt;\xe3\xb6$\xd9\x8d5L\xbc\xc4K26\x16:\x86\x0c\r\xe2\xf1\xea\x9a[\x92o\'h=\xee\xb0;\xea\xd1\'Q)\x83\x9dv;\xe0\xe7\xde\x0e\xdb\x06\xee\xd4\x90\x89\xff\x18&lt;Kz\xcb\xa5\xa3\xd7\xdfu\xe5\x8c\x05\x1b\xcf~b\xf3\x81\x8c\xa80\xe2\xf87\x9ez\x86\x9d\x1f\xce\x864l&gt;\xea@\x86\x92\x03\x9d\x0b\xbe\xef2\xe3\xac\x93\xe7u\x1b\xd9\x8cW\xa9\x8d\x07\x16^\xe2\x1d,J\x12\x80o\xde.q}-\xb1Mh\xe9!\xbf\xc6z?\xf7\xeeN\x85\xab\xf5\xdc(\xdaK\n\xb6\x9bx\x8c\x12\x95\x8c\xe3\x0bz\xaf\x90\xfbR\xe57\xb6KM\xff\xe0\t\x7f\x87\xd8\xa9\x88\xa2\xee\x89\x88\n\x8a\xfb\xb8\xc6\x00\x85\x9a\xc7\xae\xcf\x1dOf\xbd\x81;s\xd5\x9elp\r\x16\xc8\xdck\xde\'N\x1d\x98\x88\xd2\xd7\xf7\\Z\x11\x00k\xce\xfdm\xe7\x08\xc7\xadK\x10\xd9\xc2\xed\xd7cL\xc2\xa8\x96\xa2h\t\xad=\xff\x0f%.cvD\xbc\x9dGyQ\x10!\xff\xf0\xf9\x1f\x8a^!o\xbd\xe9\xb1z-q\x8cGR\x0b\xb4\x1e\x7fD\xfe\xb1P\xd3\xb9DD\x94q\xfd\x85\x7f=q\xbaX\xa0\x87"\x99\x8c\xa7\x15\xacb\x7fR\xeb\t{\xb5\xafv\xbc\x95\xb9\xe2(}\xed6K\x8fb\xbb\x89\xc7V\x9c\xfc]\xbb]\xe9\x12\x18\xdcn\xe2\xb1\xa9\x8a\xf4M\t\xeb\x0e\xd8\xa1&gt;F\x81\xac?\x0e\xa8\xf9\xc1\r\x84\x97\x1f\xce)\xc5\xcb\xae\xcdC\x15\xb1m%\x97\x11\x19\xdb\x9f\x8b\xb7\\\xa4\xd9fWv4\xc0\x89\x11\xb0G\x06\xcdi\xeb\xe8U;|\xf5\xad$\xd1\xed\xb4\xdb?\xfe\x19_\xeb\x1c\x12\xe0\x98\xf8Z\xbc\xcf^\xe2\x14);P\xd6\xaac\x89\x82,K\xea\x18\xc8\xcff\xe1nU\xdb\xbe\x04\t\xf5X\x96y\xca\x1f\xbb\xa7#""?s\xad\x89w\x86\xa0Z\x00b\xd9\t\xf9\xfd\xa0|\xc7\x95\n=\xc54\xd5]\xac0Y\x8e\x0e\xb3\xf7=O\x96\x83\'\xa4\xaa\xd4\xd6~\xa6l\xac[\x8c&gt;\xd8|\x946\xba\x97/lr\xf2;\xc44\x9e\xcd\xed!,&amp;\x85\xf4D\x94Zo\xc3(\x1d+\x00\x88\xdb\xcc\x1c\x8c\x83\xf7\xf8\xa9\xd5\xc2\xcb\r\xef1\xe7"\x80\xe4\xb9t\x1ad\xc1g\xd6\xdf\xa3\x97\xe7\xc5\xb3D\xd7\x98(\xe5\x03a\xcf\x81&amp;\x92\x8c\r\xa3\xfc\x8d=\xee\xb6^\xc1\rq\xea|\xf9%\xba\xcd&lt;\xef\xa6\xf5Z\xe1\xc2\xdcUU\x1c\xa2U\xd2\x7fgQO\xce&lt;\xbbf\xe1|\xee\xf4w,\xa5\xcc\xdc\xfd?\x12\x11Qd\xb1\x96\x0bo*]\xe5\xb5\xee6W^\x01\xc0\xe2\xa3\xafu\xabK\xeaP\xa9\x03\xc0K)(z{%,I,\xb1\x81\x0ebp\x8b\xa6\xbb\nk\xa2{v""\x1a\xb2\xe2\x86q\x01\xa7y\x06\xf0rP\xe6\xb5QE\xfc\xd6\xc6\x9a\xb0\xe5\xab\xd2\xe6\xea\xdcDl\xbd\xc0\xafJ\x92\xec\xed\x12gk\xab\xdc\x13\xaf\xf4^\xbc\xe8 %\x06\x00pU\x93\x17(G\xcdI\xd2^q[\xd2b-\x16\n\xa2\x1c\x8c\xa0\xdaD\x19\xe5\xdd\xa4\xbb\x83\\99\x82\\\xa7P\x93\xb9\x01&lt;?\x05\x99\xf9.\x94(\xbd\xbb\x9c\xc3\x9d\x12\xd9\xf6\x04\xf9\xdd^c\xbe\xfa\xf1v\x9d"J\xf1\xa0\xea\xa0Io\x10\'\xa4~\tP\xfa\xfa\xe9\x8a\xf5\xeb\xaa\x89\xe6\x94\xa7\x8b&amp;"\xa2\xe4\xbf\x02ke\xeb\x972GY\xab\xa4\xca\xdbU\xe6-\x98I\xaf\x18\xeb\xe9\xf5\x07\xc1aD\xf9BJ\xea\xdd@\x97\xc6@)r\xe9\xcaSo\xbf\xea\x96\x16\xc6\xc5!\x9a\x9d\xfe\xdeM\x00\xe8&lt;\xed\xb4b\x93o\xa5Q\xeb\xeeL\xff\xe0\xa9\xf2g\n\xbc\xfc\xea}\x98\xb7xapr\x06Kd\xae8\x8a(\xd1\x1f\xef\xc0&lt;\xd5\xfa*\x91\x0b\xa2B\x01\x9a\xf0\xd6\xf0f\x00\xb8\xe9\\\xc6n\xbc\xcf\xab\xc2\xcdB\xf3\xb1\xc2\xffK\xb2\x9a\xd8\xa1`c\x85\xecsH\xa9A\x7f\x02\x9b/\xe9\xbebM\x86\xef\xf3\xcc\x85$\xde\xf59F\xad\xbb3\xd2\xae\xf62Q\xa2,\xadu\xf6\xc4r\xbf\xe5\xc9\xa5\xd0\xb0&amp;\x8at\xce\x96p*\x01\xb9\x08\x00=\x15\xdbb-\x17\xca[\xe9\xf7\xc3p\xf8\xde"\xfby2\xde7\xfc\xa9\xb2T\x19\xa3\xf8lM\x19\xca\x8b\x84|d\x1aKo\x85\xbf\xab\xeb\x8bV(\xd6\xc2&lt;Q\x9a5\xec8=\x05\xd5\n.\xd6_\x14N\x89s\xfcU\x9f\x9b\x8d&lt;@&gt;\xa5\xcb\xb43\xce\xed\xe3\x0c\t\xa3Z9&gt;$);u\xe7\xb7n?\x05\x87\xb0\xc6,\x13F\xe9v\xcbb\xe3t\xb1J\xb8y\x11\x914\x05ur\xa5XB\x91\xe0\xb9\xe9\x88\xfd\xad\xc6\x1e\xb2~pX\xd9\xa1\xd6\x0b\x0fZzM\xfa;\xae\xe5\xac\xbd\x18\x02\xa0h\x8b\x05\xb1r\xaat\t"[f\xaf&gt;\xbeR\xd7\</t>
        </is>
      </c>
      <c r="E16" t="inlineStr">
        <is>
          <t>&lt;class 'numpy.ndarray'&gt;</t>
        </is>
      </c>
    </row>
    <row r="17">
      <c r="A17" s="1" t="n">
        <v>15</v>
      </c>
      <c r="B17" t="inlineStr">
        <is>
          <t>steps_per_sec</t>
        </is>
      </c>
      <c r="C17" t="n">
        <v>300</v>
      </c>
      <c r="D17" t="inlineStr">
        <is>
          <t>5.394163</t>
        </is>
      </c>
      <c r="E17" t="inlineStr">
        <is>
          <t>&lt;class 'numpy.ndarray'&gt;</t>
        </is>
      </c>
    </row>
    <row r="18">
      <c r="A18" s="1" t="n">
        <v>16</v>
      </c>
      <c r="B18" t="inlineStr">
        <is>
          <t>Loss/localization_loss</t>
        </is>
      </c>
      <c r="C18" t="n">
        <v>300</v>
      </c>
      <c r="D18" t="inlineStr">
        <is>
          <t>0.07149568</t>
        </is>
      </c>
      <c r="E18" t="inlineStr">
        <is>
          <t>&lt;class 'numpy.ndarray'&gt;</t>
        </is>
      </c>
    </row>
    <row r="19">
      <c r="A19" s="1" t="n">
        <v>17</v>
      </c>
      <c r="B19" t="inlineStr">
        <is>
          <t>Loss/classification_loss</t>
        </is>
      </c>
      <c r="C19" t="n">
        <v>300</v>
      </c>
      <c r="D19" t="inlineStr">
        <is>
          <t>0.5941729</t>
        </is>
      </c>
      <c r="E19" t="inlineStr">
        <is>
          <t>&lt;class 'numpy.ndarray'&gt;</t>
        </is>
      </c>
    </row>
    <row r="20">
      <c r="A20" s="1" t="n">
        <v>18</v>
      </c>
      <c r="B20" t="inlineStr">
        <is>
          <t>Loss/regularization_loss</t>
        </is>
      </c>
      <c r="C20" t="n">
        <v>300</v>
      </c>
      <c r="D20" t="inlineStr">
        <is>
          <t>0.02965914</t>
        </is>
      </c>
      <c r="E20" t="inlineStr">
        <is>
          <t>&lt;class 'numpy.ndarray'&gt;</t>
        </is>
      </c>
    </row>
    <row r="21">
      <c r="A21" s="1" t="n">
        <v>19</v>
      </c>
      <c r="B21" t="inlineStr">
        <is>
          <t>Loss/total_loss</t>
        </is>
      </c>
      <c r="C21" t="n">
        <v>300</v>
      </c>
      <c r="D21" t="inlineStr">
        <is>
          <t>0.69532776</t>
        </is>
      </c>
      <c r="E21" t="inlineStr">
        <is>
          <t>&lt;class 'numpy.ndarray'&gt;</t>
        </is>
      </c>
    </row>
    <row r="22">
      <c r="A22" s="1" t="n">
        <v>20</v>
      </c>
      <c r="B22" t="inlineStr">
        <is>
          <t>learning_rate</t>
        </is>
      </c>
      <c r="C22" t="n">
        <v>300</v>
      </c>
      <c r="D22" t="inlineStr">
        <is>
          <t>0.010480001</t>
        </is>
      </c>
      <c r="E22" t="inlineStr">
        <is>
          <t>&lt;class 'numpy.ndarray'&gt;</t>
        </is>
      </c>
    </row>
    <row r="23">
      <c r="A23" s="1" t="n">
        <v>21</v>
      </c>
      <c r="B23" t="inlineStr">
        <is>
          <t>train_input_images</t>
        </is>
      </c>
      <c r="C23" t="n">
        <v>300</v>
      </c>
      <c r="D23" t="inlineStr">
        <is>
          <t>[b'640' b'640'
 b'\x89PNG\r\n\x1a\n\x00\x00\x00\rIHDR\x00\x00\x02\x80\x00\x00\x02\x80\x08\x02\x00\x00\x00\x83\xaf^t\x00\x00 \x00IDATx\x9c\xed\xddu\xdc\x15E\xff\xff\xf17\xdd\xdd\xdd\xdd\x8dtIwK\xa7\x01(*((*\xa1\x80-\x16*"\xd8b\xc7m\x8b\xd8\xdd}\xdb\x1d\xd8\xdd\xde\xf3\xfbcv\xf7\xcc\xc69\xd7\xb9\x88\x0b\xbf\x8f\xdf\xeb\xf9\x07\xec\x99\x9d\x9d\x9ds\xae\xc7\xe3\xcc\x99\xd9\x99\xcfH\xbb\xa7\xe9\xd05\xbbY\x82$\xa9rbj\xd7)\xe7HU\xd2]\xd3p\xe0\t\x99\x0b5\xc6\xecV\xa5|\xa7\xdd\xfc\xb9$\x15\xee\xed\x96lER\x96o~5\xb8o\xfc_\xa9\xaa\xd4\\\x92jN\x904\xf5\x84\xbb\x8e\xb9\xe45\xffl\xa9\xa0\xc0\xc5\xe7&gt;c\x8c\xb9\xfdM\x13\\[\xae\xc3B\xf7.Rs\xf7\xee\x87\x9e\xfdT\x81F\xd3[\x8dZ/\xe9\xbe\x0f\x8c\xa4o\x8d\xf9\xdc\x98\x1f\x83\xea\x15\xef/5\x95$5N\xf7\xf9,\xbf\xf8\x95\xdd\xff\xa0\x00\x00\xb9R&gt;\xf7\x97\xd4\xd8\xa5\x1bu\xcd*W\xedI{\xaa\xe1L\xa3\xad\xa4\xd4[\xa866\xeb\x0b\x0b\xa5;1\xeb\xa4\xed\x92\xce\xfc\xcfW\x92.\xdc\xfesP\xff\x16#\xd6\xed\x7f\xf0\xa5\x92Tc\xdc-\xaf\x99.\x07\x9c\xb3\xf5\x91\xbf\x82\xabn\x7f\xd3\xdc\xf1\x961\xc6\x9cs\xd7w;\x8dY{\xed\x87R\xb15W\xbf7x\xe1\x15R\x93{\xdfO5\xc0#\x0e\xdf\xe6\xb5\xb8%\x06\xd8\x83\xaa\xdd\x96H*\xd0p\xfa\xc3\x9f{\xf7j\xb0\xff\tK/|QR\xdfy\x9b\xed\x85\xd3W\xddmO\x9ds\xe7\xb7\xf6\xc0\x18#\xed\x17T \xf2\x1b\x02\x00\x90\xa7\xfe\xef~\x05g\xa8\xf9[\xa1S\t\r\x7f\xf3\xe1k\xfdNa\xa0\xe5\xee\xdc11g\xb3a\'IZ|\xee3/\xfej\x1e\xff*t\xed\x8eO\x8c1\xe6\xe4\x1b?5\xc6\x1cu\xe1\x8b\xf7}`\n7\x99u\xd1\x8e_%Ie\xeb\xf6[a\xb3\r8p\xab=\xa8\xd3\xf7\x98\xf3\xee\xfe\xde\xa9C\xf1y\xeb\x1f\xf0\x0b\xab\x9dc}\xde\x8a\xd4\xbc\xce\xe4\xe0\xf0\x98K^\x1b~\xd85Y\xbe/\x00\xc0\x1eUi\xe4n\x16\xf0\xe9\xbf\xa8\x15O;d\x1d\xce5j/WC\x92\xa6\x9epgr\x9b]g\xb2\xa4F\x83V\x15k&gt;7|\xa2\xb0\x8a\xf5\xf3\x0e\x0b\xf4(\xd0p\xda\x99\xb7}Y\xbb\xf7r\xe5\xeb&amp;\xa9z\x8f\xa5A\xbe\xea=\x8e\x8a\x15\xda\xc6?(\xd2m\xda\xf9C\x17]5\xfb\xa4\xed~\x8a7\xf2\xfc\xe0\xa7\xe6\xd1/\x8d\xa4\xfb&gt;4\xa1&amp;\xd9\x19]\x07\x00`\xb7\xb4\x1f\x7fzp\\\xb4\xf9\x9c]/\xa8\xfc\xb0\x8c\xa7\xdb\xe6\xbe\xc4:Y\xe6k2duRr-IR~\xa9\x89}m\xdb\xf8\n\x9d\x0e\x8d\xe5\xec*\xe9\xc4m\x1f\x04\xaf/\x7f"\xd5\xe8^\xf3\xec\xbf\xe77\x13\x00\xfc\x7f\xe9\x8d\x7f\xfe-_\xc4\x07\x1cw{8\xa1T&lt;\xcf\xc8#\xae\xcd\xb1\x9c\xe6\xc3\xd7J\xc5\xecq\x16\x83\xc6u\xb3\xa9\x9b\xa7\xf4\xa0\xe0\xb0p\x93Y\x19\xb3v\xee3\xf7\xe2\xc4\x13\xf3Oy(\xbb\x9b\x95\x90\xa4Z\x13\x92N\x15I\x1d\x96\x19\x9c\xcd\xc0x\xfd\x01\xc7\x07\xc7=g^\x18=]\xb4\xcf\xd2\x0b^\xc8\xaeV\x00\x80\x7f\xb5\xd6yx\xafh;\x1d\x99\x9c|\xf4\xa6\x97\xf7\xc6]#\xcd^\xeb\xd1\xa7\xc4\xb2TIl\x1a\xbf\xf2\x13\xab\xecw\x84\xa4\x01\x07m\x95\xa4\xb2Cv\xf9\xd6\x8ef\xe9/\xea\x1c~\x19\x8cW{\x0f\xc8\x7f\xff\x17=D\x00\x00\xe4\x9em\x1b\xbaL9gO\x17\x9c\xea\xf3\x85\x9b\x9fv\xde\xffu\'\xbb\x19V^\xf1\xb6\xa4\xe7~\xda\x83\xb3|\x9b\xe6\x9cE\x92d\xa7J\xe5^\xf3]\xba*d\xc9\x05/\xa8@\x8ftg\xcf\xbf\xf7G{`?\x93\xd3n\xfe\xbc\xcb\x01{\xfc\xcf\x04\x00\xd8W\xf2uS\xf2\xf3\xc8}c\xef\xcd\xf1\xce]\xc9\xe9\xdb\xc5}\xc8\x183\xf6\xa8\x9b\xf6u-\x00\x00y$\xedj\xda$\xf5\x92\x12\x83ILm\x92\xceJ\x921\xe6\xaewL\xbd\xfe+\x82\x97\xc6\x98\xf3\xee\xf9!)o5\xff\xa0\xc9\x90\x85W\xe6\xa6n\xfb\xc6K\xbf\xed\xb1\x9f\x14\xffwW\xa0\x01\x00\xd2\xea1\xf3\x82\xbdWx\x9f9\xd1\xf9M\x1d&amp;\x9c\x91.\xf3\x19\xb7\xee\xf4#N\xd4\x1d\xbd\xe4\x86x\xf4\x89+\x9e\xf4^\xe6\xaaA\ng\xae\x94\xfd\x85\xb9P\xb8W$\xa1R\x97\xc3w\xb5\xac\xea\x9f\x18#\xe9\x93X\x00\xaf]-\x10\x00\xb0{N\xbb\xe5\x8b\xcc\x19\xe6\xac\xbd?\x17\xc5\x15\xee\x95.\xae\xe4n\xb2S\x96$]\xf1Dr\x9b\xe1\xb4%\x95"\xe9\xe1F\xb7p\xa4\r\xf6CZ\x96\xcdm\x95\x16\x9c\xf1Xn/\xc9\xadF\x83VIr\x9e\x10\x17\xb4\xff\xed\xea\x93f\x8f\xfb\xf6{\xcd\xbehw\x8a\x02\x00\xfc+\xec\xea\xb7y\xc3,\xf2\xa4fV\x8fX\xbc-\x98u\xd5n\xdcin\xa6a\x87^\x1d\x0f\xd1\xec\xde\xe2\xd3X\x18\xe7\xac\xd5\xcap\xce)\xb0q\x86l{T\'\xa9A\xee\xae(\xd2[\x92*\x0e\xdf\x1b\xb5\x01\x00\xfcK\xd5\xe8\x99\n\xde\xb4\x0b\xed\xdf\xdd\xef\x9a|\r\xa6\xe6\xf6\xaa\xa0\xfb\x1b\xc4L\x8eu\x88%\xe5n\x15PL&gt;IR\xd7\xdc\xbf\xa9v9g\xc9(\xb8\xa3\xdd\xd4A\x85\xa2C\xd6\x11\x1f\xa4\xad\xe1\xee\xd6\x04\x00\xb07\xd5\x18\xb7\xf9\xa1?$IE\x13\xcf\xef\xea\x03\xc5\xb6\xbbZ\xa1\xb0\xba\x07\xc4\xd3\xb6=\x174\xb8\xa6D\xab\xf9\xc5\x9a\xcfMn\x80\xf7\x80bA\x99\x1d&amp;\x9e\xd9l\xd8\x89\x92\xfc\x11\xe3\\,1j:\xf4\xc4\x0cg\x9f\xf9\xc1\xa8\xf4\xc0\x1c\x8a\xa8&gt;.\xfb\xdb9\xb2\x19\x84\x00\x00\xecS\xbb\xdbz\xa56 *\x91!\x97\xdf\x86Ed\xbb\x1e7`\x8c\x99\xb0\xfc\x96 \x1a\xe5^k\x80%\xa9\xfe\x80\xe3v\xb3\x84\xbd\xba\x82\xcb\x18\xe3\xec\xbbP\'\xf8\x10\x8a4\x9d\x9d\xf9o\x01\x00\xd8\x1b\xdakw\xda\xd4*\xa3cIe\x9dc\xaf\xbd|\xe6\x87}9\xdb6\x98\x05\xbdW[_I\x87\x9d\xf3t8!w\xfb6\x86\xc3[VK\x97\xad\xe5\xc8u\x92\xfc\xa1\xeft\x97\'\xb3;4\xd8O\xa0P\xe3\x99\xa1\xa8\x96\x00\x80}\xa1s\xceYB\xca\xc4\x93~\x085l\xc9\xeb}m&lt;\xa6\xe1\x8b\xbd~\xd8\x8a\xadoH\xb2c\xda\x95s\xbd\xc6&amp;\xf3\xae\x06U\xdd\x17\xdb\x9e3\xbfyMo\xce\x13\x97J\xb6&gt;0\xc3\xd9N\x93\xce\x924o\xfd\x83\xe1\xe4|\x92T31ts\xb6\x1e\xfa\xdc\xfd\x00S\xbb(.8\xf3\xf1z\xfd\xfd\xbe\xb5\x13\x8fz\x17x\xfb\x13\x03\x00 i\xcc\xd2\x1b\xc2\te\xf7d\xe9E\xfb\xee\xc9\xd2RZI\x92:\xda\x17\xaf\xffm2?|M3\xa2\x1e\xf2\xdf\xff\xd9\x06\xb8~\x90\x12~$\\2\xb7UL\xd4\xff\xc0-\xf7\xbc\x97j\xe9\xf37\x9c\xb6G\x8a\x05\x00\xec\x8a\xc8\xba\xd2\x13.\x7f+\xa7+\xb2\xddS/ou\xcd\xe1|\xc9\x01yR\x8d\xb8\x8e\xa9\xc3`\xc7\xdf\x98\xba\xfd\x8e\x8d\'\x1e\x92\xc5j\xe3\\\r\xaa\xdf\xf2ZR0m\x00\xc0&gt;Q\xa6\xdd!\xb9\xca\xef\x07\xaf\xc8\x81?\xc2\x9c\xa4\xe4\xfe\xb9\xba\xe3\xae\xa9\xd2\xf5\x88\xe0\xb8P\xe3\x19\x89y2D\xd1\xda\x83\xa6\xad\xbc+s\x86\xb1G\xdd\x18\x1c\xfb\rj\x9d\xcb\x1e\xfb\'\x96\xb1\xf8\x9e\xabT\xa1t{&amp;\x02\x00\xf2\xc8\xc8\xc3\xaf=\xf7\xae\xef\xf6u-vG\xd9}z\xf7*I\x89\xc1c\xf5\xd2n\xea\x85\xf7\xff\x92u\xb1\xa5\xc3/\xabFN\'v|\xbd\xfd\r\xa3\xa2\xc12\xcb\xb5_(i/\x85-\x03\x00d\xe5\xa4m\x1fD\xbe\xca\xdb\x8c9E\xd2\xa6\x1d\xbf\xca\x990\x85D\xc5Z\xcc\r\x8e#\x1fc\xe6\xa8\xcb\xbdgo\xca\xf2\x16\xb3N\xbcoWk\x97`\xeb#\x7f\xb9\xedn\xcd^G\xef\xc1\xc2\x01\x00\xd9Z\xb1\xf5\rUpc\x13\xd6\xcc\xcb\xbb\xef\x99\x15A\xbb718k\xe52\x9c\xcbzo\x86\x82e\xda\xe6n\xb4?7\xbcE_\x8d\x07\xaf\x8e\x9e\xa98"\xe3\x85D\xe1\x00\x80&lt;\x17^\xbaZ0\xef+p\xda\xcd\x9f\xe7\x90\xa3\x9e\x1b\xe2*9\x08W\x06\xc1s\xe8\xdb\xdf\xdc\xcd\xc6&gt;y\xb4v\xde\xfa\x07\xfcC\xbb\xf2\xaaE\x0e\xc5\x14\xec\x99\xdb\x1b\xa7\xf9\x99\xd2$\xf2\xba}\x96\x0f\xb3\xab\x8e\xa9\xd4eqP\xe6Gl\x88\x04\x00\xff\x1e\x8d\x07\xaf\xda\x83\xa5-\xbf\xf8\x15{P\xba\xed\xc1\xa1\x13\x15\xf6\xe2\xae\x00\x0b\xcex\xfc\xe7T\xa4\xa7Y\x926\xed\xf8\xf5\xa6W\xf6zc\xd3y\xf2\x86\xd0\xeb\xe2\xfd\x127\xbd\xcfU\xd7?\xb7+\x85\x06-\xb8&lt;W\xf9\x01\x00\xfbX\xbcU\xf0S\n\xa7\xbf\xa8\xee\xee\xdc\xf1\xab\xdd\xec~%\xac\xf1M\xe8\xa7\x16i:{\xe3\xbd?\x06/K\xb4\x9c\xb7[7u\x95\x1b\x9a\xe6Dl\xaer\xd1&gt;\xee\xab\xd9\x197y&lt;\xfe\xb27\x83\xe3\xe5\x9b_\x95\xba8\'s\x8e,}\xe5S\xf6SM\xad}\xea&gt;c\xa3$U\x1a\x19\xa4\x1cr\xfa\xa3\x92\xaa\xf7X*i\xfa\xea{r,\x13\x00\xb0\x87\xfdc\x9b\xc0\xfc\xdd\x12\xcf\x06M\xf2\xcc5\t\xf3\x80\xec\\\xad\xbd+\xdf~\x19N\x9e\xbb{\xdb\xe2F\x14k&gt;7\xe7Li\xd4\xeb\xbf"\xfb\xcc\xf9\xea;\xdb:%&lt;\x9dm\x95\xe3\xbeF\xd6\xd5O\xa7\xfb\xf9R1)\xb1X\xe2\x0f\xa9qG\'t\xd0\x01\x00\xfb@\xba\xd1\xd1\xed\x1f\xed\xfd\x87\x85\x95R\xad\x91W\x8d\xf2\xc3v\xb3\xc8\xc3\xcf{6\xcd\x99\\lR\x94\xac\xce\xe4\x84\xc4\xc2\xbd3^\xd3hW\xc6\x0c\xeaMIs"\xcb\'\xe2\x8dU\xbc\x9f$U\x1d\x13$\x19c\x1e\xf9\x82\xa7\xbf\x00\xb0\xaf\xb5\x1f\x1f\x9a\xbf\xe3/\x12\xb5\x82\r\x88r\xb9\xfd{6\xf2\x05=\xef]\x9c\x88{\xf3\xab\x99Z\x91\xf8\x8f\x89c\xb7\xbc\x9eu\xd9n\xbc\xeb\xfc\xb9\xa9T&amp;\xe5;.R\xb6\xcf\x80\xeb\x06G\xfbM=\xafP\x93\x99Y\xdeb\xfc\xb2\x9b3\x9eoo\xff+\xdbn\x81\xa4\x1a=\x8e\xca\x98\x19\x00\xb0wt\x9e|vp|\xf8\xb9\xc9\x9d\xc5\xacZ\x0b\xe7\xf9bF\x8d%\x9dr\xe3\xa7R\x9e-\x1f\xdaEWE\x06x\x8b\xd8\xaem37\xed\xfe\x8f\x8d$\x95\x19\x9cci\xf63\xac\xd13/[\xbb\xe4\xfd0\xac\xe0o\xdab\xc4\xba&lt;\xa9\x0c\x00 l\xf4\x92\xeb\xdd\x97\xe9\xf6\rt\xda\xe0\xc4\xe7\x8b\xd9\xc8\xed\xcew\xb5\x9cc\x7fo\xbe\xdc\x8dH\xa7\xdb\xbd\xa0T.k\x92\xb3\x99k\xeem4p\xa5\xa4\xbd\x1c[\xaa\x99\x94\xe3\x0f\x97\xfai\xd2\tz\x05\x00\xffn\xa1\xfen\x91&gt;\xc1a\xa3A+\xd3]R\xb9\xeb\xe1\x92\x86\x1dv\xf5^\xabT\xf2\xc3\xce\xb5\xd7~\x18K\x8b\xc6k\xdc\xab\xa6\x1c\x7fG4\xc9Ng\xcb\xe1Ip.\xf4\x9b\x7f\x89\xa4n\xd3\xcew\x13\xb3\\\xc5\x14\x9a\x1a\x969\xf8\xf6\xbf{4\x02\x00\xfe\xbfP\xad\xfbR{`\xbf\xe5\xfb\xccq\xe3\xf5G7A\xda#a\x1c\x1eN\xed\x83[[\x92T2\xcb\xe9E\xbdf_\x94\x98\xee\x8e\xab\x87uJJl\x94\xcd\xbd\xa4LmX\xc5N\x87\xb9/\x87,\xbaRR\xbbq\xa7E\xb2\xbd\xf0K\xfc\xe3\xf2\x9e\xc8\xaaF\xd2n\x86\x05zx\x07%\x82}\x9c\xbc\x00\xd1\xe9\xde{f\xbdf]\x18z\xed\xbd#"a\x01\xc0\xbf\xc3\xfa\xeb?\xceU\xfev\xe3NW\xd5\xd1\xde\xa6\xf4Y\xe9\xe2\x0ee\x97nsp\x86\xac\x92\xfc62\xa7\xdd\x06\x0bt\xcf\xf2\xf6E\x9b\xcf\xc92gv"\xdd\xee\xa6\x91\xd3\x07\x1cw\xbb=\x08z\xae\xcd\x87\x9f$\xe9\xda\xe7\x8d\xe2\x0f\x9bc\xec\x0f\x94\x19k\xee\x95\xd4d\xc8\xeaPQ\x85{+\xfdr,\x1b\x93\xd2\xddg\xe9\x89\xafM\xa96\x07\x05/\xfd\xfa\xb0)!\x00\xe4\xb9\xa4\xc1\xcc\x12\xb9\xb8&gt;m$\nI*\xd1r\xbe\x7f\xd82\xcb\xf2\xd6\\\xfd^P\xa5\xcc\x03\xadE\x9b\xcdV\xa1\xec\xc3:v\xc9\xa9\xc0\xf6\xe9OED\'7\x05\xc5V\xdd\xef\xc8QG^\x97!\xc2W\x90s\xd5\x95\xefH\nO\xb4\xceQr\xa0\xd0\x8c\x9b:\xd4\x91\xb3\xbe\xf9\xee\xf7\x8c\xa5T\x08\x14\x1e\x0c\x03\xc0\xbfB\xda\xbdf\xa7\x1c\x7f\xa7\xa4\t\xcbo\x99iw\xe6);$\xb11+\xda,C\xcf\xb2c\xfaS\x99\x94l}`p\xec\x06\xb4R\xa9\x81\xb9(\xa5\xfaXI\x9fF\xeb\xect\xa9\xcb\x0e\xc9\xba\xac\xf4?P\x9c\x85\xb6\xd6\x88\xc5\xdb$\x1dr\xc6c\xe1\xe4:\x92\xfa\xcd\xbb$\xe3]\no\xbc\xef\'\xe7eqI\x95\xbb\x1c.\xb9\xc3\xd1\xaeN\x92\x1e\xddi\xa4b\x92\n4\x9a.I5\xc6\xa7+\xddN~\xbe\xf5u\xe3&gt;\xe6\x07\x00\xe4\x9d\xdd\x0c\x8f\xbc\xcb\xdb\x19\x95j}P\xce\x99$U\xf7\x9e\x8c\xa6\x1e\xeb\x86\xf6f\xc8\x8a]z+)\xc7\x99\xd89\xbd\x1do\xa86\x7f\x83\xb4\xc1\x99\x9d\x12\x12\x1ecW\xea\xbc8\x9ex\xc3K\xde%\x89;?\xa6\xa9R\xe5\xf1\xcbnv\xd7D\xb9a\xbcj\xf4&lt;*]\x98\x91\xf9\xa7&lt;\x14.fT\x89\x96\xf3\xa5\xb6\x89\x99\x01\x00yg\xe8\xa2\xab\x82\xe3\xa7\xbeK}\xf5\xbf\xf8k\xb6\rmb\x1b\x13w\xeaM\x9fE\x93\xca\x0e\x96\xcaF\xd2:N&lt;\xcb\x1e\xbc\xf4\xdb\xae\xffPH\xd7\xac\xd6\x1fp\xbc\xfbrg\x0e\xadoB\x1c\xc7\xb4\xd1\xb3\xab\x8c\x96$\xd5\t\x87\xb7\xf4\x07\x18\x92\xd6\r?\xf4\xb9[T\xf9\xe0\xe8\x9e\xf7\x12k\xd5V\xd21\x97\xbc\x16I\x8dl\xc3`g\xa7KU\x92J\x00\x00\xfc\x8b\xa4\xe6\x03\x1f\xb9\xf1\xf9\x0c\xf9*t&lt;4\x92\xb0;wm:\xf4\xc4\xd0\xeb\x8c\xf1\x9fs\xda\xdavwE+c\xa5\x1f\xcbu\x05\x01\xc5\x82YlN\x0b\x9d/\xd2Z\x17i:\xbb\xc9\x905\x92V_\xf5n\x9a\xf2JD\xc3\x9b\xa4bDg\x17\x99+\x8b\x08!\xcb7\xbf\x1a\x89\x83\x06\x00\xf8\x17\xb1\x8d\xc7\xd4\x95we\x939\xb5b\xb8\xeah\'9X\xeb\x92O\x92\xca\x0fS\x85]\x8c\xf3\xfc\x8d1\xc6\x98`\xa3\xdf\\\x99}\xd2\xf6]\xbbin\x19\x93\x9a\xf1\x94R?]T\xe7\x98*\xa3\x9c8\x9d!\xb5{/\xcf\xb2\x8c\x16#\xd6\x06\xc7\xf1\xed\x90o}\xddH\x15\x8e\xbf\xec\xcd;\xdf&amp;(4\x00\xfc+d\xbf\x9a(%\x8b\x87\xc1\xc9\x93x]\x1d&amp;\x9ci\x0f^\xf9=\xb5\xc6&amp;\x9d\xfe\xf3\xb7dW\xb5,\xd5\xcb&amp;\x931\xc6_\xac\x9c\xec\xb2\xc7\xff\x17O&lt;\xf0\xd4\x87\xc3%De\x1c`\xaf\x9f\xc52\xad\xd4\xfa\xe6j\xdd\x97\xe4\x94YR\x93,\xf2\x00\x00\xfe=*\x8dt\xdb\x8f\xd1Kn\x08\x8es3\x1b\xab@&lt;\xe9\xe8M/\'\xe5\xf4\'N\xd7\x99|\xd1\xfd\xbf\xa8@\x0f\xdb\x7fu\x1fN\xe7\xf2\xd6\xbb\xa2x\x0b\x7f\xff\xe0\xca\xa3\xb2\xc9\x1fle\xd1i\xf2\x06{\xf0\xae1\xc1\x03`\xb7\xb6O}\x9b:\x0e&amp;E\xbb\x9b\x01;j+\xf1\xc1yFY\x7f2\x1drU,\x00`\xcfk&lt;xUp\xbc\xf6\xba\x8f2\xe6\xf5\xa6\xe06\x1f~R\xae\x9a\xc0\xc9+\xfe\xe3O\x0eJ\xb9?\xb5\xd7a\xb1\xf8%vL\xbbb\xe7\xc3\xe2\x03\xc8\xef\x86o\xbd\xe4\x82\x17\xecA\xed&gt;\xcb\xd3\xd4\xaanb\xad\xb2x\x0b-%9k|\x9b\xe6\x18@#p\xdc\xa5\xff\xf5\x8e\x8a\xf7\xf7\xd3\xdc\x0ewd\x81V\xb9\xe0\xa8\xc5\x88u\xe1\x9d\xa9ra\xe8\xa1WI\xaa\xee\xc75S\xdd\xf0\xe6\x89nT\xafzS\xe8\x13\x03\xc0\xbe\x92\x18\xa3\xd1s\xc5\x13\xc9-Mh\x8ao\x104\xd1\x114\x87\x11\xbds\x08\xa3\x98v9r ]{9~\xd9-\xf6\xe0gc\xa4\x8c\x93\xb9\x92\x1c\xbb\xe5\xf5l\x86\xcas+\xa9\xb6\x1d"\x13\xac\xfe4\xe6\xf1\xaf\x93\xdeT\xcd\t\xe1\xd7\t\xe3\x07Y\xdcNR\xabx\xd2n.B\x03\x00\xec1-F\xacu{`\xae\x85g&gt;\x9e|M\xb5h\xf4\t\x85\x9fz\xa6\xd4\x9e\x14Ix;\x87~g\xa8\x05\xdd\xff\xe0K\xednH\x91\x06f\xf9\xc5\xaf\xc4\x13\xf3\xd5\x9f\x1a\x1c\xaf\xbb\xee\xa3tq62,G.\xd48\xb4\xffn\xfc\xed\xe7\xd8i\x9e\xbc\xe2v\xf7\xe5\x81\x915\xb8Ir\x1d[\xbbx\xff\xcc\x9d\xd7\xc8nW\xe9\n\xd9\xdb\xc3\xf8\x00\x80\xdc\xc8\x18f2.\xed\xa2\xd84\xaey6uv\xfa\xaa{l\xfe/"\x97\xc4\xda\xec@\x8f\x19\x1b\xaf|\xd2\xcf\\c\xbc\xa4\n\x9d\x0e\x8d\xe5\xaa\x9bU\xb8\xca\x1a\xe3\x9d\xa1\xef\xe4\xc1\x80J]B\xeb\x9b\x13\xdf\xda\xb6\xe7\xd2\xbc\xdf\xban\xf0\x90\x96\xc1\xb5\x9d\xfd\x87\xc4\x92\xaav;R\xea\xec\xbf\n\xed:\xecN\xfb\n?,/\x9bx\xb7\xd3o\xdd\x19K\xab\x1ey\x1d\x99\xa1M\x03\x0c\x00\xffb\x99\xd6\xc2\xd6\xcdxe&lt;\x10DtW\xa5\x90P\xa8\xc5R\x07\xa5:\xd3\xa9\xa1\xe9v\xe3N\x97\xdfl\x04\xbb\x0b&lt;\xfe\xb5q\xf7\x00\x9ew\xf2\x83\xf1\xb2K\xb6&gt;Pj\x10N+g\xf7\xd0-\xdfqQ\xd0\x0ee\xd3\x13-\xd3\xf6\x10{P\xbf\xffq\x19\x1a\xb0\x92\xad\x0et_\x1ac\xfa\xccMm0\xe5\x0e\x02;\xa1\xb3\x03\xf5\xa4\xd0\xf0~$\xd4F\xb6*\x8f\x924\xe9\xd8\xdb\xd2\x9d\xde\x952\x01\x00{\\d7\xa4\xc5\xe7&gt;\x93\x98-\xdc\xea4\xb6\xffu\x9at\x96\x9b\xc7\xae,\xba\xf0\xfe_\x82}\xf4\x8c1\xa7\xdd\xfcy\xa4\xa8\x0b\xfc\xb8\xc7\tkg\x93\xa4oKZ\xb9\x15\xbb\xf3\x9dHQ%c\xf9S\xaat="\xb8\xb6@\xc3\xe9\xee\xa9\xa7\xbf3\xc1 v\xeb\xd1\'\xa7+\xc1^;c\xf5=\xb9\xd9\xda\xc1\xe6\x0f\xe92\xe5\x9c\xec/\xcf \xc7O2\xcb}/\x00\x00ym\xc0A[\x83\xe3\xe7~4\xb2\xc1\x84\xbd8\x8bV\xcd\xc4\x0b\x97l|^\xaa\x96\xe5]2\x7f\xfbG\xce&amp;d\xf6\x86\xa9s\xb5\xb3\x902\xecY\x141\xea\xc8\xeb\x14,\x01\xaa&gt;NR\xe3A\xab\x12s&amp;\xfez\xc8aO\xa7\x84\x8d\x11S\xbf\x126?\xf4G\x86k\xed0@\x92\x16\xfe\x817\xf6p\xcd\xb3\xc6\x8eB\x07\x95)\xdb~A\xf6\x95\x04\x00\xe4\x8d\x0e\x92\xa6\xf9A\xaf"\xbd\xd5E\x1b\x9eL\xb8"6\x0f\xcb\xdfnO\xd3W\xdd\x93\xf4\xe5\xeeu\x97\xddSe\xda\x1db\x8c\x99\xb9\xe6^\xefu\xedI\x92N\xbf\xe5\x8b\xec\xea\x1c\r\xcd\xb8\xe3c3m\xd5\xddNB\xdb\xe0(\x9b\xc6\xc6\xe6\xa9\xd9\xeb\xe8 \xe5\xa5\xdf\x12\x1a\xd7\x7fB)i\x7f\x01$\xdf1\xd3\xaab\xb7\xa8\xc6\x92\x8a5\x9f#\xa9\xd5\xa8\xf5\xee&gt;\xca\xbe\xb43\xd8C\xf7\rE%\x0b\xce\xd6M_\x07\x00@\x9e\xf8:\x8bf\xc9_wT&gt;&lt;\xabH5{\x1e\x9d\x98?b\xe5\x15o\x87\x13\x8a\xcbo$\xfc\xb9W\xd5\x07\x1c\xb4\xb5p\x93Y\xf6\xf4\x84\xe5\xb7\xfa9\xd3.(:\xec\xec\xa7\x14\x8e\xb9\xb8{\xda\xc4\x93\x82\xed%^\xf9\xc3\xc8\xf9m!\'\xb0\xa5\x1b\x93$\x91}\x9b~\x8b\xe85\x99_9\x9f\xf9o\xc6\xb8\xb1\xb8\xedV\x89\xdb?4\xf3\xd6?\x10$]\xf7B\xe4o\x94\xb0\xe1\x92\xbcM!\x1bJ\x9a\xbb\xee\x81\xc4\x0c\xcf\xfdd$\xf5\x9e\x93a#a\x00\xc0\xbe0\xf5\x84h\xcc\xe7\xa0/\xd5jT\xfc\t\xa8\x9d\xc2S-\x92\xb9T\xeb\x83\x9c\x16TR=\xb7Cv\xf8y\xcffS\x93qG\xdf\xa4\xa4\x1ed\xb0K\x92u\xce\x9d\xdf:\xb7\x0e\xed\xc4\xf7s\xea\xdaJNrk\xc9\xdb\xbew\xf8\xe2k\x12\xa3\x7fH\x9ar\xfc\x1d\x91\x14c\x8c?x[\xcc\xd94\xc2m\x08S\x9d\xd7\xf2\x1d\x17\xdd\xf1V\xc2\x88\xf4\xfcS\x1ez\xf9\xf7]\x19\xf2=i\xdb\x07\xf6 \xc3\x0f\x0eo\x9at\x8d\xf1\x85\x9b\xce\n\x12\xe7\xad\x7f \xdd\xa3\xebSn\xfcT\x12]a\x00\xd8\x97\xde\xf8\xc7H9\xef\xfc\xf3\xa91R\x19\xf7\xf1\xb0\xcb6\x96\x91\x06\xc6\x18\x13\x0fpQ\xaf\xff\x8at\xb7\xa8\xd8\xe9\xb0HBr\x04\xe6b}\xd3U \xef5\x1bvb|W\xa8\xe9\xa1a\xf0\x10\xfbhYv1t\xfe\xeeY\xdd#\x7f\xf2\xf6\x0c\x89\xec@Bd\xcbE+\x98\x1f^\xae\xc3\xc2`\xbc\x01\x00\xb0\xef\xb9\xebd\\\x9f\x18#5\x88/*U\xb4\xd9\xabnGP%U\xd9\xef\x88\xc8\xd9b-\xe6ny\xe4\xaf\x0cwo7\xfe\xf4\xf3\xef\xf9A\xfe\xec\xeb\xc4\x06\xb5P\xe3\x19\nO\xe2\xbdp\xfb\xcf\xd9\x84\xd0\xca\x95\x17~\xceE[n\x8c\x91\n\xf9U\xca\xb4aCvEI\xfe"\xa5\x81\x87\\\xe6\x9f)\x1b\xcf\x93!%K\x91%\xce\x00\x80}#\xc7\xef\xf1\x82\x8dgHR\xcd\t\xca\xd7\xcd\x8f\xe3_.1\xaa\xc3\x8d/\x1bc\xcc\xf2\xcd\xafFJX\xb2\xf1\x85 \xe7\xe9\xb7|a\x8cy\xe1\x97\xd0M_\xfb\xcb\xdd\xcb\xaf\xa9\xa4Y\'\xfaQ\xa0+\x0e\x97\n\xc7\xeb\x19\x1f.v\xd5\xe8yT\xe8u\xb1~\xd1\x1cu\x0fp\xb6\xc5\xf5&amp;\x0f\'\x8d\xb7\x17q_\x0c:\xe4r\x1b=;R\x99\xc6\x83W\xa7\xf9\x18\x9b\x86\xd2K\xedo_6\x1d\xba\xc6\x1e\xf4\x98q\x81\xa4\xd4(\xba7s*&gt;\xd5&lt;:\xe1\xab\xed\xd8\xd3\xecA\xfd\xfe\xc7%\xddW\x92\xa6\xad\x0cw\xc7Kx\x81\xa9o}=\xab\xa5_\x00\x80\xbc\xf6\xe0\xa7\xa1\xc6u\xea\tw\x86\xcf\xc7\xf7\xd2I\xc5+\x8e}\xb3\xd7\x8c\xa4T\xebf\xb7\xcf+-\xa9\xc3\xc43\x0f&lt;\xe5\xa1xcpI\xd2j\x9c\xc45\xac\xee\x0c)k\xc3\x1d\xdf\xc4\xaf\r\xc4Cf\x1ac\xda\x8d;-\xc3%\x8e\xe8\x80\xf3\x85\xf7\xffrP\xb8\xc0\xff\xfe/\xab\x19\xd7Y\x05\x8c\x0c)\x9d\xeeD\x97\x03\xceNw\xca.\xd1\xb6\x1fW\xee\xef\x08\x00\xd8\xcb\xf6\x9bv^pl\xbf\xac\xdd\x98\x91.\xaf+\x9c\xaf[|\xfd\xab1\xe6\xd1\x9d\xe9\xda\x9e\xba\xf6\xbfR\xad\x0fR\xa9\x81\x89\xa1\x8c\xc3\xdd\xc4\x81Y\xd7=\xce\x0b\xee\xd8o\xfe%\x91\x13#\x8f\xb8V\xce.L]\x93c_d\x8e\xa7\xd1:8\xca&amp;\xa2\xc5E\xf7\xff\xa2=\xd6\xf2E\x9e\x02\xb4\x8e\x9c\xf6w\x05\x0eV(y\xc1\xbf:L8c\xd9\xa6W\x0e;\xfb\xe9 g\xd6\xbf6\x00\x00{\x99\xdf\x84T\x8e\xb7%\x9b\x1e\xf8\xcdy\x1e\xe9\xed.`\xb3\xbd\x1f\xcel[\xdf\xcb\x9f\x885K\xce\xe2\xd7\x07&gt;\xf1\x1ai{\xf6\xaeh\xd4*\xabRRbJ\xaf\xd0\xc6J\xd1v(\x07\xfe4\xe6x\xf3\x1c\xdb\x83(e\xe4\x11\xde\xe4)U\x1b\x9b\xcdM&amp;\xaf\xb8=\xf3\x00\xef\x9f\xc68\xdd\xf4\xae\xa1s\xe1\xe5^{\xca\xf2\xcd\xaf\x86&gt;\xd8\n\xc3\xf6\xc6]\x00\x009\x1bv\xe8\xd5\xf6\xa0H\xb3\xd9\xe13m3\\u\xcbkF*/\xa9\xff\xfc-\xe5;.r\xcex\xcfh\xdd\xc5\xaf\xc6\x98\xbe\xf36\x079R\xbb\xdc\xfb\xb6\x7fh\xa4\xfa*\x98\xda;\xc1\xe9X\'l\xd0\xd4c\xe6\x05\x19\xdf\x93b1\x9f\x13\xd6\xf8\xa6\xf3q\x16\xcfD#\xdb%%:\xef\x9e\x1f\xecA\x866\xf8\x8c\xdb\xbeT\x9a\xfd\xa3b\xd1\xa1C\xa14\x1b\xec\x7f\xbc\xeaN\xae\xd3\xf7\x18I\xdev\xc5\xf2bu\x85\xd5q\x8e\xdb\xdan\xbd\x1f\x85\xa3x\x96\xb1?\x01\x00{W\xf8\xbb\xb8a6\x99O\xbe\xe1\x93\xd4KgrStZ\x96s\xea\xaa\xa7\xcc\xbd\xef\x1b)_\xae\xbe\xfaox)\x9a\xf9\xe9\xefB)\xe9\xe3\x81tYs\xf5{\x91\xa4\x1f\xc3\xb7\xdex\xef\x8f\xb62\xf5\x07x\x93\x98*w=&lt;\xddL\xe3L\xd5\xae\x95\xb6\xeb\xbc\xf1\xde\x1f#)e\xda\x1e"uNX)Tr\xff\xd4q,\x82\x95\xa4\xa5i6Z\x8e\xd43\x10\xfey$\xa9j$\x7f\xdf\xb9\x9b\x05\x00\xd87\n\xf4h\xb0\x7f|\xcdh+I\xaf\xfei\xe4\xadsU\xd7)\xe7f(\xa3V\xefeW&lt;\xe9|\xf5\x17\xed#\x15m8\xf0\x84t\xf9\x9dv\xa2\x8d\xa4\'\xbf5R\x1d\xa9D&lt;g\xda\x15Ai\x9e\x10\x17m&gt;G\x85{\xdb\xe3\t\xcbo\xb1\x07\'^\xf3~b\xe6;\xdf\x0e\x15\x1e\x84\x88\xea\x7f\xe0\x16?-\xd5b\x15m\x16\x8f\xde,\xc9n\xcd\xbb\x0b\xda\x05\x0b\x82\xad\xe6\xc3s\x88\xea\x15i\\\x0f&gt;\xfd\xd1\xf0\xf9\xc6\xc1P|\x91\xa6\x91\xf1\x8c\x84B\xf27\x9c\xe6\x8eL\x00\x00\xf2H\x96\x81\x91\xe7\xae\xdb\x11\xbc\\}\xd5\xbb\x91\x0c\xee\xd9\xc4\x19\xcb\x81\xdb\xde0\x85\x1a\xcfx\xf6G\xf3\x9f\xff\xda\xfb\x96\x8c\xce\xa9.\xd2\'C\xdd\xec\x86E\xaeM;~\xf5\xb3y\x03\xce\xa5\xdb\x1e\\\xb6\xfd\x82\\\xf5\xad#\x99Wl}#1\xcfUO\'\x94\x19\xbdQ4\xc2s\xb1\xaeS3\xfdd\xb1nx\xc9\xdc\xfaz\xc6\n\x17\xef\xaf\xb4ms\x1bI\x17\xed\xf85]4\xab\xbb\xdf\xb5%\x97\r\'\xb7\x93$U\xf3\xea_r\x80\x00\x00\xff\x12\xe9f\xf6\xc6\x97\xfa\xb8S\x96l\xe6\xb3n\xff:H\xf1\xb6\x0e,\xd0C\xd2\x98%7\x84\n\xac0\xdc-\xdc&gt;\x18\xee\x18\xde\xd0PR\xf2\xec\xaaX\x8f\xf3\x8a\'\xb2ht\xebM\xc99\x8f\xaf\xcd\x98S#)\xe9\xdb\xf5&amp;\x7fe\xdd\xe47\x1c\xb8\xf2\xd2G\xff\x0e^~\xe3|\xce\x1b\x9c\xcf\xcdU\xaf\xffqv=tF]\xe3\xd5+\xd8hFr\xdejcec[V\x1e\x99M\x9d\x01\x00y\xc1ox*\x05\x9b\xe0F\x04\x8fB\x83\x83\xd7\xff\x8a~\xf5\xcf:q\xfb]\xef\x98&gt;s\x92\x83jI\xba\xe6\x19\xe3\x0eh\x87\x1b\x8f\xdc\xc5\xb4\xaa\xd5{Y\xf8ro\xf5\xd1\xe0\x85W$eO-S\xae\xd5k\x99\x7fXCR\x86\x9d\x85\xac\xc8pq\xa2g\x7f\x8c\x87\xe1T\x9b1\xa7\xe4\xa6S^\xc5}q\xcbkf\xddu\x1f\xc5\xf2D\xa7\xa9\xf7?p\x8b\x1b\x91\xbb\xfb\xf4\x8di\n\xf7\x1b\xf2\xc2\xbd\x8d1\xdeZ2\x00\xc0&gt;\xe1n\xb9\xe3*\xd4d\xa63\x1f\xb8\xdcc_\xa6]\xed\x9a\xd8\xba\x18c\xf6?\xf8\xd2lr\x865\xb1[\x0e7\x1f~\x92\x1f\xa6C\xee\x1cf\xbf\x84\x02w\xbec$5\x1a\xb4JR\xa3A+\xfd\xf3%%\xb5\x18\xb1\xce\xbe\xf8\x9f1\x92\xf2\xd5\x9f\x9a\xf1\x8e\xd1II\x11-G\xaes_\xbe\x1f}\x0b%c-w\xb4\xb7\x9a\xf9]\x1f\xbb\xe5\xf5pB\xa1H\x86W~\x0fM\xfe*\xdb~\xc1W\xc1t\xb0\xa2}\xa4\xf0\xbc-_\xff\xf9[lP\xcct\x1dk\x00\xc0\xbfT\xb7i\xe7\xf9\x9b\x1dI~\x8c\xe8_\x8cQ\x9d\xc9\xd9\x17r\xe0)\x0f{E\xe5K\xbb\xab`\xe2\x86\x83\x97\xa7\x19R6\xc6\xbc\xfe\xb7\x7f*M\x1f\xddSnh\xaa\xe5+\xd0#\xb1(\xf7e\xb1\x16s\xcb\xb4=\xc4I\xf0V\xe5\xf6\x9cy\xa1\xf7\xda\x89\xd7\x11\\\xdb`\xff\x13b\xeb\x85\x02\xcd\x15\x1b\xb4\xcf\xf1\'H\xb9\xf6\x0b\x95\x10\x083\x1a~\xd2\x16\xb5\xe0\xcc\xc7\xdd\x94\x1e3"\x1d_/\\W0\x18\xf0\xa31\x7f9\x03\x18\xc6\x18\xa9=+\x91\x00 \xafe\xfd\xcd[\xe5\xf5\xbfMl"\x8f\xee\xfb0\xab\xcb\x97mz%\xc7&lt;O}g\n4\x9c.\xe9\xc0S\x1f\xb6\xb5\xba\xf7\x83\xa0pg\'\xa5\x9a\x13\xec\xb4\xa6\x87&gt;3\xcf\xfe`\xe4\xef\xedcL\xe28mZ\xb3O\xba?\x9c\xe0-\x96M\xf7\x81t\x9cx\xd6\xa7\xc6\xbc\xe3\x9c\x1d\xb1x\xdb\xa2\rOJ\xba\xed\xbf\x89Ki;\xc7R\xf2e\xf1\x1cWJZ$-\xc9\xce\xd2\xb2{*\xdf\xfef\xeav[\x9d\xc7\xc9J-\x1d.\x1c/\xa1\xfd\xf8\xd3\xed\xdc\xb7e\x17{\x7f\x8e\xf6\x13\xce\xa0\xe9\x05\x80}c\xe1YOd8\xdb\xcd\x0fK\x19|M\xef\xcc\x10s1\xd5\x19-\x19=%\x1d\xe1l\x00\xfcC\xbaB\n\xf4\xf8,\x9cR\xab\xf72\x85"r\xe4\x8b\x96[et\xfa&amp;\xa4y\xeeZ\x97\x8a\xc3#\tn$\xe7\xc8\xea\xa3\xca]\x0f\x8fd\xee2\xe5\x1cIg\'\x84\x9e\xae\xe1E\x8e,\x9a\xda&lt;\xb1@\xa3\xe9\x92\xa4\xcev\xb1\xf5\xb6\xe7\xec\x1b\xac\\\xb4\xd9\xec\xbe\xf36?\xf3C\xdaj\x87\xdfQ\xeawI\xdb\xb1\xa9\xf9b\xb3N\xbc/\xdd\xe5\xf6\x12c\x8c]`\x16\x94\xf9%\xcd0\x00\xe4\xb9v\x91\xd7A$\x8a]\xe3FV\x8a\x04\xc3R\xa8\xfd\xe8\xec^b\x0f\x9e\xf9\xc1|\x9e\xd4\x12dX\xcf\xea\xc6n&lt;r\xe3\xf3\xc6\x18\xd5\x9e\x14\xc91\xe0\xa0\xad\x89-\xf1s\xfel)7\xbe\xa6$\xa9T\xbcn.\'\xb1C\xe2\xd6LC\x16]\x19\xbe\xa2\x80\xa4\xf3\xfdX\x1f\x92\n4\x9c\xdel\xf8I\x89\xef\'\xd1?\xa1\xf2+Kr\xf6n\xb2\x8a\x06G\x93\x8e\xbd\xcd_z\xa4\xeb_\x8c\xf6\xce\xfb\xcc\xbd8\x18f\xb7\x7f\xa0J\x9d\x17\xd3\x0f\x06\x80\xbc\xd7U\xe1 Sv\x85Ld\xf9\xcae\x8f\xff/\xf9\xeaJ\xb1E,%\x06\xa4\x9b\xa2\xd5k\xf6EA\x93\\\xbc\xe5\xbc\xaa\xdd\x8eLW\xa7\x0c\xf1\x11\x8d1*\xe2E\xd8\xf8\x9f\x93\xa7^\xff\x15Jj/\x8b\xb5\x98+Um1b\xdd\t\x97\xbf\x15\xa9hb~\x15\xed{\xcbk\xe9{\xf9)\xf1=\xa0\xd2\xee\xa3\xecO\xb1N\xbd\x05\x1b=\xe3\xf4[\xbe\x18w\xf4M\x9b\x1f\xfc=\xf9\xa2\xf0\x83\xf6#\xcf\x7f\xce\x1e|\x17\xfeMs\xd6\x7f\xbe\x92\x14\x8a^\x12z\xda]?\xa1\xe4\x92\x03T\xb0G\xbe\x06\xa9\x89i4\xc0\x00\x90\xd7j\xf4&lt;\xca\xf6\xa8:O\xdeP\xa6\xdd!\x92\xca\xb6_ \xff[&gt;\x9d\xe0\xfb\xfa\xda\xe7\xddl\xde\x1a\x98\xf1\xcbnN\xbc\xea\x99\xef\x8d$\xbb`)\xe1\x1b\xbf\xe6\x04\'\xb1e\xe4F\xbe&amp;R\x0bI\xaa3i\xf9\xc5\xa1\xe7\xca\xa5\xda\x1cd\x8cy\xf9\xb7x\xb5[\xba\xe5D\xae\n\tw\x9dm\xfc\xaf\x88\xd6cNqK\x9b\xb1\xfa\x1e\xefD\xc9\xfd#U\xb5{\x1e\xc7\xea\xdfX\x92\xca\r\x95\xe4\x8e\x01\xcc\\s\xaf\x97\xb9\xd4@\x85\x7fX\xc4%\x84\xaet8w\xac\x17;Y\'1\xe7\xac\x13\xef\xa3\x01\x06\x80}l\xd8aW\x07\xdf\xc5G\x9c\xff\x9c\xa2+X\xda(Mo)\x88\xda8v\xe9\x8d\xaa8BR0(Z\xa9\xcbbIm\xc7\x9d\x96\xd83\xb6\x89S\x8e\xbfc\xc2\xf2[\x829J\xee\xc0\xb5\x7f\x95\xbb2\xa7l\xbc\x9ch\x85j\x8c/\xdal\x8eM\x7f7}\xeb\xf2\xb9\xad@\xd51R\x93t\x8d\xd0\x0f\xb9o\x9c^\xf9\xc3H\xf2gl\xd5h\xebo\xf9g\x8c\x99\xb9&amp;\xc3\x03\xda\\\xa8\xdd\xe7\x18\xf7\xe5K\xbf\x99\xfd\x0f\xbeTE\xfb\xa6\xde\x853?\xbc|\x87E*?L\xe1\xd9[*\xd0\xdd\xae\xbf:\xf9\x86Oh\x80\x01`\x1f0\xc6&lt;\xf1uh\xd0\xf5\xc3\x1c\xbe\x8e\xed\xe8k\x05I=f^\xf0[b\'O:\xe3\xd6\x9dn\x99\x92f\xae\xb9\xcfv\xb2]\xf7\xbc\xe7^\xee\x05\xa0\xf8\xd4\xbb\xa4\xd9\x05\xf7\xfd\x14\xce^&gt;8z\xf2\x9b\xe4J\xceX}\xaf\xd4:~\xf6\x1dc\x9e\xfe\xdeHR\xb1\xbe6ne\xce\xadN\xfa\r\x07k\xf7Y\x1e\x94\x10\xec%\xe5v\x9a\xddV\xbf\xcf\x9c\x8b\xbd\xa7\xc2\xb5&amp;\xc6\x8b\n&amp;o_\xb4\xe3\x17\x95\x1a\x98~E\x93$\xa9^j\x83\xc2\xce\x93\xcf\x96\xf4\xdcOF\x92\x8a\xf6=\xfe\xd27\x9d|Uz\xcd\xb2\x1b5\x16m8\xf0\x84\xc6\x83W\xf9\xe9\x8d\n6\x9a\xe1\xfc\xb2\xc9\xa7\x84\xad\x1a\x00\x00{_\xce!5J\x0f\x94Z&gt;\xf8\xa9\x91:f.\'\xb80\x88\xa5|\xcd\xb3\xa1\xa2\xba\x1cpv\xbe\xfaSK\xb4\x9a\x9fx\xdf,\x95\xef\xb0\xc8^{\xf4\xa6\x97\x15\xed%\x87\xdc\xff\x91\xf16tr\xe23O]y\x97\xa4\xde\xb37e\xbeK\xeb\xd1\'\xa7;u\xd5S\x91{\xd9\x15\xcc\xad\xdc:\xdc\xf1Vh&amp;Z\xbc\x90s\xee\xfa.\x9e\x18\xc9\xe9\x06\x0f\xa9\xdc\xe5\xf0\x0c\xb5}\xf8\xf3\xe0\xc2\xda\xee\xba\xedx\x99\x0f\x7f\x9e\xf4p\xbdH\x9f\xb4\x11+\x01\x00y\xc6\x18S\xa1\xd3\xa1Yf\x0e\x1a\x89K\xc3\xabQ\xad\xea=\x96\x06e\x86N\x14\xebg\x8cQ\x85\xe8\xb2\x9f?\x8cy\xdf\x98\xc3\xcf}&amp;w\xcds\xcd\t\xeb\xaf\xff\xd8\xbdd\xde\xfa\x07\xca\xb4=$\xc3\x93T\xdb\x7f\x9d\xbe\xea\xee\xc4\xb3U\xf7\x0b\xcd\x0e\x9b\xb6\xf2\xae\xff9\xad\xa9]\xfbk\xc3S\x1bc\x1e\xf9"\xfa\x0b\xa0yjzs\xa5a\x87]-uy\xf8s\xf3^\xac2\xd3\xd2\xdc=\xb8Q\xfa\x93\xd5C\xaf\n\xf7v\x02}4\x91\x8ad(Vj\xe8\x94\\+\xa7\x1b\x01\x00\xf6\x9e:\x93\xa7\x9ep\x97=&lt;\xfb\x8eoj\xf7Y&gt;h\xc1\xe5\xa1\x0c\x05\xa3\x01\xa4\xec\x06\xc0\xf3\xd6?`\x8c\xb1S\x9f\xe4m\xf9W1\x92\xb3\xf3\xe4\r\xc1\xf1k\x7f\x19c\xcc\xcf\xc6Hr\'$\xa7bZ9\x96o~5\x96\xd64\xbaoRFS\x8e\xbf#\x9c\xe0\x04\xa6\xa8\xe1nY\x9f_\x05\xba\xdb\xa3\x1e3/p/H\xb7\x00\xc9\x18\xe3.[\xea0\xe1\x8c\xd4\x86\x80\xfef\xc0\x91k\xe78\xbbE\xa5W#\xdd\x89\xc5\xe7&lt;\x93\xe6L*\xa8\xb5j\x8c\xf7\x8f\xca\xbb\xcb\x97%\xd9\x87\xf1\x17l\xff\xd9\x8e\xf0\xbbu3\xc6H\xcd$\xd9\x10(\x00\x80\xbc\xd3\xf9\x80\xb3\xa3IIQ\x85m\xe0~{\xe8\x1d8\xfb\x06\x06\xe8\x9e\xf8K\x00\x00 \x00IDATj\xa6\xf66\x90\xa4\x9b_M\x1e\xdfv\xc7\xab\x07-\xb8\xbc\xc9\x90\xd5\x89\xd9\xe2\xda\x8d;=\xb2f\xd7\xe6\x1c\xbd\xe4\xfaH\xcew\x8d1\xc6x\xcfG\xd3p\xefR\xa3\xe7Qi\xf3\x15\xed{\xe9c\xff\xf8/\xf6\x8b\\;\xf4\xd0\xab\x82\x14\x9bh7Nv\xed7\xd5\x8bg\xf2\xf8W&amp;\x08\xbb\x1d\xe4O\xed\xa0\\g\x92\xbb\xafT\xc0\xf9\x1b\x15\x90\xd4\xe5\x80sZ\x8f&gt;E\xd2\xdak?\x94\xec\x9c\xea\xc6\xee\xb3a\xeb\xfc{~\x08\'4\n\xe2{\xf4?pK\xa7I\x1b\xdcs\xef\xd3\x0f\x06\x80&lt;\x96\xf9Qe\\\x9d\xbe\xc7f\xcep\x9f\x17?\xb2\xdd\x9b\xd1~X\xc2\xea\xde\xe0\xe5~\xfe\xa6\xb9\x07\x9f\xf6hbN\xd7\x8a\xado\xb8g\xf7?\xf8Rc\xbc1\xde\xb1Ko\xdc\x16&lt;x\xce\xb0\xc7m(~V*&amp;\xd4\x91\x1b\x9f\x8fem\xed\xd6\xd3\x8df\xe5\xa6\x17k&gt;GR\x8f\x19\x1b\xc7,\xbd\xc1\xcdP\xa7oh\xaerL\x9d\xa0\x90~\xf3/\x99r\xfc\x1d\x17n\xff98\xf7v\xfa?\xcd\x1doe\xf1\xc7\xaa6\xf6w\xe7\xc2V\xa3N~\xd7)\xf0\xc1OC%\xc4f\xd2\x01\x00\xf2\\l\x88R\x97&lt;\xfc\xa7\x12\x9a\x81\xda6l\xe4\xb4\x95w\'\x9dMT*\xf4\xca\x8f\x17q\xc3\x8b\xf6\xda\x0e\xee\xaeD/\xfej$U\xea\xbc8R\xc4\xf0\xc5\xd7$VUi\xd6\x1f;\x9dWG\xad\x89\xf2\xa3(\x07\x0f\xaam\x81\xb6\xfcj\xdd\x96\xf8\xabu%i\xf6I\xdb\xed\xc1UO\x19c\xccM\xaf\x04\xf7\xad|\xfe=?\xcc:\xd1;k\x17\\\xb9U=\xf5\xe6\xcf\x83\xdbEl\xbc\xef\xa71Koxdg\xe8\xd3N3\'\xae\xa0\xa4\x8a\x9d\x0f\x0b\x12\xb7&lt;\xfc\xa7\xa4\x9fR\x99;\x9dr\xe3\xa7\xb1\xab\x12\n|\xf8\x0b\xef\xe5\xedo\x1a\xfb\xe7\xab\xd4eq\x9f\xb9\x17\x87\xa2m\x03\x00\xf2V+I*7D\xfe\xd7\xf7\x9f\x89mj%\xbb\xc6W\x8b\xcf}f\xe21\xb7\xdac\xe7\x91m\x15\xf9\x0b\x88\x1f\xddi\x82\xd1\xecs\xef\xfe\xde\x1e\xd8\xf5N\xc1\xb0m\xdcI\xdb&gt;\x90l\x80\xad\xfc\x92\x06/\xb8B\xd5\x93\xd6\x02U\xb7\xcfq\xdbI\xea9\xeb\xc2\xc8\xc4"W0\xfc\x1b\x91\xf1\x17C4p\x95=\xb0\xcfz7$D{N\x19v\xd85\xc6\x18\xbb\xcb\xfd\xc4cnu\xef\xf2\xab1R\x87n\xd3\xcf\xcf\xe9\xee\x92\x9a=\xfd\x9d\x914\xeb\xc4\xfbJ\xb7=\xd8&amp;-&lt;\xf3\x89\x1d\x1f\'_U\xa7\xef\xb1[\x1f\xf9\xeb\xe2\x07\x7f\xef0\xf1\xccx\xe1\xf6ed]\xd6\x94\xe3\xbd\x07\xea\xab\xae|\'\xf1i\x02\x00`\xefr\x97\xae&gt;\xfd\xbd9\xf7\xae\xef\x14\xf9\x06/;8\x9a\x12\x16t\xb326*\x15\xe2W%\x16%I\xaa\x14\x8fP-\xc9&gt;\xb6\xfc\xdb\x98k\x9e\t]k\xc3HY[\x1f\xfd\xdb\xb6\xdc\xd9\xf0o\xd7D\x92\n\xf7VR\xef?\x12r\xf27c\xc2\x93\x90KF\xe6\xac\x19c\xee\xfb\xc0l}\xe4\xaf\xd8\xddl\xef\xbfr(fd\xc6(\x1f\xc1\x88\xb1\xdd\xc2\xc8\xd12\xdd%\xd6)7~\xea&gt;Y\x08\xffu\xcax\x07\x15\x86\x87\'fw\xc9\\&amp;\x00`/(\xd8\xf3\xc6\x97S\xdf\xc5M\x86\xac\xbe\xeb\x1d#\xefin\x1b?\xb9\x9c\xeaD79\x883\xc6\xbc\xfc{\xc28\xaa;/\xe9\xc8\x8d\xcfK\x15\xdd\x1d\xf7\xb2y\x0e}\xa6\x17\xf18A\x89V\xf3\xe3\x93\xb0r\xd2 |\xc7\xd4&amp;KA\x1dZ\x8cXg#]\x8f_v\xf3\x1b\xff$T\xcc\xee\x8fd\xf3w\x9cx\xa6{\xcay#vQP\xeaY\xaf\x9d\x17\xd6b\xc4:I*3X\xd2\xba\xeb&gt;\xfa\xd8\x18\xf7#:\xf8\xb4G\x8c1\x17\xed\xf8U\xd2\x9do\xbb\xb7.3\xff\x94\x87$\x9d\xb4\xed\x83\xc8o\x85\'\xbe6v\xa7BI\xee\xe6\xca\xb1Q\xe8\xba\x92\xa4\xe2~b}\xbfb\x99\x17/\x01\x00\xf6\x9a\xef\x8d\x89E\x87\xb0\xd1\x1f;\xd9\x17\x1b\xef\xfd\xd1\x1eT\xe8\xe8\xad\x126\xc6t\x9dr\xee\xf2\xcd\xaf\xaaD\xd2t\'oaL\xe8\xe1b\x10\xc78\xdc3+l|\xee\x8e\xf7\xed\'\x9cQ\xbc\xe5&lt;I\x9f$=\x19\xed0\xc1m\xf3\xbc~j\xd2F~\xe5c))\xcb7\xbfj\x87\xcdk\xf5Z\x16\xcc\x9f\nZ,\xf7wI \xd8\xd9\xde\xcd\xec6r[b\xdd\xdfLc\x03\xf9\xbaI*\xd5\xfa \x95\xdc?\x98\x81\x95~\x0eZy\xf7\xaaGwz\xb1\xa330\xe9g\x83\xdbh!\xdd\xa7\x9f\x7f\xfa-_\xec\xccPC\x00\xc0\xde\xd4"\xf2:h\x00\xce\xba\xdd\xebz\xday\xb3\xd9\x8cE[\x0f}f$\xd9\xc0\x87\x91S\xe9\x1a\x98\xd3\xec\x94%I\xd2\xa0\x05\x97\'\x8el\xd7\xed\xb7\xc2\x1e\xd8`U\xee\xd9\xc2Mf\xd9\x83\x8f\x8d\x914d\xe1\x95\xc6\x98\\?\xe0\xac\x1b]\xcf#\xa9@\xa3\xe9\xb7\xbe\x1e\x1a\xcb\xfd\xcf\x7f\x8dT\xb6\xc1\xfe\'\x04y\xf6\x9b\x16\x7f\xd8\xdc\xc4\xdf\x8c(\x7f\xf8]x\x03\xf2v\xe6T,\xdcfJ\xe4\xa3k9r]\xe4\xac\xfd\xf5\xf0\x8f\x9f\xed\x1dcl\xc0\xb2\xf8g.\xe9\xf1\xaf\x93\xffv9=\x90\x06\x00\xec\x1d-G\xad\x0f\x8e?\xf2\xbf\xb5\xaf~&amp;\xab/\xe5t\x0f\x80_\xfd3\xa9\x89Mj\xdb$I\r\xfd\xfd\x10\x0b\xbb\xa9\x7f\x1b#\xa9\xcd\x98S\xddD\xb7X\xbbf\xc9\xe1u\x10\x83\xc5?\x99\x9b\x96\'\xd24H\x9eb\xfdn{#a.q\xb8\xccN\x91\x8b2\xdd\xd1\x1b\xc3O=\x0e\xdf\xf4\xc0o\xf1k\xd3\xc5\xe7\xf2y\xd1N\xdc\xc9\xdb\x81\x97~5\x92\x82\xc5\xc4\x8d\x07\xaf\n\xa2\xacH*\xd8x\x86\xd4\xd8\xf6\x9e\xb3\xaa0\x00 \x0f\xb4\x1b\x7fzpl\x8c\x91\n\xd98\x0f\xc1\xde\x00\x8f}i\xdb\xa1\xf6}\xe7m\xae\xd3\xe7\x18\xe7\x8b\xbbb\xb0i\x811&amp;\x12\xff9G\xfd\xe6_\x92a\xcf\x83\x9c\x9a\x07\x7f\xc7\xbd2\x83\xed\xff}\xe7mv.\xcc\xe1\xb9\xe6\x88\xc3\xb7e\xf1\xf894\tk\xff\x83/-\xdb~A\xabQ\xeb\x0f?\xf7\xd9,\xaa\x972a\xf9\xad\xe5\xda/\x8c\\\xd2i\xd2\x86\xfe\xf3\xbd]\xa4b\xd1\xa7C\xf7m;\xf6\xd4`\x16\x95\x93\\\xc3\xdf[\xc9&amp;\xd6j;\xd6\xf9\xb1\x92\x18P\xc5\xee\x8c\xe4U\xa3a\x90x^4j\x07\x00`/\xab\xd6}\x89=\x18{\xd4\x8dn\xfak\x7f\x99Eg=i\xa3NJ5\xd3\x84\xf8/\xa0\xb0/\x8d\xf1\x9f\xc2\xd6\xb1\xab\x87#B\x83\xa8\xfe\x8a&amp;\xa9Z\xd0\xcb,\xdct\x961\xa6b\xe7\xc5AC5\xee\xe8\x9b\xec\xc1\xb2\x8b_Q\xac\xcd\x0bv)H\xec\x88\xcfY{\xbfML\x8a\xb0!\xc9\x9b\xe3\xad 6Eh+\xfbt;\xefz\xb3\xac\xbbO\xdf\xa8\x9a\xe3%]\xf2\xf0\x9f\xee\xea\xe4t~Nh\xec[\xd8\xe3y\xeb\x1f\x0cN\x19cz\xcc\xd8\x98\xae\x10\xefGC\x95\xd1J\xd3\xfc\x1bc\xfc\x98\x9d-\xe4\x8fr\'fS\x99A\x92\xce\xbb\xfb\xfb\xc8F\xc8\x00\x80}&amp;\xfc\xcd^k\xf19O\x07\xa3\xbb^\xdc\xff\xe2\xfd%\xbbQR\xf2\xaaS\xbb\xfb\xac\xa4f\xc3NR\x98mc\xa6\xad\xbc\xeb\xc8\xf3\x9fOlB\xda\x8e=\xed\x96\xd7\xa2#\xdb\xc6\x98_\x9d\xe3\xed\x1fzq$\xe2\x15\x0eO\x1bN\xdd1~\xa3M;~}?\xd3j\xa8\xcav\nX\xfc\xac\xbbv(q\x9f\xa2\xeb_\xc8Pl\xe4\xb8A$\x8f?.]%^\x82\xd4H\xd5\xc6z\xeb\xa6\x9cr\xeaz\xe1\xc9\xca\x1bc\xa4z\xe17\xdb!x4\xee\x95\x99\xbf\x9b\x12\x1ao\x02q\x00@\x9e+\xdd\xe6\xe0\x0b\xee\xfb\xe9\xca\xe8.{\x92\xd4t\xe8\x9a\x9c\xae\xb6\x0bv\xcb~b\xcc\x1b\x7f\x87\x9a\xcc\x8b\x1f\xfc]\xe5\x86\xda\xf9\xb7m\xc6\x9ez\xeaM\x9f%^\x1f\x99i\x9c\xeei\xeb\xa8#\xaf\xb3\x8fl\x8d1e\xdb-\xc8\xdf`Z$\x9b\xdd\xd4a\xc8\xa2+\xcf\xb8u\xa71&amp;q\xff\x83 \xe0\xb3\xbd\xe4\x98K^\x93\xd4a\xc2\x19\xe9\xde[\xbc\xd9\x0eR\x9e\xfa6W#\xed\xf5\xe2\xa5=\x1c\xdbF)\x18\x16\x0e\x12\xdd\xe9\xdf\x8f}\x95\xc3$8IR]\xd5\x9e\x98n\xf8\xbd\xcf\xdc\x8bS/\x9c8_\x00\x80}%\xf5em\x8c\t\xd6\xfe\xc6\xbe\xeb\x0b\x9fy\xdb\x97\x92\xec\x08\xa71Fu&amp;\xcd]\xf7\x80=7x\xc1\x15\x99\xdb\x86\xb2\xed\x17\xb8/\xd7\\\xfd^\xf8|\xdb\xf8%^\x81\xb5\'\xaa\xc20\xfbr\xc8\xa2+\x8d1\x89a:bB-P\xd0\x9fv+\xf9\x951\xc6\x98\xb7\xe3\xd5\xae&lt;\xd2f\x0e\x1e\xd0Jj5j\xbd\xdb)\x8fO3^x\xd6\x13%[\x1d\x18\xaa\xb9\x14L/w\x83\x7f\x19c\xbc\xd9\xd1\x95GI\xcd\xfc\x99\xd2\xc5\x13\xdfF\xd2S\xea`\xe6W\xcd`\xc6\x961\xc6\x06\xf0\x1aw\xf4\xcd\xe1?D\xed\xc4b\x03O\x7fo*v:,s\x1e\x00\xc0\x9ew\xce\x9d\xdfz\xcbu&lt;^\x9c&amp;7PF\x8c\x17\xee\xd1m\x90\x0e;\xe7iIR\xfb\x0c\xf7\xfa#}\x87\xd2z\xfa\xfb\xb4\xbd\xe1@\xdb\xb1\xa7\xb9\xf7]w\xddGN\x08\xe8f\xc1\x85A\x9e\xf5\xd7\x7f\x1c-\xa2\xeah\xfb\x7f\xd7\xa9\xe7\xaaH\x9f\xc3\xcf{v\xf5U\xefJZ}\xd5\xbbRIIRy\xfb\x83\xe0\xc3h\x05\xecY\xdd\xff\x91\x97\xdep\xe0J;\xe3:\xfa\x04\xbaD\xff |\xb4\x9b~\xcbk\xde\x81]\x9d\xd5}\xfaF\xb7\xc2A\xb6\x91G\\k\x8f\xcfv\xc2^N^q{\xa44\xe3pkyV(hIj\xd2\xd6+\x7f\x98\xc7\xbe\xcc\xf9\x13\x06\x00\xe4\x91\xf8\x86\x07\x19\\\xff\xa2q\xb6\x9eU\xb9\x0e\x0b\xd3}\x89{\xe9^\xd0\xe6|-\xfc\xe9W\x13\x96\xdf\x9a\x90\xbb\xec\x90\x9a\xbd\x96\xe5o8-~\xe6\x8b\xd8\xa0tp\xc7#\xce\x7fn\xff\x83/\x95\xd4x\xf0\xaa\x1ckn\x03X\x16i:[j\xea\x17\xe2."j\xe6lk\xef\xd4\xdf\xb7\xf2\xf2\xb7\x82\x80Y6\xe6T\x8e\xadW\xe96\x07g\x18\xc4\x0e\xb3\xa3\x0e-\xd3\x84\r\xe9\x92\xbf\xc1\xb4t\x83\xf3\xceq\x91x\xf9\xf9\xeaOM\xac[\xfc\x11{\x9a7\x01\x00\xd8[\n\xdb\xd0\r\xae\xc8&amp;z\xb9\xfav\xbe\xf7}c{\xa2#\x0e\xdff\xaf]x\xd6\x13\n\r\xff\xb6\x8a^Sw\xb2w\x90\x9a\x17-I\xcb6\xbd,\xe9\xa2\xfb\x7f\xf1W\tG\xabt\xc4y\xcf&amp;V\xd2\x18\xb3\xee\xba\x8f\x12\xe6^9\x1b\x14\x16j2S\xea|\xc8\xe9\x8fIz\xecKS\xbd\xc7\xd2\xee36\xda\xe6j\xc5\xd67d\'9[5\'\xc4\x1b*c\xcc\x9c\xb5\xf7w\xb1q\xbb\x8a\xf4\xf9 \xfa\x11\xb55\xc6\xf4\x98qA\xa4b\x8f}in}=\xd3\x87\xf9\xc6?&amp;\x1e\x969\xd4X\xd6\x1c\xef\x9e\x1ay\xc4\xb5n\xb6w\xdcj\xd8\xd5\xc0\xa5\x07Ie#\x05\xd6\xeesLt\x9bE\x00@\xde\x9b\xbe\xfa\x1eIR\x85\xa2\xcd\xe7\x04\x89\x87\x9c\xf1\x981&amp;\x18\xd4\xad\xd2\xf5\x08\xf7\x92\x17\x7f5\xe16)_\xf0\xf2\x9dx\xb3\x17UA\xd2\x03\x9f&amp;\xe4\xb1\x17v\x9ct\x96SB\x95\xc6\x83W\xf7\x9a}Q&lt;\xb3\x9d\x87e\x8c\x99r\xfc\x1d6\xe5\xe4\x1b?\xb5\x8d\xae\xdd\x9e\xe1\x84\xcb\xdf\x8a&lt;X\r\xaam\xb3\xb9+\xaf\xda\x8d;}\xd6I\xdb%\xbd\x95f\xd89\xf2\x00\xb8\xf9\xf0\x93$u\x9e\xbc!\x9c\xb9\xcc\x9c\xb5\xf7\x1b\xe79\xba\xd24rA\xe2\x84\xe5\xb7\x04\x89\x9bv\xfc\xfa\xf8WFR\xd5nG\x06y\x1a\xee\x7f\x82\x9d\x8a\xf5\xe0g\xf6\x92\xfa\n\xff\x0e\x18v\xe8\xd5\xf1\xf2%\xa9H\x1f\xdb\xd7\x8f\xe8\xee\xacq\xb2\xfb;\x01\x00\xf6\x89&amp;\xceq\xeb \xecF\xe0O\xbfA]}\xd5\xbb\xc9-k\xe9A\xf6\xff\xb9\xebvH\xaa\xde=!BS\xef9\x9bl?,\xd8\\\xcf\x95c?\xec\x94\x1b?M\xc5\xf7(\xd8Cj\xf7\xa1?\xe7\xc8-\xc1\xce\x11\x93t\xc5\x13^\xe6\xc7\xbe2n\xc3\x99A\xbalA7\xfa\xa1\xcf\x12F}\x93\xf6\xb1/\x96\xf9F\x8e\x92\xb6\xa8\x96#\xd7\xdbnq\xba\x18XN\xadj\xd8EDA\xcbj\x8cq\xc3\x87\x1d\xba\xe1)\xdb)\x8f&lt;M\x8f)S\xba\x8d\xfb\x87\xc8\xbe\xce\x00\x80=\xaa\xf3\x01gKz\xfdo\xf3\xae\xd3\xa2\x9c{\xf7\xf7O\x7fg\x82\x01\xea\xc5\xe7&lt;\xad\x8c+s$\xa9\xea\x98\xc8\xa9\xa4\x8d\xf9&lt;\xd5\xbb/\x9d</t>
        </is>
      </c>
      <c r="E23" t="inlineStr">
        <is>
          <t>&lt;class 'numpy.ndarray'&gt;</t>
        </is>
      </c>
    </row>
    <row r="24">
      <c r="A24" s="1" t="n">
        <v>22</v>
      </c>
      <c r="B24" t="inlineStr">
        <is>
          <t>steps_per_sec</t>
        </is>
      </c>
      <c r="C24" t="n">
        <v>400</v>
      </c>
      <c r="D24" t="inlineStr">
        <is>
          <t>5.3239207</t>
        </is>
      </c>
      <c r="E24" t="inlineStr">
        <is>
          <t>&lt;class 'numpy.ndarray'&gt;</t>
        </is>
      </c>
    </row>
    <row r="25">
      <c r="A25" s="1" t="n">
        <v>23</v>
      </c>
      <c r="B25" t="inlineStr">
        <is>
          <t>Loss/localization_loss</t>
        </is>
      </c>
      <c r="C25" t="n">
        <v>400</v>
      </c>
      <c r="D25" t="inlineStr">
        <is>
          <t>0.025974464</t>
        </is>
      </c>
      <c r="E25" t="inlineStr">
        <is>
          <t>&lt;class 'numpy.ndarray'&gt;</t>
        </is>
      </c>
    </row>
    <row r="26">
      <c r="A26" s="1" t="n">
        <v>24</v>
      </c>
      <c r="B26" t="inlineStr">
        <is>
          <t>Loss/classification_loss</t>
        </is>
      </c>
      <c r="C26" t="n">
        <v>400</v>
      </c>
      <c r="D26" t="inlineStr">
        <is>
          <t>0.4679313</t>
        </is>
      </c>
      <c r="E26" t="inlineStr">
        <is>
          <t>&lt;class 'numpy.ndarray'&gt;</t>
        </is>
      </c>
    </row>
    <row r="27">
      <c r="A27" s="1" t="n">
        <v>25</v>
      </c>
      <c r="B27" t="inlineStr">
        <is>
          <t>Loss/regularization_loss</t>
        </is>
      </c>
      <c r="C27" t="n">
        <v>400</v>
      </c>
      <c r="D27" t="inlineStr">
        <is>
          <t>0.029715678</t>
        </is>
      </c>
      <c r="E27" t="inlineStr">
        <is>
          <t>&lt;class 'numpy.ndarray'&gt;</t>
        </is>
      </c>
    </row>
    <row r="28">
      <c r="A28" s="1" t="n">
        <v>26</v>
      </c>
      <c r="B28" t="inlineStr">
        <is>
          <t>Loss/total_loss</t>
        </is>
      </c>
      <c r="C28" t="n">
        <v>400</v>
      </c>
      <c r="D28" t="inlineStr">
        <is>
          <t>0.52362144</t>
        </is>
      </c>
      <c r="E28" t="inlineStr">
        <is>
          <t>&lt;class 'numpy.ndarray'&gt;</t>
        </is>
      </c>
    </row>
    <row r="29">
      <c r="A29" s="1" t="n">
        <v>27</v>
      </c>
      <c r="B29" t="inlineStr">
        <is>
          <t>learning_rate</t>
        </is>
      </c>
      <c r="C29" t="n">
        <v>400</v>
      </c>
      <c r="D29" t="inlineStr">
        <is>
          <t>0.0136400005</t>
        </is>
      </c>
      <c r="E29" t="inlineStr">
        <is>
          <t>&lt;class 'numpy.ndarray'&gt;</t>
        </is>
      </c>
    </row>
    <row r="30">
      <c r="A30" s="1" t="n">
        <v>28</v>
      </c>
      <c r="B30" t="inlineStr">
        <is>
          <t>train_input_images</t>
        </is>
      </c>
      <c r="C30" t="n">
        <v>400</v>
      </c>
      <c r="D30" t="inlineStr">
        <is>
          <t>[b'640' b'640'
 b'\x89PNG\r\n\x1a\n\x00\x00\x00\rIHDR\x00\x00\x02\x80\x00\x00\x02\x80\x08\x02\x00\x00\x00\x83\xaf^t\x00\x00 \x00IDATx\x9c\xec\x9de`\xd3Z\x1b\xc7\x1f6`\xd8`c\xb8\x8e\r\x1d\x036l\xb8\xbb3\xdc\x87\x0c\x1b\xee\xee\xee\xee\xee\xee\xee\xee\xee\xee.\x17\xbd8\xfc\xdf\x0f\xa7M\xd36M\xa3m\xc7{\x7f\x1f\xa0KN\xcey\x92\x9c\x1c}\x84\x00\xc4\xcd\xd62Y\xfe.d\xc5\xa9w\x00`}\xfc\xaf\xc13[\x0b\x00\x00\xae\xfe\xfc{\xee\xb4\xdd\xc4\x93\x00\xdaM:\xe5\xe6_\xdf\'W["\xf2+\xde\xe7\xe03\xc7\xdf]\x02\x8fL\x8d\xf5\xc8\x17Fv\xde\x8f\x04\xafl\xcc\x86\x17\x15\xda/\xd7 #\xb7\xfcr\xaf\x88\x9a\xbe\xa1\x06\xe5jD\xbe\xfaS\xf5\xcb\x9c\xd5\x07\xfd\xf2WF\xf9v\xcb\xb6\xdfA\xd2|\x9dE\xd2\xac\xbd\xc4Ug,?#p\x0b)\nu\x03\xb0\xf9\x86\xa3\xee.^\x19\xa2\xb4\x0e*\xcb\x1e\tr\xb5\x93\x92\xacl\x9b%\x86\n\x90\xa2\x86\xde"M\xd9\xf1\xde5+\x9b,\xb2\x1a\x7f$s\xa6\x14D=\xe7^eO3}\x99\x01s\x0f\xfd\xe0\t\xf6\xd7\xe0ODD\xf1V\x9d\xc7\xd2S\xce\xaa495\xcck\xdc\xa6W\xec\x95-&lt;\xf6[\xda\x15\xb1\x89\x88(\x95\x862\xc8$\xa1\x7f\xc9\xbeDI\xd9\x1f\x87_ c\xb9AJ\xb2\x89W&amp;u\xd1^Dq\xa4\xa6\xf7*\xbb\xee\x92\xca7\x9eH\xdd\xe5\x06\x12\xe6n\xaf\xbe\xcdZw\x19s\x0e~\xb7}&gt;\n\x91\xa7\xf9\x91\xa8Vi\xa2\xab\x11@\x01\\\xcfJDD\x01iK\xf5\xb7J\x12\x1f\xe6Xg2\xf7\xd0\x0f\x00\x15;\xac\xd0Y\xd8\x94D^D\x99Z\x8e&gt;\xacsA\x146x7\x11\x11%\x11O\x96\xb1\xec\xa0\xe1\xab\x1fK\xc90~\x8e6\x0e\xeb\x14\xd3\x95\x1e\x00`\xaeXUt}\x92T%J(%\xe1\x8e\xbb\xba?V\x00\x1d\xa6\x9c!"\xa2\x8c\xba\x16\xa4\x1d\x01\x8eoJ\\\x07\xf6\xa5\x1d\x7f+\xa9Vxdl\xdcg\xc1\r\xbdE\x92A\xb4\x82\x00\xce}VX\xa5S\x14\xec\xb6\xfc\x8c\xf4/\xc2MY)\xda\x11H\xe4M\x96\xfd\x90l.\xfc\xcb\xef\x9f\x92J\xb9\xe4\xda/]\xdb\x8d\x04D\xee\xf6S\xa5\xa9\x0b+,\x92\xe4\xa89\x8e\x7f\xf6\x9d-\x99\xbd\xcb\xa9\x96Y\nQ\x88\xa2\x8dZ\xf7L\xe7R\xe2\xb2\x19v\xfc\x9cm4\xccTQ\x05\xcb\xa4\xa1\x00\x91\x8d8%\xcd\xfe\x8c[\x9a\xdc\x0bX\xa7Z}\x01\xc7^\xeb\xde\x01\xef~\x00\x8aV\xe8\xf4\x07\xe7L\x10k\xf7\xde,\x9e [\xd5\x91\xe6\xe3_\x1fm\xe7\x94\x91\x8c\x145\x00P\x8c\xa2\xe6G\xf3\x8c\xdd\xf8R0y\xaa"=\x1d \x94t^\x001\x03\x9a*\xb8p\xdfc\xc4\xce\x12\xden\xe2I\xef\xec\x11\x9aK\xa5\x07q\xb24/\xddjQ\x87\xc9\xa7\xd5t\xc0\x96\x1d\x98\xe5{\x17\xbb\xca\xe6\xe9\x98E\'m\x7f\xa7@\x18#q\x88r\xd9M\x944_g\x0b\xe1\xc7XU\xd1\x19{&gt;\xf3\x13&lt;\xe2\xcb\x9c\xa2\xba\xdd9b$$\xaen9g\xd3-\xe7@\xddrv&amp;\xe9-\xfe\xf6/\xd97b\xdcq\xebtA\xa1\xa3\x89\xa2\xe8\'\x07\xab\xfa\xc3W?v\xcc\n\x86\x10v\xd6\xe1\x99\x84l77QH\x07\xf2("\xe5\xfb\xff{I\n\xe0-ka\xa3\x15b\x87\x1c\xb6\x00\xa51I\xaaJO;n\xf3\xeb\xe6\xa3\x0eII\x99\xbc`7\xf6c\xe0\xd2\xbb\xe4YJ\x89`\xda\xd1\xcb\xb8\xcb\xa3\xa6\x03\xae\xd6m\x9dW\xf6\xd6\xa9\n\xf7\xc8Vu\x94\x94\xab\xf6=Fp\xf516N&amp;SY[benV\xaf\xffv\xbb\xc9&lt;25\x16\x9f\xfe2\xf8\t.~\xd1\xa0\x0e\x97\x8dX\xf2\n\x10Z\x81\x17$/\x91/Q\x1e\xcd\xa7\x83Q\xd35\x1c\xbd\xfey\x8aB\xdd\xb5\xcdV\x1dQ\xa7\xef\xf9,\xfb\xa2\x945\x89\xfc\x88\x88\xc8Gky\xf4\xa1x\xf8\\\xf2\xad-\xf7\xaaT\x85{\xd4\xe9\xb3E\x0fy\xc4\x01\x101\xeex\xbc\xa0VD\xf1\x1c_\xba\x04\xa2\xb0\x8f\xb3\xf3\xf4\xf3\xb5{oYs\x01i\x8a\xf7&amp;\xca\xebl\xa9\x9cF\x87\xc9\xa7\xbf\x1a\x1b\xac\xef\x00Q:"*\xdbfiG\xc3&gt;Bd\xa2\xc7\x9c+\xb2\xd2\x87\r\xd9C\xe4%\xe3\x828%\x8c\xbf\xa2\xc9*H\x84\x96\xa3\x8f\xb4\x1e{\xd4\xea\xb0\xbb\xc8\xa0\xd0\xd0\xfd\xc4.a+\x81\x1c\x12KIT\xba\xf5"[\xa7n\xab\x18\r0\x8c\x97\xdb\xd7\x171\xef}\x83\xec\xa6\x11\x95*#[\xcf\xb7\xcb\xb6\xdbr\xef.\xf3\x89\x7f0l\xd5#9\x97H\xc0-\x7f\x85\xf6\xcbm\xdd\xb5S\xc8Xnp\xc9\x96\x0b\x9c*BL\xc7\x14\xe3=e\xe7\x07JPA\xd65\xd9\xab\x8f\x11\xd7\xbe\xcbPv`\xce\x9a\xe3\xd5\t\x16)a_f\xdb\x89\'w\xdd\xc7\x07\xc0\xcd\xbf\x9e\xb3%r\x12i\xea\xd6\xee\xbd\xb9\xd9\xf0\xfdDi\xb8\x06\x8b-\x0cD\x8c?\xae\xa8I\xcd\xa3\xb9\x8c\xf2\x88Z\xd0\xd1%\xa6\xaa\xa9n\xa9 \xe9\xb1\xd7\x00\x90\xb6T?\xfeQ\x97Z\x81\xf0\xca\xde:F@\x13[g\x7f\x9a\xba:\x85\x1a\x97\x86\xcb\xdd\xf2\xd9M\xf9\xc6\xacg\xcdm#\x95\xbf\xb4\x0e8\xb9Q\x9dP{\x00|\xd0\xf9\xf5yfm\xaek\xfe.\xc5\xe0\xe5\xf7\x85\xd5t\x92\x86R\xdc\xd2\x12\xf5\x9f\xd4#w\x994\x85\xf8iVA\xef\xb8\xccw\xee\x18r\xd7\x99\xc8\xff&gt;E\x86\xf6z\xf3/\xe0&lt;\xad\xf5L!u\'m\xba\x8e\xd6\xe3\x8e\xb1\xbf\xabt^\xcd\x1eH\xef\xf9\xd7)^i\xa2\\D\x99e\xe6\x19\x93b\x16\xed8\xe5L\xac\xcc\xcd4\x17W\x16\x9a\xef\xe9\xd6\xed\xbb\xd5\xd6\xa9\x1a=6\x00\x18\xb2\xe2\x81\xba\x12\xf8\x9a\xd89\xd4e\xa5=\x00\x12\xe7\xedh\xeb\xec\xee\x87\xda\xcc\x80\x83\xab\x8d!J4t\xe5\xc3\xcd7\xc5\xb2\x92\xd0\xb3\x9a\xd2l\x11\xcbJG\xb5\x8f\xf3\xff\xa2h\xd3\xd9\xfa\xe5\xff\xff@\xbc\xa0VD\xd9\xc8\xa7B\xa9\x96\x0b\xeb\xf6\xdd&amp;\x98\xa6\xe5\x98#\x00v=\x88\x9c]\xd8\xc0\xa5wY5m2l\x9f\xac\x0b\xeb\xf5\xdbF^et\x92Jo\x06-\xbbg\xfa\x86=K\x11\xa5\x14O\x1f\xc5\xaf\xae.r\xa4\xa8\x0e\xe0\xc0S\x8b\xaa\xe3\xa7KY\x96\xa4o?\xf9\xb4\xf5\xd1&gt;\x0bn\xb0\xc7\xf2*r\x8f\xc9\xb2f\xae8T\xe3,mO\xac\xd9xN\xbb\xdd\xac\x8c\xf7\x01\x8a\xa7\xcb\xc7\xd5z\xdc\xb1\xf89\xdb\x90g)\x8a^X\xfa&amp;e@\x85\xa1\x00D\xf6h\xba\xce\xbc\x08\xe0\x8d\xf2:c\xd8B\x9e\xbe\xfbS\xab\xb1G\xd9\xef\xce\xd3\xcf\x8b\xcd\x1f\x12U\xb2\x9d[z\x8a]\x82\xa2\x15$\xca\xea\xf4\x81\xe0\x7f\xa8"M\xdd\x90\xba\x93&amp;\xefx\xdfo\xd1\xad&lt;u\'\t\xa5H\xcbj\xcb\xbbH\xdc^\xb9\xe5\x07\xb0\xec4r\xd5\x9a \xfd\xa2\x11k\x9ed\xaf1V7\x99tG\xca \x9a\x11/\xa8\x15\xc5,\xa6e\xd9\xc9\xaa\xed28\xbb\xc8\xc6\x93\x81\xd9\xb7x\x94\x8dX"w\xa3A\x01\xe9\xcb\x0c\x14tP@\xb1\x8a3\x91\xf27\x98\xa6\xb7\x0crIS\xbc\x0fQ\xae8Y\xa4.\xbb\xc5\x0chJ\x94@n)\xd5\xbb\xaf\x97{\xc9\x13=\xd6\x8a}\xb4\xaf\x03\xa5[/\x02p\xee\x93i\xed\'S\xf9\xc1\xd2.\x8d\xba\xf8\x84\xf8\rFOV@\xc0\xe9\x90D\x12\x86t`\xf2&lt;\x056^7\xc8\xb6\xfc\x0c$\x19&amp;\xfd\xc7\xff5\xc1\xac\xb6\xa4,\xecR\x8ai2\xe96\xebR\x9c\xac\xcd?\x01\xa5Z.t\xb6,\x0e"\x8a_=\x00/\xec\xb7\x9b&gt;\xff\x00c6\xbc \x8f"\x9a\x95\x1d\xafL\x95N\xab\x89b\xe5\xad?\x05\x80\xb9Mm\x9a\x99{\xff\r\xac4\\\xb3\xb2\xfe"\xbc\x82[o\xba\x0e\x00\x05\x1aN\xb7\x9b\x98u6M\x86\xee\x95[JP\xa8$\x95`&gt;\x00\xdeG\x86\x01x`\xe5\xe1O\x81y\x87~p\x1dp\xba\xd2\x9c\x17\x0b\xc9\xaeH\x84\xf1\x95\x95:q\xdeN\xad\xc7\x1d\xe3\xa6\xd4U:\xafa\xf2\xac\xb9\x88\x05G\x7f\xff\x01~\x03v\xb7\xcf\xfe\x06\xbc\xcbr?+u\\\xe9DA"1\xf2\x9d\xd99\x81\xb3\x1fq\xe9\x1b\xd3\xf5\xb5\xc9k\xab\x81\xbc\xc0\x1c\xd1\xb3$\x11M\xdd\xf5\xb1\xf9\xc8C\x94\xbcz\xc1F32\x95\x1f\xac\xcc\x04\xd3\xd9\xf8\x01x.\xd6n\xc6%\xcaND\xb3\xf7s\n\xc2,}\x0c\xa6w\xd7e\xc6\x05J^M\xe8B\xfb&gt;\xe7\x82\xab\x8d)\xd0p\x9aq\xe6d\x96~\xfe\x91_\xb2n\xc3\x12\xaf\xb2\xf6\xd3DZ\xd8\xdeA\x9d&gt;[&lt;\xb3\xb6\x10Oi\xdb`\xc6\x0e\x9e\xd9\xec\xe4l\x86[~V1\x9c\xa8F \xc2\xf4=\x9f\xa3\xf8\xf1\xb4\x0b=K\x02Xu\x1e\'\xdf\xa1\xfb\xacKW~\x80\x92U#\xa2\xc4y;\xaaT\xe7\xf1-\xd6K\xde\x05\xe6N0F\xaf\x7fnhj|k\x87v]\x07\xa0T\xab\xff\x8f\x99@\x9a:\xa6\xdf&gt;\xe5\x9d\'\xc7\x7f\xe8L\xc5\x0e+\xed\xaf\xb8&amp;\xa8\xc8\xd9\x802\x98\x87B\x8aki\xf58d\xc5\x83A\xcb\xee\r\\z\xf7\x16\x90\xb9\xd20\x91,+u\\\x99\xda\x19N\x1b&lt;2\x86%\xca\xd3A$A\x87)g\x004\x1fy\xd0f\x8a(\xf9\x8a\x85\xcf%J\xd9b\xf4a\xae\x03\xae\xdci\x15\x11\xe5\xad7\xf9\xf4\x07\xdb+\xd8\xde\xe5\x88R\x13Q\xfc\x1cm2\x96\x1b\x14+\xb0\xd9\xb17V\xbe\x0eR\xd5\xbc\x0f\x00\xf8\x01\x98{\x06\x88\x91D\xd4\xc9\xad\xc3\x88\x9a\xae\xa1\x0b.\x00\xd6\xe9\xb3E\xfb\xc5^3R\xca\xd2\x87?mpa\x8b\xaa]\xd6\xe8\'\x93Rr3\xd98C\xc4\x86\x03w\x02\xd8z\x0b\x94\xa4j\xe6\x8aC\xd9\xd9\x18\x01M\xc8\xb3T\xea\xa2\xaa&gt;\xd2\n\xedW\xc4\x0bnev(eM\x00G^JzY\x99\xca\x0f\xee\xbb\xe0\x86\x9b\x7f}"\n\xae6Z\xe7W\xfc\x1fZ\xd2~\xd2)\xc5\xd7f\xae8,K\x95\x11I\xf3w\xae\xd6M\xf6\xbeO\xe4\xa3h\xb39\xc1\xd5\x14N\x0b\x94\x91(\xa4\xc3\x92\x93x\x06\x18\xfd\x94\xcaA\xd5L\xce\xdb\xae\xab\x84\xa9\xbb&gt;~\x00D\xd4\xaf\n6\x9a\xce9\x90\x9b\xbe\xe73\x80"\x9cN\xa3{\x01\xd6x\x8dX\xfbT\xe8\xd2L\xe4Q\x98({\x99\xd6\x8b[\x8c&gt;l\xd4\x0f\xb5jS\xa2\x15z\x08&lt;\x01\x0c\xeev-\xbc\x989\x9b\x06\x03v\xd6\xeb\'\xacv\xf8\xf7\x12\xd5\'g\xdb\xbb@\xb96K%^p\xd6\xb8\x9f\x9a\xb5\xcaH]%S\x84\xb7\xb1\xe2\x19lu\xbc\x82[\xc3\x8a\xe0\xeac\x88\x12f\x97\xb2`\xe0U\xc6#c\x98\xe0\x99u\x97a\xe5\xf3.\x06\x80\x80\nC\xd4\xdd\xc2\x7f\xb8:\xe3\xb7\xbc\x91{\x89o\xb1^\xed\'\x9f\xce[o\xca\x89\xb7\xa6z\xa8\x87l\xf2\xd8\xf7\x04m\'\x9cp\xb6\x14Z\x02\xa0\xe7\x9c\xabR\x9f\xaf{\x01s5\xcb\x0crm\xae\xe2\xc8^F\x13\xb3\xb1\xf1\xce\x11\x91\xae\xf4\x00[gy\xf5\xc6\xe4G\xb7\xf3\xf4\xf3u\xfan\x05p\xc6\xd0\x18E!\xf2\xe0\xa5\x14\xd8\xd3\xaa\xdd\xdb\x11nRr\xd7\x99H\x94\\\xce\x15^5zl,\xdfv\x99^\x02\xb9\x06f;2\xa9k\x0fY\xf1@ns\xc0v\x9a\x01\xa8\xf4\x11\x1d=CX\xa1\xc63\xd5\xe4 L\xb4Bl1\x86\xc3\xa2\xf7\xfd\x03P\xc2\x8a$M\xcf?\xa4\xee\xa4\x97@4\xa1`P=\xe6\\\x99{\xe8\x87VR;\x1cI\xae\xb0\xffC\x88\\\n\xb6`\x97\x9f\xc1\x96\x9b(\xd3z1\xdfe\xa8\x1e\xc2\x89ci\xea7t\xe5\xc3\xc8\\\x89\x05\xc8^},\x11\xc5\xc9\xda|\xfa\xeeOR\xd2\xbb\xa5\xad\xcf\xfd\x8e\x91\xa9\xf1\xc1\xe7fo\xa5~\xff\xedlS\xd6\x12\x835T\xfa\xe3o\xd0{\xfeu\xe5\xe2\xca\xa1\xe3\x943\xac\xde\x84\r\xd9c&lt;\x96\x8c(C\xb5n\xeb\x8d\xf5)\xd8+{k\xa2LCW&gt;\x040m\xd7G\xc7\x08&amp;Hp\xb5\xd1N,=R\x00\xe0#pGrs\x90 w;\xef\xec\x11Q\xfc\xeb\xd5\xec\xb9i\xf2\x8e\xf7*Kg\xe36\xed\xfc\x8ee\xdfq\x17\xf5\xfa\txvtO[\x9f\xdf\x01\xa7/3@V\xbe\x00V\x9d\x17x8\x85\xc2t\x18=\xf0\xe82\xfd&lt;\x80\xa1+\x1f\xea\x92\xbb\xd6Q\x192\x96\x93\xa8[\xae\x8aF\x83wg(;\xb0\xc5\xa8C\x14\xbd\x90\xfd\xd4\xe6\xcc9\xf0\xad\xd5\xd8\xa3D\x01\x12\xd2\x86\x10\xf9\xd8^)Tdz\x17\xabx\x9e\xba\x93\xdbO:U\xa5\xf3\xea\\\xb5\xc6\xdf\xf8\xe3\xc0\xb8\x90\x0c\x1b\x1f\xb9\'E/\xacCiq\xc9-\x7f\xe5N\xab\x06,\xb9\xa3C\xe6\n\x11\n\xe7\x99e\xfa\x9e\xcfO\x8c\x8fe\xd3\r\x00(\xde|\xdeyC\x94\x9b\xf4\xbb\x1e`\xd7}d\xad2"I\xdeN\xfc\xcbbfn\xca\xd9\xf3xeo\xad\xbf\xec&amp;\x86\xacx\xe0W\xa2\x8f\xf1\xaf\xb8\x94\xa4j\x9a\xe2}\x98$,\x16\xf2] z\x860\xf5~\x15B\xbb\xaeS\x99\xc3\x7f\x88\xb3\xe2\x0c\x02+\r\xa38%\xa4t\xc0\xf9\x1bL\x03\xb0\xff)\x1e\xda\xf6\x86(\x0b\xd6\xc1\x00\xa0\x98\x92\xe2"\xd8e\xf6\x81o\x00\xb6\xdf\x11\xb8\x11\xae\xf7U\x10\xcdz\xff\x13\x84\x98\xcc1\xe3\xca\\VQ\xce\xe1\x17\x80EX\x05\x17Fb\xbc?\x95\x84\x8f&lt;\xb8\xfe\n\x00\xe4\xae3Q\xd6\x85\xf1\x82[\x01\xd8pU\xd2\xc3LQ\xa8\x1bQz\xa2d\xda\x06f\xf0\xcc\xda\xe2\xccG\x90{\x01\xa2t\x0e\x9b\x01\xa7\x00\xc0\xd4\xfd\x93\x17\xec*\xed\x92,E\x9b\xceQ\xb7\xc6\x95j\xe1\xd1\xdf\x9d\xa7\x9d\xbb\xf8\x05\xf7\xcco\xb2f\xcfM6.qD\xc05\xc1\x19a\xa1\xb0\x19\x00XH\t\xb6\x1a\xc8\xccR\xeb\x0f\xd8\xc1\xb5\x1aU:\xaf)\x1e&gt;\x8f\x1fI"|\xc4A\x16^\x1b\x80\xa3\xbcXp\xb8\x19\x1d\x02\xe7\xa1\x18E\x88\xa2\x11\x85X\xac\xf29V\x1e\x99$\xae\xe2W\xa2O\xf7\xd9\x97\x9d-\x87\x0bQ\xab\xd7&amp;\xbb14\xf7?\x01\x80\xd4E{jf\x9c\x16\xbd0\xab-\x12\x83\xa5K\xa1x\xf8\xbcY\xfb\xbe\x08.\x1a\x01\x98\xb1W\xbe\x03}s\xf2\xd6\x9b\xbc\xf2\x9c\xe3\xaa\xf7\xb8M\xaf\x1cV\x96v\xa4\xd3/\xeb\xd6\xe3\x8e\xad8\x83\x01K\xeeX\xec2\x98#\xe2\xa01\x8d\xb4r\xf2\x12\xe5\xa28%\xabu\xe3\xcd\x01\x12W\xa6X\xc5\xa5]n\x8b N\xefo\xe59\xd85j\xd0\x84\xbc\xf2\xb5Z\xd2u\x99q\x81}\x99\x17\x94\xc6\xf4h:l_\xb2\x02]"\xc6\x1f7\xef\xf3R\x03\xe86\xeb\x92YR\xdf:\x00F\xae}\xaa\x7f\xb4\xd7\xcc^\xc1\xb6\xa6\xaa\xfc\xb5\x0e\xe3\xf8:N\xc9\rW\x01\xe0\xc03X\xbb\x03-\xdcx\xe6\xe0\xe5\xf7\xd5\rS\xd4R\xb0\xd1\x8c\x06\x03v\xf2\x0eD\'\xcaM)k:E\x189\xa4\x8c\x04\xa3\x04W$\xeb\xc5\xaf\xda&gt;4w\x1d\x97X\xff\xbfH\xe4\xb0\x92b\x07\x86\x8bwc\x8d\x06\xed\x12\x1d\xccE\xb3\xf1\xc6%\xc6PO\x90\xbd\xfa\x98}O\xe0_\xb2\x9f\xcd$\xc2v\x92\n\x08\xccVu$Q*JSw\xd6\xfe\xaf\x17\xbe\x80\x12TT\x98\x93\xb4\xd8\x97\xae\x84w\xb9#\xaf\xb0\xf5\x96\xb2\x0f&gt;J\x9f\xf97\xf25\x98\x1a/\xa8\x95\xc5\x9d\x03x\x0c\xbc\x04\n\x86\xcd "\xce\xa5\x08\x98k\xe84\xfa8_\xd4\x8b\x18\xfd\x17\xdfV\xed\x8c\xf7o\'E\r\xebc\xd13\x84\xfd\xd7\x01\xbb\x02\xb3\x0f|s\xb6\x08\x7f\x07~\x06\xb3\x02\x9b\xc4\xd0\xaa\xa4\x16\xa3\x0f\x8b;r\x9f\xb1\xf7\xdf\xfc\rmz\x94\xfbm\x18\xfbZJ\x9b\xa1\xec\xc0\x90\xba\x932\x94\x1d$A\x84&lt;%Z\xcc\'\xf2\x97$\xae\x16d(;\x08\xc0m\xa9-\x86\xb5w\x17\xdf\xfdO\xfe\xcfZ\x9bX\x99\x9b\xcd\xda\xff\xf5\x1d\xc0\xf7\xbaBDc7\xbd\xba\xf1\xc7\xb4LZ\xbf\xff\xf6\x9b\x00\x80/\xc0\x7f&gt;Y\xfe\x7f\xf0\xce\x11!\xb8S\xf8\x1f\xff\x11i\xb1\xdf!\x01\xa0(\xf6#/\xd9#D\xe9\x85\xb9)^i\xd6\xf66\x18\xb0\x83;\xea\x91\xb1q\xfc\x1cmR\x16\xee\x91\xab\xd6\xf8\xfc\r\xa6E\xcf\x10\xa6ZB\xedi?\xe9\xb4\x94\x0e"Z\x86F\x89\xf2t\x8c\x19\xd0\x94\xe2\x96\xfeO\xcf&lt;\xbd\xa0\xee"y\x96\x02\xf0\xafa8\x93\x98i\xa0\xbc\x07\xc8\xbd\x00%\xae\x12&gt;\xe2\x80Ce\xfc\x0fgP\xa2\xc5|\x19\x91\xbc\xe2\x94Xp\xf4\xb7\x9e\xe2\xd8#^\x99d\x05$\xeaO\xfc\x87F\x18\x94l\xd3\x9c\xfd\x04\xc9\xca+\xae\xce\xb0U\x8f\xc9\xbd\x80#K,\xd9b\xc1\x9c\x83\xdf\xd9\xefb\xcd\xe6\xc6\nl\xc6:`\xe6\xdb\x87\x88\x882\xad\xbb\x8c\n\xed\x96\xc7\nlF\x14\x90\xb5\xca\x88\x81K\xef),L\x9b(\xd1\xaa\x08\xac4&lt;\x7f\x83\xa9\xa3\xd6=k7\xf1$%\xaf\xeelq\xf4"\x0eQ\x06\xb5yD5TD\xe6\x04\xee\x13\xc0\x0c"\x17:\xb7\xa9\xfd\x0f"2z\xecr\x8d\x10\xdc\xa9\x89R:r\x8f\xcd\x9a\xe4\x05\xba\x02\x98\xb4\xed\x1f\'\xca\xf0\x7fG\xca\x1aD\xb9xJ\x85.\x17*Q\x01\xa3\xd7?\xbf\xf4\r\xf2\xa3\xbb\xaa f\xb1\x86\x03\rj"\xb9jO \xca\x126d\x0f\xe7\xc9\xc73k\x8b\x85G\x7f?\x048\x07Dn\xfe\xf5\x9c\x1fZ\xfb?DHW\xaa\xff\xb8M\xaf\x82\xd4\x9axFM^\xa0+\x17\xd4\x89\xb1\xe6\xa2\xc5\xd0\xec?\x9c\x85\x1b{#\xfb\x1e\xb3U\x8a8\xfc\xe5\xb5q\x9b_[l+8\x0c\x18\x82\xd58\xa7hF\x8e\xc8\x1c\x8cK"\x00\x16\x1e\xfb\xe3\\\x19\x1eYj\xf5\xab\x0c\xdb\xe0\n\xb8\xb3{i9\xfa\xb0\xddP\xa4z0p\xe9]\x0b{3&amp;\xcf7 N\x96\xe6\xfe%\xfbF\xcf\xd0H\x7f)\xfe\x86\x81\x94r\xa6j\xe7\x99\xe1\xda/\x00H\x92\xaf\x93\xfd\xa4\xc2d\x89\x18w\xcc\xec\x1b\xf3.w\x17\xd05Zu\xa4\xc6=m\x03J\\E\xa7\xcc\x93\xe4\xed\xc4\x8b\xec\xe6s\xed\xa7\xa9\xd5+\x16&gt;\x17\x00g\x06\xada\x15\x12%\x8d\xb5\xa7\x82\x03\xcf\x84\x1d28\x86=\x8f\x00f\xe4j\xcf\xe1h\xa4\x86\xd7\xe79\x872\xad\x17\xaf:o\xd6\xfb:lP\xce\xf3o\xa3\x10q\x1f#\xde\xd9#\x00\xe4\xa89Ne)\xcah1\xfa0\x7f\xe5\xb2V\xafM\xec\xf1\x9e|\x07f\xd0A\xe4\xed\x14\xc1\xfe_\x98s\xe0\x9b\x86\x9f\x96_\x89\xbe\x00Th\x04\x10\x11\xd5\xed\xbb\x8d\xa2\x16\xa0\xf8\xe5\xe3fk\x99\xad\xea(\x05F\xfaZ\xe3\xd2U\xb0\xfd\xa4S\xa9\x8b\xf6"Jem\x16\xa5\x19\t+1\x8f\xf6\x00X\xfc%\xa2 \x00\x07\x9e\x1a^\r\x0cA\xcb\x9dC\x9b\t\'4\x0e\x93,\x03O\x00\xcd\x86\xef\'\xf2\x96\xe6\xcd\xc7\x9al\x9a(\x86L\xdf\xfd)g\xad\xf1\x16\x07\xaf\xfe\xc4{ G\rC\xe3\xee_\xb2\xaf\x82\x9c\xcd\'\x9dN\xa0\xfd\xa4S\xe6S_H\xb1\xc4\xcd\xdfp\x9a@4\x8b\xe4\xd5(Q%]\xa4T\x81\x88~\xb2\x83\xb9d\xe8\r\xb0\xf0\xd8\x9f\xe2\xe1\xf3\xd4\x87c\xe90\xf9\xcc\xec\xfd_5\x91\xedo%\xc4\xb9c[\x11*w\\u\xc7\xb6\x97\x9c\xf2\xed\x96\xf9\x95\xe8\xe3\x93\xb3-\xc5w\xa9\xe0Y\x12\x8d\xca5\xa3r\xa7U\x00\xea\xf4\xd9R]\xfb8\x1e\x99\xf8\x7f&lt;5\xd4\x93\xb8=\xe7^5\xb5\xc8I\xaa\x10\x11\x80e\xa7\x9cU\x85\x825w\xe0\'\x0b\xaf\xe0\xd6\x86\x18\x03\x8eU\xa51#ni\x00O\x01\xce\x8ds\x85v\xcb\xb9wt\xd7\xf8u\x97k\xbb\xb4h\xd39r\xf3\xe6\xf2IY\xc8\t\x91\xc6[\x8e&gt;\xc2\t\xb0\xe1*\x16\x1c\xf9U\xb9\xd3*)\xd1\xb1\x06-\xbb\xe7\x9e\xb6\x01\xf7g\x8d\x1e\x1bJ\xb7^\xb4\xe4\xa4\x9a\xf59A\x84\\\xd2F^\x8c\xe3\xec\x05*C\x91\x1a\xe9&gt;\xfb\xb2:\xe7\x8e\xa94\x11\xe3?\x94\x90\xbb\xf6\x84\xf1[\xde\x0c[\xf5H\xf0,\xab(_\x0c\xbdB\x16\x07\xcb\xe6\x1c\x12T\xb4\x1e*\xb9\xf9\xd7{\xa7\xe9\x04\xc5\xb7Xo"\x0f""\x8f"\x06\x0f\xabqJ\x90gIJ^\x9d\x05\x0c6\x9f\x12%!"JR\x95(\x96&amp;\xa5\xcbe\xd5y\xf4\x9c{\xb5\xd3\xb4s\x16\xc3\x05\x87\xe3N\x14_N\xfa\x0c\x1a\x8ezW\x9e\xc3\xee\x07\xf8d\xb2#0{G\x95;\xca_\xad5\r&amp;r;}\x80\x9e$_\'\x00*\xfd\x8d\x04V\x1a^\xab\xd7\xa6co\xb4\xbc\x11\xa6\xa1\xc2b\x17jL\xac\xe2\xba\xfa\xae\x12\xa1\xe3\xd4\xb3\x00\x88|\xb5\xc8\xccK\xc5\xb5\x89+wZ\r\xe0\xe4;W\x9c\x1c\xca!q\xe5\xc0J\xc3\x9d-\x842\x02\x87\xae|\xc8\xa9F\x9b\x11%\xdf7^\x13S\xb8\xf1\xacO\xcen&amp;$\x10\xdf&lt;\xe0\xae\x12:N9k}\xf0\x05\x00\xa0\xf5\xd8\xa3*3\xb7EH\xddI\xd5\xba\xad\x03\xf0\x1a \xa2M\xd7q\x8f=m\xdf:v\xaf\xd5\x84\x04\xb9\xda\xd96\xf8\xcb\xc4U\x03\'n\x06\xcb\'\xc1\x8e\xbb\xd0\xc0p\x80\x88\x88F\xad{V\xb0\xd1\x0c\x00\xf7\x85:`\x05\x19\x0e[\xf5\xc8\xe9\xfd\xae&gt;h\xe2\xfb"\x80\xa2\xe4%\xa2\x89[\xdf\x02\xf8\x00H\xf6\x18Ed\\\xe6\x8d\x95\xb9\x99H\x9a\x1a=6\xf0\xe3\xc1\xb8$\xc9\x85&gt;\xc9 \xadr/\xd2d\xf6\xbc\xc3?\xff\x86JX\xa4\xc9\xec2\x11\x8b\x89\xe2\xc9\xba\xaat\xabE:\xc9#\x13\x1b-\x94O\x85\x82\x8d\xa6\xb30\x03/\x81\xe3o\xb8\xb6\xc6E\xd5\xe5U6\x88\xe2\xec}\xcc\xb2U\xbc\\\x93\xaa\xe1\xc0\x9d\xc6-d\x81\x8d\xcc\xb0\xc1\xbb\xf5\x13^\x1a1E\xbem\xfe\xb35:S\xd3\x8b*\x9dW\x17i2\xdb~:\x8aI\x94H\x9f\x88&amp;\x82\xc4#J\xb3\xe3.8g\xbc\x96K\x14\xb2H\x1a\xea\xec\xd7\x1d9\xd8n\x0cY\xd5u\xc6E\xe9W\xb1K\xc4}\xced*\xef\x88(F\xaaHY\xe3#\xd0d\xe8^\xd3\x11\x9f\nG^jUa\xb2^\xfd\x89\x16\xa3\x0f#\xf2yB\xb4b\xc2\x967a\x83w\xd7\xef/\x10\x11,\xb2\x93\xbd\xfa\x98\xe7@\xbbI\xa7\xbcsDl\xbanV\xa7\xabvYs\xf8\x05\x9c\xbd,i$v\t\xad:\xe0#\xaf\xd8\x92W\xf2(~u\xc9\x87\xbf\xf9\xad\xd2\xf5\xb4M\x13\x08\xf7t\r\xd8R\x1b\x80\x92-\x16T\xec\xb0B]Ar\x91\xa4Y\xc6\xc4\xcb]{"[$\xd7\x8f&gt;\xf3o\xf4\x9c{U&lt;M\xb3\xe1\xfb/~\x01s\xee\xc6\x19S:\x18\xf6@\xc6o~\xad\xe0\xda\xf3\xff\xfe\xd7\xfbJ\xc2+\xb85{P\x89\xf2t\x90~\xd5\xdf\xf1lc\x07\x86\x03xbv#\t{\xcc\xb9\xa2A\xd6\xee\x05\x0c\xae1\x1d7~\xd5\x93\t[\xde\x0c^~\x7f\xd6\xbe/\xa2\xa92^\xfd\x81^\xf3\xae\x99\x1ds=uAK\x12V\xaa\xday\x8d\xe0\xde\x9b\x1eC\xf8\x98\x01M\x15_\xcb\xc9\xb3\xe3\xaer\x91\xd8fX\x8cLM*\xb4_\x01`\xa4\xd1v^?\xb8\xa0\xad\xbf\x81\xf6\x93N\xeb]\x9cRb1!\xf7=\x06Q\xb0\x93e\x89]\xe2\xf8[\\\xf8\x82\xcf:\xd4@\xe9\xa8*:q\x953\x1f\x9d\xd7CD-H\x145q\xde\x8eN\x13@g\xf27\x9cV\xa9\xc3_\xe0a\xd7\xf37\xb0\xe9\xba\xecz\x92\xad\xea\xa8\x1d\xf7\xec\\\xd5h\xd0.\x97\nY+L\xaaZ\x92\x92\xa5-\xd5\xafl\x9b%"\t\x8a6\x9b\x03\xe0\xc6oP\xd2\xaa\xfc\xe3\xcd\x86\xef\xe7~;u\xc8fsr6\xef\xf0O\xa2\xcc\x82\xa7X\x034a\xcb\x1b\r\xe5(\xd0p\xba\x86\xb9)\xe3\xc6\x1f\x10Q\xaa"=\x00\xe8m\xbdP\xab\xd7\xa6\'\xc6^\xe4\xf8[5K\xdc:\x10\xad\x10Q2"7\xa6\x00\xccq\xf5\x87\x8c\x8a\n\xc0\xc2U^\xfc\x9cm\xd4\x08\x95\xb6T?Xa\xcf#\xff\xdfJT2\x06|\x95\xdez\xd4\xee\xbdy\xc1\xd1\xdfc6\xbcx\x0c\x18\xc3k\x8a#\xd9w\xa9l\xb4\xd9\x9ew\x05\x0e=G\xc9\x16\x0b4\xcf\xd63k\x0b\t{\xea\x82\xfa\xeaNp9BD!u&amp;yeo\xed\xf0\x89\xb5{\x01q\xb39\xf6\x85&lt;\x05\xb2\xd7\x18k\xe6Q!q\x95h\xe9\x1b\xe6\xa81\xb6\xfd\xe4\xd3\x00lX\xfb\xf8\x0c^~\xbf\xeb\xcc\x8b\x9a\xf8\x05l4x\xf7s\xcb\xa5\xda\x18\xb6\xfc\xdd\x88\x7f\xd8G_\xe1\xcc\x07\xed\x07\r\xb9kO\x90{\xc9\x08m\xe7\xa9i8\xbd\'eV\xa7\x96\x9czoz\xda\r\x07\xee\x0c\xa9c\x08r^\x9eg\xc7\x02\xa0\xc1\xc0\x9d\xa2\xd98\x1c\xb7\xfc\xec\xff|\xf5\xa7ZuxR\x01\xb0\xe7!J\xb5\\\xc8\xfe\xac\xd2y\xf5\x98\r/T\xcaU\xa6\xf5\xe2\x1a=6\xf6\x9awm\xe35g\xce\x80]\x80hDi\x0e&lt;\xc5\xb9\xcf\xf0\xce\x11!\xf5\xa28%\x8a6\x9b\xb3\xec4\xe6\x1d\xfaa+I\xf6\xeacL\xe1A\xf5"\xa3\xb6Q\xdf\xa5\x91`\xc5Y%sJ\xbb\xb0z\x181\xfe\xf8\xd5\x9fLe\xccq\xa4*\xd2\xd3\xc6\x19\xafz\xfd\xb6M\xd8\xf2F\xbe\x1b,\xe5\xee\xcf\x8e\xbfu\x8e\xef\xd8\x10\xcflbA\x86\xb9\x96\xab|\xbbeD\xb1yg\xe2\x12eL^\xa0\xeb\x89\x7f\x00@0\x84\x1c\x11-;mlhT\xc7\xf4\xc8Xn\xb0yK\x1a\xd5\xa6za\x82\x8a\x00\xc2\x06\xef\xb6\x9d\x99\x13\xec\xf3\xd2\x14\xebm\xd1\xe02+)qW\x85\xee\xceSw\xac\xd9s#o\x82k\xa8\tKO\x81(\xc0\xa2W\xcbPv\xa0\xb3\x84\x14\xc1;GD\xa7\xa9g\xf9r\xee~ \xa3}\t\n\x1d\xed_\xb2/\x00J\\\xd9x,\xae\x1erF\x12\xb4\x19\xd2)$F\x11""\x8a\x9e\xab\xd6\xf8\xc9;\xde\x89\xb4\xcb\xb3\xf6\x7f\xd5\xdfD\'\xa1\xe3\r\xfaI\xb7\xeda6\xbfR0B\xd5\x95\xf4e\x06v\x99~AS\xb3lq]\xf4d\x00\xf6&lt;r\xf8\xed\xfb\xe4j+z&gt;\x1b\xf7b\xda\x8c?!p&gt;a%\x16\x11A$\x8b\x7f\x81\xb9\xb6G\xacr\xc8\xf4DrE\x01P\xad\xdb:\xf6;s\xc5\xa1\x1e\x19\x1b\x13\x05\x18\\"8\x89\xa0\xd0\xd1\x16b3s\x9d\x9c5-]\x14\xf1\xc9\xdf`\xaa\xcer\xf1\xb1\x18?fd\x8f\xbaB\xfb\xe5\xc5\x9b\xcf\xe3\x9e|\x85\xf6f\xd3\xdf\x8b_\xe1W\xa2\x8f\xf1\x12g\x86@\xb0\xe0\x0e0\xf7\xe0wN\xce\x93\xff\xc8\xfd\xba\xd8\x02\x9a\x8f\xf6\x92E:\xa2\x15\xca]{\x82G\xc60g\x95\x1fPa\x08QlJ^\xdd\xafD\xdf\xd1\xeb\x9f\xdbN\x98\xfd\xf4{\x18{k\x87\xc2v\x7f\x88\xa8\xc3\x943\xc6\xb8L\x1a#\xde\xee\x15o&gt;o\xd1q%\xee\xb8\xdd\xd2\xd6\x9f\xb6\xeb\xe3\xe9\xf7p\xe6\xd6\xbe\xfeT\xea\xb82v\x96p\x91\x04\xf5\xfb\xef\x109\xeb4\x98\xcf\xcf\xf5W@\x14(p:U\xadJ\x1dW\xca\x0eG\x15\xa3\xa8\xfd4\x16x\x95yl\xa8\x7f^R\x92\xf3+k\xa2\x90\x0e\xd3w\x7fz&amp;\x7f|\xd7r\xf4a\xb9b\x8a\xc3-\xe12\x8a7\x9f\xf7\xd0e\x86\x9c6\xf0`\xbe6\xbb\xce\xb8\xc0\x1e\xe9\xd9O\x18\xb4\xec\xde\x0f\xb3\x91PN\xa6q\xedR#h"\x02P\xaf\xdfv&amp;\xd5W\x80\x92\x86\xca\xbb&gt;q\x15%\x15\xf5\xef#a%N\xa1W\xae\xbd\xa2L\xc4\xb6\x0c3W\x1c\xb6\xf2\x1c(U\xcd&lt;u\'Y\x9f\xcdZeD\xaa"=\x8f\xbf\xc5W U\xe1\x1e\xd2#\xd4\x16o&gt;O\xfd\xc2\x86\xd1=\x05\x11S\x1d\xd0+\xaa]\xbc\xe2\xcd\xe7\xd9:\xc7}\x8fW~\x80|k\xeb#@$\x86=\x9cL\xe5\x07\xa7*\xdc\x83\x88\x88|\xe4\xbe\xf7\\\xb5&amp;\xe8 \x97}\x822\x94\x1dH\x94\x85\x92\t\xb5_\x9e\xa5\x8c_\xa6~\xfa\x0eD\xc6\xc7wB\xf2$\x06\xc0\x1f\xe3\'1\xe7\xc0\xb7\xb6\x13N\xd4\xe9\xb3\xe5\x8a\x04\x1d\x9c\x0eS\xce\x18\x7fF\xd7\xfb\xa6v?\x04\x80\x92-\x17\xa8\xcd(M]\xa2l\xb3\xf6\x7fM[\xaa\xbf\x06b\xd9\xc0\'W\xdblUG\xc6\xc9\xd2\x9c(`\xe7=\xc3\xd7\xce_?\xef&gt;\xfb\xb2~\xa5\xdb \xa6\xedSi\x98\xd9+o\xa0\x90Zv\xf6\xc9\xaa\x11%P.\x9d#H\xa9\xff\x96g\x86Y\xfb\xbf\xea=\xba\x9a\xb0\xe5\r\x80\x9a=7\x89%\x8a&amp;:\xb3\xf4,\xb9\xfe\n(\xa5\xf0^\x98-F\xaf\x7f\x9eS~\xa8\x83"Mgs&amp;mU:\xad\xe6?\x9c\xdf\xfa6\x86\xc2{\x9c%Z\xcc\x879\xb6s\x90\xa2\xbc&amp;@p\xb5\xd1y\xebO1\xdf\x85\x8c4\xb4\x9dp\x82=\x96\xcc\x15\x87&amp;\xcd\xcf\\XG\'\xdf:\x05\xc3f\xc8\x89\xe5\x13\xa4\x93xb\xfc\x06[\x9a\xc8B\x89*\x0b&amp;`\xeeXG\xad{\xc6\xfc\xbf(#y\xc1n\xe2\t\x00\xdc\x03&lt;25V\x90yp\xf51\x8a\x84\xd2\x9d\x03O\x01\x839f\xdch\xe9\x1bR\x9c\x92$\xa4|k\x17\xaf\xe0\xd6\ts\xb7_w\x19*\xe3\x86\x16n2KbJ\xf7\xb4\r.\x7fw\x81\xf9\xae{\x01ku\x98\xaa]\xd6\xcedfu&gt;\x15bfnjj\x92\\\xcb+\xb8&amp;d\x010^Se~A\xa2\xf8\xd5\xa3\xa4\xa1\x12\xac\xa8\xbd\x14\x17Q&lt;|\xae\xe4\xea\x14`K\xe3D\t\x8ab\xc2\x97o\xb7\x8c\xdbS4\xad\x039\x93\x04\xf7\x80\xae3/\x06T\x18\x02@4F\x93B\xbf\xbc\x17\xbf\x02\x00[G\xb4\xad&lt;e\x1b\xd5:@j`\xbe\xdb\xe6\x1d\xfe\xc9;\x16\x9d\xd3qq\x9aX\x12\t\xa80\xd4#cc\x11A\x99\xaf%\x00D~\xc6c\xf1z\xcd\xbb&amp;\xdde(\x00\xaf\xe0\xd6\xe2\t\xaaw__6B\xccb*\x12\x12\xb5\xe9\xf0\xfd\xe5\xdb-sO[\xbfF\x8f\r\xd1\xd27$"\x00\xdfm?\xea\xc1\xcb\xef3\x13\x0e\xf5\xf8\xe4j\x9b\xa7\xded\x9e\xf9P\x1eYu\xf1\xab\xab\xd4\xdd\x98D\xee\x1d\x98*&gt;\x11\x11\x9d\xf9hh \xd8\xa0\x8d1`\xf1\x1d"\xe5\x03D""JO\x94P\x93\xd8D\x1a2m\xf7\'\xff\x12}]j\xeb\x9d\x88Y\xeb\xfa\xdbO\xa6\x1c\xa7\x87 s\xa7\xf8\x86 \x1f\x00&gt;\xb9\xc4\x87\xa0;E\x9a\xccfN0.}\x03%\xad:n\xd3\xab\\\xb5&amp;Hq\xf2S\xaf\xdf\xb6co@\x94^\x7f\x19m\x91,|\xc4\x01\xab\x83A\x006\xa9\x8a\x06\xe1@\x86\xae|h\xeb\xd4e\x93\xa6\x8b\xe9f\xd8\x9f\xfd\x17\xdf\xb6\x9fu\xb2j\x00\xc8\xab\x8c\xdd\x84q\xb26\x97&amp;l\xa4$\xa0\xc2Pb3\xe0d\xd5\x1cP\\\xa7i\xe7\xf8\xce:\xea\xf5\xdb\x06\xa0B\xfb\xe5\xa2\xeb\xba&amp;\x1a\x0e\xdc\xe9 \xdb_\t{\xb7iK\xf5\xe7\xea\x9eAs2yuS\x9d\x8cY,g\xcd\xf1\xc1\xd5F\xcb\x8c\x88\xa0/\xfd\x17\xdf.l\x0cO\xf4\xd7\x91\xd2\xf9&gt;O4&amp;\xa1\xd9\n\xa4wYY\x1e\x9e#\x03\x92\x86\xf5\xfb\x8cs-7\xff\xfaU;\xaf\xc9RYZ\x1c\x81xeR\x14\xb2\xb3\xc6\xf9\x1f\xca\t\n\x1de\xab\x03\x964Ir/\xa0.(\x95#\xd0%\xaa\x89}|\xf5\xcb\x1a\xc0\xdaK\xa6\xc7\x9e\xb1\xdc \xd3+\xd3p\x89O5\xd5\xba\xadg\n\x80A\xa1\xa3\xc5\xd2%\xaaLQ\xf2\x11%aK)\xc3V?\x06p\xe8\xb9\xe1\x06\xfdJ\xf4\x1d\xb9\xf6\xa9Ky\x8e\xcdPv Q2UY$\xacd\x083\xe5YJ\x13\x91\xfeC\x80x\xa5\x89H\xff\x8dv\x0b\xa2\x11\xf9k\xb5\xd6e\x97\xbe\x0bo\xfe\x90&lt;\x89\x07\xf0\rpO\xdb\xa0x\xf8&lt;\x97\xd7\x90\xf8\x7f\xc1\xc3\xba\xbb\r\x1b\xb2G\xfa\x12%\x80\xd0.k\xf9G&amp;m\x7f\xd7P\xc0\xbd\x83\xba\x06\x8b\x88(\xa3\xc1\r\xaf\xcc\x05I\xaf\xec\xad\x89\xd2{fm1e\xe7\x07\x1b\x9ba\x9a\xac\xb9)T\x91P\x82y\x98z\xbe\xa1\xd1g\'-\xa9E\xcb\xd0\xc8z\x92\n\xe0\xa7i\x85\xc5\xa6`\x1d&amp;\x9f\x0e\xa93q\xf7\x03\xb0\x10\xdf\xed&amp;\x9e\x92\xbbB^\xba\xd5\xa2\xb6\x13N*\x10[!\xa9j\x12\x85P,\xc3[\x08\n\x1d%7\x03\x00\xc7\xde`\xd7}\x17\xd9\x0b\xb0 Vp\xb51z;\xdf\xfe[I\x9a\xbfs\xff\xc5\xb7\xfb.\xbci7e\xe9V\x8b\xa2\xa6k@Q\x0b\xaa)\xee\x91\xe1\xcb\xca*)u\xf2\xea\xcb\xcfH\x9e\\\xfd\x87#0\x06j\xb6x%\xd2\r\xcb&gt;\x03c\xcd\x1drUh\xbf\xfc\xb5\xbd\xb0\\\n\xe0&amp;\xeb\x9c\xdd\x9e\x1c\x12w\x9e~\xde\xf6M\xb9\x9ew:79\x8a\x0f1\x8ap/1\xa0\xc2\x10\xddd\xb2\x85\x0f\x11Q\xe2*\xd6\xae\x193\x95\x1f|\x89\x17]\xd2\xd6\xf5\x00\xfa,\xb81d\xc5\x83v\x13\x95v\xa2^e\xa7\xef\xf9\xac\xf0Z\xd9\x84\x14l4\xa3|\xdbe\xb3\x0f|#\x8a\xcb\xaae\xad^\x9b\x89h\xc8\x8a\x07\x9eY[$\xc8\xdd\xce\xe2\x82-7\xf1\xcax\xfbE\x9b\xcdi&gt;\xf2 \x00\xe6\xe8\xe6\x8ek6\x85I\xaaV\xef\xb6\xde\xd9BDR2v\x9f}\xb9\xdb\xacKv\xd3E\x8c?.=\xc8\x1b\x80\xb6\x02_G\xf4\xca\x9dV\xcd;\xf4C\xba~\xc3\xb6\xdb\xb8\x0f\xf4YpCb\xfa\xffS&lt;\x1c\xe5\xd5\x927?\xe17\x04^\xea\x86H\t\x00l\xbd\xa5}\xcb\x924\x7f\xe78Y\x9b\x03\xd0\xdc\xcc\xd7\xf5H,\xf7\x02\x11\xc9=\x14\x00\x00 \x00IDAT\xf6\x12/\x7f\xd7\xa3A\xb7iu7`\xc9\x1d\x00\xc9\nt\x11\x0c\x17hV\xbbl\xbb8\xf8\x0e\x14h8M\xbe\xef:\x8eh\x8etoT\xbe\xed\xb2*\x9dW\xe7\xaa5\xe1)\x908o\xc7\xd0\xaek\x010C\x83v\x13O\xbe\x04\x00\xec{\x8cW@p\xb51D\x89\xc7lx\x01`\xf0\xf2\xfbDD1\x8bq\x0fd\xf4\xfa\xe7\xd5\xbb\xbbp\'\'`\x14\x94\x98\xe2\x96v\x82$\xffA\xe9l\x0fa\xb3)\xfdpb\x19\x7f\x88\xee\x88\xc7*\xae(\xf3HL\xcb1G\xce~tX\xf4\x97xe\xc6nz%\xf0v\x13UR!A\x86\xee\xb3.\xe9\xe7s\xb5\xc9\xb0}\xa5[\xbbHTc\x97\xa0n\xdf\xad\x9c\x9de\xdcl-5\xcd;\xd63Q?\x18\r\x06\xee\x04\xf0\xd28\xde2\xf7\xa2\xe0gw\xeek\xc4\xb7f\xcfM\x94Z\xa1\x0b\x82-7q\xf4\x15\xec.\xe5}\x06V\x9e\x83\x88B\xa2D\xd8\x1d\xf5\x9c{\x15\xc0\xb9\xcfV7\xe8S!j\xba\x06+\xcf\x19\x8e\xbf\x01\xf8\xc1\xc7\xca\xb7]\xc6=\x93\x1c5d\xdb\xb0:\x11v\xbf\x00J\xb7^t\xed\'\xfcK\xf6s\xb6D\xffg\xa4\xaa\x15I\rym\x92\xb8\xf2\x90\x15\x0f\x9c-\x84 \x81125\x01\x90 \x97\xe5R\x96\xa6\xf8\xd6\xe6OP,vm\xdf\x08\xcf\x8c%\xc1\xae\xcaPv\x90z\x19\xc7mz\x05\xa0\xd5\xd8\xa3\x19\xca\x0e\xcaUk&lt;\xe7\xa9\xff?\xf8\xc0j\x17@+2\x96\x1bt\xf9;\xa2\xf8\xd5\xe3\x1f\xe4m.\xa4/\xdat6\xa7F@Q\xf2\x15m6\xc7B0\x00\xf2V\xf8\x95\x854\x89V\xb0\xebL;\xb1\xd33W\x1cJ\xa9j\xf5T\x1d\xd9\xb4\xe3\x94\xb3\x97\xbe\x81\xd5\xcc\x83\xcfp\x17 \x9f\n\xd6\xc9&amp;m\xfb\x07\x80\xb5\xf6\xd9\xbc\xc3?\x01D\xc6\x89\x05{\x9b\xcc\xb1\x9a3&lt;\xb78\x88\x81K\xef2\x9bL\x00i\x8a\xf7\xb1\x9b^\x1e\x89\xab\x00 J\xa2q\xb6\x91\x0e\x8f"W\x7f\xb2\xc6Ay\x0c\x06]Q\xb7\x06l\x07\xdf\xd8Y\xc2\xf9\xbdo\x97\x19\x17\xf8\xa7\xabw_\xcf?[\xa9\xa3\xac \x979N\xfc\x83\xf0\x91\x07\xb5\x936Q\xca\xc2\xdd{\xcf\xbb\xc6\xc9c#Y\x86Ba3\n4\x9cn\x1e\xe9\xdd\x95\x02\xed\xe9\x06\x00\x8aZ@\xeb\\C\x04\x8f\xba\xa7\xad\xdfa\xb2!~\xf0\xb17x\t\x10\xc5OY\xb8;;R\xa1\xfdr\x95\xa52\x83.\xe9\xa4/#/\x98\x04\x00\x93\x82\x8cR\xcf\xc3I\xf2v\xf2\xc9\xd5\x8e(\xb9T\xe5\x97\xbf\x85q\x9b^%\xc9\xd7)\xb4\xeb\xda\xf6\x93\xb5\x8e!\x9dD\x99\xf7\xd0$v\x03M\xae\xbb,\xaf%\xf5\xce\x1e\xc1\x94\x1c\x95M?\xc4\x99\xb6\xeb#\x10i\xd6\x0fJ\xb5Z\xf8H\xfb~(5\x11Q\xea\xda-G\x1f\xf9?\xdd\x8a~\x03p\x9eDf\x1f\xf8&amp;\x98\x86\xdf\x01;T\xbf\xd76\xef\r\xc2\xd8\xf4JX\xa3\xc7\x86s\x9f\x98\xcfKC,a\xaf\xe0\xd6u\xfbnu\x94\x80\xb2\xf1/\xd9\xd7n\x9a\x98\x01M\xedg\xa4\x83\x89N\xba\xd2\xfdmG\xd11\xb9\x16O\x18\xd2\xc1Q\x93\xb9\xc4Myq\xac9*uX\x19Pah\xb2\x02]\xc8\xb7\x8e\xf5Yk\x00l\xb9)\xabMq\x89\xca\xefJx&lt;\x04V_\xd0\xbc]\xf6 \n\x91\x10\x86\xd6\x0c~\x1f9r\xedS\xeb@\xa5e#\x96(\xeeD\xf5\xe8\x80{\xcc\xb9\xa2Y\x9e\xfa\x1b\xb0\xe9\xf1\x04\n7\x96\xea\xb3\xcf\x16\x05\x1aN\xa3d\xd5l\xd9\xc2\xc4\x0bn\xa52\x7f\x07a\x0c\x8e-\xec\xba\xa1L\xc4bJU\xcb\xc1"\xd9\x85\x9bi\xd9\xc4\xb76\xf8\xd1\x9fb\x14-\xa4\xa9\xc3\x84\x06\x03wj\xe8\xb4\xd9\xafD_\x935^\x92*\x82i\x86\xadz\xa4Uqr[7A\x98oa.8U\x89\xe6\xf3\xd5\xe7)\x8d\xa0\x89[\xdf\xe6\xad7\xc5\xfa\xc4\xc4\xado\x8d-\x85}\x9d\xd2\x1c5\xc7\x11\xa5\x90X$3\xb0\xb6X\x1f\xfa\x8fv\x93N\xe9\x14i*M\xf1&gt;r\x9c.e0\xbc\xf7\xf8\xe5\x89\xb2\xdb\xea-,\xb6E\xa4\x93\xbb\xf6\x04\xad\xbb\x1f\xc5j\x86B$\xacDD\xf5\xfam\x1b\xb2\xe2\x81NJ\xa9KO\x1a\xd4\xfb5d\xd1q\r\x1f\xa9s}\x88\xaa\xc6bo\xef\xef"3y\x97#J\xb6\xeb\xbeK\x9ay\x10\x11\xd1\xd4\x9d\x1f\x882\x12%"\xf2\xb6\xed\xaaBK\xaf=\xf6G0\xf68\xfb\x11\x00\x1a\x99\x026{\xa8\xcc\xd0\x06\x89\xcd\xa7\x9eqN\x7f@\xde\xfa\x02\xbd/\x11\xe5\xa81v\xdbm|\x95\xb8\xb5\xe6.c\xad\xde\xcd\xbf\xbe\xae[A\xffa\x81\x9b\x7f}\xa2\x94\x92\x93\'`\x9d\xee\xe0\x15\x0fv\xdc\x05\x80\x8eS\xcf\n\xa6\xcb\\q\xa8\xd37\xad\x93\xe5\xefr\xfe\xb3\xf6u\x89=\x81\xb6\x13N\xe8\xf3%f\xb3\xf6\x91\x10\x14:\xba\\\x9b\xa5\x8as\xdcv[\xe9C\x88V\xc8\xc26\xa4\xc9\xd0\xbd\x8a\xc5\xf8\x0f\x07\xb1\xe3\x9e\x9d\xf7]\xa1\xdd\xf2\xa4\xf9\xbb\x08\x9c\x88g\xdf\xbf\xa6J\x00\xd4\xea\xb5\x89\xe2\x96\xa6X\xc5\xf8\xb1\x89\xf4c\xcc\xc6\x97\xea2\x885l\xd5\xa3\xa5\xa7\xf4\xed\x93F\xad{6v\xd3\xab\xad\xb7A\xb1\x8b\xe7\xac9.A\xee\xf6\xe2\xdb\xff\x9bo\xe0\x1f`\xc9I\xbbR\xe9\x1d\xec\xfd?\x1c\r\x7f\xa7l\x94\xed`\xc3LY\xdd#\xa3\x92x0Z\x91$o\xa7\xe0j\xa2\xfe\xe0\x14\xe1\x91\xa91\xe7\x10F{\x12V\x12Z\x99K\xabfYq\xbe)\xac\x82\x9c\xcd\x1d\x8f\xc2D\xd9\x15\x17\xfa\x1f.J\xd6*#\x0e&gt;\xb3\x0e\x95\x9a\x86\xc8\x13@\xd6*#\xe5d\x962sE9\nDqK\xb3\x86c\xc9I\x84\xd4\x9d\xd4n\xd2)9e\xc9\xc5\xa0+\x14Rg\xa2\x9a\\\xe2dm\xdep\xe0.-\xe4\x11c\xe8\xca\x87\xe1#\x0e0;E\xaf\xe0\xd6\xed\'\x9f\x16\xef\x80\xb9\xb3\xa2#\xe2\xf86.\x17\n\x95\xfd\xb7\xe1b\xf1\x1e\xb4\x83\xb9)\xceZe\x04Q&amp;\x91d\x93w\xbc\xaf\xdcq\x95\xa3\x84"6\x19\r\xed\xba\xd6\xc2c]\xa4\x03\xc0\x94\x9d\x1f4\xceTQ\xa0n\xf7\xb4\r\x88\xa8d\x8b\x05.\xb4"U\xad\xdb:\tn\xb2C\n7\x99\x95\xb3\xd6\xf8R\xad\x16\x12\x11Q\xf6z\xfd\xb6)\xf2$\xf5wR\xb4\xd9\x1c\xdbA\xcd\xe4\xad\xfd\xa6(\xd4\xfd\xf27\x19\x0f\x96\xd3\x83\xab\xd2y\xb5\xb4 \n,t\x89\xcd\x98\x04\x006\xdf\x10\x89[\x12\x7f\xf0\x8a\x07\xae\xe8\xf3\xcb\x1eI\xf2u\x16\xef\x80\xb3V\x19iJ\xe0.l\xa8\xc6\xe2U\xb0\xdf\xe37\xbf\x06\xd0r\xcc\x11c\xef\x1b\xc0\xa2I\xfe\xff\xb0\xf2\x1c*vX\xe1l)\x88\xc8\xed\xc8KG\xb6E\x12\x17iy&gt;8\x05#\xa9K\xe3\xfaod\xa9&lt;B\xf1\xe5VH\x8a\xb3\xa2\x88\xdc\xb6N\x80g\x9e\x9a\xb2p\x0fG\xba\xbb\x11$f\xe6\xa6:h\xff)\xa5\xeb\xcc\x8b~%l\xa8\xd1&amp;\xaa\x94(OG\xaeUJ[\xaa_\xb9\xb6\xcb\x8c\xe7\x82\x9c\x1a[\xca\x91$O\x96\xbf\x8b\xc3\xf6\x80k\xf7\xde&lt;\xff\xf0O\x8b\xd9\xc6\x9e\x87b\xfe\x17\r}\x86\x04\xe3\xe6;\xc0\xb6\xdb\x88\x17\xd4j\xd0\xb2{6\x92\xe4\x06\xf0\x19`CEkr\xd6\x1c\x7f\xe0\xa9\xa3\xebn\x9ez\x93\x13\x85tP\x9b\x8bW\x99\x13o\x01`\xdc\xe6\xd7\xb6\x13\xa5e\x0f\xb3d\x8b\x05\x14\xbb\x84\xb8so\x96r\xe2\xd6\xb7\xec\xcf\xe6#\x0f\x8d\xd9\xf0B\xad\x90\x91\nm5\x13\x95\x92\xa8\xe3\x943\x97\xe4\x8cYu\xc3\xe0\xc71g\xcdqV\xe3\xbc\xe8\x82\x17Ha\xde\xe1\x9f\xd7\x7f\xa3P\xe3\x99\xcdG\x1eTm)\x90y\xf1\t\xf4\x9c{U]&amp;\xaa\x80k\x84n\x8c\x9d%\xdc\xd9"H\xa0\xc1\x80\x1d\xab/\x98vG(Y5J \xe0+@2\x91v\t\xcb-\xbf\xc3\x96,\x92\x17\xe8\xca\x8f[\x19Xi8\x00\x11\x1d\xe6S\xef\x00\xe0\xe2WI\xe2\xbd\x02V\x9dG\x8e\x1a\xe3\x00\xe4\xae-\xb0\x8c\\\xad\xdb:\x00D\xb9l\xe7\x11\xecp\xeb\xc3x\x99\xca\x0f\xb6m\xcb\xa4%\xeci\x03H^\xa0\xab\xdd\x88\x90\x1d&amp;\x9f\xde~\xc7\xf4\xd8K\xb4\x98\xdf{\xdeu\x9d\x05\xfc\x0f\x86\xa9%\xd9y\x0f\xb9kO\xe0,\x06\x9d\xc8\xf8-o\xd8\x0fV\x85\x92\xe6\xef\xacI\xb6s\x0f\xfd\xd8\xff\x04i\x8a\xf7\xce\xd7`*\x11\xb5\x1c}x\xe59em\x91G\x97\x19\x17DV\x80\x1c\x831\x10\x8eSIQ\xbdj\x975N\x96A\x9c\xa6\xc3\xf6\x018\xf7\x19W~\x18z\xdf\x15gU=5\xc3\x8b\xf7\xfc\xffZ\xa3S@\x83\x81;\xdd\xfcMZ\xe5\x1a\x7f0\xb1\x8a\xfb\x16\xebM\xf1\xcb\xef\xb8\x8bN\xd3\xce\t\xa5H\xb0\xd3\x9e\xba\x99\x9e$\xec4\xed\xdc\xc9w\x00s\xd3\x9d\xac\x1a\xc5*\xe6\xe0\xd0\xeb\xcf\x81}\x8f!\xacie&gt;\xffH]\xa4g\xe2&lt;\x1d\xd9\xef(~\xf5\xc8\xabL\xec\xc0\xc80\xac\xb6O\x92\xa7@\x85vj}\xa1\xe8D\xbf\x85\xb7\xcaD,\xa64uben\xd6e\xfa\x85\x7f4n\xcd\xe3\xed{\x0c\xb9&gt;7\x88\xb2\xf0\xa3\xb4\x01\xe8\xb7\xe8\x96V\x02\xcd9\xf0\x8d\x1f4\xfa\xd8\x1b\xa5\rB\xd4\x82\xf3\x0e\xfdpz\x07\xec|&lt;\nO\xdb\xfdi\xe59\xc8\xd1\x93\x97\x8eM\xf7\x12\xf2\xe0f\xbd\x0f\xc1\x0c3\x84W\x9b[\x8f=\n\xa0\xcd\x84\x13\x82g9\xd8\xce\x19\x80R\xad\x16\x06\x85\x8e\n\xac4L\x1b)\x9dJ\xff\xc5\xb7u\xcd\xbf\xe3\x94\xb3\x07\x9eB\xe9h\xd7\x06F\x07\x8d\x9eY[pk\xa7"D\xcb\xd0\xe8\xda/\x0c]\xf9\x90\xbd\xbe\x82\x8df\xe8i3\x97\xe5\xaei\xb5\x05\x7fT\x04\xc2*\x1b\xb1$\xa4\xce$m\x85#"+\xb7\xe4F\x1b\xd6(y\xdd\xd36 r\xd7\xa1D\xa7\x10\xf8\xd1U\x9b\xe9Dy:\x1cy\x85|\xf5\xa7\x94h1\xbf\xeb\x8c\x0b\xef\x80\xe1\xab\x1fk[\xc4\x885Od\xde{\x96o\xcc\x0cA\x1f\x8e\xbe\x06/\xe0\x01\xcd\xd8\xfb/\x80\xbe\x0bof,7HA\xb4\xe0\x85\xc7\xfep\x11\xb2\xb5\xc2\xb7X\xaf\xc8\x14\x158z\xe1\x83\xcf\x00\xe0\xbd\x065&lt;\x9dB\x97\xb7v1-;\x8b\x0e\x13\xea\xf4\xd9*eH\xc5\xe56e\xc7{\xf7\xb4\r\xe2D\x8a\xf5wg\xf3\xd3\xcen\xa5\x12\xea\xf5\xdbf\xf8\x95\xba\x96\x94p\xc8\xb0\x81V\xf2\xb8\xf9\xd7KQ\xb0\x9b\xe6\xa5t\x9buI\x9f={3\xaf\x11-FYx-\xb0\x8c\xa2h\x81m\x13m\x17\x81\xad4\xb8Q\xc2\x8aDd\xa5\xd2\xaf\x149\x06\xd3\xe2\xa4-\xd5/O\xbd\xc9|\xf5\xd7!+\x1e\x94l\xb9@\xab\xfc\x95\xc1\xa2T\xc9\xb4t\x90Ap\xf51\x16G\x92\x15\xe8R\xad\xdbz\x15\xfb\xc1Z.)\xf9\x95\xe8\xfb\x13HQ\xd0\xae\x1a\xaf\r\xdc\xf2\xeb\xa9\x17&amp;L\xdez\x93\x9fi\xd1\x8e\r^~\x7f\xc3Uk\xa7\x8a\xda\xdc\x8eM\xef\xc7\x00\xe6\x1e\xfc\xce\xff\xf3\x9e\xbd;Ys\x11\xc9\nt!"\xfe\xe2\xaa"\x12V\xea\xb8\x8a\xedA\xa6-\xd5o\xea\xce\x0f\x7fk&lt;\xc1\xa8\xe9\x1a\xea\\\x82M\x95E&gt;6\xbbF\x8f"*\x8b/\x1e&gt;\x97e\xb5\xfb\x81p\x11\xaa\xc6\xa7Q\x0b:`\x8fg\xd6\xbe/_y^\xe0\x0b6\x12\x08\xa4\xc8\'b\xfcq\xbdE\xd2\x08m\xf6S\xaf\xfd\x02s-&amp;\xa2B\xf8\x97`O]\xe0/\xa6l\xc4\x92Q\xeb\x9e\xa9\x88\xb0\x94\x8a(HCy\x1cI\x85v\xcb\x7f\x01\xa9\x8b\xf6\xd2*\xc3dD\xc9m\x9d\x9b\xb1\xe7\xf3\xa6\xeb "\x00\xa6\x89\x94\x03\xa9\xd6m\x9d\xc5\xce\xdc\xce{\x1aO\xc8\xfe\x9f\xe0\xac\xd1\xc5Z\xdb\xf3\xff\nt\x8dG^"v`\xb8\n\x7f\x14\x89\x88r\nv\xba\x17\xbf\x82\x05\x06\x8e\x14\xaf\x95\t\x19-}#\xf6g\x9d&gt;[lE_\xceQc\xdc\xcasX|\xc2\xd5\xefHS\x02\xf8o\xd6\x96R\xbd\xfe$tR\xb9\xffW\xfc?\x18\xc1\x0bp\xe0\x19\xa0\xe9~\x7f\x02[\xebE=\xe7\\1\xb5\x89\xf1\xcal\xbc\x06~pu\xcfl-\xf4\x0e\xac\xcb\xdaek/\xc4\x00\xfcJ\x08\x85\xfa\x8aZ\x90(Z\x8e\x1ac\x1b\x0c\xd81e\xe7\xfb\x06\x03v&amp;\xcd\xdfYW\xb7\xe3\x11\xe3\x8f\xdb\x8a\xfc\xe3\xea\xb8\xe5\xb3u\x86\x8bSk\xd9#&amp;\xacd\xeb\x12iD!J\x96\xa7\xee$\xa2\xa4O\x01\x00\xf7\x8dE\xf42\xc6\x8b\x9dg\xf2t\xe3\xa2\\\xfe\x8e\x0b\xffr\xcf\xc47\xb4\xebZ[)\x87\xaf~\xdcCu\xf8B\xddIR\xd5n\x92\x18\x99\xa4;\x81\na\xefq\xd2\xf6wW\x7f`\xe1\xd1\xdfjD#Jo\xdb\xce^%\x01D\x81Di\x03*\x0c\xe1\x1f\x8d\x96\xa1\x91\x9d\xcb*\x0c\x1d\xb5\xee\x19y\x97\xf3\xce\x11\xd1r\xcc\x91\xad\xb7\x00 [U\xbd\x16\xa25E\xac\xbfL\x9c\xb7\xa3-O\x9c6\xb0\xb3\xf3b\x0f\x9b\x0e\t\\\x9f\xce\xd3\xce\x19\x1b\xc6X\xf6S+\xc4\xb3T\xc9\x16\xf3\x89\x92sm\xae\xc1\xb</t>
        </is>
      </c>
      <c r="E30" t="inlineStr">
        <is>
          <t>&lt;class 'numpy.ndarray'&gt;</t>
        </is>
      </c>
    </row>
    <row r="31">
      <c r="A31" s="1" t="n">
        <v>29</v>
      </c>
      <c r="B31" t="inlineStr">
        <is>
          <t>steps_per_sec</t>
        </is>
      </c>
      <c r="C31" t="n">
        <v>500</v>
      </c>
      <c r="D31" t="inlineStr">
        <is>
          <t>5.4161744</t>
        </is>
      </c>
      <c r="E31" t="inlineStr">
        <is>
          <t>&lt;class 'numpy.ndarray'&gt;</t>
        </is>
      </c>
    </row>
    <row r="32">
      <c r="A32" s="1" t="n">
        <v>30</v>
      </c>
      <c r="B32" t="inlineStr">
        <is>
          <t>Loss/localization_loss</t>
        </is>
      </c>
      <c r="C32" t="n">
        <v>500</v>
      </c>
      <c r="D32" t="inlineStr">
        <is>
          <t>0.020971764</t>
        </is>
      </c>
      <c r="E32" t="inlineStr">
        <is>
          <t>&lt;class 'numpy.ndarray'&gt;</t>
        </is>
      </c>
    </row>
    <row r="33">
      <c r="A33" s="1" t="n">
        <v>31</v>
      </c>
      <c r="B33" t="inlineStr">
        <is>
          <t>Loss/classification_loss</t>
        </is>
      </c>
      <c r="C33" t="n">
        <v>500</v>
      </c>
      <c r="D33" t="inlineStr">
        <is>
          <t>0.2808094</t>
        </is>
      </c>
      <c r="E33" t="inlineStr">
        <is>
          <t>&lt;class 'numpy.ndarray'&gt;</t>
        </is>
      </c>
    </row>
    <row r="34">
      <c r="A34" s="1" t="n">
        <v>32</v>
      </c>
      <c r="B34" t="inlineStr">
        <is>
          <t>Loss/regularization_loss</t>
        </is>
      </c>
      <c r="C34" t="n">
        <v>500</v>
      </c>
      <c r="D34" t="inlineStr">
        <is>
          <t>0.029895136</t>
        </is>
      </c>
      <c r="E34" t="inlineStr">
        <is>
          <t>&lt;class 'numpy.ndarray'&gt;</t>
        </is>
      </c>
    </row>
    <row r="35">
      <c r="A35" s="1" t="n">
        <v>33</v>
      </c>
      <c r="B35" t="inlineStr">
        <is>
          <t>Loss/total_loss</t>
        </is>
      </c>
      <c r="C35" t="n">
        <v>500</v>
      </c>
      <c r="D35" t="inlineStr">
        <is>
          <t>0.3316763</t>
        </is>
      </c>
      <c r="E35" t="inlineStr">
        <is>
          <t>&lt;class 'numpy.ndarray'&gt;</t>
        </is>
      </c>
    </row>
    <row r="36">
      <c r="A36" s="1" t="n">
        <v>34</v>
      </c>
      <c r="B36" t="inlineStr">
        <is>
          <t>learning_rate</t>
        </is>
      </c>
      <c r="C36" t="n">
        <v>500</v>
      </c>
      <c r="D36" t="inlineStr">
        <is>
          <t>0.016800001</t>
        </is>
      </c>
      <c r="E36" t="inlineStr">
        <is>
          <t>&lt;class 'numpy.ndarray'&gt;</t>
        </is>
      </c>
    </row>
    <row r="37">
      <c r="A37" s="1" t="n">
        <v>35</v>
      </c>
      <c r="B37" t="inlineStr">
        <is>
          <t>train_input_images</t>
        </is>
      </c>
      <c r="C37" t="n">
        <v>500</v>
      </c>
      <c r="D37" t="inlineStr">
        <is>
          <t>[b'640' b'640'
 b'\x89PNG\r\n\x1a\n\x00\x00\x00\rIHDR\x00\x00\x02\x80\x00\x00\x02\x80\x08\x02\x00\x00\x00\x83\xaf^t\x00\x00 \x00IDATx\x9c\xec\x9du\xbc\x15\xc5\xfb\xc7?t\xc3\xa5\xbb\xbb\xbb\xbb\xbb\xbb\xbbA\xba\xbb\x05D\xba\x04$D%\xc4V\x14\x94\x10\xc1\x02\x14\x13\xc1\xc6\x16\x03\x0b\x14\xf5\xf9\xfd1\xbbsf\xeb\x9cs/\xe8\x97\xcb\xef\xf3\xfe\x03fg\xa7v\xcf}\xcd\xb33\xf3\x046\x1c\xfaYD\x10"\x8b\x88|\xe9\xc8Q\x94\xb2\xfe\xcf\xd4:T\xb4\xda\xd8t\xe5\x87\x8bH\xb3\x91\xf7\xa9Fb\xca\x8f\x10\x11\xa0\xa4\xca\xd9sF\xc6\xad?\xa3\n\x8b\x88\x88|*\xa2J\x8a\x9d\xa8\xdcu\x15\x00 \xc6\x1eF\xc6\xc3\x9f\xca\xb6\x17\xfeT\x05&amp;nz\xc3U^\'\xbaN\x7f\xfc\x0b\x91Z}6\xa8\xcc\x04\x05{\x02H^|\x00\x00\xa0l\xe6\xaacN~+\xbak{\xc4m\xcc\x16v\x9e\xfag\xf0\x9d\xc7\x0e\x9c\x13\xa4i\x02T\xd4\xcf%6\xe37\x9c\xf5\xbc\x07l;\xfe\x877SQo\xe0\x16\xb3\x91\xa0b7\x99\x045"\x95H\x03\x00\xc8|\x83\xfd$.\xd2\'n\x15\'nz\xe3\x06\xbb&amp;\x84\x90\xdb\x90\x8a\x9d\xef6/{\xcc~z\xf8\x8a\x93\xeb\x0f]13E\xa4\xdd\x84\xfd\x17m\x89r\xea;-Z\xf2)Q\xbd\xe0\xc1\x8fED\xe5W\xed\xbe\x1a\xb6\xf8\xa9\xd6c\r\x9c\xa2H\xa5?\xb0D`z\xfbVy\xb3\xcc\xe8\xd5\xaf,x\xf0\xe3Y;\xdf\x17\x11dm\xf7\xe65\xfbV\xaaF@V\xa4j\xa8\x05dL\x85\x11\xaf\xff*@.]]D\xa6n}\x1b\xb6\x10\xed2\xed1\x00\t\x0b\xf64\xdb\xff@\xa4x\xcb\x05\x00\x1e\x7fO\xf2\xd4\x9bfg\x97\x00\x00\xe4\x06J\xab\xebd\xc5\xfa\xdb\xb7\xaaD\xf92M\n6\x9ee\\e\x8a\xaeR\xea8t\x147r\xd7\x9d\x1a\xeb:Y\xda\xc6\xa2p\xda\xa6\x017\x92\xb5\x9b\xb0?l\xcd\xe4\xce\xcb\xec\xb1\xe8\x94\x10B\xe2\x15\xf9\x00\x00\xb9\x9d+\xb6\xfcv\xc2\x9a\xfe\x86\xdd\xf5\xa2J|\xe4\\\xd8\xb5\x1d\xbf/\xba^\xd2#o\xb7&amp;\xc3w\xaa\x8b\xefD\x8a4\x9b\xa7\xd2\x8d\x87\xed\xc8^s"\x90\x07I\xea Q-\xb5Z\xcaPi\x14\x00 \xa5*\xf3\xf8{\xa1\xb5\xaf\x88\xa4\xaf8R%\x12\x17\xe9\xb3\xea\xc9\xcb"\xf2\xb5=\xaa\x7fD\x90\xb4.\x80\x14%\x06\x02\x00\xd2\xa9\x8a-\xefx@=&amp;\x9c\x1f\x04\x9f\x88 e\x03}y\xff\xab7\xbal\r}.D&amp;w\xdc\xba\x18\xb8\xf8\x88y)"E\x9b\xcf\x8fP\'M\xe3\xb8\xf5\xe5\xea(\xf8f\x96\xd8W\xf9\x0f7\t\x08!\xe4Vf\xe8\xb2\x13\xc8\xd5\xc9\xc8(\t\xe0\xc1\xd3\x9e)2\xb5c*\x7f\xf8\xad0shh\xcf\xb3\xed\xb8}\x00\x90\xb1%l9\xaa\xb7%\xd5,\\\xb4\xf9\xbc-G\xaf\xee&lt;\xf5O\xe3a;\x8c\x16\xd2\x029K\xb6^\xdcb\xd4\xfd\x03\x17\x1f)\xdd\xf6N\x18\xb3\xf6\xc7\xf6\x8e\xf4o"\xef\\\x17\xfb)^P\x89\n\x9d\xee\x1a\xbe\xe2\xa4\x88$.\xdc\x1b\xc0\xfc\x07&gt;\x02\xd2\x03x\xeb\x8f\xe8&amp;\xfd\xdc]\x9c\xd7!\x01\xd3u\xfa\xe3Q\xb5\xe0\x83c1wS\xc4O\xc6\xca\xa3\x0b4\x9ai|0\xdd\xd6\xa4k\xf6\xbf\x1e\x01!\x84\xfc\xcb\xcc\xbb\xffCdk_\xa9\xcbJ\x00@\x12dj\xed\x92\x16#V\x9c\xd4\xe9sW-A\x08 w\xdd)Vn\xc2\x9a\x00\xee{I\xd7*\x1e\xb1\xd3\xb1\xebN\xff*2p\xf1\x11\xa4m\xa2\x8fo\x15}\xe6\x1d\xb2R\xce)8S\xe5;\x90\xb3\xa3J\x87\x91g\x9f\x89\xa4,9(\xe8n\xb3\x11\xbb"\x8e\r\x00P0\xbab\xc1dl\x15\xd7\x9aq\xd9\x03\x07\x00\xa4\x88k\xc5\x9b@\xf8/\x8c\xcfb\xf3\xfd\x91$\xae\xc7\xcf\x84\x10\x12\xcf\x98\xb9\xe3&lt;\xb2w0s\xaat[m^\x8aH\xfe\x863D\xa4\xe9\x88]\x00b*\x8c\x88\xa6Y\xad\xfd\x94\xb2T\xa08\x04\xb0\xf6\xe0\x8fC\x97\x9f\xf0d\'\xf7\x96\xb4w\xaa\xb1\xec\x91\xaf"u^ \x9a\x11\x9a\xd4\xe8\xbd^\xa7\'l|\xdd};k\xbb\xd86h\xd2w\xfe!\xc4b\x11\\\xda\x93\x13\xc7\xed\xeb\xff\x06\xe7s\x15\xbb\xe9\xed\x17j&lt;\xfb\xa6\xb7I\x08!\xff\x0bR5\xea5\xe7\xa0+O\xed\xf7\x02\x98\xb4\xf9\x1cb\x9ag\xaf1!\xb6\xad\xa6.3\x04\x1e\x19S\xb9\xeb\xca\xb8\x8d\xb1H\xb3\xb9\xde\xcc\xa4\xc5\xfa\x85.\xf2\xf7X\xbc\xef\xb3\xb85\xeee\xd5\x93\x97\x81r\xd6\x85\xbd\xc8\xbe\x89X\xaf%{\xfb\x9b\xde\xb2\xa6\xdd\x84\x87\xfe\xbd\xc6#\xe1\xf3\xb5D\x08!\xc4M\xcf\xd9O[\xba\xd0\xf6\xc1\xa7s\xbd[^\xfd\x17q\xcf\xb0h\xf3y\xdeL\x11\x01\x8a\xba2[\x8c\xbe?\xb8\x99\\P{\xe06\x13C\xab\xcf\xbc\xe1\x07\x10\r\xfd\x16&gt;\x17M\xb1\x8e\x93\x1fv\xe5\x14m&gt;?G\xcd\x89\xae\xcc\x14%\x06\xc4m\x18\xff\x13\xfd\xa3\xe3_R\xe9\x89\x10Bn%\x1c\xc2 \x9de=\xb2\xf4\xc0\x17e\xdb/\x05\x92\xdcP\xd3Y\xdaD(\x90\xaf{\xac\xda\xf3\xca-C&lt;\xa3\xe1\x90{\xa3\xac\x98\xa3\xd6\xa4\xf0\x1d}\x13\x85\x80\x8c)\x1f\xd5\xc6\xfb\xbfD\x9bq{\x03\xee$\x0b\xae\x14\xe7\xb3\xe4\xc8\xdc\xfd\xc4w\xff^\xe3\x84\x10r\xfb\xa3\x0c~\xea\xf4\xdfl/|\xa34`\xb5X\xb8\xe7\x13\xdc\xf0\xf2\xaeX\x8b\x05\x9e\xbc\xb4\xea\xbfw\xff\x8am\xcbA\xe3O\x15\xcbvn\x8c\xcc\x91&gt;D\x0c\xf4\xe6\x7fD\x1c\xef9C\xcb\x7faU\x9d\xf3f7H\x08!$\x18\xaf\xdf\x8c\xff\x97\xe4\xbbY\r\xbd\xfc\x83\xdc\xb1\xfa\x95\x9b\xd5Z\xd09\xb7\xfa\xa5\xe6\xee\xfe\xe0fu\x147\xfe\x1f\xff\xc1\x10B\xc8\r\x92\xab3P-\xb62\xb8\xdb\x8c\'b\xd3G\xc2(\xca\x94\x8a\\$2%b_%\xa3\x9d\xc8w#\x1d7\x1f\xb9\xdb\xbc\xccU{\xf2\x8d\xb4\x16\x1b\xf2\xfcW\x1d\x05\x90.\xc8\x01\xd6\xcd$}\x85\x91\xffA/\x84\x10\xf2/\x93\xb2\xa1q\x91\x1f\x80\x88l?q\xdd\xca\xc8\xd9\xc9\xa7\x8a\x1f\xe1un\xc7\xae;\xed\xce\x8ai\xee\xca\x88?\x8b\xa7\xd8:\x8c\x8c\xe0%c\xe4\xdd/\xb9r\xce\xfe\x12\x97Wq\x93^`\xc8}\xca\xb2\x87\xbf\xb4\x93\xd5#\xd5\xaa\xd0~\xa2\xfa\x03\xa8v3\xc6@\x08!\xff\xef9\xf4\xb1\x00@\n\xed\xac1\xb6\x8eyK\xc6\xa6p\x19;Q1\\\xa9X\x90!\x8a\x1c\x7fn\x8a0\x1b\xbd\xea\xe5}\xaf\xc7\xa5\x9d\x1e\xb3\x9e\n\xba5\xfd\xdewo`Dp:;\x83\xf2\x89}\x83T\xe8\xb4\xe2\xc6\x1b\t\xe2\x99\x0f\xe3\xcbg\x19!\x84\xc4\x96\xa4u\x81d\xa1UZ\xdenHT\x0b\xc9\xeb\x03\x88b\xdd\xe3@\xbb\xc5\x08C\xae:\xe6f\xac\xaf8,\xa7\x9cGZ$\xa9\x1d\xab1\xdcr\x18\xc1\xa3\xa2\'m\xd9a\xda\xa7X\x94\xde\xb6\x9d_\x0c\xb7\xad\xf2\xd4\x07\xf1f\x9b\x84\x10BbC\xed\xbe\x1b\xcdK\x11\xa9\xdb\xff\x1e?7L\xd1\xa2\xa5B\xb6\xea\xe3\x8dl\x1f\xa7T\x8b\xf6~\x1a\xe7^ny|\xb6\xa0/\x87\x15$\xfd\rceS\xb2f\xa96\xd6\x9b\xe9[r\xca\x96\xb7\xa2\x1c\\\xb6\xd8\xbbX\xb1\x88\x1c\x061v\xc4\x9f3\x08B\x08\xf9o\xc8\xd0R\xfd\xefX\x98\xc6\x12\x11\xb9IzU\xff\x06\xc5\x9a8"@\xdcd\xa2\x90+I\x83n\xbc\xfe[\xb42\xe9\xba\xb3\x17\x1dl*\x129\xcc\x8b\xf7\xadF\xaaF\xd9\xa9I\xe9\xb6K\x00\xdc$\x1f\x99EnF#\x84\x10rk\x93\xa6\xec\xd0\xcfD\\\n\xc3:\xcc\x9f\xce9\xfa\x85\x8c[\x7f&amp;|SY\xab\x8ds\xe5\xcc\xdeuA%N\xff,N\xbd\xe2T\x00\xca\xb4s\x1b\xbcv\x9d\xfex\xff\x85\xcf\x07\xf7pSb\xfe\x14\x02\x10r3\x99\xb4n\xe81st\xf0+\x1fg\xb2\xa9\xffbi\x83\x14\xc9\xf0:a\xcd(\x1b\xaa\xda}Ml\xfa\x05P$y\xf18:\xf6"\x84\x10rK\xf0\x95\xdf\x9a/\xce\x93\xfb\x92\xfd\x97\xc2\xdeO\x17\xb7f\xff\xe7t\x9f\xf9\xe4\xbf\xd9|T\x1eT\xc2{\xcf\xceQ\xcb\xedz\xd3\x0f\xdf\x80K\xd9\xa2\xe9\xdd\xe6\x96\x0e,A\x08!\xff"\x136\x9c\xfd\x17\x8e\xdfr\xdd\xc8r*gm\x97\xab\xc8\x88\xb1\x8c2G*\x804e\x86\xc2aZ\x03\x00\xf7\x1c\xbd\xdak\xee3\xff_\xe2\xe9\xfe\'\xc4\xde\x19H\xda\x7fe\x1c\x84\x10\x12\x0fH^\xdf\xe5y\xa3\xd3\x94GTZ\xafe\xff\xb7\n2\xc1\xbd\xa7\xb4\x131\xee;\x99\xa3P?\x0eP#\xd2{\xe3\xf5\x07n\x89\xdcH\xac\xc8\xd6\xee&amp;7\x18\x1b\xe2\xf0#\x96m\xbf,\xea\xb2\xd1:\x9a~\xe05*[\x11B\x88"u#_\xd7W:\x91\xae\xfcp\x007c\xab\xb0\xac\x91\xce\x06\xe0\xc7hE\xc2M\x88\x83\xe4G\xd9H\x05*\xf9\xe6\x06\x18\xa7\x96\xf1\xcb\xf4!O\xbd\xa9Q\x96t.\xcdK!O\xd7\xa8+\xc6\x89T\x8dn\xac~T\x7f!M\x87\xef\xd2\xe9\xe8\xbf\t~\x11\x81_\x94*B\x08\xb9\xddH\\\xb8\xcf\xbf\xd4\xf2\xee\x97\xc3\xcd\xb9U\xba\xad\xae\xd1{=\x00 \x07\xb2\xb6\xb5\xb3\xc3\xcc\xec7?\xc2\xcf\xf1/E\x1dmN\xbe\xe7\xcd\x9b\xde8\xa2ZVV\xb8\x19\xfdD\xfej\x89&gt;\xf0\x83\xa2v\xbfM\xe6\xe5\xb3\x1f\xffgkY\xeb\xa4\x7f\xc1\x83\x1f\xffW=\x12B\xc8\xff\x80\x8c\xae\xeb\xfa\x83\xb6\xdeh\x93\xa9L\x87\x97\xa9\r\x8d\xe8\xdc@\x8c\x88\xb8\x0e\x0e\xdbM\xd8\x0f\xa47s\xfe\xcd=p\xdf\x95k\xee\x7f\xaf\xd3\xe1w\xbd\xe8\xb8N\xdd\xd8\xafT\xa2\x7f\xa3k\x17*\xf8\x95Mq\x00\xddf\xf8\xa8\x86\xfd\x1d\xf8\x1e\n\xfb\xe6\x86yoo]\x8b\xc5+5\xd5\x08\xc6\xac}M%\xd6?{%\xfa\x16\x08!$\x1e\xd0d\xf8NwV\x8a\x06\xed\'&gt;\x94\xacX\xff\xffr\x18\xd3\xb7\xbd\xe3\x9b\xbf\xf6\xe0\x8f7\xbb\xab4\xea\xbf[\xc7\xffC\xf9Nw\xfd\xc7=\x866\xc3\xe3\xe4\xb1\xeb\xd4w\x02\x00\xc9\xea\xb9o\xe4\xef\x11\xbe\xe2\x8a\xc7\xbe\x89Cw\x84\x10r\xdb\xe2\x14E\xbe\xe6%\xff\x16\xb9\xebNQ\xbdg\xae2\xc6s\xb3\n\x80\x1f\xfeE1\x19c&lt;x\x94\xe7\xdc\tn\xb8\xd3\xca\xb1*\x9d\xaa\xf4\xe0\x1b\xee\xd1&amp;i] \x97\xbe\xfa\xe3\x96\xf9\xfe \x84\x90\xff\x8f8mm\xa3U&amp;\x8aD\x18\x1f\x96\xb1\xda\xba\xb4\xa4\xc5\xfd\xaf\xdc4Q\xb1\xf3\xd4?*\xe1u\x06\x12\x1b\xa2\xb2\xb5\rC\xbe\x063\x02\xee\xa4w]\xff\xdb\xcbtg\xfbY\xa2\xabd\x9d17\x1e\xba\xc3u#i\xd1~7&gt;$\x00\x19+\x8d.\xda|\xbeJ\xb7\x1e\xb3\x07\xb7\xd2v\x05!\x84\xdcd&gt;\xb5&amp;\xb8\\\xc8\xd8\xaa\xd7\x9cg\xfe\'c\x98\xb1\xfd=\x95\xa8\xda\xc3\xe1\xcb\xa9x\xcb\x05\x86\xddQ\x9c)\x07\xe0F\x1c\\\xc7\x8a\xd5O}\xff\xdftt\xb3I\x1c\x90_\xe8?\x1d\x85\x07*a\x11Bn\'&lt;\x01\\\x93\xd7\x8b[C)K\x0e\x02\xe0\xeb\xd4\xe2\xc8\xa5\xa8\x17.\x19Z\x861\x86\xf1\xdb\xa0\x0e1d\xd9\x0b\x00\x9a\x8f\xda\r c\xa5\xd1~Er\x19\xe9$\xff\x8d\xa2\xd3\xcd"S\x95;&lt;y7\xbe\x13\x0e\x00\x1d\'?\x02w\xcc\xe6&lt;\x11km~\xfe7;\xf9\x1fy\xf9\xbe*\xc2\x150!\xe4\xff\x07\tk\xeaH\xc0;^\xfc\xeb\x06\xe7\xbeG\xde\x0eW}\xea\xd6\xb7\xa3i\xc4;\x06\x9d\xb3\xe9\xb9_\xaf\xa9t\xbaff\x01{=\xed6\xec\xb9\x16\xe1q,g\x8a\xc1\xbb\xc4\xff\x1b\xfem\t\xd4`\xf0\xb6\x7f\xb5}\'e\x01 \xa6y\xd4\xe5o\xd9x\x1e\x84\x10\x12{*t\xba\x0b\xc0\x0f"?\x88 m\x13;;W\x98*\xff\x06\xfb\xdf\x88\x93\\I\\K\'_\xfcF\xde\xfe\xd3\xddH\xf1\x96\x0b\xcd\xcb\xf4\x15G\xaaD\xbe\x06\xd3a\x08\xb3b-\x16\x00h?\xf1\x80\x88\xc42v\x82\x9bD\x85\xbc1\xa3\xb2\xdfH\x83\xff%\xd1Iw\x87\xf7\x9257Y;\xddu\xf8\x1d\xe3\xba\xcd\x150!\xe4\xf6A-L\x13\x16\xec\xe5\xbd5\xf2\xeeS\xde\xccI\x9b\xde\xb0\x93\xfe\x8aT\x00\xcaw\\\xee\x97\x9d&amp;\xf6\xa3\x8b\x05\xf9\x1aLOZ\xb4o\xec\xea$\xaf\x8fL\xadbS\xa1\xa2\xf5\x7f\xe2\xda\xb1\xeb\xc8E\xda\xa6\xc8\xdd\xe5\x86Z\xf8\x17\x98\xff\xc0G\xf8\xdfH\xb8\x0c\xc1\xb7|\xfe\xc6\xde\xfa\x832\x98\x10r{\x90\xa4\x8eN\xea\xc9w\xe0\xe2#"\xf2\xdaOr\x13\xa5f\xf8\x99\xfd\xfb\x7fa\xde\x0f\x1b\xcc\'\xab\xfao\xe9\x81/t\xd6\xf8\rg\xff\x17:&gt;!o\x97\x9d\xa7&gt;\x1a\xbeh\x9bq{c\xdb\xbai\xbf\x94\xb2\xe4\xc0h\xaa\x14i6\xf7\x96[hfk\xaf\x93\xbbo\x9e2&lt;!\x84\xdc"\xa8\xe5\x9dC/i\xd7K\x8e\xc9n\xd4\xaa\x97\x83*\xff\x1an\xca\xae\x9c\xab\xce\x14\xbf\xfc\x1b\xd4\x81\xd2a\xdb#\xb8t6\x05\xdb\xc4\x8do\x00\x00\x92!A\rS\x01m\xed3?E\xdd\xef\xcdtL\x1d\xcd\x99\xebX\xdb\tTX\xc2\xac#-nD\xacf\xa9:\xd6N&amp;\x8d}\xed\xc8c\x8b\x84GU\x90\x10Bn\x0fR\x95\x1e\x9c\xa0@\x04\xefE\x8a\x9b\xe6\xc3(o\xb7\x9b\xd2\xcc\xb4\x00\xcfY\x8a^s\x0e\x9a\x97\xcdG\xedF\xc6X\xed9\xfbR&lt;\x0eu\xce\xff#\x11\xa4\x88\xe1OJD\xfc\x17\xbb7\x1aL):\x03_\xbfm\xf9\xff`M\xec\xed"m\xd9a\xffv\xa7\x84\x10r\xcb\x90\xa2\xbe\xfa?\xc0\x8c\'\xe7\xa8\x95/\x19\x97\xc6\xd23\x92\xf7A\x0f\x8e\x98\xed/]\x0eM\xbe\x8d\x86nW\x89n3\x9ep\xd5Y\xb8\xe7\x93X\xf6\x02\x00\xe5:\xf8\x9eI\xffo(\xdb~\xa9+GD\x90\xb0f\xd8JI\x82o%\xbf\xf1!\x99l9z\xf5f6w\xeb\x1du\x13B\xc8-\x89-}\xa3&amp;w\xf4\xbb\x8b\xa9K\x0f\xf1f\xfe~\xd3\xd6Ua\\H\x96\x08_\xf3f\xad\xed\\\xabm\x1b\xb7\xe7\x90M\xcf\xfd\xaa\x12\xffZP\x81\x8a!\xdd\xef\\\x9d\xe3\xd6D\xed\xbe\x1b\x83oV\x8f[\x9b\xc1$\xda\xf6\xc2\x9f*U\xa9\xcb\xcaw\xff\xe2\x11/!\xe4\xff\x11\xee\xa8\xb7"b\x1c\xf7\xa6\x040y\xf39\x95\x8fD\x8e\xb5Z\xc0\xe1n8\xea\xf4\xdf\xec\xca\x99\xb5\xf3}\xdfa\xc4\n\x11\xc9]7\xd6\x83\x01\xb2\xd6\xe8\xb5\xde\x95\xf5\x1f\xc7\x9f\xf8\x970&gt;,2\xd8\xe9\xe8O\xaf\xe3.e_\xf8:H\x82\xc6\xc1\xfbX\xc98\x0f\x83\x10B\xe2%k\x0e\xfeX\xb5\xfbj\xdf[~\xeb\xc5 \xb7\x85\xff\x01q\xf7(\xd9e\xfa\xe3v\xd2\n\xbfXo\xc0\x16\x95\xf81\xc2\x9a\xb8j\xd0\x8d\x80}\xfb\xe8Q\x8b\xf5\xc8\x9a\xe7Y\xaa\x8d\xf5\xcd7O\x8e\x13\x16r\x9b\x96\x85_\xeb\x17k1?b\xbf7\x9d\xea=\xd7\x85\xb9{\xcb)c\x13B\xc8\xbf@\x1a\x00\r\x87\xdc\xab.\xb47\xe6\xe8\xa9\xd4e\xe5M\x1e\x91?&gt;\x8a\xd3z\x9a\xae\xdb\xff\x1e\x95\x98\xb9\xe3|\x98b\x91\xc8\x11\xfdh\xe2,!\xda\x8e\xdf\x07$\x0c]\xa7\xb4&lt;\x8e5\x1c\xbcM{\x1f\xfb\xcf\xc8[\x7f\x9aV\x10\xbbQ\x99\xe7\xe7\xd6*\x14\xf40\xdc\x18\xa6{3\xbd\x83y\xe05\x8adB\xc8\xed\x82\x9e\xe3\xda\x8e\xdb\xa7\x05X(?\xc0O\x85\xae\xb5.\x16\xd6;\xff\x11\x1d&amp;\x1dP\x89\xccU\xc6\xc4v3\xd9\xd7\x85H\x82\x02=\xec\xe7\xf5.\xb8\x93\x84Y\x10{\xf8\x8f#\x19D\xb0\xce\x8a\x84uz\xddp\xf0\xbd\x9e[\xd9\x01l8\xf4s\x98\xca\xb1=\xca\x15\x91\x9bk\xdfE\x08!\xb7:"\xa2\x94l\x8b6\x9f\x17\xcaM\xdd\xe8f\xed\xfe\xc5\x94\x1f\x11e\xc9aw\xbdx\xe3\xdd\xc5MM:\xca\xc3\xe3\x9d\xa7\xfe\x01\x8a\xc5\xa1}\x17%[/\xf6f\xde\x94\x17\xdex\xd8\x0e;\xa9\x9d\x89\x86\x026d\xaa\xec\r\xe7\xf0\x1f\x933b\x89\x88\xbb/C\x97\xbdp\x93\x06C\x08!\xb7(E\\\xd7G?\x17\xaf\tMl9\xf8\xc1\xcd\xdfB\x1c\xb4\xe4\xe8\x84\x8d\xaf\xabt\xf83E\x03+\xdaO\xee\xbaS&lt;\xf1\x8fcn\xda\xc8l\x92\x17\x1fp\xd3\xdb\x8c\x92\xfc\rC\xc1$\xbe\x08\'\xe3]\xb1\x8d\xdd\x01\x89=$\x07\x804\xdayx\x1c\xbcsX\xa4*e\xf9\xea\xaa\xdes\xad\x99\x9f\xa7\xde\xd4:\xfd6\x01\t\x91\xacn\x9c\x1b\'\x84\x90[\x9e&lt;]\x01\x14j2;\\\x99$^\x07\xc8\x05c\xdb\xcf\xe7"\xf5\x07mue\xaa\xc5_\xefy\xcf\x06z\x8a\xc8\xd02\xb6\x1d\xf9""\xf6\x87E\xb2\x9b\xd2\xe0\r\x13w\xfd\xb5\xd3?\xdf\xe0\xa7L,D\xe6\x84\rg\xedd\xba\xa8*\xa4h\x00 G\xcd0\xae@-\\&amp;\xda\x03\x17\x1f1/3U\xb9\x83zX\x84\x90\xffGx\xb5g\x81\xcc7\xa3a\xe5M"F]\xe4\xac=9t\'u\xe3h\xea\xa7,9({\x8d\t*\x9d\xa0@O\x9do\xfa\xcb|\xe8\x9c\xef|\x9d\xa7\xcb\xb4\xc7\x94v\xd5S\x17\xbc\x05\x02\xa3J\x98\x84\x95\x04\x05\x82n\x14o\xb9 \x9a\xc6\xfd\xc9\xd1!\xeeu\x01\xa0\xa8y\xa1\xc7\xaf\xfd]\x1f\xfaX\x00t\x9a\xf2(\x80.\xd3\x1e\x87\x87\x1fn\x92\xf0\x8bZ\x88ZFG{\xceP\xe8\x12B\xfe\x9f\xf1\xe8;\xe1\x03\x9e[\x1e-2W\x1d\x03\xa0\xd3\x94Gb\xd5x\xc1\xc6\xe1\x96\xd7F\xbf\xee\xc0\xbd\x1e\xacUc\x9f\xf9\x87\xc2\xb6\xe3"s\xe8\x96\xe1\xf41n\x94\xeb\xb0,\xf6\x95\xf2\xbb3\x12\xd5r^\x97\xd7\xa9\xa8%V\xb8\xf8\xb87\xb8v\xac;\xe0\x1e\xc0\xe7]5\x1f\xb9;\xa0\x86\xd3%K\xbe\xeea\x9b\xff\xaf\xe3]\x12B\xc8-\x87\xcb\xe65`\xd6vX\xa6\xb6\xbc\xe3\x01\xe4\xec\x14E\xdb\xa5\xc3l\xb1\x96\xb5d\x98\xa5j;x\xe9\xf1(\x1a\x8c\xcc\x15\x91O\xa3\x10&lt;\xf3\xee\xff\x10\x00\x90Z?o\x90\xb8\x8aV\x8c\xe5\xe8\x18p\xc3\xe38:\xa3\xb9\x9d\x1e\x13U\xe3\xc1D/ec%\x8f\xcf\xff\xe3\xfa\x14\xcb\x17J\xe6\xed\x96\xa6\xec\xd00u\xef~\xfc\xdb\xe8;"\x84\x10\xe2\xe6\xbaH\xfb\x89\x0f)\xd1+"\xf7\x1c\xf9]\xdf\xd2\x8e\x03\xa7n}[\xc7\xf5\x0b"\xf6\xc1\xe3\x12\xfae\xa6R\xff\x85\x9c,\x02\x00^\xfd\xd1j\xdc\xd8\x91\x8e\xe2X:k;;\x15\xd2&lt;\xdah{\x88t9^\xae\xd2mU\xe4\x06\x01\x00-F\xdd\xaf\xd3\x95\xc3\xd5\xaa`\xd8\xdb\x18\x86I\xd9\xdb\xfb\x15\x0e\xc7\xd3\x17\xe5\xd1w\\\xaf7\x8f\x91\x8e\xd1)\xaf\xf4\x8du\xecd\xc0\xb3l\xcd`\x9e\xd9Gs\xe2\x1b+\xc2|1\x9c\xbb\xca=jB\xc8\xed\xc5\x9c\xfb.\xeaY/m\xb9aQ\xd8\xad\x9a\xd3=\x92\x14\xb1\xe6\xf4\x88\xc1}]s\xeb\xf1/]\xe5KM\xbe\xe7M}\x11ff\x0f\xbb\xaa\xcb\xd2\xd0\x8e\xf4\xb7x\xdfg:\xb7\x96\xe1\xe58\xe0\xc0\xd8\xc1\xfd\xafJ\xac\\sDE\x1e\x15\xa2@\xd9\xe4\xdcP\xa0\xbdj=\xd6D*\xe2\xb0\xfc\x19\xe2\xddi\xc8\xd0\xe2F\x06\x10=\xcf\x7f\x16z\xdb\x8b\xf7]\x02\x90\xb3\xd6\xa4\xff\xa6kB\x08\x89_\x18\xbb\xc7\xe9[4\x1f\x15t\xf2\x17\x0e\x11)\xd6\xc2\xa5\x85\x94\x15\x96\xe0\xcc\xe8.\x1d\xd3\xcc)Ps\x03\x05L\xfd\xac\xa4\xc5\xfa\x01\x00\xb2\xdb\xda\xda&gt;r1Q\xa1\xde\xc6gA\x9a\x14%\x02\xed\x7f^\xfb)\xb6\xab\xa8\x08k\xfd@Bq\xa2\x9c&gt;&amp;\x13\xd6\xa8\xdcu\x95\xbe*\xddvI\x9cZOe\'\x12\x03\xe88\xe9aua\xbe\xc9\xc7\xdf\xbb\xc1\xf5b\xdc\xfd}\x02\x18\xb2\xec\x85\xd8\xec~G\x0e\x11\xbd\xf3\xd4?72\x1eB\x08\xb9U\xa87`\x8br}\xf0o\xd8{\xf4\x9c\x1d\n\x10\xb4\xf2\x89\xef\xd2\x94q\x9c\x1d\xe6\xae;\xf5\xe5\xef\xa5r\xd7UZ\xbd\xebr\xc0\x18\xde\xf8]\xec\xdd\xe6\xb4\x00\x80\x14\x00\x80\xc2\xce\x98\x86\x1e9\x91\xb3\x93\xcb\xca\xa5\xcb\xb4\xc7t:\xea\xe7\xcd\x13t\xe3\xf0\'&gt;-D\xef+\xf1\xdf5\xb0I\xd74\xf8^\x05\x00\xb9L-\xf4\xb82\xf8\xcec*\xb1\xf4\xc0\x17\xc1\xa5RF\xfd\xa4vh\xc5&lt;]odT\x84\x10\x12?\xb0\xd5\x91b\x81\x9eO\xdbM\xd8\xef\xbd\xe5\xef\x14:m\x18y\x80Z}6\xf8\xe6\xbb\xfc~\xf4[p\xd8NV\x14\x11\xaf*\x901\xd1;\xdcC\x8e^\xfdJ\xc8Gq\xben\xea\x7fe\x84\xe3\xa1D\xb3\x91\xf7\xa9\x94\x9f\x0f/wdC\xbf\x1d\xe0b\xf9\x1a\xcc\xf0d\xba\xc4\xad[#z\xca\x96\xb7\x8c\x02)\xfc\x06\x16=\xa9\x00\xbc\xf8MT2/V\x91\x92\x13\x15\xea\r \x8c\xcd\x95\xe6RT\x127\xf4\x1b\xf5\x98\xf5\x94\xf7vH\xed C\xcbl5\xc6G\xd1 !\x84\xc4CD\x04\xc8\\\xba\xed\x9d\xb1\xab\x96\xa4\x8e\xfa?e\xa9Aq\xeaV\xd9}:\xb7vS6\xd0f\xc7~+\xa7\x84\xbe\xb7D\xa4j\x8f5"""G.\xb9k]w\x14.\x85t\xcd\x00l~\xfe\xb7\xa7/\xc6e\r\xaa\xfdV\xde\xd8\xd6ny\x9f\xbc\xb8\x86\xefU\xbc\xf2\x83\x00\x99\x90\xfe_;\xd3\x8d\xa5\xf9V\xa6*&gt;\x9e/S\x96\x1c\xe8\xca\x89\xdb\xaf@\x08!\xb7\x19)\x01\xec=\x1b\x0b\x15\xaa$E\xfa\x84/\\\xb4\xf9\xfc %\xa6\x06\x83\xb6y\xf2\xf4\xc1s\xf2\xa1\xcbOxF\xd7\xd0w\x0cf\xa6\xca\xf7\x8ag?\x83\x9f\x02\xd1l\x8d\x8e^\xfd\x8aN\xfb9\xf1\xd0d\n\xbaqs\xb6\x9a\x8dgW\xf4_\xf4|P\xd9\x1c\xb5\xfc\xd5\xd6D\xe4\xcd@\xfd\xe1\xaa\xc68\xb3\xfb~\nd\xad&gt;.\xfc\x18+v\xb9\x1b\x80\xf3UXff\xc8\xdb5\xcaX\x0bt}E\x08\xf9\xffC\x16\x00"\xf2\xce\x9f\xa1\x89\xcfw\x12&lt;\xfay\xe4\x99\xb1\xd5\x98\x07C\x17\x91\x97bI\xfc\xb3\x93\xd7\xdf\xfc\xfco\xbewl=,[\xd6z"\xf7\x85F\x9e8\xe4\xe6"]\xb9aZ6\xdf0\xd9oF#\x00R;/\xa3s\xf1h\x92\xf4\xe6{H\xce[\x7f\x9aJhw\xa1\xfa\xa5%,\xd8\xeb\xc0\x9b\xd6\xc7\x8d\xf7M\xb6\x9f\xf0P\xe1&amp;sb\xdb]\x85N+\xe2&gt;VB\x08\x89\xef\xe80\x06.\xd2W\x1c\xe9\x9b\xaf&lt;\x17\x06\xa1]E\xc6\x96\x17\xbf\x11\xdfP\xb2\xae\x91&lt;\xfb\x91 A\r\xd8b\xc0%\t\x8a\xb5\x98\xafr\xea\x0f\xdaZ\xa3\xf7z\x95\xd6\xc7\x9c+\x1e\xfb&amp;T4\xad\x8e"\x109RB\xb5\x1ekb-\xbc\x03\xfdr\xf8\x12w\xb7PE\x9b\xcd\x8b\\\xc8\xc0\xf9 \x0e\x0b\xa8&amp;\xc3wz&gt;\x0b,\x8a4\x9b\xeby\x03\xfe%\x15s\xee\xbbx\xf8\xd3\xa07\x16A\x99&lt;\xbc\x97\x0fB\x08\xb9}\xf8Z\x04@\x92\xa8\xdc2T7/\xd6&gt;\xf3S\\\xd7\x94I\x8a\xb5\x98\x0f\xc0\x88\x07\x90!\xa8h\xd7\xe9\x0e\x1f\xc5\xed&amp;\xecG\x92:HRG\xb9j\n3\x80&lt;\xf5\xa6\x99wE\x04\x89\xad`\x12Q\x06\x1f\x0cG\x8a\xfaAw\x9cC\n\xd9\xe0\xae{\xf6J\xd4\xad\xc7\x18\xe9d&gt;\xbe9C1\x88t\x8d\xe6\xeeW\x91\xa9U\xc0\xcb\xc9\xff\xeaO\xe2\x8a\x19u\xeew\x01\xf0\xe4\xfb\x81/\xf3\xde\x13\xd7\xcd\xed\xfdXo\'$\xae\xd5u\xfa\xe3\x0f\xbf\xe5\xaa\x12`\xdd\x94\xd8\x1b\xf3\x83\x10BnK\xb2\xb4\xad\xe9\xa7\x84&lt;j\xe5K\xae\x9c\x80XIQ[\xc7f\xf7\x86\x16H\xe1\x12\xea\x11y\xec]\xa9\xd5w\xe3\x89\xaf\x1d\x92`\xfb\x89\xeb\xfb\xdfpM\xee\x11vt\x0bY\xfb\xa5\xfe\xa7\x92\xf9\x1aL7/M/`.D\xc4\xa5q\xad\xd0G\xe3a\x05\x95\xaf\xcf/oS}\x91\xa5\xad\xff=\xcf&amp;\x7f\xa6*w k[\xd5\xef\x9b\xd7DG\xfa\x03P\xa4\xd9\\O}+\xe2\xe4\x8f\xc6\xc1\xb99\xe0\x0e\x93\x0e\xa8\x84)q{\xcczJD\x9a\x0c\xdf\t\xe0\x91\xb7\xadL\x1ds\xa2L\xbb;u\x15\xbb\x19\xeb1\x9f8\xef~\x15w&gt;\xf4y\xf0\xfb\xa9."/}\x1f\xba[\xa6\xdd\x8d\x86\xc2$\x84\x90[\x8b\xa7.\x88\xb2\xccIV\xac\x7fl\xeaY\x1e\x1f3:b\xbc\x87\xdb\x96\x8c\x0e\xb7[\xa8\x80\t\xda\x1d\xabX\xa3\x83\xf4=q\xde\\\xa5e\xb3\x8d\x8b\n9\x03\x11\xa6B\x00\xe5:,S\x1e+k\xf42\x16\x8b1\xcd\x82\xca{\x89\xd5\x1a\xb1\x92\xa5\xbe\x14mS\xcf\xd9\x1b\xbc)K\x86\xd3?\x8fr\x0c\xda\xf2\xcaIf\x18;\x10fS\xd3\xb6\xbd\x03\xa0\xed\xb8}:\'q\xe1\x90.\x9eW\xd0\xda\xe4/\x12\xcb\rs\x85\xe9\x16\x8d\x10Bn/\xd2\x85\xe4\xca\xc7\x01\xa6\xb4A\x0c\xbf\xebE\xa5\t\x156\xd8\xbb\x896r\xcd\x16\xae\x94\x87e\x0f\x7f\xe9\x15\'\x89\x0b\xf7\xc9[\x7fZ\x9ezS\x1d\xd1\x02\x00\x00E\x9a\xcd\xfd\xebfh]M\xde|.\xfa\xc2\xe9+\x8c\x8c\xa9\xe0\xb5\x1eFl\xe39\xae{\xf6J\x81F3\xf5\xe53\x1fFx\x90\xbc\xce\xfd\xf6p\xe4\xef\xe1\x1bE\n\x86\x88m?\xf1!\x95H\\\xb8w("a\x86\x16"\xb2\xe7\xb4u\x99\xa1\xd2(o\x0b\xda\x17)\x80\xb2\xed\x97\x01pm\xae\xb4\xbc\xe3\x81\xa0q\xbd\xfb\x97\x00\xa8\xd1{}TOA\x08!\xb7\x07"\x92\xb7\xde\xb4\xfc\r}\xdcG\xf8m\xd2\xa6W\xff)E\xe5(\\T\xe6\x8cT\xc0E\xf2Rm\x1cN\x19m+^\x9f#\xc3Rm\x16\xeb\xb4\x96\x1fA\x16Ja\\\x8e\xa8\x00\x8b\x00\x90\xa5MP\x0b\x00\xda\x8e\xdf\xe7\xca\x11\x91\x0e\x93\x0e\xf8\xfas&gt;uYN~\x17\xadAW\xfd\x81[]\xb7\xee=q=\xa8|\x18Y[\xaa\xcd\x92\x11+N\x19\xce/]u\xc3}\xf4(\xbb\xafY;\xdf\x0fSF\xabIG\xb4)J[vX\xf8\x02\x00\xd2\x95\x1f\x9e8\x92\x19\xdb\x05Z%\x11BnW\xb2\xd7\x9c\xe8\x9d\xd0E$\ngF)\x00$,\xd8\x0b@\x80\xf0v\xd0m\xc6\x13\x00\x90\xa1%\xe2j\xebY\xb0\xf1\xac\xa0["\x82\x8c\xad\x8c\x8c\xa2~\xa5\x1c.\x9c\x06,z\xde\x18\x867\x08q` EW\xbf\x9f\x1b\xcf\x12\xe0]\x0b@\xcep\xab\xd8\xa8\r\x8a&lt;\xa7\xf5\x15\xfdJ\xf9\x9c\x7f\xe7\xa97\x15i\x9b\x0c]\xf6\x82iFU\xa7\xdff\x00_F\xfa-2W\x19\xe3\x93\x9b\xb0&amp;\xd4kO\xd5(\xea_\xd3&gt;\xa1\xc8\xe1\xd5\x06\x08\xe4[\n`B\xc8m\xcc\xe7"w=\xfa\xb5\'\xdb&lt;\xd0M\xe0\xa7B\x15\xe2\xe3\x90\x92\x8e\xafH\x08\x87&gt;\xb5\x05\x80\xec\x1df\xee8\xef[\xcc;\xcbo=vM\xab\x80m&lt;\xfc\x0b\x90\xc3\xe5\x90KD\xc2\x1f\x91\x86!]\xb9\xe1\xde\xcc\xf4\x15F\x02E\xabt_\x1d\xb76#\xe2\xf7+\xe4S\xff\x19\x8f_\r\xa8\xa4R\x1e\xbdb\x07_\x9b\x8e5\x00\xe7\x07\n\x00\xcc\xb9\xef"\x80m\xc7\xff\x98\xbd\xeb\x82\xa7\x17\xff\xef\x0f\xd3\xfd\xb5\xeb\x17y\xec\xdd\xd0\xe5\r\x9a\x125\x1d\xbe\xebF\xaa\x13BH|A\x1d\xca\xa6\r\xbf\x8eQz7\x00V?\xfd\xc3M\xe83q\xed/E\xb49P\xa2B\xbd\x97=\xfc%\x00 \xbbm\x92\xe4^\xc2N\xdf\xf6\xaeN\')\xd2W\xc9\xdaQ\xab^\xd6\x99\xed&amp;\xec\xb7\x1f\xc1iV\x1b\xec\xd9?E\xc9\x81\xb0\x05\xc9\xd4-o\xe9\xfc\xa0SR_D\xc4&lt;D\x17\x91\xe6#\xadm\xf9\xccU\xc6\x00e\\\xe53V\x1e\r`\xdf\xeb\x81o\xfb~\x9f\x08\xca\x95\xbe\x17i3\xceg\x03\x1c@\x91f\xf3\xde\xfe\xc3!\x17\xc7\xad?\xa3\xb5\xe4N~\xeb\xd7\x91ar\x1d\x97\xdd\x08\x8f\xff\x13o\t;\x11\xedI\x7f\x1c|\x92\x13BH\xbcGDt\x98X\x11\xf90\xba\x199G\xadI\x7fF.Y\xd8\'/\xd8\xd0\xf3y\xa7\x1b\xe7\xefE|\x8e3\x93\xd6\x8dBfX\x81\xff\x86\xdfu\xd2\xccm3n/\x80*\xddV\xab0\x0f"\xa2\xb6\xd0\xe1&lt;N\x0eG\xae\xce\xee\xa8\x82\x0e\xa28\xf06\xbc&lt;\x9a\xabFE\x9fy\xcf\xaa\x84\x18\x1f(\x19*\x8d\x02*{[\xfaR\x04\xc9\xeb\xc3\x10\xa2\xc3\xefz1\xf2\x00\xdc\xde\xac2\x0eY\xf6BPIO\x98\x84\xb2\xa5\xda,\x01rN\xdd\xfa\xb6\xcez\xe7\xba\xcf\xe9\xfb\xddO|gV\x9b\xff\xc0G\x9d\xa6&lt;\x12\xcd\xd8\xccA\xc6\xaa&lt;!\x84\xc4?\xde\x0f\xd0ZR\x89\x9e\xb3\x9f\xded8\x86\xd4gr\x17c\xe5\x8d\xc1\xb0X\xad\xddoSP\xa9\x1c5\xfd\x9d\x18{\x88`=\x9c\xad\xc6\xf84e\x86V\xear\xb7=\xf2\xd4K\xf6_2G\xab\xccU\x9f8/\xc8\xd5\xc9\xac8|\x85C`\',\xd8\xab\xe3\xe4\x87\xf5e\xf8\xe7\x9d\xff\xc0G\xfe7\xc2\xad\x17\xb3\xb9\xda4\x17\xac\x03\x17\x1f\xf1=\x9e_\xef\xf1\xe9\xa1\x8a\xcd\xdeu\xc16\x9c\xcdc\xbb\xf72\xce\xb6\xb3\xb4\x01\x90\xa5\xdaXW\xdd#\x97\x1c\x1e6&lt;#\xcc\x0c\xa0|\xc7\xbbZ\x8e\x0eT`\xf6\xc3\n\xeb\xeb\x1b\xe6\xc8\xe6\xc6\x8d\xd6\x08!$\x9e\xf3\xa5\xc8\xc0\xc5G\x00\x98\'\x7f\xe7\xff\t\x1069:X\xd3t\xeaF\xddgZ\xd3\xeb\xbc\xfb?\x0c\x1fD/P8\x99dj5k\xe7\xfbsw\x7f\xa0\x9d\xfe\x9f\xbb*(\xd0#Se\x9f\xa0:\xe1qz\x97\xf4\t\x9fW\xb3\xf7z\xa0\xe2\xdf"@z\xe4\xe9\xa2\xf33V\x1a\xed\x14B\t\x8e\x7f\x19\xee\xeb\xc4$\xcc\xae\xf2MAD\x8c`\xc3\x19=\xf7\x93xG\xd5f\xdc^e\xcd\x0cg,d\x83PP&amp;\xa3zr\x9d9a\xc3\xeb\x00\xea\r\xdc\xa2.+w]\x15\xd7\x85\xa9\xfbP\xb9h\xf3\xf9\xdeB%[/\xd6\'\xdc\x84\x10r\x9b\xd3h\xc8\xbd\x00B!\xfcb\x9a\xeb\xe3C\x0f\xa9\x80*\xc6eu\x11\t\x13\x05H\xa1\xecA]\xcc\x7f\xe0# \xeb\xee\xd0agZ\x00\xc8\xdc&amp;\xfaa\xdb\x14\xcdZm\\\x903\xe7hD\x85rz\xa5\x03\xe7\x05;Y,,"\x0f\xbe\xe6\xbaU@\xedi_\x8f\xa5L\n\xafd4k\xc7\xfb@\xd6\xb9\xbb?p\xe5\x1f\xf3\xfb\x14\xf0""\xee\xb8\x81)\x1a\x00x\xf051\x15\xa4E\xa4\xed\xf8}\xbf\x8bl=\xfe\x87\xcay\xf3\x9a\xb5\x0eNT\xa8\x17\xc2\xbe=\x11\xe99\xfbi\xa3@H\xf3\xce\x0c\xc9\xe0z\x84\xfc\rg"jv\x9d\xfa\xc7\x99Q6\xfa\xba\x84\x10\x12OH^\x1f@\xe5\xae\xab\xac\xcb\xbc\xdd\x00(\x17\x86\x95\xbb\xae\xf4\x94\xd6\xde\x9b\xd1t\xc4\xae0st\xea2C"\xf6\x1c\xda\xd9\xce\xdb\r@\x81F3\x91\xca\x1dtOS\xb9\xebJ\x11\xc9f\x04{0\x85\xa5\xf6\xb9\xa8\x8c\x82\xd2\x96\x1d*"u\xfb\xdf\xe3\xd7RqoVx\x1b\xe2\x88\xb7b\xc5\xcfQ\xb4\x93\xbe\x82O$\x0c\x11Y\xf7\xec\x15m\x89\xe4;\x9e\xaf\x9d\x99AcV\xaf.[\x8d\xf1*hDD\xf3b\x00~\x96ZX\xfe\xc8W\xdeL\xed\xa5\xcb\xc7wi\xb2z\xd7\xfc6\xd5\x83\xbf{\x1c\\\x13Y\xf9\xe4\xe5\x88\xc5\x08!$\xfeR\xde\xde\xb6\x8d\xf1\x1a\xf8z&amp;\xca\xca\x00R\x95\x1a\xac\x9d\x00G\xe4\xbe\x97\xac\x16f\xee8\x0f\xa4q5x\xef\x89?}k\xd5\xee\xeb&gt;9\x16\x11ew\xab\xa6\xef\xf5\xcf^\xc9Xi\xf4\x96\xa3W\xfdj\xe7\x1dt\xe7\xb1\xa3_\x84:z\xe6Ci7a\xbf\xbe\x9c\xb6\xed\x9d\xd2m\xef\x04\x90\xb5\xda8\xdd\xb8Y\xdfW\xd2\xb8\xd8\xf6\x82\x1aye5\x9e\xcd\xcf\xffv\xc5\x96+\xf5\x06l\xf1\x14/\x0c\x94\x88\xd8f\xe3\xa1;B\x17\tk\x02\xa8\xd3o\xf3\xf8\xf5g|\x0b\x9f\xfd%@\x86ei\xeb|\x9ctc\xd6\xbc\x8a\xccm:L:\xa0V\xd5\xfa\xae\x1d\xf08\x17\xf2w7\x0f\xbf\x01\xac\x8aN\xf2\x1dxS\\[\xf1\x83\x96\x1cu\x95\xd1\xe2\xd6%w=\x7fZ\x96\xd3\xd0C\x9f\xdc\x9cO\x1fB\x08\xb9\x15\xe90\xe9\xe1\xc8\x85\x02\x89\x89\xbe\xe8#oK\x94g\xba\xeb\x9e\xf9\t\xc0+?\xfaM\xbey\xba\xfe\xe2\xf6\xeb\x940h\x15\xa5\xf2\xdb\x8e\xdb\xa7#\x07\x00\xb8"R\xbe\xe3]\xd1\r9\xc9C\xe7tE\x1f\x1f\x17\xbe\xdd\xb9r|K\xee&lt;\xf9\xb7N\x0f]\xf6\x02\x80\x95N\xcda\x00\xca\x9b\xe6\x92\xfd\x97\xc2\xb4\x03 \xbc\xb5O\xb1\x16\x0b\xc2\x8d8Q-\xdfq~\xe7\xf3\x14\x15\x00\xcbm\x88\n\xc9\xa0\xef^\xd1\xe9\xd4\x8d\xd5\xff\xfam\x7f-\xa2\x82I\x8c[\x7ff\xd0\x9d\xc7\xf4\x99\x85\xfd\xa2J\x19\x9d\xe4\xf2&gt;c\x9d`\x95=B\x08\xb9\xad\x18\xbf\xe1\xacq\x95\xd2\xb4\x991\x11\x91\x85{&gt;\x01\xe0\x8cm\x10\x19\x87/\xa7\x9c\x9d\x82\x0b"Q\xa1\xde\x00\x80\xfc\x00\\2~\xfa\xb6w\x00\xa4(1\x00Q\xac\xcc&gt;\x12A\xfa\xe6\x08\x8e\xebP\xbeS\x94\x928"%\x11\xb2\xe3*\x85\xa0\xad\xdd\xd4\x8d\xa2l.O\xbd\xa9^3b\x83\x82\xe1\xf6cs\xfb\xffpAa\x9e\xa3#\xb9yq\xf6W\xf7\xbe}\xe4m\xe4\x94\r\xd5\xa7\x12\x02\x8e\xdbufo\xdb\x1c\xebS\x1a#\x11Bnwr\x1a\xb3a\xda\xa0B\xaeS\xbd\xc1w\x1e\xf3-v\xd9o\xd2,\xd4d\x8eSZ\'\x84\xa1\x1d\xed;wg\xac4:x\xc0@\xa0fo,(\xdfqy-\xbfh\x8c\xeap4\x0e(a\xc9\xef\t\x00\x00 \x00IDAT\x11\xd2a\xe2\x01\x04\x9e\xadF\xe5\xe42\xa8\xe5W\x7f\x12\xf32La;Y\xd0\xf6m\x12RS\x9fs\xdfE{\xa9\x9a\'L\x8f^\xe1\'"ZG]\xb3\xe1\xd0\xcfv\xb2\x98\xce\x1c\xb6\xfcD\xd0\xa8N|#\x1fJ\x08\xf3n\x94\x87\xc1\x84\x10r\x9b\x90\xb2\xe4\xc0\xff\xc9\xac\xd7`\xf06\x9d6\x06P(\x9a\xba"r\xec\x0b)\xda\xdc\x11\xde._\x83\xe9\x11\x1f$\xea\xe5Z\xd88\xc7Ij\x03X\xb4\xf7S\xdf\xf6\xa3\xdc\x82F\xc8\xe9U\xcc\xe8U\xaf\x84\x1d\x8c\x1f)\x1b\xc2^\x86^\x10\x19\xba\xecD\xb3\x11&gt;Q\x05]\xbd\xff&amp;\xa2\xb4\xdcU\xd0@\xfbnR\xa0D\xeb\xb1{\xfe0\n\xe7\xa9;UD\xf4\'\x97\xb3\x9d\xe2f\xcee\x91\xab"c\xd7\x9d\x0e\xd3/\x00\xf3\x0b`\xe1\x9eO|_\x94\x9f\x00.O\x91L\x08\xf9\x7f@bu\x1c\xe8vs\xd1|\xd4n\x11A\xda&amp;O\xbe\x1fn*\\\xf2\xd0\xe7\xe6e\x89V\x0b\xedd"#;y\xf8F|HVW\xfd/"\xfb\xdf\x10\xd8\xfe:\xbc\xf3\xb2\xdf\x8a9\x87N\xd9\xe5\xc38\xf1\xc8\xee\xbc\xb4\xdcx\x05\x05\xd1\xfb$\xf8\xc8\xd9\xc8\xc8l\x0e\xb5B\xa7\x15\x15:\xadp\xdd\xf5\xa5\xff\xa2\xe7\x83\xc7\xe9K\xd5\x92\xad\x17#X\xde\xfb\xe5\xab\x8f\x8c|\x9d\xa7&gt;\x1a \xfcB\xbe2\x1c\xb7\x92\xd6\x15\x91\xcb\xce\xc5k\x98P\x83\x00\x90\xb3c\x9a2CE$q\xe1&gt;\xaa\xa9\x12\xad\x16:\xbb\xcbd\xf7\xa2\x7f\xb2\x08\xeeV\x08!\xe4\xf6\xc2\x8e9\xff\xd2ek\x85\xd4x\xd8\x0e\xf8\xee6\xe7\xea\x1c\xf2\x99\x90\xb0&amp;\x94\x1d\x91\xdb\x967{\x91fs\x1d\x19I\xeb&amp;+\xde\xffF\x06\xf8\xc0\xab2f\xedk*\x1d\xb0\xc7\x0b\xa0\x88y1~\xfdYO\x01\xbc\xf1\xbb\x88\xc8\xb9\xab\x8e\xba\xc9\x8a\xa9\xb1\x85]\xfe\x06\x92\r(\r\x94\xfd\xc8\x16f\xb6R\xb1\xcf\x08}\xcd\xa3\xbbN\x7f\xdcN&amp;5\xf3\x95\x99\xb2=6\xdc\xb1:\xb4\\\x16\x91\x90\xa7\xad\xa4u{\xcd}\xc6\xbc\xb5&gt;\xb49\x1cb\xefY\xa9\xd6c\xcd\x94{\xde\x1amy\xd2\xceiVq\x15\xb6r\xd24\xf6\xcdo6\xd2g\xcd\xedK\xd2\xa2\xfd*t\xd6_\x1e!\xb7\x9a\\\xdd\x12B\xfe?\x93\x07\xc0\x9e3\x02d\x9fs\xdfE\xb5\x8a\xd2\xdc\xf7r\xd8\xf91\x93\x15`\xc7\x7f\x1aM\xdd\xd8\x8ct4\xf2\xee\x97n`\x90\xbe\xe1\x05M\x01\x9c\xd2\xccO_ad\x91f\xf3|\xabDG\x02;\x11gw\x89\x05JF\xe1\\ZD\xc6\xae;\xad%+\x02D\xe0\xa8\x95\xeeW7\xff~\x7f\xcfbI\x8a\xf4}\xd5\xd6\x1b\x7f\xe0Uc?\xb9\xde4D:6V\x84\x0b\x9bh\x8f\xe7\xaa\x08\x80\xd2m\xef\x14\xdb\x12,\xa8\xa4Ng\xaar\x87\xb6\x0f\x06p\xe7\x81/\x82jy\xa3G\xb4\x9f\xf8\xd0\x1dk^\r?*B\x08\x89\x7f\xbc\xf1\xbb\xff&gt;*\x00uh\xa7\xbdDy\tE\xb0\xc9\xad\xbd9\x96G\xd6\xb6a;\xcc\x1f\xdd\xb8\xaa\xc22\x14\x06P8(F\xa1I\xfd\x81\x86\xadm\x9a\xc6\x00\xc4p\xf3\xe4\xf5\xbfa\x18\x17\xb9\xe98\xf9aW\x10\x88(\xc2N\x00\xf9\xba\x1f\xb9\xe4*\x16RJ\n#\xfcL\x8b\xdb\xb6\xe3\xf7\x03\xc8V}\xbcY\xd1,\xdce\xdac\x07\xde\x14 \xb7\x99Y\xa0Q\xa0\x93\xa9H\x12\xb7\x9a]\xa0|\xd8b&gt;\xac=\xf8\xa3\xeeb\xb9\'\x90\xa2\xab\xdf\xbc\xf5\xdd\xc7\xf3\xea\x85&lt;\xfbQ\xc0\x9a;\xe0\x92\x10Bn\x1f\xf4\x04\xb7x\xdfg"\xa2\\\xf6\xab\xfcg&gt;\x92\x9c\xb5\'\x01\x00*&amp;,\xd8\xd3v4\xe1C\xeb\xb1{\x1c\xd7\xd9\xda\xc7j\x0cG.\x89\xf3\x9c8\x90q\xeb\xcf\xa4,9(\x8aI\xd9\xf2\xff|U\xa4p\xd39\xb1\x1a\x0c\x00\xa0Z\xec\x8a\'\xa9\x03 E\x89\x81O_tGw0\x08r\xf0i\xf1\x83\xe3\xa1B\xfe\x90\xb7\x9f\xb8\xee-\xecz\x03\xea\x03e\xd7K:\xd3q\x98]\xa8\xb1\xd6]\x0f\x9d\x88\x87t\xbf\x8dX\x8a\x95\xbb\xae\xfcY\xe4\xb1w\x1d\xdf\n\xb3v\xbe\x1f\xd4o\xb5\x1ek\xbccS^\xd5\xbcrt\xb7{7\xa5\xb4N\xfd\xe6,\x9c\xa1\xd2(\x00\xea\x9b\xa0R\x97\xbb\x8d;U\x01h\xef\xd6\x84\x10\x12\xbf\xd1\x9aDjER\xa6\xddR\x18\xcb5;Z\x9f#\x9e\xc1\x83\xa7\x83\xe4_us\x8a\xb7\xb2z\xad\xf3\xb5J\x02\x90\xad\xc6x\xbf\xec\xd4i\xca\xf8\x87s\x8f)?B\x8d\xea\xee\xc7\xbfu\xdd\xf2\x88\xe4\x8a\xa1\x9c,m\xc3\xe8:\xdd\x14\x96\x06o\xa8\xeap\x87\xc1d\xb9\xa1\xbesw\x010{\xd7\x05\xdf\x9b\x05\x1b\xcdB\xe8\xd7tv\x94\xbc&gt;rv\xba\xffU\x19\xb4\xe4\xa8;\x82\xb2\x1fA\xfa\xc93\xee}\x17@\xbar\xc3\xbd\xe5\x9f\xbe(\xb0u\xc5\x0f\xbc)\xc8\xd4Z\xdf5v&amp;&lt;\x84\xe4k\x1e\xd5\xe3\x8e\x17\xff260\x02m\xe4\x08!$\x9e\xf1\xf0[\x92"\xc8\x0c)y}\x00\xf5\x07nuE:\xcaW\x7f\xbaJ$(\xd0\x13\x00\x90i\xe9\xc3_\x06\xb5\x1f\xe7-D\xf3\xc8\xd0\x9f\x80\x95P\xf8\x1e\xfb.8,"@\xe6\xceS\r\x1b\xe2|\xdd\x83\xcaW\xec|w\xd0-\xd5Q\xea\xd2n\xaf\xd7\xaf\xfd\x14\xa4\x1a\x16\x80\x11\x8e\xc9\x8b\x8a\n\x9c\xaf\x81\xdb\'(B+E\x7f\xee\xf2l\x0b\x9b|\xe3\xafo\x95ADl\xc9\xe7\x08{&lt;\xf8\xce\xe3\xbe\xe7\xd3\x07?pd\xa6*5XD\x94\xb7\xacP\xb3\x19Z\x8a\xc8\xe4{\xde\x0c3\x1e\x9b\x0c\xce\xf1\x00\xc0\xfaC?\xbbt\xd6z\xce~:\x8a\xa6\x08!\xe4\xd6\xc6\x0c07\xc6Pu\xd1;\x9fI\x8b\xf6\xf3\xd6j4t;\x00\xe5x\xb9d\xebEWDZ\x8f\xdd\x83\xb4M\xc2t\x94\xd7\x16\xdb\xc8\xd35\xb0\x90q\xcbwY\x99\xb2\xe4\xa0q\x1eO\xc8"2h\xc91\xc0\x92\xa3\xeaqL\x7f\x11\xbe\xb2p\xeb\xb1k*\x91\xbf\xe1\x8cX\x98\xeeX\xa7\xddU&lt;e\x1d\xbc\xf0U\x98\x93u\xf3\xb2\xba\xceT\xebE \xbd\xad\x9c\xec%!\xa2S\xa4\x823t\x92\xf2s\xe9;\x865\xf69\xaeA\x96\x0c\x95F!i]\xd3S\xa6\xaa\xb5\xfb\x15q\xe9\x87\x8bH\xa4#\x7f\x9b\x8c\xad|\xb3k\xf6\xb6v\xc2S\x96\x1c\xe8\xbc\x93/\xaaf\t!$&gt;S\xa6\xd3\x94G\x90\xb3\x9395\x8b\x88\xed\x97\xd8e\x90S\xbeR\x97\x95\x00\xfa(O\x81\xc9\xeb;\xefZ;\xd5\r\x87\xdckd\xba\xdd\x14\x8bH\x9d~\x9b#J\x91\xcd\xcf\xfff\xc4+t\x93\xb0P\xc4\xad]7\xcf|\x18\x95\xe8r\xf1\xc6o\x824\xe1&gt;,\x14[\x8e]\xd3FG!\xb2w\x88mw\xf0,\xef|\xc7,")J\x0c\xf4\xe6\xfb\xcb\xb9\xccm\xea\x0e\xb8\x07Pn\x9c3\x14i6w\xea\xd6\xb7\x01d\xac&lt;\x1a\xb0|Aw\x9f\xf9\x14R\xd4\xf7\xa9\xebC\xe1\xa0Q\x05\x90\x04\xea5:\x11\x11\x15\x05K1z\xf5+\x00\xec\xb8\xd4n\x12\x16\xea%"\x03\x16=o9S\x8bi\xe6[\x8c\x10B\xe2\x199jM\x04\x80\xd4\x8d\xbb\xcdxB\xd9h\xce\xdeu!\xc8\x990\x80Y;\xdf\xaf\xdcmU\x98\x06\x1b\x0c\xde\xa6c\xc1\x86\t\xbd\xb0\xf4\xc0\x17j\x1b\xd9\xb0\x10\r\xc7\xfag\xaf\xd4\xec\xbd\xc1o\xea\x0f\x8cI\xac\xbcC\x1c\xfb"\x9c\xb4\xd0\r\x06\x05bR&lt;\xf9\xbe\x88\x88\xa9\x9f\x0cC`L\xbf\xf7\xdd\xa0\x96/\xc6i\x13\xfe\x92U\xab\xec\xfd\xb65\xd1S\x17\xa4V\xdf\x8d\x00\xbe\x12\x11\x91\xcf}\x9au\xac\xcb\xcd\x17\x95\xad\xc6x\xad\xa1m\x1f\x1c$p\x95\x11\x113\xce\x92\x88\\\x16Y\xf3\xf4\x0f@\xda\xe4%\xfc#.+t\xad\xed/:\xf4\xc5\x82\x84\xf4\xe2}\x9f\x99\x97\x07?\x10\xe4\xe9\x82\x045\xc2ta\x92\xb4X\xbf^s\x0eFY\x98\x10BnmlWS\x16\x11t\x98-u\xe5\x05\x0f~\xac\xb3\x94k*\x00\x97ED\xa4v\xdf\x8d\x99\xab\x8c1\xeb\xc4T\x18\x11\xcd\x9a\xe9\xde\x90\xc6\xafc\xdd|\xd5\xbd\xef\xea\x08\xe47\xe7\xbe\x8b\xe1\x9b\xd5u\x95S\x11E!#t\xbc\x88\xe8\xc8\x10\xef\\\x8f\x8b\xbc\x1c\xe8\t\xba\xa7Y\xe1Q\x19\xb3)\x16\x90\x0f@9\xa3\x0e)\x1cyT\x88\x01 K\xd5\xb1J\x91\xadF\xafu\xea\xa88\x98\x90g\x92\xa0\x1fb\xd1\xdeO\xeb\xf4\xdf\xac/\xab\xf5X\xeb.\x91\xd2\'Zs\x8a\x12\x03\xdb\x8e\xdfg_9\xa25\xdck\xa9\xcdg\xd3\xfdN\xda\xf4F\xd0\xf8\xea\x0f\xdc\xaa\xfa\xf0\x8c0\xb2\x82\x18!\x84\xc4{\xd4\xf9\xe2\xd4\xadok_E\xa9J\x0f\xb6g\xc3\xd2\xde\xf2W\x8c\x89RY\x92\xcc\xdcq\xfej\xc0\xfc\x1eSa\xc4M\x1c\xa7\xda\x16\x16\x11 \x1frw&gt;w\xd5!\xa1G\xac8\xa9\x12\xd7D*\x18\xc1\x8eV&lt;\xf6\r\x80\xb2\xed\x97F\xe8 Au\x18b\xc0\xe5\xe58n\xfc\x1a\xfbu\xb0\xcbFv\xdfY\x11\x91\x14\xa1\xc5\xa8\xc3\xc9%\x80\xba\xfd\xef\x89\xd8\xa62\xca\xaa\xd1k=\xfc$\xb1\x88$+\xd6\xbf@\xa3Y\xce\xec\xb2\xea\x96\x19\xe8W\t\xd7+\x11\x1e\xaa\x92\xe3*u\xa3\xa5\x07\xbe0\x1d\x80\xbb\xba\xf6\xc9\xcd\xd1!\xdc]B\x08\xb9}\xc8\xd2\x16\xa8\x86\xc4\xb5\xfd\xb67}\xc8\xdfp&amp;\x90\xc0\xa9\xa1Z(\x8cB\xd3\xa1\x8f\xc5t\xf0{Y\x04\xc8!"O\xbe/\xc8\xd0"\xfaa\x86\x99\x8e\xeb\xf4\xdb\x0c`\xc9\xfeK\xf5\x06l\xb1\xccF\r\x0e\xbc\xe9\xa3\x9f\xac/\x9b\x0e\xdf\xe5\xdf\xa8s\xe5\xa7\xe3\x11y\xb1\x97q\x00\x90\xa5\xdaX\x95(\xd7q\xb9\xab\x98W\x03\x19\x80\xe5\xee*U#\xaf\xd3\x8fS\xdf\xe9\x9c\xa4\xae\x872\x9dx\x04\x93\xb1\xe9\x08\xeb\xd1\xd4\xc3&gt;\xffY\xa8\x8b?|\x06\x13M&lt;\x8c\xc4\xc5Z\xcc\x07\xf0A$\xfd5\x9d\xc8V}&lt;\xd24\x1ek\xbb\x11U$*\xd4\xdb\xf5s\\\x14\xb9\xe0\xa9\xab\xd2\xd3\xb6\xbd\x13\xc5\xc0\x08!$\xbe\x11\xb44q!J\xe1\x19Y\xfa-8\xec\xbb[[\xa4\xd9\\\xa0 \x90\xdd\x0e\xe8\x1b\x8a3\xbf\xe2\xb1o\x8a4\x9b\xdbw\xfe!u\xb9\xf7\x8c]=\x9d\x8fNM\xd2\xa2}\x81\xf4\xde|\xc3aE\xe0\xd1/\x80/D\x0c\xeb\xa9"\x9e\xfb!w\xc4a&lt;u\xbc\xeeQ\x1d\x02\xe0U+\xf3\xd2~\xe2C\xae\x9c\r~n\x99\x15z\xf7\xd8\x947^\xb1\xedb\xc6\xf6\xf7\\\xf2\xc9N\xe6\x07`l&amp;\xa7JT\xa8\x17\x00\x1d\x04"Z\x07\xce\x99Z#\xf8[g\xe8\xf2\x13_\x8a\x18&gt;;\xdd\x84\x94\xde\x9d\x98\r&gt;\xf6\xae\x986\xdf\x9fD\xa5\xe0\x9d\xad\xd7\x9cg\x90\xb1e\xa4b\x84\x10\x12\x0fH)"H\xdfB\xed?/=\xf0\x85\xb9v\t3!.{\xf8K\xdf\xf8w6*\x9c@\xd9\xafDTtz\x17a\x9cWh\x86\xdd\xf5\xa2q\x95Q\xfd\x17$?\xfa-8l^\x96\xeb\xb0L+\xfb\x1c\xfaX\xd4z4k\xf5q\x83\x97\x1e\x07\xe0\x89\x83\x9b\xca\xbc\xf85\xe4b\x1a\xf0\xbc\x07\x111&lt;\x938O(st\xd0&gt;\xa8\xcd*\xe1O\xa9U\x0c\x06\x11\x19\xea\x17C7\x1az\xcczJ\x85\xc1\x08\xf3{\x99\xb7\xf4\xa9\xad\xcal=fO\x98e\xbd\xa6\xcd\xb8\xbdV\xca0\xf3\xf5%\xbc\xd6\x9b\xc6u:~\xe2\x1by\xe5G\xff\xcd\t\x17)K\x0e\x8a\xa6}B\x08\x89\x1f(1s\xea\xb2\x88H\xae\xda\x93\x01T\xe9\xb6\xca1\x03:\xdd#;I\xb4\xf4\xc0\x17m\xc6\xedu\x05E\x00\x92\x89\x88\x9f\xb1i\xa0u\r\x80\xef&lt;\xee\x1dn\x1e&gt;\x8b\xe6\xed\'\xae\xfbnJ\x0f\xb1D5\xe6\xdd\xff\xe1\xc7~\xa3\xb5\xccx\x9c\xb5j\xf4Z\x07`\xd3s\xbf\xea\xfc\x7ft\xdd$u\\\xd1\x1d\\\x8bo\x11A\xea\xc6\x95\xba\xac\x0c\x89:\x9b3?\x8b\xd8~\xca\xbc\x1c\xffR&gt;\x8d\xee\xd4`\xd4\xca\x97\xf4\xc6\x80\xe3\xa9\x93\xd4q\x95\xd4{\xc5Z\xbfL\xec\xef\x92 \xd7f&amp;\xd5zzt\xb8lZ\x8c\xbe_\x89p\xf3P\xd9K\xf9H{\x00\x84\x10r;\xa0\xe7\xd6\xf1\xeb\xcfZ\xa6\x96\xa1\t:\xa5\x88\xb4\x9b\xb0\xdf\xb7\xa2g\xa7\xb1D\x90\xf1k\x95n\xab\xe1\x98\xf4\x13\x01\xd0\xba\xc7\x81\xa32\xfc\x17*j\xf7\xdd\x18\xa6J\xdc\xd0\xe7\xb5\x00*tZ\xa1\x06\xa9\x9di\xfc!""\xeb\x9f\xbd\x12\xde\x0bq\x9a</t>
        </is>
      </c>
      <c r="E37" t="inlineStr">
        <is>
          <t>&lt;class 'numpy.ndarray'&gt;</t>
        </is>
      </c>
    </row>
    <row r="38">
      <c r="A38" s="1" t="n">
        <v>36</v>
      </c>
      <c r="B38" t="inlineStr">
        <is>
          <t>steps_per_sec</t>
        </is>
      </c>
      <c r="C38" t="n">
        <v>600</v>
      </c>
      <c r="D38" t="inlineStr">
        <is>
          <t>5.401334</t>
        </is>
      </c>
      <c r="E38" t="inlineStr">
        <is>
          <t>&lt;class 'numpy.ndarray'&gt;</t>
        </is>
      </c>
    </row>
    <row r="39">
      <c r="A39" s="1" t="n">
        <v>37</v>
      </c>
      <c r="B39" t="inlineStr">
        <is>
          <t>Loss/localization_loss</t>
        </is>
      </c>
      <c r="C39" t="n">
        <v>600</v>
      </c>
      <c r="D39" t="inlineStr">
        <is>
          <t>0.18000415</t>
        </is>
      </c>
      <c r="E39" t="inlineStr">
        <is>
          <t>&lt;class 'numpy.ndarray'&gt;</t>
        </is>
      </c>
    </row>
    <row r="40">
      <c r="A40" s="1" t="n">
        <v>38</v>
      </c>
      <c r="B40" t="inlineStr">
        <is>
          <t>Loss/classification_loss</t>
        </is>
      </c>
      <c r="C40" t="n">
        <v>600</v>
      </c>
      <c r="D40" t="inlineStr">
        <is>
          <t>0.67842203</t>
        </is>
      </c>
      <c r="E40" t="inlineStr">
        <is>
          <t>&lt;class 'numpy.ndarray'&gt;</t>
        </is>
      </c>
    </row>
    <row r="41">
      <c r="A41" s="1" t="n">
        <v>39</v>
      </c>
      <c r="B41" t="inlineStr">
        <is>
          <t>Loss/regularization_loss</t>
        </is>
      </c>
      <c r="C41" t="n">
        <v>600</v>
      </c>
      <c r="D41" t="inlineStr">
        <is>
          <t>0.029970156</t>
        </is>
      </c>
      <c r="E41" t="inlineStr">
        <is>
          <t>&lt;class 'numpy.ndarray'&gt;</t>
        </is>
      </c>
    </row>
    <row r="42">
      <c r="A42" s="1" t="n">
        <v>40</v>
      </c>
      <c r="B42" t="inlineStr">
        <is>
          <t>Loss/total_loss</t>
        </is>
      </c>
      <c r="C42" t="n">
        <v>600</v>
      </c>
      <c r="D42" t="inlineStr">
        <is>
          <t>0.8883964</t>
        </is>
      </c>
      <c r="E42" t="inlineStr">
        <is>
          <t>&lt;class 'numpy.ndarray'&gt;</t>
        </is>
      </c>
    </row>
    <row r="43">
      <c r="A43" s="1" t="n">
        <v>41</v>
      </c>
      <c r="B43" t="inlineStr">
        <is>
          <t>learning_rate</t>
        </is>
      </c>
      <c r="C43" t="n">
        <v>600</v>
      </c>
      <c r="D43" t="inlineStr">
        <is>
          <t>0.019960001</t>
        </is>
      </c>
      <c r="E43" t="inlineStr">
        <is>
          <t>&lt;class 'numpy.ndarray'&gt;</t>
        </is>
      </c>
    </row>
    <row r="44">
      <c r="A44" s="1" t="n">
        <v>42</v>
      </c>
      <c r="B44" t="inlineStr">
        <is>
          <t>train_input_images</t>
        </is>
      </c>
      <c r="C44" t="n">
        <v>600</v>
      </c>
      <c r="D44" t="inlineStr">
        <is>
          <t>[b'640' b'640'
 b'\x89PNG\r\n\x1a\n\x00\x00\x00\rIHDR\x00\x00\x02\x80\x00\x00\x02\x80\x08\x02\x00\x00\x00\x83\xaf^t\x00\x00 \x00IDATx\x9c\xec\x9du@\x14\xe9\x1b\xc7\x1f\x90\x16\xe9F\x1a\xe9\xee\x10$\x15\x10\x90\x10\xa4\x14TTDT\x14\x0b\x15\xbb\xbb\xbb\xbb\xbb\xbb\xbb\xdb\xb3\xf5\xce\xf6\xee\xf4&lt;\xf5\xac\xe7\xf7\xc7\xec.\x1b3\xbb3\xbb\xb3\x0b\xfa\xf3\xf3\xc7\x9d\xec\xce\xbc\xf3\xee\xee\xcc\x1bO|\x1f\x80\x1f\x1cDD\xc4\x81K\xef\x004\xa0{\x8eY\xbak\xd3a\xa0\xdbD\x9e\xfd\xfa\xf9\xd1pm\x03\xa0O\xfaVX\xc1\xb4\xb4\x8a\xb5\x8e\x8d\x07\x02X\x81V\xcc\x90\x15\xf7\xfb/\xba\xd5k\xce\x15\xa4\xcd\xf1W\x88\x88{\x1eb\x8b\xbe[|2\xc7\x82J\x84|&gt;\x84\x8a|\x9a%%\x80\xf7\xe9\xfeE\xec\xbf\xe8V\xe9\xf8\xe3a\x05\xd3u}:\x02\xa8\x00\x18\x03\x00\x98\xa65\xee\xb8\x18\xb4\xe3\x01,@-R\xf0t}\xa8\x1b+\xf8\x8a\xed\x7f\xf4\xbfP&gt;\xce\xfe\x8d\x00\xf6\x8a\xfa\xd4T\x98\x00\xf8\x02h\x00\xa8$vZ\xe6\x940h\xfc\xe6\x17,\xf5\xca\x0c h\xe0\x92;\'^s&gt;\xef\xe9\xbf\xf0\x11\xe2\x8c\xbd\xff\x00xI&gt;\xdb0\xf9\x11"\x98g\xb0\xd1\x13)0\x95C\x9b6rhS&lt;\x9a\x00\xb6\x14o\xd9\xedy\x80CV\xdc\x07\xa8\x03\x00\xa0\x11m\x19\xd1\xd3,\xb4;\x80\x16\xe3\x8b\x18%\xf3=#n\xbc\x97\xfd\xb2\xc6_\xff\x82c7&gt;[z\n\x11\xd1\xb3\xd9H\xc6-\xd3\xa5.\x80\xaf\x0c\xa7+\xb3\xd6\x91\x1a\x84x\xc6\xbaM;\xef\x940\x88\xfeY\x1e\xa9\x9c_\xc5=e\xb8\\\xba\xf5\xd3c\x94l\x14\xd8\x85\xfam%\xa8\xd7\x18\x0c\x9ar\xff\xd4\xf6\xcd\x1c\x17Z0\xcd#ud\xa7\x89\'%\xce\x10\xc4\xc8\xf9\n\x11\xeag\xb1\xd7c\r\x80\x10\xee\xbf=@%\xa2\xcf\xdc\xab\xa3\xd7\xffAv\xa4\x1b\xd9\x8b\xac\x10\x18]&lt;\xcf&gt;\xae\xbf\x9aK\x11\x986+\x9btj\xd1\xb1\xaf\x13\xb7\xber\x88\x1f\xe0\x931\xc6;}t\xab\xc1\xbb\xaf|\xc2\xdb\x88%\xe3\x8e\x19\x07w\x05\x00\x00\xb5q\x9b\x9e/&lt;\xf6\xf5\xc83D\xc4\xb9\x87&gt;\x82u\x0b\x00M)\xe6]e\x87\x02\xeb\xa8&gt;\xc1\xb9S\xa8:\xe7\xd8x@j\xb7\xd5r\xf8\xd4\xb6\xe2\xdf\xb6\x89\xae\x04\xb0\x05\xd0\xa1\xd7X\x8e\xc4C\xcc\xc3+\x10\xf1\x1e""&gt;@tJ\x18\x04\x9a1\xb4\x1a\xe7\xf6\x08\x00\x00\xea19\xa5\xb6b\x9a\x96?`\x07\xc9\xeb:M\x00\xfc\xe4p=\xbf\x96\x83v\xf7_tk\xdf#\x04\xfb&lt;\xf2Ct\x9a\x00X\xf0\xfdm"\xed\xb5l}2\xc6p\xa71G\xee\x8b\xbeB\xb7}T\xdb\xb9\xd2\xb6/\x81\x88\xa2YrjY\x04\xad\xd8\xc9;\xfe\xac\xadwd=%\xfb|\x00%\xa9\xce5{\x80\xb5a7\xf0\x03\xa2\xd6\x08\xc0A\xbaSU\x9d\n\xc5\xcc\x13_\x11\xcf\xbe\xc5\x9b\xdf\xb0x\xe4!\x80\xbal\xf5\xf7ODD\xe4\xfe\xa5\t`\xa2\xeaT\xc8V\xe3\xd2\xa2\xac\xecP\xe0\x96&lt;l\xde\xa1O]\xa7\x9c\xe9\xbf\xe8\xd6c\xbe\xefa\xe59\x04p\xfa\x8d\xef\x95M\xd7\xf1-\xe2\xef\x88\xb1\xed\x16\x88\xf9\x02\x8b\x86\xeem7\xea\xd0\x9a\x8bx\xe25\xc6wX\xb8\xf4$N\xd8\xf22\xbed\x91\xc4\xde\xa89\x17\x81r\xb8\xfc?5\x00\x80\xbc\xb7\x98\xad\x87\xed\x03\x9b\x1c\xb3\xb0\xee\xd26\xa0j\xe0_\xc6f\x87\xe4\x857\x80\xb5\xa4\xbd\x94!\xc9K\x01\x9d\x01,Y\xefMJ\xd7U\xbc\xfbp\xc7]$;\xc4\x19 \x18@\x8f\xa5\x0bj\x08\xfd=a\xcbK\xe2\xea\'^\xe3\xb4]\x7f\x87\xe6Oe\xe9B5\x8c\xc9\x89\xd7\xa4\xdf\xa6l\xe8%2:\xdc!\xbe\x8a\xca\xe6)=\xd6-\x00\xea\xb3\xdcf\rc-\xdf\xe6\xeb4\x04\xd0\x05\xb5F\xa0\x1d/\xfa&amp;w\xdf&amp;\x011\xf3\xc7\x8a\xb3\xd8q\xdcq\xb0\xcef\xb7\xd7\xef\x10\xe7\x1c\xf8\xc0n\x9bl\x11\xd9z\xb6[\xf2\xf0\xd4\xf2\xd5\x1f\x04\xbf\n\x8f\xd4\x11KN~\xe7\xfd\x99\xd3o\xdb\xb4]\x7f#b\xb3\xeek\xfe\xa2\xfe\x02-\x1a\xf6\xac\xe9\x0f$\x99\x06M\x06\xd6t\x17\xa8\xd1MP\xe4\xd5\xd4\x9c\xa5_\x08\xc6\xb4\x9b_0h\x97]l\x7f\xa8\x1d\xc6\xbc\xd9\xfb\xff\xe5\xdd\x87\xcd{o\x12=\xc0\xb7\xf98\xbe\xdd*\tJ\xbc}\xb3\x15\xf3\x11@)l\xf9i4\r\xed\x06`\x07\xa0Iq\x90i\x8f\x99\x17\x19\xb7\\\xe3\xe4\x0f\xd8)\xb7\xb6\xeb\xd0=\xb0^c\xb9\xf5\xe1\x17t\x89\xeb\xb0p\xee\xa1O_\x10\xf5\xfd:\t\xbfg\x97\xe7\x9d&gt;\x9a^3\xc1\x8dZ\xcf\xderS`\xe6\xf8\x1dq\xd7=|\x8cx\xe6o\x1c\xb0\xe47\x89\xa6K\x86x\xd3&gt;\xd2\x9c\xd5\xeb\xd2\xa4\x0e\xa8F\xb8%\x0f\xe7}\x1b\xcf\x11\xc14M\xc7\xa7d\xe6\xbe\xf7\x88x\xf6-B\xfd,\xb0\xc9\xe9\xbf\xe8\x96yx\x8f&gt;\xf3\xae\t\xcd\xbb\x9f\x10\xef#v\x99|Z\xd0n\xaf\x04\xe0\r`U\x13\x9f\x88E\xdc\x15x-o\xa3\xa0.\x16\xe1=\x00\xfc\x15uE\x17\xa9\xcf\xcc\xed\xbf\xcd0\xa03\xb1\xa1Twi\r\x00\xa0\x11\x05\xa0\xcaN\xbf\x98\xb3\xe4$\xde\xfa\x8e\x83\x96\xdd\xed4\xf1$\xd9\xfb\x8e\x1b\xae"\x80\x97\xd8=O\x00\x00X6\xec\xc9\xe70\xe2!\xdeO\xac\x19\xd5f\x8eMt\xa5\xf8\x1e&amp;\x94.\x9d\xb0\xf5\x95\xf8c~:\xc8W\x94\xe6\x1a\xaem\x184\xa2\xdeh\xe2\xb6\xd7\x8dZ\xcfa\xa9O\xbf\x90\x92E\xc7\xbe\x12#~\xc3V3dn\xcc\'\xa6\xdd\xfc\xf1[^\xba$\x0eYw\x19/U\xaf\x9eq\xe35\x96-.\x93w\xfcIj\x8b#C\x97\xddK3\xc04m\xfa\xee\xb7\xff!f\xf4\\\x0f\x00\x00\xfew\x11\x11\xf1-b@\xf6\x04P\x8d\xe4\xba\'\xed\x83\xf3\xa6\xec}X\xfdu\xed\x7f\x8c^i\xa3\xa1NC\x81\xd6\x8c\x92\xdb\x8e8\xe0\xdat\x98C\xfc\x00\x85\x7f\x12\xd6\xf0\xc9\x1c\xdb~\xf4a\xf6\xda\xd3|\x8fX&lt;\xf2 \xf5\x01*\xde\xe9\xa37\\E]\x9f\x8e\xec]T\x91\x04\x00\x84\xd6\xc8\x85U\x1a\xb4\xfc\x1d1\xab\xcf&amp;\x00\'\xd2\x03\x12\xcb\x96\r^~\x0f@\xb9\x8ecK\x06\xfb\xaejD#\xd4\x94\x01|\x01\xea\xa94hI&lt;\x08\x9d&amp;\x90N\xfc\xac\xa0\xc1d\x11/Olc\xfaz\xa5\x8db\xa1!\xfd$\xfa\xc7\x96\x8e?N|\xc5,\\\x97\x05\x8cj\xba\x035\x06o\xd0\x07\xf5F,5I\xf8\xe0\xeb\xbb$\r\xa9\x9c\x7f\xbd\xf5\xb0\xfd}\x17\xdc`\xa9e\x0e\x89e\xcb\x10\x11\xd4\xa3\xd8mV&gt;\xd4\x05%b\x00\xd5W\xb2\xcf\'\xbe\xeak\x9f\x11@]\xe4H\'m\xcf\xf6&gt;\x19c\xa9\x9b2\xd2\xf7\xeb\xa4\xe9\xd6V\xd4[\xdf\xa0\xc9 yF\x87\xd6^\x02\xb2\' \xe2\xa2\xe3_\xc5\x1c\x13\xd6rz\xdf\x057\x14\xb8\x03\xae%\xc8\xbao&gt;\xf37"\x12\xb6+\xb2\xd8`\xab\xec\xcb\x1f\x10\xea7\x07\x000h\n\x10(\xea\xc1\x95\x841\xf7\x1f\x9c\x13\xd5\x9c\x0b]\x9b\x0e\x1d\xb8\xf4\x0eoP\xaa\xe7\xd5\x81vk\xf5x\xa1\xb8b\x91:F\x8c\t\xb4-\x87\x12\xe8;\xffF\xc5\xcc\x8bd\x83\x85\x94XG\xf5\x01\xdb\\\x80 \x1d\x9f\x92\xfe\x8bn\xf95\x1f\xc7V\xcb\xbf`DR\xe7\xe5\x00\xa0\xe5^\\=\x01\xcb\x05c\xc1?\xb5Yi\xf4\r\xdd\x0e\xb3\x16\xf3\xc5\x16\xdd\xa6\x9fGDGY\xb6\xb0d\x91\xe4\x88x\xf9c-Y\xcb*\x16\xf3tDTs)\x12{\x90\xa54\x0eH\x96H\xee\xbaJ\xcb\xbd\x18\xc0\xa2&amp;\xd2\x87db\xd2\xb6\xd7\x8b\x8e\x7f3\r\xedF\xfa\xeeS\xce3\xc8\xe6|\xa6\xef\xd7i\xcc\x86\xa7\xbc\x11)\xa6\xdd|\xfa\xe7:%\x0c\x06\xcbL\x1a\x07\x061Hp\xadq\x0e?\xc5\x03O\x84\x1el+\xf1^w\xf1p\xc7zQ\x7f\xc0/j\x80\xa8\xb6s\xef\xc9\xd5\x0e\xa1\x1d\xc7M\xd6\x0c\x04\xb5Hi\x83\xdby\xa8q\xff\xa1\xc3\xd6\\\xce\x1c\x0f\xcb\x88^\xb5-\xd0\xef9\xa2[\xf2\xb0\x9a\xeeE\xcd`\x19\xd1\x13@\x9d/G\x8e\x14\x03\xf2\x97\xeb\xc6\xc9\xa1G\x02\xa4U\xac-\x19w,\xadb-".?\xf3#-\x92\x92\xbb\xae\x9c\xb4\xed5\xd5\xbb~Y\xe3\xc14M|\x0b\x0b\x8e~y\x83(\x98\xa4$\x0e"\xa7q\xd2\xb6\xd7\xf2s{\xd7\x8f\xec\x05\xe0#\xa7\xc6\x85`\xc3\xc0m\x94"\xf2\x92\x1f\x80SD\xe1\xcc\xaa\xc5\xb7\xa5i/\xb0\xcb/\xbfo-#P!Q\x1e\xac,\xff\x03\xd9hD&amp;\x8a\x86\xedk\xd6}\x8d&lt;R&gt;\xfe\x1f!\x0b\xbc\x97\x82\xd2\xf1\xc7\r\x03;\x8b=\x84$\xc5\xae\x8ecK\xeb(\t1&gt;\xac0p\xe9\x1d\xc2\xf2a\xd5\xa8\xb7\x02.\xc7\x16\xf7\x10}3\xa5\xb7P6\xeb\xb6\x86\xb3\xdd\xa2\xf8\x95\r\x03:\xdbDWrb\xcd\x00\x00\xc06\xa6oT\x1by\xa5\xf9\xfeTD\x14\xcd\x1a\xbf\xe5\x85\xe8\xeb\x0b\x8f~\x19\xb8\xf4\x8e\xf8s\x93\xbb\xae\x94O\xa7~\xf1\x0by\x08\x0f\tp\xeaOl9h\xb7\xbc\xaf\xf2\xff\x82\x0e\x95z\x9d\xad\xc8+\x0eT\x8b\x1e\x8f\xd4\x11\x88\xb8\xf8\xc47\xe7\xc4\xc1\xd4W"1\xb9)p:\xac\xf9\x85#=TA/\x91\xad\xa4^b\x02~Ce]\xd3KpN\x1c\x92V\xb1\x16\x8cS\x01\xccd0\x0b{+&amp;\x96J\xdb\xab=\x809YD\'=\xc1\x19\x02\x8b\x86=LC\xc8m\xfa\xac\x10\x9a?\xad\xcb\x943b\x0e\xd8|\x830x2\x17*\xfb\xc5/$\xa2\x19\xcd\x9e&amp;\x009\xab/\xe0\xd1\x17\xd8\xb0p\xa6\\\xaf\xf2\x0b\x11\xfcA\xb7\t\xa8\x92*\x98\x9a\xefy\x88j\xceE\x84~E\xc3\xc2\x99\x07\x7fG\xa1\x80\xd0\xc4\xb2e\xa5\x13N\xc8p\xf5\x00\xfe?\x94\x1d\ndhJV\\\x9b\x0e\x95OjxpL\xf1|\xb0\xe0\t\xaa\xc8\xe8-\x02\x00\xd8|\x03A+\x96\xe2M&gt;\x19(;\n\x8d-ZX\xff\x858l\xd5C\x19Z\xa0\x8fRr\xd7\x95\xbc\x9b\xc1\xaaQ\xef\xb0\x82i`\x9d\xcd(\x02&lt;\x84\x05\xcd\x1a\x9d&amp;FA]\xa8\xdd`b\xdcc\x16\xf2\x8c\xf7\xd1\xe9\xb7\xf0\xa6]l?\xf94\xfe\x8b\x1f\x02%\xa1\xb1\x92\x11\xe6a\x154\x8e\xf2n\xd4f\xce\xff_Hm\xed@#Z\xe2!#\xd6&gt;A\xc4[\xdf\x05\x06\x99\xe6\xbd7J\x92\xe3\xf0\xa1\xdd\t\xb5\xe9{\xde\xd5\x94\xb8t\xdf\x057\x10\xf1\xc6W9\xfa\x92]\x92\x86\x0cYq\xbf\xc3\x98#\xf2\xbb\x04\x8b$tZ\x8a\x88\xac\xe7YP\xa0\x92W\xb5\xbdt\xfcq\x00?\x00\xcb\xac&gt;\x9b:O&gt;\r\xc6\xa2^Z0\x93\x7fW\xd4\xb5=\xdb3v\xec\xa9G!\xe2\xbe\xc7\xc2w\x8fuT\xa5}\\\x15\x18%\xcb\xb43\xd6\x8aED\xff\xac\xf1\xd2\xb7\xf0\x8b\xffw\xf4kP\xf4\xe0\x17\xac\xa0\xea\\\x88\x883\xf7\xfe\xc3\xe0\x1c\xf3\xf4\xf5WP\xa5A+Z\x07k\xc5.&gt;\xf1]P\x90Y\x8cV\x9d\xb6\xba\xb8\x08m\xaa\xecG\xcaq\xb5d\xecQDdf\xf6d\x82\xaas\xe1C\xc4#\xcf\xb0\xf5\xb0},&amp;\xbf\xd0 T\x92\x17\x9f\x02\xc3\xe4\x8e\xe3\x8f\xf3\xfd-g}e\xa5\xb0\x89\xdb^/&lt;\xfa\xa5\xcb\xe43\xfeY\x13\xc00Y\xbe\x97\x13\x8b4\xfa\x06\x93w\xfc)\xf4\xca\xbeG\x88\x88\x06\xfee\xc2\xb2\x03\xcc\xf1\xfb\xbf\x98}\xa5q\x96L\xd9\xf9\xd7\xf6\xdfPpwh\xd9\xbc\xf7&amp;P\x8d\xa4&lt;\xe7\x17\xbf\xa8I\\\x99\x9f\x12\n\x00\xa5\x13N\xbcBdRn\xcb"\xb0\xc5\xa4\x86\xadfp\r\x89\xc6\x12\xa3v\xb5\xbd\xda\x0b\n\xce{P\x1f\xebk\x19\xd1\x8b\xf4\r\x8ff#\xc9\r\xa7VYs\x0f}\x92\xcd*+\x03\xea\x8d\x1a\x97,\xee=\xe7J\xe3\x92\xc5\n\xb9^\x88Q`\x17\xd0K\xb4\x8e\xea\xc3\x92K^\xeeQ \x95\xf3\xaf\x13v\\\x9a2\xbd\xb5\nm\xd1\x04e\xe2\xc3\x18\x06H\xb5\xfc\xf9\x05M\x8cS\x8d\x83\x04n\x17\xef\xf41W&gt;!\x80#\xb5\xc8jm\xe6\xa7\xa8\xfc%\x00\x0b.7\x05a\xd2\x8c\xdeqj\x92\x0f\xe1 \x94\xae\xad\x01\xe0\xc6\xd1\'g\xce\x8a3\xd8}\xc6\x050L\xa6\xd2o\x12\xc4\x0b\xea7\x17T\xa4\xf7\xea=\xf7*w#\xe5a\x16\xda\xfd\xe4k\x1c\xbc\xfc\x9e\xe0Y\x12}~^|\x9bT\xf2\xe7+\xb2\xf5\xec\xec\xca-\xa2\xaf\xab:\x15n\xba\x8e\xd3w\xbf\x05\x08\xa2\xd1\x7fy\xe0EO\xd1\x82\r\x0c\x93\xc1Fr9\xacZ\xc5\x81\'&lt;\xe1\x04\x8a\xdc\xb6\x1a\x87\xaf\xaa\x94\x10~\x0f\x10\xf9\x1f\x0c\x9b\xa8\xca\xeb\x9f\xf1&gt;\xa2|ji\xfd\x82\x03I\x80\xa8i\xda\xbcC\x9fj\xa2/BH\xe7t\xf8\xd1\xc5\x90\xa9\xa8\xf5\x9f\xcb\xb29"\x96O=+\xe9\xb8\xd0\xe0\xbc)LR\x93\xcd\xd8+\x99`\x19\xd5vn\xc7q\xc7\xf2\x07\xee\x04mIi\xbe\xca\xe1\xb1\xed\x16\x08V\n\xa9\x17\x9c;\x05T#\x01\x0cA\xa7I\x97\xc9g\x10\xf1\xc4+*\x9f\xabIl\xbb\x05d\xaf\x1bIT\x846\x0c\xe8Lq\xf3\xeb\xcd&gt;\xf0a\xfbo\x18\x9c;\x05\xf4\x99\x95\xb7a\t1\x1eLg\xb1\xdb}\xbaP\x89{\xd0\xc0\xdf\'c\xac\xae\xafxUQ\xb9\x06E\xeb\x12\xb3\xafLZ:\xf2\xc2"\x93H\x15\xa0(\xcbJ`\xaa\xe9\xd6\x96\xf7\x87\xbe_\'n\x159%\x00=\xb0n!\xe7.\xfe\xffa\x95\xb5\xec4\x06dO\xac\xe9~\xfc\x9fP#\x85\x1f\x14\x87O\xc6\x18D\xbc\xfa\x1fJ\x8c\xff0\t.o\xdae\x85\x1c\xba \xd9`\xc3\xab\x81QA\xa3NN\x8fY\x97\x12J\x97R\xbc\xe9`\xd9\xb0gb\xa7eT\xe7\xce?\xfc\x1f\n\xee(hc\xa9\xe7[J:\x01G\x17\xcf{\x8e8f\xc3\xd3\x8e\xe3\x8em\xbe\x8144\xbc\x94\xfa.\xb8\xe1\x96\xccN\xe9$B~\x92\xbaZ\x06[\xd62\xa9\xbd\xcb~9\xfd\xb6Y\x84\xf7`\xa9\x1b\x8cYx\xec\x0b\x12%Rj1Z=g_\x16{\x80\x98A\xea\'\x1f\xbf\x14\x8az\x94[\xf20\xae\xb5\xa4\xa6\xccY\xbf\xf8\xd9\xf8\x071\xa7\xdfV\xb0\xa1^+k\xc6\x00\x80yx\x85B\xa2AEq\x1b\xbe\xfa\x11"\xe6U\xed\xa0\xd3\x01\xef\xf41N\t\x83(\xde\xb4Yx\xecK\x93\xd2%\x14\xef\x1a^\xfe\x88\xff \xd2\xb0[\x88\x9a\xac\xd5\xc1\x96\xdc\xf4z\xee\x1dN\xdc\xf6\xda.\xb6\xdf\xf1W\x88\x88\xe5\xd3\xce\x89o\x9a\x90\xf8`g\x02V\x0e\'\x86\x8b\xc3O\x91\x9e\xac\xa3\xc2\xd1\x8c)\x19{TAz\xce"\x94O;W\x9b\xea\x17\xfc\xdf\xf1\xe3x\xe9\xaa\xb1BDz\xd95?\x08\xca\xe1~\xcd\xff\x1fB\xedj?b\x94\xf7m\x01\x00@\x85Ik\x12\x1f.Icn\x9d\x86\r[\xcd\xfc\x86x\xee-\x96\x8c=Z2\xf6(\x93\xab\x93\x93?`\'\xb7NI\x14\xe9\x01n\xc9\xc3\xa2\x8b\xe7\x91\xbd\xe3\t\x00\xf5#z\x01\x80\xb6W\xfb\xbc\xaa\xed\xf4/\xda{\xeeUP\nkR\xba\x84\xb8\xf4CD\xf1\x81E\xda\x9e\xed\x97\x9d\xc6\xa0\x9cI\xf4/!DJ\xf9*\x95\x06-\x01\x00@\x0b\x11\xe7\x1c\xf8\xf0/b\r-\x9e\xc4\xe3\xa0\xe1\xda\xc6?{\x82\xa4r\x96fR\x95f\x92\x88\x06\xf1\x8b\xa89\x17\xc9\xa1q9a\x90Dt\xfa\xa7(\xd5R[]\xee\x12\xa0\xa3\xc2\xf3\xc3\xc44i\xba\xb5\rl1\xd1&amp;\xba\xaf\xc2\x04]\x01\xa0\xa6V\xdc?%u=\xda\xe5\xf4\xdb\xc67\xe3\xfa\xd8\xc7\xf67\x0e\xee\xdak\xce\x95\x96\x83v\x91\x9fc\x911s\xdf\xfb\xcc^\x1b\xa8[u\x18\xba\xf2\x011\xd4l\xbc\x86U\x8bn\xe5\xf4\xdb\xca\xb0_\x0e\x00vB/\xf1\xd5)\xa1J.\xf7\xe6\xde\x1b\xa2\x81\xd3\xbe\x96\x11=\x01\xe0\x0e\xe2\x0b\xe6{&amp;\xdf\xcc\xb1|W\xd7\x97tx\xb0K\xd2\x10\xa6\x97\xe0\xf1\x1c\xd1 \xa0L\xea\xd3\x15\x88Y\x87\xb1G\xf7?\xc1\xad\xb7\x90F$\xa03\xdbW7\xec\xb7\xf0&amp;i)\x14*\x14\x99\xc5E\xce\xd8\x8d\xcf\x88{\xe8\xc7R!g\x1b1i\x82\xb5\x02m\xaf\xf65\xdd\x85Z\x8cnBD\xe1\xac\x9a\xee\xc4\xcf\x031 \xb8\xa7\x0c\x07\xab,\xd0\x8c\xb9\xf6\x19\xbf \xf6\x99{\x95;\xd9\x90\xed\x9b\xedrw\xdd\xc3\xe2Q\x87(\x9aT\xf6\xcf\x1a\xcf\x9b\xae\xb6\xdc\x94n\xb9\xdf\xa0l\xe2\xc9\xa0\xdc\xc9\x00\xce\xbc\xf5\xe8\xb8M\xcf\x11\xb1qG\x89\t9\xaaP?\x0b,2\x04;\xaf\x02`\x00\xe0p\xf6-\xfaf\x8a\x96\x98\x14_\xccC\x7f\xde\xa1O\xc4\xc7yEw\xf26\x01\xbdD\x00u\x00U\x00\x1f\x89!`\xfc0\xab\xe3^\xa3\xec\xb8\x83\xdf\x11\x8f&lt;\x93c&amp;\xb4\xcc\xd4\t\x07\x00\xc2\x06R\x0bp\xe3&gt;W\xa4Y}\x8c\x8cT5\x8e\x8a\xb4Y\xde\xb5]5)\xb5|uMw\xa1\x96\xe3\x04\xe0=p\xe9\x1d\xfb\xb8\xfe\xb2\xc6Xj\xc5\x1a\x05ua\xa9W?\x1e\x06\x01\x9d\x11\xf1\xcc_\xa8\xd2\xa0\x95\x8ew\t\x80;"\xbe@,\x1eyP\xacw\xcd\xdb\'c\x8cM4U\xe1\x045\x9b\xa8J\xe2\xf4\'\x88$\x1e\n\x8bL\x87\xf8*\x89}\xab\xe7\xd5^\x86:o\xce\xee)#T\x9d\x0b\xf9^\xd1\x05P\xa1\x11{!\\\xd4k\xd0\xb2\xbb\xc8\xc7\xf05\x8f\xe9\xf7\x81\x18\xa3\xeaG\xf6\xd6r/f8\x05\xd4\xc0P\xec\x95&gt;\x9a~\xa1$\x82\xe4\xae+W\x9d\xc7\xe0\xdc\xc9r\xea\x12mjW14r\xf2\xaa\xb6\x97M&lt;\xc9\xadF\'\x01D\xac\x1d\xb5\x81\xf9\xd5E\xd81\xcc\xd6\xacr,\x1d\xda\x8d:\xf4#\xd5\xc8\x94\x96E\xc7\xbe\xd2\xb0\xe6Q\xd2\xa0\xc9 &amp;\xb9\xad\x14hD\xd5\xf2\x10J9\xa3.l,\xb5\xcd\x05\xfd$\x80PD\xd1\xca\xa7\xd58\'\x0e\xe95\xe7\x8ao\xe6\xd8\xac&gt;\x9b\xa3\xdbR\x15\xcc\xd1\'\xf1\\\xea&amp;\xac\xb9\x80\xab\xce\xff\x18\x16\xb8\x96\x83v\xa1 Q\x94\x1fV\x1c\x8e\x8d\x99$\xc9(\x873\xa9{\xcf\x1az\xbe\xa5\x8c\xcfQ\x89\xa0a\x90`\x88qj\x1dG\xa6Ct\r\xc7\xb4J2n\xdb\xb4\xa8\xaeEE/r=\xae\xc3BzI\x90\xfe\n\\\xac\xb1\xb8s\x95\xb3@\x1a\x0b\xd4\x12\x93\x89&lt;1N\xad\xe9\x1e\xfc\x82\x92\xc5\'\xbe\x8by\xd7+m\xf4\xa4m\xaf\x11\xf1\x1b\xe2\xec\xfd\xff2j9\xadbm|\xc9"\x99:\'w8\xd9\x1f\xee)\xc3\'lyy\xe49\xf6]p\xe3\xcaG\x1c\xb9\xf6\t\x7f\xd2&amp;\xdb\xd4w\x88\xaf\x02\xb5F\x0c\xa2[\xc8\x8ba\xfc\xe0\xc8\xbf&amp;4)\xd2o\x05$Q\xf7\x15w\xf9&amp;(\x1an\xf9KmCAX\xd4\xca\x14\x02EHn\xc9\x12\xfd\xf8\xf3\xdb\x00DpO)_\xc5\xd5@\xae\xdd\x81x\xda\xf1\xedF\x1d\xa2N\xcbq\xb1h\xd8\x83\x89_\xb0V-7\x1dy\x86h\x8f\xd4\x91.ICl\xa2\xfb\xaa:\x17F\x14\xcer\x88\xab\x02\xa5\xb0\x9a\xed\x9c \xb5\xfb&amp;\xf9\x05\x01_\xfc^5\xe37\xbf@Dj\xfd\xf1\xda\x8fI]\x8fv\xb52:\x9f\x19\xf3\x0f\xff\xe7\x93!\x1a\x15"oH3\xbcY/k\xef\x0c\x96\x99Y}6\xf9d\x8cQuj\xf5\x13\xfcX2\xe3 \xc6ln\xd5\xa8\xcf\x94\x9d\x7f\x81V\x0c\x803\x80_d\xd1l\xa1*~\xb5\x0c\x1d\xb2\x89\xb3\xaeQP\x17P\x8d\x9c\xb5\xef=\x8dH`\xa5\xda\xad4`\x15_\xb2\xc87s,W\xc8\xbaNd\xd1l\xd0\xab\x111\xac_P`\x96\xc6\x9ed\x9b\x1c\x11\xde\xeb\xc4uXH\x14]\x00#\x92\xe2M\xcc\xb0\xcd\xa5[\xb7\x84mlc\xfa\x92V\xf6\x96\r/:E\xd6\xd8\x82\xa8\xde\xf5wm\xc9%g\x7f4\xd4pk\xd3\x7f\xd1\xad.S\xce\xb4\xe8\xbbE4\xc2\xe5\xff\x8d\xb0\x96\xd3\xe9\x1f\xec\x924\xb4\xa6\xccq2\xc0-\x8aP?K\xd9!\x1f \xc4*\xb27\x00\x80JD\xa9@\x91\x9c\x1f\x02\'\x00s\xbe}|\xdd\xf4\x1e\xeb\xfe\xefK\xa7\xd7\xa2p\xa7\xd1\x1b\x9e"\xe2\xaa\xf3\x08:Mj\xba/L\xa9\x13\x0e\xd6\xd9\xb5T]E\x0cFr\xaf65a\xcb\xcb\x95\xe7\x141\x1dV-\xbe\r\x10\xf4\x08\x11\x11\xc7n|\xa6\x80+\x8a\xa5.\x00\x80z\x14\xed\x11\xdf\x8d~}\x18\x9f\x8c1M:.\xa9\xdd\x9b9\xa6\x18\xd6t\x07\x00\x00\xbc\xd2F\xb3\xefG\xd0Ol\xd0d\x10\x18\xa5\xac:\x8f\xa7\xde\xa0\xa6;S\x97g \xb7\x96C\x10\x186\xb5h\xd8\x83W(\xd0&gt;\xae\x7f\r\x15\x97dk\xd9\xe7\xac\x80\xda&gt;r\xe59\xc7\x0e\xea+u\x0bN\t\x83\xe8\x04\xd0\x18\x05u\x05\xc3\xe4\xc0\x16\x13\xe5\xf8\x8dYe\x13f\xdd\xd7\x9c\xacZ\xa9\x03\xe6\xd9\xa3b\xe6E\x00c\xe2\xdf\xaaN\x85\x9dk}x\'S\xbd\x98\xba\x1e\xed\xa8\xde\xb2\x8e\xea\x03\x16l\x14\xe5\xb6\xcd\xa1\xd2\xd9a\x13\xb5F\x88\x98\xd5g\xd37D\xf1\xd1.\nAs\xe8\xca\x07\x00\x10\xd7a\xa1$\xd5R\x0es\x0e~tJ\x18\x0c\xbaM(\xb4\xef\x7f\xa1\x18\x82\x01T\xc0,\x8d\xc5\x16s\xfbo\xb3\x8c\xe8\xd5v\xc4\x01bt{\xcc\xd06c\x1f\xd7\x9f\x1bL\xab\x0c\xfaI\x89\x9d\x96\xa5\xf7X\xc7b\xf7\xc4\x10\x9c7E\xd7\x87\xbf*@\x03\x00\xbd\xd5\x17p\xcdE\x94\xae\x8e\xd3OF\\\x87\x85\x1cG$\x85\xe8&amp;\x13\xac\x04\xd3\xff\x04\xd6U\x1anm\xfeEtm:T\xe6\xab\x88\xef\x02g\x02\xde\xf7\x08\x17\x1d\xff&amp;u3\xd2/F\x04\xd1\x8d/YD$\xde\x11\x7f;\'\x0e&gt;\xf1\x9a\xfa\xe11H\xaai\xeb\x96\x92_\xf3\xf1\x924\xcc\x84\xf1J\x1b%\xe6]:\xc9\x85\xb5\x06\x13\x00o\xc3\x80\xce\xa5\x13N\xd4tO\x004\xa2g\xee\xfdG\xd5\xa9\xb0\xfd\x98#4o\xc86\xc3\xf7\x83uv\xaf9W\xc4\xd6\xf9`\x03M\xc5\xb9\x03j\x17\x9a15r\xd9\x84NK\x03ZLTwm\xfd\x06\x11\x11\x99\x16\xc2\xcb\xae\xdc\xdcf\xf8~\xc5\xcb2\xd8\xc6\xf4k\xd6}\x8d\xe8\xeb\xa3\xd7\xffQ9\xff\xbaG\xea\x08\xde\xceD:\xd4\x9c\x8b\xeaG\xb2R\x1f\xb7&amp;\x99\xba\xf3\xafv\xa3\x0f\xb3\xd7\x9e[\xdf\xf97V_\xc0O\x88e\x93N\t\xbe%o\xd7\xbe\xfd\xc8\xb5O\x9e#\xdeE\x94\xa9D\xd5\x7f\x88\xbd\xe6\\\x01p\x05p\x93\xb1GJ\xf6y\x88\x08\x86M\xf9^\xa3\x94|jR\xba\xa4\xfd\x98#2^Q\xf1\x84\xe4Met\xbc_\x96\xa8L\xb1Nl\xfb\x05\xde\xe9c\xbc\xd3G\xd7\x8f$/\xcd\xad@\x8c&lt;RG\xd4t\x1f\x00\x00\xc0\xb2\xf9\xc0\xa5w"\ng29\xc7XJ\xe3y\xed\x8a#\xad\xb5p\x02\\\xa9\xf5.\xe4B\xd1\xd0\xbd\xa9\xddV\xfb5\x1f\x8f\x88\xfa\xfe\x9d\x98\x9en\x18\xd09\xac`\x1aX6\x07\x95\x08\xb2&lt;\xc6\x10\x00\'e\x87|-\xf7\xe2\x90\xfc\xa9\x00\xfe\xc2A\xa0\xb5\xd5\xe7}\xe6o\xe9\xb6tT\xd6\xefZ\xe1\xc2\x90\x05\r\xd76\x8f\xf8\xd2\xa3\xbf \xca3AK\x90\xfaY`\x98\xec\x96&lt;l\xd7=\x94\x14\x13G\xaa7\xc5G\xa7\t\'\xc6mz\x0e*\x11,\x06\x94\xef\xbeO\xd3j\xc4B!\xc9Z\x0e"\x8a\xe8\x1c\xa9\x9b\x86v\x8b(\x9a5q\xdb\xebG\xec\x87&gt;1\r\xd0\xa0\xf7\xa3\xab4d\xde\x13\x05\xa0];\xbc\xd7\xbf`\x84\xba$U^}\x00\xb7\xd0\x82i\xd42X\x12\xa9\x0b\xe0\xd1g\xde5\xc3\x80\xce\xa4o\xab\xb9\x14)\xd9\xe7\x8b\xbe\xfe\x8f8\xed-a\xb4&lt;\x8a\x15Y\x05\xcf\xc0_\nqfGe\x87|\x00\x0f\x00\x9d\x8c\x9e\xeb\x01\xb4\xc1(\xa5\xeb\xd4\xb3\x888\xff\xc8g\xf6\xbb\xa8X6]\x17\xd0\'y\x83\xa8\xe3SR\xd3\x9d\x12\xa5.\x88\xaf\xd3\xd9\xa8\xf5\xec\x06M\x06\xb1{\xcd\xb8\x0e\x0b\xd9mPn0\x93=\x93\x82Y\xfb\xde\x8f\\\xfb\x04\xea(b\x02[v\x1a\xe5d\x03\xf7J\x1b\x05&amp;\xachV0\xaaa \xd1;`\xbb\xe0\xe8\x17:\x15^\xa5j\xfc\x17\xf2C\x87\x96\xd4\x83\xe8f\x94Iv\x80a@g\xc1\xac3\x07\xfe\xa6E\x8f\xe7\xa9W\xd2l\xdf7s\xec\xfe\xc7\x18Y4\x9b~\x97\x00\xea\x80\xa1\xdc\xa38\x05P\x0e\xe7\xfc\xc38\x05\xa0\xee\xec\x03\x1f\x88\xcf\xd8z\xf8~\x85vC\x1eX\xb7\x00\x08\x04\xb0\x06\xb04\x0c\xec\x9c\xd4yyMwHj\xd8V31\t)\xaf\x15!ab!J9*\xe4RL\xc7z\xa9jf\xa8F2\x13%Vf`\x86\xed=\xe7*=U2\xf1\x04.&lt;\xfa\x85\x89v\xa3\xb8[(\xa9\xf3r\xc3\x80\xces\x0f~\\sQ\x8a\x1f\xd1\xac\xdf\xc2\x9b\xcc\xcf\xfa\x191N\x05\xa5\xd0\xea\xd4\x9dZLP\xeed\x9a\x01z|8\x02\xd8\x03\xf8\x1d~\x86\xdbnK\xb8O\x88\x99i\xc6\x9ew\x12\x9a\xac\x13\xce\xfbg\xc3\xc2\x99i\x15kY\x90#\x95\x15]\xd0\x8c\xa6\x97\x9f\xa3~\xf9\x03N\xde\xf1\xa7\x1c\x92\'k\x92\x91k\x9fl\xff\x8d\xe98\xa0Z\xd7\xb3\x1d\xa3\x1a\x15\x92\xa0Se\x8e\x1f\xb5H\xe2\xff\xee\xa9#H\r2\xb2t%\xa1t)\xab\r\xb2\x82\x1a\xd4\x8b\xe7\xfd\x91\xdcu\xa5\xa2&amp;`f0)\x04FKU[vR\xcaW\xc9\xde\x08\x91pLS\x02\xd0\xc0\xbfL\xach\x86\xf3\xea\x0b\xb8\xf2\x1c"\xe2G\xbe\x1f\xd14\xa4\x1bh\xc7S\x9f\xc5\xa1\xd7\x9c+\xe37\xbf\xa0~_\x1e\xa5C\x7f!\x111\xe5\x84\x01\x00Z\r\xde\r\x96\xcd\x997\x1bb\xdd\xa8\xcf\xb5\xcf\xd8j\xf0n\xce\x0b\xc6)\xcd\xba\xafi\xdae\x85\xd0qyU;r\xfam\x15-A\xc8\x85\xeb*\xe6\xcb\xf84\t.\xff\x1b1\xb9\xebJ\xe1c\r\x9aR\xb7\xc36F)\x9d\'\x9fN\xee\xb2R\xdf\x8f\xc4_n\x1b\xd3W\xdbS\xa8\xb2\x99\xf3OVL3\xb3\xe7\x06F\xa6\x0b.\xd6~\xcd\xc7\xb1\x18i\xc8_d=\xa6x\xbede\xc9%\xd5\xc9\'\x8e\xac\x96\x9fs\xbb\x838\x82\xb2d\xc7/\xd3\x1f\x00\xb8\x8aY\xaeZ4T\x9ccIN\xc4\xb6_p\xf0w\x14\n\xfb\x9c\xbd\xff_D\x9c\xb4\xfd\r\x9d\x16z\xcd\xb9\x92?`\x07U\x08\x89IHyp\xee\xe4\x99\xfb\xde_\xfd\x0f\xad\xa38!B\xba&gt;\x1dg\xee\xfd\xa7\xed\x88\x83\x12\x1b\xd7\xf5\xed(v\xc5\xa9\xa8\xa1\xb3\xb6\xb2\xf5Vm\\\x98\x028\xb1\xd1\x88\xdb\xba\xcb$\xaa|\xf4\x10\xf6X\xad\xbb\x84\x888v\xd3s\xa1\xd7\xd3{\xacc\xa7H\xbbM\x0b\x89\x87x6\x1b\xd5\x7f\xd1\xadu\x97\xf1#"\x98\xa7\x0b\x0f\xb0Z\xb1,t\xa3\xf6\xa2\xaa\xeaT\x98\xd1s\xc3\xb1\x17\xd2\xe5\x16\xcb/R\x9a\x86\x81a\xfa\xee\xb7DF\xf3\xcc\xbd\xff\xc8\x14H-\xc2\x94\x1d\x7f\xae\xbeP;\x9f\xe1Z\x81\xaaS!\xfb\xf2\x05Z5\x934B\xca\xa2\xe3\xdf\x10\xd1.\xb6\x1f\xf7\x85\xe0\xf9G&gt;\x13\x11.F\x81\xb4J\xef\xa5\x94\xaf\xea=\xf7*X\xb7 ]H6h2\xd0(\xa8\x8bg\xb3\x91D\x85s\x82\xe6\xbd7\xde\xf8J3\x10\xc3\x83v\xa65+\x83\xfe\x8f\x85\xc9\xfc#\x9fY\xd3\xc1\xae\x17O\xfb\xab6R\x94E\xc7\xa2\xfb\xf4\xf3\xa0\x1a\xc9\xfcD%\xa1\xbf\x8bG\x1e"\x15\xd3E\xc4u\x971\xac`\xbaU#Y\x12\x87lH\xf3\x9a\xc8\xb0|\x82x\x07q\xcbMl\xde{#\xabf\xd5\xda\x0f[i\xb45\x00Q\xdb\xc7\t\x11Y/&gt;\xb5\xe8\xf87\xa8\xd7\x98\xdd6Yd\xe8\xca\x07D\x0c\xf6\xc4\xad\xafj\xba/?\'\xe5\xd3\xce\xf1Jt=\xe6F*RE\xa5\x8a\xd2m\xfa\xf9\x92\xb1GS\xbb\xad\xb1l\xd8\x93\xec}S\x00W\xc1\xb0\x1aH\xe8\xb4t\xd0\xb2\xbbt\x1a\x0f\xca\x99&lt;r\xed\x13\xd2\xb74\xdd\xdb\xf2\x1b\xe8J\xc6\x1e\xab\xad\xd2\xbbrTPwI\x1a\xaa@\xaf\xb0\xf9\x1dD)\xe3\x1e\xd8\x87_\xcf\xc1\xce8\xb8\\\xbaV\xce\xfc\x85\xef\x10\xb3+7\x83U\xb6g3fy\xccR\xa2\x1e\x05P\xbf\xeb\xd4\xb3\x00\xbe`\xd0\xf4\xc7\xaf0\xfd\xb3\x19J\xc5e\x9b V\xdb\xf1d@\xc0\xa6\xba\xef1\x86\x15L\x93\xb9M9\xe1\x83\x88\xc1yS@/\x91\xb9\xeb\xfeg\xc2q\xe9)\x1c\xb8\xf4\x8e&lt;\x9a\x9e{\xe8S\xa7\x89\'\x01`\xd5y\xce\xec;|\xf5#\xfa\xa7\xdbDW\xc6\xb4\x9b\xcf\xb7\x87\x16 \xab\xcf&amp;u\x97\xd6B/&amp;\x96-+\x1a\xba\x8fF\xdb\xaeG\x9e\xe3\xbeG\xa4\xbf{@\xd1\xd0}:\xde\x9c=\xb4ih\xb7\xf7\x88\xccc+(\xa8}\xa9\\MJ\x97\x888\x08\x15\x8dg\xb3Q\xb5$\x14# {B`\x8bI\x1anm\x00\x00\xc0\xb0`\xe0\xce\xb4\x8a\xb5\xd255e\xe7\x9f\x1f\x11\x19\x06g\xb1V\x9f4\xa2p\x16"\x02\xf8p_\x90\xa2\xcc\x9d)\x806\x80\'@([\xbdbDL;\x1a&gt;T6\x88(\x9a\xe5\x956Z\xee\x97\x99w\xe8\x93\x18\xbb\x84O\xe6X\xa8\x9f\xc5\xee\x15\x03[L\x14\xb4\xb0\xd7\xc60\xcb\xba\x9e\xedLC\xbb\xd5\xc8\xa5\x93\xca\x967.Y\xac\xed\xd9^\xf1\x92=\x00\x90\xd3o+\xe7_\xc6\xa9\xa6\xa1\xdd\xe5q\t\xdef\x97\xb4\x10\x96d\xcc\xd2)\xd2\xeaUG\xaf\xff\x83\xdb \xffW\xa7\x86\x1cI\x19\tl\xff\r\x11\xb1\xfb\xf4\x0bdo\x126F\xeen\xacn\xec\x86\xab\xb5bn\x90\x13\x9a\xeem\xd9qU\xca\nW\xac\xa0^\xbcS\xc2\xa0\x1a\xebE\xdd8\x80 N\x04\x80f\x0cXeK\xddRl\xfb\x05\x12L\xdc\x82\xef\x125\x07\xd9J\xa4\xd1pk\x93\xdb\x7f;\x80\x1e\x00\x98\x86vc\x9e\x14Z\x9d!\x16\x927Un\xea\xf7\xc2\xf6|\x01ls\xab\xffm\x97\xc70Q\xd6\x90\xb6\xea\xbb\xc6\xfc\xc3\xffuR\x84\x14\xa0\xe4X/u9\x1a\xd3\xf5\x12\x111\xafj\xbbdY\x90\xff#\xbc\xfb\xcc\xbb6q\xeb+\xf99lz\xcf\xbd\xea\xdat\x18\xf3\xf3T\xd8\xed\x86G\xea\xc8\xb9\x87&gt;1?\xcf\x00 @\xc8\x125\xf7\xd0\xa7\x9b\xdf\x90oF\xe7\xf7S\xba"b\xcfY\x97$\xb6K\x9c\xcb\r\x82\x15\x1by\xab\x1cN\'\xa6\xfa\x17l\xb1\xf3\x1e\x16\x8f\x94\x1cC\'O\xfc\xc18\x15@I\xde2\x9c\xba&gt;\x1d\xf9\x83f\x01|\xcc\xc2\xba\xdfG\x14\x92#l;\xe2 Y.\x00\xa1\xeb`P\xed\x86\xb0\xcdaW\x8e\x9bGx\xcb\x19\xb9\xfd\xb7\xf1|I2\xe2\x940\xa8y\xef\x8d\xb3\xf6\xff\xeb\xd8x\x00\xfd\xb3:M&lt;\xd9\xb8\xe3b\xee_\xf5i\xabm\xd0\xda\xd8\xcc?\xfc_\xcbA\xbb\xe8wF\x90\x00iOT,~\xcd\xc7!\xe2\x91g\xfcV\x91\xff\x13$\x86\xfb\x93\x08\x02\xd0\xc6\x1f@\x97\xf8\x97\x92\x03ILo\x871G\xd84&lt;(\x87K&gt;\x86eL=RG\xf2\'7\x17\r\xdb\xc7\xaf}#t\xb4{\n-MM\xe2\xdc\xe4\xae\xab\x00@L\xe8\xc3\xa8u\xbf#\xe2\xcf\xe7\x8b\xaa\xdd\xd4xipe\x00%\x00Sy\xf7\xc4)ap\xc9\xd8\xa3\xcaB\x8f\xad\x88\x192\xa1\x13\xadd\xce.\x93O\x1f\x7f\xc5\xd4\xe2M\x8b\xb1\x1b\x9f\xed\xbe\x8fB\xc1\x16\xd2\xe2\xb6\xe2,\x96\x8c=\xfa\x14Q\\\x90\xb0j\xa4\xc8\xdc\xa9\x01\x10L\xfc+\xbe\xc3"\xc1\x85\x0b\x00\xf8\xc7\xb5\x17\xdd\xe2{\x90=\xda\xbe\xa2\xa1\x06\x8e\x8d\x07Jk\xfdu\x16\xf5\x82\xd5f|\xd8lL\xf6\x12\xc2\x8a\xc0\x9aP\xaa\xd3\xf1\xee\xf0\x02q\xee\xc1\x8fRV\x9b\xd7\x8c\xd1\xf3+\x15\xd5\x00\x8a)\x9e\x9fX\xb6\x8c\xf87i\n \xdb\xc8*\x15.\x15DJ.\'/\x88\x7f\xf6\x15\x9b\xc8+\x0e^\x0b\xe5\xd3\xce\x89Q9\x966SE&lt;?\xbf\xf6\xea\xff\ta-\xa7\x13V\xc3\xc5\xc7\xbfM\xdb\xfd\xd6*\xb27\xf3\xb8q[i\x05\x99-D6\xe8\xf5Z\xf4\xdd"US\x12\x18\xb6\xeaaJ\xf9j\xb6ZSv(\x00\x001y\xf6\r\x9a\x0cj5x7@(\xb59VxK3n\xd3\xf3#\xcfD\x9fS\xd2\x12\x84\xfe\xf4\xba\tmG\x1cT\xb2\xa7[\xea\xb4\xe61\x0f\xaf\x90|\x10\xab\xd8\xc6\x90\xc7\xe6\xd4V|\x11\xf1/D\x19$?\xfdX\xecM\x8d\x13]&lt;\xaf\xd5\xe0=\x12\x0e2K\x17}\xed\xe2\xbf\x94\xdb_\xfa\xf0\xcf\xe2]&amp;\x9f\xb6\x8f\xa3\x10\xef\xb4\xcaf\xcb\xf2\xc6A5\x92:9^~("\x92\xa5V\xe2\xec\xdathT\x9b\xb9\xf2i\\u\xd2\xb6\xd7\x00\x10\x9a?\x8d\xb8\x91&amp;o\x7fS:\xfe\xb8B*\x1cX\x1d{\x81G_ \x805\xbf\x1b\xb5\x86\xc4\x034\xe8x\xac\xcc$D\x99\xd8\x12\xffkX8s\xef#\xac\x98q\xc1\xb1\xf1@\xb2\xc3t\x05\x1c\xc3&lt;\xea\xc6qw\xa2\xfe\xf4\xb4\xc0$0\xe7\xc0\x07D\x94-\x7fL1h\xc5J\x14\xaf\x91\x13\xb5\xe4\xdb\xa1\xaf\xeb\x04\xe0\x82\x88\x1b\xaf\xb1\xb2\xa3\xb2\xb5j\xd4\x87\x8dvj\n\x1fb\xcc\x12\x9b\xf9\xe6\xe9\x10?\xc0Z\xe4c\x16\r\xdd{\xf3\x1baK\xf0\x11s\x01\xa7\x84A\xd9\x95\x9b\xa9\xde\xe5\x9f\x80W\x9eE\x9eu\x8b\x05,2\xc2\n\xa6S\xbd\xd9\xa4t\xc9a\x92\xa5\xba\x82\xf1vK\x1e\xf6\xd3)\x8d\xd8W-\xbe-d^\xd2to\xdbq\xfcq\x9a&amp;\\~0`\x97*\x00\x00 \x00IDAT\xdcS\x8638\xda$\xf57D\xe3\xe0\xae_\x11\x11\xb1r\xdeu\xa6\x97\x93\x02D\xbc\xfc\x11Goxz\xe8)\xca/s\xda\xaf\xf9x\xb0\xc8\x94t\x94\x16\xd4\xcfb\xa6\x80K\x82\x1d\x80#\x80&gt;h\xc5t\x18{t\xf6\x81\x0fMJ\x97\x90\x1e\x97T&amp;]\x90\x9a+\xa8E\x02x:\'\x0e\x91\x1cpc\x91\xf9\x19q\x14\xa3\n\xa7\xf5\xb3\xc8\xd5\x02\xe4\x9e\xf5\xa0\x97\x00`\xcd\xde\xc3\xec\xce\xa4\n\xbd\x0fK\x17\x95\tDtJ\x18,\xf8\x9a\x80\x8f!\xba\xed\xbc\x8e\xe3\x8e\xf1\x0e~(\x93I\xb3nL\xbb\xf9\xa0\x1e\xf5Tp\xffg\x12R.C\x9b5\x83\x8ew\t7\xd6F\xcc\x8e\xc1\x91$\xfc\xd20Y\xac\x80\x89\'\x802Q"\xe9\x03\xf5W\xcd\x9b}\x99Vz\x17K @\xc8\xb0U\x0f\x07,\xf9M\xccA\xf9\x03v2\xd4\xe0\xadmQ\x1e\xb50\x88R\x9b\xf85\xc9F\xe7 \xa9\xca\xe3H#\xd3H\xf4\xe1="\xf3rd\x8c\xa9Z|;\xa2h\x16q\xc5\xa0\xdc\xc9\xd26\xe3\xe2OR)\x95\x87[N\xffmt\xd6\xa6v\xb1\xfd\xa5\xed\x80\x82Xt\xec\xeb\xa2\xe3\xdf\xa6\xec\xf8s\xd4\xba\xdfi\x1c\xae\xc5tMs\xf8\x19\x8e\xdf\xfc\xa2\x03\xbd\xd2\xba\xaeG_H\xac_\xc8\x08\xa1\xd1Py\x18\x93\\\xcf\x1f\x01q5\xb4%o\xc4\xebg\xf1\xe2,\xe6\x1f\xf9\xccJA\xa19\x07?\x8a\x16\x12h\xd4f\x8e\xec-\xff44,\x9c\xa9\xe1\xdaF\xcc\x019\xfd\xb6n\xff\r\xd3{\xacg\xde\xb6\x15U\xa8K\xc1\xc0]#\xd7\xfd.\xbe\xf2\x18\x80\xbdQ`\x17\xa8\x13N\xd3_\xd8}\xc6\x05\xa9\x04\x9bj9l\xee\xbf\xeb8\xb6$\xa6"\xa6\x85\xbaiA;\x06\x9e\xe8\xc3\xe0\xe5\xf7\xd8\xef\x03\x05#\xd6&lt;.\x1c"\xc9\x8fCMB\xa7\xa5\r[1\xaa\xbd\xcd\x16\nV\\Q\x8fk\xbf\xd02\xa2\xe7\xf5/\xd8{\xeeUy\\`\xf0\xf2{\xc3V=\xa4+r\xd0f\xf8~\xa9\xeaJ\xd2\xc3\xa6\x05\xfdT6-\xf7byu\x83\x04\xa6\xa95\xca\xb61}\x01,$\x99,X\xce\xd8\x91\x16OI\x91\xf4\xac\xb8\xa6\xd4\x02[Ld\xa3\x9d\x1f\x1a\xf1\xe1\xa0\xf4c\xdaE5\xae\xf5HjV\xd6b-\xb9Z\x82QP\x17=\xbfR\x8b\xf0\x1e`\x91\xc1r\xd369\x93\xb6\xbd\xa6.h/\xc0\xb8M\xcf\xef"\xe1\x97\xfd\x05\x87\x82\x81;\xcf\xbd\x1302Y4\xec9{\xff\xbf\xaaN\x85d\x87\xab\x93T\x9fd\x8f\xe0\xbc)r\x14:\xb5\x94h\xab\x97\x1e\x8f\xd0|\x9aKKG=\xdfR\xb1\x15l~\x18\x82s\xa7\xb8%3\xcc\xa0U\xaa\x19\xc9\x18.\xe2+\x9c\xb3\x80\xaeO\xc7\x99\xfb\xfeiO\xcf\xd2"%J\x0c*$\nb\x0e\xa6i,vDj\xec\xe3\xfa\x1b\x06\xd2\x95\xdb\x94\'\xaa\x92\x0f\xf9I\xb0\x07\x08\x0c\xc9\x9b\x12\x943\x89\xddv;M8\xc1\xa8\xfc\xb0\x9cJq\xf3\x13\xd9z6\xbb\xa2\xfdrB\xc9!\xff\xd6wD\xc4\xac&gt;\xfc\xa1\x18&amp;\xab/ \x950\xa7W\xda(\xb9Nc?\r\x12\xf7|\x94Uc\xddSF\x88\xb7\xe8*\x1cS\x00 \xad\x8a\x83\x88\xa3\x19\xf9\xe1\xcd3\x96\x9c\xac\xf1\xf8\x1ay\xe3\x95\xd5gS\xfe\x80\x1d\xf2\xbc\x84\xc1\xfa+\x84\x87\xbb\x96\x98\x16\x98\xa0\x14\x06`[\xa3z\x93JD\xf2F\xc3V3/\xbc\x97KV\xa8\x08\xd2\xbb\xa8Y\xb5\xc3\xb9?D&lt;\xf9\x86\xe5\x07\xb0\xf50:\xb2\xa6\xd5x\xa7KR4\xd4M\x08\xc9\x9b*ZR\x89\x1e6\xce\x89\x83\x11q\xca\xce\xbf6\\\xc1v\xa3\x0eI\xd5\x88B\xb0\xc9)\x19{\x14\x11\x19\x1a\xccX*\xfe\xc1&amp;\xb5o\x14\x8a\xef\xb0H\xd2!,\t\xe7*\x02G\x00\'Rg!"\xa1\x90l\x02\xa0\n\xe6\x92M[g\xfe&amp;\xa6\x8d\x9a\xbc\x87\xeayw\xf8\x03QN\x828\x04i\x15\xebD\xb2\xe0\xd9\xc5\x92\xf0\xa5\xb1Y\x1cS7\x01\x00@\xad\x11k\rR\xe2\x8d\x88\x85C\xf7\xca\xffB\x12\x98\xb8\xf5\xd5\xcas\xb5}9\xe8\x95&gt;\xbaQ\xeb\xd9`\x9c\xca\xcd\r\x95\tu\x97"0h\xca\xfdK\x1b\xc0\x19@U\xe6\x901\xb6\x872\xb3\xb4F\xad\xe7\x80\x9d\x14\t\xa6\x0e\x05\x03w\x96\x8e?~\xe0\t\xa6\xf7X\x87\xb4K\x8a\xd5(\xd2\xad3hc\x9c\x92\xd6}m\xa7\x89\'\xf9\xa2\x1a\xad\x02\xb2\'N\xd8\xf2\x92\x9d\xf6\xcd\xd2\x03\xb2\'\x00\x04\xd6T\xa6\x0fk\xd4\x8f\xec\xcdr&gt;%{4\xef\xbd\x91\xd4\xd4\xec\x940\xa8\xff\xa2[\x006\x00\x06\xa2\x85\xbb\x050K\x07\xb0\xf8.\x17\xd1\x06\xc6L\xdd\xf57\xd8\xe4(\xfc\xb2\xd2h\x06\xa94h)\xfab\xd5\xe2\xdb\xc4\x04\\\xd7\xb3\x9d\xc8\x9bJ\xd2\x84\xa7ZeK\xde\x97\x08P\xbd\x84\xd2\xf5\xed\xc8\xf0b\xd6\x88h\x1aR3\xd2\xe2\xfc,&lt;\xfa\xa5\xf6\x97\x94\xae\x1f\xd9\xebO\xc4\xb8\x0e\x0b\r\x02\xe8o\x85i\xca\x98\xb8\x00\xe8\x93\x19\xe1\xfd\xa0\x8e\xe2\xd5\xdc\xf8\xb0\xc8Xv\x8a\xf4\xde\x16\xc6;}t\xb5\xf0\x9cr8\x80c\xcbA\xbb\xea8\x160\xc9\x13\xf9\xe9\xd14\x08(\x0b\xca\x99\x04V\xd9\xa0\x11\xe5\x9f5a\xe9)\x1c\xbd\xfe\x8f\x0ec\x8f\x8a=\x8b\x91k\xa6\x0e\xdf\x7f\xc5\xe3\xce\xbd9\xcdj"EV%B\xcc\x9b\x93\xb6\xbf\x91[Y$\x1b\xd3\xd0nn\xc9\xc3\x95\xec\xf3\x99\xdd\x9a\\\xed\xb1\xb9\x07?"b\xd5\xe2\xdb\xa2\x87\xf4]p\x83{\x11\xc95\xb1?#\xee\xb8[\xe3\x13\xb0\x02L\x8e,B\xa2\x91i\xdd\xa8\x0fGd\xc3\x98\x85pq)pO\x19\xa1\xd2\xa0\x15\xf7/\xa6\xe2\'\x16:\xde2\xd6\xf4dG4\xa3\xdb\xf4\xf3\x12\xaaM\xf3\xe9(5\xeb\xbeF\xa1\x81\xa9Z1D\x91\x00\x00H\xec\xb4\x0c\x8cS$\xc5\xb5i\x85\x16L\x8bl=\xdb$\xa4\xbc~d/Y\xae\\\xc7\xb1\xa0\xf3\xa4S\x00\x10S&lt;\xdf+m4\x80\xb6\x82\xeb\xe6\x1a\x07u=\xf2\x1c\xe9\x84\x08\xe4\xf4\xdb\xc6g\xff\xf4\x05\xa8\x03\xe0(\x8f.y\xa4\x8e\xa8C\xb6\x14\xfe\x91\xa8\xd7\xd80\xa0\xf3\xc2c_\x03\xb2\'PD \xf1jK4\xe0{\xba\xe5\x82\xa6[[\xe7\xc4\xc1b\x0f\xd1\x8e\x93\x94)\xa1`\xa4\x1ft\xac\x1a\xf5\xa9v9\xabD\x00X2\xfdh\xb7\x11?!.=%\xe3\xdc\xe9\xb8\xfc\x0cF\x16\xcd\xa6w\xb0\xd3\xbeGh\x12Rn\x14\xd4\x85\xbe4\x1a\x1d\x9au\x97\xb2t\x9a\x82\t\xcd\']\x8di\x12\t\x94#\xd6&lt;~\xc1\xa6-\x81i}\x11g\xbe`:f;{\xf7\x94\x112J\xe6v\x9f~\x1e4\xa2di\x81\x8b\xd8:3\xa0\xcd\xa7\xc8\xa6\xb7\xe8\xf87Ef\xf7\xaa\xbb\xb4\xe6M\xc0\xf6q\xfd%V\x82\x8bm\xb7`\xcdE&lt;\xfc\x14\xd9\xd8\xbc*q\x06G\x9d&amp;\xa0\x1d\x07\xaa\x91\x8a\x8a\xea\xf7\xa8\x0e\xa56\'\xd1w\x93+\xd6Q}@+\x96\xea\xdd\x06M\x06\x01\x04H\x8c\xf4\xb6\x8e\xea\xd3\xa2\xefV\x85\xf8q\x14L\rT\xa2\xabUxX\x84\xf7\x90ct\xb8$\x10\xb1\xdd\xa8\xc3\x01\xd92=\x87I\x9d\x97\x8f\xdd\xf8\x8cv\xf9\x14\xf5\xa8\xb6s\x01|=\x9b\x8d&lt;\xfc\x940\\S\x86\xad\xc9L\xadZiq!/\xea\xe0\x07`\x0f\xe0\x98\xdam\x8dmt_\xb6.\xe5\'Nj\x80m\xb4d\xad\x9fc\x17\xdb\xcf#u\xa4\xbaKk\x00O&gt;\x8f\xa6&lt;\xe0\x8b.\xa1\x1e\x9d\xe5\xcd\xc4m\xaf\xd3{\xac\x93t\x94\xdd\x92\x93\x12\xfd;\x96B\xab%r\xbfr\x9d\x86B\xabdq\xd3\xff\x8f\xa16/\t\xbd\xc4G\x88l\x84g[\x07\xe7N6\xa9\x05\xee\x95_\xfcT\x8c\xd9\xf0t\xde\xe1O4\x82\xa7\xc4\xad\x10\xfb\xcc\xbbv\xfd\x8b4\x9b\xb6\xb8\x0e\x0b\xe5\xec9fOd\xf1\xc7$Xz\x9d \xd9\x10\xcd\xe8\xa5\x89ARZ\xc5Z\x00\xfd\xb0\x82iR\x19\x87\xcc%\x1f"\x88\x92}\x1eh\xc5\x82a2@]\x05\xa88\t\x12"V\x8e\x94C\xe1\x90\xbd\x9d&amp;\x9e\xac\xfe[\xadQd\xeb\xd9|\x0e\x17%\x12\xc3\x83z\x14_N\xb6T669\x97#\x04\x00\x00O:\xee-\x19aO\xa8_\xacS\x03\x94\xa5k\xd4\xb3\xd9H\xc7\xc6\x03i\xc4\xf62A\xb7\tO_\xfa\xff\nKV#\xdf\x0c$\x1f\xc2\x00\xf22D\xf5\xbc:t\x9fAZ\x98]\x00Z\xb5ck\x17T\x81\x03\xf4\x93\x95Y\xdf=\x93\xe8\xa47l5\x93];&lt;\x1f6\x86\x81\x9d\x03\x18\xda\x18\xdb\x8d:$FDZ\x9e\x08+x(;J\x11\x1bl\xb7\xf5\x162\x9f\x83\x95\x00|\xc0,\x1dt\x13T\x9dZq\x82\xc6k\x11\xc1{\x1e`\xd1P\xc1\x8c \xfeHC\x95\x86\x14\xa5o\xc8\xe4yk\x13\x9f\x10\xa7\xef~\xcbVk~Y\xe3\xb3+7\xd7\x80V\xa8f\x0c\x80\'\xe8&amp;\xe8xK\xa1\xfa\tU\x8bo[E\xf6\xe6F2\x9b\x01\x04\xc9:\x89\xd4\t\x9f\xb9\xf7\x9f\xce\x93Nk{\xb6\x97\xa7q\xf1G#\xaa\xad\xb8\xb2$\x01\xd9\x13\xf8\xff\xcc\xea\xb3\t\x11Y]\x84\xda\xca"U\xc1\x8d\x9b\x90s`={\xe4\xf4\xdb\x1a%*N\xa9\x1c\xbe\xe8\xf875gR\x19\x9a\x1a\xa0\xf3\xe4\xd3D="\xd6[Vv(\xe8\xbf\xf0\xd6\x86\xab\xb8\xf0\xd8W\x83\x802\xfa\x8b9\x9f\x8c\xb1\x00\x9e\xac\xf7G1L\xdd\xf57"\xca\xe0\xa8\xb37\n\xeaR\xfb&amp;`\xe2\xe9\x93r\x83\xc5j?\x9a\x16I\x91cf\xd3b\xd1\xf1o`\xdaL\xf4\x9da\xab\x1e\x8eX\xf38\xb2hVh\xfeT\xb1\xd1\xb9\xf6\xca\x0e\x05`-n\xaf\xac\xe3]BD/\xde\xfa\xae\xf8PP\x0b\xe2\xd71\x0e\xee*U\xf1l\x81]MT\xdb\xb92\xeb\x9f;\xcf\xdc\xfbOD\xe1Lu\x97\xd6\xda\x9e\xedA\xa5\xa1\xdc\xb2C\x15l.\xe2\x83Y\xea\x9eQ\x8aeD/D\x8clM\x11\xa6\xa4\x9b\xf0\x1d1\xb9\xebJ\xb0l\xce}\xc9y\xee\xa1O\xb5CQ\x88\x80\xd8\xa0\xc8#\xccX\x0e\xca$\xca\xe1\xbb\xef\xcb\xb1L\x8a\xac\x18%\x83M\x8b\x03O\xf0\x15\xe2\xe1\xa74\x97Y\x8cm\x0f\x1b\xafq*.,;\x855\'\xa7\xac\xc8\xa2Cz\xc4\xe7\xf5\xcf\x9a \xf9\xd8\xdaH\xbd\x9a\xee\x80\x04\xfe@\xbc\xfc\x91\xe9\xf4\xa6\xee\x9d&gt;\xfa\x0f\xc4\x84R\x8a\xa2L\x96\xcd[\xf4\xddr\xe0w1\xcd\x1a\x85\xb7\x9c\x91\xd5gS`\x8b\x89\x14\xc1\x13\x00\x00\xad\x87\xed\'~}\xa2H\xa2\x1c`\xa1\xcc_\r\xa1\xe5\xdat\xa8\x1c\x9a\xf59\xfe\x12=\x9b\x8db\xafA\xf5F\x12\x9d%\x8e\x8d\x07\xdaDW\x8ah.\x12\xbe\x017=\xbfR\xeaS\xad\x10\xb1\x82\xc2\xd8k\x1b\xd3\xaf\xff\xa2[tR\x95\xd2*\xa8\x02}\xa5\x1b\xe9|~\xd8\xd1J"\xb54\xf1\x1a\x00\x9c\x13\x07\x7fB|\xc9q~\xebJ\xce\xaf\xa8\xdf|\xc9Id\x9a1\xc2+y$\x7f\xc5y3\x8a\x80)\xb3\xe8\xe2yr\xbe4\x816\x00\xd8DW\x12\x9f7\xb1l\x99\x0cMiJ,-\x17\x927\x95\xfb[\xb0\xba+\xd5M\x00\xb0\x8a.\x9eW;\x0b\x18\x9b\x84\x94?"/\xb8$\x99\x88\xc2Y\xf4\x8dgB\xd9\xe7\xd9\x95\x9b\xcd\xc3+\x00\x9c%\xba\x84Fox\x1a\x927E\x8a\xee\xfd\x1f\xc0\x9f\n!&gt;A\x806f\xe9\x88\xf8\x94\xcd\x08\x1e\xedx\xb0\x95\xa0\xe1\xe0\x940h\xfb\x1d$\x15#\x9c}\xe0C]\x0f\xc9\t\xe6\xb2"\xd6\x0e\xc3\x10c\xc7\xc6\x03$\xd50\xa8\x05\xe8\xd5:\x93\xa0L\x184\xbd\x8d\xf8\x1a\xd1.\xb6\x1f\xfd\x93\x94\xec\xf3\xec\xe3\x98Er:6\x1e\xd0\xb8\xe3b\x85\x98\x014h\xea\xf5\xcb\x8d\x06\xa0\x12\xb1\xe3\x0eg\xc1!f\x9fD\x03\xc9\xb6\xfa\xe1\xab\x1f\xa9:\xb5\x02 $hX\xc6%i\xa8Mt_\xb7d&amp;\x15yYDU\x8c\x9e\x81\x9b\x9as\x91\xbc\xaf_\xc7\xb1`\xf6\xfe\x7f\xed\xe3\xaa\x0b\xfc\xc9Pm\xf0\x17\xf2\xe5oD\t\x1aM\xcc\x91X\xcaC\xbfy\xef\x8d\xa4A\xed\xabj\xbd\xf4\x9d &gt;\x88\xe8\x96&lt;\x9c*8\x8b\x01&amp;\xcd\x00\xdc)\xd6\xa7\xaclC\xeb\x02x\x8b\xb5.\x08A"pQ{\xd0\xf3-E\xc4q\x9b\x9e\xd7tG~\x12\x1c\xe2\xab\xd4]Z\xa7v[M\xcc\xbeo\x11\x01\xdc\xa4k\xca\xc0\xbf\x8c\x8e\xf4\xcf\xc4\xad\xafb\xda\xcd\x07\x00\xe7\xc4!\xdc\xd7\xd8\x0cN\xb4\x8c\xe8\xd5\xbc\xf7&amp;\x16\x1bd\x80\xf4\xb5@H\xa9O\'\xc6\x9b\x9f\x8b\xff""\x8e\xdf\xfc\xa2\x96T\x16a\x0b\x8a\xf2Gr\x82\xbe\xa</t>
        </is>
      </c>
      <c r="E44" t="inlineStr">
        <is>
          <t>&lt;class 'numpy.ndarray'&gt;</t>
        </is>
      </c>
    </row>
    <row r="45">
      <c r="A45" s="1" t="n">
        <v>43</v>
      </c>
      <c r="B45" t="inlineStr">
        <is>
          <t>steps_per_sec</t>
        </is>
      </c>
      <c r="C45" t="n">
        <v>700</v>
      </c>
      <c r="D45" t="inlineStr">
        <is>
          <t>5.3971357</t>
        </is>
      </c>
      <c r="E45" t="inlineStr">
        <is>
          <t>&lt;class 'numpy.ndarray'&gt;</t>
        </is>
      </c>
    </row>
    <row r="46">
      <c r="A46" s="1" t="n">
        <v>44</v>
      </c>
      <c r="B46" t="inlineStr">
        <is>
          <t>Loss/localization_loss</t>
        </is>
      </c>
      <c r="C46" t="n">
        <v>700</v>
      </c>
      <c r="D46" t="inlineStr">
        <is>
          <t>0.013444758</t>
        </is>
      </c>
      <c r="E46" t="inlineStr">
        <is>
          <t>&lt;class 'numpy.ndarray'&gt;</t>
        </is>
      </c>
    </row>
    <row r="47">
      <c r="A47" s="1" t="n">
        <v>45</v>
      </c>
      <c r="B47" t="inlineStr">
        <is>
          <t>Loss/classification_loss</t>
        </is>
      </c>
      <c r="C47" t="n">
        <v>700</v>
      </c>
      <c r="D47" t="inlineStr">
        <is>
          <t>0.5196555</t>
        </is>
      </c>
      <c r="E47" t="inlineStr">
        <is>
          <t>&lt;class 'numpy.ndarray'&gt;</t>
        </is>
      </c>
    </row>
    <row r="48">
      <c r="A48" s="1" t="n">
        <v>46</v>
      </c>
      <c r="B48" t="inlineStr">
        <is>
          <t>Loss/regularization_loss</t>
        </is>
      </c>
      <c r="C48" t="n">
        <v>700</v>
      </c>
      <c r="D48" t="inlineStr">
        <is>
          <t>0.030068064</t>
        </is>
      </c>
      <c r="E48" t="inlineStr">
        <is>
          <t>&lt;class 'numpy.ndarray'&gt;</t>
        </is>
      </c>
    </row>
    <row r="49">
      <c r="A49" s="1" t="n">
        <v>47</v>
      </c>
      <c r="B49" t="inlineStr">
        <is>
          <t>Loss/total_loss</t>
        </is>
      </c>
      <c r="C49" t="n">
        <v>700</v>
      </c>
      <c r="D49" t="inlineStr">
        <is>
          <t>0.56316835</t>
        </is>
      </c>
      <c r="E49" t="inlineStr">
        <is>
          <t>&lt;class 'numpy.ndarray'&gt;</t>
        </is>
      </c>
    </row>
    <row r="50">
      <c r="A50" s="1" t="n">
        <v>48</v>
      </c>
      <c r="B50" t="inlineStr">
        <is>
          <t>learning_rate</t>
        </is>
      </c>
      <c r="C50" t="n">
        <v>700</v>
      </c>
      <c r="D50" t="inlineStr">
        <is>
          <t>0.023120001</t>
        </is>
      </c>
      <c r="E50" t="inlineStr">
        <is>
          <t>&lt;class 'numpy.ndarray'&gt;</t>
        </is>
      </c>
    </row>
    <row r="51">
      <c r="A51" s="1" t="n">
        <v>49</v>
      </c>
      <c r="B51" t="inlineStr">
        <is>
          <t>train_input_images</t>
        </is>
      </c>
      <c r="C51" t="n">
        <v>700</v>
      </c>
      <c r="D51" t="inlineStr">
        <is>
          <t>[b'640' b'640'
 b'\x89PNG\r\n\x1a\n\x00\x00\x00\rIHDR\x00\x00\x02\x80\x00\x00\x02\x80\x08\x02\x00\x00\x00\x83\xaf^t\x00\x00 \x00IDATx\x9c\xec\x9du`\x15\xc7\xf6\xc7O\xdc\xdd\x85\x10\x02$\x04\x02\t\x84\x04\x08\xee\x0e\xc1]\x8b\xbb\xb7\xa5h\x81Bi\x0b\xd4\xa8R\xa1\xee\xee\xee\xde\xfe\xaa\xef\xd5\xf5\xd5^]^\xe5\xf5\xf5\xfc\xfe\xd8\xbb{gwgfg\xe5J\xc2|\xfe\x80\x9b\xdd\xd9\xd9\xb9{wwf\xce\x9c\xf3=\x00\x10\x89\x88\xc0\x06\x11_\xfb\r\x01\xb29ehTq*\x9c\xbf\xe7!\x80"uC\x19\xb13\xda\xd0\x98\x8ec\xf7\x02\x00@"@&lt;\xb5*\x80Z\x00\x18\xbd\xfa\xda\xc7&gt;G\x80\xb6\xfe\xed\xf1\xfd\xc8\xaa\xc8\xcfKN{\xc2\xf4\x95\xbb\xab[js\xba\xadFD\xf5\xcf\xc4\r\xe7\xfd\x9f\xbf\x86\xb8~\x86\x03[\x0f\xde\xfa\x8d\xa9*\x88\xea\xe9\xff+e\x88\xb9\xd9fz\xcc8\x87l*\xd1\x00\x85\x08\xc3\xde\x89\xc7\xdf\xa2n\x88QN\xf3-\xf7G\x04\x00\x80\x1a$\x00\xa8\x14i\x98G\xd4\x07\xe74\xf3\xf7&lt;\xe4u\x95\x89^W\x18$\xf8\x0f\xb5D"i\x1a\xd0\xfa\x03\xe3^o\xce\x94\xd7\x88\x88/\xff\x8c\x00EJ\xb5\x97&lt;\xf1\xdf[\xde@\x80X\x00\xf87\xff,\x99#\x01\xe0\x17\x7f\x996w\xbf\x8b\xd0r\n\x00\x00\xb4\xd6\x17M\x00\x00\xc8\x1d;d\xe9\xe5\xda\xa6]\xd7|\xa8|\x8b\x84\xf6\xc7\x01\xc0\x86\xf3\xffO\xfdR\xc9\xe4\xb7\xdb}\xedG\xe6/\xfb\xfa\x1f\xe4\x96h\x80\xecw(M\xcdS\xfe\xbb\xfb]\xdd\xae\xc7\xbfD\x88\xef?j\xf55\x00\xe5\x00\x91\xe4.\xce\x05\x07\xe8Llh\x07\xd1\xbd!\x7f\xdc\xf5\xaf @|b\x87\xe3\xa8G\xd1*\x914g\x86/\xbf2\xd4M0\xd2g\xde\x057\xbe*o&lt;\x89D\x94R\x00H\xeb\xbc\xf4\xd67\x99\x8f\xcdmo)\x1dp\x04@;\x80,\x81:\xdb\x13\x9f\x8b\x101\xb6b.\xc4\xf7\'K$U-\x04_\'a\xae\xb0+@!\xa7vD|\xeak&lt;x\xc7\xbf\xb5?\x8d\x9dM\xc2\x00\xc8\x18a&gt;\xf0]_1_O\x19Q6\x03\x00\xa8\xe7R*T\xab\x8d\x02HW&gt;\xbf\xf6;\x92\x05Tj\xc9c7]\xf8\x1a@g\x80,\xed:\xb4\x1b\xb1K\xfd\x9a\xbeS+\xe3\x06f\x1f\x999\xb2b\xf8N\xfa.\x89D%\x0c\xc7X\x8f}\x1evM\x92H\xc2\x8aV\x8e\x8e\xea\xbe\xf4\xf4\xa7\x84\x0b\xb7st\n:\xb9\xdd\xd7\x18\xb6(\xc6\xd5\xb6C\xb7k[\xa2\xdb\xcevy\x96\xf4\xce\xcb\x0e\xde\xf9M|\xe5|\xfdY\xe0\xe4\xab?\xf0\xfd\x1d\xdf\x1f\xa0\xed\xe9\xb7~\t\x11\rSO\xba\x93,\x03\x10gj\x1e\xcc\xdey\x1f\xff\x8c\xca\x98&amp;\xb2\xcdL\xd3\x9elud\x00\x005\xea\x87(\x1b_&amp; \x84\xbc\x01\x81"\xbd\xf3\xb2P7\xc1!a\xd8\x01K$\x12\x0b\xa2\xda\xcc\xe2&lt;\xba\xfbn\xfc\x97\xfa\x917\xd9\r\xee\xc3\x9f\xa9\xff390g)\x04\x80\x13.~\x03\x11\x01\xcas\xbb\xafY\xb0\xf7\x11\xedk\xb6\x1f\xb5{\xc1\xdeG4[71\xed\xce0\xd4B\xbb29\xea\x87\x16b-\xe9f\xde\xf47\xfb\x82\xb7\x1e\xbcU\xac\xdac\x97\xa2\xde\x9bX\xbbd7ff\xe0\xa2K\x0c\xc3J\x89D\xe2!\x9c&gt;\xcc\xe7\r\x14\x8a\x17S\x8e\xffcL\x1ff\xa9\x84\x01\x00\xa0,\x1b\x13TS\xcb\xda\xf8\x16I\x83\xf4\x96g\xd3\xe1\x11\r\x00I\xba]\xe9\xc3\x01r\x05\xcc\xf2\xc5\x00\x9d k\xd4\xa2S\x1f\xe3[\xd7_\xfc\xc9\xed5\xef:\xf9 \xbf@\xdb!\xdbM\xdbR]\x9e\x14 \xddu\r\x8e\xe9\xe2\xee\xf0\x8c\x9e\xb3\x0e{\xd3\x10\x89D"q\x83\x83N\xf7\xb4[\xbepu\xca\xc2\t\xda\xc7-\x97\xfd\xd3\xaatG\x00\xa0\xce#\xf5-\xef\xec\xc0q\xcc\xce!I\x89\x1d\x16\xe8\xb7\xc4\xd8:WJ\xa7\xc5\xdaIm\x1d\xe8\x1e9\xe1\xf3\x82\xf6\xd6E|\xd4x{\xe2\xad\x97\xbf\xedm\x85!%\xd3\xba\x08\x8dn\xd3\xce\xf2\xb6\x1d\x12I8P\x0fP@\xdb\x9e&lt;e\xf3\xed\\\x97]\x1a\xf9\xe3\x88\x00\x0f\x919\x16%\x06IO\xac\xf8\xeb\xac\xdfq\x17\x01t0l\xac\x9br\x88s\xc8\x9d\xef\xb8\xec\x99\x8c\xa7\xe3\x90\xd6y)\'\x88K"\t!\x0f|$\x87h\x12I\xd0q17j\x93Y\xbb\x82SU\xd9 \'\x8b\x94~\x07(\x00\x00\xf8\xd1\xcd\xd4-\xbe?\x00&lt;\xfa9\xda\x9d\xaa\n\x13a]\x84\x82q\xfd\xd8+\xf2\x1b\xd6\x05\xa8f\xc7\xc8\xd7\xba\xc4+\xb4\x08\x08\x89\xa4\xf9\xf0\xa9\xd3\x1e.\xba\xedlJ \x90}\xd6\x9f\xf7\nu\xbb\xe2\x9c\xec\xdav\x1a\xa0\xae\x17\x1c;\x85\xad8\xf4\xac\xb7\xedpK\\\xbfP\xb7\xc0=E\xd6E$M\x1ei=\x924A\xc4\xc2u\x12\xcc\x9b*G\xee\xf2\xbc1f\x10\x91\xea\x00\xdc|)\xd6\xff\xc9\xf3\xcf\xb2C\x9aG\xf5H$\x12\x89\xc45\xf5S\xcf\x04\x80_\x9dN"\xb7\x1d}\xc7\xd3\xe60(\x9dz\xc5\xb3\x9c\x16F\xb2w\x85\x03\x19N\r\xd1\x1eS\xd8sC\xa8\x9b \x91H$\x12\x95\xcd\x97\xbc\x15\xea&amp;\x08\x11[1\xc7N\xf1\x94@\xb5\xc3\t\xd1\xa1n\x80\x06\xd5\x93.$\x94Y\x17\x91H$\x92\xe6M\x87\xd1\xa7\x08\xb8\x19\x0bP0\xde\xf1\xa1Dv\x81c\x14\xb7![6\xe8\xc8\xdd\xdble\xad$\x12\x89$\x0cio\'xQRD\xf3\xf9\xb2\x11h$H\xc0\xa2r\xbdZN\x96\xd8%\xfc\xaf|\x90\xf2VI$\x920e\xd75\x1fzWYW\xef\xaa\xf2s\xf1c\x7f\x04L\xf3R"\x91H$\x12\t\x13A\xdd\xe6\xf0\xc4nj\xe7c\x90&lt;\xe6\x9e\xb8\xbeAl\x86D"\x91\x98\x88l=\xd3\x1f\'\x93:\xd4\xf3\xfa\x83\x13\xda$\x91\xd8\xa7\xd8\xbaH\xb3@\xea\x92J$!\xa6e\xff\x13\x19\xc9\x80;\x05\xbb)\x12Ixp\xc2\xc5o\x84\xba\t\x01\xa2\xb5\xf6\t\x11\xd3:/\raS$\x12\x89J\xee\x18\xee\xee\xd6\xdc\xbd\x1c\xd2\x9d\x1e(q\xce\x9as^\x0cu\x13h\xa4\x0f\x0fu\x0b$\x12\x89$\x9c@\xc4\xe4N\x8b\xa6m\xb9\x8b\x1a\xa7\xd4\xdc\x8cT\x91=C\xdd\x02\x03\x8eG6|\xc2\xdf\x17W\x12&amp;\xc4Z\x17\x91H$\x01BM\xc3w\xac\xac{5w\xc2E\x87\xf2\x9f\x7f7\xaf\xa1\x9bD"\x91\x04\x02D\x94\xa2E\xcd\x88J\xa1R\xa9C\x02\xdc\x0c\x89D"\x918\xa2\xf5`5\x87`t\xef\x906Db\x8f\x9b^\x0b\xe5\xd4\xb3\xd7\xec\xf3Bxv:Y\xa3B\xdd\x02\x89D"1\x81\x88\x00-\xd9\xbb\xd8\xb1\x92\x12\t\xd5E\xa0x"\xb4\x9a\xe6\xedY\x1e\xfa\xc4p\x16{\xa2\xaa\xd9u\xab&lt;l\x8cD"\x91x\x08_78L\xd0r\xd7;q/\x1a\xb4\xe8R\x0f\x9b"\t\x0f\xb2&lt;\xaf\x11\x11\xa7l\xbe\xdd\xf3j%\x12\x89D\x94\xdb\xde\n\x81\r\xb3f\xfciVE2\xac\nH(\xb9\x9cCs\xde\xb4a\xc1n\x82y\xda\x9d\xd7h\xdcR\xaa/Cw\x89\x0fB\xb2w/\xd2\xa241\xda\x86\xba\x01\x12\x89\x84C\xf1\xa4P\xb7@\xe2\x8aI\'\xdc\x1a\xaaS7\xcc&lt;\x87\x16/GM\xcf\\\x1b\xf0\xd6\x08\xd1\xa4\x85Nm\xd3\xdc\xa2\x19%\x12\xc9\xb1I\x13y\x97\x05\\F\x8d\xbc\x0eM\xe4\x9a\x08"\xe3\x11$\x92c\x05\x1b\xa9a\xdd\xbd\xe6\x92\\\x1c+Q\x89l\x00h\x15\xeaF\x04\x1a\x87\xe9\xad\x0e\xdc\xf1oo\xdb\x11\\\xa2Cs\xda\xa2\t\xa19\xafDr\xec\xf0\xc4WB}gR\xd5B\x80n\x7f \x02\xc0\x95\xcf\xa2\xfe\xe1t\xb7\x04\x1b\xd7\xcf\xe6\x01\xd2\x01\x9bF\x0e_1\xb4y\x13\x17\xea\x06x?\xd5n^sw\x89D\xe2\x94\xd7~G\xea\xeb\xa0\xa8\xf7F\x0f\\C\x0b\xc7[\x95\xc81\xfc]3~\x7f\xe9\x80\xcd\xb3w\xde\xef\xf6\xd4\xcd\x84v\x00\xd0\xe4\xfdwb\x8d\x99\xfe\x101\xa6|NH\xdab\x93\xc8\xe0\x9eN*\xd3I$\xc7\x06\r\xb3\xceE\xc4\x89\xc7\xdf\x1a\xcc\x93\x86\xd3\xd8_\xca\xe16{\xe4O,\x91H\xc2\x12U\x0e\xda\xa2L\xa7\xc6S\x9d\xd5\xbf\xf7\x86O\xe9;&lt;\xd0\xd82\xce\x9b\x9b/e\x00\x19\xb6\xd6\xec\x9b\x1fQmf\x85\xba\t\xcd\x90\xa2\xde\x9b&lt;\xaa\xc9o\x9e\x19\xb1\xf2*\x8f\xea\x94H\x9a\tE\x00\xf0\x1fSG\x8b*\x96\xc7?\xfbm\xf8\xccY=\'7\xd4\r\x10\xa1&amp;\xd4\r\x904GJ\xa6\x84\xba\x05\x12I\xf3\xa7\x05\x00\x14\xf6\xdc`\xd8\x8a\x04|\x15\x02\xc1~\xba)\xf2\xc4\x97\x18\xd9zf\xa8[\xe1\x01\x9f\x13?PT[9_\x94\xb0\xc8\x0eu\x03$\x92c\x8c\xc2^\x1b\xcdB\x04d\x07\\7\xe5\x10\x00\xcc\xdc~\xaf\xa1\x00\x00\x00\xc4)eV\x9d\xf5|pZk\x976C\xb6\xb99\xfc\xcff:\xb6\x90H\x02\xc4\xf4\xadw\x91\x7fn;\xfa\x0e\xf1W\x13\xf7\x16\x94H&lt;\'\xb9\xe3"\xf3\x14\x16\xf5@L\x1f\xfd\xfe\x18D\x9c\xb5\xe3&gt;\xad\xc0\xf0\x15W\x06\xad\xc1"$u\\\x18\xea&amp;HB\x8e\x9c\xcf\x85\x0b\xf1\x95\xf3=\xab+a\x80\xf6q\xf3%oyV\xadD\x126\xd4\x91\xbd/5\x89\xba\xa1\x87&gt;t\xd7\xb7\xc1o\xe51L\x85\xbb\xc33\xbdi\x85$\xacay0\xa4q\x8e9\xf3\xee\xef\\\x9f\xb7\x8b\xeb\x1aDi\xae\x8b_\x92c\x1d\xb2s\x1d\xb4\x98\x925(\xbbn\x95~\x9d\xb8\xe9\xd1D\x9b\xed\x9e\xe7\x7f\x08\xdb/\xeeF\xf8\xa9\xc6\xabF4W\xd6\x1f~\x19\x00\x00b\x02y\x12\xef\xb3Qqx\xe2KL\xad^\x12\xcc3J$\xc1\xc0\xdf\xb3&amp;\x0e\xb4,s\xcc\xf6dM\x94\xac\xbaUA~QJ\xbc%\xa5\xd3b\xf2\xcf\xd1\xab\xaf\xbd\xf9u\xef\x9fA\x07\xcfuj\x8d\xec\x0e%\x12/\xb0\xecY\xfd\xbdoT\xaf\xa0\xb5\n\xa0\xda\xee\x01}\xe6^\xe0\xe6|\x136\xdd\xe2\xe6\xf0\xf0\xa0\x86\xfc\xe3\xccp]/\x88\xad\x98\x1b\xea&amp;\x84\x80\x8ec\xf7\x19\xb6D[{\xaaW\x06\xa81zz\xb8\xaf"\x18\xa3\xf38\xa3\x92\x9aD\xd2\xf4\xc9\x18\xc1\x7fxV\x9d\xf5|S\x98\xfe\xb6v]C\x10r\xc1\xda\xc2(\x7f\xc8\xfd\t\x9aD(\xf31\xcd\x9f\x88\x00-\xc9-\x01~\xa6z\xd8q\x02(uv\x8e\xb0\x7f-H$a\x06\xf5\x99\xa1v\xb1\xda\xdc\xb7\xd7\x9c\xf3\x82\xd2\xb4`\x13\xddvv\xa8\x9b`\x03\xb1\x97]\x87\x80\xb7C\xd2\xb4\xb0\x9d\n%|H\x0fu\x03$\x12\xaf\xa1\xf6\xb5\x8d\xebo\\s\xce\x8b\xca\xae\x7f\x93+\xbe-&amp;\x87\xa0\x89\xae(\x05\xe8\xe0\xda\x7f8&lt;)\xf1b\xa2/\t%r\xcah\x0f"\x18I"ivd\x8e\x08u\x0b`\xfc\x86\x9bB\xdd\x04\x1f\xf2\xe5h\x8b\xe7\xbe\xc7\xc7\xbf\xf0\r\xd4N\xbb\xe5\x0bp~\x01\xbb{\xda\xaefO\xb3\x92@\xbf\xeee\xf42zX"iB\x0c\\xI\xa8\x9b\x10(dg\x10P\xda\x8d\xd8\xe5\x9dg\x80\x97\x013Me\x14\x95\xd8aA\xa8\x9b\x10z\xf4\xe1\x15\xcc\xc0e\xc1\x8c\xe6\x12I8#\xad\x97,\x12C\xdd\x80&amp;G9"~\xcb\xee\xeaB\xd8\x0b\x1ey\xec\x8fP\x9d:0\x84\x9bo\xa0\x01W\x19\xba\xb4\x0e\xf8\xfc\x07\x7f\xf1\xaaA\x12IS\xa1&amp;\xd4\r\x08\r\x95#w\x85\xba\t\xb6hi]$\xb8\xb0\xe6\xbe\x19\xb5\xcb\x0b\x1a\xd6+\x05\xdem"3QI\x08\x11\x16\x18\x08\xf3Q\x88Dr\xacS\xe8]U)\x82\xe5F\xad\xba\xc6\xbb\x93R\x08Skj\x8bI\xa46\x8b\xce\x94\x9a?NisS\x88[\x0b\x0b\x8azo\x0cu\x13$\x12\x89D\x8f|}\x873:q\xb4\xf8\xfe\xcc]\xa1\'L\x97]N\xbf\xed\xabP7\xa1\x89\x90:4\xd4-\x90H\x02H2mc\xb9ySR\xd51\xe53\xd2*`5\xa7\n\x97,\xf6\xe4|\x9ew\x84\xb7\xbd\x85\xac^\xb6r\xe4\xae0\xeb\x80%\x12\x89\xa4\x89\x11\x05\x91=C\xdd\x06\xd8z\xf9\xdb\xa1n\x820E\x13\xc5\r\xd7\x1a"]T\x18\xaa6\x16\xf6\xda\xa0u\xb1O}m\xfe\n\xad\xc2\xac\x03\xf6pmB\x12\x08\x12\xf8\xbb\xa7m\xb93l\xee%\x89\xc4\x15\xe9\xf3Oy8\xd4m\x084\xdeL\x1cmR\x05Y\xa3\x02Q\xef\xe1\xfb\x7f\xe29i\xa7\x0e\x8dj3\x13\x00\xf2{\xac\x0b\xc4\xd9YXu\xb1-\x10\x11\xa0m0\x9b\xd4\xa4\t\xff\x0e\xc6S\xbf\xc58\xd6\x0e\xeau\x98s\xf2\x03\xa3V_\xeb\xdd\xd9%\x92 \xd2v\xe8\x0e\xeds\xe5\xc8\xdd\xd42Yu+\x83\xd4\x9a\xe6Ld\x80\x13\xc0A\xf8(\xf3\xf1;`D\xac\x9fvf\x90\x9b\xd4\xf49V4DO\xbf\xf5K\xd6\xae\xf0\x1f\x88H$va\x8e7%\x12\x87\xc4\xf7g\xf7\xc1\x95\x97&lt;\xf1\xdf\x104I"\x91H\x9a\x08]M[\x8a\x00R\xeb\xa6\x1c\x02\x00s\x1e\x9eP\x90\xb1\xf1\x82W\xed\x94\xb7!\xa6\xd1\xb8\xfe\x06\xbb\xad\tCfl\xbb;\xb4I\x90\x16\xec{T\xe9\x83\xb7\x1f}w\xcfu\x1f#\xe2\xa7\xe15\x83\x91\xab\xbf\xcd\x92\x8e\xa1n\x80D\xe2\x92\xb4a\x00\xdd\xc8\r\xab\xcf~\x01R\x06C\xf6h\x80|;\x9e\xba\xe1Fuq\x9fM!:uR(N\x1a\x1e\x1a^1}\x141#w&amp;\xc4\xc0y\x9e\x879\x11\x86\xbf\xcb\x87\xed\xb4:D\xae\xafK$\x92c\x89\xa7\xbf\t\xf4\xf4.;\xc0\xf5K\x9a)\x05\xe3\r\x1b\x9a\xc5bjV\xa8\x1b \x914\x11\x06/\xb9\x8c\xb9/*\xf4\x11M\xe1\xc6\xb4\xadwY\x15\tS\x05\x89\xc0\xd1g\xee\x05\xa1n\x82\xc4[\xa8\x1a\x03fj\x01\xe2\x03\xdb\x10\x89$\\)\xf1\xa8\x9e\xf6\x1e\xd5\xd3\xbc\x91W\x89\x8a\xd1\x06\xcb$gL \x9b\xd1\x84\xa8\ru\x03l\x92=:\xd4-\x90HBM^p\xa3E\x03I\xa0\x03~$\x81\xc3\xe4D\x13\xdfO\xf9_\xc4p\x9aT\xb5\xd0\xeb\xf64u,\x84,BM\xbde\x89\xd9;\xef7m\xaba\x96N\x1a\xe4\xa65\x12I\xb3\x87\xc8\xeb\x991"\xe8g?V\xe2)\x9b\n\x86n\x95\xe3\x82\xfe\x03"\x14\x8c\x0b|\x8b$!"ep\xa8[ \x91\x04\x95\xc0\x06\x14\xc5W\xce\xa7m\xfe\xd1\xff\xf1\xfb\xbb\x03\xda\x00\x1ao\xd26f\x04\xf8\xa46\xb2\xa2\x16\xf6\xdc\x10\xb8v\x04\x1d\xeb\xd5\xbb\x88\x08\xd2\xc2\\XT\xcc\x94*K\x8f\x88\x80/^\xa0WR6\xddv\xd3\x02\x829~O"J\xbb^\xbd9{\x11\x11\xd2\x86\x05\xad1\x12\x89\xe4Xd\xd6\x8e{\x1d\x1e\x992\xc4\xd3\x86\x04\x02J\x1a\x0f\x89}\xc4}\x05\xa2\x03\xd8\n\xb7\xd4\x19\xfe\xfe7"@\xa7\x904E"\tg\xb4\x07\x9e\x14v`\xae\xb3r\xc4\xe4\x9a\x1a]B\xdd\x00\x89Db\xa6"\xd4\r\x90H\x82\x85\xcd\xa8Ak\xaf\x8a\xd0!u7\x9b\x17\x11\r\xa1n\x01IN\xa8\x1b\xe09\x9dC\xdd\x00\x89D\x02\x80\x88v2\xea\xb4\ro\xdb\xd71\x82\x8d\x85gI\xe0\xe9f]DB\xa7\xb6\xb0\xd7\xc6P\xb7A"\t,\x99\xec]-\x82\xd7\x8ac\x8b\xf4P7@\x12,\xd2\xa5\x03\x11\x05\x91\xb0\xb1f\xa1\xdb%\x91P \xbd\xa0\xbfc\x17\xfb4\xe0\rqHH\x04\x96E\xc9\xe8\xb2\x9c\xbb?\x15\xe0\x87\xe0\xb4\xa4\x89b\xe7\xcd\x1b\xf6\xd1e?8\xf5\xad\x0b\x05A\xeb\xf3\xd2\xd2\xd3\xad\x8a\xc4D\xb7\x9dmU\xa6\xd4\x8b\xb6H$\xc7\x1cM7\xaf\x83\x1bZ\x86\xba\x01\xae\tC\xe9\xa2\xe2\x89\xa1nA\xf3!\x14\x93\xcet\xe6\x8e\xce\xcbd|\x97\xa4y"\xfe\xa4!"@\xac\xed\x13\xc4\xf6%\xff\x8a.\xb7\x1c\xccJ\xbc\x85\xb3\xb2\xa0\xc7\x9eCS\x1b\xfb-\x91xM|\xff \x9eLP\xba\xd9\x0e\xf9\x8d\xd2\xbc,9\xa6\x11\xedVc\xfb bl\xc5\\\xda&gt;\x99\xfb\xac\xb91h\xd1%\xa1n\x82\x08\xc7\xb8\x97Y\x93\x0f\xaa\xae\x18~\xb2\xe7u\xde\xf2\x86\xec\xd1%M\x89:\xe1\xb4\xed\xcd/\xcaBB\'\xb1\xc3\x82\x90\x9e\xff\x98\xcb\xf5\xd4\\(\x0cu\x03\xa4\xc7\x96\xe4\xd8\xa54\xd4\rP\x90\xea\x19\x92p\xe4O\xdb}C\xd8{\x969D\x9f\xde\xca^\xfa\x04\x19\x91!inTyRK\x8f\x19\xe7xR\x8fm\x92\x07\x01\xd4\x00TzZ\xa9\xf0\xd2i\xf0\x89\xeaE\xdb\x1aXYo\x89\x1dB\xa8E\xd3&lt;\xcdT\x88\x08\x05\xe3\x03\xaf\xd9.\x91\x84\x88\xfe\x0b.\x0eu\x13\x9c\xf3\xeao\x98Z\xb3\xc4\xaaTQ0\x9a\x12\x10\xf4\xfe/!H!%i*d\x85\xba\x01\x81\xa2\xdb\xf4\xb3B\xdd\x04\x89$H\x84u|\xad\xc6\xb8\r7*\x1fl.\xfcdB\xcb)\x81h\x8f\x1e\x87\xa3\xf5\xd9\'\x9b\xb3\x9f*\xd4\xa7T/f\x1fwl\x06tyL\xe0W\x10k\r\xa7\xa8\x1e\xb7\x1f\x00\x00Zy~&amp;D\xf4\xca\xb8%\x91HBAI\x10:*7\x84\xf1\x82P\xe6H7G\x97\x0e\xd8\x0c\x00\xa1\xc8\xa6^\x10\xf436\x7f\xc8N\xd7\xb0\x12|\xe8\xceo\x9a\xec\xb4\xb5\x1b@\xe1\xc4\xe3o\xf1\xb8\xd6\xd2\xa9\x1eW(\x914\x1d\x0c\x01\xefa&gt;\x15\xb6\x1b\x88\xe2U\xf4j\x99G\xf50\x89\xad\x98\x0b\x10\xdda\xf4\x9e@\x9f\xa8yQ\xea\xbe\n\xc7\x93\xe0\xf8\xf6\xd4\xec\xd7\x12\x89Db\x13Dtg\x8eK\x82h2\xbdv\xb8\x8c\xf1\xbd\xb31\x9a&lt;T\x85\xc4\xa1\xe2l5\x00\x11!w\x0cmO\x04mc\x13c\xe1\xbeGC\xdd\x04\x89D"\t\x1d5\xe3\xf7\xb3v\xb9\xec\xab\xda\x8d\xf0*\xca\xde\x9f~\xfc\xb4[\xbe\x10;\xa4\x9a\xf8\x1c^\xee\xc1\x8f~\x8e]\'\x1fpSC^\x8f\xb5\xba\xbf\x8b&amp;\x98\x8a$\xba\xa9\xbfi"c\xcf\x02A\x95\x0c\xab\x95H\x02Ji@j\xcd\x1d\xab~\n\x87eZr\xb6\x1abQYDt\xa9\xeaW5\xe6\x14\x88\xee\xad3\xbf\xc7\xf4q\xdb\xac\xb0\x863\xddO\x0f\xcc\x19\xbd\xcd\x1b\xdd,\xb3P\x87m\x9c^J\xa8\x1b \x91\x04\x84N\xfe\x8f\xf1\xfd\x95\xb0\x9f\xaa1{\x19\x85i\xee\x97\xf9\xe3\xdc5\xa0\xa3\xbb\xc3\x83C\x1d\xf1\x99"\xd2\xc9\x90\xf3\xb4K1g\xdf\xb0\xe5Wxq\x8ac\x99n\xf7\xbe\xef\xcd\xcc/\xb2\xf5L\xea$R.\x18\x8b\xd0\xb2\xdf\x89\xb6\x8f\xc9o\xf4\xbe\x1d\x12I\x90\xb9\xf5M\xb1\x17P\xca\x10\xc6\x8e\xe0\xbb\xef\x0281\x9b\xdb\xf62\xbb\xec\xa9\xff\xf1\xa2;\xc2\xddo\xdcL\xd8\xe9&gt;\xf6?\x8e\x1f\x92\x1ex}\xa8\x8c\x11\xb9\xdd\xd6\xb8\xaf\xc6\xb5#E8\xd0\xe4\xbc\xe2\xc3\xc5\xddD"q\x0e"f\xd7\xaf\nu+l\xf3\xf8\x17\x9c\xf7\x1d?i\x04\xd5\xb1\xd9\xbe\xd7t\xeaP\xdb\x87\x00\x00\x94\x88\xe5(\x0c\x84\x96H\x93{\xc3\x06\x83\xa6\xdfq\x06\x9f\xb05JK$M\x92\xf01\xf9\xa6q\xf7F\xfa\x0b\xe4\x8c\x9e\xb1\xedn/\xea\x14\x81u}49@\x8f\xd7\x9b{\xce&gt;L\xfc\xd5t\x85\xbdl\x91J\\\xc6\xee\x900 8g\xad\x18\xbe\x93\xbb_\xff\xcb\xb6l\x96\xa1\xab\xd9\xf6\xcb\x87\xcf\x1bC"\x91\x88\x81\x88P:\xcd\xcb\xda\x04\xca\xac&lt;\xf4\\\xe9\x80\x93X\x05"\xcafx\xd5\x1e\x03]&amp;\x9e\xeeE5\t\xc9\x9d\x16yQO\x93\xa0\x9a\xb1=\xa09\x899\x06\t\xb3\xe8X\xbe\xb9P\\\xbb\xb9\xe37\xde\xe4a\x83\xac\xf0V\x0b]\x88\x91+\xaf\xee0\xfa\x94\xe0\x9f\xd7L\xe3\xfa\x1bB\xdd\x04\x89\xc4\x03\xba@\xda\xb0\xa0\x9dLY$\xfb\xcb\xdceF4\x00\xc0\xff\xfd\x07\xeb\xa6\x1c\xb4\xaa\xc3j\xc9\x87!\xac\xd3\xd4m\x8ca\xdb\xfe\xdes\xce\x874gvx3%\x0f\x7f\xc6\xfa\x9a\xed&lt;:\x85\xc49\xcdb\x91["\t#\x82&amp;}\x95\xa8&lt;\xbd\xe7=\xf03\xab\xc4E\x8f\xfc\xf6\x13"#\x90\xb7\xc4\xf6\t\xcb\xa6\xdb&gt;D\xa5q\xfd\r\x00\xc9\x84\x1fx\xac\xd0ay\x8d\x10\xd9\xb3a\xe6\xb9^\x98\xbb\r$ \xe2\xf7\xa1x\xf7\xf5;\xee"\x81R\xca\xba\xb2]\x1b\xa6D\x02\x00\xb0_4\xdc_"\x910\x88j;\x8b_@d\xf8\xac\x96I\xf7\xacY\x1e\xe0\x95\xcc\x85f\xc9L7\xef\x13\xb92\xc2\'\xf2\\\x91_\xcc\xdd&amp;{\x94\xd7\xe7\xd5h\x8d\x88\xc7\xb6\x90\x96\xe5O\xd0-\x18\xad\x08\x00\xd7\xbd,\xa7\xd4\x12I\x80\x114^\xa1J\x10\x9a\xa4\x91\xd8a\x01w\x7fw\xfd\x9f\x81\x90Y\xc8\xb4\xfe\xca\xa5S\x8f\xbf\xe8uGu7\x83l\x86\x19\xcd\xdb\xf2y\xdc)\x0f\xd36\x87\x97\xa6[\x98\x90S\xbf:\xd4M\x90H\xbc@\xcd\x8c\x16\x0c8=kv\xdd\xaa\xbe\xf3/\xcc\xe9\xb6\x1a ;$\x1dp\xa7\xc6}\xdc\xfd\xb9\x9e\x9c\x84\xbd\xab\x8a\x1d\xea\x1amj\x06O\x91#\x00d\x91\xca\xa0&amp;\xd2\x83\xd6\x8e\xd0\x91\x17\xea\x06\x849"*\xe52I\xa2D\x12J\x8a\xb5\x9e5\xb5z\t\xb5\x04\xea\xb1{\x82\xa86\x16\x06p/\xe8\x94\xdc\x91tE\xb6\xb1\xe4\x89\x88W\xbf\xc0\xfcR\x8c\xef+\'@M\x9d\n\xe2\xb3\xc8\xaf\x19\xb0\xa8\x9e\x00\xae\x0e\xb8\x84\xe2O.\x86T\xa0\x944O\x1cezO\x192n\xc3\x8d\xac\x9d\x86\xce\xf5\x7f\x94\xfe&amp;\x96\xd1\x01\xc7\x886\xa0PIQ\x10\xc6\x9d\x16[3Op\xcc1f\xedu\x03\x16\x1e\xf1\xb2I\xea\xd9=\xaf\xd3Dz\xe0O\xe1\x80\xc0\x8a6G\x94M\xb7\xeb@p\xf6\xbd?0\xf6XH\xac\xa7tZl\xebD.\xd9|\xe4\xcd`\x9eN"i~\xa4\xb1\xdf\xbc\x1ewc\xa6\xce5\xda\\\xe0Kw3`\xfb\xb4\x8bk7/\xf0g1~S\x06\x11\x00ZB\x8bl\x80\xf8\x80\xb5Gb"\xa1?y\xe3\xa9\x16\x1aG\xc3P\t\x83\xf2a;B\xdd\x04\x89$\xec\xa8\x82\xac\x91\xe6\xad\xb1\xed\xe6\x8a\x1c|\xf0\x8e\x7f\x0b\x9e\x06M\x98\xcb\x9cu\xf7w\xc1\xed\x80\xa9\x84$\xaf\x9f\xcf\xc1\xd5\'\xe9\x95&lt;8\x14m8fI3\xdf\x9c.nB\x11yQ\x11J\xf5n\x01f\xf9n\xc1\x81\x1d\x1f\x0f\r\x00\xc7`BL\x89\xa4\x89\xf0#\xf1R\xdbr\xd9?Y\xc5\x88\x17_\xb9w\'\x8f\xb2.\xc2\xc6\xb1B\xd6\xf1\x17\xbd\x0e\xf1\xfdi{\\\xa5&amp;\xd4\xe3&lt;\x86\xfb\xd5\xdf\xb0\xa8\xf7F\xefZ\x12\x86X8\x07\x154\xac\xef3\xef\x82\x1b\xfe\xcf\xd8\xe9\xf6\x9d\x7f\xa1\x8b&gt;\xb8\xce\xf0wV\x9d\x13}\xf5\xd0\r@}\\\xf7\x12\x06#\x07\x06\x0f\x0f\x1f\x13\x89\xa4\xb9\xb3\xe8\xd4\xc7\xf9\x05D\xdeh\xd5\xe3\xf6#\xe2\xdf\x0e\xdf&gt;\x85\x8e\x8ebB6\x95\xd7\xf2\xc2\tT+\xc2\xa7\x88\x90&gt;\xdc\xb85w,@\xbbk_\n}D\xcd\xa6\x0b_\x0bu\x13B\x0cc\xca\xdbE+p\xe7\xdb\xc6;\xd6\xd3\x1f.\xacEKB&gt;\x02\x90H\x9a+~cQ\xe3z\xa6\xdb\x94{\x96\x1f|F?\x8c\xcd\xef:\xf9\x00\xbf\x0fF\xc4;\xdf\x0e\xed\x93_\xaa\xfc\xf7+\xd1\xc8\xfd7\x7f\xcehvRA\xc3z\xabl\x01\xb4y\x18#\x83aS~\xeb\xf5\x08u\x03\xec\xb1\xfc\xe03d\xbf\x9b\xdfc\x1d@\xb9I\xbf,\xc5\xa9!\xda\x8c\x95\xc58g\xb4\xfa)&lt;\x92\xeb\x99\xc7\x8e\x12\x89$\xbc(\x9a\xc8\xd9\x19\xd9z\xa6\xd9\x87\x99e\xdc\xbb\xf8\xb1?&lt;z\xd3\xe5X\x17\x11\xc0\xd7\xc2\xb8~@\x99\xbb[\xf8\xa3\x02\xc0\xa7\xec\x17w\xebA[{\xcd&gt;O\xbc\x19\x00\xe0\xd5\x972\xc1\x8dp\xcd\x1f\x17\x98\x93\x86\x05\xe4}x\xd5\xf3\xc8\x96\x1aM\'\x7fz\xffo\x1a\xdd[]@\xf5\\\xc9\xb5\xbby\xd3\x9e\xeb&gt;\xf6\xfa,\xd6t\x1awj\xf0O*\x91H\x02\x0e\xc3\xfa\xe7\x15\x1e\xbc\x13\xcd\xadb\xb4\xd0\xa6,Fl\x1fW\xcd\xb2Cn\xf7\xb5\x9c\xbd6/\xb8C\xaf\xf8^\xb3\x0f+\x83\x98\xb0\xa2\xcd\x90m\xe4\x8d7l\xd9Qs\x99\xdcnk\x00\xa0b\xf8\xc9\x7f+\xb7A\x86AM,CT\x1e\xdc&amp;\xe4\xefr\xdb[\x9e[Dl,\xeb\xee\xbe\xf6#\xaf\xcf.\x82r\xa7\xf13yK$M\x97\xc8\x9e.\xfd\x92\xdc\xd2\x14\x94\x11\xcdc\x82\xffxl\x1f\xf6\xc4\x8b\x95O\x85u\x91\x80\x10\x11D[\xba\xa2\x0e\xc6\xb2\x10\xd0\xc7\r"\x83?D\xac\x9br\x08\xe2\xfb\x03$ke\x06-\xbe\xd4\x9bV7\x0b\xbaM;3\xd4M\x90H\x9a Yu+C\xdd\x04\xaf\xa25\xbc\xa5\x9e\xfc\xe3]\xc4\xcc\xae+&lt;?G|\xe5|\x00\x00\xe8\xecy\xcd\xe1\x03\xa3\x03\xf6D\xd1\xd3\x0e\xc9\x83\xcc\xdb&amp;l\xba\xd9\xdc\x01\xdf\xf96\x1ab\xaf\xfd\x1ds\xd2 \x8e\x85\xe6\xe83\x01\x1dj\x04V\'\xc4\x13\x02?\xd8\xb2\x9f\x06M"\x910\xe8\x1a\xea\x06\x88\xe3\x13\xb0u\x1c\x89\xc4#g\x8cX9\xc7\xe1X\x1ccc]\x08\xfa\xc2\x00b;^\x85\xb1\x02Rm.\x03\x00\xf7}\xe0\xf9\x12\t\x1f\xbew\xb4C\x85\x96\xd8\x8a\xb9\xfcE\xfd\xb2A[\xd9;y\xbe\x02sv=`\xa7!M\xccYO"i\xda\xac;\xfcr\xa8\x9b\xe0\x12A\x85\x81\x1a\xe1\n\x95@\x97\x10Jf\n\xab{:A,q\xa1\x97\xd8\x1e\xa3\xbcK\xed\x80\x0b\x18\xfdS\xf1$D|\xf9g\xcf;`c\xc4p\x88(c\xef\xaaJ\xe8p\\\xf0\x1a"\x91\x1c#T\x8e\xd8\x85\x88\xad\x06n\xf1\xa22\xab\\(\x8c\x90\x9b\x90\xc2\x7f\xf7ya\xf7\xcbk4m*\xb2:\xa6\x0c\xa0\x8e\xa6y\xe41\x8e&amp;s\x96\x8d\xa7\x91=:\x88\x13Gk\xb4\xc6\x8c]w\x83\xc82\xb06]\x0b\xee\x0c\xd8\x1d\x11\x0e\xa6\x98\x05\x8c\xed\x9e;x\xdb!uh(\xcf.\x91\x04\x8e\xf5\x87_FD\xab$\xb8n\xc8\x05h\x15\xb0\xca\x03\x8c\xee\xc9\xaf\x16p\xe2e\xbd\xbf\x82\x033W\xa0\x87}\x86\xaf*\xda\x92\xaa\xd0\x81t\xc4\xdd\xd0\xa2\xee\xf8\xa7\xdb\xef\x82\x88\x10\xa3\xb9\xa0w7\xf4\xbe\x87\xef\xffI_\x9c4\x12\xd4\x10\xdfB\xa4{s\x92z\xef\xed`w\xf0]\xac\x8bxAI\xdf\x13\x82s"\x89\xa4)a\xf1v\xceVd\x01JSk\xe8\xa9\x03\x9d\x936\xcc\xdb\xfa\xea\xc3\xd1\x153@a\xbb\x00\x90\x1c\xb4W\xa7\x8e\x82\xf1\x00\x00P\x16\xdf~\xbei\x1f\xcf\xa3\xbe\xa8W\x98\xaa]\xd2:`\xfa\x80\x00\x11_\xfdM\xbcw\xd4{\x17\x16O\x02\x80\x808\xdc\xe57\xe6\xf5\xe0\x85\x99\x999\xe5\xfaO\x94\x0f\x88\xb8\xf1\xfc\xff\xb3\x7f\xca\xf0P\x08\x91H\x9a&gt;y\xd6\xd3\xa3\x98&gt;\xd1mg\x07\xe6\xec\x1e\xbb@\x07\xd2\xa9\xbb\xbb\xfd\xde\xb4\x84XM,K\xee\xb8\xd0\xe3\x16Q&lt;bx\x19U\xfb\x1fwQ\x08\x97\x1b\xc3\xd9rk4A\xc7\xf65\x148\xf5\xa6\x7f\xdd\xf96\xda\x8c\xd9\xb3\xeak\x99\x03\xd0\xc0Z\x8c\xfa\xce\xbb\x80_@\xfb\xa5v]\xf3!\x00\x00\xd4\x06\xac-\xb2#\x97\x1c\xdb\xa8\x0f\x9b\x13[\x99\x1b\x8a{oB\xc4\xf1\x1bo\n\xdc)\xde\xfc\xd3\x18Ob\x82+\xff\xa4\'\xbfa\x1dw?E\xb4\x08\x00\xd2j\x96\x8a\x9f",h5=\xd4-\x10\xc7\xc6\xcf\xa70x\xc9e\xac]\xb7\xbe\xa9\xeb\x83\x97\x1fx\xe6\xcag\x11\x11\x1f\xfaD\xcc\xf3\xb9\xe5T\xbb\x8d1\xf3\tb\xe3\xfa\x1bk\xc6\xefw_\x15\x8b\xc6\xf57\xa8\xd9\xb2\xad\xe92\xf1\xf4@\x9ap$\x12I\xd2@\x00\x80L%\x85@\x13\x8a\x0br\x80\xab \xc2\x13\x85\xb2\x8e\xa7\xb1vx7\xff\x0b\x8fx\xd0\xc2\t\xac\xc1\xcd\x81\xdb\xbf\x0e\x8a\xb4\x88M"\x1a\xac\xcb\xe4\x8d]y\xe6sb&gt;Y\x01\xc1\xe6*\x8f7\xd6\xa3eg&lt;\xedI=\x12\x89\xc4\x01\x19\xaek\x08\xc5J$\x9b\xb8v\xf3\x82~Ng\xbeWN\x9c\x9cYSj\xcb~\xc2\xeb\x8e$\x9d\xbd\xcb\xb9\xdb\xdd_\x01\xec\xedj\x01\xba\x02\xa4\x01\xb4\xb1uX\x8b&gt;\xc7{r\xfa\x9b^\xf3}\xb5\xd7~GD\xec&gt;\xe3lZ))4!\x91\x1csd\xb7\x19\xb2\x8d\xfc{\xf2\x89\xb7\x01\xa4C\x92mOW.\xb6\r\x86\x81\'\x84\x01\xb8N\xd1\xfd(\xa1u\xba\x0e[\xda\x997U\x8d\xd9\xab\xba\x13Z\xb0x\xbfE2M\xd7d\x06\x7fn\r\x00\xac\x01\x9f\xa9\x19\x0e\xf5=&lt;\xa4\xdd\x88]\xeaG)\x04-i\xd6\xfc\x8c\x88\x88\x14/\xca\xc4\x81\xdc\xc0|[t@\xc4\x00/3W\xda,_\xef\xc5\x8b\xc6\xe3\xac\xc3b\xf8\xc5\x9e\xf2{\xf0\x97\xa5\x9d\xd1\x02 \x05 \xd6:\xaa;\xd8\xd0\xcd\xfb\xc2\xddX=mc\x82\xc0\x81\xee\xdd\xd6\x8c\x82$\xec\x0e\x98t\xf4\xb3\xb8\xbbDD\xd9\x9e\xfd.\x08}|@\x95\xd4\x9a\x93L\x9bDBE #BQoS\x0c\x891\'\x8c\x06%C_^\x8f\xb5\xd2\x9b\xc3.\xaaR\xb4\x01\x7f\xe2\x9d\x80\x18\xdb[N\xe95\xfb\xb0\xa3#E:3\x87 "3\xdfeTO\xfa\xf6\xd8&gt;\xcb\x0f&gt;cUqKK+\xc8\xf9\x0f\xfdjU\x89g\x1c\xbc\xe3\xdfo\xfc\xe1Ow\xe8p\x8a\xdcB\x89w\x82\xd8\x8a\xb9\x86\x1a\x9c\xce\xb9\xfdC\xe7\xe3Ny\xd8Q\r\x12\x89\x84\xc1\xff\xfd\xc7\xe9\xa3\xce\xe8\x83;\x8c\xde\xe3\xaaA,\xfc:\x18\xe6&gt;&gt;\xa4J=N\xc8\x80\xa8^\x8e\x0e\xac\x1b\xb7\xe1F\xe5Sr\xa7E\xf6\x0f\xef\x02-&amp;\xeb\x1bb\xf8\x11\xd3\x9a\xbbe\xdb\x91\x92\x97\xda#\xce&gt;\xf9~\xc6~\xd5\xee\x9d:\xc4Y\xfd\xe6\xd3e\xd7\xafrWG&lt;\xd9\x8b\x9bzt\xad[uxA8$V\x05N\xd8G"if$\xf4O\xeb\xac\xb9\xf6P\xd6\xcf\x04v)\xa8\x0e\xba\xe9\xc3\xc39\xe8S\x18\xaa\xd1\xd2C\x98.\xd3BD\xf5\xd4\x87\x0c9z\x8d\xa6\x0c\xb6,\xc2\xfa)\xa3\xda\xcc\xf4\xff\x11\xc9\x98\x86\x86\x1f\x1b/x\xb5\xa9\xdc\x9c\xfav:X\xef(G\xc4\xab\x9e\xb7\xccc\xed\x96\xa6r=%\x920\x85x\x84\xf4\x01$Y#=:C\xa5\xc8\xbb\xde\x0b4\xf5\x03\xcb\xe1B\xf8@z\xc7\xd85\xd4\xabK\xc2&gt;\xd5L\xda\xe1\xcc\xc5\x02\x03"Ah\xdd\xc4\xaa\n\x1dY\xa3B\xdd\x02\x052\x9fR\x0b\x80\x8e\xbc\xb2\xc9\x83\n{m0o&amp;\'\xaf\x86]1\x15sD\x94\xd5\x11\xb1q\xbd\xcf^\xd2v\xe8vDt\x91S\x8b\xc9i\xb7|\xe1y\x9dz\x02\xb8\xba!\x91\x84\x10-\xec\xa18\xa0\xa7A\xc4[\xde\xb01L\xce\xebnOZ\x8f@\x99Vv\xe7Ft\xc4\xb2w\xb9\xa7\xc0\xaes\xb5\xbb\t\x04y\xae\\\xc3\xa9\x11\x11 U\xd0\x9d\xaa~\xea!D\xec\xd4x*\xafPto\x07M\xb4\x89\xed\x10\xa6\x16}O\xa0\xe9b\xd2\t\x9bULrF\xcb\xd3/\xf3\x84\xe5\x07\x9f\x01(m7b\xd7W\x027[J\xa7\xc5\x81n\x8f-\xe4\x0c[\xd2l\xc9\xac\xa5\xe6\x99O\xe1\x06z\xda%\xd9\xaeGI\x8f\x19\xe7\xb8&lt;e\x97\x89g\xb8\xac\xc1&amp;\xb1\x00\xb0\xf8\xb4\'^\xfb]\xf4kf\xd6\xae\xb8\xfe\x15\x04\x80\xcb\x9f\xfa_\x80\xda\x94Zm\xebM\x1a\x87\x88\x00)\x01j\x8c%O~\xe5\xf8=\xdbA&lt;\xf5a\x98\xbc\xcd+\x86\xef\xdc|\xe4-\x00`\r\xd7\x96\x1f|\xa6\xb8\xf7&amp;7\xa7H\xad^\xe2\xa1\xc8F\x97I\x82\x0fT`B\x03XBcb\xa1e\x12Is\xa0\xf7\x9c\xf3\xbc\xae\xd2\x9e*\x82\x97d\x8d\xb4\xefm\xc4\x17x\xaa7e\x026D1VB\xe2@\xf2\xef\xf4\xce\xcb\xc0$D\xbc\xfe\xbcW\xd4\xfd\xbe\x18\x0cS\xb2H\xd1\t\x93Ug\x13\xe8E\xee&amp;F\x10\xfb\xe6\xd6\x90\xc3\xec9\xb4f\x94\xf4\xb3\x9f&gt;\xc8;\x13E\xe5\xc8]\xd6\x85BL\xf8\t\xaeI$\x01\xc6B\x8f\xde\xe6[,\x94R\x18\x84\xeb\x99[\x14\xab]\xc3\xccs\xd5\r\xc9\x00\xa5KO\x7fJ\xfdSqO\xebn\xd6\xb5W:\xddG\xffe\xb8h|\xfd\x01\xf1%1\xc3t\xa4\x9c\\\x1a\xf7\xb4\xbf\t\xdd@\xcaK,s\x03PB\xec\xd8\xb4\x07H5m\x8c\x00H2.\t\xa7\x0c!\x07C\xc6\xdf%V\xcb\x9ch\xbd4\x13\xbc1\x84E\x8e\xde\x00\xe4o\xc8o\xf4\xbeN\x89\xe4\xd8B?\x05T\x18\xb2\xf4r\xef\xdf\xe0"\xda\xbf\xde1o\xf7\x83\xa6m\xed\xf6\xde\xf0\xa9\xf2\xe9\x84\x8b\xdfh\x98y\xee\xfe\x9b?7\x94\xb0RD\x8a\xa1n\r\x80\xfeF\xb0Sq\x00\x80\x80\xdb6qKP\xbd\xac\xf3\x1a\xadj\xf0\x99\x10r\xeaW\x13\x1b\x03\xa2\xf4\xb4\xe3\xca\xf7\x00:\x91[Bb\xeb\xee&lt;\xe14\xfey\x89\xfbMo\xff0%\x80\n yc\x85\x8b\xda\x15\xd8\x91H\x9a$\x1e\xa7\x05\x0c&amp;\x81y\xd3\x89\xceu2j\x97\xf3\x0b\x8c^}-"\x92\nV\x1a\x83\x97\\\xa6\xbc\x10\xa3\xda\xcc\x02\x00\x80D\xbd(\n\xdd\x8f\xcc\xc30\xeb\xec\xbaU\x00\xb1\x9e\xae\xf7s\xc9\x19\xe3E-\xaaOY\x8ae\xc4m\xa2\xfa\xc1\xdf\xd9\xfc\x19\xbc~\xd1\xadk\x15\xfb\xc6N\xe1,\xd5[v\xc0\x8c=\x15\xda\xa7\r\xfeE\x10\xbb\x98g\xfc\x12\x89\xc4\x9a\x00\t\xc0\xea\x94\xe4\x06.\xba$0g\xf1\x9c\xf6\x02\xca\xd5\x15\x10C[o\x8b\xef?k\xc7\xbdc\xd6^\'r\x1a\xfd\xf4\xb7\x84\xdc\xae~\xa4g9\x0c0\xc1\x9cv8\xf8\x82\xb6\x92X8X\xe7\xf6@\x83\xf3\xb9\xef=\xee\xe6+\x86\xef\x04\x00bH\x11|\xc4V\x8br\xc6\x00\xc9\xc2\x89\xe8\x00\x00 \x00IDAT\xd4:\xca\xc2I\x86\xc5\x1b\xc7.S6\xdfN=&amp;\xb6\xdd\\\xfb\'\x92H\xc2\x9d.\xec\x85\xc6\x0c;\xbe\x0f\x11\xe0\xd3\xa1\x0c&gt;\x01\x1f\x8cO\xdbr\xa7\xab\xe3\x13\x07*\x1d\xf0K?s^\xd6\xb62\xc0K4\x9c\xaeA\xa6\x0c\xee0\xfa\x14O[\x12^L=\xe9\x0e~\x81V\x03O\xa2n_\xb0\xf7\x11\xab\xba\xc9\xc1A\'f)\x0fp\x92FL"\twZ\x0f\xda\xfa\xae\x90\x81\xce\xb6\xaa\xb3\xfb\xb0\xa2\xe6H\x1b\xd2\xf99\xba\xed\xecP\xb7\xc7!\x8a/\xb7\x05TkA\x10\x89.\x9fm\xf06\xa7\x95jo\xbf\xe2\xc4_\x1d\xd8\xb4\xd3\x86)\xff\xdf\xf1v8\xc4D\x19\x1eg\xa7\t\xa7\xb3G\x93\xfeb\x81\x80\x113)\x914\x0b\n{m\x08J\xfa\x14\x0b\x04\xd7t-$#\x84\xa0\x19\x1b\x1dJ4;\x81\xec\x0f4\x8f-\x82*\xae_\xae\x16C\x15\xc4|\xcc\xc1t\xd5\xf1\x0e_\x8f[8^\xdd\x90\xa3m\xd7\x17\xcc\x00\x80\x8ec\xf7\x05\xba=e\x83\xb6X\x17\x12\xc5\xe8\xbd\x81\x88\xca\xea\xf85/\xda\x0b\xbe\xe7p\xe4\xf1?m\x95?\xce7]&amp;\xd5\xe8"S\xab\x97\xd8?\xb3\xc3\xc4\xd2\x12IS\xa2\xa4\xdf\ta"P\x10Pj\'\x1f \xb4*\x85\x10Y\xcdR.]T\xdbYv\xdbC\x99\x93e\x8d\x04\x88\x8f)\x9fs\xde\x03?#\xe2\xd5/\xd0\xc5\x08\x111D\xc9\x10\x03jZ\x0c\x10\xb9\xca\xe5UdO\x00\xe0\xdc\xfb~\xec8v\x9frI\x05$b\xecM\x8bM\xb5\xe9\xd6kN\xbf\xf5K\xea!\x83\x97\\\xc6\xaa\xb0\xa4/5\x1a\xb8\xecc\xc4\x9f\x10\xf5\x9a\x97\xa0\x88\xde\xb0\xaa\xca\xac]\xf1#"5\x9e\xe7\x8d?x\xd7\xc1\xd9\xcb\xe1\xf0\x03?\x0b\x97\x15\\\xd5\xe2\xb8\xaa4\xef\x0c"\x92\xe6NL\xf9\x9cP7!\x08\xb8O\x9aD\x99\x92\xaa/q\xa6c\xaa\xea\xb7\x9c\xa6K`@\x1c\xeb\xab!\xa6\xf7\xb9\xf7\xfd\xb8\xf7\x86O\xbbN9\x88\x88O}M\xbe\x13\xcb\xcf\xb8\xfdkG\r\xe6Hr\x1e\x0bt\xfcKos&gt;\xe5\xfaO\xc8\xdd\\\x8b\xb4\x9f\xdd\xd7~\xc4\xdae\x88&amp;\x1f\xbd\xfaZS\x91R\xdf\xffQ\xbd\x18\'\xa2\xe8\x96#b\xff\xe3.\x06\x80\x07?a6\x8f\xbe=\x93\xa7\xdf\xbe\xff\xe6\xcfiIv\x8b;\x8c&gt;\x85\xa3&amp;\x86\x885\xe3\xf73+\x8d\xef\xcf9\xa3W\x0c_~e\x10\xce"\x914%*G\xeez\xe8\x13\xf7Sg\xb7&gt;\xd8=f\x06s\x8d\x99\x12\xb2u\xf5\xf3\xf6/\x82b\xeb\x8e\xea\xf57\x1a\x01\xe8\xdem\xfaY\xe0\x7f\xc3\xba\xcb\x9b\x14*\n\xc6\xab\xed7\x8dZ\x82\x93=)\xbfQ\xdf\xb9j\xf2&amp;~\x07CC\x07\xdc~\x94x\x88\x97\xd0\xa4\xed/D\x93&gt;\x1a\x87\x96\x00\x10_9\x1f\x11\x01\xb2\x11\xd1\x90RP\x80X\x8e\xe3\x1e"\xce\xd9\xf5\x00@\xb6y{\xe3\xfa\x1b\x84OA\xa9\x16@I\xcc\xac\x05\x94{f)\xd1\xbe;"\x06syH"\t#\x88W@\x9d~OG\x9d`\x82\xc7c\xe1*\xc1\xc4\t\xa1\xb0\x9f+\x93\xe92\xaf\xaaK\xef\xbcLy\xd5\x0eXx\xc4\xc6a\xaa;O\x18 \x9a\xe2\x02\x11!2\x182)\xfa1M\x95\xd9\x8c\xff\xa1y\t@O\xb7ig\xb2*\xaf\x18~\xb2H\x1b\xa6l\xa6z\x1d\xc7\xfb\xe6\xcdE\x13\xcdm\xd6&gt;\xe7v_\xa3l\xc9o`J\xaf,\xdc\xf7\xa8H3\x94 "\xb5rs@\x91u\x88Qr\xc7Em\x87\xee\xa0\xee\x9a\xb2\xf9\x8emG\xdf1i\xe9\xe8\x82\xd9\x1c?\xa1\xda\x81j\xc0}\x05\xbb\xacT\xed\x904\x0bZ\xd0\x97\x9d\xd40\x83\xfcFaev&gt;\x01O\x02\x13Hj\xed\xccl&lt;F}+\x15\x85\x93\x85\x99X+u\xed\xab\xe5\x89\'\x14\xads\xad\xa6\xee5t\xc0\x88\xc8\xb19\xb38\xf2\xd8\x1f\xc2e\x95\xe8d\xa1h\x82\xbd7~fUD&lt;G\xa4et\xbb\x03zp\xf7r\x04mJ\x14\xaf7K6\x9c\xff\x7fv\xda#\x9145\x10Q\xff\xa8p\xd3\x972\xa6}-\xfbo\xf6\xb0I\xcd\x8b\x90\xa5\x18j\xfe\xc4\xf6a\xe5\xb8e\xf5\xaf\xd4\xbdv\xa6h"\xddF"d\x8c0[bCa\xaa1\x07\xf4\xc79\x98,~\x87x\xd6\xdd\xdf\xb9o\xcd\xa5O\xfe\xf5\xd8\x17..B\xe1\x04\xd3&amp;\x19+/i&gt;8\x08\x85\x14D\xf7\x9c\xbc\xccS\x9fhn\xd4O=\x14\xea&amp;\x84\x15\xce\xfc\xb7m\xdbK,\xfa\xd7\xa8^g\xde\xf5\xadVL\xf3\x91\x0e\x10O|\x89\x00\x90\xd9u\xa5Ha\xeap\xc1\xd9y;5\xd2l\t\t\xfd\x89x\xdf\x88E\xa7&gt;fQK\xc2\x00\x8b6PeAY9\x04it\x18\xbd\'\x14\xa3\x13\x89\xe4\x18\xa1\xd54\xdd\x9f\x842\x03"\xde\xf3\xbe\xff\xd9\x9b\x1f.)\xd35\x9cJ\x13\xf8\xe1[\x14\xa8I\x17x\xb9\n^\xfa\xc9\xf6\xab\xea\xb2\x80e\x1dv\xcc\xcc\xed\xf7\x04\xb4~c\x07\x9c\xd7H\x7f\xc5\'\x0f\xf6\xf0\xd5\xdfw\xde\x05\xb4Y\x9a\x08!X\x91A\xc4\xfb&gt;\xb4\x9e\xfds\x0bXN@cZ\x0f\xda\n\x02\xa9\x9c\xd8\xfae\x1dg\xee\xb8\xd7\xeaX\x89\xa4\xc9CO\xbfS\xdc\xe7x{\xd5\xa4\x0f\x17/K\xccN\x08C\xa27\xaa\xfd\xb6\xa0\xaa\xec\xc6\xf8cH\xbc\xc7\xb7\x1e\x89\x88\x00\xf5\x96\xf9\xa0LY\x81\xedR\xc3\xde\x95\xee\xaef\x16\x9c\xf5?\xc5c+\x02\x00\xde\xfao\x00\xe7=d\x07\xdcw\xfe\x85\xac2\x81k\x808m\x86l\xd3o\xc8?\xff\xa1_\x05\x8e\x13Q\x87\xee\xca\xda\x81\x88m\x86l\xb7&lt;^\xd1\x11\x138\x91\xb1r\xf5\xe9\x16R\xfc\xe6\x9c"L~#\x89\xc4K\xf6\\\xf7\xb1i[\x01@\x17\x9a\xb3F\x0c@-%\xda\xdd\xe1`\x1f\xb4X\x08\xce\xfa\x9c\xd3\x9a\x83\x80\x12\xd0\xd2\x91\x16R\xe9\x80B5P8T\xc9d&lt;H?`\'K\xb1\x07|,v{\x10}\x00=jh\xd4\xeak\x10Q\xf8w4\x06\xf0x\n#\xd8,\xa67\xf1,\x94\rYz9\xad\x10\xcb\xc9\xc0\x1b\xd9d\xce\xf3\xb8\xf3\xaa\xf7\xad\x8ev\x12d\xc8\x0b;\x96H\x9a\x1f3\xb7\xdf\xab&lt;f\xb7\xbei|\xd8*\x86\x9f\x8c\x88\x8c\x88\x97:\xdaFk"[\xcf\x00\x86\x0c\xc2\xb9\xf7\xfd\x18\xc6\x1dp\xd2\xab\xbf\xd1\xd5\xa9\x00\xa0\xdf\xfc\x8b\xecT\xa5\x8b\'\xae\x19\x7f\x9a\xabvy\x80mI\xcbq\x1bn$\xff\xbc\xf4\x89\xffz\xd7\x18\x92d7q\xa5:+\xb4&gt;\x90\xf4\x07\xc4\xb3\xef\xf9^_\xdc\x93\xb1\x88\x8f\x98\x8a9"\xb7ql\xc5\\\xf1:\xc7o\xb8I\xe4\xbc\x84\xee\xa6\x91\xf4\xce\xcb\xea\xa7\x1e\x82\x9c16\xc6L\x11\r\x88\xc8\x8eV\xb2L\xedl\xa0k\xb8&gt;\xdd\x12I0\xd1\x87\x8b \xe2\x89G\xde\xac\x1as\x8a\xe1\xf1\xb8\xe9U\xcc\xaaS\x9dG\x8a\'\x89Umv\xe6\xa2&lt;\xbd\xd4\x0ex\xcc\xda\xebh\x1dp45\xa5n\xf0\xb1\xf1\xee\x88\xeb\xc7\xdd]c\x0e \x99\xb7\xfbA\xfb-j\x1a\x84\xf0\x9d\x1bW9O\xd7\rG\xf7\xb6r;\xa2HS\xd9b\xc4\xca\xab\x8f;\xe5a\x9a\xbe\xb7\x1e"\x1e:\xa5\xd3b\xdf\xb6\xd63\xdc\x9cZ\x1dg\xf0\xa4\x19o|\xd5\xaca)P\xad\x0em\xc5D4\xfe\xdb.j\xacc{\xd9[K\x9a+\xe9\xf6\x0fQ\xe7m\t\x03x\xd15\x19#\x8c[h\x13h\xed\x9d\xf8\x89I$\x81|\xea\xd4?=\r\xe6\x89\xed\x1b\x98\xb0\xc8\xc0\x11\xa0\x9c\xcd|\x0c\xb1\xaabIa\xc3\x0cD\x84\x82q^\xd4d\xe9\xbfm/\r""\x1egv9L\x1d\n\x00\x00\xc9z\xd1\t\xb2\x9f\xe3\xf9\xf4\x89D\x03*c\\\xc1FR(\xf2/&lt;!"\x94\xda\xf0vfct@\x89\xab\x9c\'z\xa8\xf9m#\x914!\x1c=\x8dv}\x83\xfd\x0f\xd8\xf1\x17\xbe\xa68\x8fh\x1dpA\xcf\xf5\xa4;I\xb3\x1e\xf3\xba\x19F\xb8\xd7\xb2\x06pqy\xc7\xac\xbdN\xb4h\x84on\xe7i\xca\xf4n\xee\x12\xde\x05P)\xe9\xf0\xfd?\x11\x7fy3R\x8c\xaf\x9c\xaf|\xf8H\x97{\xa3\n\x00\xbaN&gt;\xc09\xf0\xf8\x8b^\xb7\xaa\xbb\r"\n\x0c\xe9X=}\xa9:\x14\xcb_~\xf0\x19\xabJl\xe1_\xd2B\xd3\xa0\x9c+\x83\x15V\xaap\x12\x89\x18\xf3v?\x98\xd1eyPN\xe5\xf7s\xf9^\xf7h\x95\x06{\xc57\xb6/\xcb\xddI\xac\x19\xaa\xb3\x8co\xa6\x02\x84\xc80I=mcvB\xfb\xe3\xae{\x19\x030\xf9\xb6\xb1J\xaa\xc4\xbf\xb2\xb8\xea9\xc3j\x9f\x1bG\x1ek\xcd\x8a\x01\x0b\x98\xd2\x9b\x888m\xcb\x9d\xb4=\xfe\x17q\xdb\xa1\xdb\x7fCt\xa8\x08\x960\x00\xa0M\xc0\x9c\xc0\xcdy;\x1c\x06\xd9_\xf7\xb2\xe1\xb6\xa4\xaf\xa1"b\xbb\x11\xaa@\xa6!\xeaOO\xa7\xc6SEn\xf5\xee\xd3\xcf\xe6\x17\xe8:\xf9\xa0c/\x10\xbb \xa2\x87\xca\xaf\x12IXp\xc5\xb3\xe6\xe70\xd1\xecUq\xcd\x0b\xa6b\xf9\xaelz\xab\xcfz&gt;\xbf\x87\xa2p\xdbR\xf5\x01v\x87=\x1b#\xcb\xfd\x84\x1e\x88\xe5\x84\xa4A\xda\xc7\xf2a;\xc4\x8fk5\xf0$\xcf\xda\xc0\xa3\x8a\xb3O[\x8f4a\xc7\xc4\x9a=Z\xac\x1c3\xd5\x04"RS_\x08@\xda\x8a\x9910(\x16\x84c\x05?\xc8\xdb\x9a\x15\x07\x9f\x15\xf2cJ\x1e\xcc\xdf/&lt;\x8a-4\xf9\x9a1\xe3\x94\x02\xc7\xc9W\x7f\xc0\xda\xf5Ss6\x80I$\x04\xdaC[&gt;l\xe7\xf8\x8d,\x07\xcb|\xc8k\x14\xab/\xa0q\x1a&lt;\xd0\xaf\xa6I\x9dz\x06\x82\xe0,\xca\x8a\x04z\xf2`\xbf\x97c\xbdq\xfaM\x1el\xfd\x06\x8f\x08F\xf6\x85\xf0F\xfd\x1d\xcdQ\xf2\xb4\x04\xbd\xde!\x98j\xd7\r\xcc\xf0\xb9\xae\x93\x0fv\x9bv\x96\xb7\'\x9b\xb1\xedn(\x9c\xe0\xc0i_"\t_r\xbb\xafA\xc4\xa4\xaa\x85\x00\xfa\xe8^\xd1\x04G\xa4\xd1R\xeb\x99\xe8"\xbdV\x08\x9a\x13\xdd\xba\xaa\x869y=,\x95\x83\\\x92\xa1\xb7\x04\xd8\x17\xfcR\xbc\xe83\x86\xef\xb8\xf2=\xaf\xda\xe4\x10\xf6]\xaa\xac\xa4.=\xe3)V\x81\x0ecNA\xc4\xfaigz!y\xa6\x03\x11\xafz\x8e\x1c\xfd\x04(\xadd\xaa\xe0\xf2vB\xfb\xe3\x1c\x9f\xe3\xb4[\xbe \xff\xd4Fuk\xcfy\xd1T6\xbf\xa4\xef\tj\x99\xe2W~U\x16\x98\x84\xf2.8\xa6Y{\x8dH\x8e\x19\x10\x11 "\xbd\xcb\xb2\x90\xb6\xa25@\xab\x906\x80\x83\xafaIU\x0b\xbc\xaeY\x1b\xc1p=M\x98\x18c\xb4\xb6^\xfe\xb6\xcd\x1a\xf2A\xb9\x01,"\xcd\x9cX\xe9O\xba\xf4\x1fi5K\xad\xcby\x80&amp;\xbf%\xea\xb0\x1d[1\xf7\xdf\x88\x00]\x18k\xf9\xd6\\\xfd&lt;\xb2\x14\x19\x85;\x06\xf3\x821\xe7\xd8\xb46\x83\xb7\x996z\x12\xa4\x97\xc4\xb6\xb8$\n\x0ey\xe7\xed~\x10\xa0\xa4\xcb\xc4\xd3\x19\xfb}\xdf\xf4\xc4#o\xdao\x9eD"\x11\xc2\xf6`\x9fx\xdd\x18_%\x867Qj\xcd\x12\x87\x8dr\x8a\xd6\x80\x80\x0c\xb43G\xea\xfe\xb4\x88\x1e\x06\x00\xb0\xe77\xd7b\xb2\xbd\xf6\xd8Cp\xd6\xd8\x99\xfc\xa3\xb0\xe7\x86@4E\x8fi\xe97\xb2\xa7\xd5!\x9e\x8by\x85\x7f\x16,\x8fc\xeb;O\xb0\xd4\x93I\xe6/X\x0c_q\xa5\xd3\x93;s\x17\x90H\x9a9\x16*\xc7\x00\xa0\x84\xdb\x8bg\r\n\x96\xa7\x12\xb4\x1d\xba\x03 \xef\x02!U^\x03\x8e\xfd\x9c\xa3K\xfaQ\xf31s\xa8a\xed\xb8\xf3mi\x9as\x80\xb3\xa5\x13!\xc4\xc7pe\x83\xb6\xfc\xc7\xe1\x80O\xd4o\x80\x16\xea\xc3\x81\xe9\xf4\xe0\xd9\xc04s\xa4\xb9\xaa\x92~\'zS\xb9D\xd2\x14\xa8\x06\x80\x8f\x83\x1c\x1a\x14\xdd\x1b\xa0#\xe4\x08\xfa\xcd\x06\x91\x84\x01\x00\x10\xd7\x8e\xaa\t\x90\xccr^M\xee\xb8H\xfd\xd8r\xd5\x99\xcf\xb9m\x83N@\xd1lY\x8d8n\xef#.j\x17_\xf8L\x08\xf4\x94\xee\xf4[\xbf\x14/\x1c\xd9f\xa6\xe3\x13\xf1\x17Y&amp;\x9fx\x9b\xe3\x9a\x1d\xc1tb\x1a\xb9\xeajH\x18`\xf1$\xe67\xaa5\xa8f\'\xa7.o\xbf!\x02\x14;;\xd6&gt;u\x02sV\xa3S\xa7\\\xeb\x954\x7f\x94\xc0\xdcw\x11\xd9\x93\xd7X\xcf#Y\x9d*\xf0y)\xde\xeb\x1dJG\x95\x0c\xd4\x18\xa4\x16\x93\x17\xec{\xd4t\x88\xc0\x02\x1b5\xeb\xaaMf\xef\xbc\xcf}%\x1e\x11PG\xd6\x0e\x8c\xed]\x01\xba\xcc\xdey\x1f5&lt;I\r\x8d\x03\xcf\xef\xab\'\xbeb\xf5\x1c\xbc5\xf5\xf2a;S:-\xd6\xac\xb2\'\\\xf4\x86\xe5\x89\xc6\xae\xbb\xc1v\xe3\x04\xd1+\xd7j\x90\xa3\x99\x8ec\xf7\xdar\xea\xce\xa8\xe5.\xa6\xc4\xf61\x84\x17\xae?\xfc\x8ax\xe5\x12I\xd3$k\x141\xb7\x0b^\x8c "\x8a\x0b</t>
        </is>
      </c>
      <c r="E51" t="inlineStr">
        <is>
          <t>&lt;class 'numpy.ndarray'&gt;</t>
        </is>
      </c>
    </row>
    <row r="52">
      <c r="A52" s="1" t="n">
        <v>50</v>
      </c>
      <c r="B52" t="inlineStr">
        <is>
          <t>steps_per_sec</t>
        </is>
      </c>
      <c r="C52" t="n">
        <v>800</v>
      </c>
      <c r="D52" t="inlineStr">
        <is>
          <t>5.3338614</t>
        </is>
      </c>
      <c r="E52" t="inlineStr">
        <is>
          <t>&lt;class 'numpy.ndarray'&gt;</t>
        </is>
      </c>
    </row>
    <row r="53">
      <c r="A53" s="1" t="n">
        <v>51</v>
      </c>
      <c r="B53" t="inlineStr">
        <is>
          <t>Loss/localization_loss</t>
        </is>
      </c>
      <c r="C53" t="n">
        <v>800</v>
      </c>
      <c r="D53" t="inlineStr">
        <is>
          <t>0.013323834</t>
        </is>
      </c>
      <c r="E53" t="inlineStr">
        <is>
          <t>&lt;class 'numpy.ndarray'&gt;</t>
        </is>
      </c>
    </row>
    <row r="54">
      <c r="A54" s="1" t="n">
        <v>52</v>
      </c>
      <c r="B54" t="inlineStr">
        <is>
          <t>Loss/classification_loss</t>
        </is>
      </c>
      <c r="C54" t="n">
        <v>800</v>
      </c>
      <c r="D54" t="inlineStr">
        <is>
          <t>0.26367578</t>
        </is>
      </c>
      <c r="E54" t="inlineStr">
        <is>
          <t>&lt;class 'numpy.ndarray'&gt;</t>
        </is>
      </c>
    </row>
    <row r="55">
      <c r="A55" s="1" t="n">
        <v>53</v>
      </c>
      <c r="B55" t="inlineStr">
        <is>
          <t>Loss/regularization_loss</t>
        </is>
      </c>
      <c r="C55" t="n">
        <v>800</v>
      </c>
      <c r="D55" t="inlineStr">
        <is>
          <t>0.030119479</t>
        </is>
      </c>
      <c r="E55" t="inlineStr">
        <is>
          <t>&lt;class 'numpy.ndarray'&gt;</t>
        </is>
      </c>
    </row>
    <row r="56">
      <c r="A56" s="1" t="n">
        <v>54</v>
      </c>
      <c r="B56" t="inlineStr">
        <is>
          <t>Loss/total_loss</t>
        </is>
      </c>
      <c r="C56" t="n">
        <v>800</v>
      </c>
      <c r="D56" t="inlineStr">
        <is>
          <t>0.3071191</t>
        </is>
      </c>
      <c r="E56" t="inlineStr">
        <is>
          <t>&lt;class 'numpy.ndarray'&gt;</t>
        </is>
      </c>
    </row>
    <row r="57">
      <c r="A57" s="1" t="n">
        <v>55</v>
      </c>
      <c r="B57" t="inlineStr">
        <is>
          <t>learning_rate</t>
        </is>
      </c>
      <c r="C57" t="n">
        <v>800</v>
      </c>
      <c r="D57" t="inlineStr">
        <is>
          <t>0.02628</t>
        </is>
      </c>
      <c r="E57" t="inlineStr">
        <is>
          <t>&lt;class 'numpy.ndarray'&gt;</t>
        </is>
      </c>
    </row>
    <row r="58">
      <c r="A58" s="1" t="n">
        <v>56</v>
      </c>
      <c r="B58" t="inlineStr">
        <is>
          <t>train_input_images</t>
        </is>
      </c>
      <c r="C58" t="n">
        <v>800</v>
      </c>
      <c r="D58" t="inlineStr">
        <is>
          <t>[b'640' b'640'
 b'\x89PNG\r\n\x1a\n\x00\x00\x00\rIHDR\x00\x00\x02\x80\x00\x00\x02\x80\x08\x02\x00\x00\x00\x83\xaf^t\x00\x00 \x00IDATx\x9c\xed\x9de`\xd4L\x13\xc7\xa7\x82\xb7hq\x87Bq\x8a\xbb\xbb\xbb\xbb\xbb\xbb\xbb\xbb\xbb=\xc0\x03/\xee\xf2\xe0\xee\xee\xee\xee\xee\xcc\xfb!\xbd\xeb\xb5=\x89l\xb2In~\x1f\xa0\x17\x99\xfdg\xb3;\x93lV\x00\x00\x00\xa0d\xeb%`C\xb2"}\x11\x11\x08\xfb\xc4\xe4-\xc0\xbd\xf1\xca_\xac\xe5\xc2\x0b_\x11\x11W\x9c\x0e]J\'n~\x856\xac8\x85\x90\xb8&amp;\x17\x99*\xa1\xbcbR\xd5&amp;\x08}q\x0f\x11 \x87\xf5g\xc1&amp;s\x10\x11 7GIz\xc5\x9f\xfc\x97\x0e\x88\x06\x90\x02"\x16\x01H`oo\xe6\xb3\x9f\xf1\'"@|\xadu\xa9O\xde\x063\x14Z\xe0Q\x80\xfd\xa4\x9e@\xb5\x0c(\x13t\xc6\xee\x07A\x8f\xf5\x95\xba\xaeblz\xd2\xe6W;\xee\x84\xb8\xd9\xfd\x16]c\x9c\x86y\xf0\xe7-\x80 \x0cD,\n$\x84\t\xd8\xff\xc4\xb6q\r?!\xe6\xac=e\xc1\xc1\x9f\xbcu\x11\x04A\x10\xc1\xa4\xe4-\xc00\xb4\x18s\x80\xb7\x04\xb1\xfcw/D\x00\x1e\xb2\xfc\x8e\xf0\x07\x00\xc4\xcc\xd6\x9e\x9e2\t\xbd\xe0\x9b\xa9\x15o\t\x04\xc1\x83d\xb5\x17\x1d\xfem\xf5\xcb\x84K\x0c\x94QG^!"\xc6\xcb\xd3\x15\x00\xcawZa\x8d\xc4\x00P\xb4\xc5\x02D\x8c\x9b\xbb\x8b\x12\xfbI\x10\xb1\xcd\x84#l\xc4\x12n\x8c\x81*\x15A\xb0%R\xbaf\x14\x80M\xc9\xca3\xc2m\x8d\x00\x00w\x10o"\x02+_\x171mS\xdbxN8\xc3\xa78o\x05z\x07\x11S\x96\x18\xc0[\x05\xc1\x1f\xabW\xc9]w\xaal#\xa3V?b(\x89\xd0\x15\x14q`\xf6\x9e/\xb6M\xdb\xbc\xe5\x10\x86\x87\n\x92r\xcc\x91\x87!\x1cK\xb8\x82\xb2\x8dH=\xa5X\x8b\x85\xf2\xd2"\x08\xad\xc1\x90\xf0\x96C\xd8\'q\xa1^\xbc%\x88b\xf3u*H\x0c\xb0\xe4a$\xdeB\x94\xf2\x03\x11\x11\x0f&lt;\xd5\xb4&lt;\xbc3o\xf1+\xder\x91\x89\xaf\xce\xed\xb8\xf8=D\xf4m5\xee\x10oE\x84}\x8c\x12\xd2:L&gt;\x8e\x88\xcf\xd4T;h\xe9-\xf5\x8c\xeb\x84\x9d\xf7\xe8!F,a3*j`k.J4\xe0\xda\x1f*\x18\xdc\xf1F\xc4\x14\xc5\xfb\xb31Fo\xc0\xc6\xc0#/o\x05\xba\xc0#e=D\xfcA\x05\xd5,\xc8\xf09\x82\xa7\xba\xf4#\xe8\xc4\xb9{\xbf\xb2\x16\xa5_\xf2\xd6\x9fA^\x9a/B\xf1\x0b5s\x86|\xd6\\\xa0\x00L\x18\x86\xfc\rg9/\xa5\x9a\x95\xe1}\x8f\xa9\xb20@\xf6\xfd\xf2/9\x90\xad\x12\x82\x10\x83\x10(W\x86\x99\x07W\xa9ED\x04\xf0af\x94 x\xb0\xf7\x91FqQ\xedH_\xbe\xd3\nU\xed\x87$~\xce\xda\x935LNkJ\xb5\xf9\xc7\xee\xfd\xf2LY_{1\x84\xd1\xa9;`+Ks6\x018\x0bK\xbb\x04a^\xd4\x7f\xd5\xd6nB%\xd3\xb7~\t\x17X\xb9\xdb\x9a\xb0\x1bQ\x8d\xd9}\xe5\xe2\x97\xa3#o\t\xc6`\xd59\x13\x15W\x9b\x00\x1c\xe0ho\xd8\xed3w}2w\xa5u\x07\xf6=F\x804\xbcU\x18\x12s\x14~D\x04\xcf|\xbc\x02p\x83!;\x9d\x0c\x11n3\xe1\x08+UA\x17\x98\xb4v\xd8\x8d\xe6\xb8\x8f\xee\x86\xa9\xee\x9aP\n?:\xb8$\x07e4\xa2n\xcb\xee\xf5\xbfzT\xa5\x12\x888\xf3\xbf\x8f\xbcU\x10\n\x89\xa0\xe4\xe4\xbd\x8f\xe4\x04\x12\xdb\xf0c\xdb\xb7\xb6H\xf3\xf9J\xc4\xb0b\xf5y\x14\x96\x96\xec&gt;\xfb\xbcrk\xfa\xf4T\x84&lt;\xb6\xdc\xd0i\xe8\x91\x0f"\x02x9\xdae\xf7jo\xeb5\x00\xaf\xb9\xa0GU*\xa1\xdb\xc7 B3|2\xb5D\xc4O\x12\x8b\x81ur\xf9P\xdbuU\x9c~\x89\x10\xa3+\xc1\x84\x06\xc4\xcd\xdd\x05 )o\x15ZQ\xb1\xcb\xfff\xd0;\x96^\x11&amp;2\x8b\x92\xa1\x05o!\x84I\xc8\xdfh\x16o\t\xd2\xb0\xfb\x18\x91\xb6\xdc0.b\x00\xd2qJ\x97 \xdc\x06D\x8c\x9f\xaf\x1bo\x15\x00\x00\xcdF\xeeE\xc4\x04\xf9\xba\xf3\x16B\x10\xdcH_a\xa4\xf0G\xb7Y\xe7\x84?"\xa6m\xcaON\x10y\xeaM\xe7-\x81\x03\x88\x08\xde\x05x\xab`\x0c"\x16m\xbe\x80\xa7\x82\x92m\x96DL\xdb\x84\xa7\x02=\xa1M\xc3/\xb5\xadi\x87oI\xcam\xa3s\xea\x03}\x8e\xe1\xc9\xb2\x13A\x0b\x04\xf5]x\x95\xb7\x16\xc6 \xc3\x997d+\xe0[\xb8\xb5I\xfd\x99\x8e:F\xc6\xd7\x8d\x12n\x9c\xfb\xac\xf4\xf2\x11\xf1\x8b\xab\x89;\xec\xf5\x86\x8d\xa30]\xd3#\xe4\x98~\x06\xf0\x00\x00@x7\xaf/z\x00\x11[\x8d=\xc8[\x05c\x16\x1c\xfc\x19\xe2w\xdcJ/4.i\xdc\x83\x81\xa3\xd4\xeb\x0e\xd8\xcaP\x98\xd5\x17\xe7\xa85\x89\x95M\x85b\xb4L\xaej\x8f\xb5\x9a%\xa7\r\x88\xb8\xf4\xb8\xd8\x00\x9c\xb3\xce\x14\xcd\x84I%v\xceN\x00\xbe\xbcU\x04#\xe4\xd8}\x16\xe53w\xddi\x00\x19\xc2l\x8e\xab\xdc\xb2\x0b\x92\xd6\xb6\xf7\xecE\x10\xfaC\xcf\xc5t\xd2\x96\xd7\xacL\xad\xbd\x18T!{\xb0\x18\xfc\xa0\x10\xd4v\xd2cD\xccPq\xa4f\xc9iC\x8c\xac\xed\\\x1e\x13?o7\x804\xa6\xbc|U\xe95\xef\x92r#Bg\xec\x0b\xdf\xf8\xfa\x16Y3\x00F(\xccX\x05\xa1o6_\xe7WJ\xdb\x8c?\x8c\x88\x10\xbf\xaazI\xe4k0C=\xe3"\x89\x9c\xa19D)\xce[\x05\xc1\x81\x82\x8d\xe7\xf0\x96`$v?@\x88PH\xb9\x9d)[\xdfX\x1e\xeec(\xb7\xa6%\x88x\xfc\xadN\xdfI\x08\xe6DH\xd3\x04\x11\x87\xaf\xbc\xafE\xdbLX\x1a\x0f\xdf-\xd4\x93\x8eSO\xaa\x94\x84\x0e\xde\xb03\xea\xbc\x1d\x92\x90B\xc4\xc2M\xe7\xf2\xd6`N\x9a\x8c\xd8\xa3\xe7&amp;1m\xa0\x1c\x10I\xcf\xb9\x17yK`C\x8eZ\x93!B\xe1\xc1\xcbnsS\xa0j\x99CD\x80\xb4*\x19\x17C\xc1&amp;s\xdc\xb2R\xe5\x00\xf0\x00H\xce[\x06{^"\xa6);L\xeb\xee\x12\xa6\x06\x11\xe7\xed\xff\x0e\x00\x8e\xe6\xeda\xc8M\xc4\xa2-\xb8\x8e\xfdp\x8a\x11|Eb\xde\x02\x00t\xf1f\xc5\x86\x84\xf9{\xf0\x96\xa0"\t\x101k\x8d\t|E\x18\xa1R\x11\xe2\x89n\xb9\xa1\xe9y+1\x0bIj%/\xd6O\x83t\xaa\xf6X\xab\xf3\xca\xa8sy\xfaa\xc2\xc6\x17\xbc%\xe8\n\xdf\xe5\'\xf5Wl\xea\x0f\xda\x8e\x88u\xfao\xe1-Dx^3\xe1\xeb\xa0qA\xc4\xc3/\xe5\x14Yk\x1fW\xafT\r\x98\xab"TE\xff\xfd\x93\xdbM&lt;\xca[\x02A0Bg\xf5\x8d\xe6\x93\xd3\x11\xfb\x1ec\xf4\xacm\xa5\x9e\xb5\xe4\xe8_k\xa1\x8a\x9b\xbb\x8b\x1a\xc2\x08\xf5\x98\xb7\xff;\x13\x87\xd0y\xda)&amp;z\x08\x97d\xab1\x91\xb7\x04\xbd\x139Cs\xde\x12\x1c\xa0\xb3\x00Ld\xdc\xfd\xd0\xf0\xf7\xc2m\x0bU`\xd5q:\xf9\xfe\xa7\x04&amp;\xf7\x0ei\x99s\xad\xd8v\xcb\xed*\x9at\xf4:\xc3\x8fP\xd9\xe8k\x81Np\xcf\xb8e"2\x01\xc4\xe7\xad\xc1\x1c\xe8h\xf2\x13\x9dC\x1e\xc3\xd8\x8cY\xfb\x84\xb7\x04B \x1c\xaf\x00\xec0Q5\x07\xa0[\xa9\xd1{\x83\x06\xa9h\x82\xc1\xc6\xd4\x12\x04\xc1\x1fo\xea,\xa3\x03\xac-\xb7\x8f5\x8f\xc1\xa7?\x06\xa7X\xbc\xe5"\x9b@\x92]c%\x84H\xc6oxn\x88W\x9fh\x81m\x00";\xd8\x19W\x9b\'&lt;B\x9f\x88\x99/\xcf\xfc\xac:\xe7\xa6_\xec\xf4\x06\xda\xc0OE\xcau\x978~\xbd\x0b\x07\x10;f\xf6\xf6\x9cR7\x12\xdbo\x1b\xa0\xce&amp;*\xd0\x13\x11\x9f"\x82\xa5[V\x93\xe1\xbby\x8b"\xf4\x82\xfe\x0b\xb0\xea\xb4\x1ew\xd8\xea\xf4S\x95\x1a\xcc[\x8e\x9b\xe3\xa1\x83\x00\x0c\x00\xe1\x83\xfe\x8fWE\xeb\xb9\x82}KV\xef\xb9\x9e\xf7\xe5\x1b\x08\x0f\x07\xdb\xedL\xd6q\xe6\x13\x87\\MQ\xbc\x7fPyNV\x07\x11\x9b\x8f\xda\x0f\xbe%\xb5\x97\xa12yx\x0b0\x00\x1b\xaf\xdaqk\xa9K\x0f\xd9y\x8f*;\xa1#R\x0b\x0e\xab\xc5\xe8\xfd\xc2o\xae\xd1(-\xc5BB&amp;\xe1\n"b\xe7i\xa7\xad\x0f\x94Y\xab\x8f\xe7\xadI*y\xa4.F[\xb8\xe9&lt;\x95\xa4\x98\x00r&amp;\x84\x01\x88\x97\xb7\xab\xedK0\x95Z\xc2\x88\x9c|\x8f\x88\xb8\xf8\xf0o\x1d\xb4\xe8\xc8#%"\x02\xa4\x14}|N\x00@\xc42\xed\x97\xa9\xa7\xc9,\xf0XV\x81\x08K\x9d\xfe[\x101m\xf9\xe1\xbc\x85\xe8\x8b/J\x02p\xb2:\x90\xac\x0e{M\x84\xea\xc4\xe6-\x801\x88xS\x17\x9fT4!f\xd9\xa0?t\xd0\xc6&gt;f\xed\x13\xb7\xc8sB1\xd1\xdd\xa5~j\x02"~AL`\xa2\xb9\xcb#\xa6m*\xfd\xa4x\xecu\xa8\x0f"F\xcd\xdc\x1a&lt;\xf3\x9a\xaa:\x84/\x94\xbd\xe6\xa4\x0e\x93\x8f\xf3\xd6\xe1f$\xa8\x86\x88K\x8f\x9b\xa8 \x11j\x11\xafJ\x84\xb4Mx\x8b0\r\xa9x\x0b`\x89\xe5\xe1L\xd7+:$.\xd4K\xc9\xe9;\xef\x067u\x0cY~\xe7\xda\x1fz\x1e%\x180}\xc7{*H\xea\x82\x88\xe0]\x80\xb7\n\x82\'\xc5Z.\xe4-AEd\xf4\t\xd7~V\x19\xbf\x1c\x1d\x95\x9cn\xbd\xbaX\xd9;d\xaf9i\xdc\xfag&amp;\xf3\x9b\xbb\x1e\xe0\x90\xe5wx\xab \x08\xc6x#\xe2Os\xd5UB*\x88\xd8y\xfai\xde*\xe4\x93\xa9\xf2\x18\xe7\x07 b\xa6*.\x8e1\x13\x89\x0b\xf52M\x00\xd6\xc7\xb8vc\xb3\xe8\xf0/\x88\\L\xc3\x04#B\xd2\xda\x1a&amp;\xa7\x08D|\xc0\xadhy\xe6\xa3\x92\xcd\x91\x91\xab\x1e\xf2\x96`x\xb2V\x9f\xa0}\x01n:b\x8f\x8c\xb3\xc2\x054b\xae\xc4\x11&amp;\xab\xd4\xc2\xf2J\xbcU\x18\x95\x1f\x88i\xca\x0e\xd3,\xb9\xccU\xc6&amp;)\xdcG\xb3\xe4\x14r\xf1;\xd6\xe8\xbdQ\x91\x89\xf8y\xbb!"@\x14\xa9\'\xd6\x1d\xb0\x8d\x020\xa1{\\\xadL\x90\xbc\xae\xd3\xddI\xd8)\t"a\x019=\xd4:N=)\xfa\xd8\x00\x19\xf6m\xa9\xd1k\x83B\x0b\x8a\x89\xc8[\x00a\xc5\xf98(\x9a{\\\x19K\x8f\x055\xd1L\xd9\xf6V\xd2\x89\xd4\xb6C\xe8\x1f*\xa2b\xd8t\r\xeb\x0e\xd8\xeax\x7f"md,=\x8e\xa9K\x0f\x06\x88\x01\x90Z\x9b\x14\xf5\xc0\xc4M/?1.\xa2I\xf88\xe7HE5M\xce\x1c\x9c\xfb,\xdc\'\xc9O\xfa\x14\x80\t#\x10\x98\xb7\xfe\x0c\xde\x1a\x18S\xb6\xc3r\x86\xd6\xecT\xe4\x84\xd5\x19\xda\x17\x8f0eF\x92\xc2\xbd\xb9\xa4\xce\x0b\xe6^t\xd1\xa1_\x1c\x9cs\xc2\xea\x14\x0b\xe4\xb0\xf1*\x96\xef\xb4B\xc6\x89E\x9b/@\xc4\xf4\x15F2\x97D\x10\x846\xcc\xd8\xf9\xc1\xea\xac\x0b4\x9ae\xef\x10\xadg\xe7(\xd9f\xc9\xd8uO\xb5K/\x99a\xba\xfc\x88g\xc1\xc1\x9f\xda\xbf\x1dQ\x00&amp;\x08\xc2P$\xa8\xc6\xddm\xb9\xe8*\x1c\xa5\xb8\xe6\x8a\x8cL\xac\xf2\xbc\x15p#M\xd9a\xd6\t\xe4\t\xc2\xa0$\xe4\xee\x915!B\xc8\x9f\xb9\xf9\xa8P\x81\xca\xddVK\xbb\x9c\xc45d\xa4\xc2j\x8e\xa1\x92m\x960\x18\xab\x93\xac\x0e@Z&amp;z\x8c\x0e"\xb2\xfe\xa0\xabSr\xd4\x9a\xdcx\xd8\xae\x88\xe9d\xcc\x13G\x10:\xc6#\x85\xc3~\xb9\xf7\x11\x01\xb2j)F\x13\xd2\x98\xa33\xc1\xd6\x9b\xc2U\xe4\xe2-D\x02\xd5{\xadW\x1e\x80\x83\xce\xf5\xab\xc0V\x9b\x111GIv\xce\x80%7\x9a\x8e\xd8c\xf3\xe5b6oEr(\xdej\x11o\t\x84\xd1\xf8`\xd2\xea\x8d\x88\x85\x9a\xce\xe5\xadB)\x06u\xbe\x82\xeco\x06T\xaeO\xbeK\xc8I?e\x05&amp;P\xfb"\x97\xb6\xdc0\x83\x96s7\'\x03o\x01z\xa1\xe3\x94\x13\xb2\x8bo\x9a\xb2\xc3"\xa4\xd1\xd3\xb4\xd5\xf4\xd2cC\xc9\xd6K\xfe3\xdc\xe2\xdeQK\n\xcb\xde\x19\xce\xa5\x16jb\xf8\'6\xd9Xo\x16\x8f\xa1(\xa9\x8cXZ\xdc\x9d&gt;\x0b\xae\xf0\x96\xa0#\xccU|\xbd\x85\xff\x10\xb1Z\xcfu|\xa5t\x9avJ\xf54\xbc\xf2\xab\x9e\x84V\x0c_y\x7f\xd0\xd2[\xbcU@\xc7)\'\x11Q\xdb\xf9\x0eU#IM\r\x12A\xc4\x99\xff}\x04\xf0\xbf\xc7!\x00\x13\x86$\x12o\x01\x84\xba\xb8\x85#\x88_E\xc15&amp;`\xa9\x84\x05\xe9\xca\x8f\xe0-\x01\xc0\\3\n\xd4\xea\xbbI\x83T\xde`\x08\x9c\xf4\x1a!\x08B,\xc5Z.L\\P\xd1\xd2r\x1c\xc9\xdb`\xc6\xb1\xd7f\xf0\xa1\xceQ\x10\'\xb2\xc98g\xc3\x95\xa0\xc8\xf4\xdb,!*,7\x10\x11q\xefc\xfd^]\xa1&amp;sX\x98\xc90k\xf7g\x16v\x04\xe2A\x94\xe2\x00\x99\xd8\x19$\x083\x93\xc3\xe5\x11m\'\x1c\x9d\xb6\xfd\x9d\x06R\xb4\xe4\x13\xe2\x99O\xfa\xf5\xad\xd2\xd1\xb4\x93s\xef\xf9\x97\x85\xb8\xfb\xc2\xbc\x018F\xd6v:\x7f\tf\xa2\xadX\xcb\x85\xba\xbd\xc0Pl\xbd\x89\x97\x7f \x98\xedc\x99\xd9A\xc4\xfa\x83w\xf0V\xa1S\xf4\xec_Te\xc1\x81\x1f\n/&lt;|@cFZ\x8cG\xa4t\xcd\xde \x02\x80\x7f\xc9Af-?\x05\x1a\xcd\xd2y\x00\x06\x16\xa1\xa8\xde\xa0\xed\x88\x08&gt;\xc6\x98\xd8D\xcf\xf7\x82\xb0C\x85\xce\xffC\xc4\xac\xd5\'\xf0\x16\xa2St\xee_\x14\x92\xa2X\x7f\x00\xb0\xb3\xf4\x90_y\x85\x17\xbe\xed\xb6\x99\xf3\xcd5\xd1J#b\xca\x12\x03\x00@_\x1d\xe0\x99\x12"\x00G+\xcd[\x8eJdE\xc4\xbd\x8f0Q\xc1\x9e\xbc\x95\x88\x05\x11\x01\x92\xf3VA\x10,8\xf7\x05\xa3gi\xcb[\x05{\x12\x16\xe8)x\xcfY\xbb&gt;\x85\xda%l\xdf\xfbH~\x045\xf7\x83\x8b\x08\xd2 b\xebq\x87x\xcbP\x97\xc5G\xfeXo\xb4\x99o\xb7\xe2\x9e\xde\xf9\x1a\xced"D$ak4A\x18\x99\xf0\x85x+P\x01\xcbknX\xd7)l\x94\xba\xd2eX\x0b\xca\xf4\x19\x9b\xde\xf3/\x03\xc4\xd34\xc9\x04\xd5\xfeh\x9e\xe7\xcdF\xed\xdb\xf7$(\x00W\xe9\xbeF\xe3\xd4\x8d\x02"\xca[O:$Y\xdd\xbcN\xf1\x02\x11\x01\xfcy\xab L\xc7\xbaK\xce\x02p\xcf\xb9\x17\x95\x18GDG]\xd8"\xa4i\xac\xc42a\x97.3\xce(s\xd0\x91\x95\x9cN\x8f\\\xea\x93\xfb6\xe50\x0f\xa2ei\xc3[\x02a^\x10\x11\xc2\x15\x0c\xb5E#gJsr1\x05\x11\xe7\x1f\xf8!\xfb\xf4\x87\xcan\xfa\xd6[,\xcb\x0c"^\xfbC\xf1\x86 \x087#o\x83\x19\xbc%\x10r\x89T\x94\xb7\x026X\x9e\x02\xb3\xf0\x16\xc2\x9c\xe8\xbc\x05\x10\x1a\xe0\xc6+\\*$^\x9e\xae\xe37&lt;\xe7\xad\x82\xd0;\x89\x0b\x19u\xf6\x15Ui6r\xdf\xc8U\x0f]\x1d\x15[\xc4\xf2\x7f9? \x02\xc0\xde\xc7\x18.u#\xc7\x87yg\xad&gt;&gt;\xd4\xa6\x1a\xbd7\xb82\xce\rk\xdbR\xa5\xae\xabf\xec\xfc\xa0\xc4T\x86\x8a\xa3\xdcs\xb0_\xaaR\x83&amp;lz\xc9[\x85c\x92\x14\xee\x8d\x88\x9e)\xeb\xf3\x16bD\xe2\n\x8f\xde\x01e\x86\xf0V"\x87\xd2m\x97\xd2\xa78M\xf0F\xc4~\x8b\xae\tK]\xad\xbdHy\x1e\xc4\x80%7\xd8\x96@\x97\x1fDB\xef\x8d[I\xdfU \x82\xebC\x08\xa7\xe8\xbd\xc3A\xdc&lt;]\x10\xb1J\xf7\xb5\xbc\x85\xa8\x88:\xc3+cY;\x06\xb7\x19\x7fX\x05\xfb\xacH\xefd\x9f\xae\x8b\xa6+\xf6&gt;\xd6\xacjEVr\xb2PH\x1a\x0e\xfd\xcfQOr\x82\x15\xe5:\xfe\x0bIkK9#\x1c"\x02\x04\x08?\xf25\x9c\t^\xf9\xd4\x10F\xf0B\xff5.\x12"V\xeda\xe6\x00\x8c\x88\x1b\xaf2\xbe\x07\xbd\xe7]\xb2\xfa\xd3\xda\xfd\xb6\xb05\xce\x10\x9d\x17&gt;%hS\xb5\xe2\xe6\xe9\xc2\xc2LV\xe1?\xfd\xbb\x03]\x92L\xe4q2\xb2\xb7\xf9\xa8\xfd\xd6S^\xd0\xad1!\xc1U\xafX\xcb\x85|\xa5\xd8%\x05"z\xf97\xd0&gt;aD\x84\xc8\x86\xee\x06\x92\xdaR\xe13\xf3V\xe2\xa6\xac\xbb\xa4\xbe\xc7\x8c^\x86\xa11\x8a\xbe\xeaa} \x8e\x16(a(\xc8\x1dz$"8\xc2\xf5\x91&lt;\xb1\xd6\xf3\x0f\xa8\xc0\x8d\xbfT{\xf9\x93\xbd\xe6D\xde\x12\x8cK\xb6Vc\x0f\xe9\xf9\xd5\xdc7S+\x11Gy\xcak\xe1\x17\x06\xb8\xcb\x13f\x0e"\xa6m\x02\x10\xc8[\x85\xbb\xd2g\xc1\x952\xed\x97\xf1VA\xb8\x17\xc7\xdf\x98\xd3\xe5!\xe2;\xa3ys\xb4\xa1\xf58=\xf7fp\x81%\xfaJ^\xbf\xaf\xd3\xb4Sj\xe8Q\x035\x9e\x15\x10\xb1h\x8b\x05\xcc\xcd\xea\x84\x15\xa7\x11\x11!9-\xa8L\x10\x16\x10\xb1\xf7\xfc\xcb\xbcU\xb0G\xcf\xef\x91N@\xc45\x17\x04\xe5\x89yk\x91\xcfkcf\xbe$\x10\xb1\xc9\xf0=\xbcU\x18\x89\x96c\x0f"\xe2\xe4\xad\xafy\x0bqL\xdc\xdcL\xba\x998D\x83ZaP\xc7G\x98\x8fAKo\xf1\x96 \x13\x13\xd4 \xd3\xfb\x01D\xf4\xcd,\xa6A\x9e\x08f\xf1\xe1\xdf\xbc%\xf0\xc2#\x0f\x80\xb7\x7f\xc9\x81j\xa7S\xb8\xd9&lt;\x1dV\xbcVcM\xbe\xc4\ra\x0e\x10q\xe8\xbfw!N%\xdeB\xe4\x93\xa3\xf6\xe43\x9fh\x94\x17\xe1\x02\xed\xbe\x10QA\xe4\xcb\xbe\xc7\xe4\x0e\xb8\xa3h\xfc\xaeQ\x91\xbe"\x9ePPk\xf6\xd9\xa8\x86\x1cm\xe80\xe5\x84p\x15_\xa8\xc6\x11z\x80\\?w(\x00\x13\x1as\x8bw\x91\x8b\x92\xb1\x85\xf8\x83\xd9N?\x80\x88\x1f\x10\x01\x922\xb4I\x08\xe4\xad?\xc3\'SK\xde*\x08\xf7$F\x19c,2E\xeb\x05\xb9=\x136\xbdDD\xf0\xcc\xab}\xd2u\xfao\x91\x14}\x01\xe0\xe4{\x96\xcf\n\x19+\x8d\x82\x08\x85\x0b5\x9d\x9b\xaf\x81\xa6k\xda\xeb\x99&lt;\xf5\xa63\xb1c\xed\'_\xad\xe7:&amp;\x06\tB\x02\x88\xf8\x88\xdee\t\xd1&lt;\xe7UZ\xa2\x14G\xc4\xc2\xcd\xe6i\x9fr\xf5\x9e\xeb\x93\x14\xea-\xe6\xc8\x14\xc5\x07\x08\xaf\xe9\x03\xff\xb9\xc9.\xfd\xb8\xb6\xe3\xa9\xd8\x99\r\xc1\xe6\xebX\xbe\xd3\n\x95\x8c\xeb\x19k\xc6n\xb8Bn\x90\xe0\x80\xa7\x8e\x1a\x93#\x17\x1b\xbc\xec6o\x11\xea\x92\xbe\xc2\x08\xde\x12\xec\xe3\x91\xa2\x1eo\tf\xc0\xea\xd0s\xd5\x99\xc2\xca\xe6\xa4\xcd\xaf\xe8\xa3\x0f[\xa6n{+\xfc!dl\xad\xbe\x9b\xf9\xea\xd1\x96\x18\\R\x8d\x97\xa2\xf8\x00.\t\x13"q\x07/\x13t\x8d\x89k\x8a9\xb8\\\x87\x7f\x11\x11\xe2U\xd1F\xd5\x02\x05\xeb\xd8\x13\x000\xd1\x12)\x05\xb2\xd6\x98\xc0\xd2\xbaO\x89\xb0\xdb\xa2dhQ\xa4\xf9|\x96\xa9\xb8!\xd1J\xf1V\xa0)\xe7\xbf\x9a\xdc\xc72f\xca\xb67\x9aO#\xc0g\xb10/\xff\x06K\x8f\x9b\xbcp\x88oK\xb4\x1e\xa9\xcdh?\xefT\r5H\xc5\xdc`\x18TM\xce#E=wxf%\x08\x9eP\x1d3\x13\xc2\xddt=[V\x82\xaa\x92\xde\x95\t]\x90\xa8z\xbb\x89G\xad\xd1\xf7\x9b\xca\xd5\xf6\xca/-\xc2&lt;a\x02z\xcc\xb9\xc0[\x82a\x19\xb9\xea!\xd51\xd3`\xf1\x98\x19D\x1fI(\x82K\x0b\xad\xe37\xe0\xd8\x00\xe1\x99&amp;\x15\x8d\xa95\xedI\x0bQK\x02\x00@B\xceB\x08B7D\xe4-@Ox\xe5\xf3\xf2\xaf\xff.\x8c?\x8d\x99\xbd\xbd\xcbS{\xcd\xbb\x14j\x0b"&amp;\xc8\xd7]d\xca\xe5;\xad\xa00lD\x1c\x04\xe0\xb8U\xba\xafa\xb4\x0cs(T\x1c"\x8c\x88L;u\x876\x8e\x88\xed\'\x1f\xdfqGr!\xbfI\xf5\x82`\xc5\xb2\xe3A5\xd6\xbf\x84\xea\xd3[\x12\xe2\xe9=\xff\xb2\xed\'\xbdm\xb7\x82\xeb\xfcm\x11\xa1q\xca\xd67\n\x05p\n\xc0b\x16\xd3\x0cT[\x84\xa1AD\x80D\xbcU0\xa0\xc7l\x15[/\xcf}\x91_\xbc\x97\x1eG\x80Hl\xf5\xe8\x96\xb8\xb9\xbb\xb0\xf5\x03c\xd7?\x03\x88\xc3\xd0\xa0\xb1\t\xd9q#%o9\x0cH\\\xb0\x17\x80\'\x00L\xdf\xf9\x81\xb7\x16\xf9D\xcf\xd2\xd6\xf6\xd6\xdcC\x1c\xb3\xf6\x89u/"\xfes\xec\xaf\xaa\x02t\xfb\x06\x9c\xb1\xd2h\xde\x12\x18\xf0\xdf==\xe6-a\x8f\xe4\xbc\x05\xf0\x01\x11\x01\xa2#\xe2\xb4\xed\xef\x18\x9a=\xfb\x19s\xd7\x9b&amp;\xf1$\xf3\xce\x80{\xfc\x8dm\x00\xce\xca[\x8e@B\xb9\xde?\x87\x7f\x89\x81!\x1f)\x0c\xccG\xcbU\x94n\xb7T\xfb\xd4\xc7\xae{\x8a\x88#\xfe\xf7@\xfb\xa4\xdd\x818\xb9;\xf3\x96@\xd8\xa7r\xd7\xd5\xcev\xc7(\x0b\xe0\xa1\x95\x16\x9ed\xaf9\x11|K\xea\xc1\x8b\xde4\xbe3\x0fb\xd9\t;\x91I\xd8\xc84\x9d@e\xa7gD\xc4\xcf\xb2$\xa5\xaf0\xd24\x018N\xae\xce\xbc%\x10\x84\x1ba\xf5\x1bE\x9b/\xb8\xf6\x07!|\xc1\xb0\xc7t\x9az\x12\x11\x17\x1c\xfc)\xc3\xb2\xf0G\xa7\xa9\xa7\xd8\xc8U\x9ff\xa3\xf6\xe9\xc1\x8bv\x9fuN\x0f2\x98\x10\x1d9\xcd\xab\xa7\x19O\x11\x111o\xfd\xe9F\xbfg^\xfe\rxK\x00\xa05Hl\x98\x1a\xd4\x16\x17\xc8W\x86\xb6\xe4\x04\x80\xed\xb7\xcd[\x06\xc2\x17\xb2\xfei\r\xc0\xcc\xa7N\xb2\x06\xe0gF{1\xd0\x89Z\x9d\xc8 \\\xb3\xe6\x82P\xc4\x93I?5J\x89V\x8bY\xcba\xc3\x9eG|\xde\xe9\xff\x08\x89F/\xa3q\xba\xfad\xd6\xaeO\xbc%\xf0\xa1J\xf75\x86^\xdb\x98;6\x957\x17"\xeav^X\xdd\xe2v\x018q\xc1^^\xfe\xf5y\xab\x90\xc3\x82\x83?\xc5\xc7\xaaX\xd9;\xa8\xadG$i\xcb\rs\xa2\xf9\xc0S&gt;\xed\xeaA\x1f\xa1\xdbr\xf8\x08Mh\x8b\x97\xb4\xc3\xfd\xca\xab#\xc3\x84$*\xd0\xd3\xa6\xe6FB1\xf3\xe1\xb8#\x19y\x0b \x98\x90\xa4\xa6\xc8@\xb5\xf0\xd0OD\xd4OK\xafs\xcd\x18\x12-\x85\x8d]\xf7T\xb3\xe4\xb8S\xab\xef&amp;G\xbb\x10\xb1\xef\xc2\xabZ\x8a\xd1\x80\xc0j\xe3n\xb8\xdb\xeb\x85\xe6\xd8\xd6YD&lt;\xf9\x0e!ne\xae\x8a\xf4\xc5\x85\xaf\xd8}\xd6ywy\xcd}\x11t\x9d\x11M\xd0S\xc9\x11\x86\xbb4D&lt;\xf8\xdc\x85`\xdb\x00\x9c\xaa\xd4 \xeb\xf6S\x1f\xf4q\xa5Q\x8a\x1b+\xcf\xed\xd2v\xc2\x11\'{\xd9\xaex\xaf\x072V\x1ae\xf7\xae\xa5*5\x08"\x15\xd5^\x0f\xa1;\x12\xd7\xd0&amp;\x1d7\x1a\x9b\x97\xab\xeeT\xdb\xf5Sx\xcbQ\x05\xf3]\x9a\xfd\x97\xe0\x18e\x10\x11 .Wi\x02\x91\x11\x11 5o\x19\x04A\xb0\xc1|^T/\x08\x9d\x95d\xe6o\xcc\xb2\x93\xb6\xbcVA\x14KV\x9e1[\xd1\xb9\xfc\xd3n+t\xb8-7\xf4x\x99y\xeaM\x97q\x16"\x02\xc4b.\x86pK\xfcX\xcf\x80\xedV\xa4\x19\xbd\xe61\x80\x97\xc9\xbc\xa8^\xf0\xcd\xdc\xaaZ\xcfui\xcb\r\x97y~\xc8Ar_\x11S\x14\xeb/\xcfR\xba\xf2r58\xe5VP\x94r\xbd\xfc\x80\x81\xd8z\xd30\xed\x16\xf1EO=M\xb87iD\x1e\xd7x\xd8\xee|\rf\xaa*E{&amp;\xeb\xefMf\xdd%\xac\xdek\xbd\xd5\xc9\x14l2G\xcb\xd4[\x8f?\x1c4P\x96\x16d\x13\x8f^C\x82\xa7\xf9^\xa7\xa6n{\x8b\x88\xeb.i\x91\xdbW~\xea\xf0\x9e\x12n\xca\xb17xK\x8fN\x86!\xb1y\x0b\x00\x08=?\xb1\xd6\x94n\xb74i\xe1&gt;\xe0\x86C\x8f\x940j\xf5#}\xe6\x17"f\xa88\x92\xb7\nu\x89\x96\xa5\x8dJ\x96\x11\xf1\x83.o+A\x10N@D\x00\x1f\xd9\xe7j\x1d\x80c\x94\xb5+C\xa3\xd4\t\xf5\x18\xb4\xf4\x96\x7fI\xf1\x0b=\xa5SQ\x8a:L\xdc\xfc\n\x11\xc1\xa7\x84\x1a\xc6u\xd2\xb0\x81\x88\xe1\x03\x1a\xf3Va\x8f\xe4uy+ t\x85\xa7\x8cs\x10Q|;\xbcH\xd6^\xe4_m\xed\x91\x19\x11!jIHR\xab\xeb\x8c3\xd6\xad\x17\xbf\x87\xf63\x7f\xf4\xe1y\xd4Bp\xac4\xdb\xb0\t\x10ne\xccl\xae\x17\t6(!\x1f\xc6\x03\xf9\x8aqs\\\xf8\xc4\x98\xe5\xd4L&lt;\x83\xc6\x1f#5\x03\x11\x01\xa2;?\xe6\xadY\x02\xd2\x03DD\xfc\x1e\xe6r\x1e\x85\xfc\xd9j\xdc!D\x1c\xbb\xfe\x99\xb6\xea\xb4B\xf0h{\x1f\x99\xe1\x8e\xea\x96\xd5\xe7\xf1\x90\xab\xa1\xbd\xca\x11n\xe5?\xc7L{+/}\x0f\n\xc0\x15:\xaf4\x87\x0f22\xd9\x01\x00 \x1d\xc4\xa9\x94\xa8@Om:"\x08|FD\xc4|\r\xcd\xd6\t\x0b\x00&amp;m~\xe5\xb2\xb7\xf6\x81g"\x03pv\x80\x84LTq\xa7\xe5\xd8\x83\xbc%\xa8F\xe2\x82\xbdt\xd2\xbahn"gh\xaev\x12\xf5\x07mw\x83[\x99\x10 \x17o\r\xa6 Jq\x80T\xac\x8cU\xe8\xbc\x92\x95)\x97\x08\x85\xbc\xd5\xb8C\x9a\xa5\xa8!I\xc5\xcc\x0e\xddn\xe2Q\r\xa4\xf0B\xbf\xfd\xdb\xff\xbb\x87\xe5:\xfe\xcb\xdc\xac\xb5e/n\x9e.\xcc\x8d\xbb\x1b\x1cC`\x8eZ\x93,\xa9\xbb\xe9\xca\xe1\x84\x04hr+\xfd\xf1\x02q\xf4\x9a\xc7\xbcU\x10vITCU\xe7\xce\xb1\xbb\xb9Bz\xcc&gt;\xcf[B\x10\xd6&lt;&lt;\xf9\x8eG6&amp;\x16;\xf7\xb5L\xfc*\x84\xdd\x1677=\xb4\xa9MVU\xacF(\xac\x8aY\xc2)\xa5\xda\xfe\xe3d\xef\'\xc4\x8eSOj&amp;F\x0cF\x8c\x08j\xb1\xff\tz\xa7j\xa8\x9e}\x8b\xfb\x96&lt;^\xb6z\xaf\r\x00\x00\xe0\x01\x10\x91\xb5(#\xc1\xa1\xd7\xbe=\x01jX\xbe\xef\xe0\xba\x0c\xfa\xd0\xe6\x86\xf8\xe5\xe8h\xfd{\xdd%l0x\x87\x98\xb3v\xde\xc58\xfa}\xc6\x8a\xcc\xd0\x96\x06%\xd9\xb2@jv\x87GD)\x0e\x90\x96ER\xfe\x97\x7f "N\xdc\xf4\xd2\xb2%\x85&lt;C\x93\xb7\xbea\xa1\x87\x10A\xdar\xc36_\x97\\\x04\x85\x89\x1ek\xf4\xde\xf0\xd8\xed}\xf1\x91\x97\xb6\x018\x02\x17\r\xc5[.R\xcdvv{\xd3\xa5\xa5Zx\xe8\x97,k2=\x02\xe1\x8a\x98v\xb7\xda\x06\x18\xe1\xefL\x95\xc7\x883(\xf6\x8bF\x91\xe6\xf3E\x1e\xa9\x9c\xe9;\xde\xb3\r\x99e;,\x87xUXY\xb3\x90\xc7\xf6\xc7\xce{\x82`\xfb\xcb\xed\x15m\xb1\x80U\xaa\x136\xbe\x08\xf5&amp;\x10.u#\x9aO\xca\xac\xa4;\xff\x15[\x8f;\x1c\xd49\xc2\xb0=\xd6\x8a\xb5\\\xc8\xa6&gt;{\xe4}\xe4\xde\x0f"\xe2`\xf2\xa4O\x04\xe3\xa4\xf4\nu3O\xbdi\xd6\x9f\xb5\xfanf;/M@\x99!Z&gt;\x7f\xe7\xae;M\xff\xad/\xa1\xe4-9\xfa\x17\x1dO\x8b\x91\xab\xce\x14v)\x87\x97\xdd\x14\x87\x88\xf5\x06nc\xa7\x84p@\xc96K AU\x86\x06\xad\xb7&lt;m\xb9\xe1l[\x87\xb4A\xff\xf5\xd9\xa0 \xe2\xc6\xab\x94\xb1\xaa\xe32\x00+1~\xe1\x9b\xee\xee \xdb\xda*d\x91\xdd\x82\x8a\x88\xe0]@\x9eM\xdbq\xbd\x83\x96\xdeBD\x80p\x92\x8c,\x159\xb00\xe4T0\xc2K\xb0\xa4\x84\x04\x10\xf1\xf0K\xdd\xddkB\x14B!&gt;(v\xa4\x9a|\xa2dl\xa1\xaa}7C\xdd\x97QD&lt;\xfe\x96\xaa\xb4\xea,:\xfc\xdb\xd1.D\x1c\xb9\xea\xa1\x18#|;1\xf0\x05\x11!J1\xbb\xdbeeHDDLT\xb0\xa7\xf5w\xb3\x91{\xa5\x9a\x12\x7f;\x8e\xbf\xd1\xe9-[|\xe4\x0fo\t\xee\x87\xca\x15\xd8\xd7=\x1d\x84\x1a\xc8s.i\xca\x0e\xcb^s\xa2\xf8$z\xcc\xb9 5\t\x19T\xee\xb6Z\x83T\xa4\x10O\xcb\xc4\xa6m\x7f\xa7\xd4\x84Oqw\x0e\xc0N8\xf7Ez\x86x\x17\x08\x95\x93\x95\xba\xae\x12\xb6\xe4\xae;U\xa4\x8d\x84\xf9{\x08\xa7\xd4\xe9\xbf\xc5\xee\x01\xa3\xd7&lt;FD\x808\x92\xe5\x11DH\x12\xa8b5\\\xc1\xc1\xcbn\x8b;4\xbd*\x02D\x11\xa8y\xa3}\xfcAKo\x01\xc0\xb4\x1d\xef\xaf\xfdQ\xd7\xdbn\xb8\x825zoT5\t\x00\x00\xc8\x81\x88s\xf7}S?!\xf1\x18o@\xb6M\x00\xb6\xdfW\x88;\t\x0b\xf4\xe0-\xc1\x0e\x888{\xcf\x17\xdb-\x05\x9b\xcc\t\xfb(3h\xe9\xad\'\x88\x88(\xb1\xc3Z\x00\x0b\x8d*\x10\xae "\x86O\xd3\x18\x00 au\xceb\x08G\xc4\xcc\xd6\x1e \x8a\xf3c\x10\xd1\xbf\xe4\xc0\x93\xefp\xf9I\x06\xf1\xa0T\xdb\x7f\xce}F)15\x1c\xc7\x07\x7fD\xccQk2C\x83\r\x86\xec\xcc\xd7`\x86\xa3\xbd\xd6.\x92\xc5Z.d\x97ff\xc7\xbb\xb4\x18\x9c\xd6a\xca\tD|\x8d\x98\xb4H_\r\x92\x93M\xaf\xb9\x17yKp\x8aO\tD\xec:\xf3l\xe5nk\x00\x92\xf2Vc\x07}\xbe\x9d#b\xdb0\x13T\xf5\x98s\xa1\xc5\xe8\xfd&lt;\xe4\xa8K\xc6J\xa3\xac\x7f?B\x9c\xf9\xdfG\x00\x90:E\xdd\xf9\xaf\xf8"\xc4\xad\x8c\xce@\x99\x05\xb3-=\xab\x8c,^\xfe\rD\x1e*\xf4\xa6f\x92\xaaG\x8az\xe2\x0fNQ|\x00\xcf\x96\xb7\xf8,{\xc3\x81\xe5=\xa6v\xbf\x10\xcdV\x1b\xae\x04]\xa0O\xc6\x96\xc2\x013\x82j\x8e\xae\xb1\x1d\xc0\xea\x94\xa4\x88x\xfd/"j1\xf3\xb6\x12\x16\x1f\xf9\x930\xbf\x1e_\xe3B\x12\x18+G\x07\xde\x1a\x08\xd3\x12\xe4o\x13\xd5\x10~\x0e[q\x8f\xa1\xf1\xf8\x0cm\xa9N\xac\xf2\xea\xd9n=\xfe\xb0\xa3\xc0\x16.u#\xfb\xe7\xf8\x14\x07\xf0WO\x92#\xcc\xf4\xe9K\xb8\x96\x9b!/\xc7\xf6\x02\x99_,".?\x81\x8e\x06\xa1\xca&amp;R\xbaf\x88x\xf1\xbbk\xa9\xde\xa9\x1a\xde\x17\xae(Zi\x97\xcd-|\xf9\x86\xd8z\xfca\xde*\\\xe0\x93\xb1\xe5\xf0\x95\xf75M2b\xe1\xf7R\xca\xe4}\xf5+\xec\xb2\x13\xe6\xf1\t\xca\xa9?h\xbb\xf3\x03\x10\xb1V\xdfMbL\x8d\xf8\xdf\x83\xd7A\xb7/h\xbe\x04\x83M\x84\\\xa4\x19\xb31\xef\x88\x98\xb3\xf6dV\xd6\xec\xda7D!\x9e\xbf\xff;\x97t\xef\xc8\x1d\xe4\xe0\x88\xf8\xf9\xba\xd9\xedJ\xb3\xee\x12V\xed\xb1\x96aB\xc1\xf8\x95\xb7\xa6X\xa6\xdd2\x86\x86\x9b\x8c\xd8#\xa5\xfcd`\x98t\x18\xbc\xd44n\x08\xe2\xfbdj\xe9`W\x80p\x9b\xaa\xf5\\\'\xdb\xfa\xe2\xc3\xbf\xa5:\n\xb5\x1d\xcb\xfa\xcb\x88\x88\xfa]\x1e@[\x84[,\xb2;\xbdsj\xf5\xdd\xf4\x1bq\xc5i\x03\xc4\x05\xd5\xc1\xe0F|\xb5\xf0/1PU\xfb\x86&amp;z\xd6\xb66\xbf\xbc\n4\x9a\xad\xd0`@\x99\xa1BU9\xf3I\xbb\xf2\x8d604\xdbt\xc4\xde\x0b\xdf\xd0\xf9\x0c\xba\x04\x13\xdaL8"\xef\xde\t\x0b\xe4\tT\xed\xb16\xa8K\x8e,\x86\xfe{W\xf6\xb9*\xb1\xeb&gt;\xc6\xcb\xdb5l?\x86\xf3_0\x97\xe8\xce\xcc\xba\'\x91\x98\x83\xae\xfc\x0c\xba\xcb)\x95\xfa\xf3\xb8\x82\x9d\x93\xef)\x00\x13:\x03\x11\x9f)\x8ea\\Z\x1d\xd4\x08\xc0\x84fX\xee\x9d\xe4)B1\x0c_\xb4*\x03\xdbos+l\x9a\x15\xf5\xb8\xb9\xbb\xcc\xde\xfd\xb9f\x1f\xf5\xc6\x11\xc4\x17\x7f-\x93\xb7\xbeAD\xa6\x93v\x11\x848\x10\x11 P\x83\x84\x9e\x188\x86%\x11\xb3\xa0\xa9#\xf8\x06\xef\xeb\x7fP\x18\x9a\xe5\x86\xe4m0C\xf0\xc2N\xbf\xfbz\x80oI\xe7v\xb4|\x08\x13\x12\xdaz\x8bO\x99\xa9\xddo\xb3\xea\x97\xe9\x91\'d\xc3\x92:\x13\xe6\x84\x19\xafL\xb8\x05\x88\x08\x10\x8d\x89\x9d&gt;\x0b\xae(\xb7#&amp;!*\xa6\xea\xc1){\x035OQ\xa7\xb8\xcc\x7fD,\xdfi\xa5\x18;\xc2\x1f\xc9\x8b\xf5g\xa3\xcc\x1em\'\x1c\x11\x04\xdf0K\x95,\xd3~Y\xa8\xc9\x00\xfa,\xb8\x82\x88\x89\x0b\xf5R9\xe5\xa8\xe4\xd9\xf4\xc5\x9eG\x1a=\xc0\xe6\xae;\x8d\x89\x1dDLX\xa0\xa7\xebC\x95\xb1\xf3.\x15S\xc2pd\x06\xc8\x01\x00U\xba\xadqq`\xf8\x82Z\xc8a\x04\xbf\xef\x1d\xa9\xd8\x9aC\xc4\x86Cv\x86\xdd~\xec\xb5pu\xd2&amp;\x8e\x16\x89\x97\x7f}\x9b_\t(\x00\xeb\x8b\x18Y\xdb\x19m\x08`\xa2\xb2\xed\x9734\x97\xa5\xda8\x86\xd6\xd4\xc1\xfe\xb7:\xff\x92\x03i-&amp;"$\xce\xc7\x86E\x7fe\xbc\x8f\xf7\x01\x1a\x04\xe09{\xbf\xeey\xa8z\x9e\xf8\xe5\xe8\xd8z\xdc!\xeb\xcf\xa2\xcd\xe7\x03\x00"N\xdc\xf4r\xc4\xff\x1e\xa8\x94h\xbc\xbc]\xad\x7f{\xa5j`\xb4\xbb\xcf\x9f4\xbc\x05\x98\x9c!\xcb\xefD\rlmwW\xe2B\xbd\xf4QX\x83\'{\x89\x9d\xb3\x93\xf5o\xe3\xd6\xa5\xe4\xc5\xfa\x1bT\xb9\xa1\xb1F\xb2f\xa3\xf6\xf1\xd6"\x96\x90_F\xd5ME\xbd(\xe8&lt;i\xcd\xd2J^\xac\x1f\xd5;Bo8\x9c\xc9A\x18t\x11.\xc0\xc1,"\\\x88\x1c\xbc\x84\x8b6\x01\x18\x11\xe3\xe6f?p&gt;n\x9e\xae\xae\x0f"$\xe3\xe1\xa4H\x08\x05\xe6\x83\xac\x85c\x9dLw\xaa*j\x04\xe0C\xcf\x8d\xfa\xe4j\x02\x8c\xfb\xda\xa0\x1d\xd6\x12\xbf\xff\x89\xe9s*\x99\xab\x03D\r\x9bS\x95\x8f\x0e\xca\xeb\xc4\xcd\xaf\xa8(\xbb\x0b\xf1\xab(\xb7\xd1j\xecA\xa1^\xcf\xda\xfdY\xcayY\x10q\xee\xde\xaf\xca\x05\xc8\xe0\xd0\x0by\x01\xd8\xfe\x9c\xe4\x9b\xaf#"^\xfa\x8e\xd5z\xc8\x9fE$H\x8cOq\xd9\x16\xdc\x16\x9b[\x99\r\x00\x00\xfc8\x0b\xd2+\x9e\xb6\x0f\x9ej\x0c\x05\xab\xd1{\x03s\x9b2\x08\xac:\x96\xb7\x04\x821\xfd\x16^S\xf6\x94\x1d\x1dQ\x9b5\x9d\x9a\xee&amp;\xc1\x00\x00 \x00IDAT\x00\x00\xea\x0f\xda\xfeK\x84T\xc5OZ\xe9\x12\xe4\xeb\x9e\xbf\xe1L!g:M=%\xf24\xe1x\x8f\x14u]\x1f\xaa\x1aK\x8f3{\x03NTP\xe9G\xa5\x84\x05z\xd0;\x9c&lt;n\xda\xc4\x94\xcb?\xcd\x90\x81*.\x0c\x89!Q/!\x9d\x93\xad\xe6\xc4g\x88\x936\xbf\xe2-\x84\x10\x8bM\xa1\x955\xf2-f9M\xcb|\xc4"\xf9\x1b\xba\x9e\xfe\xb0\xe5\x98\x83J\x12\xb1\\QN\xa95ZaV4g\xb8@\x90\xabq\xc9\xe2\xa9\xdcUo\x8bI\x9b\x01\xe7S\x9b\xa5(\xde\x1f\x11\x9f \xee{\x8c\xff\xdd7G@I\xae\xe2c\xa9m\xf45\xcd\xf0;\x19\x0cY~\x87\x9eBT \xa1\xe5\x8f\xd8\xccM+\r\xc0\x06\xffL\x95\xad\xc6DD\xec1\xe7\x82\xed\xc6\x99\xff}\x14\xae(W\xdd\xa9\x88\xf8V\xf4\xd5]\xf8&amp;*+\xec\x1es\xe6\x13\x9fl&lt;\xf1\xd6Y\xa2\x1d\xa7\x9eD\xc4w\x0e\x84\xdd1\xec}\xd7\x8cf#\xf7"J\x0e\xa2u\x07l\xa5\xbc\xd5\x9a\xef\xc6\xcf\xf1V\xe3\x0eQK\x80\x14\xd2\xc9\xf3\xd7\x0c\xf3V\xed\x9b\x95\x97Sw$;$\xa8Z\xa5\xbb\xed\x90\xdf\x9c\xe0\xec\xf2=\xc4/\x15\x1aL\x9c\x8a]\xa6\x9fvy\x94\xa3\xdcFD\x86o\xae\x0c9\xfb\xd9\x8e\xe0}\x8f\xed\x17\x9b\xfdO\x10\xbc\xf2\xab/\xca\x18h\xe0\x0c\xb7\xdc O+\x0e\xe7\xb7\xe1\x81)\x82\x16\x05`\xf1DL\xdb\x94o.Y\xefT\xa3\xa1\xff\xa9a\x7f\xee\xbeo\xfa/\x06\x88\x18j\xa2%\x81\xc3/\xd1\xd2;)j\xf0\xd6\x08\x85\x93\x16\xe9\x13\xf6\xe0&gt;\x0b\xae\x00\xa4\xcb\\e\xac\xfe\xaf\x97\x15o\x83\xab9\xfb\x86\x19\xd3\xe0\x99\xb2\x1e9C\xc3p\xea\x03f\xa88\xb2\xd9\xc8\xbd\xa5\xdb-Un-J\x86\xe6\xca\x8dHe\xd4\xeaG\x14\x80E\xd2x\xd8.\x8e\xb9\x14|\x9fT\xd1\xe0\x0f\x00%[/A\xc4\xba\x03\xb6\xa9`\x9f\x07\t\xabC\xacr\x11\xd36\r\xbb\xe3\xd0\x0b\x9c\xbd\xe7K\x8d\xde\x1b\x10\xb1b\x97\xffq\xd0\xa69\xa5\xda\xfe\x83\x0e\xe6\xec\x0b\xaf\xab\xb1\x88:\xe0\xc2W\xed\xaby\xa4\xa2MG\xec\xd1&lt;U\x87\xfc\xef\xac\x81\xe2Az\xe5&amp;\xfe=\xc5-\x04R\x00\x16\xc9\x95_&lt;si\xfe\xfe\xefj\xde\xa9\xa0\xb7\xc6Y\xbb&gt;\x01DW\xc1\xbe\x0cX-\x8a\xecl\xfdcK~&amp;f\x94\x16\xc1\x92\xb4\xe5\x86\x01$\x0f\xbb}\xce\x9e/\xda\x8b\x91H\x0c\'\xfb\xca\xb4\x0f\xbb\xd6x\x8c\xb2\x8f\x117^\xd5\x8b\x17F\xc4\xe7\xc6\x0c\ti\xcb\r\x93q\xd6\xde\xc7\x1c\x17\x95\xf4\xa3\x00,\x86\x19\x96\xce&gt;\xbc\x08\xbaM\x9e\xf9TO)^\xd0\xc0\xdc\xc0\xaa\xa1\xa625\xd0\xd0\xc6\xa0R\xbd\xf3\x9e\x8b\xb9;\xc4\x17~D\xccVc";\x85,\xa9\xddo\x0bo\t\x8eP\xa3\xcc\xa4T\xc1&amp;3lK\x14"\x02\xf8\xcd\xd8\xf9\xc1\xee\xde0x\xe6\xad\xd4u\x95\xfa\n]\x12\xcf\xddBB\x81F\xb3D\xcc\x9b!\x16\x19\xb9\xe7_R\xc6\xda\xd4^\xca\xa7t_\x7f\xd9Pw9\x1e\x83)#\xf4\x8f\tf\xe1\xb6F\xd6\x08i\x9a\x84\xdd[\xbd\xd7z\xdb\xe8\xfbRt\x00FD\xefT\rY\x8be\x00"V\xe8\xecz\x89\'\xfd\xe3\x95Jzg:\x15\x88\x93\xbb\x8b$\x17:k\xf7g\xdb\xa0k\xfb\xb7\xed\x84\xd5\xc1{\xc3\x17\xb2o\xa8\xff\xe2\xebr\xf42\xc6\x8b\xdaEe\x13Xu\x9c\x81r\xcf\x10"\xdd\r\xa3\x14\x1e\',=\xe6\xac\n`H\xc4\xb7\xba\xf7_|\xbd\xc1\xe0\x1db\x8e4z\x06\xaa\x80\xfe;\x7f\xc9\xff\x12q\xe0iPa\xeb&lt;\xed\x94\xa5P\xa5\x00\xa1\x18\xc4\xadl{d\xa2\x82\xbdNqk\xec\x14\x8d\t\\\x00G\xaa\xf6Xg\x94\xdcc\xa8\xd3(\x97L\xa8N\xd4\x92\xce\x9fAo\x85\x0e\xc0\xeaR\xae\xe3\x8am\xb7x\x16\xce\xe4E\xfbq\x1fkt\x17Q\xf8. ~\xaa2M\xf1\xcc\xa7\xb0$\x84y\xaa\x0b\xda\xc8B\x9ca\x99-mbX\xe3\xe1\x99\xb2\xbe\xeb\x83t\x8c\xbb\x17PB\x1d\xa2fn\r\x10\x1b \x97\x83\xfd\x81Z\x06`D\x8e=&lt;\xf4\xb5\xe2\xdcG=\xbdYm\xbc\x8a\x03\xff\xb9)\xea\xd0\x04UW\x9e\xc1\xe2-\x1799\xc4n\x00N]z\x88\xf0\xc7\xf17z\xb9j-\xc9\x85\x88\x137\xbd\xd48\xd5\x16\xa3\xf7;Y\x86\x88\xe0\xc5M\xc4W\xba\xa9\xfc|\x99\xb7\xff;o\tz %D(\xacA2\x888{\x8f\xa6o\x02\x88X\xaa\xed?Z\xa6h8\xca\xb4[\xe6\xec\xf1+Z\xe9\x8c\x95F[\x7f}\x15\xf5\xac\x16\xbc\xca@\x86\x8a#\xc3\xec\xf5\x06\xc8\xa2H\xb1\x11A\xc4\x9b\x9a\xfb\\.Q\x9fp\x84\xb5\xe6\x08\x7fDN\xcfa\xbc5!\x9b\xa8\x81\xade,2\xa8+\x101z\x96\xb6Z&amp;\x87\x88\xa3\xd7&lt;\xd6,E]!\xb2U\xa3|\xa7\x15\xae\x9a@\xb2\xcbN=e\x89\x012\xce%X\xe1l\xe8\xa1\xeeHT\xc3\xd1\x02g\xe6 T\x00\x96\xd5\xdf\xdb\x94x\xf2\x16 \x92\x00\x19\xe7\xac&lt;\xa3\xa3\xa6Nm\x1a\xbaC%\xd7u\xc6\x19\xcdR\xd4\x15\xb6\xed\xc0c\xd6=\x15sd\x9e\xfa\xd3\xd9\xa6no\xfa\x17\x82pK\xe6\xee\xfb\xf6E7\xbeXOx\xf3\x16\xe0\x1a\xd9\xa1K\xe3\x98gC\xee\xb0\x9b\xd6_\xd6Z\x0cj3^\\\xaf\x88\xfc\xc0o=\xe61\xeb\xd9\xda\x01\xc2\xb12\xa8[\xa2\xba&gt;D#\xe8s/A\xa8\x82\xe0\xceV\x9c\x96\xec\x1f\xf3\xd4\x9b\xa6e\xab\xaf\x95\xc0\xaa\xe3\x18\x0e\xe8\x17\xcf#n\x0f\x1c:ER\x00n=\xfe0\xc3\xa4s\xd4\x9e\xcc\xd0\x9ar2qM\xddQ7\xc8\xb8\x10\xb3,\x0b\xfb\xd1\xc5\xdci\xc2\x98\x04B\xd4R\xbc5\xa8\x03\xefA)"\xb1V.\x95\xd6\x9fP\x83\x05\x07\x7f\x86\xd9&amp;s\xedH\xf1\xb8\x95\x0bBDHZ\xdb\xd5QIS\x95\x1a\xec\xd2T\xa5\xae\xab\x06,\xb9\xc1B\x94^A\xc4\x86Cv\xf2Va\x85\xd5\x04\xb3Vb\x88l\xee\xd01qx\x0b\xd0-i\xb2\xd7\x9c\xc4[\x83C2V\x1a%\xf5\x94\x89\x9b^Z\nj2\x15\x14\xa9\x81\xb7 \xf8&lt;\x87\xf9\xf1%\xe3\x93\xb1%/W\xe0_r\xa0\x93D\xab\xf6X\xab\xa5\x18\xd5IZ\xcb\xee\xc5\xce?\xf0\xc3P\xb3\xa5j\xc2\x03\xc4z\x03\xf5\xb2\xbe\xca\xb2\x13\xec+\x06"\xde\x0c\xaeu\xfai\x18\x97@\x89V\x8bm\x7f\xd6\x1b\xb8\xcd\xb0\x0f\x13\x8c\xe9&gt;\xeb\x1co\t\xcc0\xec\x93\xa2\x17"J\x197\x95HE-N\xf1HQW\x0f9\x8c\x88?\xb5\x12\x80\x885zo\x08(3\x94\xfb%\xf7\x99\x7fe\xe2\xa6\x97\xd5z\xae\xe3(\x83\xe0K\x9e\xc3/\x8c\xe5\xda\xec\xc3\xdd\x83\xe8\x92\xd8\x86\xce\x13k`\x10;\xf3\x80\x01\x11\x9a\x04\x1a\x0cV\xb1\xbd-n\x1ea\x8a`\x871\x9ek\xddI\x90\xa1\xe2HA\xc0\xd9\xcf\x08Ik\x97\xeb\xf0\xaf\xdaI\x16i&gt;\xbfd\xeb%j\xa7"\x1e!\xf3\xf7&gt;\xc2\\u\xa6\xf0\xd6bx\x18,\xf3g 6\\\xc1\xc4\x85z\xf1V\x01@\x01\xd8\x01k/j\x9a\'=\xe6\\`hM\xcf\xf7\xb4\r\xa3.0\x87\xd4\x7f\xfcu\xf9\x82;z\xed\x13\x97\xf9\x9c\xa6\xecP\xd6\xba\x00B\xb6p\xbc\x114\xc4\xaf\xaaFB\xfa&amp;#\x80\xbf\xac\xd2\x1e\x19 P\rAFE\xcf.C\r\x1c\\/\x9f!\xc5\xda\xe4\xbc\xbb\xddb\xae$\xd6\xed\x0c$\x88\x08\x11\x8bH?O\xce\xf8`\x85\x88ia^u\xceE\x91~\xe6t\x89\x88P\x1b\xff=)\xaa\x82\xbc\xc1\x10\x889\xc5\xc4\xac:\'9\x13\xfa.\xbc\xaaV\xbeE)\xae\x8aY\x825\xd9\xc0\xb7$\xaf\xb4\xcb\xb4_\x86\x88\x90\xa0\x9a\xf0S\x93:\x1c\x9f\x9c\x85\x1a "$s\xd9GTW\xa4\x04\xef\x02R\xcf\xf9\x8c\xd8t\xe4^5\xd48\xe1\x03"\xb2\x1e\xb5b!\r"\xae&gt;\x1f\xb6:\xa4\x16qn\x04\x9d\x87\xde\xbf\x88\x88\x98\xb2\xb8\x1b\xce\x0f\x95Y\xb77E\xc7\x18\xcc\x7f1 T\x05\xd6\xec\rX\x83T\x9cs\x1b\x11\x8d3G\xb4\xcb\x1c\x8b\x90\xa6\x89\xbc\\\xfd\x8b\x18/OW\xd7\xc7\xe9\x18D\xfc\xdfY\x84D5\xd4L$7@L5\xed\xcb$m\xb9aMF\xec\xe1\xad\xc2!:\x7f&gt;P\x8f\xc6\xc3v\xb9\xe1U\xbb R\xbaf~9::\xde\x1f\xdf\r\xb3\xccm\xdb\xaf\xb4\xbf\xf0*\xdd\xd6 \xa2\xbc\x0f\x81bD6\x1a\xb6K\x86Y\x13\xdczD\x04\x88\x01\x90\x95\xb7\x10\xee\x04\xf2\x16`!y\x1d\xe1\x7f\xa1t=\xd4q\x01\x8b\x90\xb6\t"B\xac\xf2\x0cm\xfafj\x05\x90\x8d\xa1A\x83\xd1r\xcc\x01\x19g\xbdQ\xe0\x89R\x95\x1a$\xefD\xdex\xb9y\x00\xfe\x83X_\xdcB\xebL\x98\xb2\xf5\x8dfi\x89\xc1\x98\xb7\xde\xf7\xa9\xc1\x04\x03\x00@\xd2\xda\xaa\xce\x8b\xd0i\xeaID\xdc\xffTV\xce\x84+\xc8V\xcc#\xcb\r\xaa\xd9g\x93\x8c\xaf\x0c\x000x\xd9m\xa6\x8a\x9c\xe0my\x80c\x831\xeb\x94hJ\xb4^\xec\xf2\x18yk\xe5*\xc8\xb5T\xc6\xcd\xee\xdd\x0f\x8d\x14\x80\xa7l{cw\xd2]\xf1L\xdb\xf1\x1e\x00\xa2dh\x11t\xc9L\x9f|\x8d\x88!\xee\xbb\x95E\x87\x7f\x03\'\xcdi\xca\x0e\xad\xd2}\x8d\xf6\xe9J@nW\x12\x14\xc6/\xb1c\xc8\xf2;JN\x17V\x0c\x947iy\xcb1\x07\xc0OB\xa5^s\x81\xb1\xeb3\x90;\x95G o\x01v0t\x8e\xff4H\x89i1z\xbfE\xa7\x87rk\xe6\xab\'y\xeb\xcf\xe0-A]\x84\xfbU\xb1\xf3\xff\x98\xdf5\xee\xc5`\xec\xba\xa7\xc2\xb3\x85\xc6\xb4\x1e\x7f\x18\xe2V\x02\x00\xa3\xcc$%\xedN\x85\x17\xf3f\x1f\x03\xe2U\x96\xa9\xc6\x1e\xcc\x1c\x0b\xf7B)\x9b2\xed\x97A\x9c\x8a\xda\xa6\x19\x88\x88\x8e\x86\x19\x18\x81\x00\xfd\xdf\xee\x85\x87~2\x0c\x99\xe7&gt;[\xeb\x89/\x13\x83\x9cIV\x07\x11s\xd4\x9a\xec\xe4\x10\xa3?p\x08\xfa\xeb\x0f\xdeQ\xb0\xf1\x9cw6\x17\x92\xbe\xc2\xc8\xa3\xaf\xf0\xb3\xecKKT\x83W\xce,8\xf0CH\xba\xf7\xfc\xcb,\xed\xfa\x96\x10{d\x8c\xb2\x10\xad4\x00\x00D\x10{J\xf8B\x00\x80\x88\xd1\x02\xdbHW\xa6\x94-7\xf5^\x80m?\xea)\x9a\n\x94m\xcb\xb8\x96 \xe2o\xcd\xab\x93\x90\xe3\xe9+\x8cl7\xe9\x98\xc6I\xbb\t=f_0z\x08Q\x95Vc\x0f\x05\x94\x19\xe2\xe4\x80\xe9;\xde\x1b:\xf7\x84\xbb\xdfs\xee\xc5\xa8\x99[\x87\xba\x10D\x04H\xa1\xc4,"\xfadl\xc9B\xa6xb\t\xe9\xba\x1c@,\x9e\xd8\xb9:\x01\x00Zg\xe4`\x8dmtQ\xc3\xbe\t\xc0\x90@\x9cJ2\r\t_\xcb\x8cH\xca\x12\x03\xc7o|\xa1q\xa2s\xf7}\xa3\xa2\xa92\x9e\xb7(o\xdd\x18\xa1r\xed{\x8c`\xa7}.\x81&lt;\x9bK\x8e\xfe\xe5Xm\x83\xd2\xf5\t5c\x83\xd2Ix\xd4\xbb\x9c\xe5\'m\x030\xf3\x15n\xcc\x805\x7f\xfa\xcc\xbf\x82\x88\n\xfb\xach\x85\x99\xfa\xc2\xb0\x1c\x8fH\x0b\x16\x11\xe6G\xe4\xb7\x1b\xc1\xaf\xcd\xdd\xfb\x95a\xd2!_\xe9\xb4\x9e~\xceN\xec\xf7)\xc1dlz\xc96A\x135\xa7+?\xbcl\x87\xe5\xca\rZ\x88k\xd5|\xe9\x07=\r\xdb\xc1\x9a?\x07\x9f\xa1\x06\xebQ\xca%RQ\xe3\xbe)j\xf0\xbc&lt;f\xed\x13z\x99&amp;\x08[\xce\x7fe_#l\x03p\xdb\tG\xd8\x1a\x17\x99:@\xce\xe0M\xd1J\x89\xbc\xc6\xbb\xe2\x0e\x9bgi\x99\xab\xd4u\x95&lt;\x91V\x92\x17\xeb\x1f\xf4W\xe2\x9a\x07\x9e""^\xf9\xe5.\x0e\n\x11\x0b4\x9e-\xfe`D\xfc\xa1w\xef\xed\x91\x97\xb7\x02\x99h\xd0f\xf5\x9dZ\xb3\tB\x0eR{\xc8g\xb7V\xe7\xc5G8\xf4C\x0eC\xaa\xf7\xa2\xdb\x03\xc4\x1c\xb6\xec\x84\xc5\x93$\xaa\xee\xdc\xda\xf1\xb7\x92\xbd\x8d\xfb8(\xa9\xde\xd8&amp;F$TO\x95\xfb\xa2vt\xec9\xf7\xa2\x90\xc4\xa6k\xa1S\x19\xb6\xe2\xde\x03\xe9I\'\xcc\xdf\x03\x11K\xb5\xfdG\xf8\x99\xa4Po\x80\xe8\x00)\xb4\xef\xad&amp;\x9bj=\xd7\xb9O\x85\'\xe4\x12K\xea\t\xc1\xbe\x92\xe9\x94\xec\x15;\xff\x8f\xa15\x05\xc4\x12\xb3D\x01"\xde\ts\x0cU7\xd9`Hx\xcb!$\xf2\xc3\xf1\xcd\x1b\xb4\xf4\x96\x8c\x05aB\xad\x9abK@\x19UVIS\x01o*\xca\xae\x103\x83\xbf\x81\x91\xe1\xce\x10\xb1\xf5\xb8C\xae\x8eJ\xbe\xf2\x0c\x16o\xb9H\xb60\xbb\xe9\xcax\x1aP\x13g_\xb8\xad\xde \xe4\x13\x7fbI\t\xd4\xe9\xbfE\x960\x9d\xa2d\xde\x15\n\xc0\xc6f\xca\xd67\xd7\xff`\xf7\xd9\xe7\x03\xca\x0c\t\xb5d\x</t>
        </is>
      </c>
      <c r="E58" t="inlineStr">
        <is>
          <t>&lt;class 'numpy.ndarray'&gt;</t>
        </is>
      </c>
    </row>
    <row r="59">
      <c r="A59" s="1" t="n">
        <v>57</v>
      </c>
      <c r="B59" t="inlineStr">
        <is>
          <t>steps_per_sec</t>
        </is>
      </c>
      <c r="C59" t="n">
        <v>900</v>
      </c>
      <c r="D59" t="inlineStr">
        <is>
          <t>5.3614073</t>
        </is>
      </c>
      <c r="E59" t="inlineStr">
        <is>
          <t>&lt;class 'numpy.ndarray'&gt;</t>
        </is>
      </c>
    </row>
    <row r="60">
      <c r="A60" s="1" t="n">
        <v>58</v>
      </c>
      <c r="B60" t="inlineStr">
        <is>
          <t>Loss/localization_loss</t>
        </is>
      </c>
      <c r="C60" t="n">
        <v>900</v>
      </c>
      <c r="D60" t="inlineStr">
        <is>
          <t>0.13138261</t>
        </is>
      </c>
      <c r="E60" t="inlineStr">
        <is>
          <t>&lt;class 'numpy.ndarray'&gt;</t>
        </is>
      </c>
    </row>
    <row r="61">
      <c r="A61" s="1" t="n">
        <v>59</v>
      </c>
      <c r="B61" t="inlineStr">
        <is>
          <t>Loss/classification_loss</t>
        </is>
      </c>
      <c r="C61" t="n">
        <v>900</v>
      </c>
      <c r="D61" t="inlineStr">
        <is>
          <t>0.5619278</t>
        </is>
      </c>
      <c r="E61" t="inlineStr">
        <is>
          <t>&lt;class 'numpy.ndarray'&gt;</t>
        </is>
      </c>
    </row>
    <row r="62">
      <c r="A62" s="1" t="n">
        <v>60</v>
      </c>
      <c r="B62" t="inlineStr">
        <is>
          <t>Loss/regularization_loss</t>
        </is>
      </c>
      <c r="C62" t="n">
        <v>900</v>
      </c>
      <c r="D62" t="inlineStr">
        <is>
          <t>0.030233659</t>
        </is>
      </c>
      <c r="E62" t="inlineStr">
        <is>
          <t>&lt;class 'numpy.ndarray'&gt;</t>
        </is>
      </c>
    </row>
    <row r="63">
      <c r="A63" s="1" t="n">
        <v>61</v>
      </c>
      <c r="B63" t="inlineStr">
        <is>
          <t>Loss/total_loss</t>
        </is>
      </c>
      <c r="C63" t="n">
        <v>900</v>
      </c>
      <c r="D63" t="inlineStr">
        <is>
          <t>0.72354406</t>
        </is>
      </c>
      <c r="E63" t="inlineStr">
        <is>
          <t>&lt;class 'numpy.ndarray'&gt;</t>
        </is>
      </c>
    </row>
    <row r="64">
      <c r="A64" s="1" t="n">
        <v>62</v>
      </c>
      <c r="B64" t="inlineStr">
        <is>
          <t>learning_rate</t>
        </is>
      </c>
      <c r="C64" t="n">
        <v>900</v>
      </c>
      <c r="D64" t="inlineStr">
        <is>
          <t>0.02944</t>
        </is>
      </c>
      <c r="E64" t="inlineStr">
        <is>
          <t>&lt;class 'numpy.ndarray'&gt;</t>
        </is>
      </c>
    </row>
    <row r="65">
      <c r="A65" s="1" t="n">
        <v>63</v>
      </c>
      <c r="B65" t="inlineStr">
        <is>
          <t>train_input_images</t>
        </is>
      </c>
      <c r="C65" t="n">
        <v>900</v>
      </c>
      <c r="D65" t="inlineStr">
        <is>
          <t>[b'640' b'640'
 b'\x89PNG\r\n\x1a\n\x00\x00\x00\rIHDR\x00\x00\x02\x80\x00\x00\x02\x80\x08\x02\x00\x00\x00\x83\xaf^t\x00\x00 \x00IDATx\x9c\xec\x9de`\x14W\x17\x86\x0f\x90@\xb0\x10\x08\xc1I\x82\xbb$@pwwwwwwww\xd7\xe2R\xbc\xb8[qZ(\x0e\x1fRJ\xa9Q(\x85\xbe\xdf\x8f\xd9\xdd\xcc\xce\x8e\xdc\xb1\x9dM\xd8\xe7\x07dg\xef\xdc{w\xe4\xea9\xef!\xf2b.\xb1\xad\xae\x80\x17/\x1e\n\x00\x97c\xe9\x00\x8c\\\xfb\x93\x05\xb5\x89\xee\xac9\xf7\x1f\x80G"\xd7\xdc\x8b\xdb(\xbc\xed\x86\xbb\xae?\x00\xa2&lt;n*\xcc\x8bz~\xf1\xbe\x8a^\xbe\x16\xe2[]\x01\xeb\x01\x00\x80(\xd8\re\xc5H\xdf\x94(\x9b\x1b\n\x8ar|\xd6\xd7\xea\xa6\x15\x0cZa\xc75i\x99v\xcb\xf5\x94\xe4\xc5R\xb2[]\x01/&amp;\xe0_\xc1\xea\x1aD=\x12\x87w\xb5\xba\n\x86\x90\xe7O`\xebu7\x8d\xb9\x01\xb4\x18}\xd0\xf9\x98w\x0cd \xfe\x15\xad\xae\x81\x0c1\xad\xae\x80N|\xac\xae\x80\x17y\xfc\xad\xae\x80Fr\xd7\x9a\xa4?\x93d\x05{\xe9\xcf\xc4\xcbWE\x85\xce\xab\xff\xf2\xae\xb7\x19\x89o\x89I[\x9f+\xa6\x12\x9d\x19\x9bOV+\n5\x8c\x8a\x9d\xd7\x10\x05Z]\x8b\xe8\xc6\xfa\x0b\xde\xf7\xdf\xcbW\x8co\t\x0b\x0b\xbf\xef\xdc\x11T\xeb\xb1\xd1\xaa\x9ax\x14\x0b\x0e\xfdan\x01\xeb/\xba\xbb\xd5\x93Z\x0fW"9Qn\xc5D9\xaaO J\xa6\xa1V^\xbcx\x0e\xbf\x7f\x85s\x11\xdf\xe2V\xd7\xc0\x8b\x97(N\x9d\xfe\xdb\xac\xae\x02\x11%\xb1\xba\x02^\xbcDs\x02\xf3w\'\n\xb0\xba\x16^\xec\xf8\x96 \xa2\xd2\xed\x96Y]\x0f/\x9a\xb8\x1buF\xdcI\xf2u\xb3\xba\n^,\xa0\xef\xc2\xab\xee**\xc2]\x05\x19I\xaa\xa2\xfd\x8c\xcd\xb0\xc1\xe0]\xf7\xdc\xd7,\x14rWA\xd1\x96\x93\xaf\xb4\xad,\xaa@\xa7y\xf0W\xca\xc2\xef\xfeRLc\xc6\x9d[r\xf4\xef\x1es.\x1a\x9e\xad\x1e\xb6\xdd0\xfb\x19\xe5\x1b\x97\xd9M\nc\x16\xcdTa\xa4\x99\x85z\xf1b\xfc+\x0c\xa0\xa7\xc8\xfb\x1b\xc7\xd8R\xbcx&amp;M\x86\xefu\xdd\x93~\xa8\xf0\x8c\x85o\xb8\x84-\xd7lN7\x95\xbb\xae3\xafz\xd1\r3\xba%\xdb^o\xac\xa2\x86\xe7\xac\x99i\xbb^\x07E\xf4$"JUW4\x81\xe6\xeb0u\xe7+\xcd\xb5\xf2b2\t\xad\xae\x80\x16\xac\xb6d.\x04`\xf3U\xc1\xeb\x90\xd4\x9a\xba|\x05$\xc9\xafya\xaf\xb0\x91\xf5P$\xb0\x1aQ&lt;\xe7C\xa9 K\xdb\x89\xc7\xdcZC\x0fD\xb9_\tnhF\xb9\x9f\xa2\xda\x92\xc5\xc1\x87Z*&lt;\xff\xe0\xef\xf2Wx\xd9\xf1\x8fE\x9b\xcf\xd7Z)/n\xa5\xc1\xe0]VW\xc1#\x18\xb8\xe4\x86\xd4S]\xa2\xd5b7W&amp;\xda\x03 n\xf6\xb6\xee)+S\xc5Q\xf3\x0f\xfe\xbe\xe9\x8a\xb6\xc69\x11\xff\x83O\xa6\x16\\/\x1bVw\x1a\xc5.\xd1b\xf4A\x00\xbb\xee\x08\xfb\xe0Q\xeb\xee\x1bRs/n\xc0/\xca\x95\xa5h\xd7\xad\xd5\xf0\xdb\x8b\x15$\xaebu\r&lt;\x83\x18E\x8a\x18=jl4t\x8f\x92\xe9V\x90\xb1%*`\xce\xc4C\x03\xeel\x1f^\x025z\x7fCD\xf5\x07i\x1fk\xf6\x9ew\xe5\x1e\xb0\xee&lt;\xd7\xb2\t\xe6\xc4\x94\xb5\xcaXA\x1f\\\xa2\xd5"]\x95\x8eN\xb8\xa9?0H\t\xa4f\x9f\xcdD9=\xbc\x03\x03@)k\x8b~\x15\\r\x10\x80)\xdb_\xb8\xb9J^\xdcHN\xab+`&lt;\x85\x9b\xcecI\x96\xbcpo\xf6&lt;\x01\xcc\xd9\xf7k\xfe\x863\xa5\x93\xe4b\xcf-:\xb1\xea\xcc\x17\xab\xab\xc0\x8cOq\xae\x07\x99\xb0\xf9\xa9\\\xb2\xc0j\x82&gt;\xb8\xcf\xfc\xef\xddU\xc5(@\xa8\xd5\x15\x90\xe3\xc8\xb3\xc8\xeev\xf7\x0fH\x94\xb7\xb3\x85\x95a&amp;\xc0\xea\nx\xf1\xe2\xd1x\x97\x82\xa4\xa8\xd2}\xbd1\x19\xa5\xa9oL&gt;\x124\x19\xbe\xf7\xc4K[\x87\x1a\'kk\xf9\xc4\xeb.8u\xc0\xc7\xff\xe7\xbd\xf5Q\x84&amp;\xc3\xf7\xf1&gt;%"JgYU\xdc@\xfcr\x94\xb4\x9a\xd5\x95\xf0D\xfc\xf3v"\xca`u-\xbcD\xb2\xe2\xd4\xbf!\xa5\x87h&gt;\xdd\xdb\x01K#\x8c\xc96i\xebs\x0f\xbcV\xfc\x0e\x95%}\xa6\x8a#\xd5\x9e\xe2\xc5\x8b1\xac&lt;\xfd\xd9\xfb\xcc\xe9a\xf8\xea\xbb\x14\xaf\xac\xd5\xb5\xd0\x89p{\xeck%kH\xe9\xc1\x00\xe2dk]\xa4\x99\xc2\xd6r\xf1\x96\x0b\xddS\'\xcf\xc60\x7f\xf4\xf2\x9dV\x11\xa5\xdeuGo[\xb4\xe2\xd4\xbf\\?z\xf4\x19kVU{l8\xfa\xcc\xdb\x01{\xb1\x84\xb4\xe6.\x07y1\x8c\xd8%\xad\xaeA4g\xcb5\x10%$JouEt\x92\xd9\xf8,\xd36X}\xf6?\xf36\xbf\x1f\xd9\xbb\xcc%\xc7&gt;\xe8\xccj\xe0\xd2\x9b\\?\x1a3CS\xc6S\xe0\x82\xce:x\x89\xaa$+\xa4\xc2Z\xc4K\xf4&amp;\xb4\xf4\x10\x0f7\x83\xf0\xf2\x95\xc0uKU{l0\'{\xe1\xca\xb6N\x00|\x02r\xd5\x9c\xc8;&amp;:t\xe0$\x89\xe2\x89u\xc0qM\x19\xc7D9\x16\x1c\xfe\x93\x0c6\x7f/`\\V^\xa2-\n\xc6\x93^\xbc|]\x88Z9\xb8!\xda\xb7\x16\xc3\x9a\x93/q\xfd\x03\xbf\xcbH6t\xe5\x0fR\x89W\x9f\xfd\xe2\xda\x01\x03 \x8a\xa1\xa1h/^\x14\xf8\xc7\xbb\xc0\xa2\x84\x87,C\x89\x89,zq7\x9e\xf0$X\xcb"I\x9d\xe0\xb8\xba\xf3\xce\x06 M\x89\x01\xba\xf3\x11\x90\x99\x12\x96w|\x98\xb4\xf5\xf9\xbe\x9f$o\xa2D\xefK\x94\xb6\x81\xd1\xb5\xf2b\x1c\xbd\xe7_\x91\xf8\xc6T\x1fA\x03\x0c\xad\xbd\x11m\x15\xf1\x90\x0e\xd8\x13\xea`\x10\xfeD&gt;V\xd7A#\'_F\x9b\xbb\xa0\x91\xd6\xe3\xbes=8{\xef[\x9d\xd96\x1bu\xe0\x99Y/Z(\xdf`\x02\xc0\x91\xa7R\xa5\xc4u\xed}\x0f&lt;\x04QJ\x13j\x15\xc5p\xaf|hT\xe0\x9b\xef\xb5?\xac\xd1\xa857\x1d\xef\xfa\xb3\x17O \xb0@\xf7\x8eSOY]\x0b\xa2\xd0F\xaa\x92\x9f\xffU\xb9\xa9\t\xaf7\xcdde\x98,\x0e\xfb\x89\xcf\xb2\xbb\xd7\xd7\xfe\x16v\xc0\x1d\xa6\x9c4\xb3b^\xa2\x13I\xab[]\x03/Q\x10\x93\x95\x10\xa2\x17a\xd6\x15\x9d\xdc\xba\xa2\xb5\xe31c}\xa6\x98\xeb\xb126\x13t\xc0%[/1\xbbf^\xa2-\xc5%\xe4L\xcbu\\I\x94\xcd\xcd\x95\xf1\xe2\x99\x14k\xb1\x90(\x96\xd5\xb5\x88"89y\x07ZV\x8d\xa8\xc30i\x8b\'\xf5\xb8c\xe7\xe2_^\xef\xfb\x13\xe0\x9f\xb7\x93\x1b\n\xf5\xa2\x87\xa8\'ze\xcc\xb04\xa8\x86\x01\x99x\xf1\x125\x01\xa0#$\x1f\x1f\x13\xed\x87\x014\x1bu\xc0\x98\xbc|\x8a\x1b\x93\x8fV\xdc3\x99v\x84K\xf2\x10\xe3\x8f(M\x94\\\xb4q\x03\xc2\x07K\xd3\xdau\xf7\xd9\x17\x8c\xa9\x8d\x17/Q\x90\x9a}6\xb3%\x8c\x1e\xbe\x8ey\x19Wq\xa38\x11\xcfy\xbdo\xefyR\xd6\xb5\nx#)y\n\xbfF\x851\x94w\xa0\'Jx\xbd\xe9VW\xc1\x8b\x07\x13PY\xc7\xc9y\x0c\xab\x86\x03\x8f\x89T\x18E\xf1\xc9\xdc\xe2\x1f\xa1\x03RT5\xd7\xf7\xe2\xd9\x84\xf0\xde\xd5$U\x89\x12[W\x15O\xc6B\x8b\x1b/\xacX:|\xd4\xb2\xc6\x16\'k\xeb3?\x8b\xd69\xa1\x9e\xaa\xc4\xcc\xd0\xccp\x19\xa9\xaf\x86\xc0\x01\x8b\xaf\x0b\xcc\xafv\xdcR\xf9\\\xc5/gN\xdd\x14IE\x94\xd6\xa2\xa2\xbd(\x12\xe2\x1d\x173!\xed\x1d\xe8\xc5\xa3\xb1\xb0\x03\x06``\xec\r\x19\x85&amp;&amp;\xe2\x95!\xa2\x96c\x0e\xc9$\x89h4KS\xd6\xf1\xa3\xcb"Yn\xc1\xe7\xa0\x82=\x01\x9c{+\xf4&gt;j!{\x19=\x84\x9c5&amp;\x9c\xfd\xe5\xab\xde\xab\x8eou\x05\xbc\x18E\xac\xe4^\xe5m/\xcc\xe4\xa8&gt;A\xf3\xeb\x0f\xc0,\xf3\x94\xa4\xd5?\x03\x14\xa3\x88d\x82\x98E5\xe4\x1a3C\xd3\xba\x03\xb6\x97\xef\xb4Js\xbd&lt;\x844%\x06\xf4\x9c{\x89\x7fD\xd8\xf1\xda:\xb3\xa8\xe2\x14\x10x\xea5\xe4\xac\x80\x01\x10\xa5vc\x85\xbc\xdb\x99\x92|\xcd\x03%/^x\x08\xad\xa2\xdaN8&amp;\x92*Q%\x89\xd3S\x1c{\xae\xfdU\x1a\xb4\xf4\xa6\xfas\x03\x82\n\xf6dIW\xa6\xfdr\x00\x89\xf3u\xd5P1\x8f$\x87Av\xe62$\x9f\x7f\xf0wA\xaf\x1c}p\xbf\x19\xcb\xc1\x87\xde&gt;F\x1co\x07\xec\xc5\x0b\x11=\xe4\xbd\x05\x0b\x0f\xff\xc9\t\x10\xb2\x9f^\xa9\xebZ\x00CV\xdc1\xa1j:I\xb4\xfa\xcc\x97\xf3oA\x94\xc8\xea\x9a\x18E\x06JU\xd7\xea:D}\xdaM\x14\x1b`FGR\x16\xedku\x15\xa4P\xb0\xef\xf0\x0e\\\xbc|\xb5\xe8\x1f\x98\xc6\xca\xd8\xdc\x90\x9ah\xe6\x0f\x00\xc0\x9c}\xbf.;\xf1\x8f\xb55\xf1\xe2\xc5\x8b\x13\xf1s\xb6\xf7\xce}\xbdxQO\xe6k\x7fG\xa1\x17\xc7\x8f(\xbe\xd7\xa3\xc1\xa3\xe8\xbf\xe8\x1aQ\xb8\xd5\xb5\xf0b\x1d\xdc\xcas\'\xbe\x8c\xbbwU\xc7KT f\x86fVW\xc1\x8b\x17/^\x8c$\xcf/\x1e7\x1b\xd6\xe5\xfeh\x06Qg\xc1\xc0\xd4x\x97^\xbcDg\x8e&gt;\xd3\xf3\x9aGy]\xb0\xa4VW\xc0Kt\xa0R\x97\xb5Ff\x17T\x83\xa8\xa0\xc7t\xc0&amp;\xaa\x04{!"\xa2\x98D\xb4\xfa\xcc\x17\xa2\x8c*O\xf4\xba 2\x01 yaOt\xf0\xcbTq$\x00JX^k\x06i\x0c\xaa\x887\xa4G4\x82\xdfsx\x1d[\xb5\x12\xe2\x96R\x18\xf6\xeaB\x1b\x9b_\r/\x04 g\x8d\t\x96V!@\xf0\xb9v\xbf\xadVT\xc3x&lt;f,\xebB\x9az\x85\x9a\xce\xd5\x99Gh\x99\xa1\x86\xd4\xc5\x1d4\x1c\xb2\xc7\xea*D\x19\xfa,\xf8^\xdb\x89\xfd\x17_WJ\xa2v\xa4\xef\xc5JJ\xb4^lu\x15\xbe\x062Y]\x01\xa3\xc8ou\x05\x8c#q\x95\x8f\x00\x80\xf9\x87\xfe0%\x7f\xbf\xd2\xa6dK\xf1\xc8\xaf\x9499ke\xca\x8e\x97VW\xc1\x1a\xdaj\xf7\xbf\xd2\x17\xac7\xb0\xaa\xae\xd3=\x83\xa3\xcf=u\xec\xecFR\x14\xeecu\x15\xbch\xc1sg~B\x92\x00\xa08%\xad\xae\x86\x90\xe4\x85z\xc7\xca\xd8\x9c(G\xda\x92\x03\xad\xae\x8b*rX]\x01O\xc1\xfa\xa9\x1e\x00\xa2\x14V\xd7\xc2\xbd$\xf3\x06\t\xf6\xe2\x85\xb1\x03\xcejz=\x18Xs\xce\xc3\xc7\n\xd6\xb7\xe4\xfa\x88\xb0\xba\x02^\xbe\x1aF\xac\xb9gu\x15&lt;\x0e\x1da\x1e\xe2\x01`t\x1b\xf3\xcb\xd6Fk)^,\xa3l\x87\x15VW\xc1\xa3y\x12\xc5\xf5\xfb\xd6_\xc4\x9c\xfd\xef\x8c\xceU\x18RB\x8e\xde\xf3\xc5c\x1aG)\x0f\xf7(\xc6\xa0\xa57\xad\xae\xc2\xd7L\x9a\x11\xab\x9dF!/\x94[\x90\x98\xd2_\xf1\x94\xd6\xbf\xbe\xd5\x05\xff&lt;\x1d\xad\xae\x02\x137\xff\xd1\xd2\x9a\rZvk\xf6\xde\xb7\xce\xc7\xf4\xed=\x89\x12\xda(nv\xef\xe0\xcc\x1a\x8e\xbfP\xf1`\x98\xa5\x16\xfcST\x1e\xc2XE\xfar\xc3\xac\xae\x82\x17\x8dd\xae4\x8a\xfb\xa3j\x8f\r\xabN\x7ff8#\xc0\xc4\xdax\x89:\xd4\x1f\xb4\x93(\xa7\xd5\xb5\xf0b\r\x8b\x8f\xbcOV\xa8\x97\xf1\xf9F\xe95\x04\xab\xa8\xd5w\x8b\xbe\x0c\xfc\x8c\xa9\x87\x1a\x9a\x0c\xdfK\xd1@\xc0H2\x0c\x0e3\x9c\x11\\\xbc\xb2\x00\x9a\x8f&gt;\xa8\xbfF,\xc8G\x8b\xab\xd4\xd5Po\xe9\xa8K\xda\x06\xae\xd1\x90L&amp;\x06{R\xb3]\x07cgiej\xfe^\xcc\xa3z\xafM%Z-\xd2\x95\x85\x07\xc7*\xb0\x908VW j\x11e\x04h\x92\xe4\xef\xb6\xf5\xba\xc6\xa1g\xf2B\xbd\x01\x10\x15t\x1c\x19\xbc\xfc\xb6L\xfa\xef\xff\x82_\xb6\xd6\xda\xca\xfaZ\xb1`\x84j\x1c\xb1\xad\xae\x80\xe1\x18!a\xedS\xdc\x80L\xa2\x07\xa3\xd6\xdd\xaf\xd8e\x8d\xe0 cTK/\x06\x02\x80\x82\xbe\xba\xbd\xc3\xa8MpC\xfbnP\x10\xef\xa8\x9c\xa4;\x009E\xcf\xd8%\x0c\xab\x9b\x97(\x87~9\x17\xadkBq\xb2\xb6&amp;\n&amp;\xca\xa2\xe6\xa4x\xda\xca\xf2\\\x12h\x16\xdb\xd2N\xec\x91^kX/\xba\t*\xd8\xf3+t\x84\xe5\xf4\x07Tm\xdc\xd8\xd3\xa7\x94\xfa\xd6\xa0\xaay1\x98\xc0\x02=\xac\xae\x02\x0b\x16\xf9\xb6&amp;\xac\xa0\xef\xfct\xcaI\xcc\xe7\x1d@TH\xeb\xd9a\xbc\xbf\x995\xf3\xb3W\x1b\xbf\xf5\xbads\xe0I\xf8X]\x01/\n\xe4o0\xc3\xea*\x18B\xf03\xe6^\xb0\xeb\xccs\xc3V\xfe\xa8*w\xae\x03^z\xfc\xa3\xe1ZH\xfd\x16]36C/&lt;\n&gt;\x03(F\x11\xa2P\x033\x9d\xb0\xf9\xa9\x81\xb9\x99B\xd2\xeaf{\xf7\xe6\xaa9\xb1\xd9\xa8\x03\xa6\x16\xc1H\xf5^\x9b\xc8\xbf\xa2\x86\x13\x8b4\x9b\xcf\xdbxR\xe3L|\xee\x17\x85\xf1{X\xdd\xa9D\xd4`\xf0.\xe9d\xa9T\x94\xe7%\xcar\xf9\x0f\x85n)\xa2\xf1lM\x96)Y)\xa4\x91\xb6*\x99\x84\xeb\x8e\x8c&amp;\xfc^\x8a\xbd2\\\x07&lt;v\xe3##\x8a\xf0\xe2\x84\xd9\xeb\x07\xa3\xd7?0\xb8\x88\xd4\xf5\x88|w\xdc2$\xcf \xe5$\xd6\x90\xd0\x88\xe9\x93\xdb\xcc\xf1\xe4g\xc0\xd9be4\xd4p\x95\xb7\x80&amp;e\x01\x98\x90(a\xcf\xb9\x97\xaa\xf5\xdchd\xc1Q\x18\xa3|\x0f\xa2\x9f\xf0\x96\x8c\x8f\xac\x17&gt;:\xdb#\xcd\xabd\xd1\x99\x98\x19\x9a)\x8e\x11u2\xfe\x9b\'\xaf\xbd{\x04\xea\t\x08\xefb@.\xc9k\x1a\x90\x89\x17g\xa2\xdd6\xbe\x17/^\xbcD\x05\x96\x9f\xf8\x87\xf7)\rQ"\xcb\xaa\xe2I\\\xfa\xdd\x801\x96O\xa6\x16\xfa3\x11\'\xa2\xf1l5\xc9\xc3\x94\x93x\xf1\x14r\xb3-\xf5D\xa1\xb8\x98\x86M\xca\xe3x}\x87&lt;\x1e\xdd\xbe\xb3*\xfc\x80u\x93\x9f\x92V\xb7p\xddx\xd0\xb2[V\x15\xed\xc9\xa4*\xda\xcf\x90\x9b\x02`\xed9\x10\xa5\xd5\x9f\x95H\xd6\x0c\xa9\xdc\xd7\xefz\rG\r%\xafb\n7\\\xf0\xca]\xd7\x99]\x84*\xba\xcf\xbe\xe09\x8fY;\xed\x91\xbbT\xe0\x93\xd9\xb4!|\xb4\x85}\xb4\x17\x833\x94MW6z\x88\xe8y\x84\r\xb3\x07bR\xa3\x91\xc7\x8cL53}\xd7k\xab\xab`\x08\xe9-(SD\xb2X\xd1\xa4.\xe6\x80%7L\xa9\x8c\x07\xb3\xfb\x07\x0f\x12\x9a\x0f\x083bG\xcd\x93I\xdb\xc0\xea\x1ah"N)\xabk`5I\xaaXWvR\xeb\x8a\x96&amp;u=\xe3\xf3&lt;\xfd\xdaSZ"/:\x19\xb4\xec\x96\xfamx\x13\x16U\xa2\x02-\xc7\x1c\xb6\xba\n\x9e\x86U\x9e\x81\xf9,*\xd7\x8b\'SP9\x89{\x88_\x96\x88\x88\xd2P\xaa:\xe6\x15\x12eT\x06\xbd\xc8\xa2\xde\x9e\x96\x13Of`\xc6\x9e7\xaa3\xf7\xe2\xc5\x86L\x1c\xb78\x14\xab\x98\xfb*b)\x99*\x8e\xb2\xba\n^\xd4\x92q\xe6\x9e7+N\xfdk^\x01\xf9^y\xccr\x9c\x17=t\x9fu^\xfdI\x1e\xebn\xe8\xc5\x8bG\x90\xa1\xfc\x08\xab\xab\xa0\x9f\xf8VW\xc0\nD\xf6&gt;\xdc\xb2\xdf\x9a\xa3\xfa\xf8\x80\xf0.\x14\xaf\x8c\xe3\x08\x80\xf5\x17\xa3b/\xeb\xf9\x92^\xba8\xa1&amp;he4\xc4\x8d\xbe\x80\x1d\xa6\x9c4"\x9b\xa8\xe7\x05\xb0\xe4\xd8\xdfVW!j\x13/g;m\'N\xdd\xf1r\xd4\xba\xfb\xc6V\xc6\n\xac0g1\x06\x978\x13\xe9\x9a\x90\xcf\xd7\xb2\xdc\xa2\x1f?\x00e\xda/\xb7\xba\x1a\x1a\x916\xf3\xf9Z\'\x9d\xfa\xb5\xe95\x11/G\xbb\xa0\x82\xbd\x8c\xc8)\x0c@x\xbd\xe9Fd\xe5&gt;&lt;\xc7\xdc\xccBf\xec\xfe\x991\xa5t8p\xd5{\xd5f\x85y\x8f\xca\xa4.\xd6\xdfme%\xc9\xdf\xcdmeE7\n6\x9e]\xb2\xcd\x12\x00\x1d\x8d\x99\xb8\x18\x88k\x80\x11#\xe2yy1\x8b\x04\xe9\xcb\r7&amp;\xa78\xa5*u\x89b\xc1}\x87\xae\xb8\xe3\xed\x03\xbcx\x0e\xcf\xdd\xf04\xc6(BA5\x88\xf2\x03\xa0\xc4\x16\x19r\xdbc\xb3\x87XS\xbcAD\x8d\xb6#iu\xabk@K\x8e}\xb0\xba\n\x1e\x8a\xe6\xc0\xc0\xd1\x83k\x7f\xa3\xe3\x94S\xc6\xe5\xe7\x15\x8a\xa7&amp;\xc3\xf7Z]\x05/fa\x8c\xca&amp;\x8f`\xee?\x00\xd5{m26k\xfd$+\xd4\xcb\xcc\xec\xcd\x15g\xae?h\xa7\xa9\xf9\x7f}0\xc7\xfc\xf2\xc2\xcc\xb2\xe3\x1f\r\xcc\xadr7c\x04U\x0e=\xfa\xaaGE^,g\xc3%\x10e\x17\xfd*w\xad\xc9\xc6\x97w\xeb\x1f\xd5\x81N\xbdp\xc8]4\x9f\xe2\xc7\xbfr+*/\xd1\x14\xbflm\x02\xf3w\x17\x1cL\x98\xa7\xa3A\xd9{x\x9c\x8f\xbcVW\xc0\x8b\xc9$\xadN\xe9\x9a8\x1f29\x90\x01\x80\xafP\xf3\xc8l2U\x1ciu\x15\xbch\xe4\x93w&lt;*\r\x80\'\xde\xeb#Gl\xab+\xe0\xc5SH\x94\xb7\xb3\xd5U\xf0\xe2\x11\x04\xe8\xcd \xc8U\xcc\x92\x8f\x9f\xde\xfc=\t\x00\x94\xa6\xbe\xd5\xb5\xf0D2\x94\x1f\x0e\x80(\x8d\xd5\x15\xf1\xe2^\xfc+X]\x83\xaf\x83r\x1dV\x8c^\xff\xc0\xeaZx\x1aQ\xd7\xdd\x8d\xa2\xbd\xc3\xb4\x19|{W\xe7\x0c/[\xef\xf9W\x8c\xa9\x8a\x87Q\xba\xed\xb2\xa7\xde\xe9\xaf\x17/)j\x99\x91k\x80}?8\xa3\x19\xb9{Q U]c\xf3\xf3\xee\xee{\x89\xc6x\xf2.O\x8a\xc2}\xac\xae\x82\x17\xcff\xe0\x92\x9ba\xf5\xa6Y]\x0b/&lt;b\x974:\xc7\x02\x00\x88R\xc5\xcb\xa1Q\xb2\xc7\x8b\x17\x8b\x90\x0cz\x93\xbf\xc1L\xee\x8fk\xefA\x14\xd7]\xf5QE\x02\xe9\xafr\xd6\xee\xbb\x95(\x1f\xc5/gDAq\x8c\xc8\xc4\\\xe2dm\xb5\xf8\xc8{\xd1\xaf\xfc\xb2\xb5\xd1\x98iJ\xe3\xe3\x1fl\xba\xa2s\xae\x92\x12\xc0J3\xa5\xa1\xbd\x98L\xa2J\x16\x16\xde~\xf2\t\x0bK\xff\xba\xf1n\x13h!*\xae\xee\xa4,\xda\xcf\xaa\xa2\x87\xaf\xbakU\xd1.\xa4"\xa2\xba\x03\xb6k\xbc\x831\x8b\xfe\xcezb\xa0\x96\xfc\xb5\xe2]qt\x13\x15\xbb\xac\xb1\xba\n^\xbcD7R\x153\xb8sj0x\xd7W\x1bU\xd3\x93\x01\x0f\x8f\xf6\xec\xf2+\xad\xca\xbc\xb4`\x939\x8a\xca\xa6QS\x00\xcb\x9c\x1do\x8d\x04V\xb3\xba\x06^\xbcxQ\xa6X\xcb\x85\xa2A2\x00\xd4\xee\xb7\xd5\xfd\xf5q\x17nZPIWVJ\x1c[\x81\xcb\xbf\x03\xc0s\xc07sKc\xab\xe4\x01\x04[]\x01c\xf1+mU\xc9A\x11=\x89(\xb8\xd4`\xab*\xa0\x99E\xdf\xfd\x05 J\x08r\x95i\xb7\xdc\xbbh\xe3\xc5,x\x03\xf7\xa9;^\x12\x11Q.""J\x9d\xdck$\xc5L\xc2\xdc\x1d\x07/\xbbE\xc9\x9c\x1c\x11\xf5-\xb7\xa6\xfa\xc5v\xba[\x97\x88=\x05o\x93\' qxW\xe9/=+BQ\xdb\x89\xc7\xb8\x95\xba\xa1+\x7f\x90\xb8\x8f\x05x\xcb;Q\x80\xa8ROcIY\xb4\xaf\xd5U\x88\xda\x9cy\x03\xa9\xd1y\x85N\xab\xfd\xb2\xb5\x16\x1c\xe4\x1e3\x00\xdf\xff\xa5\xfc\xbce\xaf6\xee\xe83\xb3\x1fK\x93\xf5\x95\x8c\xa3\xc3\x94\x93e;\xac \xdf\x12|\x9b\xa96\xe3\x8f\xe8\xc9\xd3\xb5\x81\x02@I\xaa\xea\xc93\xca\x00\xa0\xe7\xdcK\x86fY\x80)\x95O1\x00\xc9\n\xf6"\xa2\x9b\xffxT\xb3kXT\xea\x88F\xb3\xf5e 6$\xf4)\xce\xff\x04\xa0d\xeb\xc5\xa2]l\xfar\xc3g}\xfb\xcb\xdc\xfd\xef\x00$\n\xeb,8\xcb\xb4\xae.Z\xa9p\xb8\x87&lt;\xb5\xa7X]\x05\x03\xf0\xcd\xdc\xc2\xaa\xa2\xe5\x1ef^\xbcs\x07\xdbo\x82\x88\xfe\x94}\x0bf\xef{k\xff3\x9d\xbe\xda)\x93\xa9\xe2(\x13\xbc\x1e\xa2\x0c\x00j\xf5\xdd\xc2?b\xb8\x05\xc0W\x04\xfbR~\xefyW~\xfc\x8f{\x01\xf2\x9bW\x9f(\x8ci\x86\xd0\xa5\xda,\x01P\xb8\xd9&lt;\x93\xf2\xd7@\xd1\x16\x0b\xac\xae\x82\x17]\xcc\xde\xfb\xb6\xc7\xec\x0bV\xd7B\x17\xf3\x0f\xfdao\xfa\x03\x0c\x19\xa1f\xaf6n\xdb\r\x86|\x14\xa4\xe5\x18HTQo\x0e\xa6\xa3B\x95\xb3J\xb7\xf5\xe6\xd5\xc3\x8b\x17/N\xc4\xc9\xda\xda\x92\xc5\xe7S\xaf\x90\xb3\xc6\x04C\xb2\xea6\xeb&lt;\x057\xf0.\x00Di\x00\xf4Y\xf0=\x11Q\xda\x06\x00\x88b\xe8\xcc\xb0\xd1\xd0=Dy\x0c\xa8\x99\x12\xed&amp;\x1d7!\xd7dD\xd4\x97\xbb 2\xa45^\xa85v\x96V\x9a\xce3}\xad"\xaa\x90\xd1S\x9d\xe2\xd5\x10d`\x04\xdf(-`I\x00:M;m^\xfeA\x05{V\xe8\xbc\xda\xbc\xfc\xa5\x00@\x14aTn~\xd9\xda\xe8\xd6c\x8a\xda\xcfI\x94\xa6\xc7\x9c\x8b\xff\x1a\xbf5\xe3g~\xaf \xe9\xccb\xc8o\xa9(\xf3b\xc6/\x07 C\xf9\xe1\xfaK\x11\xa3\x00Q6\x95\xa7$6\xa5"Q\x04\x1f\xd3rN\xa2\xfe\x94(c\xd4\xe0%\x1a\x11\xd39\x16\xbd\xba\xd0\xc5+O\x7f\xf6`\x1b\xb4(\x1d\xd5\'R\x8b*V\xc6\xe6R\x89\xd6_4\xde\\\x11@\xdb\x89\xc7\xf4\x0c\xf2\x14\xeb\x93\xae\xccP\xcd\x99\xeb$\nYw\x1aE\xaab\xfd\x05G\x02\x0bt\x07\x90\xbcpoK\xeac\x16q\xb2\n\r\x17\xf9pw\xbdV\x9f-2i\xbc\x98\x8d\xd6e"O\xc6j\xcf\xf8\xc4\x95-\xae\x80\t\xf8d\xb2\xcc8\xcb\x99\xe0Rm\x97j;\x13@h\x99!j\xcf\x1a\xbe\xfa.\x80FC\xf7h+\x94d\x9a\xc1t\x8d5\xe7i f\xdc\xd9\x16\xa3\x0f\x8d\xdb\xf4X\xea\xdb\x94E\xfa\x02x%\xec\xf5\x93\x19^\r1\xe2\xe7\xad3\x95\xa8\x90\xe0\xe8\xf5\x0f\xeaF!\xa9\xac\x93?3\x8c\xb2\x1dV\x90\xbb\\V\xfe5\xa4\x94\x94\xb5S\x14\xf1,_\xc3\xee\xb3\xce\xeb9\xbdR\xd7\xb5\xfa\xeb\xf0\xdd\x93\xafk\xf8LDQB\xb0\xd7X|25\'Je\xd4\xe0F\xfe\xad/\xd2l^\x99\xf6\xcbE\xbf\xdaq\x0b[\xaf\xbb\xefy\xe3\xb9\xff1\x9a\x05D\x1f\x95\xae\x87@{\xb1=\xe9~\x8b\xae\xe9\xde\xf1\xc9\x02\x80\x12\n\xe2!f;\xfd\xda\xb2\x96d\xfa\xee\x9f\x97\x1c\xfd\xdb\xaa\xd2\r!\xa6\xfd\x0f_\xc6\x13\xdc\x16\xd9x\xe9\xf1\x8f\xc6t\xf3I\xab\xf7\x9a{\x89\x88"\x1a\xcd2 7\x83xg\xf5\xf2\x11\xa7\xa4_\xbe\xd3*k\xaba\x14u\x07l\xb7\xba\n\x9eI\xda\x84y:\x1a\x9a\xa1\xf8\xd6\xa0\xc4\xab\x9a\x93\x88\x12\xe4\xea\xf0\xfd_\xe8\xa6o\xd0\xa9\n}\xfe\xf7\x86\xd9%\x98\xcaU\t/\xea\x0c\xe5GP`\xb4\xf7\xe2-\xe8\xfc1\x915\xb5\xd0E\xec\x12\xb7\xff\xb5\xae\x0fH\xd7D1\xc9\xc1\x870\xcf#\xed\xfc[\x83\x7f\xbb\xa6\xb7\xdd\xba\xcd\xf2X\xc5\x88\xe8\xd6\'\x94n\xbb\xcc\xb2:(\x10S9\t\x8f\xa2\xcd\xe7\xeb),\xa4\xf4`O\nn\x9f\xd9\x8aB\x03\x14S\x84\xd5\x9b\xa6\x98l\xec\xc6G\x8e\xbf\xeb\x0f\xda\xc9\xed\xd2\x01\xe82\xfd\xac\xbe\xea\xa9\x03\xc0\xa8u\xf7\xd5\x9f\x97:\xa4\xb4~\xc5=\x7f\xdd9(\xd3|\xd4\x01\xd7\x83;n\xa1r\xd7un(\xddj\x9c"t\xdd\xb3z2\xa3\x19\x0b\r\xc7\x85\xab\xf9n\xc7\xc4@\xcb\xe36=\xee\xacd\xb7\x9c\xb5\xca\x18\x00\xd5zl4\xaf\x1a\x8a\x00\xf8\xeeiT}v\x05H8l\xe8ue\xf1\xc2\xe7\xc6\x07\x96\xa7\x85\xaf`\x93\x9b(K\x86\xf2#\xcc\xaa\x904\x8d\x87\xed\xad7p\x87r\xba\xe0\x86\xce\x9f\x93\xde\xfa\x84\xfc\rf\xe8\xd2\x99OP^\xfb\xb9Q\x03\xf7\r\x10+tRt\xd0\x08P\xd8\xe9\xe7\xa9z\rX|\xdd\x80:y\xf1t\xe2\x94bI\xc5\xcd\x0cV\x9d\xf9L\xa1\x16\x98u\x94h\xbd\x18@\x8d\xde\xdf\xb8\xbf\xe8h\x84:[k\x8bH\xa4v9!\x1a\x10\\j\x90R\x12\xf18\xc7\x8b\x8e\xfc\xc5\x1e\xe36A\xee\x0e[\xae9\rJ\x86,\xbf\xcdx\xae\x17\x06\xc2\x94\x96\xe82\x8c\xdd\xf8\xa8\xdf\xa2krI\xe2\x96i4t\x0fQ\xee\xfb\x96\xdb\x8d;\x02h\xebA{\xe8f/.X(\x16\xddb\xf4\xa1\xe5\'?E-O\x86\xf5\x17T\xd76j\xfd@\xc3\x19\xb6\xeaG\x95\x16F6\t\x81\x9d\xb7Y\xae[&amp;\rU\xf2x2\xab\xda\x9b[\xf8\xdd\x9f\xd5zl\xb4?f\x06\x874\xb8\xf8\x0el\x83&lt;\xd6}k\xbflm\x1e\x01\x00\x12\xe4\xea\xa0\xa7bD\x94\xad\xea8\x9d9\x10\x11\xa5\xaa\xab3\x83\xfe\x8b\xaf3\xc7\xe8\xf3\xaf\xd9g\xb3\xce\xe2T\x103C3\xfe\xc7\x12\xad\x16\x7f\xe5\x8d\x91U(\x8e{D\xad\x16\xcd%\xa02Q\x9a\xa8\xeeJ\xc8\x19\xe4\xcbc\xfb\x81lk\x12\xd1\x8c\xb0z\xd3\xbe@2R\x82&lt;\xa6&gt;\x18\xba]h4\x88\x13\xb02i\xeb\xf3G*\x7f{\x9e:SV\x9f\xfd\xcf\xb0\x1aD\xce\xbfY\xf5\x94\x00\xb0/r\xfc\xe2\x96\xb7~\xc1\xa1?\xcc.\xc2FH#\x032\x89\x9b]\xd5\xb4\x92/\xbb\x11\x97(HB\xb885\xf7_\x8a\xc2}6]\x91q\x03\xf0J\x88\xb1\x91\xbc\x96\xd550\x92\xb0\xba\xd3\x00\x0c_}\xd7\xea\x8a\x18E\x02\xe5$.,9\xf6\xc1\xf0zx\x0e\xa5\xdb.s4\x02n$\x95\xfc\xd7\x7f0w\x005z\x8b\xccW\x8a\xb5\\X\xb4\xb9\xa9\xd2\xe5I\xc6\x7f\xf3\xc4\x8c|eC\xbd\x11\x11%\xcc\xd31\xa8`O\xcd\xc1}YIU\x97(\xb7\xb9E\x10\t\xcc/\x82\n\xf64\xbfDOe\xe4\xda\x9fN\xbd\x86\x9f\xba&gt;^\x19\x19]\x9b\xaf\x81J]\x0cp\xc6\x15%k\x951\x92\xdf\x05\x88\x8bE\x1cQ\x1f\xb2-\xbc\xfe\xf4?\x01\xa2\xbcjO\xb4\x9a\xac\tr\xb5\xcfUs\x92\xf3\xc1X\x87\x1fCjW\xcf4\xd2\xe9\x16\xbf\x8c\xfe\xb8\xba\xe0\x03h;\xe1\xa8%\x95q!1\x057\x88\xfc\x14\xb7L\xef\xf9W\xac\xab\x8c\x03\x13\x15i.\xfd\xc6\x8d~D\']\x96\x1b\nd\xb7\xba\x02\xee\xc6n.\xcf\xe0\x14\xe4E\xc0\xaco\x7f1*\xab\x90\xd2\x83\x89\xc2\x14\x93\xf9fn\x01\xa0b\x975:\x8bsh\xc7G\xd1\xf5\xe7,\x95G\xf7\x17Z3\x86\x11\x85[S\x1b/\xd2\\\xf8\xd5\xbc\xd5N\x05\xdd\x02\x00,\x9b\xdfG\x1c^\x00\xa9\xea\xa8t\xcbtG\x98\x07\x07\x0ec\x91\xb0\xbaS\xb5\xe7\x92\xa2\xb6\xeb\xae\x93\x7f\x9eN\xda2\xb3kw\xc7\xd2^\x9f\xaf\x99\xb7\xb6\xcb\x97\xcb\xea\x8a\x18E\x98j1}\xcf\xd8\x17\x1c\xb0\xe4\x06\xfb^l\xb5\x9e2nK9\xd5\x06\xe1\xd0#\xd4\xe7\x0e\x12U\xa2d5Y\x126\x1fu\x80b\x141\xbb:\x1e\x8f\xa7\xed%%\xbc\x0f\xfc\xf0\xc5\x9aA^\xa9\xb6K\xbf\xf9^U\xd1\xacJD\xfa\x01\xb0\xe0\xb0\x9a-\xd2\x98E\xc0Cs\xb9\r\x06\xef2\xd0\xec#^\xcev\x85\x9a\xcc1$+\xb3\xa9\xd6s#Q\x0e\xabk\xc1c\xedy\xfb\xbdLQ\xdb\xea\xba|\xed\xb4\x1a{\x98(\x80YR5H\xea\x8b\xb5\xe7\xf0\\\xf1\xd5J\xad\xd7\xe6\xd0\xcd\x00x\x1a\xa5\xa6\xe9iK\x0e\xf4\xecu\x05\xf7\xcd\xdb\xde\x01\'^\xa2!\xdb / \xac\x0bK2\xe6\xe0\x07\xb1\x01\x18\xee\xae\xaa\xd2\xee7\xb9\x81Ew\x9dy\x8ek\xb1\xbfx\xf4\xd3\xa5\x85O\xc0\x8a\x93\x9f\xac\xae\x85[I\xe2\x18Ly\xccf\x8c\xc9\x88\x1b\xa9\x15\x14;\xe8\xc5\x93HXa\xe1\xe1?\x19\xd3\xce\xd9\xf7+\x80\xf4\xe5L\n\xd0\xc6\x84\xde\x19F\xcc\xa2\xc6\xd5\xc5b\xb8KQ\xbe\xe3*KJ7\xd3\xe1\x84i\xa5\xa1\x80\xc1\xc2\xb7\xf9\xd9\x1f\xad\xf3o\x91\xb9\xd2(-\x85\xc4u\x18\xcc\xb3\xaf\xa5E\xa6\xccYc\xa2\xfa"\xd3\x01\x98\xb3\xefW\xf5\'Fq\x00\xa8\xb5\xb6WE\xb2B\xbd\xcc\xcb\xdc3I[r\xa0\xf0\x90o\t\xa2\xacV\xd4\xe5k\x84k\xa1b\xa4o\xea\xf6\x92\xf3\xdb\xff\xc8E\xe9\x9a\x1c{\xae\xfd\xb5\n\x8a\x88&gt;\xc6\xa2\xdc\xed\x98\xbc\xed\x7fVWD\x84\x84\xb9\x1d\xfa\xd8\x92KJ\x9a\xe92\xfd\x0c\x05\xd5 JQ\xab\xefV\x03\x85nd\xa3\xa7\xa4w\x18\x91$\xc9\xd7\xcd\x10y\xbbg\x80b\x00+\rq\xc4\x1b\r\xfdVp\xc4\xca\x15\xa3\x03\x0f\x90\xbe\xdc0\x16wF\xddx\xd2\n\xf8W\x80G/\x9c&amp;(?m\xe7+\xab+\xc1Jp\xa9A\x9b\xafz\xee\xc5\x8c\x9f\xb3\xfd\x8a\x93\x9f\x1c\xa1\x0c?i\xbc\xef\x19\x89\x08@\x9e\xda\x93\x8d\xab\x9av\x92\x16\xe8\xa1\xbfY4BdF\xce\x8aj\xf6\xde\xb7j\xb3\xbb\xf3\x19D\xbe\xbb\xee8*\x96\xcf\x88\xd6?@\xf0y\xf4\xfa\x07\xbe\x99[V\xe9\xbe\x1e\x80\xbb\xa2\xf5\x19,\x00\xc2at\xd7\xe8\xf3\x1aX\xf4\xdd_\x86\xe6\xe9%J\x90\xa6\xbe\xd55\xf00\xa2\x88\xc9\xd2\x885\xf7\xb8\xb62o\x9d)V\xd7E\x92C\x8f\x11\xb9\xb9\xae\xc9\xb2\xef\xf8\xff\xe0\x1e\x05\x7f62\xbc\x03\xf4Gy\xbb\xaf\xa3\x03\x06P\xb0\xf1l\xc54\x82#\x8a\xfb\xcdm\xc6\x1f%\xa2L\x15Fn\xbf\t\xa2|\x1a*f5F\xee++\xd2}\xf6\x05\x03s\x0b.5h\xcd9m=z\xb0\xc8\xb1\xb4\r\x88\x88\x02*k\x88\x15\x1dE11z\x01#au\xa7\xb6\x19\x7f\xc4\xeaZXF\xed~\xdb\xa2S\xe0RE\x1c\xbd/\x00S#\xac\rZz\xd3\x88l\x02\x89\n\x1b\x91\x8f\xf5\xfc\nPHC\xe5tJ|\x00\n7\x9d\xa7\xfa4\xdf\xe2\x91=w\x14\xd9\x14o;\xe1(\xd7\xbb\xab#\xb0\x9a:\xcf\x05\xff\n\xcai&lt;\x95\xfc\rfN\xd9\xfe\xc2\xd8&lt;\xabt[\x9f\xae,\xa3]\x9e\x179\xdc,\xa1\xc0N\n\x181\x1b0\x13\xcb\xe3J\x99\x8a/\xd7\x16\x0btU\xe5\x118k)I\xa6\xe4\xd5R\xaf\xa8Mb"Zy\xfa\xb3\xd4\xd7\x01\xe1L6\xc9\xf2\x00\x90\xdd\xb6T8\xb7\xe7\xdcKI#z\xf4\x9c{I\x7fM\x0c\xe4/\x80b\x97t=\x1e#CS\xb5Zl~\xd9\xdax\xb6\xc1\xbc\x81prl),\xaeETC\xa5[mt\xc4&gt;\x12\xf7\xe4K\xa1\xce\xf77\xca\xf17@\x94R\xd5)Q\xbc]\x8b\x0e\xc6\xf9\xdc\x8b\xe3\xa2\x97\xc2\xca\xde\x9f@D}\x16|?\xd38\xb9\x1bC0\xce\xb64\x81\x81.\xb9^\xcc\xa3\x80\xe63+tZ\xed5\xc1\xd5F\xe2|\n\xaa\xad\x9eK\x82\xf2\tr\xb5\xb7\xba\x12^l\xe4\xae5I9\x91\x139\x95\xec\xb0rj\xaf\x8d\xfbp\xc8\xba\x89\x89\x0b&amp;\xab\xc1\x98K\xbb\x89\xc7V\x9f\xf9\xa2\xeael:r\xbf\xce^M\xe3\xe9\xea\x85\xe2\x17\x1b\xbf\xae&amp;\xb5?\x95\xc1\xe8\x82\x0cG\xdd\x08\xdb\x8b\x11\xc4-cu\r\xc4)\xd2|\xbewd\xea\xc5\x8bnb\xcb}\x99\xba\x9e\xe2\xf9\xa5\xdb.\x9d\xb8\xe5\x19{y7&gt;\xea\xb7\xbb\xe6\x13.\xdau%\x0e\xef\x9a\xa3\xfa\x84\xa8#}\x1a\xcf3[\xb3\x1d\xb7,\xaa\x95\x85\x97\xe3\xc6G\xc6\xa2\xddck\x17C9\x89,\xb5\xfanU\x93\x9cu\xaf\xf4\xe0C\x98aY7q\xcb\xb3|\xf5\xa7\xcf;\xf8\xbb\xe19{1\x9c\xd7\x1e\xd9f\x11\x91uv^&gt;\xcaI8\xe2\x95\xed\xb7\xf0*\xa5\xa9\xaf\xd3\xd2^\xad\x17\xd3\xe0e\xb7~\xfcb\xe4\xa2.\x80\xfc\rf\x08\xa4\xd7cfh\x06\xa0\xc1\xe0]\xeb\xce\xbb\xf5\t\x19\xa0u1\x9f\x88\xba\xcd&lt;g`M\x8cb\xec\xc6G\x86\xe4\xf3\x0e(\xddn\x99\xe8W\xf5\x06\xee\x109ZS,\xc6\x96{\x88\xfa\xbb\x0e\x05\xe5\x0cVeu\x833W\x1a\xed|@\xdc\xa8;a\x9e\x8e\x00\xdaM&lt;\xa6\xa1rRp\xd1\x8d\x9e\x01\xbb\xeex\xbe\xe6KB\x8a_\xce\xea:X\x0f\x80\xba\x03\xb6[]\x0bQ\x12\xf1?\xa4(\xd2G\xf9\x8df\rWn\x0c;n\x190\ru\xf4\xbe\xec\xf3\xa4W\xc0\xe0\xe5\xb7\xf5\x14\xcaN\xfe\x86\n\x11\xbe=\x83\xbc\xdc\x7f\xf9\xeaO\xe7\xc5\x18\x8e*dbI\xc4\x89\xdf\xdd\xfd\xcf\xacN\x8d\xa9\x12\xee\xc4\'\x93\xe7\x86 \xe4\xa9\xdb\xb8\x92H\xfa+\'F\xae\xfd\xc9\xa41J\xa5\xaek\x89"\x8c\xce5\xbf\xfc\xd7\xa1&lt;\xed\xdc\x94E\xfb\xf1\xbfJ\x94\xb7\xb3\xd1\x95\xf1b\x06\xf2\x1a\x0b\xdamD\xcc\xa3N\xffm\xea^\xa2$\x91&gt;f\x00\x1c\xa6\xef\xed\'\x1d\xcf^\x8dI~\xb9D\xeb\xc5?\x89\x95\x18;KKm\x81\xa2\xa3\x139\xaaOp&gt;\x90WcF\xe9\x9a\xc4\xcd\xd1\xb6z\xafMz+\xa4\x9elU\xc7J\x7f\x99\xd0\x94"S\x15\xed\'\x1a\xf0\xce\xdbnj!\xa1\n\xff9\x8d2\xaa\x91\xb8\xcf\xa5\xaax\xcbE\xb2\xdf\x87\xf2?\x94\xef\xb4\xca\xe9\xcb\xc0\xaaD\xa1\xa3\xd7?0\xbaR^\x8c\xc5\x13\xbbXCI\x00\xc0\xb1^\xbd\xf12\xaf\x1fMT)\xa2\x91\x82\x1c\x87\x02Qj9\xe7\xc6GL\xdf\xf5\xda\xd4x\xc0\x8aC\xf6\xe8AHic\xf6\x10=G\x1cG-\x89\xad)6\xb0\xda\xcc=o\x14\xd2\x88\xacT\x9b3\x86\xf2\xe2\xc5\x0b\x03Sw\xbc\x1c\xbe\xfa.\xe7\xea}\xe2\x05\x92\xe4\xeb\x16\xf9]\x80h\x18\x15\'\x82\nF\x0b\x01\xed\xd0\xc6}\xe6\x7f\xcf\xfb\xec\xf9\xa6\xcbj\xc9\xe6\xc6\xb2r$\xc8\xdd\xc1\x8d\xc5\t\xb1\xaaG\xc9\xc2\xfd\xa7{\x12)E&lt;32M\x1a\xd1\xd3\xe4\xb0\x8c\x8a\xf2U\xd1[L\xc3\x8b\x87\xa0\xd7\xec\xd1&lt;J\xb6Y2a\xf3S"*\xdab\x01\x7f\xf9z\xe4\xda\x9f\x0c*!\xe4X\x08&amp;\x00\x00 \x00IDAT\x8bA\xf9h\xa7RWyA\x98\xaf\x80\x80\xca\xdb\xae\xbb\xc3\x08)_\x83\x19Q\xdc\xda)\x92\x9cu\xfamSZ\xeat%\x8e)u!"\xa2\xe4\x85{\x1b\x9b!\xb7\xe1T\xa6\xddr\xfb\x01\x83\xbb\xf9\xb3od\x1f\x05\xff\n\x8d\x87\xedU\xca#N\xce\x1a\x82\x8d\x1cN|\xc7\x8b\x17QB\x9d?&amp;j7\xf1X\xed~\xaa\xbc\x06\x94I^\xb8w\xaab\xfd\x94\xd3\xb11j\xdd}M\xe7\xe5\xe5\xfek2\\\xfc%\x8a\x91\xbeI\xb1\x16\x0b\x00\xa4-\xe1\x12\xacL+\xd9\xab\x8f\xd7\x10Y9v\x96VFU *\xe3\x9dl\xa8!V\xc6f\\\xfft\xe7s4\x19P\xb8\x9f\xbb\x9e:\x16\xcb]\xcb#b\xefDQ\x86\xac\xb8cu\x15D0"\x06\x915\x04\x84\xa9\xd0\xbf\x9cw\xe0\xb7\x94E\xfa\x02\xa0\xa4\xd5\x88\xa8\xd7\xdc\xcb\xddg\x9d\x97H\x9b9^\x8ev&amp;]\x93Da\x9d\x89\xf2[%\xb2(\xeef\xe3\xd9\x98\xe1\xfe\x1b\xcdG6\x0f\x01\x00?x;`g\xfc\xb2\xb7aM\xaa\xc6\x04L\x15\x8a\x01;E`\x10@\xa0\x84\x15,\xdb\xc5\x8fJ\xb0\x9a\xd6\xbb\x93y\x07~[y\xfa3\x00\x9e\x1cU4d\xc7-\xbc\xe3\x85\xc9z\xaf\xd0\xb9&amp;a\xec\x80G\xad\xbbO\x14X\xb9\xdb:\x83\xaa\xe9\xc5\x15\xe3e}\x01\xc4\xcd\xde\xd6\xf0l5`\xca&gt;\x87\xed\xd9\xe5\xc2?y\xb1\xe3x\x9f\x83K\x0e\x92IV\xa5\xfb\xfa\xb2\x1dV&lt;w\xfb\x8c\xa4\xff\xe2\xebDa9\xaa\x8f\x17\xb4;\x99*\x8eT&gt;9QEJT)o\x9d\xa9\xdc\xa7\xa88\x9d\xf2R\xab\xef\x16\xab\xab\xa0\x96P\xee\xbf\x90R\x83\x19\x12g;\xf6\x9c\xebS\x83\x98\xf2N\xc2\x14M+S\x85\x91\\\x04\xaeNSO\xd9\x8f1\xd8\xd3\xf8\x16g\xaa\x83Et\x9dq6j\x1a?\xf3\x07\xb8\xa6Z\x86\xbb\x05)\xb9\x10\x16\x8cR-\x89\x8ah\xef~\x0c\xd4\xda\xf4\xaf\xa8\xf6\x8cFC\xbfMV\xb0\xd7\xa0e\xb7,\xe8&gt;\xd35vw\x89\x1eC\xbfE\xd7\xac\xaeB\xd4%6\x115\x18\xbc\x8b\xe5\x89\xdd\xfd\x03\x00\x9c|\xc9\xf0l\xfb\x96P[\x8f~\x0b\xaf\x02\xe82\xfd\x0c\x11Q\x02\x03\x1d\x99\xe2?\xf5\x8eeU\x12/G\xdb\xe6\xa3\x0e\x00 \x8a\xeb\x93\xa9\x85\xd5\xd5qf\xc6\xee\x9f\xcbvX\xc1\x988iD\x0fm\xa5\x00\xa0D\xca\xce\x00\xd1\x05\xa1\xf5\x7f\xca\xa2\xfd\xb4\x8a\xea\x196j\x03\xc0\xed\x90\xd5\xe9\x1f)\xcfT\xa4\xf9\xfc\x90\xd2Js\x85\xa0\x1a\x00\x04rz\x8c,8\xf4\x87\x8a\x19F\xf4\xc5?O\'\xab\xab\xa0\nY\x05f\xcb\x08\xe0\xfe\xcbZe\xac!#\xc2\x07\xf6\xadn\x06y\xddXD\x14\'k+.}\x85N\xab\xd9JHEA\xd5]\x0ef\x91\x92\x94\xca\\q\x14[\xb6\xf2\xb2*\x063\xd0\x98@\xd7V\x92\xa6\xf8\x00m\xfb\xf7\xa5\xdb.\xa5Tu\xcd\xa8\x92f\xb4\xf5\x07\xd9\x01\xd4\xe9\xbf\x8d9\xbd{\xf6\x0e\xb5XY\xb3\xdc\xc5\x97\x00Qn\x17\xff}3\xd6\xf6\x95\x03\x80$/\xd4\x9b\x02\xab\x11\xaf\xe6\xe0\xaag\xff\x1b\xc0\x885\xf7\x06-\xbb%\x1evF\x1f\x97~\x87\x07j\xb1\xb9\x1fM\xf2\xdd\xc6\xa8/iS\xf1M+\xbb\'b\t\xb5\xfbm%\n\r\xaf7=qxW\xdf\xcc-\xf5g\x98\xa9\xe2\xc8\xbd\xf7\x00\xa0\xeb\xccs\x8c6P\xdc\xfbr_{\xf7\xefCD\x94\xbe\x89T\xce\x9e\xd6\xdb\x85\xd7\x9b\xfeW\x94\x9ap\x17h8K\xe4h\x8c"\xa5\xda\xa8\xb7t!\n\xaf7]g}\x1c$""JT)c\x85\x11DDi\x18\x8ch\x0c"u\xf1\xfe\x00\x1e\x1by\x17\x93\x11\x91\xe6a\xa0@LQ=\xa1\x82\xcf\xae]2\x00\xdbuv\xc2x\xd3\xf9\xa6#\xf6\xf1&gt;\x05H\',H\x94\xb0\xdf\xa2k\xdcE\xe3\xef\x05\x00\xb8\xf5\t\xdc\x1f\xdbo\x1as\x8fJ\xb7]\xca\xbe\xa6\xe2L,C*\xe0q\xa4\xa8\r@\xc32\xa6*\x1a\x0c\xdemh~\xa9\x00\xa8\x1e\xfe\xcbJ\xa9\xeb$Y\xc1^\xe6e\x9e\xbd\xdax\x16\x17\xa6\x9c5&amp;\xa6(\xdc\x87=\xdb\x1c\xd5\xc7\x07\xe6\xef.8X\xac\xe5Ba\xba\xf8\xe5\x1a\x0e\xd9\xbd\xfa\xec\x7f\xec9\x9b\x8d\x01\xdb\xff~\xa5\x8d\xa8\x88\n\xd2\x97\x1b\xbe\xfc\xc4?n.\x94\x89\x98\x19\x9b\x91\x01\x860&gt;{\xefi3\x8c\xd4\xa2\x84\xd7h\xe8\x9e\x17b\x15\x9e\xbb\xff\x9d\xdb\xb6\x93\xeb\r\xdc\x91\xbe\xdc0\xf94\xaeWu\xc2\xe6\xa7\xaeK\x05\x8a\xf9\x10\xd1\xd2\xe3\x1fUU\x8f\x8d\x0c2\xcdh\xb5\x9e\x91\xa2\xacY\xab\xc8h\xa5\xca\x90\xb1P\x93\xb9.\x07\xd3h\xca\xca\xadkkn#U\xb1\xfe\x8b\x8e\xbc\x17{\xfb\xe4\xe6\xb8U{lTU\x8a\xe1\xfb\xf4\x00(\x885\xec\xae\r#\xc3\x83\x1a\x1e\xdeUA\xde5\x7f\x03\x13\xa2#\xc4*\xe6z,^\x0e\xa1\xb5m\xb5\x9e\xea\xee\xb5ix\x17\xab\x9c\xa8\xdac\x03Qj\xf6\xf4\x05\xa5\xbf2`nq\xfb_4\x1d\xb1\x9f1\xb1\xfe\xe6\xa0h\xf3\x05R\x99\x08\x15\x89M\xc4\xb8V\xc0#c\x89\x00ph\x86\xb4\x18}P[&amp;\xaeq\x9f~\xd6|\xf7CYm\xaf\x82#\xcd\\\xe3\xb8N2&lt;\x9f(\xeah\xabD\x80l8\x13\xeb\x88]\xd2\xbd*\x86,x\xc5ku\x11+\xa3{\x83\xfa\xf8\x9b\xe5\x08\xaaD\xc2\xf2\xdc\xffF-Q\xb2\x13\xd1\x98EE]b\xb2\x95\xbc\x96\x91U1\x00w\xeb\xb2\x16o\xb5\x88\x02\xab\x01p\xbfUm\xc3!\xbb\x89\x92\xa8&gt;-N)\x0f\x8e\xa1k$\x15\xbb\xac\x01\xf0\xc5\xe5\xc7^\xfc-*\xfd|e\xf3=7!n2R\xb5\xc7\x06\xd9\xb3r\xad\x8d\x0c\xc7+i\xfd\xb0\xe8\xbb\xbf\xb4\xd6J\x1e]\xb2\x1bW\xfe\x00\xc5)ePM\xa2,\x89\xab\xa8\xd2]\xe1\xb3\xe4\xd8\x07c\xeb\x12`lv|\x00\x10\xe5\xed\xb3\xe0{\xe5\xa4*\x19\xb3\xe1\xa1\xf4\x972\xb3y/*0m\x9aeoAB\x1a\xb1\xa5\x0f\xa7\x90\x86\x8a\x89z\xcf\xbb\xc2\\\x01\xf7\x05\x8cRKL%\x81\xcf\xd1\xeb\x1f\x98p_L\xbd \xac\xa2\x89Sw\xbc4\xb4\\=\xd3D\x059\xd8\xadvI\xe1\x83\x0f=d\xdc\x93!\xac\xee4\x96t\xbeYZ\xaaZ\x1a\x8d\x9e\xa4k\xc2d\xa8\x18\xb3\xa8\xeb1\xad\xdbm\x8c\xa8\xf7\xf8\x94\x81\xeb\x80M\x08C+(B\x1d\xf1s\xb6\x7f\x02\x008\xf4H\xe7\xcb\x13\xcbn\xd5\xc5\'r\xb6\xdaq\xcaI}\xf9{\xf1\xe2\x1eT\x0b\x0b;\xe0lD\xe4\x88%\xd2\x8a\x89\x02`\xde\x81\xdf4\xd7\xc4\x8d\x04\x9c\x88\xf4\x00\xe6\xdaq\x1f\xde\xb7\x85\x95E\xcaR\xf2\x82\xaf\x18!\xa3q\xfdC\xb4\xdc\x950\x9dN\xd3N\x1b\x97\x99!\xfb\x14\x81\xd5\x8c\xc8E;\xea\x1f\xa3\x14\xda\x86$}\xe6\xb3O\x98T\xc0\xba\xa7\x98\xb4\xbah\xb4GO\xf3%\xd0\xc3\x80\xc57\x9c\x0f\x08M\xf0\xea\x0e\xd8NV\x10\\\xca\xe3\xfcd\xa2+\xd3v\xbe\xa2P\xc6u\x0e7Q\xbe\xe3*\x9d9\xf4[xu\xfd\x05\xd3z;MN\xff)\x8a\xf4\x19\xba\xe2\x07\xbb\\\xa0\x0f\xc5*\xa6&lt;0\xfa\xda\t!\xdf\x12\x9e5j\xf9\x13\xa0\xa4\xae\xde\xdf\xa2\xf8\x9aT\x87\xbe\x0b\xaf:\xfe\x060k\xef[\xa2t\xf2\xa7\xf0\xf6c\xac\xa7\xd3\xd4\xd3D\x85\xddS\xd6\x96k\x1e\xf4\xc3\x05p\x86B\x7f\x00D\xd4d\xf8^\x007&gt;xJm\x03\xc2\xbb8\xbc\x99\xa3\x19E\x9b\xcf\xf78\xd9&lt;\x1f\x8f\x16JTKX\xdd\xa9\x00l\xf1C\x83\xaa\xe7\xae\xad?\xa0\x88m\xf6\\\xa5\xfbz=\xb9\xc4\xcf\xd5&gt;\xa2\xd1,\xa2\xe8v\xc1\xad\xc2\xb2\xbe9Gua\xe09\x0ba\xb9\n\x15:\xaf&amp;"n8S\xb3\xcffU\xf9\x17i&gt;\x9f!UVUy~\x1d\xb8i\x90! k\x951\x96\x94k*\r\x06\xef\x92O\xd0o\xe1\xb5A\xcbn\xb1d\x05`\xed9k\x1a\x0eQ\xe5\x81\x8eSNF\xc5\x989\x8c\xe4\xa8&gt;\x81\x12W\xb6\xba\x16^L\x01@\xbe\xfa3x\x07\xe2\xbb\xa5\xd8\xe0\x86\x1e5+g\xafL\xc2\xdc\x1d\xfd\xb2\xb5V\x9b\xff\xa1G \x8a+\x9f\xa6\xfb\xec\x0bj\xb3\xf5H\x82\x8d\xcd\x8e\xbf\xf2o\x9ac\x8cp\xa1%\x9az\xe0\xc8\xf1\xd6\xaezhF\xe6\x9c\x1b\xd8\xb4\x9d\xafD\xbf\xcdYc\xa2\xce\xfc\x01L\xda\xf6?\xc5dm\'\x1c\xd5Y\x90~&amp;ny\xc6\xfd\x01\xa0\xb4\x860_6\xe4\xa3\x0e\xe4\xe4\xaf\xf0\xb9\x17u\xa6\xa9\x99*\x8c\xd49#\x8f\xea\x00p\xda\xaa\x97S\x1a\x080\xbb2DD\xa5\xdbr\xd1\x14L\xb2\xa03\xdcw&gt;\n\xd0z\xfc\x11JZ\xdd\x11\xd3[\x8c\x888YU\x8f*\x14\x89\x91\xbe\xa9~\xc3\xd7\x1d\xb70r\xedO\x01\xe1]\xc8\xb41\xca\xed\x7f!\xe8\x83afo$A\xda\x99{\xdeX\xd8\xeb\xb7\x18}\xd0\xf9\'\xa73\xb02\\V\x00~\xe3\xe5\x99\xba\xf8\x00\xc6\xd3{\xce\xbd$\xfb}f\xc6\x89;Q~\x8a\xadB\xed\x8b\x17,\xc8xN\xbeD\xa1&amp;s\xb4\x9e]\xe0o\xd9\xbb\x13#\xbd\x82\x95\xbb~BK\x0f\x11\x1c\xb1=?j\xbc\x8f\xca\xb4[\xfe\xb5\x8dt\x95\x88\x1b\xd7E\x05\xc5}&lt;\x06bf0uW\xdf\x18\xf5Z\x01\x19\xca\r\xff\xe8Q\x8f\x11[T2\x8e\x98\x19\x9a\x01\xf8\x04\x10\x85\x9bT\x9d\x0c\xe5\x87k&gt;\xb7d\x9b%\x0f\x00\xdb\xfa\xbfI\xc4sQGJ]o\xe4\xda\x9f4\xc9#k\xc7\xd1\xff\x95n\xbb4[UC\x9c\x10T,\xe0s\xa5\xab\xdd[a\xcf\x9c\xdc\xbf\xae\xe0\xa2\xf1\xe4\x97\xad\r\x80\xf3\xbf\xb2\xd6\xc1\xd4\xdaf\xaf6\xde\xbc\xcc\x89\x923\xa4\xd1hO\xbb\xf4\xf8\xc7T\xc5\xfa\xb9:\xcf\x9c|\xc5\xdd_\x1f\xd1\xb3\xbc\xb0\x91\xbb\xdf\xa2k\xb6]vK\x90\x95\xca\xf4\xd5\xec\xd7\xcc1r\xedOzN\x17\x05\x00Qa\xd79\xd3\x81\x07\xea\x84\xfdT\x90H\xd1\x89+\xad1\x05\xb1\xe1\xf8\xd5c6&lt;|\x00P\x82\xf2\xc6\xe6\xdfl\xd4\x01Y\x87\xec\xe8\x8av\xa7\x1d%\xc4wC4\xf57\n;\x0e9jLp\x98\xe2\x03\x10{)\xdc\n\x80*\xddX\xd7&lt;\xf9Q\xb9\xa2\x16\xfey;\x11\x05\x9a\xa3\xbf\x96k\xfc7O\x86\xae\xf8\xc1\xf5\x8b\xdf\x01"?\x13J\xd4B\xff\xc5\xd7\x8f\xff\xcf\x93&amp;E1\xac1gQM\x87\xc9\xa6z\xb52\r\xfa\\[\xa2\xf9\n\x93!\x7f\xd7\x0e\xf8\x9e)\xe3\xfd\xdcO\x01\xa2|Fg\xebDh\x19\xa7\xc5\xa5&amp;\xc3\xf7\xaa8Y:\xa4\xe3]\x8b\x17\t\xd2\xbb\x1e\x02\xc0.-\x19\xed\t\xaf\xc7\xa4\xb1\xa0\n\x00CV\xdc\xe1\xfef\x11\x1b\x8f*p\x83\x895\xe7@D\xf1r\xb4\xb3\xba:b\xf8\x14\x07\x10df|\x08O\xa6\xf5\xf8#s\xf6\xbf\x136\xf8\xac\xde7\x86\x13We\x9c\\\x13%\xaf\x15\x1c3\x98#Y\x1a\xcf\xb7w#\xc3\xe1\t\xa4\x82\x0008\x1a\n\xa3\t\x01Xw\x01\x9a\x15\x8c\xb5\xa2ZU;a\xee\x0eN\xeb\xcf\xce\x82\xf5k\xce9\x85@i&lt;\xec[m\xd5\xea\xe1~+3\xfe\\\xdc\xb7\x84kxG6\xeb\xf4\xaf\x05\x00\x11\x8dX\xa4UU\xe0\x97\xbd\x8d\xb1\x19\xaa\xa5z\xafM-F\x1fR/\x93\xe7C\x81U\xa5\xc3C\xc5m1\xfa \xa5\xaa\xe3\x86\xe5\xd6\x14E\x94C\x1b\x01H\x90\xabCx}\x81}x\n\x00\xfa\r\xdc\\\x89\x93\xb5U@X\x17-J\xae\xee!^\xd9Ug\xbe\x90hL\'\x0bp\xd5P\xb2\x94\x11k\xeeY]\x05\x05\n7\x9d\x07 Gu\x03vh\xac\xb0\xe5\xe1\xa2\x05\xa8_\x08Jh\xb6\x90\xb7\xcf\xf9\xb7(\xdcl\x9e\xc9\xa5\x88P\xbe\xd3\xaa\x02\rg\x12\xc5\xef=\xefJ\xf5^\x9b\x94O\x10\xc7,\x97t\xcf\x01\x80\x86\x852\xc7\x04\xd7Tt\xec\x8aebQ\x18u\xc1\x8f(\'%\xae\xa2\xb5Pc\xa8\xd6sc\xbd\x81;\xd9\xd2\x06t\x9ev\x86\xfb\xabD\xeb\xc5D\xf4/0j\xdd\xfd\xc4\xe1]\xd9\xce\x96\\\xb8\x12\x05\xb6\xf8\xad\xeeV\x8fw\x86\xf3\xd8q\xdd\xed\xd6\x10\r\xcf,\x00\xfc\xf0\x05}\x16|O\xc1\r\xd86\xe6\xbfz\x82"z\x02\xf0\xc9\xd4\xc2\x90\xdc\x8e&lt;\xe5:`\x85\x1e\xb1b\x975\x86\x14\xa7\x84\xb8\x93\x80\x9b\xfa\xc5\xe0\x862\x01\x97\xc6\x7f\xf3DQ\x1aW\x1fz\x86\xa2\xf9\x8c\x19E\xb94\xe8i\x98-\x81=\x98\xd8&amp;\xe6m\x17l\x9a{\xe0\x9d\x89\xa5x*\x8d\x87}\xabd\x01.I\x81\x86\xb3X\x147\x93\x17\xeeC\x94v\xdc\xa6\xc7\xaa2\xef\xbb\xe0{\xa3f)DD\x94\xd2?O\'YG\x8c\xbcN\x9f\</t>
        </is>
      </c>
      <c r="E65" t="inlineStr">
        <is>
          <t>&lt;class 'numpy.ndarray'&gt;</t>
        </is>
      </c>
    </row>
    <row r="66">
      <c r="A66" s="1" t="n">
        <v>64</v>
      </c>
      <c r="B66" t="inlineStr">
        <is>
          <t>steps_per_sec</t>
        </is>
      </c>
      <c r="C66" t="n">
        <v>1000</v>
      </c>
      <c r="D66" t="inlineStr">
        <is>
          <t>5.350341</t>
        </is>
      </c>
      <c r="E66" t="inlineStr">
        <is>
          <t>&lt;class 'numpy.ndarray'&gt;</t>
        </is>
      </c>
    </row>
    <row r="67">
      <c r="A67" s="1" t="n">
        <v>65</v>
      </c>
      <c r="B67" t="inlineStr">
        <is>
          <t>Loss/localization_loss</t>
        </is>
      </c>
      <c r="C67" t="n">
        <v>1000</v>
      </c>
      <c r="D67" t="inlineStr">
        <is>
          <t>0.051813677</t>
        </is>
      </c>
      <c r="E67" t="inlineStr">
        <is>
          <t>&lt;class 'numpy.ndarray'&gt;</t>
        </is>
      </c>
    </row>
    <row r="68">
      <c r="A68" s="1" t="n">
        <v>66</v>
      </c>
      <c r="B68" t="inlineStr">
        <is>
          <t>Loss/classification_loss</t>
        </is>
      </c>
      <c r="C68" t="n">
        <v>1000</v>
      </c>
      <c r="D68" t="inlineStr">
        <is>
          <t>0.5160753</t>
        </is>
      </c>
      <c r="E68" t="inlineStr">
        <is>
          <t>&lt;class 'numpy.ndarray'&gt;</t>
        </is>
      </c>
    </row>
    <row r="69">
      <c r="A69" s="1" t="n">
        <v>67</v>
      </c>
      <c r="B69" t="inlineStr">
        <is>
          <t>Loss/regularization_loss</t>
        </is>
      </c>
      <c r="C69" t="n">
        <v>1000</v>
      </c>
      <c r="D69" t="inlineStr">
        <is>
          <t>0.030348804</t>
        </is>
      </c>
      <c r="E69" t="inlineStr">
        <is>
          <t>&lt;class 'numpy.ndarray'&gt;</t>
        </is>
      </c>
    </row>
    <row r="70">
      <c r="A70" s="1" t="n">
        <v>68</v>
      </c>
      <c r="B70" t="inlineStr">
        <is>
          <t>Loss/total_loss</t>
        </is>
      </c>
      <c r="C70" t="n">
        <v>1000</v>
      </c>
      <c r="D70" t="inlineStr">
        <is>
          <t>0.59823775</t>
        </is>
      </c>
      <c r="E70" t="inlineStr">
        <is>
          <t>&lt;class 'numpy.ndarray'&gt;</t>
        </is>
      </c>
    </row>
    <row r="71">
      <c r="A71" s="1" t="n">
        <v>69</v>
      </c>
      <c r="B71" t="inlineStr">
        <is>
          <t>learning_rate</t>
        </is>
      </c>
      <c r="C71" t="n">
        <v>1000</v>
      </c>
      <c r="D71" t="inlineStr">
        <is>
          <t>0.0326</t>
        </is>
      </c>
      <c r="E71" t="inlineStr">
        <is>
          <t>&lt;class 'numpy.ndarray'&gt;</t>
        </is>
      </c>
    </row>
    <row r="72">
      <c r="A72" s="1" t="n">
        <v>70</v>
      </c>
      <c r="B72" t="inlineStr">
        <is>
          <t>train_input_images</t>
        </is>
      </c>
      <c r="C72" t="n">
        <v>1000</v>
      </c>
      <c r="D72" t="inlineStr">
        <is>
          <t>[b'640' b'640'
 b'\x89PNG\r\n\x1a\n\x00\x00\x00\rIHDR\x00\x00\x02\x80\x00\x00\x02\x80\x08\x02\x00\x00\x00\x83\xaf^t\x00\x00 \x00IDATx\x9c\xec\x9du@\x14\xe9\x1b\xc7\x1f\x94\x90\xee\x94\x14\x90\x10\x04\xa5\x04\x03\x01)A\x14QA\x10;0\xc0\xee\xeeV\xec\xee\xee\xee\xee\xee\x8eS\xcf3\xce\xbc3N\xef~\xde\xf9\xfc\xfe\x98\xddecfwfvf\x03\xf6\xf3\x8f2\xf3\xce\xfb&gt;\xbb;3o=\xcf\xf7\x01\xd0\xa1C\x13\t\xb5\x0c\xed,}\xcc)\xb3Q\xefM\x88\x88\x88\xea0I\x87|\x9c_""by\x9f|u[\xa2R\x047\xa4s\xa6\xd4\xf1\xcd7\x883\xb8\xff\x17\xf1\xdb\xd5\x817ClY\\\xe3Z\xa7?\x80\xa1\xf8\x91\xb6c\x8fra\x8c\x1d\x17\x95\xa8\x8c\x10e.6\xa8\xdc\x92\xe2x+\xdauX\xd7W\xc6\x02\x1d:T\xc0\xe0\xa5w\x97\x9e\xfc\x9f\xb6u\xc0\xee\xea6@u\xac\xbdD\xfc4\x11\xea6D\x1c\xa5\xde\xad\xca\xd0n\xdcQ\xe2^-,\xbe@\x1c\xa9\x965e\xc7]\xfen]gN\xae\xfa\xa1M\x0f\x97\xfa\xd1\xb6\xd7\x11gTP\xb7\x01:(\xa8\xd8\x04\xc0D\x89\xeb\x8d\xa9N\xfc\x82\x88\x88\x8f\x10\x01\xaa(Q\xbf*\xa9\x12\x929Q\xdd6\xa8\x0e}\xdf\x96C\x96\xdfW\xb7\x15\x12,&gt;\xfe\xf7\x81\'\xe8Z\xa7\xbf\x92\xf5\xb8\xd4\xea\xab\xbc1\xbc\xbf\xac-\x92\x01*sZc\rNk\xd3X\xe8|L\x17\xd2\xa3\x1f\x10\xb7\xddf\xfe\x9b\x9a\'1\xbeD3\x08W\xb7\x01:\xf8\xc6\x94\xea\xc4\xb2S?\x0e=\xc3\xde\xf3\xae\xa9\xd2\x1a\x1dj\xa7j#\xf6\x83\x98\xf4\xee\xeb\xce\xbc\xc3\t\x9b_\x00\x841\xba\xd0\xa5V\x1f\x80(\xd1\x9f\xdd\x8a\xcf\xb3\xb6A\x84\xa1_\xeb\xff\t;\xe0\xda\xad\xe6\xfdW6fN\xb1m\x17z\'\x0eS\xb7\x15r\xb1N\xa5U\xcc\xadY\xee\xd0=\xe5\xbc[(\xdd^\x85z\x1d\x97)]\x89\xaa1\x07\x00\x00\x0b\xaf\x84\xc1j6\xa4\xcca\xa6n\x03\\\x01 \xae\xdd\xa2\xd3op\xe1\xb1\xef\xfe\xf5G\xa9\xdb\x1e\x1dr`\xb3\x13\xa9\xa86\xe5\x17&lt;B\x00&lt;\x19]0e\xfb\xef\x93\xb6\xbeR\xba]J\xfa-\xbcYF\x96.K\xcd"\xed\xf4]\xef\x84\x9fE\xea&amp;\xf7V\xa2V\xdb4\x80 \x00K\xa5L\x13\xe3\x13\xe2\x88\xd5\x8f\x01\xaarU!\x008E\xf7\x02\x88\x14\xfca\x96\xc8a\xcd:4\x1bO\xb0J\x01\x88\x04\xa8\xf2\x1d\x11\x11W\x9f\xc7\xe0\x86\xe3)\nWa\xbb\r\xa6\x83\x16]\xa7\x9fSX\xc6&amp;\xac\x9b\n,Q\r3\xf7\xfd!\xf6\x97=\x0f-X1*\x9d\xd0a\xe9\xc6k8e\xfb\xef&lt;X\xc2#\x0eQ=:O9\xadn+H\xf1aT\xba\xf7\xbck\x88\xb8\xf0\xe87\xe9\x13\x16\xc9\xecM \xbat\xc2\xb3%\xb3\xcff\xf6\x15\ty"\x18#\xe8)_\x95\x88\xa8\xe63\xd4\xd7\xefz\xa9\xa9]-\xc5A\xb9\xf1\xa0\x04#\xd7\xfcr\xed+\x82u}\x00\xbb\xf3\x1f\x11\x11\xc1\xad\x19uq\xe7\n\x81m\x05\xff5\x8e\xe7\xca\x06\x1d"*\xd6\x16\xdf\x07\xb5\x00\xbd\x18\x0e+7\r\xea\x00`@\xb3p\xaf9Wz\xce\xb9\xc2a\xebZA\xbb\xf1\xc7\x10Q\xd3v\xd9e\xd1\xf7m\xe9\x9d8\x0c*6Q\xb7!&lt;\xe0\x95\xcbq\x85(Iz\xf7u\x1cTj\xd7\x80\x83J$\xa0\xdc\x17,\x15\x04p\xed:\xa1N8qW!X|\xfcoD\x0ck:\r\x00\x00\xcc\xfcRGrU\xb3\x0eeql\x04P\x9e\xc3\xfa\x10\xf1)\xed\x81\xbb\xe8}\xc5\xa1\x01\x9aO\\\xfb\xc5\x88\x18\x93?G\xdd\x86Hc\x1a\xd4^\xfc\xcfU\xe7\xd07y\xb8n9J\x0c/D$\x9fp/;\xfd/"^\xf8\x88\x87\x9e\x95\xc5{Z3\xf0\x9d\xb9\xf7#\xb7\xaf\xb3RD(wU\xe9&lt;\xe7\xf9\xa6"\xeb+\x17\x1e\xfb\xfe\x151g\xf0.:\x85\xcbZ\x07\xac\xef\xdb\x12\x00\x86\xaex\x80\x88\xc5{&gt;\xa8\xdb\x1c\x11\xfa\xa4G\xe3\xda/\x8ek\xbfX\xc5\xa6h6\x0e\x88\x08\x10Hu\xda\x1d\xc0\x19\xc0v\xd2\xd6W\x88\x08`\xa3J\xd3\xd4\x8eo\xf2pu\x9b\xa0CGi\xc0\xd0\xaf\xb52\x97[W\xef\x1a\x98&gt;\x86fa\x9f\xa4a\xe0\xdcX\x99\xe6\xb4\x8e\xeaM\xa6 \xe2\x99w\xda0\xec\xa8\x98\xa5n\x0bh\xe1\x1c\xd3[\xdd&amp;\xe8\xd0\xc17\x9cn\x16\xea\xd0Q6\xb1\x8f\xea\x8e\x88iEk\xd5mH)\xc20V\xdd\x16\xf0\x82\xbd\xb6\xea\x0f\x18\xd5U\xb7\x05\xa5\x0c3\x00\x87\xa2\x19\x17\xc1\xa0\x0e\xab\xcb=\x89\x7f\xaa5\x99\x02N\x99T\xb1\xf0\xdca\xc1s\xfd:\xb4\x91\xe0\xb5\x974d\xd2\xe9\xd2n\x1c\':\x91:J;\x119\xc5\xe0\xa2\x1d\xab\x10\xe2\xd8EvW\xb7\t\xa5\x08\xd3z\xc1\r\'\x80^L\x83\x1e\xeb\xf3G\x1e`~\xbd\xdf\xbcC_\xc0,\x11\x8c\xea~@L\xee\xbc\xb2\xef\xfc\xeb\x9c\xdb\xa8C\x87B\xae}E\x00\x0f\xd2S\xb6\xe1\x85\xe0\x9e\xadb{th\x04Z\xabf\xa5\x81\x84\xc6\xb6Y\x08\x10 \xab\xa8^&amp;!\xf7\xad\xa0\xc0P\xea\xef\xf0f\xd3\x87\xaf|\x94T\xb0"$sR@\xda\x180\xa8\r\xe0\xc6\xc2\x88\xc8\x9c\x19\x93\xb7\xbd\x06\x88\xea&gt;\xf3""\x8eZ\xfb\x04\x11k\xe4\xcebQ\x95\x0e\x1d\xca\xe1b\x1a\xdcA\x95\xed\x19\xf9\xb7Qes:t(\x81I\x02\x80/84\x04\x08a\xb9\x8ah\x91\x1c\xd9|Fx\xb3i\\[V\x16q\xa8\xd1\xa3\xc7\xec\xcb~\xa9\xa3\xb8\xdb\xfa\xad\x81\x88A\x19\xe3\xc06\x8d\xa3\nu\xe8(\x1d8\xaa\xdb\x00\x1d\xe4\x98\x06\xa9t\xc4\xa6J\xcaI\xfd\xdd|\xc8\xee6c\x8e\xf8\xa5\x8e4\x0f\xe9\x04`\xcd\xaaN\xb3\x0e\x13N\xec\xba\x8f-\x86\xefW\xde&gt;\x1d\xa5\x08F\x8b\x01:\xb8\xa2\x9a\xba\r\xd0\xa1C9*\xc4\t\xff\x17$\'\xc1\x8c6RM\xe8\xba&amp;\x8ckvhh\x17Y\x04z1\xb2}3}\xa2\xf3f}DDD\xcf\xf8A\x1c\xd8\xa8C\x1b\x10\xc4\x92z\xe6\x90\x9e\xddv\x9b\x884\xe5C\x83P\x87\x1c&lt;\xfb.\xb8Q9\x85Tt\xc5f\xd0\xd2\xbb\xaa6G\x87\x0e\xa5`&amp;x\xa9Ep\xa6_\r\x00\x00\x91\xa2\xe8~\xdd&lt;\xb8,\x90=x\x17\xf1s\xffJ\xa1\xe7P#o\x16"\xd6\xc8\xd3\xed:\xab\x18O\xdb\x88"\xaas\x16\xa1\x05\xaa4E\x87\x8eRIUav#\rB\xd4\x01\x7f/3\n;\x9a\x8a*\xee\r\xdf\xa4\xe1\xfd\x16\xdc\xf8\x8e\x18\xdel:U\x99\xaa\x8d&amp;\xeaV\xa1y\xc7F\xb7\xb5\xaf\x83.\x1f\x10[\x0c\xdf\xa7n+\xb4\x1b\xc3\xf7\x02\x19\xb9`u["A\xf5\xa6S\xc5$\xee4$\x13\xb5\t}\x85z\xadf\xc8\xf2\xfb\x9a\x1a\x14\xcfeZ\x11\x1dd\xa8{\x88c\x9f!G&amp;P\x07{\xec\xd29\xaf\xf21\xa2V\xa5Z\x91\xd3\xc7URA\xf3\x81\x81\xe9c\xa5\x0eU\x08h\xfb/"".?\xf3\x9f\n,`\xc4\x91\xe7\x82\x0e8\xa6\x85\xc6)\x9ek\x08\xf9#\x0e\xd0\x14\xec%\xc57y\x04w\xb6\xa8\x82\x8a\xb5\xfb\xa9\xdb\x04%0\xaa+z\x05T\xac\xd5Wn.)\x1d:\xd4K\xb4\xc6L{T\x81*\x82n\xce}@Dl\xd8k\xa3\xc4Q\xf7l\xdb\x88"\x1e2&amp;qCR\xe7\x15\xfe\xf5G\xe9RyPS\x19\xc0H\x89\xcbC83\xa4t\xd1\xa8\xf7&amp;^\xeb\x1f\xbc\xec\x1e\xd8k\xe8CGA8@\x18\x1f\xf5\x96\xa6\xa4\xc5:4\x83Pu\x1b @\xc2\xe3\xcb3~0"\xae\xbf\xa2e[\xaafU;\xea\xe4\x8bU\x8b\x93\xfa\xd7!\xd5M\xaf\xb9Wy\xad_\x98\xd5Q\x87*)\xa7\xc4rQ\x00\x97\x86\xe8\xe0\x91\xa0#\xcf\x11\xdc\xd5\xbe\xbc\xe4\xdat\xda\xce\xb72G+\x7fC,\xef\x93\xaf\x06{haKr\xac|\xad\xecA;UnI\xd9\xa5\xe5\xc8\x03\xc2\xd0O\xf6\x81d|Bv\x93h\x1f\x91\xea6\x80\r\t\x1d\x96\xf2Y}4\x9f\x95\x03\x00\x14\x16_\xe0\xbb\t\x1d\xea\xc6\xee\xc2G\xd4\xab\x94\xc7\xf0*3^l)\x1dT\xcb\x9a\xccV\xd3C\x07c&amp;m}\xe5]o(\x00\x80kSu\xdbB\x82{\xdd\x01\xea6\x81=\xdf\x10\xc16\r\xc0W;\x87\x11\xe6V\xd5\xbb\xf0Y\xbf\x1d\x9f\x95\xeb(+Ho\xb3\xf2\x8dq`;\x95\xb6\'\x0f\x0f2\x9d\x91\xca`\x92\xa0\x06[\xca\x0e\x15\x9bpXYL\xfe\x1c\x00/\x0e+\xa4C\xcd\xfc\xb9\xb4\xcbjq\x96$\x9d\x80\xb6\x0e\x1dZ\x846\x04\xbdx\xe5\xeey\x88\x88\x18\x98&gt;6\xb8\xe1\xf8\xca)#\xd4m\x90\x0e-#0}\xcc\xb9\xf74]\x13\xdc\x1cj\xf4\xe0\xd5\x18\x1d\xda\x85g\x1cWby~\x1c\xd5\xa3\xa3\x94\xa0`G$\xb5\xdb\xea?\x11\x01\xc2Uc\r55\xfeFD\xc4\xcf\xbc(f\xe8\x96\xe6\xd5\x83I\x95\xf6\xaal.$s\x92\xe4\x01\xf2\xed\xe7z\x9d\x96!"\xd7\xb2k4\xd0\xaf\x1d\x91M\xa9\x10RF\x88m\xb3@\xdd&amp;\x900~\xd3o\xdc\xae\x00\xe9P+\x9a2\xe7\xac\x0e\x16\xc9\xf2K&lt;FD\xc4\xb4\xc2\xb5d\'mW_@\xef\xc4a|X&amp;\x89=\x00\x80IBP\xc6x\xead \xbcD/\xe8\xe0\x195\xba}\x96/\xef\x93O\xda\x07\xbb\xd6\xee\x87\x88;\xef\xa9\xda\x93\xff\x17\x81 L\x19GC\x85\xb8\x19\xb9V\xd9\x86\x17\n\xff[\x85\x0fct(\x83St\xafo\x88s\x0e|\x92[\xaa\xa2\x8a\xac\x91Kt\xbdN\xcbZ\x8e:Hv\xca\xce\xaaZ\x97\t\x9b_\xb4\x1a}H\xd5F\x91bZ\x8f\xec\xa8t\xe6Z\x05u\x94\xde|R\x1aOy\x00w\x92\xc3^\xb9\xbc\xb5\xe8\xe3\x117\xc8\xbd\xee@YW\xc6\xd0\xac\xc9\x846K\x9b1\x87yk\x9d\x94\xe0\xd7\x1ct\xc0\xa6\x1c\x18\xc2+\x0e\r\xf9n\x81\xb9{*M4\xd3c_\x87\x1c\xc8\x13\x93{\'\x0e\xb5\x8b(\x12y\xe4\r^v\xcf\xb5N\x7f\xc9"\xe5\xf9Q\x86\xa0-&lt;\xe2Z\xa7\xdf\xe4m\xaf\xcd\x82;\xca\x9e\n\xca\x18\xcf\xea97\x05\x00\xe3\xc0\xb6%\x07\x0cc\xdd\xa4?6\x03j\xb7\x9aGc\x9cR\x1e\xc0\x83Vu\x16Iy\xc3\xf6\x99U%\xf9\xbc:T\x02\x89{jR\xe7\x15\\\xb7R]\xf8\x1fk0\xadg\x16\xdc\xb1^\xa7eR%V\x9e\xfdIt\xc0=f_\xe6\xbau\xde\xe99\xfb\xb2\x99j3\xc9k \x95SFj\x9b\x02\x89\x0e\x9e\x90\x93\xe6\xb2\x82\xe8\x9dc\x11Z@\xe5\x13z\xe2\xb5\xfc1\xb1\x07X\xd7\xa7o\x8dg\xfc`\xfa\x85a\xf8\xaaG\x9c\x8d\x02\\\x1a?A\x1c\xb8\xe4\x0e"\x8aG\x9e(\xe7Ne&amp;\xf4\xcd\xb6Q\xce8\x00\x80\x0e\x13N|D\xdczK\xb7\x06\xa8I\x94\xab\xc9m}-G\x1d\x8cm\xb3P\xf2\x98\xf4\x1dN\xf4\xbe\xff!\xba\xc5j_0R\x95\x06c\x01\x82\xb8\xabO\x1d\x0bq\x9c\x843\xd8\xa63]\x00\xd3\xa1\x9dTfX&gt;\xa2\xd5\xa8\x83#\xd7\xfcB\xb34\x8a6\x86\x0c\xea\x90\xf9\xd0\x85;F\xf7d\xd0\xb8Y=\x00\xf3$\x06\x17p\x83k\x85\x80\xb6\x97?\xe1\xdd\x1f\x88\x1cot9\x89\xcdi\x94\xa2\xe9\x80\xed\\\xdb\xa6.8\x18\x8e\xf0I(\xd5\xba\x90\x0c&amp;\x9c\xeb\xbd\xe5\x0c\xde\xa5Pq\xe5\xd2\x9f\x88\x88\xcd\x87\xec\x06p\xe5\xb6u\x1d\n\x19\xb8\xf8\x0e"j\xc8\x0e\x1c%:\xd5&lt;\xad\xe5\xcc;F}\x90=Q\xf8\xd2\x9f\x08`\n\xe0\xcd\xafq&lt;a\x16\xdc\x11\x11]j\xf6\x01\x9b4\xcd\xed\xe4\xcc\x934\xd76&amp;TN\x19\x91\xd9g\xb3\xba\xad\xa0\xc4/uT\x87\t\xc7\xc1\xa8\xae\xa2\x82Q\x86~\xad\x11q\xd2\xb6\xd7\xac\xda\xa9\x00\x00\x00\x91`P\x87\xf1\xa5\x15\x9b&lt;D\x04\xe7LV\xed\x96Q\xccC:qUUF\x8f\r\\U\xa5\xa3l@\xe6&gt;B\x81(\xfd\x9dK\xad&gt;\n\x0b\x0f]\xf1\x80(\xfcM\xdb\xfb\x85\x0b\x1f1w\xe8\x1e\xe1_\x1a\xaar\xf0\x17b\xff\x857\xd5m\x05\xb7h\xdcW]3\x7fN\xa7I\'\x15\xf5\x8b.k.\xe2\xb2\xd3\xff\xb2\x1d\x12\xe9\xf9&amp;\x0f\x07\x80jY\x93\x7fg\xf5\xe4\x0cX|{\xc4\xea\xc7\xba4\x12\xf4i&gt;d\xb7\xbaM\x10\xa7\xac\xcb\x8c\xeb \xc5)\xa6\xb7\xa8\x03\xde\xfb\x08\xc1*U~\xf9\xff\x95$\xab-\xd3X\xd6/\\\x03P\x95\xeff*\xd6\xea[\xda\xc2\x06X\xcc\xff\xf8\xc6\xb3\xb9\xa2\x05\xc6\x1a\x00\xd0c\xf6eT\xe2\xee\xb7\x08-\x10\xfe\x97\xe9\x16\x91\x00\x99\xadb\x1d\xa5\x00)\x05=\x07\xf5X\xa1CMx\xc6\rj\xdcw\xcbc\xc1[\xc5\\Ai\xc3\xd8\xb3\xef\xf1\x1d"\x18\xc7\xa9\xc4:\r\xc5\x13\xc0\xc96\xbcP\xb8\xa8\xa8\x0c\xc6\x19=6D\xe6\xcc\xa0:\x9d\xd5o\xeb\xd4\x1do\x94nE\xa3\xf0U\xb7\x01,1\xab\xdaQ\xac\x03V&amp;\x19")\xfa\x9cz*\xe9\xd0\xa1\xa3\x14\xa2\xef\x9b\x0f\xaeeW\x80\x85\x13\x17\x18\xf1l\x89\xd5\x88\x17z\xa7I\xa7(\n[Fd\x17s\xd1\xa8\xe6\xe0\x07\x15\xb3\xd4m\x03\x1bL\x83;\x88:\xe0\x8a\xb5\xfbq[\xb9mD\x11"\x8e\xdf\xf4\x1b\xb7\xd5\xea(#\x0cYvO\x17.\xa19Ti06\xa3\xe7\x86J\xf5\x86Vi0\x8e\xf9\xd5&amp;\x8a\n(?\xf1\xd3`\xcay\xb70\nh\x03\xe0\x07\x06u\xf8Yd\xf6\x12\xcf\'\xdfe\xea\x19Dl?\xfe\x18\x0f\r\xe9\x90\xc7\x8c=\x1f\x00"h\x16\xf6\xaf?j\xea\x8e7\x83\x96\xde}\x86\x88\x88\x05\x93O\x01\x04sl\x90U\xca\xc0\xc5\xb7\xf9\x89\xb5/U\xd4jI?\x83EYA\xb7/\xa8i\x98\x06u\x00\xabT\xc6Q\x8b\xe5b\x10\xb1\xcb\xd43\xfc\x18\xc5\x01\xbc\x07\xb4\xfc\x81\x88\x88\xc3V&gt;\xfc \xb8\xa7\xa3\xf8n\x11\xc0\x0c\xca\xcb\xf9\x9d\xd4\x1b;HO3D\x0b\xd1\xab\xc4L\xd3\xca.\xa2\xc8\xadN\xff\rW\x11\x11W\x9e\xfd\xf9\x0c1o\xd8^\x1e\xec2\xd2%\xd1\xd2x4p\x1b\xa5Jl[9.\x02\x95\xe4^\xcb\xc0eW\x07\x13h\x067\x8ap\x8cm\xb3\xa0\xac\x8f\xa5\n&amp;\x9fB\xc4\xbf\x85\x8b\x8dKO\xfdP\xab9\xe6\xef\x11_ \x0e^v\xcf&amp;\xbc\x1b\x8f\xedP(,\x1a\xf9\xb7\xe1\xb1Q\xed$\xb1`y\xb5&amp;S\xe6\x1d\xfeJ?v^\x8b0\xa8\xdcJ\x05)\xe2\xb5\x9a\x88\x9c\xe2\x98\x16s\xc4G\xc6Q\xb93\x1dk0Q?P@\x94\xa1_k\xeej\xd3\xa1R\xd6\\\x10u\x9flR,d\xf4\xdc\xd0}\xe6E\x0e\xed\xd1R&lt;\x1d\xa2z\xf4\x98}y\xde\xa1/\xfa\xbe-\xd5f\x850\x14\x18\x11w?\xd0\xd8a\x91\xceuSG\x99\xe6]\x19\x9f\xb5\xe8(!\xac\x15y\xaa\x02\x1d2\xb4\x18\xbe\x8fV9\xf2\xb4\nt\xa0/\x89e\x08N\xe42\x0b/\x11E3r\xb6f\xf0\x81\x95\xf0?5|\x93\x87S\xa7\x84\xa2\x89.\xfd\xa2\x0e\xed\xc6\'i\xb8\xbaMP\x8cP(W\x16n\xc4\xfbt\xf0I\xe9S\xc13\xaaK\xcb\xcdJ/\xc6$\x88\xef4\xb1\xce\xf3\x0f\x7f\x95oD\xa3\xde\x9bx\xb6A\x19\x14E\xb0i\x1a\\K:3A\xe5i}u\xe8\x90G "\x1ez\x86`\x96\xa8nKt\xe8\x90\xa1\xf7\xdc\xab\xc2\x8dq\xf2\xf4\x14\x9c\x10\xd3b\x8e\xdcM{\xeb\x89[_\xf5\x9cs\x85?\x03\xca\x14U\x1a\x8c\xb5\xaa\xd6E~\x99N\x93N\xf2\xb3\xea@;\xff\x97\x0e\xeda\xea\xce\xb7\xea6\x81-\xc2}\xae\x15g\x7f\xaa\xdb\x14\x1d\x94L\xdd\xf1F6O\x9avb\x99\xc2\xac\xbcq\x1cq\x83\xfe\x83\x98X\xb0\x9c\xb7@\x11ky\x93`\xe3\xf8}\x8f\x89A\x80|\x87F\x1d4\xa9\x12\xd5|\xa6\xfc\x12E3/""\xe7\xd9\x17\xb4\x94*\r\xc6\x92\x1d\x0e\x07\x17\xad\x8c\xea\xe6\x1cD|\xa6Y\x9bD\x0cPF\xe2M\x87J\xa8\x8c\x88\xf7\x7f\x96\xd9\x1f\xc8\xa1!"\xbe@D\xc4\xb8v\x8by\x8a\x86\xfa\x13\xb1\xc7\xacK\x94\xa7\xcb\xd7\xa2\xbbi\xad\xe1\xb8g\x03\xd8\xaa\xdb\x08Z\xe8^IB\\t_\x85|.\xfc\xa1\xc5\x1d\xd8\xb2S?\x84\x1d0\xb1\x19l\x00PN\xcd6\xe9\x90D&lt;lR\xafR\x9e\x1a-Q\'~\xa9#\xd7]B\xa6\xfa&amp;[o\xe1\x94\xed\xbf+\xdd\xb8[\xe1\x8c\x0bJW\xa2.\x02\x101{\xd0.\xb0\xcf0\x0el\xab\xc2vu\x1b\xae\xdcp\xe6\x9d\x86\xf7.\xda1\xa4\xd3XV_\xc0\x85\xc7\xbe\x83G\x8e\xba\r\xd1\xa1\x18D\xdc\xff\x8b\x86?\x8f&lt;\x12\n\xe0/q\xc00V\xfe\x05\xc4\xe8\xb2\xb3\xd2\xfa&amp;\x83\x97\xdd\x0bL\']\t\xd4\x02\x10\xf1\xe8\x0b\xf4J\x18\xa2\xca\x84H\xfe\xf5G\xb1\xbd\xd4\xc64\xa8\x03\x97\xa6\xe8\xe0\x13\xf7\xd8\x01\xea6A\x87\x0eUQ\x91\xbd\x1c\xb4w\xbd\xa1\xa5-\xc1\x8fyH\'\x80Jr$\x8e\x17\x1d\xff\x1b\x11\x9b\x0e\xd8\xaeB\xa3t(\x81C\xc3\xa4\xce+\xb4wE\xb1\x0c\x923x\x17x6W\xb7\x15:t\xa8\x860\x85%z\xce\xbeLz\xbc^\xc7et.\xe7\x9d\xb0f\xd3\xe2;,QYs\xf3\x0e}\xe1\xa1VK]\x00\x1f+\xa2\xa1|-\xe9c\x86\xb1\x92~F\x95\xf7&gt;\xd2u\xc0\xda\x81MX\xb7\xe9\xbb\xde\x01D\xaa\xdb\x10\x1d:x\xc74\xa8\x03"*\xecDG\xac~\xcc\xa0R\xdb\x88B\x00o\xa5\xecb\xc8\xd4\x1do\x10Q&amp;\x1f\xa76`\x99\x02\xe0\xa7\x82v\xae}\xd5\x10\xbf\x12O1\xdd\x0fn\x90]^\x16:\xa1\xe8q\xdb\x90\x0e\x95\xe0\r\xaeM\xd5m\x83\x0e\x1d\x00\x00`\x99L#\xa3\x91R\xd0\xdb\x03\xa6\xadn\xe4\x950\xc4\xb5\x0e\xc7\xf9\xdd\xe80{\xff\x9fJK8\xa9\x81*\x19\xe3\xe6\x1c\xf8\xd4f\xcca\xbe\x1b\x8a\xcc)FDC\xbfV|7$\x17\xe3\xda\xad\xe7\xbb2I\xffg\x17Y\x14\x906\x9ai3\xba0\x8c\xb2CJ\x97U\x888v\xc3\xaf\xea6DG)d\xd8\xca\x87\xbdx\x16l\xe0\xf8e\xb5\xf4\xd4\x0f\x80\xf2\x9cU\xa7"\xfc\xd4\xa5Yo\x19\xda\xd9-v\x80St/\xb5\xb4.\x81gs\xca5p\xdb4\xb9W2\xf2\x02\x08gR\x18\x00\x82\xfa.\xb8\xc1\xf0\x12\xe85\xf7\xea\xcasJ\xa9\xa8\xeb\xd0\x02\xf4k\x1fz&amp;\x8cyuk\xaa[\xf0 C_\xe6\x88Y\x0f\x8a\rE\x1d\xa4\x18p3i\xf1\x04\xb0\xca\x1f\xb1_\xec\xbd$\xc08\xb0\xdd\x86\xab\xdcu\xc0\xda?\xf3Pq\x08\x84\xb1f\xa8)\x95\xcf\x1e\xb4\xd3-\xb6?\xe99\xff\xfa\xa3\xc0&lt;\x89\xb7\xa6Me\xf2$*\xaf\x8eRi\xe6\xde\x8f\xd2\xfe\xed:J\x11\x9e\xf1\x83D\x8a\x133\xf7~\x04\x80\xceS\xa4\x03\x13\xca\xfb\xe6\xff\x83h\x17Y\xa4\x0e\x035\x82\x9a\xf9se\xfdI\xdb\x8e;\xaa\x16ct\xa8be\x0e\x11\x01|\xf8mC\x07\xc7\x18\x98Ti\xbf\xf8\xf8\xdfrw\x1a\xf8\xda_\xff\x8a\x88\x88\x16\xa1\x05\xa2#\x1eq\x83\xc8\xfa`\'\xdaU\x9a\x81G\x8e\x16%F\xddrS\xdb\xc7\xacj\xe0\xe2\x1f\xa2\xfe\x97\xea\xdb\xb3\xd2iBu\x9ez\xc6&gt;\xb2\xbb\xba\xad\xd0!@x7J\x0b \x0e\\r\x87\xcb6.}\xd2\x88;\xde8\xb0\x1d\xd9\n\x8cf\xc24\xdb3\x87\x04\x03D\xfb\xa5\x8e\x9a{\xe8\x0b\x18\xd6\xe1\xa3\x81\x96#\x0fT\xaa7\x84\xea\xacU\xf5.\xbf#\x02\x04\xc8\xab\xa2|M\x00O:mUi0\xaex\xf7{\xf5\xe7\xbap\xcf\x06\xeb\xfat\nv\x99v\x16\x11m#\n\xf9\xb6\xa8\x941q\xcbK\x14C\xf8\n3\x16\x0b\x16\xaf&amp;:{\xfd\x9bF\xbc\x914\x87\xa0\x0cf\xeaC:\xb8\xc2.\xa2H&amp;\xcc\xdd\x1d\x0c\xa8_\xbcv\xe9\xcc\x1a\x18\xbc\xec\x1e"f\xf5\xdb\xca\xc28n1\x0b\xee\xa8\x15\xa9\xf1\xcc\x82;"\xe2\xad\x7f\xb8|G\x14L&gt;\x15\xdax2\x9d\x92\xab\xcec\x97\xa9g\xc10\xd67y\x04\xb1\x94\xc79\xab\xce+\x1c\x939\x03\x84\xc89m\x1bQ\x04P\x91N[M\xfao\xd3\x98I\x0f\xad)xJ\xd7U\x88\x08`\xcf\xb75\xa5\x8c\xceSN\xa3$a\xcd\xa6\x9dz\x83\xab\xcf\x0b~\xfa&gt;\xf3\xae\x8b\x9fU\xaf\xb5\x9a\x86mx\xe1C\xc4\xe0F\x13\xd4m\x88\x0eE\x94\xab\t\xe0\xc2\xec\x12\xe2\x8e7\nh\xc3\x8fE\xf4\xf1\xd2\xfcl\x07\xd9\x83v\xed}\xc4\xfd;\xa2h\xe6\xc5[\x7f+\xae\xd04\xb8\xc3?\xc4\x8f\xe5\xdf\x06\x00x\x9a8F\xe7\xcd\x1e\xb3\xfe\x99\x9c\xd5\x88^s\xaf\x1ex\xc2\xe1\xc7\xf7\xb5\r/\x04\xcb\x14\x99\xade\x15#rE\x94\xef\x05f\x08z\xeaq\x00\xd4j\xf2\x86\xef\x13\xef_\x07-\xbd[\xde\'_\xfc9\x1a\xba\xe2\x81\xae\x03\x96\x83\xeek)\xc5\x84!b\xbbq\xc7\xd4m\x86\x17@5u\xdb\xa0\x98\xbca{\x01,\xc1\xae\x81\xf0\x80eX\xd3iJ\xd6\xa9_\xb9%\x9dbm\xc6\x1c!\x9e\xc3\xb4\xa2\xb5\xac\xda1\xdc\xfd@\xf8\x0c+\x10T\xab@}*\x92\xb0\xa1`\xf2)V6\x90\xe1\xd6\xacR\xbd\xa1\xa7\xdf\x12\xaf\x18:\xf7\x80)gM\xebP\t\xa9\xddVK\xf5\xafY\xfd\xb6"b\x9d\xd6\xf3\x89\x02DB\x05\x82\xfe\x8bn\xb1j\xc4\xc1"\xa4@q)\xad%\xb3\xcffu\x9b\xa0C\x16\xb9\x9bq\xdaB\x9b1\x87G\xad}R0\xf9\xb4\xdcW\xbf\x86\xa2\xb2\x07\x83\xd8\x80D\xc4\xb6c\xd99F\xea#"\x98\xd6\x03\x00eb\xcf8\x9f\xa6X\x84\x16\x80K\xd6\xb9\x0f\x88\x88\xb3\xf6\xfd\xd1\xa0\xc7z\xf9\xe5\xbb\x15\x9f\xb7\xaaN\x99Q\xb8v\xeb\xf9S\xb6\xff\x0e\xe0\x06&amp;\t\x92.\xebzl\x07.:8@\xfem\xa3\xf4\xf4W\x97\xf9C\x87\xaa\xf1M\x1eA\xdc\xb1\xb5[\xcdS\xb7-\xca\xe1\x16;`\xdc\xc6\xe7\x13\xb7\xbcT\xb7!\x1aMr\x97\x95\xc4\xef}\xe6-\xb2\x9b\x056\xec\xb5\x11\xdc\xa8t\x8b\x18t\xc9\x88(\xab\xa3\x92\xd2u\x95\x1224\xd1W&gt;\x0b\xde\xbf/\x11\xe5\xcboe\x0f\xdai\x1fE\xe9,JT\x12\x906z\xd8\xca\x87\xe2os\xfb\xc8\xee\x88%\x9b\x8e:x#\x88\xf4\xa8X\xffJ\x1e\x01&lt;i\xeb+MpFQ\x07\xba\xd8w\xad\x84H[\x8e\x88\xd3v\xbeU\xb7-JS\xbb\xf5|\x9b\xb0n\xac.5\xe7\xd8\x14\xdea\x9d\xef\xb3\xda\xbd\xff\x10\x11\xffED\xc4\x03O\x10 \x90;\xab\x8c\xb8\xabJ&gt;\x86\xe4\xd2\xc1z1c7\xfc:`\xf1m\xc5+\nn\xcd\xe4\x9c\x14\xbc\xe5\xad\xeb{\xc6\x0fz"9\x9d\x9a{\xe8\xcb\xe97\xba\x0eX\x1c\x0e\xc3\xe8C\xe5y\x87\x02\x80\xf0\xa7\x19\xbd\xee\x19w\x8d\x96\n\x1c\x1b\xaa\xdb\x02\x1d,Q\xcb\xde&lt;O!\x9b\xd6\xfcT\xab\x81\xb0_.\x1b\xbd\xee)"\x9e{/\x98L\xbc\xd2B\xbf\x8cr\xde-v\xddga\xb6\xb3A\xe5V\xe0\xd8\x10&lt;r\xea\xb4Y \xaf\xa0C\x86\xce]\x85.\x16\xfc\t\xb6\xc8#\xb5\xebj\xb5\xb4\xab\xa1P.J\xe9P\x1b\xcc\xde!\x1e\xd9\xaaL/\xa4\x83\x14\x95x\x06\xd9\xa6\x0f[\xf9\xb0J\x83qA\x19\xe3\xf3\x86\xed\x03wysA\x8d\xa5F\xde,\xc6\xd7\x98\xd6k;\xf6\xc8W\xc4\xac~\xdbbZ\xccQP\xd8)\x93\x9da:t\xe8\xd0\x01@\xe4\xdd\xa1\xcb\xf8M\xbf!bD\xf6t\xfe\xcc\xd1\xa19D\x03\x18\x008\x02\x98h\x86.\xa6\xea\xf8\x89X4\xe3"\xd8\xc8\x17\xbb\xd6H\xf4b\xd4m\x81\x0e\x1d:x!"{:\xb1$\xb9\xe5&amp;\xaap/O\x87\xea1\x8c\x15\xfb\xc3\x08\x0c\xeb\xa8U\x96\x8b\x07L\xebYW\xef\n\x00\xa5B\xac\xdfA\xf4\xbf\xa8\xe63t[}JP\xb6\x06\x9a.\xb5\xfa\xaa\xdb\x04\x1d\xf28\xf9\x1a\r*Kd}\xd8qW\xe8cX\x8e\xd9P[\x7f\xef#\\x\xf4\x1b\x80\r\xa7\x16\xea\xe0\x05\xd9d\xbaZ\x8e!\x18\xd5\x15\xfe\x9f\xf0M+5\xe3\t7\x80P\x86\x97T\xe6\xc3\x0e-\xc7\xb7\xbcO\xbew\xe20pi\xacnKT\x85Y""&gt;/e~\x0cj\xf26\x90\x80\xa3\x953\xfd\xca-\x111o\xd8&gt;\x0er\xc3;\xd7\xecM\xf4\xdb\xb2\xc9I4\x03C%\xaf\x1f\xb0\xf8v\xc3^\x1b91E\x07\xf7H&lt;\x12\xe4\xe1+L\xb1\x8f\xecn@O\xd8D\x87v\xa0_\x1b&lt;\xb2\x19^\xc3oVv\x9e\xf1R\x8bo-\x00\xb4\x1es\x98m(J\xd9\xa2R\xc2\x10\xf1\xf5-\xf6\xb4\x1f\x7f\x8c\xd0V\x1c\xb7\xf19\x07\xd5\xd1\xc1&amp;\xad\xcf\xfc\xeb*jK\xe8&amp;\xee\\\xb3\xb7\xcaZ\xd4.\xbc\x13\x87\x82y\xa2\xba\xad\x00\x00p\x8a\xe1 \xcbr\xad\x96\xf3\x88_&lt;&amp;\x7f\x0e\x00\x94\xe5\xdcve\x99\xfc\x11\xfb\xe9\x17\x8eo/\xf4_ug\xda\xcd\xf3E\x85\x80\xb6\x9f\x10\xed"\x8a\xac\xabwMP\xa5{\xadi=-\xcaKVJ0\x0b\xee8c\xcf\x87\x96#\x0f0\xcf\xbe\xce\x16\x997~t\xdel\xa8\x10\xc7Gr\xdfM\xd7\xd53\x96\xd4\x12\xa2&amp;ny\xd9m\xfay\xd9\x13\xeeu\x074\x1f\xbaG\xf5\x06\x95\xe0\xd6\x14\\\xe5\xebe\x92a]_0{\x10\xcc\xad\xc9\x02\x8eu\x94Z\xc2\x9a\x0e\xd8\x0e\x00\x8d\xfbn\x01\xfd\xda4\xaf1\xaf\xda\t@\x1f\xca\xd7*\x9aq\x91G\xd3\x18\x13\x16\x906F{\x12\xc4\x91"?\xd1-\x8bM\xcf\x08p\xd6\x92\x9d\x08\x93\x84\xe9\xbb\xdf\x8b\xfeR\xb0\xa41l\xe5\xc3N\x93N\x82\x15\x03\xc7k\x0eI+ZK\xd8\xf7\'b\xe1\x8c\x0bj\xb1A\xbb\x88k\xbfX\xdd&amp;\xf0\x8fM\x9a\xfc\x9cKT\xe8Wn\xb9\xf8\xc4?\x00\xde@d8\xd7Q\x86(\xb7\xfd\x0e\xd2L\x85)Nh\xe3IP.\x06\xca\xd7\xe4\xc1$e(\xdd\xfe\xb4\x9e\xea6@9L\xeb)\xca\xf9V\xa2\xf7\xb0\xe4\xc4?\x88\xa8\xa1\xc3\xa9\x19{?\x8a+\xc1\xce\xd8\xf3A\xdd\x16q\x8ciP{\x0e\xb6\xeb\xc5\xa9PW\xf3\x9d\xe6\xae|\x96\xb3\xf0 \'\xf1Q0\xd1w*\xc3\xb1\x97\x98\xd4y\x05\x00\xb0\xeb\xc2uh/\x7f#\x96\xee\x94\x0c\xea\xc1#\xa7\xed\xd8#Q\xcdgB\x858\xd2\xa5\x85\xfb?\xcb\xe0*c\x15\x86\xe5\xd9\xcb\xef\xf3\x8bk\xed~u\xdb-\x02\xcb\x14\xb7\xd8\xfe\xd1y\xb3\x9b\xf4\xdf\xa6\xe5&gt;\x14\xd2\\\xfa\x84\x88\xf8\x06\xd1!\xaa\x07\x00\x80G\x8e\xf0\x8c\xf6l\xb7\x98\'\xfa\xd7\x1f\r\xe6\xf4]\x19+ \xe2\xb5\xbfX&lt;\x96\xa6`\x91\xcc\xfc*\xc9\xb6\x03\xdb\xcaJU\xeb(\x0b,=\xf5C\xe3\xb3\x9aZ\xf1\\?O\x83Ng\xaa\x13\x95\x12\x86\xe8\xb6\xf9(\xb1H\xd2\xfcesW\x00Wu\xdb\xc0#\x9eq\x83\x84{\x00\xaa\xdae\xe7\x1a\xff\xfa\xa3+\x04\xb4et\x89\xf0#+\x1e\'\x9a\x06+\x17[\xa5\x8b\xaf\xd5!\xc0b\xc0\xa2\xdb\x00\x16\xea6C&gt;|k\xee\x1a\xeby\xe7\xf1\xdc\x84\x04\x96\xd5:\xab\xb05\x0f&gt;\\\x85J\rl\x16Z\'l~Q\xfa\x07P\x06u\x00\xec\xd4m\x04[\xcc\x13\xc18^\xf2\x90b\x95\x8c\x9c!\xbb\x11\xb1\xd7\x9c+\nK\xd2\xec\xa7\xa9\xf0\xaf?\x8a\xd3\xa4\x14:\xd4\x8du}va\x0bV\xd5\xba\xfc\x89\x18\x91=\xdd4\xa8=\xd8gph\xd1\xc4-/\xf5}\xb9\x8am\xb3\xa8To(GU\x959\x10q\xf3\r\xed\xea,T*(\xc4jc\xd2\xa9\x91\xba\xe2\xde\xd4\x8b\x7f\xfdQ\xe4\'\\\xb2\xac\xaau\xa9\xd7i\x99j\xcd\xa1\xe4o\xc4\xf3\x1f8\xfbu|\x92\x86-8\xf2\x97x\x04pz\xf7u\xca.\x81\x98$(k\x96\x0e\r\xa2\xc2\x9c\x83\x9f\xe9\x965\x13\x0b\xa9\xb0K\'\xde$\x1eq\x03\xa3rg*\xb8\xd0\xb4\x1e\xdd&lt;\x80\x96)\x88\xd8o\xe1M\xba&amp;i5\x9e\xcd\xd5m\x81&lt;:N&lt;!#\x18\xa0\x91\x9eM%h\x85\xba\x8ey\x12@uu\x1b\xa1\t\xb8\x1b\x07\xb6C\xc4\xb8v\x8b\x98l\x85r\x95\x90\xd1\xbcR\xbd!\xb2G\x85\xc3#nV~"sf b\x95\x06c9\xa9M+H,X\xaen\x13J)6i\x99}\xb6\x88\x0f\xbfl#\ncZ\xcc\x01\xb0U\xe0\xcag\x9e\xe4\x117\x90n+\xaeM\x10q\xff\x13\xe91\xa8c\x8d\x9e\xef\xcb\xde\xb4A\x07#\xa6\xeex\x93\xab\xdexN\x1d\xf4\xa9\x91;\xcb\xc8\xbf\xcd\xf1Wh\x16\xdc\x91\xc9u^J\xb7\xec\x0b\xd6\xf53\xfbl\xde\xf7\x98\xfc\x852j\xed\x13\xa5\x9b\x10\'\x8c\xd3\xda4\x1d\xaf\x84\xc1\xea6\xa1\xd4\x92\xd5okP\xc6x\xc9c\x06r&lt;\x86\x04\xb86a\xf4\xa3\xb4\x1d{\xe4\xc0\x13,\xde\xfd\xde1\xba\xa7\xe8`\x8b\xe1\xfb\xca\xe0\xba\x9d\x0eF\x047\x9c\xa0n\x13t\xd0B\x8daE\xc4\\\xa1\xea\xca\xb3?{\xd2\xd8\xb2\x95\x8b\xa7\xf2\xd6\xf0\x88u\xfd\xd3ouoL\xf5\x10\xdax\x12\xdd\xa2\x06u\x18,\x90X\xa6\x18\xfa\xb7fd\x89EH\x01@d\\;f\xc1\xf4\xbd\xe7^\x13,\x05\xd9\xa53\xbaP\x07Wd\xf4\xdc@\xfc\xa7\xd7\xdc\xab\xea\xb5\x84&amp;.\xb5\xfar\xa5\xb0\xab\x90\xaaP!N5-\t\xf1Tms&lt;\x12\xd4p\xfc\x90\xe5\xf7\xd5m\x05\x8cZ\xfb\x84\x10\x12b\x8d\xe4\xab0\x02 \x18\xc0X)\x9b8\xc6C\xc3\xa6,\xc1\xfc\x07\xa5h\nc7\xfc\x9a\xdce\xa5\xd8\x81\xca\x94\x013.\x8d\xb7\xdfA\xdaw\x8e\x97s\x0c\x99\xc7\x96q&lt;\xb5\x90\x85&gt;\x80#\xd85\xa0W\x7f\tD\x07\xfc\xb7\xf0\x16j:`\x07\xaf.\xcd\xc3W=\x02\xb3z\xfc\xd5\xafu\xa4w_G&lt;/\x8b\x8e}\x97\xab%\xa0)\xa4\x15\xadU\xd1\xd6\xaaJ4K9\xd5\xb2P\x96\xf2\x00\xbe\xca\xd5\xe0&amp;\x91dM\xf8:\xf0K\x1d\x89\x14\x1cz\x86\x00\xc1\xb4\xea6O\x02pf\x9e\x8d\x07\xb8\x08"TVF\x83{J\x12.i\x1a\x9a\xae\xa6\xc2!\x1eq\x03io\xac8|A&lt;\xf9;\xcd\xa1R\xc8\xdd\x7f\xa5K\x1aTn%t\\\x90\xa3(\xc0\xd8s\xde=v\x80j\xddE\xc5S\xd1(\xf9\xb6Q\x9e\xaa\x9a\x91\x14R\xc3c\xcc\xa40SQ;z\xdeyB\xed!\xde0I\x10\xdf\x80\xa1\x87u`\xfaX\xb0H\x02p\xe1\xd8\x18\xbb\x06|\xc8hPu\xbd\xe2\xd4i\xb3@\xf2\xa2p\x00{\xa9z\xa6\xefz\x07\xe0/S=\xd7_\x82\x02\xe8\xb9\x98\xf2\xcf\x88\xd5\x8f\xd5m\x82\x0e\x02\xe9\x1b\x95\x8a\x9d\xf7\x88~\x8eN\xaf\x13\x82\x88R\xb2\xc3\xf5:-\x13=/\x9d\xa7\x9cv\xad\xd3\x8f\xb9\xa9\xe4\xd8\x84wK\xe8\xb8\x94\xab\xda8\xc1:\xac+\xff\x8dD\xc5\xb6]XvVkX\xb3\xf8\xf8\xdf\xe0\xde\x8c\xf5\xe5JN\xea\x03h\x974\xa5YN*\xe91\x0b\x8aw\xbf\xb7\x08-\xa8\xd3z&gt;\xa7\xde\xea\xe5:N:i\xe8\xd7\x9a\xbb\n\x01\xe8\xf5\xbe\x04)]VI^*\xeb\xe9.\xfbaCM\x83\xdask\xb0\x0e\x1d\x8c\x88i1{\xec\x86_\xe9\x94\\\x7f\x99\xe8\x80\xe9\x86\tI\x1f\xb1\xcf\x10=,\xbb\xee\xa3\xf4\xd0\xd30\x96V\xb5\xda\x82\xa9n\x99Z# \x04\x97\x96\x9c\xfc\x1f\xdf\rY\xf1R\xabg\xf3N\x93N2\xbf,R-\x82\x8e~\xa9#)\xa3xYA\xbf\xf7%H\xed\xb6\x9a\xc3\xd6\xe5\xe2\xe6R\xb3OY\xf3[\xd6\xc1\x07\xdd\x8a\xcf#\xa2"\xa9\xc8\x80\xd9\x07&gt;\x1179x\xb1\x8fI\x15=)\x1f\x10\x1b\xf7\xdd\xc2\xba\x1emF4\xa1\xaa\xc1S\'\xed\x18\xdd3\xb9\xf3J\xc5\xe54\x14.\x12\xfaJ\xc3\xff\n\xf9\xc0\xc5\xb7\x7f\xe3i\x17\xa4D$\x99&gt;\x91Q\xcdg\xc6\xb4\x98M\xbb\xbcJuI\xe8#\xbf\xbb\x05\xf7l\x92\x83\xd6\xa9|[U\xb1v\xdf\xd1\xeb\x9e\n\x9a\x03\x00\x80\xe0\x86\xe3\xe5_\xa2,\x06t\xb3\xc8\xe9\xe0\x95\x80\xb41|T\xab\xe0\xfe\xa9\x107y\xdbk\xd1\x1d\xaeL\xb0xh\xe3\xc9\xa2z\x9a\x0f\xd1\x05b\x92b\xa9\xb8\x88\xbc\xabSN\xbe.y3h!\x9e\xea6\x80%\xfe\xaa\x9d\x81\x01\xf5\xdax\xb9\x0e\x13\x8eG\xb7\x98M*\x1f\xa1]Pu\xbd=g_&amp;\n\x9c}\'}*\xb2\xf9\x0c^Mj7\xee\xe8\xf5o\x08\xf6\rF\xac~\xfcXU\x8f\x99]D\x11Td\x9e\x06\xb8\x94\xa0A\xf9R\x0e&lt;U\xfd\x8b\xd50\xa9`\xc5+\xf1!\xa6r\xe9\x9c\x832\xc6O\xdc\xf2\xf2\xd4\xefH1\xd7Q\xec CL\xa0\x95\xb1\xa1\x14\xd3g\xde\xb5\xd5\xe7\x19|9\xc9]Vj\x86\x1b\x97f\xe1gU\xad\x0b\x1b\xcfU\xba\xfb(\xae\xe0\x95\x0b\x96)\x01ic\x14eO\xd4(\x14\x05\xf2\x0b\xb1\t\xef\xc6I{\xe4\x13_\xb1\xfbU\xf6l\xf5&amp;S8i\x9a\x14\xb3\xe0\x8e\x02\x1b*f\xb1\xad\x83\x95\xd7\xbaI&lt;i?$&gt;\x0b\xd7\xc1?\x062\xea\x16RT\x8b\xcc\xe1e\xfc\xb7\xe0\xc8_b\xf7?%/\x11i\x0f\n\xa9t\xe2\x14\xbf\x8en\xff\x0f\x1b\xf6\xdaD\xaf\x15-\xa0\xdf\xc2\x9b\x9f\x04_Z\x84\xf2\xb5\xfd\x81\xb8\xed6\x83Gr\xf3\r\xd4\xb9CJS0\xf9TL\xfe\x1c\xf3\xaa\x9d\xf8kb\xf9\xe9\x7f[\x8d:\x18\xdfa\x89j\'\xcd\x9aB\xe3\xbe[\xe8\xf8\x7f\x91\xf5\xbe\n0d\x0fn\x00\x00 \x00IDAT\n\xf0\xdb!U\x88#\x9a\xe0N\x83^)\x04\x9f\xd7)S\xdd\x86h#\x95\x8c\xfc\xdb0\xbc\x84\xc6\xd4\xd3\xb1a\xdbqGY\xd9#\x17\xb3\xc4o\xc4o-\x7f\x03\xd8\xb4^\xadV\xf3\xb8o\xbdTS4\xf3"\x87/\x8d^s\xafN\xde\xf6\x9a\xf8\x7f|\xfb%4\xb4\xeb\xed\xe8Ol\xca\n\xa6A\xcae\x82\xa3A\xb5\xac\xc9\xe0\x9e\xcdw+r\tUk\xeb\xb4P\xd8\xb9N\xdb%\xbd\x06\xfd\x9c\xe7\x19\xe1\x9a\x8bL\xfbx\x1e\x1d\x10\xc2\x9aN\xed9\xe7\nx\xe5\xf2\xd7D\xa9F6&amp;\x8d\x03\xe2\xda3\x13\x93\xd2\xa1J$eOx\xc2Pq\x11\x1d\x00P\x06\x1e\x16\xca\x05\xcf\xe0\x86\xe3\x1b\xf6\xda(u\xf0\x8b\xaa\xb7\xb1\x15 \xd5\xb9&gt;F\x04\xa8*S\xcaC\xbcLz\xf7u&lt;\x1b\xe5e\x14\xc0l\xe6dU\xbd\x0bO\xa6\xe8\xd004&lt;\xe9\xbdFbZ\xcf8\xb0\x9d\n\xdb\xd3\x8a&lt;&lt;\xa4\x94\xd6\xec\xa2rda\xb4\x1e\xf9;:NR&gt;\x17\xe5\xbc[ \xe2\xf1W\xa8!~\x01\xa4+\xcc\x8e5\xa4\x85G\xee\xfc\x10\x9b"\xbbj\xa0\xb3R\x15e2\xfbRb\x96\xd8j\xd4A\xee\xab\xd5&amp;4k\xed.:o\x96\xbaM\xe0\x10B\x1e\x84o\xcd\xd4\xeaq\xed\x16\x07\xa4\x8d\xe6\xb9\x15\x8d\x83\xc5&lt;a\xf4\xba\xa7\xda\x99\x1cO\xb7\x1e\xc0\x0c\xcb\xdc\xa1{4$0\x89\xb4\x03\x96Y\x01v\x90&lt;\xc5:\x8e\xcd\x967e;\xe5\x02\x1b\xa8po6p\xf1m\x1e\xea\xd5\x1a\xaf@\xaf\x84\xc1\x03\x17\xdfQ\xb7\x15Rx\xaa\xdb\x00\x0e8\xf0\x84x\x94\x94W`\xa5\x81}\x06/\xc3S\r\x86\x10\xd6ez\x15".=E*g\xa1Y\xc3P\x194\xdc&lt;\x19\xe2\xdb/\xa9\x9c2\x02\xc0M\xec\x98O\xddv\x8b4QO\x98g\x9cbz\x91v\xc0-\x86\xef;\xf3\x0e\x11\xf1\'\xe2\xa1gb\xbd\xafKc\xf6\x8dY\xa5\xf2\x13\x84\xae-x\x00x\xa5v[\xad:\xa5V.\xc8\x1f\xb1_\xdd&amp;H\x80\x88nu\xfa\xab\xbcY\xfar{\xb4 \x9e&amp;Ue\xd7)\xa7\x826V\x9c\xf9o\xee\xc1\xcf*h\x88\x0e\xb7\xfeAD\x04\xbd\x18FW-8\xfa\x8d\'{4\x10\xf5\xaeJ\x9b\x99Ti\xdf\xa8\xf7&amp;&amp;J\x1a\xa5\x18\x7f\xaay\xb08O\x10\x01\xca\x03\x84\xc8L7\xf5h\xee\xfa\xd8\x84u\x1b\xb0\xe8\x16\x1f\x1f\x80\x15\xae\\Tb\xc7\xa4\xb0\'\x18\xd6\xb9\xfeM\xcb\x82\x9a&lt;\xea\xd2N \xaf\x12\xc6m|^!\xa0\xad\xaa[\xe5:F\xfc\x1fDD|H9KS*\x10YM\xf0\xb3\n\xc5\x0e\xe7\xc6\x88\x08&amp;\t4\x8a\x96\xac\xc9Q\xf9+\xe9y\xe7\xf9\xd7\xd7\x865|U\xfa\x8a\xee\xba\x8f\x96\xa1\x9d\x95\xacDy\xcdgMD/\x9a\xe9\x15\xeb.+\xe8}\xbbN;\xcb\x85e\xd1\xea\xd7\x06\xb2\x12\xcaxq\x98\xaa\xa8B]p\xc8\xa0]Z|\xb0B7I\x00\xa78k\xc8\xf6\x87\x120\x1a\xf7\xc8\xa2\xfedPSw\xbcAD\xbf\xd4\x91\xea6\xa4\xd4\x82\x88\xca\xe4\'\x10\x11\xd3b\x0e"6\x1b\xb8C\xf9\xaa\xf8&amp;\xac\xd94\x15\xb5$\xd5=\x1cx\xa2e\xb3\n\xe6x\x9b\x87p\x173]\xbe\x16gUi\x0b$\x8bQ\x9c\xe5h\x9a\xba\xf3M\xb3\x81;\xc0&lt;QqQ\x8f\x1c\r\xe8\xfc\x1c%\xc3\xf3T\x9a8\x99\x13\xf18\xa7\xe8^\xcaW\xa2f\xec\xd2\x07(v/\xd0\x08?M\x86p\x98{F\x1c\xe7J\xf5\x86\x14\xefyO\xff\x82\x1ay\xb3\xc0&amp;M\xf9\x86\x03\xd3\xc7\x0e_\xf5h\xe9\xa9\x1f\xcaWUzXr\xe2\x1f\x00h=\xe60\xd1\x01\xff^\xfa\xb5\x8a\x828\xack\xf2\xb6\xd7`\x97\xcea\x85\xda\x80\xcc\\\xd3"\x99\xab\xaa/\xfc\x81\x8dzo\xa6S2:ov\x85@\x95/\x9fj\x10\xee\x9a\xb5P\xc9\x08\xd9\xdcG\xca\xe1\x16;\x80\xdb\nK\x1f\x8b\x8e}\xbf\xf2\x05\xc1$^x\x80\xd1\xda\x9e\'G\t\x1c]\xc1\xb0\xce\xa6\xeb\xa5\xbe\x8ba\x89e\xd3\x01\xdb\xd5\x1fyf\x9e\x04\xe0\xa5f\x1b4\x14m\xf3\xd0S\x8c\x9eT4\xaaq`;\xda)\xdf\xd5\xb2\xe6\xacv|\x00\xb8\x1c\xf1\xa8\x07\xfb\x06\xea\xb6\xa0\xcc\x91V\xb8\xb6~\xe1\x1a\xb6WGM\xd8\xfc\x82\x133\x822\xc6i\x94x\x83\xf6\xa2gR\xa5}p\xc3\t\xfcT\x1e\xaa\xed\x82\x85&lt;\xa8?\x9a\x9exU\x06F\x8e\xee\xcdT\xe5\xce\xaaF\xaa\x97\x9ad\x15&gt;I\xc3\xd98\xa2\xbb\xb0\x16\'\xd7\xa1\xb1\xd0Z\xe4\xaf\x10\xd8V+d\r\xb9\xc2\x94:\r\x11\x1d"\xfe\xa3\x14\xef\xb5\x02\xab\xd4Lz\xab\x854\x08\xe6\xa8\x1eP\xf1&gt;\x1c)[o\xe1\xdf\x88\x079\xcbEc\x0cP\x11\xec\x1a\xb4\x1f\x7f\x8c\xaaD\xe5\x94\x11l+\xf7a{!\x7f\x84\xab\xdb\x00\xf9(\x1b\xfde\x1f\xd9\xfd1"\x80\x11\'\xd6\xa8\x1b;\x00G\x86\x97\xe87\x1f\xb2\xa7n\xbbE\xbcJJ5\x1f\xb2\xe7\xfa7\xd4\xc8\x1c\xd8\x1e\rz\xac\'=\xe1\x97\xcaezr\x95\xa3\x89\xde\xe6\x9b\xae\xe3w\x92MUOU\xb5\xef\x94\x89\x88iEk\xd9]}\xe5\x0b"b\\\xbbE\xdc\x1aU\xea)\x89\xf4U\x809\x94\xab\t\xe5k\x01\xb8\xcb)\x94\xde}]\xed\xd6\xf3\xe5\xbcJ\xcay\xb7\x98\xba\xe3\r\xbbqe\xce\xe0]\xd7\xfe*\x03\x13kMb\xe8\x8a\x07\x88\xd8\xa8w\xe9I\xd1\xc3\x84\xc0\xecA;\x89\xa7\x83g\xbfe\x87M\xd7q\xd7}\x0cm&lt;\x89\xcfV\xb8\xa4\xd9\xc0\x9d\x96\xd5\x94\x8dF\xd1!\xce\xc0%w\xb2\x07\xed\x948d\x9f!?|\xf1\xee\xbfh\x11R\xc0\xba\xc5\x92a\x88w\xe2\xb0\'\x88\x88\x18\x91S\xcc\xb22\xb7\xa6\xbd\xe6^%\x9e\x16\xf7\xba\x03U\xa45S*\x98\xba\xe3MF\xcf\rtK[\xd7W\xb6=\xd6\x9a\x1e&amp;\t7\xff\xd6u\xc0*\xe5!"\xf2\x9f\x87\x83\x02\x9e\x1ck\x19\x10\x993\x83\xc8\x95\xb4\xe6"\x9bo\x80i\xe0\xf2\xfa+8l\xe5C\x00[\x16m\xe9(u\xe8\x01\xf8\x0f[\xf1@N\tDTZ\x0f\xdf\xb9\xb1h\x12V\xde\xa7\x8525\xed\xb8+\x11\xa4\xb4\xf8\xf8\xdf\xcaY\xa6\x83\x02\xa9\xdc\xcc\xaa\x0c\x03\xd7\x8b\xd1\x82\xd7S\xb9\x9a\xbc\x87\x9c\xda\xaa\xc8\x9b\xdd\xbd\xee\x00\xc1\x02\x89a\x1d\xd5\xb4\xa8y\x18\xcf;\xfc%\xb8\xa1\xfct\xc5\xa4\x842M\xcbX\xde\xa7\xc5\xae\xfb\xe8Z\xa7\x1f\xf3\xb6t\xf0\x83]\x03\xa6\xbaZt\xe0*\xad;\r\\\xfd\xeb\xcb\xdd,\xf8,\xd6e\xb2\xa8\xde\xd0\xaf\xb5@qM\x98PV\x1c\xeb\xb0\xaell\xd6A\x9b\xc0\xf4\xb1\xdb\xef(\xb1nQ\xda0V\xcd\xf6\x92Eh\x81\x8ad%\xca\xc5\x1c\x7f\x85\x88\xb8\xf4\xe4\xff\xb48\x94H{\xc8\xec\xb3\x19\x11-B\xd9\xaf+\xea\xe0\x9c\x0e\x13O\xa8\xdb\x04\xf6\xf4\x98u\x89\xf2\\R\xc1\nQg\xf9\x9ey\x07\x1c\x9d7\x1b\x11s\x87\xee\x05\x80\xa2\x19\x17d;`\x15\xa4\x1f.\xdb8Z\x87uM\xe8\xb8t\xd0\xd2\xbb\xcc\xaf5P\x87.)\':\x94r\xa8\xdal\xe0\x0e\xfe]\x96\xca5\x1d\xb0\x9d\xf6&amp;\x8b\xb2\x03\x82e\xa7~\x08\xc7\xc7\xee\x00\xd5\xb5\xdc\xfbF\x0b\x88\xef\xb0D\xdd&amp;h5\x84\xe3!\x97\xebd\xfd\x17\xdd\xf2I\x1a\xc6a\x85\xaa\x85&lt;X\xd7\xb4\xd9\xc0\x9dR\xfdeH\xe6D\xfa\xb5\xd6m\xbbHt\xe1_\xb2}\xaf\xe0\x95\xc1\x99\xec\x91\x0e\n\x988r\xabj\xe1\x947\xdc\xe5\xbb\x8f\xe9U\xcaC\xc4\x11\xab\x1f\xf3\xd3\xba\xa7\xb0\x99\x98\x0b\x7f \x97\x12i\n\xb0\\x\xec\xfb\xd0\xe5\xf7U\xd5\x9c\x0eu\xe1\xb3\xf4\xd4\x0f\xfe\x07\xa9:\xd4\x83\xf8\x1b\xc33 m4E\x97I7p\x82\xa2\xcf\x95\xc0.\xa2\x88\x9f\xcf\xa2\xa3&lt;\xe8\xd7fzM\xa5zC\xc18^q9m&amp;\xb6\xedBpm\xcaw+\xfd\x16\xde\x84\nuIO\rXt\xab\xc3\x84\xe3|\x1b\xa0\xa3TR\xde\'_\xdd&amp;\xe8\xe0\x9e\xf9G\xfe\xfa\x86X\x12Q\xd6v\xdc\xd1?\xa9{M\x9a\xb2A\xc3W&gt;T\xd8\x01s\xa2@\xabB\xd4\xef\xf6I\x8f\x10\xf3\xaa\x9d&lt;\xe2Xd\xcb1\xe5\xde\x16U@*v\xa6db\x00\x9ep!\xee|\x87\xa8\x1e\xea\xb6D\x87\x04\xbe\xc9#\xc0\xb4\x9e\xba\xad(MTW\xb7\x01Z\xc3\x94\xed\xbf#b\x89\x90\x9f\x7f\xfdQ\xf2;\xce\xe2=\x1f*\xd6\xea\x0bPM^\xad\x86\xb1\xf2+Yt\xfc\xbbg\xfc z\x16:@\xf9Z`)\xd2\xccSo\xceD\r\xc7\x06l\xd3\xc1+\x17&lt;r\xd4m\x89\xaapo\x06PMfg7T-\xb6(\x84\xb8\xf9\xa7\xedzW\xb6s0k\x1c\xc4\xef\xe2\x95\xa0]S\x02\xb5\x10A\xa7P\x8d\xdc\x99\x00N\x00!\x00\x81\xb4j\xad\x10\xa7\x94QZ\x8dkS\xc9\x8fo\x1c\xafp\xf2\x8a\x88\xa7~\x97\xef\x96e\xa9\xb0\x86\xdf\x10\xe99\x8bF{\xc6\r\xca\xe8\xb9A\xe7\xe7I\x83\x10\xb0L\x01\xcf\xe6\xe0\xaam\n\x85J%"\xd4\x03\x00\xe7\x9a\xbd92\x85G\xc6m|N\xdc\xfcM\x07l\x070W\xb79:\x04\x10?Jf\x1f\xae\xf4\xf8J-\x05SN\x0b\xd5\x06=\xe5\x14\xd3\xf7m\x19\x906:g\xc8n\x80\xf2|\x99\xe2\xd0\xb04j\xda\x03\x00\xbd\x1d\\D\x94/\xc4\xba\xe5&amp;\xbdJtp\x88m:\x803T\x88\xd3\xc2u\x02\xd6\x8e\x91\x82n\xac^\xa7eZ\x91*\x8e\xb8\xed\xeb\xb6\xd5\xa9\xc21\xc4\xb39"\x82CC&gt;\xeaf\xf5.\n\xe5\xc3\x12m\xc0\x02 \x82\xc6\xdc\x89\xef=;\x86\xe1\x0cf\x89Z\xa0R@@\xb7\x03V\x90\x8a$DT\xf2\xc4k\xf2\x1aj\xb5\x9c\xab\xa2\x8fT\x06p\xab\xd3\x7f\xc0\xa2[\x00\xa0\xfe&lt;Tta\xbe\xeb,\x914\xd7\x0c\xacS\xb5o-\xd7+\x17\x11i.\xe5\xe9\x10\xa7\xf9\x90\xdd`\x9e\xa8\xa9\x1b\xfc:\xd4\xc3\x0b\xc1\xe0I\xf5b\xdd\x1c\xe6\x1d\x90\x84f\x07\xec^\x97N\xee\xcc 0O\x04\x8b\xa4\xd1\xeb\x9eJ\xf7\xdf&lt;\x88\x98\x94m|\xbaL=\x03\x00\x00V\xea\xb5\x83\'\x16\x1d\xfb\xdev\xdcQ\xd1\x9f\x0eQ=\x98\xaa\t\xea\xd0\xa1\xa3\x94A\xf4&amp;\xf5:.Si\xab\xce\x8d\xfb.\xb8\xc1W\xe5tg\xc0\xe0\xcd\xa8\xda\x82)\xa7%/\xd7 \xaa7\x99\xc2\xf8\x1a\x8fl\xa6\xdf\x00S,C;\x03\x04VN\x19\xd1i\xd2\xc9\xd5\x17h|c\x06\xb5\x01\\\xc1FiEh\r\xc4\xb5)"\x0eX|[\xf0\xa7i=%r{\xf0\xfb\xab\xb1\xc09F\x0b6\xb0u\xe8\xe0\x11\x9b4\x86\x17\x04M\xdb\xf9\x16\xc0J=\xbd\x89CF\xc1\xe4S\xfcU\x1f@\xa3\xf7e\x83\xe8r\x97\x9a}\xb8\xb5\x98\x05z\x95\xf2\x84;\x19F\x7f\xb0\xf8D^\xb9\x00\xbe\\\x1b%\x8ba\x83\x1e\xeb\x1b\xf7\xdd\x82\x88\x13\xb7\xbcTT\xb8:\xe1\x91T\xfa\x08\xca\x18\x8f\x88\x97?\x8b~\xa6 z\xfb\xdc&gt;l\x86V:\xf8\xc0\xb8\x0c{\xba\xeaP\x80\x01\x0b\x8f*\xd7\xda\xfd\x00\xe0\xc0S\x0c\xcf\x9e\xce\x83I\x8a\xe05\x15\xb7\xfc\xde\xf7\x1f\xb6\x1d\xb0K\xad&gt;\xc2\xfe\xbb\x92\xe2\xd2&lt;b\x9e?\xe2\xc0\xa5?\xd1;q\xa8Z\xcd`\x84\x9f\xba\r\xe0\x96\xe0=\x8f\xd0\xa0r+\xfawB\xf7\x99\x17;O9\xcd&gt;_\x93\x0e5\xa3\x05.r:\xd4\xc2\x89W\x18\x93?G\xbb\xf6\xce\xdc\xeb\x0e\x88\xcc\x99\xc1W\xed\xf2;\xe0\xef\x88\x00\x06,\xaa\xed=\xef\x1a"\xb6\x18\xbe\x9fs\x83\x19\x12\xe2\x9508*w\xa6\xba\xcd(\xddD\xcb=\x1b\xf9\x10\xd13~\xb0\x8al\x11\x92\xdce\xa5^\xa5&lt;\x157Z\xf60S\xb7\x01:t(\x8f\x95\xdc\xb3\x8e&lt;\xb6\xbc\xe1\xaa\xa2%h\xcbd\x00\xa8X\xbb/87\x06\xf0\x06\xf0PXgz\xf7u\xa8LRa\xf0U\xb5\xab\x9b^\x0c@\x05\x95\xb6XZ\x18\xb4\xf4."\xca\xcdI\x10\xbe\xf0\xe87\xb3\xaa\x1dUg\x13\x00\x00\xe8b=U\x02/\xc9\xa0r\x06\xef6\xae\xd2\x8e\x8f\x9aK;U\xc0\x96\xe9\x0e\xab\x0e\x88k\xbfX\xe9\x94}\xa4:}\xf4\xf8\x85\xba\xf7\x15K\x8e\xe4\xd6\x7f\xd1\xad\xbb\xffb\xcb\x91\x07\xe4\xd7V9e\x04qm\xde\xf0}\xb2g;N:\x89\x88\xb5[\xcf\'\xbb\xb4\x86yH\'\x80\x1a\xe0\x91\x03\xe0\xc4\xfe\xf3\xb0!\x14&lt;\x9b\xab\xb6\xc5R\x81m\xfa\xff\x04\x1b\r.P.\x06\xca\xd5\x04\x00\x00\x93*\r\xc6\x89\x15\xd2\x93\xf9\xc5\xb5E\xecS\x87\x0e-\xa0\xdf\x82\x9b\rz\xac\x07\xb0\x06\x93\x04\x03\xbfV\xea6G\x15\xfc\x86x\xff\'\x87\x0eYjS\xe7\xb5\x06\xd3z\xadF\x1fBD\xd2nX\xac\x135x\x82\x88\x88\xd9\x83v\xca\xafq\xcdE\xc1\xb5m\xc7\x1e\x91=\x1b\xddb\xb6poX\n\xbf\x94\xae\xab\x10q\xfd\x15\xec\xb7\xf0\xa6\xd2\x9fK\xbb\x88\xe6w\x9f\x9fG\xac\xa6\xed|\xdb}\xd6%\x00\x88n1;\xa3\xc7\x06\x00\x00\xa3\xba\xbfI\xfe\xbe\xf6\x91\xdd\x85}\xb3\x8e\xb2\x89!\x0fu\xd2L</t>
        </is>
      </c>
      <c r="E72" t="inlineStr">
        <is>
          <t>&lt;class 'numpy.ndarray'&gt;</t>
        </is>
      </c>
    </row>
    <row r="73">
      <c r="A73" s="1" t="n">
        <v>71</v>
      </c>
      <c r="B73" t="inlineStr">
        <is>
          <t>steps_per_sec</t>
        </is>
      </c>
      <c r="C73" t="n">
        <v>1100</v>
      </c>
      <c r="D73" t="inlineStr">
        <is>
          <t>5.1677027</t>
        </is>
      </c>
      <c r="E73" t="inlineStr">
        <is>
          <t>&lt;class 'numpy.ndarray'&gt;</t>
        </is>
      </c>
    </row>
    <row r="74">
      <c r="A74" s="1" t="n">
        <v>72</v>
      </c>
      <c r="B74" t="inlineStr">
        <is>
          <t>Loss/localization_loss</t>
        </is>
      </c>
      <c r="C74" t="n">
        <v>1100</v>
      </c>
      <c r="D74" t="inlineStr">
        <is>
          <t>0.026228935</t>
        </is>
      </c>
      <c r="E74" t="inlineStr">
        <is>
          <t>&lt;class 'numpy.ndarray'&gt;</t>
        </is>
      </c>
    </row>
    <row r="75">
      <c r="A75" s="1" t="n">
        <v>73</v>
      </c>
      <c r="B75" t="inlineStr">
        <is>
          <t>Loss/classification_loss</t>
        </is>
      </c>
      <c r="C75" t="n">
        <v>1100</v>
      </c>
      <c r="D75" t="inlineStr">
        <is>
          <t>0.54063815</t>
        </is>
      </c>
      <c r="E75" t="inlineStr">
        <is>
          <t>&lt;class 'numpy.ndarray'&gt;</t>
        </is>
      </c>
    </row>
    <row r="76">
      <c r="A76" s="1" t="n">
        <v>74</v>
      </c>
      <c r="B76" t="inlineStr">
        <is>
          <t>Loss/regularization_loss</t>
        </is>
      </c>
      <c r="C76" t="n">
        <v>1100</v>
      </c>
      <c r="D76" t="inlineStr">
        <is>
          <t>0.030459365</t>
        </is>
      </c>
      <c r="E76" t="inlineStr">
        <is>
          <t>&lt;class 'numpy.ndarray'&gt;</t>
        </is>
      </c>
    </row>
    <row r="77">
      <c r="A77" s="1" t="n">
        <v>75</v>
      </c>
      <c r="B77" t="inlineStr">
        <is>
          <t>Loss/total_loss</t>
        </is>
      </c>
      <c r="C77" t="n">
        <v>1100</v>
      </c>
      <c r="D77" t="inlineStr">
        <is>
          <t>0.59732646</t>
        </is>
      </c>
      <c r="E77" t="inlineStr">
        <is>
          <t>&lt;class 'numpy.ndarray'&gt;</t>
        </is>
      </c>
    </row>
    <row r="78">
      <c r="A78" s="1" t="n">
        <v>76</v>
      </c>
      <c r="B78" t="inlineStr">
        <is>
          <t>learning_rate</t>
        </is>
      </c>
      <c r="C78" t="n">
        <v>1100</v>
      </c>
      <c r="D78" t="inlineStr">
        <is>
          <t>0.03576</t>
        </is>
      </c>
      <c r="E78" t="inlineStr">
        <is>
          <t>&lt;class 'numpy.ndarray'&gt;</t>
        </is>
      </c>
    </row>
    <row r="79">
      <c r="A79" s="1" t="n">
        <v>77</v>
      </c>
      <c r="B79" t="inlineStr">
        <is>
          <t>train_input_images</t>
        </is>
      </c>
      <c r="C79" t="n">
        <v>1100</v>
      </c>
      <c r="D79" t="inlineStr">
        <is>
          <t>[b'640' b'640'
 b'\x89PNG\r\n\x1a\n\x00\x00\x00\rIHDR\x00\x00\x02\x80\x00\x00\x02\x80\x08\x02\x00\x00\x00\x83\xaf^t\x00\x00 \x00IDATx\x9c\xec\x9de`\x13I\x1b\xc7\x9f\x1aU\xdaB\x15*\x14*\x94"-\xa5B\xd1R\xa4\x14w(\xee\xee\xee\xee\xee\xee\xee\xee\xee\xfe\xe2\xeepp\xc0\x1d\xdc\x01\x07w\x87\x1c\xcf\xfba\x9b4M#\xeb\xb3I\xe6\xf7\x01\xd2\xec\xec\xcc?\xc9\xee\x8e=\x02\xa0H\xfa.\xbcq\xe4\x05\xea&lt;\xd4u\xe6\xc5\x80R\xfdd\xd6C\xa1P(\x14\xc3,;\xfd\xe3\xc2\x9f\xba\x9f\xdb\x14S\xa2\xe3\x943\x1fQ\xf7\x0f\xe9\x19\xd7\x15\xf5\x1c\xa2P(\x14\x8a\xa4 \xe2\xf8\xcd/\xf5\x1dBD\x80\xdc2K\xa2H\x81\xb5\xfeC1b\xd4o/F%\x14\n\x85b9\xb8\xa8z\xd9Ld)\x8d*dWE\xa1P(\x14\x8a\x84\x04\x90\x16\x00\x00NL\x17{\xe0\x89V/[@\xdd\xfb\xd6\xe8\xb9\x89\x8c4q\xf1\xaaJZ\x01\x85B\xa1P\x14\xc0\x80%\xb7\x11\x11\xc0\x91\xb4\x10\xd07\xcd5\xb3\xe9o\xebq\xc7IK\xa0P(\x14\xb6\xf8\x93\x16`\xe6(\xa4ocz\xd9\xff2\x89yi^\x1d0\x85B1\x0f,\xc4\xda \xa4`\xf5q\xae\x91\xedI\xcb\xa0\xa4\xd3a\xca\x19\xd1\xeb\\}\x1e\x11\x11\xfcjk\x1f\xc8Q\x0b\x11\x01\x9cEo\x91"\n\xf9}\x13z\x92\xd6@\xa1P\xb8\xe2\xce\xb2\xdc\x0bDD&lt;\xfc\x9c\xce\x81\xe4\xc0&gt;_\x0b\xea\x90I\xa1P(\xe6\xccs\xc4\x1b\xff\xb2\xeaS\xe7\x1c\xfcD\x17!)\x14\nE\x07CV\xdc\x07\xef\xea\xa4UX,\xb6\xec\xa7\x92\x8a\xe2\xce\x0f\x0e}j\\\xea\x0cI\xc5P(\x14\n\x85\xc2\x8d\x92\xcd\xe7\x9b\xea\xd4\xd05\x99\xb4\x02\x8a\n\xa7\xb2\x00\x0e\xa4EP(\x16J&gt;\xd2\x02(\xfc1\xd5\x0e\x98\xa2\x18\x10\xf11\xbd\x8a("\x11OZ\x80\x89Q\xad\xc7\x86\xd9\x07&gt;\x92VA\xa1h\x10P\x97\xb4\x02\x0b\xe2\xd8K\x8cW\xe8"\xbf\x8b\xf8UZ\x17\x17\xbfN\x8aE\x90\xa3fB\xa3Y\xa2\xd7\xdao\xd1M:\x8b\xa2(\n\xc7\x88\x96\xa5Z, \xad\x82\xc2`\x03\x10AZ\x83X\x14\xf5I\xe8AZ\x03\x85\xa2A\xa9\xe6\x0b\x06-\xbbKZ\x05\x85\x92\x81\xe4\x8e+\xe9\xc6$E\x02\x9cH\x0b\xa0P(\x14e\x13\\n\xc8\x8d\x7fq\xdde|\x88(\xf5\xb2\xe1\xda\x8b\xb8\xe4\xe4WI\x9b\x10\x1d\xef\xa2\xddY\x96,Pm\\\xf9\xf6\xcb%\x94B\xa1P(\x14\xb3!\xba\xee\x14u\x10\xe0\x8f\x88\xc5\x9a\xcc\x91\xba\xc5c\xaf\xccv\x17F\xfdM\xee\xbe\x8fAI\x83H\xcb\xa1P(\x14\x8a\xa2)\xca\xf4\x19\xaf\x11\xdd\xa2:\x90\x16\xa3\\\xdaL8\xc1\xa6\xd8\x91_\xf0\x99:\xa8r\x8eZR\xab\xa2\x18$\x12\xec\x13Ik\xa0P(\x14\x03\xf8\xd5\x99\xba\xf3\xb7A\xcb\xee\x82C\x19\xd2R\x14JT\xad\x89\x88h\x17\xd6\x8ce\xf9\xc9;\xde\xd2\x98b\xc4\x99s\xe0#"f\xc9\xdb\x9c\xb4\x10\n\x85"\x1d9j\x02\x14%-B(N\xf9[C\xeeT\xd2*\x14\n\xd3\x9bf-\xd4\x8eey\x8d\x0e8\x87\xa4\xc2\x88\xb0\xee\xb2i\x0c,\x0e=CD\\|\xc2\xc4l\x0e(\x14\n\x85\x92\x0e\x8f\xe9,sJH\xf9\xa1\x12I"\x08"\xb2\xb4p\x0e(\xdd\x9f\xac\x93[\xbbI\xa7\x08\xb6.\x0f\xb6\xa4\x05P(\x14\x8a\x84\xf4[t\x13\xa0 \xa7S\xf6&lt;\xa0K\xd0\xb0\xf8\xc4WD\x04\x88\xe1~j~\xf1\xd5\xe8\xc2\xb9`\x1by\x1a\xa2\xe8GQ\x11[\xac\x8ai\xfca\x86\xebW\x14\n\xc5bp9\xfa\x0b\xbfQ\x88\xa3\xc8B(\xc49\xf8\x14\x111O\xb9\xc1\x99\x8e\xb0\xceA\xed]MTE\xdaD\xd7\x99\x82\x88\xaf,~\xe0L\xa1\x98\r\xae\x91\xedIK0\x805i\x01\xe4\xf0\xa1\x99\xe5\xe4\xc6O\xa0ib\xdf\x057DT\x93\x99"*\xa7LI[\xa1\x88\x88[a\xea\xbaC1\xc4\x96\x1b\xd8w\xc1u\xd2*\x0c`GZ\x00\x01j\xf6\xdel\xec1\x1b\x02Y+\xc8\xa4F\x99l\xba\x86\xff\xfbK\xfc\xae\xc8\x12\xb6\xe5)\x14c\xb0^\xf5\xa1d\xc2;\xbe;\xfb\xc2\x88\xf8\x94\x0e\xa99\xc2q\x12bw\xe7\x07r\x9a\xcd\x1b\x9d\xe70\x16\xd4\x16\x9d\xbf\x8e\xf9\x8eB\x93\x87\x91\x16"\x0c\x87D\xd2\n(\x16\xc1\xf0U\x8f\x00lH\xab\xa0h\xd3t\xc4\x01D,\xddr\xa1\x1c\x8d\xd9\x96\x94\xa3\x15\tq\x9c\xb2\xe3m\x89\xa6\xf3^s\xe9\x80mC\x9b"\xa2mhS\xf6\xa7 \xe2g\x83M\x84T\x18z\xf0\xa9e\x0f\x9b\x98\x0e8O\xb9!\xa4\x85P(&amp;\xc0\xd6\x9b\x18^i$i\x15\x96\x8ac\x92\x81\x83\xfb\x1ec\xc3!{d\xd3\xa2\x10J6\x9f\xcf\xf5\x94O\xea b\x1cAD\x8e\tEl\x01\ns\xc9\xa8\xabw\xc5(\x0f\x97VM\x8cB5&amp;\x90\x96@\xa1\x98\x06\xa9\x83\xf7\xe4)\x9b\xd9\xc0\x90"\x07\x88\x08\x90\x93\xb4\ne1j\xddSn\'\xe4n\x88|;`~\xf9\x8c\x9d\xf2\xb7\xae7`\x07\x8f\x13)\x14\x8a)\xd1{\xdeU\x00_\xe9\xdb\x91\xa1\t\x8a\xd9\x11\x94\x1a\x944\x10\x11\xc9\xa6r\xdar\x03\x99\x19\xb0\x0c\x19AT\x84\x02d\x91\xab-s&amp;k\xc1\xea\xe3Hk\xa0P\x0c\xc3v\x89,4y\xb8\xbeC\x0b\x8e\xfe-\x8e\x16\x8a\xdc\x84\x91\x16`\x84\xd9\x07&gt;\xb2\x8f\xb5\xc9\x17\xef6\xe3\x8f\xeb9\xe4\xaa\x9a\xfb\xbaJ\xac\x81"&gt;q\x88\xc8o\x15\x82B1\x19r\xd6F\xc4\xf7\xd4\xa4\xd6\xf4(p\xf3+\x16\xac1\x9e\xb4\x0c\xc2\x0cY~\x0f\x11\xe7\x1e\xfc\x94\xf9P\xf1&amp;s\x99\x0ex\xfa\x9e\xf7\xf2\x0b3aJq\xdfi\x97\x82\xfe\x8bo\xd9\x844!\xad\x82B\x91\x8e\xd8\x98\xfa\xd3\x10\xf1&gt;\xed\x80M\x90\x1b\xff"]\xa53D\xf6\xcaW?#"\x96h:W\xfd\x9eW|7\x82\x8aL\x85l\x00\xee\xa45P(fN\xdf\x857\xae~Aj3b\xa2\x84TPnV\x06\xd7\xa8\xf6\x01\xa5\xfa\x91V\x91\t\xbbR4$\x91I\x10EZ\x00\x85"9Ae\x06v\x9cz\x16 \x96\xb4\x10\x8a\xb9\x91%\xbc\xf9\xc8\xb5O\xa2\xebN\x11\xa7:\x8f*\xe2\xd4\x03\xb0\xe2\xecO\xf5\xeb\xecE:\x8bU\xad\x99aE\xb8}\xebb\xe0%m\x88f\n\x854!\x9e\xb1]\x83\x92\x06\x91\x96A\xa1h\xe1%O4VD\xac\xd0a\x85\x0c\r\x99\x18\x11U\xc6Hc\x99\xe9\xc9\xa50\x8ftW\x9cH\x90\xb8~\n\xc5\x10;\xefb\xdb\x89\'c\xebO#-\x84B\xd1\xa6\xeb\xcc\x8b\x00Y\xa5o\x87\xb7u\xb4\xb7\x98*\x94F\xb9v\xcb\x1010\xb1?\xb7\xd3\x0c\x06\x8e\x01\x872{\x1f\xa2s\x81\xd6\\j\x8c/\xd1tnB\xe3\xd9^\xf1\xdd\xf2U\x1e\x9d\xd0h\x167=\x06A\xc4\xd4\xc1\x12\x05\xb2\xe14\xce\xa0X\x12\x1a\xb1\xe0\x11\xb1\xd5\xd8\xa3\xe6\x1du\xc7t)\xdbv)i\t\x14\xddT\xec\xb4\n\x11!{%\xd2B$$\xfe\xc0\x13\xe4\xbe5\x15i\xf8\xf0\xb8\xcd/\x8b\xd4\x9d\xca\xa1&gt;\xbf:\xea(*/\x11\x11\xf1\xe6W\xd16\xf0\xdd\xa2:\xd8\x86R\x13k\x8a\x9c\x04\x9c\xfd\x1d[\x8c&gt;\xc2\xfca\x17\xd6\x14 \x17YA\x14\x82T\xeb\xb1!c\xa6p#0OB\xbf\x12}\xa4\x93d\x1aX\x82%W|\xeaLn\'8\x941^\xc6\xbe4\xd7&lt;YeZ/f.\xbbI\xdb\xdf&lt;GD\xc4\xbd\x0f\xcd\xfd\xab\xa7\x981~\xb59/,Q\xcc\x943\xbf\xe3\xae{\x1c\x9ef\x02b:\x9a\x15\x85kO\xfa\xc5\xe2\xbf\x04-"o~E\x87|-\xa5\xaa&gt;\xb0\x1e@\x10\x80?\xbd\xfe(\x14\x8a\xf9\x90\xb36@\x0e\xb6\x85\x1d\x12\x11\xf1/\x8b\x7f\x00V\xef\xb9\t\x11s\x14\xefEZ\x88\x82\x08Uu\x8d\x85\xa4o\xcb\xc8B\xb7e \x83}\x04\x85B\xa1(\x0e\xaf\xb8n\x88\x08\xbe5H\x0b\x91\x8a\x02Vy\x1aq&lt;\xc5\x81.\x8fP(\x14\nEr\x9c\xcb\x9asG\x83\x88KO~\xe3zV\xcf\xb9Wh\x07L\xb1\x00\xf2\x8bS\x8dO\rq\xea\xa1P$\xc5\xba\xf8\x90\xe5\xf7I\x8b\xb0 \x9c\x05\xf4\xa3\xee\x1e1]L\xcdC\x8b.hS\xb8\xc23?\xa0cD+\xc8\x9d\n\x00q\rf\x8c\xd9\xf0\x1c\x00\xc0\xa5\xbc\x88\xb2(\x14)\xa8?p\'i\t\x96D\xafyW\x0f&lt;\xa1\x13Y\n\x05\x00\x8a\x80\x7f]\xb1\x02\xc3\xb9F\xb6g^\xa8\xc7\xb8\'~\xa57\x1a\x85B\xa1P(:\xf0\x02\xb0\x15\xbd\xd2\xe5g~\\\xfa@\xbb^\n\x85"\x07YH\x0bP\x18l|\xa6Y\x11\x17\x9a&lt;\x1c\xc0G\xa4\xda(\x14\n\x85B\xa1\xb0"\xe7\x80%\xb7g\xed\xff@Z\x06EY \xe2\x13\x83f\x1c\x88X\xb5\xdbz\xd9\xf4P\xd8\x91\x8f\xb4\x00\n\x85\xc2\x05\r\xef\xaf \xd2Z(\x8a \xaa\xd6D\xd5%\xe1\xa1\xaf\x0cuX05\xb8\x05\x10\xa4\x08\xc1\x9a\xb4\x00\x8a\xe9q\xec\xe5S\xd2\x12(\x8a k\xd6\xac\xbb\xee1/\xbf\xea+ceee%^\x86W\x8a\xf4|\'-\x80B!A\x83A\xbb\x00\xb2\x93V\xa1\x97^*\xf7k:\xa1\xa1P(\x14\x8a\xf9\xe0V\xb8\x83\xf2\xfb\xb6\x0f\xea\x0e8{e\xd2Z(\x14\n\x85B\xe1\x82up\xa3\xae3/\xea:\xe2\xe9\x9b\xd0s\xfbmEw\xc0\x00\x90\xdcq%\xb5\xe0\xe0N^1*\t\x16\xa3\x12\x8a\x88\xb8\x01\xe4&amp;\xad\x81B\xa1\xb0\xa6\xc5\xe8\xc37\xfeE\xffR}I\x0b\xa1P\xcc\x96\xa0\xa4\x81\xf2\xb4#K+\x14\n\x85\'\xce\x99\xdf\nL\xec\xdfb\xf4a\xf9\xa5P(\x14\x8a9\x13\x94JZ\x01Eq\xe8\xb2\xab\xca\xd5@v\x19\x143\xa4D\xd3y\xa4%P(\x14\x9eP7$\x19\xf8C\xc7{\xcfih\x02\x8a\x08\xbc{\xf7;i\t\x16\x07"\x02D\x90VA\xa1P(\x14\x8bFo\xfc\r3f\xc8\xf2\xfb\x00n\xa4UP(\x14\xe5\xd1f\xc2\tD\x04\xd7d\xd2B(\xe6\x8eMq\xc8V\x89eY\xeb\xe0F\x92j\xa1\x98)6\xa4\x05P\x14L\xbe\xca\xa3\x95\x96A\xba\xef\xc2\x1b\x88\xf8B\xd9\xfe\xc4\x14K\x83\xbc\x8f\xbb])\x92\xadS\xf8\xe1[\x93\xb4\x02\x8a\x829\xf3\x9b\xe1\xc7\x8aw\xd9\xb6K\xe5SC\xa1(\x15\xe2\x1d0"B\xd6\n\x04\x05P\xf8\x12GZ\x00E\xb9\x04\x03\xf8\xea?\x9a\xab\xe3\x943\xf2i\xa1P\x94J\xafyW\x11q\xfd\xff\x88\xf5\xc1\xcbN\xd1\x10\xc7\x14\x8a\xf9\x10I\x93\xe3\x02D\x92\x16@Q \x81\x99\xdf\xdau\x0f\x11q\xde\xa1\xbf\xe4W#6\x05H\x0b\xa0P(\x90\r&lt;\xab\x8a]g$@&gt;\x00\xdf\n\x1dV\x88]\xb3\xf8)\xc6b\xebO+\xd7n\x99\xe8\xd5RL\x8d\x10\x16e\xac\x11q\xd9\xe9\x1fMG\x1c\x90\\\x8e\xe4\xb8\x90\x16@\xa1\x98#eZ/&amp;\xac G\xad\x1dw\x91\xc9\xb1\n\x10JX\x8c1T\xbbz4\x16\xaeE\xc3r\x10\x86\x88\xa5\x9a\xcf\x07\x08\x93Z\x0f\x85\x13\x88\xd8m\xd6%\xd2*(\x14\xe2\xf8\xd6`\xd6\xeelB\x9a b\x81j\xe3H\x0b2\x02q\xb3\x1ai\xc8JZ\x00{l\xb9\x15\x0f"\x19|\xad\xff\xe2[9K\xf4!(\x80\xa2\x93\xe4\x8e+\x03J\xf7\'\xad\x82B!M\x96\xbc\xcd\xd3\x87\xa26%\x88ja\xc5\xa4m\xaf\xcd\xb1\x036!\xf2\x02x\xb2+\x19\x0b\xb9\x1b"\xe2\x9c\x03\x1f\x056y\xf8\x05\xef_\xdc&amp;4y\x98\xc0\xd6)\x00\x00\xe0MZ\x00\x85BQ\x02\xf6\x89\xa4\x15X2V,\xcb\x8d^\xffl\xfbmD\xc4\xef\x82\x07L\x9d\xa6\x9e\x15p\xb6\x97I\x8c,)\x14\n\x85\x1fEem\xcdKt34\x8a\xf8$\xb5^\xc2\xec\x17t\xa0Nq\x14\n\x85b\x12L\xde\xfe&amp;_\xe5\xd1\x06\n\x08_\xd2\xa4\xc8B4\xd3\x01\xbf\x94v\xcb\x80\x1aXQ(\x14\x8aH\x98\xa9\x99\x95\x05\xe2\xb4\xfc\xcc\x7f\x888z\xfd3\xe9\xdah7\xe9\x14\x04\xd6\x97\xae~\n\x05 \x90&gt;\x91(\xf2\x13\x02P\x90D\xbb\x8eN\xf9[\x93h\x97b\x80B\x1c\xcb\x17\x01\xd7\n\xe0\\n\xd9\xa9\xef;\xee X\x17\x93D\x14\x85"\x03\xd6\xc5i\x07L\x91\x9be\xa7\xbe#bd\xcd\t\xcdG\x1fFDpO!\xad\x88bzT\xec\xb4\xea\xca_\x08\xbe5g\xecy\x9f\xa3X/\xd2r(\x14\n\xc54\xb0\x1a\xb3\xe1y\x8f\xd9\x97G\xad{\x8a\x88+\xce\xfe$\xad\'\x8d\xbc)#\x11\xb1\xe9\x88\x03\xe0R\x8e\xb4\x16\nk\xac\x8bS\xf3u\n\'"\xaa\x18\xb2\x05\xa1P,\t\xd7dpVD\x87\xf7;\xa6CZ\x0b\x85B\x91\nz\x83S\xd8\xe2\x15\xd7\xcd\x94/\x17?\xd2\x02\xb8\x81\x88{\x1f!"\x82mI\xd2Z(\x14\n\x85!\'i\x01\x16\x0c"\xfa\x954\xd1\xb8w\x8a\x0cs\xe3P\x86E\xa1&lt;\x92\xcb\xa0P(\x14A\xd8L\xdd\xf9\x1bxT!-\x83b\xe2\x1cx*\xe7\xc2o\x80\xd1\x12\x85\xebL\x96A\x07\x85\r\xcdF\x1e"-\x81BQ$&gt;5T[fq\xa4\xa5\x98)\xae\x91\xed-!E\xcf\x85?\xd5\x9b\xaf\xf2D\xbf2\x12v\xf8\rb\xa3\xa1{eQB1\x02"J\x90+\x93b\xb9D\xd5\x9at\xfb\xbb\xe9\xee\xebe\x80yl.?\xf3\x1fi!\xe6L~\xd2\x02\xe4\xe0\x03\xe2c\xc4%\'\xbe\xa6t^-u[\xd3w\xbf3V$\xd2\xb9`\x1b\xa9eP\xd8p\xf9\x13\x02x\x90V\xa1P\x02\x13\x07\xf8\x97\xeaKZ\x85\xc9a&gt;\x110\x98\x0e\xf8\xd8K3\xf98\x14\xf2D\xd6\x9c\xe0W\x92&gt;SD\xc3d\r\x08(l\xc8!iD0\x8a\xf2\xf9\x05\xb1d\xf3\xf9\xa4UP\xcc\x8aH\x1e\xe7\xa8\x16\xb1Yf\xb53B\xea\x90=\xa2\xd4C\x1cD&lt;\xfe+\x1d S(\x14\nE2\x98\x0ex\xcc\x86\xe7\xa4\x85(\x90\xbc\xa4\x05\xf0\x85ZxR(\x14\x8aI\xf0\x8b\xb9l\xedP\x18*\xb4_a\tF\x88\x96\x81+@\x02i\r\x14\x8aep\x9f\xf6\x85&lt;\xc9GZ\x80,\x04\xa5f~\xaff\xef\xcd\x95\xba\xac\x91_\x0bE\x0e\\\xca\x93V@\xa1X\x0c\x88x\xd4\x1cl\xf3\xb2\xc8\xda\x9a_\x1dE\xc5\xc7\x96\x19D|K\xc7m\x14\nE(\xe4\xe3\x1b;\x92\x16`.xW\x07\xf0\x97\xad\xb5\x15g\xfeKj\xbdX\xb6\xe6\xa4\xc1\x8d\xdfi\x88\x98:x\xb7\xb8R(\x14\x8a\xe5\xe1\x98D\xb0\xf1\x0fi\xf6\xc0t\xc7\x85bR8\x97\xf3\x8c\xebFZ\x04\x85bV\x94m\xbb\x94\xb4\x04\x0b\x83\xb1\x07\xee5\xef*i!\x14)\x08%-@Jh\x1a\x0c\n\xc54\xb1&amp;-@)XYe\x07\x00WWW\xd2B(\xe2\xe3^\x98\xb01\xcb\xb1W\xf8C\xc7N\xad\xbd8\xb5\xff8%N=\xf2R\xb4\xd1,\xd2\x12(\x94\\\x006\xa45(\x95\xf2\xed\x97\x038\xc8\xd8`\xc0\x7f\x88\xec2\xffPL\x89,y\x9bI\xdf\x88aKl\xdfn\xb3.\x89\xdd\xa2W\xee\xb2\x83\xc4\xaeS&amp;r\x95\x19`6\xa1\r)\x14\x8a8L\xd8\xfa+}.\x88\x02"6\x94"0\x96M\t\xf6e}\x12z\xa8\x83|\xf9$\xf4\x14_L:Ef\xee\xfdC\xca\xfaua]\x0c\x11\xab\xf7\xdc(w\xbb\xa2`W\x8a\xdeh\x14e\x13\x97\xd8j\x11i\r\x96\x87*:#\x85/~u\xa2\xebN\x91\xe8k\xf4\x8a\xef\xce~\xe9r\xda\xae\xdf\x9b\x8fR\'\xe6\x0b\x16]\x8c&amp;\xf1\xa93\x8d\x15\xc9\xef\x1a\xd5^\x82\x96\xe9\x02\x1a\x85"\t\x88\x08\xb9\x1b\x92Vaa\x94k\xb7\x0c\x11\x01\xbcH\x0b1a\x92;\xae\x04\x00\x80\x02\x045\x04%\r\xfc\x88\xb8\xec\xf4\x0fyw1\xf4\xa2\x1a\x91\xe4\x94\xa0n\xc7\n\x1dV\xb4\x19\x7f\\\x82\x9a)\x14\x0b\xc6\xb1\x0c@\x18i\x11\x14\x92\xe4\x01\xc8i\x16\xb6rr\x0fh\x92Z/\x11\x9ejb\xfe\x91/b\xdd\x81\xa8B\x94\xda\xb4H\x1d\xbc\x07\x11\x1d\xf3\xb7bW\xdc\xa8\xcf\xb1\x93PA\x14\n\x85\x05f\xf0d7o\xdc|\x12\xea\xdb\x866"-C8\xbf\xcb\xdc\xde\x8b\x17i\x19&amp;\xb2\x15i\xc0\xbb\x92\xf6e\x93\xc4J\xack\xe5W\x07\x00$J\x82\x96%\x8b\x1d\x00&lt;\xbd\xb5\xb8\xef\xc2\x1b,\x8a\x87\x1b&gt;\x8c\xf8\xe5\xd2Gf\xa0P4_\xa5Q\x9a\x87\xaa\xf5\xd8@#_R(\x14\xcb\xc1\x9b\xb4\x00\x13\xc5u\xf2\xf67\x13\xb6\xbc\x1a\xb4\xec\xae{\xe1\x8e\xa4\xc5H\x8d\xfb\x9a\x8b\xb8\xe8\xf8\xbf]g^\x14^W\xfaL=k\xf9}\x8f2L\xd9\xc3+\x8d&lt;\xf5\x96ZHP(\x14\n\xc5 \xe5\xdb-?\xf4\x0c\x87\xaf~\xc4\xf4(3\xf7\xfdIZ\x91p\xe4H\x92\x98q\xa9&lt;\xf3"\x19\xcf\xa8\x99\x14\nE9\x18Y\x07\xa3P\x04S\xa4\xf3\xf4\xf3\xe0S#\xaa\xf6$Dl1\xfa0i=\x82\xb1).\xe0d\x7f\x95)\xb8\xf15\x95\x8eS\xce\x08h\x88B\xa1(\x9by\x87?\xd7\xee\xbb\x8d\xb4\n\n\xc5r\x88\xb9\xf5\r\x01\xb2\x93\x96A\xa1P\xc8\x93\x1d \x92\xb4\x06\n\xc5\x82\x08\xad0\x8c\xb4\x04\n\x85B\xa1P\xcc\x13\x1a\x97\x83B\xe1\x8eo\r\x80\xfc\xa4E\x98\x08\xa1\xc9\xc3\xa5\xab|\xc8\x8a\xfb\xb1\xf5\xa7KW?\x85B\xa1P\x14\xc5?4\x00"\x07\xb2W\x96\xac\xeal\xc2\xa37\x98\x10\xfd\x16\xde\xa4\x99/)\x990\xeb\xec\x8d\x14J&amp;j\xf6\xde\x8c\x88R\x07\xac\x95\x18\x97r\xa4\x15\x08\'f\xea\xce\xdf\x10\x11 J\xf6\xa6\x03eoQ\xe5p\x12\x94*\x7f\xd3\xa6\x8c\x15i\x01\x12\xf2\x00\x11\x11g\xecyOZ\x08E\xf9\x98\xd5\x9am\x95\xae\xeb\x9c\xf2\xb7\x06\x80\n\x1dV\x90\xd6\xa2\\r\xc9\xd1\x88_m\x00\x1f9\x1a2\x8e\xa3\xa4\xb5\xe7\xaf:\x96.\xbcp%[t\'\xfd\x07s\xcb\xa7C\x1a~EDDi\xf2FP\xcc\x0c\xc3)8\rPXL\x15\x143\xa3`\xf5\xf1\x00~\xa4U\x00\xb8UD\xc4\x9dw\xb1\xcb\xf4\xf3`\x95@Z\r\xc5bp\xabh\x95\xc7\x0c\xa2\x9fR\xa4\xa3(i\x01\x14ip\xc8\xd7\x92\xb4\x04\xa5\x10\x9f:\xe3\x0fDD\xbc\x8f8\xef\xd0_\x1e\xb1]H+\xa2\xc8\x82}"i\x05\xb0\xee2]\x17\xa1\xe8\xc3\xbd\xe5\x98#\xa45P(\x92\x13\x06\x10\r`\x0f\x10\x0e\x10\x03NeI\xeb\x91\x96\x1c\xc5z!b\xa5\xce\x96\x1e\xeb\x1f\x11![%\xc2"\x02\xeb\x13\x16@Q0\xae\x91t\x87\x82B1;\xa4L\x9aK\x02\x87D\x1e\'!\xe2\x8e;t\x02J\xa1P$\xc2\xb3*\xd8\x94 -B\xf1\xf8\xd7\r,\xdd\x9f\xb4\x08\xf91+\xd3J\x1e\xe4\xab&lt;\xfa-"K{\xae\xf9G\xbeH\xad\x87B\xc9H&gt;\x80\x18)\xeb\xb7\x95\xb2r\n\x80MH\x93\'\x88\xa5[,$-D\xd1\xf4\x9aw\x95\xda\xa3\x9a.\xf6\xe1\xcdehe\x969\xa4x\xa2\xc8\x0f\x7f+\xaa\xd8\x06\xd3\x11Q\xba\x812\xbb\x9c\xd6\x96J\xd7\x19\x17\x11Q\xb8A\xd0\xa6kx\xf0)]g3B\xd7\x99\x17\xc1\xd9\x0c\xbc\xab\xa5B\xc9\xa3\x13D\xec4\xf5\x9c\xb8u\xee\xbe\x8f\x92\x86\x81\xa3P\xd8P\xb1\xd3*\xb0/-I\xd5\x0e\x89\x0f\xa8c\xa4\x01&gt;"fL\x17\xca\x9f\xb2mh\x0c&amp;\x8a \xee\xfc\xc0\xb0\x8a\xc3\xc9j\xb0\x0en\xac\xf3\xfd\xe3\xaf\xb0\xe7\xdc+b\xb7\x16I\x17\xe8(\xb2S\x10 @\xb6\xc6\xc6lxn\x13\xd2$\xd3\xdb\xde\x88\x98\xa3x/\xd9d(\x97W\x88\xeb\xffG\x07)\x14\n\x80S\xd9"u\xa7\x92\x16A\xa1H\x8d\xbf\x9c\x8d%4\x9a5t\xe5\x03\xc8\x92a\x92\xddr\xecQ95\xc8\x8b\x84\xd1\x95)\x14\xb3%\xbc\xd2HpL"\xadBV6]C\x00{\xd2*(\x02Qt$\r\xbb\xbc\xcd\x10\xf1\x13"\x80\x17i-r\x90m\xe2\xb6\xd7f\xeffJ1\x0b\xfc \xa0\x1ei\rZ\xf8\x92\x16 /\xb9\x1a\x90V@\xd1\x85O\r\xf6ec\xeaM\xe58\x8a\xd27\x03\x96\xea\xe2\xff\x13\x11\x11\xf7&gt;\x94y\xa9\xd5\xc2\xeees\xc7"\x86o\x14\x0b\x80\xa6\x196+\xdc\xa2:\x9c}\x87\x00a,\xcb\x97m\xbb\x14\xc0M\xfb]\x8f*b\xd9\x03\xe9\xe4\xd2\x07\\`\xee^v\xd6\xa4\x05\x987\xbf\x93\x16`\x14\'\xd2\x02\x14B\x0e\xd2\x02\x14\x8e\xb9\x84F\xa1\x00\x00\xc0\xc7k\xa7\xed\xb3@\xc5NCX\x96\xb7\xb5\xb5\xcd\xdc[\xc7\x95/\xcf\xbc@Dp\x16\x7f\x015\xd6\xdd\xaa]Yg\xd1\xab\xa5\x00\x80\x03i\x01\x14\x00\x00\xc8%i\xc4\xc1\x82RV\xaeF\xd2\x98\x00\x14\x8a\xc9\xb0\xfa\x02\xeb\xc9\xa8U1D\xf4/\xd5OX\x83\x91*\x9f\x18Lh4KXU\x141q5x4b\xcdEjD\xcd\x89h\xd2\x02(\x14\x8a\xd2A\xc4\xbfY-\x08\x17dz\xcd\xe5g\xfe\x13\xde""&gt;B\xec=\xff\x1a\x93L\x97\xc2\x9b@\xbf\x12}4\xff\x9e\xb4\xfdM\xee\xb2\x83$h\xa7&gt;"\x1a\xeb\xa4M\t\xe7\x02\xadk\xf5\xd9JZ\x85&gt;,r\x97!(\x95l\xfb\xa3\xd7?CD\x80"deP,\x0c6[\xf5\x05\xae~QO\\\x85N\x84\x12\x1a\xcdF\xc4\x07\x88+\xcf\xa1G\x0cM\xd7&amp;*\x83\x97\xdd= U\xb0*ssc\xb8\xf7\x13\x01\\H\xab\xc8\x88uq\x000\xa7\x81\x0e{\x1a\x0e\xd9CjM\xacD\xd3y\x00Q\x00\xf0\x00\x91.]P2AvL\x96%\xa1\xf1lu\xef\x9b:x\xb7\x08U\xda\x95\xf2\x8c\xed*0\xe6\x8cg\\\xd7\xb7\x88^q\xddD\xd0c^\xe41r\xdc\xb3\xaau0\xcd\xddMQ\n\xf3\x0f\x7f\x06\xf0\x04\xdb\x92D&amp;\xc1\xe5\xda.C\xc4\xa6#\x0e\xca\xdf\xb4a\xfeB$\xbe*@Q\x02\xae\x91\xed\xd5\x1dp\xcd\xde\x9b\r\x94\x0c\xaf4\xaan\xff\xedr\xe9\x8a\xf8\xdf_\xe6\xbc/\xb9\xf2\x9c9\x7f:\x11q\xd2am/\x05\x0eeTNJ\x968C\x95\x8e\xc6\xc3\xf6\x11l\xbd\xf7\xfck\x88\xb8\xeb\x9e\xe2n6I\xddE(\xa6\xc5\xdc\x83\x9f\xfeA\x9cs\xf0\x93\xb1\x82\xf6ySF\xca!\xc8\x02\xa0w\x9f\xd2\x08\x07\xf0 \xad\x81":a\x88\xd8q\xeaY\xd22\xb4\xa9\xd4yM\xfd\x81;I\xab\xa0\xb0\xc6\xc2\xc2\xab\x99?\x0eeH+\x00\x88\xae3Y\xa6\xf9%E \xd6\xc5\xa9{\x0fO\xb2V \xad\x80B\xa1\x98\x08\xddg_~\x8d\x08~\xb5eh\xab\xe7\xdc+o\xe8L\xdcD\xb8\xfd\x1d\xe9\x02\x14\x85B\xa1H\x08\xb394\xf7\xd0_2\xb5\xe7T\x96\xe6S3\x15\xf2W\x1d+]\xdamy\xa8\xd6c\x03i\t\xe4q\xca\xdfZ+\xb1\x0c\x05\xc0\x91\xb4\x00\x0b\xc31)\xa0t\x7f\xd2"\x14\x89s\xc16\xa4%P(\xe2\x126\xff\xf0g\x00\xc8\x1a\xd9\x0e\xc0\x8a\xb4\x18\x8a\x02q\x929\xc5\x1e\x17r\x93\x16 &gt;\xd4\x0c\x90bB\xe4\xd5\xf5&amp;\x8d\xdbLQ\x18\xde\xd5H+\x10\x827i\x01\xba\xb9\xf8\x01\x0bT\x1bKZ\x85\xc8\xa4u\xc0\xbe5I\x0b\x91\x8a\x86C\xf7\x92\x96@\x11\x1f\xba\\\xaf\x10\x82I\x0bP&amp;4\xd2\x08\x85\x15L\x07l\x17\xd6\x94\xb4\x10e\xa1\x15\xba\xcc\x03\xe0\x1f2B(\xba\xf9IZ\x00\x85\xe1O\xd2\x02\x94\xc9k\xd2\x02(\xa6\xc1\x13\xebb\xaf\xbfz\xed\x9aA\xa3\xc1d\xe4\xe6W,\xd1t\x1e\x80/\x80\x0b\x00\xcd\xfdD\xa1X.\x89\xad\x16q(\x9d\xc3l\x97\x13)\xd2\xe0NZ\x80\x12\x89\x9b{\xf0SJ\xa7\xd5=f_\x06\x08$-\x86B\xd1\x85_\x1d\xd2\n,\x82Z}\xb6\xb0/\xdcm\xe6E\xe9\x94P(\x16\x86C\x19\x00?\xd2"(\x14\nA\xd8\xa4\xd3\xa1P(\n\xc7\xbf\x0e\xb8\xa7\xe8?\xec#\x9f\x12\n\x85;\x95\xbb\xac%-\x81\x08\x85H\x0b\xa0P(\x82\xf1)\xda\xc3\xadp\x07\xd2*L\x14\xfa\x10d\x87[\xc5\xfa\x03w\xb5\x1ewL\x92\xca\xcd\xd7_\x82\x92\x11\xeb\x12M\xe7\x91\xd6\xa04\xe4\xdb\x8b$\x9b=\x85B\xa1\xf0d\xfbmuRq;\xf1j\x8d\x03\xc8j\xbc\x94gUAm\xa4\xce\x10r:EL\x02\xeb_\xfbB\x03Dh\x92m\xc8\x8a\xfb\xa3\xd7?\x93\xa7\xb1\xea=76\x1e\xbe\x1f\xac\x8a\xc9\xd3\x9c\x04\x98\xa0\xe5rt\xdd)\x00\xf1\xa4U\x18\xc3\xb5Bp\xf9\xa1\xa4EP\x0c\xd1m\xe6\xc5^\xc22\x81\x13A\x9cD\xe8\x1418\xf4\x0c\x11\xb1B\xfb\x15\xa4\x85(\x06\xebb\x17\xfe@D\xac\xd0A\xce\xef$\xc6.\xac\x99\x8c\xcdY2~\xb5\xdf#^\xfa\xc8\x8c:\xad\x00B\t\xeb\xd1C\x85\x0e+j\xf7\xddJZ\x05\x85B\x91\x90\xa8Z\x13\x11q\xdfc:\t\xce\xc0\x07\xc4\xc2\xb5\'\xc9\xd9b\x81jcE]\xca27\xfc\x01\xc2\xc4\xaa+w\xd9A\x009\xc5\xaa\x8dB\x11\x80\x17@8i\r\x14\x92\xd4\xed\xbf}\xc6\xde?\xa8\xed\x05q\xdc\xa2:\xac\xbdDGB\x14\x8a\x05\x11\\\xab\xcf\x16\x93\xdc\xc8\xa1\x88D\xc3!{N\xfc\x8a\xfb\x1e\xd1G?i\x82R\xdf\xd1\x84\r\x99\xc9\x1e\xd3\x99M\xb1\x91k\x9f\x00d\x91Z\x0c\x85B\x91\x93V\x12\xd9\x99\xeb\xc4\xa1\x0c@\xac|\xcd\xa5\x91k\xec\xa6_\xf6&gt;\xa4\x8f~\x8a\xdcX\xb3)\x84?\xd1x\x86,\xa7\xa4\xe7\xcf\x9f\x83}\x82\x08\xa2(\x14\x8ab\x08\n\n\x92\xcd@\xc6\'*\xca7\xa1\xa4&lt;mi\xf0|`\xdd\x80J\xa1\x0e\xb2\xb7KQ E\x94\x9d+\xdaV\xfe\xdb\x83B\xa1P\xa0\xd9\xc8\x83\xd4\x80\x9cB\xa1P(\x14\xb9Is\xfbv(CZ\x08\x85\x03\xddf]"-\x81B\xa1P(\xc28\xf0\x04\x11\xb1\xde\x80\x1d\xa4\x85P8\xa0\x8a\x96C\xa1P(\x14\x13&amp;\xe7#\xc4#/\x10\xb2V \xad\x84\xc2\x16\xda\x01S(\x14\x8a9\xd0g\xc1uD\x04\xc7$\xd2B\xcc\x84\xa6#\x0e$\xb6\xe4\x92\x04\x9a;\x88\x08\x01u%m\xc2\xcc\xa0&gt;\x91\x143\xc5-\x99\xb4\x02\x8aP\xc6o~IZ\x02\x85B\xa1P8cQA\xaf\xc2\xed\xc3[\x90\xd6@\xa1P\x08\x10@Z\x001\x06/\xbfW\xae\xdd2\xd2*,\x8d8\xd2\x02\x14G\xdb\t\'\xfa-\xbaIZ\x05\x85B\x91\x9d\xed\xb7\x89\xee\xba\xdb\x95\x9cw\xe8/\xf1\xab\rJ\x9d\xb4\xed\xb5\xd1R\r\x87\xecYu\xce\x1c\x8c\x0e\x9c\n\xb4&amp;-\x81\rY\x00\xf2$w\\9t\xe5\x03\xd2J\x94\xc5{\xc4\xff\xf8\x19\xbfP_\x7f\n\x85\xc2\x1b\xb7\xa8\x0e\x88\x08\x90]\xdcj\x19\x03\x90\xea=6\x8a[\xadr\xf0M\xe8\xe9\x11\xdb\x85\xb4\n\xde(9~\x8d`r\xd4\xe2|\x8aG\xe5\xdd\xf7\x11\xc0[\x025\x14\n\x85,\x1eUH+0DB\xa3Y\xa2\xd7\xf9oZ\x02x\xbc\xfc\t\xcf\xbd\xc3\xcb\x9f\x10\x9c\xca\x8a\xde\n9\xdc\\\n\xb6\x05\xb0!-\x83\xa2\x83\xc6\xc3\xf7\x0fX|\x8b\xb4\n\n\x85\xa2\x14,.\x9f\xe0\xdaK\xa8\x05\r\xcaC\x11N\xb1\xc6s\xa2\xebL1V*\xa2N\xbfmr\xa8\xd1M\x01rMS(\x14\n\x83c\xd2\xdcC\x7f1\xbd\xef\xa97(\x85U\xadmh\x13\x80`\xd1\xab\xa5(\x15gD\xfc\xdb\xd8fm\xa9\xe6\x0b\xaat[\'\x8f \n\x85\xc2\x17?\xd2\x02\xcc\x9c,!\x15\x862\x1d\xb0}&gt;I|&lt;\xd2\xe6\xd6\xae\xfa&lt;V\xa3\x01|\xa4h\x97B\x06\x872\x88h\x1d\xdcH\xebm\xdb\xd0\xa6\x9a\x7fv\x9e~\x9e\x86\x13\xa2P\x14H\xad&gt;[\x9e"j\xdd\xb0\x14\xa1x\xc7w\xcf\xfcf\xb9v\xcb\x10\xf1\x15bT\xedIR5\xec\x94\x84\x88g\xdf\xe9|\xdaZ\xb7\x1ewl\xf2\x8e\xb7U\xba\xad\xa3\xab\x82J\xc5\x8b\xf3\x19y\x1a2\xff\xe7,\xde\x1br\xd5g^\xcf&gt;\xf0QDM\x14\nE"\x98)\x93s\x816\xa4\x85\x98\x13\xf6\x89\x88\x98\xbf\xeaX\xed\xf7\x1d\xca0_\xb7\x9e\x0eR,r\x00\xc4h\xbf\xe7\x9e\x02\x90\x00\x10\x1cRaX\x99\xd6\x8b\xc1\xa6\x84\x94\x02L\x02\x05\xae\xf68\xf2\xbe\x15\x03J\xf7SE\xcd\xb5\xcdUf "\x02\x14\xd5W\xf8\xf8\xaf,\x8d\xfc\xfd\x16\x1f\xff\x17\x82\x1a\xf0\xd0C19\xb2\x847\'-\xc1\x12\xa1\xc1\xae%\xa1\xfe\xc0]:-\xbd\xd3-\xb0d\xc6\xa9,@\x84\xdc\x8d*\x98\xfcU\xc7\x90\x96\xa0\x83\xa9\xbb~\xaf\xde\x93\x8f\xa3\xda\xd9wi\xd7U\xc1\xea\xe3\xac\xf242|\x81]\xfa\x88\xee\x85;\x1a\xad\xd36\xb4\t}:X\x0e\xa9\x83\xf7\x90\x96`\x89\xb8\x14jK\xa7\xbfR\x90\r\xc0C\xe7\x01\xfaP3\x82\xa3\x1c\xc6\xe1s\x0f~\x92\xa1\x15\x81\xa4t^}\xe0\t\xabK%\xb1\xd5\xa2So1\xb8\xfc\x10\xb1%\x98\xaa\xc5\xc0\x94\x1do\x0f&gt;C\x800\xd2B\xc8b\xc7\xa5p\xa4T*(\x14\xd9\xc9]X\xba\x8d^\xf3\xc7Z\xf2\x16\x9c\xcb\xf1;o\xe4\xda\'3\xf7\xfe!\xae\x16} \xe2\xfa\xcb\x19:\xe0\rW\xd03\xae\xab\x9e\xe2Ye\x90d* \xe2W:\xcc\xa5P,\x95\x1c\xe0/&lt;\x8bV\x16\x11\x84\xb0\xc6!_K9\x9b\xd3\x8fmf\xb3^\xe5\xd0t\xc4\x01\xd9\x160\x10\xf1\x17D\x8d\x0cc.\x88x\xe7\x07\x9ay\xdc.\x8aY\xc1,B\xe8\xb5H\xa00\xa8VF\x83H\x0b!\x83\xac]\x9d\x0c\xb8Gw\xf4\x8a\xef\xc6\xe9\x94\xfei\xc1\xf7\x1d\x00\xec\xa5\x90\xa4A\x94\xe1\xc3\t\x8df\x01\xb8K\xac\xc1\x04\xd8\xfb\x10C\x93\x87i\xbc\x11\x81\x88{\x1e @Ab\x9a(\x14\xd6\x94k\xb7\x0c\xa0\x08\x00\xd4\xec\xbdY\xcevMq\x9b\x8f\xd1\x1c\x98\xd8\x9f\xb4\x10\x93\'X\xf48\xd2\xfc`~\xd1\xec1\x9dY\x96o0h7@\x0eI%1l\xbbeb\xf7\x069\\4\xff\xd8~\x1b\x11q\xed%\x9c\xb2\xf37R\x82(\x14\xf6L\xda\xf6\xda5\xaa\xbd\xfc\xed\x9ab\x07\x0cP\xb8j\xf7\xf5\x85j\x8c\xe7_A\xe9\x96\x0bi\x07\xae\x1c\x88Y\\\x8bH\xae\x06`\xa7\xac\xec:\xf9*\x8fB\xc4\x12M\xe7\xc9\xdft\x868\xa6\x14\x8a0r\x95\x19\x80\x88\xa7\xdfJx-%w\\I(\xec\xbf\xfd\xa2c\xff\x00D\x93h\x9a\x1c\xcc\xa3\xa1\xe1\xd0\xbd\xfa\x8b\xf85\x19\xbe_&gt;A\x96Mb\xabE\xcc/\x92%os\xd2Zx\xc3\xc9\x8c\x13\x00`\xce\x81\x8f\x92\x9a#1{\xc0\x92t\x81\x1e\x95\r\x1f\x8fk0\x83i\xba\xcb\xf4\x0b\xe2\xb7N\xb10\x06-\xbb\x8b\x88F\xaf:\xd6\xc8\xb1xF1\xc4\xed\xef\x88\x88\x0f\r&gt;\x9b\x9a\x8d&lt;\x04\xbe5e\x93$"Q\xb5&amp;\xee}\x88\xe37\xbf\x04\xf7\x14\x96\xa7\xf8\x95\xec\x03\xb9\x1b\x02\xe4\x91T\x98\x01\\\n\xb5\xad\xd5g\x0b\xa9\xd6\xa5\xc1V\xa42&lt;\xa9\xd0~\x05\xd3\x0b\xc66\x98.j\xc5\x85?"&amp;\xb5^"j\x9d\x0c\x0e4G/E\x07Y\xcb\xebs\x95\xa4\x98$\x9eq]\x11\xf1\x85I\xaf\x8f\x05\xd4c\xac\x062\xb3\xffq\xda\xea_\xed\xbe[YV6\xff\xf0g\xfb\xf0\x16\xe0\x98\xc4EA\x1e\x00\xb7\x88*\xa3\x01\x1c\x0c\x97\xab\xd9{s\xc1\xea\xe3\xb8\xd4l\x0e\xf8\x95\xecCX\x81U\xc2\xea\x0b\x88\x88s\x0f~\xea\xb3\xe0\xba\x88\x15\x8f\xdf\xfcR\xc4\xda\xd4\x04%\rD\xc4\xd2-\x17\xb2)\x1c[\x7f\xba\x14\x1a$\xc0\x8d\xb4\x00\xc5"\xbd\x0b\x9f\xc2\x98{\xf0\x13\x80\'i\x15\xca\xa0H\xdd\xa9\x19\xed6M\x8c%\'\xbe\x82\xb3\xde4\xbd\x8f\xe5\xdb~\x8b\x04\xabb\x86K\\\xf9\x0b\x8f\xbd4\xe5\xb1\x8e\xc9\xf2@c/\xd6h&amp;"\xe28F\xb4\x9c\xb6\xeb\xf7\x85\xc7\xfefS\xb8\xe3\xd4\xb3\xe0\\6_\xe5Q,+\xdfq\x07\xc3*\x0e\xe7/\x8e3\xfe\xfe\xa5\xfa\x02\x00@\x9c\x8c\x8dR(d\xd8\xfb\x08\x01\\I\xab\x90\x15\x93\x89\xd7X\xb6\xcd\x92\x90\n\xc6\xc7:Y\xf26\x07\xf0\x95^\x8e\x05q\xe4\x97\xf4\x0eXR\x1b\x16q\xb0-\x99:x\xcf\xb2S\xdf\xd9_\x06[o\xe2_J\x1dX8\x17d\xe2\xf6\xf9\x13\xd6AaG@\xe9~\xa4%\x98 \xaaE\xd3\x94\xce\xab\xd9\x9e2{\xff\x07\xdd\x07\xbc\xab\x89 \x88\x92\x19\xe7\xb2\x85jN\x88\xa82&amp;\xb2\xe6\x04\x03\xa5\x8e\xbf\xa2F\xb3y\xc5\xdd\x15\xf6\x8c\xed\xca\xf4\xbe\xe1\x95F\x8aX\xadDD\xd5\x9a\xb4\xf8\xc4WDl;\xe1dc\x03&amp;\x90\xd93\x18\xe3\xb0\xbbfhN-\xd3&amp;o\xca\x08\xa9\xd3\x87\xb7\x19\x7f\x9c\x87)\xa5\x1e\xe2\x15\xe2\xe1)1&gt;\xc5\x9b\xcc\x05/\x8e\xfd\xe6\xcas8h\xd9]i\x04Qtb\xed\x11\xdb\xa5h\xc3Y\xbb\xee!@,i1\xbc\xc8\xddP\x86F&lt;b\xbb\x14o:W\xdc:\x11\xf1\x0fS\x19\xd6xVu+\xdcA=e/TcB\x96\xf0\xe6\x10\x94\xaaUj\xc0\xe2[\x9ck\xf6\xaf\xbb\xfb&gt;\xef/!\xe3\xa6]&amp;=\x14\x19p\x8ch\xe5\x19\xab/\xb2\xa9H\xe4\xa8%m\xfd\xe6\x87\x7f\xddf#\x0f\xfe\xa9~\xbc\xb0\xf4\xe3\xcaUf@|\xc3\x99\xd2\xa9"M\x02i\x01fHx\xa5\x91\xd2EU\x0cM\x1e\x9e-\xba\x13\x80G\xa5.k7]\x13\xb9\xb3\\r\xf2k\xc5N\xab\xc4\xadSz\xfc^\xa3\xc8O\x00\x00 \x00IDATT\xa1v\xec\xc0I\xaf\xa1\x03\x17&lt;,~q\x85b\x84\x84F\xb3IK01j\xf5\xd9\xca\x8c\x95C*\x0c\xe5p\x9aGl\x97\xf1\x9b_r}\x9eV\xea\xbcf\xfbm4\x1a\x9bP\x01\x98jZ\x18\x13&amp;k\x05\x81\x15\xf8\x97\xea\x9b\xdca%"\x8e\\\xfbDO\x91\x18~\xb3\xf0\xcd\xd7\x90&amp;\xca\x05\x80\xc6\xc3\xf6\x91\x96`Qd\xca\xf3\xadx\xfa.\xbcAZ\x82\x89\x91\xb3x\xef\x0b\x7f "\xf6\x9ew\x95\xcby~u\x10\xd1\xb7XO\xee-ZX\xbc\x12JF\x0e=C\xb0O\xd4z\xd3:\xa41":F\xb4\x12R3\x93h3\xb6\xc1\xf4\x0e\x93O\x0b\xa9\'3\xd9\x8bt\x06\xcf\xaa\xe2\xd6Ia\x87\xb9\x85m\xa7P2\xe0W\xc7#\xa6\xcb\xe6\xeb\xb8\xff1&amp;4\x9e\r`\xc3\xf2&lt;\x87\xcb\x9f\x90\x8d]\xae\xc9\xe0\\N\x9e\xdc\x14\xcc\x82\xc3\xd5/H0\x1f\x91U\x9eF?\x11!Ki\xf9\x9bn4l\xdf;\xd5J\xe6\xcd\x7f\x11\x11!\xa0^\xf5\x9e\x1b\x9f"\ntj\x9c\x7f\xf8\xb3S\xfe\xd6bh\xa4P(\xda\xb8\x14j+^ey\xad\xf2(7\x07\x9a\x9c\x94j\xb1\x00\x11;N9\x83\x88\xd1u&amp;s834y\x98&lt;Il\x04\xe4\xd6P\xa2\x11\x9d\xda@\xa6Z\x8f\rB&lt;\xca\xf3U\x1e-\xc82(g\xed\xc9\xdb\xdf\xf0?]\x0c\x98\xef\xa1B\x87\x15\xb6\xa1M\x84G\x91\xdd~\x1bw\xddC1\xf2BR\xd8\xe3\xad\xf1\xdaM\x8aM\xe2*\xdd\xd6!"M\xe9A\x1cD\xe4\xbb \xe1\xa2\xf5w\xea\xe0\xdd\xf4\x07e\xb0\ti\xcc&lt;\x06\xeb\x0f\xdc\t\xde\xd5\x01\xf2\xb3?\xd7J:Y\xa2\xd0s\xce\xffHK\xd0\x81h\x11\xf6\x03\xeb!b\x9b\xf1\xc7E\xd0\x94\x86\x97xU\xb1\xc4\xe67\x14\xcd\xa8\xbb\xdf\xa2\x9bSw\xfeV\xbb\xef6Qj\x13\t\xa9S=\x82C\x84B\xf2:\x03\xa4=\xa3\xdd\xc5\xad3\xba\xce\x94\xe3\xbf\xe2\xf2\xd3?\xc4\xad\x96\xc2\x9a4\xcf\xa5\xfb?\xf9=\xb2\xdc\xe4q\x7f0]\xd2b\x0c\xfc\xc6|\xbd\x12F\xb6\x97\x90\xca]\xd6\xea\x88!"\x8e\xf1\xa7\xe8\xb8\rXr\xbb\\\xdbebT%\xee\xaf\x15\xcd\xffV\t\xac\'\xaa\x12&gt;t\x9dy1\xb8\xfc\x10E\x85\x89\x8fk0\xc3\xafd_\xff\x92}\xf5\x17\xc9\xc1l]\xf3\xc4\xa9,"\xfa\x95\xe0\x1c\xb0\x93}\xf4+\x05\x10\t\x90\x87\xe6x\x97\x80B4\x0f\xb7\x12\x10mJF\xe1\x80c\x12\xf8\xd7U\xd8"y!\x80\xf8|\x95G\xd7\xec\xbd\xc5\x14\xa3\xadV\xe9\xb6N:7\'\xa5R\xc4Bn\xddlE:\x91\x96`\x8ep\x8d\xff`\x8c\xa46Kz\xcd\xe5d\xcdK\x81\xd9\x07&gt;*\xe7.6\xbd\xe7\xbe\x1e\x0c\x1b\xb3\x15\xdd\xf3\x10\x11\xb1n\xff\x1d2\xc9\xb106\\A]\xf1\x0bs\x03\xe4%\xa0FJ\x8c\xdc\xba\xb6%9f\x07\xa1(\x88\xea=7\x92\x96\xc0\x8d\xf8\xd4\x19g~\xd3w5f\xcb^\xa43@4@\xb8\xac\x9a\x14OD\x951g~WJ\x07L\x84\xa8\x96c\x8e\x94h:\x0f\xdc*\x8a_\xb7M\t]\xef\xc6h,;H\x1b\x8fz\xfbm\x9c\x7f\xe4\xcb\x84-\xaf&gt;"\x12\xb7\xbabK\x0e\xa1),\xdbL81\xe7\xc0\xc7\x8c\xefE\x0e]\xf1\x80g\xb2\xc8\xec\x95\x06.\xbd#P\x92\x94\xe8M\x16\xf4\x0fs\x8d\xd9\xea\xbc\x08)\x14\t\xc8VI\xe7\xdb&gt;\t=\xae~\xc6\xf8\xd4\x99D\x9c/\x94M\xfc\xcd\xaf\xb8\xfc\xcc\x7f\xea\xbf\xdbN8AP\x8d\xdc\x14\xa9;\x85\xe9\x0b\x7f\x91\xc0\x84D\x1f\x1a)v$\x1c\xf8`&amp;\xc4\xf9\x80V\xc5\xc0\xb9\x9c\x08\xf5H\xc9\xd4\x9d\xbf\x95k\xb7\x0c w\xda\xdfA\xa9\xbc\xf3\t\xde\xfe\x8e\x1fLq|jU\x8c\xf9\xd1-\xeb~\xa6\x90$\xc2`*\xcc|\xf2\t1).}\xc0z\x03,x5\xd4\xbbhw\xc8Y\x1br\xc9\x17\xedh\xd2\xb6\xd7\xcc\xc3\xf1\x9d\tv\xc0#\xd6&lt;F\xc4\xaa\xdd\xd6\x0b\xaf\xca$@D\xd3L\xf3\x12\xb2\xeb\x1e.?\xf3_\xaf\xb9W\x94\xef\xb3@1\x0fb\xebO\x13f\x8a\x91\xcf\x8c6"Y\xe3_7\xa0t\x7f=\xc7\xc8\xd8\xb5\xb8\x95j\xb1\x80H\xc3\xb21s\xdf\x1f\x88(i\x92\x19\xcd\xaew\xe9\xa9\xef#\xd6&lt;\x16\xab\xe6\xa46K\xb2\xe4m.Vm,\xe0\xe0\x1e\':\xb7\xbfc\xbb\x89\xa7\x00\x80\xef\xa3\xc1q\xd4\xba\xa7\x02\xda\xe7\x9f\x8e\xbeZ\x8f\rY\xf26?\xf7\x1e9d:\xa3\xc8C\xd6\xf2\x13\xb6\xbc"-B\n\x02\xf9\x9dV\xb8\xcedD\x9c\xb8\xf5\xd7\x1c\xc5z\x89+\xc8\x94\xc9\x0f\xe0L\xa0\xd9\\e\x06(\xc70\xcct\x99\xbe\xfb\x9d\xba\x03^}\x81\xc8\x97\xe9\x01.\xe5\xc5\xa8G\xdb\x97_N\xae~\x11z)\x92\x8az\x16\xdfpf\xa1\x1a\xe3M\xe7V\xf2#-@&gt;\xce\xbdW/J9\x90\xd6\xa2\x08\x98o\xc34\x97\x9a\xcc\x90\xbc\xcc\xef\x11Uk\x92\xb8\xf5\xc6\xa7J\x9a\xc4I\x82t\x9b\xd6\xc5\xdf"\xfa$\xf4\xe0w\xf63U\x07L*\x94\x81{\xe1\x8eD\xda\x15\x97.3.\x90\x96\xc0\x07\xab\xe0F{\x1f\xaa\x1e\xf44U\x1c\x0f\x1c\xcaHT1\xb3\x8f\x83\x88\xd1u\xa6H\xd4\x84&lt;\x1c~.\x8e-\xcb\xf8\xcd/\x8f\xffj\x12\xc3D\xcb \xedG\xb5..n\xb5q\xa93\xb4\xde\x99\xbe\xe7=\xbf\xaa\xca\xb7_\x0e\x90\x15\xa0\x90PM\x86\xc9\x9d\x8a\x88+\xcf\xfe\x0c\xaf\xc43x\x023\xd4\x8e\xa97M\\]\xdc\xe1\xb96E\xe1O\xb6J\xbb\xef\xcba\xeeg\xae\x94j.\xd9F\x98g\xd5\xb5\x97p\xf8\xeaGR\xd5/\x17\xea\xab\xab\xfb\xec\xcb\xa4\xb5P\xc4$\xdb\x80%\xb7\xf5\x1d\x9b\xbc\xfdM\xae\xc4\x01b\xb5\x14^i$\xd7S&amp;n{}\xf1\x03\x02\x84\x8a\xa5\xc1\x10\xd9*\xd9\x855\xd3z\xaf\xfd\xa4S\xed&amp;\x9ed]E\xa60a\x12S\xa6\xd5\xe2v\x13O\x0e^~\x8fq\xc4\xca_u\xcc\x82#_\xc0\x89\xa4O\xaakT{\xf5k\xffR}\xc7lxNP\x8c,X\rYq\xff\'\xd2\x0eX\x10\xd9c:KT\xf3\xe5O\xe8\\\xb0\r\x80\xa3\xd6\xd8\xd4\xb4~\xa9f#\x0f\xd1\xab\xcb\xe2\x98\xbd\xff\x03"\xa6\x0e\xdeM\xa6y\xb7\xe4\x9f\x88\x11U\xc6\x90i=\r\x9b\x02\xd5\xc6\x12\x15`\x18\xc7\x82\xd5\xc7#2c|\x87\x88*\xa3\x0f=G\x800=\x85\x05\xe5Ab\xc9\x17D\x00\x9f\x86C\xf6\xfc\xaa\xea\x90.\xfc\x99\xf6\xd4\xf8\x86(\xa2\xb5\xa1W|7\xb1\xaa\x12\xc8_\xda6\xf0\xd2\x82\x88\xc5\x9b\xce\x95\xba\x15\x99AD\xde\x8bOF\xb0/}\xedo\xcc\x9b2"\xe3\xbb\x1e\x88ha\x1e;\xf1s\x0f\xfdE\xc6\xdaHyp2\xd6\xf1\xd3\x08\xf9$\xf3\x1c\xcbq\xf9\xe9\x1f\xfd\x16\xdd\x8c\xac9A\xdev\x01\x00\xc0\xa5\xfc\x8a\xb3?\t\xb4k\xda\x90\xf6.P\xc5\xa3\xd8q\'\xadC\xba\xf8\x81\xb9\xd6\xfdyuN\xfabzdAD\xc8\x9d\xcaK"\xdbl\xa0,\xf9,{\x07\x8c\x88\xcdG\x1f\x06\x88\x93\xba-\xd9\x18\xbb\xf1\x05\x93\xa7\xa4p\xedI\r\x87\xec\x11\xb7\xf2\x1a\xbd6\xf5[tS\xfdg\xd3\x91\x07\x8b7\x9d\xfb\x97e\xcd&amp;\xf3=R]\x9f\x01\xa5,\xdd\x02\xabb\xa7U\x1c\xee\xd3\xce\xd3\xce\x05\x97\x1f\xaa\xfa\x8b\x8d\xfdQ4/U\xba\x19\xb4\xecn\x8d^\x9btE\x1c\x94\x87(B\xedr%\x1bi\x01\xca$C&lt;\xbcZ}\xb6p=?0q\x80\xbe!E\xf5\x9e\x1b\xc1\x97[0/\xe6\xc6CDq\xed\xf8\xe6\xa8\xc2\xccZ\x077\x16\xb1Z\xbd\x04\xa5\xbeG\xcc\x92W{\xbb\xc4&lt;\xa8\xd9{K\x93\xe1\xfb\xa5n\xa5\xfe\xc0\x9dg\xdfYP\x07\xec\x19\xdbUs\x8cx\xfc\x95\x05}v\xa1\xf4_t\xb3\xef\xc2\x1b\xa4Z\x0fM\x1e~\xf2\r\x82k\x05R\x02L\x87\\bT"r\x14\xe5Z\xbd\xb7\x1cxBo6\x06+\xf5\x03\xa8\xf7\xfckbV\xecY\x15\x11\x8f\xfc"\xd3\xf7\xecT\xa05"\x8a;\xce\xb6\x0c\xb4&lt;\x91\xe2\xa5k\xc91\x7f\xab\xa0\xa4\x81\xd2\xd5\xcf\x9d\xdc\x19\x97ip\xc5\xd9\xff\x8c\x9fDQA2\xff\x8cS\xfeV\xe5\xdb/\x07\x00\x80&lt;2\xe4^\xb5dV\x9c\xfd9`\xc9m}\x81^y\x10\xd7`\xc6#\x16\x8b-\xfe\xa5\x0c\xe4\xf23y\x1c#Z\x81k2\x00\xa8\\9\xb0\xff\xe2[\xe261q\xeb\xaf\xc9\x1dW\x8a\x9e\xf7F\x1f\x88\x18\x9a&lt;\x8c]\xd9"4,\xb0\n7\x00p.\xd0\x86o\xc6{\x0e\xe4M\x19\x99\xa38\xe7H\x17\xac\x7fS\x1e\xe4\xd1\xea\x80\xf5\xc4\xcf\xa7P,\x98\x0e\x93O#"\x8f\xa5Z\x03\xb8F\xb63Z\xe6O\xc4\x93\xaf\xcdv\xa2\xdch\xe8\xdeJ\x9d\xd7\x00X\x83mI\xd5\x12\xb4\xe8\xb9b\x8a\x8e\xd9\xf0\\\x89v\xaa\xde\xd5o}S\x98$\x0b\x82\xabO\xa0\x8ePt\xf7\xfe\x13\xc5\x0c\xd6w\xd7=\xb5\x8d\x82(ku\x14\x8a9\xc2\xdc$\x8d\x87\xed\x93\xb5U\xdb\x92%\x9a\xcd\x93\xb5E\x19i9\xe6\xc8\xd2S\xdf\x99N\xb7\xe5\x98\xa3W\xbfH\xd2!\xf5Yp\x9d\xf9\xed2e\x88\xa2P\xf8#\xe2\xa8\xee\x89\x02\x07\x88\x14\x8a\xa2H\xee\xb0\x12\x11\xf7=F\xf0\xac*R\x95\x12\x04\x0e\x938\xbd\xa3\xb8\xd4\xe9\xb7\xfd\xc0\x13\x84\xacB\xa2u\x1a\x8f\x92\x9d5\xb2\x1d8&amp;\x95k\xbbL@+\x96H\x9b\xf1\xc7\x01\xc0#\xb6\x0bi!\x14\nE\x1e\xbce\xda\xab\xe3\x87up#\xb1\xabt\x17\xb7:D\x944KD\xda\xa8_\x8c\x00m5zn\xea=\xff\xda\xc8\xb5O\xd2s&amp;\xf2!\x0b@\x10\xb73\xac\x8b\th\xce\xd4q\xe7R\xb8\x88D"(\x14S#gm\xd2\n$\xc7+\xae\x1b"\x06&amp;\xea\xcbKeQX\x03\xb8\x03\xd8q=-\xa4\xc2PI\xadp\x99\x0e\xf8!bT\xedI\x02\xe3\x87\x14\xac&gt;\xbe\xfd\xa4S\x85k\xf3\x8evN\xad\x0e)\x14\xcbEVg\x83);\x7f3{7\xed\x12\xcd\xe6!bP\x19\x89\x9c\x04L\'\xd0\x8c\x7f\xddN\xd3\xce\xf5\x9cse\xd35\xf4+\xd1GO\xa1\xc2\x00E\x00\xacd\xf2pUqO3\xb4\xa3\xe0]\xabZ\xbd\xb7\xf0\xae\'sTs\x83\x88j^k\x9f(fm\x8a \x96\xb4\x00\n \xe2\xbd\x9f\x08\x90\x93\xb4\x10\xe5\xe3Y\xf5\x0b\xe2\xe6\xeb\xf2m\x9b\xbbF\xb67^\xc8\xe4\xf14\x96;\x88\x7fV\xbe2\xad\x17\xf3&gt;Wfj\xf7\xd9:f\xc3\xf3\x02\xd5\xc6=5\xd895\x19\xbe\x1f\x02\xea]\xfb\x822_\x1b\xdbn!"n\xbf\x8d\xfb\x9f\xa0\xb0\xd5c8\xff&gt;\xbd/\xaf\xd1k\x93X\n\xf5\xe1_\xaa\xef\xea\xf3X\xa2\xd9&lt;\x80\xecR\xb7\xa5H\xbcH\x0b\x90\x89\xb2m\x96\x98\x84\xef\xc0\xa6k\x88\x88\xd7\xffF\xc6\xbe\x84\xa1\xd5\xd8\xa3\xe0Z\x01\x1c\x12!g-D\\{\xc9\x04&gt;\x88\xdc\xa8\x1d\x1b\x16\x1d\xff\x97\xb4\x16\xf3!\xa2\xca\x18\x00[\xd2*\x14A\xdb\x89\'s%\x0e\x00\x9b\x12!\xe9\xa1\xd6\x14\xc4\xa8uO\x87\xac\xb8?d\xc5\xfd\xe6\xa3\x0f\x0b\xa9g\xc3\x151\xe7\xd3\xc6\x88\x90\xb3\xb3\x17\x07\xbbR\x1c\xbdB=\x10\xb1d\xb3\xf9:\x8f\xb9G\x9bCfL\xa3\xe4M\x19\xa9D\xaf3\r\x02J\xf7s\x8che\x15\xdc\x08\x11\x7f \x82c\x12hdUJl\xb5h\xe6\xde?0#&amp;\xbf1\xe7\x96,fm\xc1\xe5\x86\xcc=\xf4\t\x11\xdbO:-f\xbd\n\xc1Jm\xa5\x92\r\xc0G\xb6f\xdbN8\x91\xd4f\x89l\xcdQ\x042e\xc7[Dt\xcc\xdf\x8a\x7f\x15\xee\x155\x9f2\x12\x07\x01N\x8bxp\xe8Y\xda#\xcf,a&gt;\xa3wQ\x9e\xf9\xb3\xcd\x83\xc5\'\xbe\x92\x96\xa0\x97\xf1\x9b_\xa6\x8d\x0f\x0c\xe7F\xf3\xa8\xa2\xd5\x07O\xd9\xf1V.\x8d\xe6\x85upc\x80\xac\xa4Up\xc2\xb1\\\xdbe\x001\x90\xa54@A\x89\xda(Pm\\\xa6\xf7\xec\x00\x12$j\x8e\xc2\x95rm\x97\x19\x89\xf8\x9d-\xe5\x01b\xa3\xa1{\xf9\xb7\x91\xbb!\xe4j\xd0m\xd6%\xcdI\xf0\xed\xef\xf8]GO\\\x80\x7f+*\x10\xf1\xe0S\xe5N\x8c\xc4\x83\xffN\rEj\x98\xeb\xfc9\x8b\xb1\xe6\xc6\xabZ]0\xce=\xf8I\x06\x85\xe4\xd0\xedB\x99\xaf\xf2h\x99u(\x04G)\x8dM\x1c\xa6\xee\xfcM\xb2\xca\xf9\xe1\x0e9j\xf9&amp;\xf4\x0c\xaf4\xd2\xc2\xb2\xa1\xe9!{ep\x11\xe2\xa1k\x9c2\xad\x16W\xed\xb6\x9eym\x13\xd2\x84y\xb1\xea&lt;~\xcc\xf8x\xcaQ\xbc\xd7\xee\xfb\x96\x96\xa2\x8eb\x9e\xcc\xdc\xfbGt\xdd)lJ\x16\xaa9A\xbb\x07V\xf0\xba:oB\x93\x87\xab&lt;\x1at\xf8\xf4\xe7(\xde\xfb\x89\xa2?\xb5E;5\x8a\x8cup\xe36\x13N|@\x9cMC&amp;\xc9D\xae\x80\xd2\xda\xb6\xfd\x95:\xaf\x89k\xa0i\xe1\xec|\xfa-\x1e|\xa6\xe4\x9b\xd0\x0c\xf0&amp;-\xc0\xec\t;\xf0\x84s\xae\x11\x1d\x1d\xb0]Ii\xe4\x11\xa3\xe3\xd4\xb3\x00\xd6\x00\x01\xfa\x8b\x84\xc8\xa7\x86B\x1e\xcf*\x83\x97\xdf#-\xc2\x94\xc8V\xa4\x13\xdfS3\'4\xcc\xf2\x1e1\xa5\xf3j\xe6\x8f\xac\x85\xda\xf9\x16\xeby\xf0\x19\xe6\xd4\xeb\x8eE\xa1(\x1e\x872L\xf7\xf9\x8a\xdbd\x</t>
        </is>
      </c>
      <c r="E79" t="inlineStr">
        <is>
          <t>&lt;class 'numpy.ndarray'&gt;</t>
        </is>
      </c>
    </row>
    <row r="80">
      <c r="A80" s="1" t="n">
        <v>78</v>
      </c>
      <c r="B80" t="inlineStr">
        <is>
          <t>steps_per_sec</t>
        </is>
      </c>
      <c r="C80" t="n">
        <v>1200</v>
      </c>
      <c r="D80" t="inlineStr">
        <is>
          <t>5.398844</t>
        </is>
      </c>
      <c r="E80" t="inlineStr">
        <is>
          <t>&lt;class 'numpy.ndarray'&gt;</t>
        </is>
      </c>
    </row>
    <row r="81">
      <c r="A81" s="1" t="n">
        <v>79</v>
      </c>
      <c r="B81" t="inlineStr">
        <is>
          <t>Loss/localization_loss</t>
        </is>
      </c>
      <c r="C81" t="n">
        <v>1200</v>
      </c>
      <c r="D81" t="inlineStr">
        <is>
          <t>0.05055502</t>
        </is>
      </c>
      <c r="E81" t="inlineStr">
        <is>
          <t>&lt;class 'numpy.ndarray'&gt;</t>
        </is>
      </c>
    </row>
    <row r="82">
      <c r="A82" s="1" t="n">
        <v>80</v>
      </c>
      <c r="B82" t="inlineStr">
        <is>
          <t>Loss/classification_loss</t>
        </is>
      </c>
      <c r="C82" t="n">
        <v>1200</v>
      </c>
      <c r="D82" t="inlineStr">
        <is>
          <t>0.63294023</t>
        </is>
      </c>
      <c r="E82" t="inlineStr">
        <is>
          <t>&lt;class 'numpy.ndarray'&gt;</t>
        </is>
      </c>
    </row>
    <row r="83">
      <c r="A83" s="1" t="n">
        <v>81</v>
      </c>
      <c r="B83" t="inlineStr">
        <is>
          <t>Loss/regularization_loss</t>
        </is>
      </c>
      <c r="C83" t="n">
        <v>1200</v>
      </c>
      <c r="D83" t="inlineStr">
        <is>
          <t>0.030611495</t>
        </is>
      </c>
      <c r="E83" t="inlineStr">
        <is>
          <t>&lt;class 'numpy.ndarray'&gt;</t>
        </is>
      </c>
    </row>
    <row r="84">
      <c r="A84" s="1" t="n">
        <v>82</v>
      </c>
      <c r="B84" t="inlineStr">
        <is>
          <t>Loss/total_loss</t>
        </is>
      </c>
      <c r="C84" t="n">
        <v>1200</v>
      </c>
      <c r="D84" t="inlineStr">
        <is>
          <t>0.7141068</t>
        </is>
      </c>
      <c r="E84" t="inlineStr">
        <is>
          <t>&lt;class 'numpy.ndarray'&gt;</t>
        </is>
      </c>
    </row>
    <row r="85">
      <c r="A85" s="1" t="n">
        <v>83</v>
      </c>
      <c r="B85" t="inlineStr">
        <is>
          <t>learning_rate</t>
        </is>
      </c>
      <c r="C85" t="n">
        <v>1200</v>
      </c>
      <c r="D85" t="inlineStr">
        <is>
          <t>0.03892</t>
        </is>
      </c>
      <c r="E85" t="inlineStr">
        <is>
          <t>&lt;class 'numpy.ndarray'&gt;</t>
        </is>
      </c>
    </row>
    <row r="86">
      <c r="A86" s="1" t="n">
        <v>84</v>
      </c>
      <c r="B86" t="inlineStr">
        <is>
          <t>train_input_images</t>
        </is>
      </c>
      <c r="C86" t="n">
        <v>1200</v>
      </c>
      <c r="D86" t="inlineStr">
        <is>
          <t>[b'640' b'640'
 b'\x89PNG\r\n\x1a\n\x00\x00\x00\rIHDR\x00\x00\x02\x80\x00\x00\x02\x80\x08\x02\x00\x00\x00\x83\xaf^t\x00\x00 \x00IDATx\x9c\xed\xddg\xa0\xd4\xc4\xde\x80\xf1\xa1I\xefU\x04i\xd2A\xc0\x82\x80\x14\x11D\xa4\x08\xa8(\x8atTP\x11\x05;\xe8\x05\x05E\x11;\x82\xd8\xc0W\xae\x02\x8a]\xb1\xebU\xc4\xdePl\xd8E\xc5\x8a\xbd\xa0\xce\xfba\xcfYr\xb2I6e\x92I\xb2\xcf\xef\x03\xec\xc9Nf\xfe)3\x93d\x93\x89\x10@\xdaI\x83Z{\x9d\xe8;\x07\x7f\xdf\xfaf\x99\xe7\xf7\xc6\xb2j\r\xb2L\x99;\xa3C\x82\xccg\xe3\x945\xafI!\x1a9\xc4\xe0\xa8\xba\xe5\xd4\xc8\xd6O\xd8\x85\x02\tT\xe5\x00!\x1a\xeb\x0e\x02\x05JICl\x97\xc9\xb8\xf3\x1e\x1e4m\xa5\x9b\xc4\xcea\x94nq\xb4\x10\xe2\xcc\xeb6f\xa7\xfcd\xd5\x8f\x96\xcc\xa4\xa2e\xce\xa6?\xc7\xccY\xe7P\xae\x10\xa2\xd7\xf8\xa5\xd9\xcf-\x0f\xfc\x8fsb!\x84\xa8v`\xe6\xff\x8f\x8b;\xefl\x89#N\xbd=\xff\xec\xaeI)E\xb5\x01\x96\xd3C:\xe8\x01\xd2\xe9\x90\xd3\xd6\xea\x0e\xc1\x02u\x18.\xd5\xd8\xe3x\xcb\xe9\xffZ\xedB\xb9]\xb2\xc8\xd9\xd96[\xf7\x9a\x9d\x85\x10/\xffT\xa2w\x99t\xc1\xe3yb\xebR"6\x97{\xb5\x94\xf2\xae\xb7\x8aR6\xea}\xfa\xb97\xbf\xf7\xfc\x0fyf\xac\xd7\xed\x14\xcb|\x9cKq\x13L\xae\xab\xd6m\xfb"\x9c\x9c\x01\xe8W\xaa\xc5h\xdd! %F\x9ey\x97\xc2\xdc\x9c\xaf!K)\x85(\xad\xb08\x87r5\x8aU0\x00\xb0\x03\xcdS\x9a\xe4\xfd\x8d\xd62Y\xca\x04_\xbat\xaf\x1f\xa4\x10\xbb,\n\xc7\xd4E\xeb\x83g\xf2\xc4\xe7NUf\xf6\xf2w\xbcfx\xf4\x9cu\xcewx\x99&gt;{\xaa\xb3\xe9\xa9\xe0M\x8f\xd4\x1d\x01\x00\xc0Fz:\x1bG&gt;\x16\xf3\xc9/\xcc\xb7,\xdd\xfa\x92\xffuu\xc3\xff\xfe\xf4=\xaf\x12\x05\xb2\xa1\x81\x98h\xa8;\x00\xc0I\xc5\xf6\x93t\x87\x90H.O\xfdM\x1e\xfe\x88\x0e\x18\x00\x10W\x9d\x0fY\xa8,\xaf\xaa\x16\xcf\x02ye\xd5\xa1V\xf5\x9d\xd5+\xbf\xd0\x07\x03\x00R\xe7\x97&lt;\xd7x\xbb\x07/\xa2\xef\xe4\xeb\x85\xa8\xe2o^.A\x03\x00\n\x11\xfd\x1f\x00\x00\xa9\xf5\xce\xbft\xf3\x00\x00\x00\x00\x80\x98\x0br\x8d\xfa\xf6\xd79\xf1\x05\x00\xb8\x10\xcd\x0f\xa2\xfc\xec\n\x00@\xd4.X\xf3\x99\xee\x10\xf2\xe3\x10\x01\x00\x00\r&amp;\xcc{Lw\x08\x00\xa22\xe7\x96\xcd\xbaC\x00\x10\x85\xdd\x06\x9c\xab;\x04\x00\x05\xa9\xdbQW\xea\x0e\x01\x88\xa3\x9f\xb9\xee\r\x00\x00\x00\x00\xb9\x1a\xe9\x0e\x00\x00\x00 \x15\xb8\xf5\x1a\x89VZw\x00\x00\x00\x00\x00\xe2\xa4\xd5\xc09\xbaC\x00\x00/bxi.\x86!!)\x1cv\x1e\xf6+\x00Q\x08\xb3\xad\xd9=\xb4\x9c\x81\x10\xd1\x01\x03\x88\x89:\xba\x03@\\\xec\xd4z\x9c\xee\x10\x00D\x8b\x03\xd2\x98\xa9\x97;\x89m\x84\x80\xd8\x85\x80\xe0J\xe9\x0e\x00H\xb6lWT\xaa\x14\xb5\t\x80\x07&lt;\x86\xe4Y\xf96\xe3u\x87\x80\xb8\xa8\xd8nR\xf63\'\x85\x00\x90TW\xad\xdb\xa6;\x04x\xd3{\xc2\xb5\xd2@w8\x00\x80\x82\xc0\xe0\x8eB\x08\x91\xed}\xabu\x9a\xa2;\x96\xf0\x94\xd3\x1d\x00\x00\x00\x85\x84\xd3z\x00\x00b\xacR\xbf\xdci\xa5\x9a\x1f\x15} \x00\xc2\xc5Q9\xc2\xf35{W\xe2qo)\x00\xc4\xc0\xb8\xf3\x1e\xce~\xe6\xd0\xad\x10\xb0\x95\x81\xfcN\xb8l\x83\xee\x10\x80D\xa2\x8f\x11\xc5\xb7\xbf\xe5N\xaf\xb1\xc7\xf1\xd1\x07\x03\x00@\xa1\xb0\xeb\x809:AR\xdd\xff^t\xfb.g\xc0\x00&lt;\xa1sEj\xb1s\x03\x00\x00$\xd2\rO\xfd)\x84x\xed\xb7\x90\x0e\xe6\xbayJ=y\xc1\x93\xe1\x84\x01\x00\x85\xe7+N\xd3c\xa9\xed\xe0\xf3\x85\x10\x15\xdaN\xac\xb5\xd7\x89\xcd\xfa\xcdz`\xb3|\xe7_9s\xc9\xab\xba\xe3\x02\x00\xa4\x0b\x97\xebstky\xe0\x7f\xe6\xae\xfc@\x88\xa6\xc9\x1d\x1e\xf9\xce7\x13\x16\xb0_\x95u\x07\x00\x00Pf/!\xc4\xfb\xc5\xfdn\x9f\x89\xcb2\x1fn\xfc\xdf_\xba\x03\xf3 qG\x0c0b\xf3\x01\x05\xa9\xc6A\xba#\xf0II\x9bUw\x9f\xe9RJQs\x901\xdb\x84\x9e\x04#\xa1\xa4\x94\xb3nz[w\x14\x00R\xa1\xb8\xebjt\xedc\xbf\xc6\xbc\x1b\xcb\xf6\xb5\xd7=\xf1\xbbiJ\xcc#O\x1c\xd6\'\x90ZT\xef\x98(\xee\xbaJ\x99\xa6_v\xef7Z\xe2q\xf6\xd2O\xe6\xee\xf6G:\xe0\xf4\xab\xa8;\x00\x00\x08\x81]\xbf\xe5\xafK\xbb\xe3\r\x95\xbd\xe0[\xdb\xad\x87\x1f2\x05&amp;\xa5\x14\x8dG*,\x17&gt;5\xe3\xadD\x00\xe0\x8e\xb13\xdb\xf0]\xb6W\xab\x90\xfd\xea\xa4+_\xd0\x14\x1a\xbc\xf2\xf6\xe0\xb2o\\i\x00\x80\xe0\xbadz\xd9\x8f\xa5\x14\xe5z\x1b\xbf\xe0\x87U\x00@\xc1\xab7,\xbc\xbc\xed:Z:`\x00\x00B\x94\xedb\xa5\x94\xa2\xee\xc1\xd9\xe9[\xe8\x80=\xa8\xad;\x00\x00\x80VRJ!\xf6\xf4&gt;_S\xbb\xdc\xa4\x94B\xb4\t\x16\x14\x12\xe6\xa5\x1f5\x1er\xd5\xd1W4PH\xa4\x94\xa2\xfc~\xd6\xd3\xf3Y\xbe\xfe\x1f\x05\xa5\xc7\x9e\xa7 \xed\xcfV\xab;\xe7\xa3\xf6.h\xf8p\xf3\x86\xfc\xeb\xd9\xdf\xb6`\x0b\x02\xf0\xc0e\x931{\xf9;aG\x92 \xf9:\xcb\xfayg/9a\'z\xdfT\xa8\xae;\x80\x94\xb8\xf8\xce/u\x87\x00 B_\xb8\xee\xff2\x9de\x9f\t\xcb\x9c\xd3\xb8\xc9\xc4\xf0\xbbok\xb7\x81\x02\x00\xe2\xadt\x8d.\xc7\xeb\x8e!I\x1a\x962\x0fM\xe5\xacl\xb9\xb2\xa2hH\x8a\xc3-\x13H)E\x85\xbev\xb3\x97*I\x88w=\x95\x0e\x00H\x00\xaem\xaa\x95=m\xfd\\J)\xe5%w}e\xfc\xea\xf1\xcfe\x9d\xbdO\xca$8\xf8\x94U\x1a\xe3,p\xec\xf6\x00\x9069W\x8f]}\x85\xd8\xdbUw\x00\x00R\xc2\xdb\x05U\xb8\x97\xedY\xff\x15\xa2L\x89\x0b\xd7\xe5\xa44\xbf"\xb7\x94\xc7+\xdb\x00\x80\xa4+\xad;\x80\x94+U\xaaT\x19s\xe7\xba]O(\xf6\xea\xec}\x92\xee\x10\nYM\xdd\x01\x00H\x89.\xba\x03\x88\x0b\xe7\xcb\xcb%/A\xc7\xe40h7\xdd\x01\x00\x00\x82j\xaf;\x80P\\\xbc\xf6\x0b\x8fsT\xb0\x9aXW\x88FI\xfc\r8A\xa1\x02\x00`-q\xbd\xafp\xec\x80\xb7\'jA\x10!F\xe4\x06"\xd0\xe4\x08\xdd\x11\xc4\xd6&gt;\x13/x\xfc\xdew\x8a_\xae \xc4\xcfR\n\xd1YE\xef\xdb!p\x0e\xfe\xf5\x99pm\xf6\xf3\x11g\xdf\xa31\x12\x95*\xf7\xd7\x1d\x01\x80B\xc1\xcd\xb7\x11\xc9v\xb7\xdc\xf0\x0c\x00\x88H\xb2.\xb4"\x8b\r\x07\x00\x00\x80\x1d8:D!\x1a4m\xa5\xee\x10\x00\x144z_\xc0\x16\xd5\x03\x00\x00\xc5b\xd5\xb9\xc6*\x98\xc2SOw\x00\x00\x00\x00\x00\xa0\xddk\xbf\xc9G?\xe1\xdc\x14@8\xea\x0c\xd5\x1d\x01\x00\x84\x8c\x8b\xfc\x88\x9fJ.wK\xf6^\x00\x00\x00\x00@\x8c\x1d\xb3\xe0I\xdd!\x00\x00\xa0M\x1b}E\xeb\x1c\xe1\x1c@\xda\xf0[T\xea$z@o^\xfc\x0c \xbdL=n\x04\x1d\xf0\xec\xe5\xef\x84]D\x818\xe8\xc4[t\x87\xa0_v\x8f\x9d\xbf\xea\x13\xbd\x91\x00\x802\x9c\r\x17\xb0\xd2\xba\x03\x00\x00X\xd1\xdb7sd\x80\x84b\xd7\x05\x008\xda\xf5\x08\xbd\xe5\xc7\xb8\xa3\n4\xac\xa9\x94\xb2~\xf7ST\x85\x02 D1n\x86\x00x\xd6\xf9\x90\x8bu\x87\x00\x00\x00\x00@\x08!\x1a\x8d\xcc\x9d&amp;\xa5\xe4,\x1c&amp;\xbd\xc6-\xd5\x1dB|}F}\x01\xc2VP\xdd\xd2\xdc\x95\x1f(\xca\x89\xc7:}\xa9\xd0Ww\x04\xb1\x93\xd0\n(\xa5\xfc+\x99\x91\x03H\xb0\x84\xb6\x98\x00\x00\x00\x10\x82\x839 rq\x1c\x19`\xdf1\xd7\xd0\x16\xc4F\r\xdd\x01 (\x97\xb5\xe9\x97\xb0\xe3\x00\x10\x7f\xdc\xa3\x94\x08\n\xb7\xd1^\x87_\xa6*+\xe5R\xb0+\xea]\x84\xbd\x8f\xb8\\c\xe9@\x9a\xbd\xfe{\xe2\x9b\'\xc0Ax\xbdW\n\xbav\x00\xdai|s\x19\xc2\xc5\xd5\x88\xbcX?\x00\xa0G!\xb7\xbf\x85\xbc\xec\xf1\x13\xc7\xfb9\x00\x00\x88\xbbU\xafp4\x03\xc0\xbbu\x1f\xd0v\xa0p\xd5\xda\xebD\xdd!\x00@\xc1\xe0\xeak\xac\xf4\x1a\x1f\xca8\x8e.\xb72;\x03\x00\x00(t\x1c\x0f\x01\x00\x105z_ ,\xd4.8\xdby\xdf\x991\xdfIb\x1e\x1e\x00X+\xa8\xc6\xeb\xd9o\nha\xd3\xc7n_-\xa8}\x18\x00B\xd5(\xca\xc2\x9e\xdcB\xf3\r\x00\x88\xdc\xf3?\x14P\xf7\xc3\xa9R\xdcTh;\xc1}b\x87\xcd\xe7k\xcbFz\x9c\x07\x00&amp;\xbb\xe8-\x9e\x1e1\x88\xc8F\xb5d3\x01@\xd4hy\x93\x82-\x05\x00\x9a\xd5\xed:}\xd6\x8do\xbf\xf1G\xe6\xecHn\xa3]\x06\x00 lO\x7f%\xaf\x7f\xea\xcfL\xd7\xdbi\xc4EB\xb48\xec\x8c;\x8b/T\xd6\x15\xa2\xaa\xee\x00\x01\x00H\x9d\xf5\xdf\xc8,\xd3W\xcd\xfa\xcd\xceL\x9fs\xcbf-\xb1\x01\x08G{\xdd\x01\x00\x05\xaf\xd7\xf8\xa5\x99.\xf6\xa5\x9f\xa4\x10\x95r\x13Hi\xd1=Wl7)\xc2\x18\xe3"M?\x97F\xb9,iZo\xf0\xaa\xf6\xde\xd3\xd8\x01\x00k\x03O\xf8\xbf\x0f\xa5|\xf1Gc\r\xd9\xd3\x98\xc0\xb2\x03\x86\x0fCO\xbe-`\x0e\n7\x81\xef\xacN\xba\xf2\x05U1&lt;\xf0\xbem\x0c\xf3n\xfbXU)\xd1\xa8\xd6y\x8a\xee\x10b\x8a\xa6\x03p\xd0LJ\x99i&gt;vj3&gt;\xb7\xaa\x1c{\xd1S\xbe\xfb\xe0\xec,\xddF_\xe5=\xb0\xb2\xdeg\x01\xfc\xa0\x87\x08\x15\xab\x17\xb0u\xe2e\x1b2\x1f,\xbb\xd89\xb7lv\xe8\x80\xddW-*a\xach\xde\x1cez\xea,=W\xc3CtG\x90j\x95\xfa\xe9\x8e\x00\x88\xad\x1a\x07e\xfe\x97R\xf6;\xe6F\xc3\x17\r\xfb\x1f{\x93,\xc94\xeb\xf5O\xfd\xe9\xbe\x9c\x08\x1a\xfd\xf9\xab&gt;\t\xbb\x08$\xcb\xc83\xef\n-\xef\xb6\n\xf3:\xf7\xe6\xf7\x14\xe6fI\xe7QW\xa9\xee\xda\x8a\x06\x92h\xfe\xaaOL\xbd\xef\x80)+&lt;\xe6\xd14\x8c\xc0\xe2\xac\xf3!\x17\xbbI\xc6\xf5\x80Th\xaa;\x80\x18\xab\xd0Ww\x04@\x92\xc9\x1c\xba#r\xe5\xff\x9e\xb3\x88\xf3\xad\xed\x89\x89\xdfY\x83\x1e3oy^\xbe\xf6[H\xcb\xd2&lt;\x9cl-\xe4\xdd\x1c\xe9\xd8^\x00\xe0\xc7\xbf\xc9\xec\x80s%=\xfe,\xc3R\xd4L\xc1\xe2\xa00\xec\xac;\x00 Yv&gt;\xc4t\xefU\xa2\x9b\xfbL\xfc\xc1\x9f\x02\xd2\xa0\xe9\x91\xc6\xbf\xb2\x1bbk\xc2\xb7\x08\nG\xd2[\x0f "R\xca\xee\xa3\xaf\xae\xdc\xf1\x98&gt;\x13\xae5\xf5\xbek7\xc6\xba\n\x9dt\xc5\xf3Z\xca\xed:\xea\n\x05\xb9T\xee\xef2af[\\\xb0\xfaS\x1a5\x00H\x95\xdc\x1f}3N\xbb\xf6u\xdd\xa199\xf1\xb2\rQ\xf6F\xbf\xea\xeb\xfc\x1at\x9f1j\xd6\xbd)\xb8&amp;\x81\xc2\xc1\x8e\nx \xa5\xfc\xd0\xd0\xfb\xce\xba\xe9m\xdd\x11\xe5\x91\x94\x1a~\xf3\x86d\xc4\xe9IRV&gt;\\\na\x83\x96Q\x9d!\x90zq\x1b*\xc1\xa31s\x1e\xd2\x1d\x02P\xf0v&gt;\xa4R\x87\xc9\xba\x83\x00T\x8b\xdb\x99G\xdc\xe2\x81F^w\x06v\x1e]X\xf3\x80g\xaf\x87\xf5\x18\xa8\x06\xc1\x9b\x80[_\xb2\xcf\xa1\xde\xb0\x80\x99k4d\xfa\xad\xbaC\xf0)\x05\xcd\xfa\x91\xe7\xdc\xaf;\x84((\xdfRk^K\xfc\xa6\x07\xe0\x96\xb1\x05qhM\xfe\x88\xb0K\xb8{\x13m\x907)\xe8\xb0\x01 \xe9\x9a\x06\x99\x99v&lt;\xb6\x92\xb5ivD[\x7f\xb8\xba\\+\xa8\xcb\n\x00&lt;\xca\xdb\n\xebj\xa6W\xbf\x9a\xa4\xee\x01J\xfc\x9b\xa8c\x02\x00\x08\xc4\xb9\x7f\xf5\xdd\xfb6\xe81\xc3\xdf\x8c\x88J\x8d\x88\xcbs\xb9/\xb5\x1f:?\xfeOT?\xfaI\xac\xc3\x03\x80\xa0b\xd1\n\'\xf9\x961\xbdL\x9bo\xca\xc2g|f\xd4\xf0P\x05\xd1\x00@\x0c\x1dt\xc2-%\'\x94\xd6\x13\x07`/\xfb\x94A,\x0e\xcb\x00\x14\x92\xf2\xba\x03P\xa9\xed\xe0y\x01\xe6\xdeGY\x1c@!\xe1\xd8\x05\xb0\xa2\xe2\xc6\xce\xff\xfc\xdf\xfb\xc13\xc9\xc8V\xd4\xd4\xd7\xd8\xf1\xe7?\xa2;\x04 "\xa9\xaf\xce\x80\x02\xfe\xea\x89\xc3\\m\x07\xcf\xdb\xf1m\xa5~\x9e\x8a\xb3\xfc\xd6n\x96\x89\x17&lt;\xee\x1c\xa4\xab1\x01v\xea\xe3\xa6,\xc4\x84\xcb\xc7\xbeC*\x11^\xb1\xf6\x906RJ!\xba\xe8\x8e\xc2\xa7m\xea:\xe0&lt;u\xdbf,k\xe7\xb9\x0e9\xed\x0e\xa7&lt;\r\xbe\xa5e\xd1\xaa\xd3\x88\x8b\xb3\x9br\xe2\xfc&lt;\x87b\xfe\\\xfb\xd8\xaf\x82.$\x10~\xc1\x01t\xf0\xd9kz.\xa2\xb9\x10\xa2\xccnc\x84\x10\xeb\xbf\xb6\xcc\xb9\xbd\xaa\xe2\x10[5\xf7&lt;Aw\x08\x00\xe0\x8e\x9b^\xb0\xd3\x88\x8b\xc2)\xbc\xcd\xc2;\xbfT\x92\x91\xe5R\xbc\xf8#\xe7+N\xc6\x9d\xf7\xb0\xee\x10B\x97=\x14\xab\xd0v\x82\xdeH\x82\xf3r\xc0\xda)\xc48\xecq\x85\x00H\xa7\xef4\x8d\x9cu\xd2\x15/\xf8\x9a/g\xac\xc1\x1a\x03\x03\xc7\x02\x00@J\xec\xaa;\x00\xf8\xc4\xc9\x16\x80x\xab9(\xd4\xec\xa5\x94S/\xf1;\xccPIo\xfe\xa5\xb2=u\xd9:g\x92%\xa5)\xaf\xd7\xedd\xdd!\xa4Lu\xdd\x01\x00H\xbc\x9d\xf5\x16\x1f\xdb\xd7*\xc4Q\xe9}uG\x90\x12\xb5\xf6&lt;Qw\x08\xc9\xb6\xfb\xf0\x05\xbaC\x00R\xcd}\xcf\x17\xa4\x8f|\xfc3\x0f\xa7\x9b\xd1\xa3\xfb/\xa1\xd1a\xba#H\xbdv\xba\x03\x00P\x18"\xe8\xdeR\xd0\x83\xa6`\x11RA\xcdO\xfe\x15\xdaNT\x92\x0f\x80\x82\xa3\xb63\xf0\x99\x9b\x92+\xb1\xd5\x0eT\x90\t\xf2\xe1\xe8\x01\xae\xd56\xfd\x9d\xd9y\x86\x9e|\x1b{\x11Rk\xfe\xaaO2\x1f\xa2\x7f\xd8\xd1G\xbdr3\x8b\xae\xea\xba\xe2\xd9\x7f\xa6.Z\xaf\xa5h$\x11\xfd\x8a\x91\x94\xd2\xf4\x00^\xf6&gt;GV\x14\xd2o\xda\xe5\xcf\x97\x9cPVO\x1c\x0e\xea\x1d\x1ce\x07|\xc4\xd9\xf7\x1a\xfej\xa0$O\xc4\xdfQ\xe7&lt;\x90m\xfa\xaf^\xb7\xed\xfa\'\xff\xd0\x1dQ\xe8\x02W\x99Zj\xe2\x00\nVx\x87\x99\x87\x9e\xbeVUV\xef\'\xeeX\xd8f(iX\x88\xc1\xef\x02W\xaf\xdb\xb6\xe7\xc8E\xf3n\xfbX\xd4\x1aT\xb1\xfd$!D\x8b\x03\xce\xb9z\xdd\xb6\xfd\'\xdf\x90\xee\xf3\xb0\xba\xfbL\xd7\x1dB\x1e\xe9^\xff(8\t\xdc\xa1\x1b\xde\xf1\x86\xfb\x98\xabXO\xae\xb8\xbfi\xc2k\xbf%n=\x84%\xef\x8b\xa1b"\xbc]7s\xc1\xd3\xee8O\x16\x0b\xa9\xf4\x04a%\x00\xea\xa5\xa6^5\xeauzj\x96%#\xa4\xc5\xe99nI\xf6\xf3\xad/\xa5j\x8dy\x95\xe9\\\xcf\xfb\xef\x87\xce\tR\xb6_\x01\x80\x7f\xad\x0f:Ow\x08\xd0,x\xa7\xe8\xb2sMb\x1f\x9c\x8ch\x1b\x1f\xee&amp;\xd5\xb1\x17=\x15v \x80\x1a\xcfl5W\xbcA\xd3V*/%\x9a!;,\xd4=Xenq\x95\x8c\xd6\xd3Q"\x16a\xe5\x0b\xa9\xed\x80\x93\x8e\xb5\x8d\x84j\xa40/\xd7\xd5@e\xa1\xca\x85T\x99\x0f;\xe3\xce0\xb2=`\xcarZ\x9fh\x18z\xd6]s\xd7\xf9\x13\x9fK!\xca\xb4\x1b2_I\x07\xfc\x11\xdb\x14H\xb1\xca\x1d&amp;\x87\x97\xf9U\x0f\xfe\x10^\xe6@\xc6\xc5k\xbf\x88\xb28Y\x92\x10\xddM\tn}\xc9\x94@\x81\x15\xcf\xfe\x93-]I\x86\xfe\x1c~\xd6=\x0e\x01|\xaa/6\x8e&gt;\x91T\xb7\xbf\xees\xdfU\xb8\xd3+\xcb\xaa\xde05\xf9(\xb2\xef\xd8kt\x87\x00\xb3@;[\x85\xbe\xa6\x0e\xf8\xce7\r\xb9\xed&lt;BJ\xf9\xb1\xb9\x87.\x14\x05\xb5\xb0\x00\x84\x94\xb2t\x8b\xa3uG\xa1I\xad\xc1\xba#(8\x83\xa6\xad\xcc9\x03.mL \xa5&lt;m\xe9k\xe1u\xc0\xcf\xff\x10\xdfNn\xe3\x9fQ\xc7F\x97\x8f4+\xa8\xfd\xdb\xcd\xc2\xe6M\xb3|\xfd?\x8a\xc21\xaa\x99;\xe9\xc0\xe3ov\x9e\xe7/\xcd\xdb\xae\x8e\xd6\xd2wP\xbe\x0fg{\xd6\xa3\xff\xf3`\xbb!\xf3\x85\xa8\xec\x90\xc6\xaa\xf4\n\xb9\xe9\xe1OA5P\x80b\xc3g\xde^rB\x19=q\x04\xd0q\xd8\x85\xbaC@\xa4\xdc\x9c\xda\x96m96\x93\xe6\x9d\x7f\xe9!\xc2E\x1f\x8c\xb4\x19x\xfc\xff\xa9\xc9\xa8\xe1\xa1j\xf2\xc9\xc7\xd4\xccQ\'\x11\xaa\xbc\x1dp\xed\xbd\xa7\x15\xa5)\xd7;\xb2\xa8\\Z\xf9BH\xb5C\xcd{\x18\x81\x02Vw\xa8\xefY\xcb\xb5\x1a\xa70\x90\xe0&gt;44\x91\x1d\x87-\xd0\x18IdF\x9cz\x87\xee\x10\nE\xd9VcO[\xfa\x9a\xdd\xb7\x85v\xfb\x15\x00\x04\xd5g\xc2\xb5\xa1\xe6\xff\xa5\x94BTW\x98aH\xad\xfc\xaft\x1e6L+\xdc\xd4\xd1\xf6\x18\xb3\xf8\xc8\xd9\xf7e&amp;*\x19\xcaf\x97\x9e\xa7\x05\xcfD\xad\nm\'\x06\xcc\xa1\xc7\x98\xc5J"1\xdb\xa9O(\xd9\x02\xf1P\xff\xb2{\xbf\xd1\x1dC|\xed\x7f\xcc\r\xbaCPCU\xa7\x1e\xea=\xb1vA\xe6N\xef\x10\xc9\x8f\xf4!\xdd\xf6\x1c\xd2\xb0-A\x04_@\x1f9\x1czz\x9e\xf5\xd0\xa8\xf7\xe9\xd9\xcf\x8b\xee\xde\xea9&amp;\x00p\x16\xd9U\xcd\xf8_&gt;\xddm\xc0\xb9&gt;\xe6r\xdfm#Vr7\xd0;\xff\x968\xdc\xd9\xcc5\x7f\x00W\xdc\xff]x\x99\xa7\xbc\x89\xc93dw\xb9\xe0%\x14Z\x07\xecz\xb9\x9a\xaa\xce0"\xd9x\xf8\xd1\x1d\t\x94\xf3\xca[7\xe6\xaf\xfa\xc4\xeb,\r\xf7=\xd5GA\tU\xbe\xed\x84\x90r\xceibj+\xe9\x96bBI\x03\xea/\x13\xe3\\R\xca\xafK\x0e\xb5Q\xb7k\xdc_A\x1f\x99\xeb\x9f\xfcCw\x08\xd6\xe8}\x81@\xba\x1du\x95\xbf\x19\xcfY\xf1\xae\xdaH\x12\xc7\xd4\xfaTj?IW$A\x04oC\xffpw\x1aT\xaa\xf9h\xbb\x00L\'RR\xca\xef\x93pj\x15\xff\x08\x83sX\xc6BX| ,\x17\xde\xfe\xb9\xfb\xc4\x85T\xd9\xday\x9dAJ\xd9\xbc\xdf\xec0B\x89\xb3\xe6\xfd\x8b\x16YJ\x19\xe0\xd5\x93M\xa4\x94B\xec)\xaa\x1c D\x03Q}`\xf1\xf4RB\x88eO\xfc\x1e\xd5E\xce\x06&gt;\xe6)\x84J\xe1r\xfd_\xf9\xc0\xf7\x11\x04\x03\xc4\xdd3_\xdb\xd5\x96\xb2a\x14\x17A\x1b\xf4\xc0\xfb\xae\x8aHtk\x98\xe8\xe0\x03\xa8\x9c]\xf0a3V\x0b!D\xa5~%\xbeo2*\x8c\x9b\x9cc"\x11\x0b%\xa5\xdcw\xec5\xa2\xfc~\xba\x03\x01PR\xacZ\xc6\xb7\xff\x89K$\x10B\x08\xd1\xcc\xf9k\xe3\xceSr/\xaa!\x84\x10\xa2\x830\\\x9d\x96R\xb6&gt;h\xae\xa7\xe2\x07L]\xe1)=,\xc5\xa7\x82\x03\xfa\x9dx\xf9s\xbaC\xd8\xc1S\xe5TR\x93w\xe9u\xba\xddW\xb1m)\x86\xcf\\\x13MAwm\ne\r\xfc\xf7E\xcf\xd9\xba92\xcb\xa4y\xec3)\x84\x10U\xfa\x1b\xbf\xfa\xa9xvc\x07,Dg\xafa4\xdb\x7f\x96\xd7YR\xa4RxYK)3\xf7\x84Zm\xe5\xce\xe1\x95\x0bD\xca\xb4\x7f?\xfbm|\xfa\x98J\xc2\xa6\xcf\xf3\xf4\xccIl{M\xb5N\xbe\xea\xc5\xb8.i\x1b!\x84\x10\xa5\x14\xdekS\xa5\xe3\xb1n\x92e{\xd6\x93\xae|\xc1T\x84\xb4\xe1)\x8ct\x8b\xc3\xdaXx\xe7\x97\xb9\x1bN\x88N\xba\xe2\x01`\xcd\xae\x01\r\xb1a\xdd\xf5\x08\x97?\x1e\xdbQ\x15X\x90|\xa2ig_\xfb\xcd\xae\x94\xd26\xd3\x83\x1ay\xe6]V\xfdk\xe6\x8d\x81\x8d\'_\xf8\xe4\xa5\xf7|m\x95 \x1a;GU\x90\xb58t\xae9\x1a\xbbI\x14\xcb\xc8\x01E\xa6_\xf9B\xde4\xc9\xaa\x03\x114\xac&gt;\xae\xa0fT\xea09x\xe9\x01\x97\xce\xf7\xec\x8d\xfb\x9c\x11\xa4\xdc\xb0\x1dv\x86E\x07\xbc=\xb3\xb0\xa5\xba\x8b\x86\x87\xcc\xba\xe9\xed\xc29\x036]3X\xbb\xd1\xbc\xa4{\x1d~i\x84\xe1\x00\x08`\x9f#\xaf\xfc\xdd\xb1\xb5\xd2\xd2\x96\xb9,\xd4!\xd9\x9f\x8e\x97I\x95,\xd4\xf9\xb7~\x14&lt;\x13)e\xa6\xff\xebw\xec\x8d\xcb\x9e\xf8=H&gt;)\xeeu\xac\xfa\xd7\x16\x99\xaf\xb6J\x99Yo\x05\xd2\x01\xc7Ie\xe7\xaf\x9d\xb7\x02\xdb\x08\xc8/\xce\x1dp\xba\x84u\t7\x02\xd5\xbbL\xcd\x9b&amp;\xe0\xd5u7=k6\xcd_%G\xea(\xc8\xdd\t@\xb4\xa4\x94?\xc7\xb8\xad1\xbeAo\x97^~^\xe2\xe6\xf3\x98z\xd7#|\x94\x15\xb9@\xc3;\\\xb0\xfaS\xa5\xc1\xc4N\xb6\x1f\x1d?\xef\xd1\xec\xc4\xa7\xbf*\x9a8\xe3\x9aW\n\xf3\xf4w\xb3\xdf\x85\xd5\xbd\x96\xb8\xfd\n)T;o\n\xdd\x15\xcf\x1bo\xed\xe9\xce\x87XO/\xdbKU&lt;\xea\xd4\xf7\xbd!"\xdc\x82\xad\xa3*\xc8\x15C\xff\x9a\xbd\x13{7\xabo\x91\x87\xc2\xb5\xe4/+6\x13\xa0\x9e\xa9^-{\xfc\xb7 \xb3\xfb\xb0\xe4\xd1_\x02\xe6\x10s\'\\\xb6A\x88\x8a\n3l\xd0c\x860\x9cHe\x1fDV\xd5D\xaam\xeb\xa5\x94\x1fI9`\xca\n!\xaa\xec\xf8\xa2\xeePz\xdf\xb8\xd9}\xf8\x02\xdd!\x00\x89\x95\xb8\x9f~\xa5\x94B\xd4\xc9~\xf6\x97\x95\xd7\x11\x94\xfc+\xd5#\xa2\x82\xd2\xa5|\x9b\t\x99\x8d{\xc3S\x7fJ)7\xfe)\x1f\xfa\xd0x\xe5y\x8f\x92\xa9\xfbh\n\xb3\xc0\xed\xae;\x00@\xa9V\x03\x1d;\x86\x1a\x03\xcdS\xea\x0f\x0b/\x98\xf0lw\xec5\x8f\xb9\xe8\xa9\xc8"1\xa8\xaa\xa3\xd0B\xe7p\xfc$s\x0c\x9f\xb9\xa6\xdf\xb17\x1er\xda\x1d%\xd2\x95\xe9\x19z\x94p\xfc\x11\xfa\xe2\xb5_8\xcf\xcb\x15\x0b \xbe\xd5\xc0\xb9?\x8e\xbf\xe8W\xac\xb1D\xe3g\x1f\xef\x87\x8e\xbb\xb2\xbdD\xa3\xc3DYz\xd9\x04\x8bm\xcb\x03D\xa5\xd6`\xe5YFV\xaf\x9e\xdc\x12\xf3\n\xdc]c\xd9\x1f\xa7\xb7us\xb3\x83\xcd\xba\xe9m\xcb\xe9\x0b\xbc\xbcX\x13y}\x16`7;r\xf6}\n#\x01\xd4\xbb\xfc\xfe\xeft\x87\x10\x0b\xb9m\xee6\x8b\xa1e\x8d\x1a\x86\x1c\x91\x1a\xff\xba\xf8\xb9\xfa\xe6\r\xdcaT\x84\x95\x107\xf3n\xfbX8\xbd\xd8\xd4\t[\x13)\x94\xa9\x12\xd1sY\x9d\xd4\xd6\xba\xaf\xfc\xe6\x96\xf7\x07\xaah\xe4_\x1b\x15\xfbJ)\x9f\xdc\x92\xb0\x0e8Y\xd1F\xa6q\x9f3u\x87\x10\x86}\xdc$\xca\xdd%\xd8I\x00\x08\x11m[@\xbbc2\xe9\xc2\'\\\xa6T\xb8\xea\xb4\xbc\x13:\x95\x9b\xde\xf7\xe5\x99T\xae\r "\x01\xaf\x8b\xce]\xf9\x81\xc2`\x8c\xe2P\xb1\xd5\xc6\x10\x87%\xca\n5\x18\xab\xcc\xdb\x87W\x9c\x02\x95\xfa\x15\x7f\xaa\xa03\x0c}\\\xb6\x03\xb9i\x1a\xf7\x8e\xf5[@\x00o\x82\xb7\x8cu\xbbNw\x9d\xff^\xba~\x98\\\xf2\xc8\xcf\xd1\x17\n\x85\xb2\xbb\x8d\xf2\xfd\xc7{\x86u\xed\xbex\xf3\xaf\x18\x1d\xf4\xc4Z\xe5\xfe\xce\xab\xbd~\xf7S,\xa7O\xbb\xe2\xf9p\x02\x02\xd2\xae\xef\xa4\xeb\xd5fx\xe4\xec\xfb\xd5f\x88d\xab\xe7\xf9Y\xf6L7`\xd9\x19\xc4\xea\x12\x82W!\x05\xdf\xff\xb8\x9b|\xcc\x95\r\xc6x\xfb\xc5\x15\x0f|\xaf&amp;&amp;\x00B\x08\x7f\xef\x06\x88L\xf6\xe4;\xd1\r\xabWj\x17\xf6\xc8sbt\xc4\xe3q\xd1Z\x85\x15G,\x9dy\xfd\x9b^g\x89y\xbd\x88yx@AX\xfdj\xd0z\xf8\xec\xb7\xb1\x1b\xb2\xd8I\xc3\x12\xaf\x8b(\xd8f\xe8\'/\x0b\xbe\xf8\xe1\x9f\xec\xbe\x8ax\x05\x9a~s\xd1\xf23\xbf\x8f\x07~\x9cs\xdeZ\xfc\xed\xab\xbfz\xcb\xb9\xeb\xa8\xcb\xbdF\xe22$ \xd6\xce\xfb\xef\x87\xbaC\xc8\xc3G\x05{p\xb3\xd3,S\x17\xad\x0f\x10\x8e[\x95;\x1c\x13A)Y\xf3n\xfbx\xd4\xac{]&amp;~\xec3\xda,3\xdaq]X\xf3(\x08=\xc7^\x93;1\xec\xbd?f\xb5\xabT\xe6?7\x8f\xcc\x8e?\xff\x11\xd34-\xcb\x12\xf8\x91h\x86\xb3\x8f\xdbNh\xc12\xc2\xb7\xb6\xc7.\xec\x9b\x9e\xf9\xdb\xeb,\x03\x8f\xff\xbf %\x1e\x15\xa7_7\x00\xc4G)\xdd\x01\xc0\x15U\x1dp\x9bA\xe7+\xc9\'\x97\xaa\x08\xfbNV|?cp\xf1?\xfa\x01\xe2%H\x9d\xf9;\xc0\xbc\xad\x06\xce\xc9|\x88\xd9(\xbb;e\xfe;\xfe\xd2g\xa3)\xef\x94\xab_\x8a\xa6\xa0"\xb5\x06EZ\x9c:\x8d\xfb\xa8y\xfas\xc6\xe2\x97\x95\xe4\xa3Z\xd9\xe2\x0f\xa5]\xce \xa5\xac\xba\xfbq!E\xe3C\x8f\xa3\x17\xeb\x0e\x01\x00b/\xd23\x95\n}\xd5\xe6\x97\xca\xd3,\x1f\x0b\x95\xa6\xf5\xb0\xe8\xee\xadB\x88}\xc7\xd0\x85\xa3P\x19\xeb\xf3\xdc\x95\x1f\xdc\xf5\x96S\xf5\x8e\xae\xf2\xd7;8\xa2\x82\xdcIS\xab\xe7UL\x96}\xe1\x9d_\x0e&gt;\xe9\xbf\xea\xf2+}\xf9}\xdf\x06\xce\xa4l\xfe$\xbe\xb3n9\xe6\xf0\xb3\xee\x0e/\x7f\x07\x91m\xf1so~/&amp;{\x17\x00\x95\x16?\xf4\xa3\xee\x104\x182\xfd\xd6`\x19\xc4w|\xc4\xba\xfb\x9c\xbcs\x8f\x99\xaar\xcb\xb4\xfb\xe5Z\x8dS\x95\xa11[\x14\xa9v`\xde$\xac1 ,J\xc6\xe7;\xff\xd6\x8f\x82g\x92W\xa3\xde\xa7G\xd3\x16\x9c\xba\xf45cAk7\xd2\x00!\x9d\xee\xded\xb5o79"\xf2@\x80X\xa8c\xfa\x9b\xb7\xfa\xe4\xd3ZI.\xc9\\\xf6\x12\x9a\xf5\x9b\xed2e\x90\x97\xae\xe7\xba`\xcdgn\x92\xb5&lt;p\x8e\xd7\x9cykr\xe8\x1a\x8d\xb4\xf9\xc2|\xc7\xd9\x0fn6D\x9d\xa1A\xe3\x01"W\xd9\xf0\xd9\xfc\xc0\xa8\xb1\x01\xaa\xb9\xc7\t\xb4G!I\xc7\x8a\xdd\x1eN\x8f\x15\xc1\xca\xb1\x1b\xf0\xd9\xa1\xe8\x89\xf3\x1fs\x93\xf3\x88So\xf7\x1f\x96\xc1\xaaW\xa4\x10\xa1\xf41\xe9\xd8\xf7\x80\xa4\xe8\xea!m\x99\x9e\xa1\x85\xe1Y\xc3\x9e\xa7f?G\xfcl~\xe5\x0e\x93#+\xabl\xcb\xb1\x91\x95\xa5\xd7\xda\x8d\x91\x9fb6\x1d\xe5%um\x15E\xbaz\xbd| \xb5\x06\x87^\x84*5\x0e\xf2&gt;OW\x87\x9d\xe4;\x8e\x1e\x90@\xe5s\']\x13\xfd[\xf9&lt;\xf6\xee\xd9z8\xe3\x9aWB\x88&amp;o\xd1]".\xb4\xc0%\xe3d\xba\xca\x01\x17\xba\xbb\x06\x0e\x00\xb6\x14\xb6M\xb9YE\xf0s\xda\x9c[6\x07\xcc\xc1\xf2\xb5\xb2!\x85-\x8b\xe5\r&amp;\xa1&gt;\x08\x16\x7f\xef\t\xd7\x86\xf1r\xdf\xc4\xad\xd5i\x97?g\xfdE\x95\x03\x8a?U\xb6N\xe0Wd\xabH\xe1\x986\x89\xdb\xac@\x91\xddG\\\xe42e\xee^nw\x83\xae\xfb\xfa\x10\xcf\x9aS{\xafi\xd9\xcf\x0e\x1dI&lt;\x837\x8a\xcf\xd5l\xed\xeb\xea\xf1d\xbe|\xe2\xa0\x13o\xb1\x9c\x9eY\x9fW\xaf\xdb\xa6}\xc5F\xaf\x00\x17\x19)\xe7j\x9f\xce\xb9\x01\xc4f\xaeF^jHs\xd7)\x03\xda3\xfb\xe3\xf7\xa9K_\xb3Lay\x06\xec\xa8s\xe0\xa8\n\x97\xf2ft;\xedr\xe1\xa13F\xfa\x05yY}\xf0\x1a\x12\xa4t\x1f\x05\x85\x91\xad)\xe7\x18\xb6\x1a\x1b\xff\x8c]H\x0eb\xb8\x02\x1d\xafoWq\x99\x83\x920\x94d\xd2\xfd\xe8\xab\x83\xe7\xe3\xc9#\x9f\xe8i^\x80xj\xa6;\x80"n\xeaX|\x1a/+-\xa5\x94\xd7\x18\xde\x03\x1f\xd9\x12\xa5\x95\xe5M\x06\xab_U\xb0\xc6&amp;\xcc{4x&amp;I\xa7j\xdf{\xe5\x17\x0f\xf9\xb0\xc3\x03;\xdc\xf6rb\xea\x83\x9b\x01c\xf5VoS\xe9\xe3\xcf\xcf\xd3\xca\xa7\xbe1\na\x01\xcb(\xc9\xa5\xdf\xb17\x1et\x82\xf5\xcf\xae\xee\xa9^\xba\xf6JsS\xac\xf7\xf8\xa5y\xd3T\xeexL\x04\x91\x00\x89\xd1\xff\xb8\x9b,\xa7kl\xfa\xfd\xbdC\xad\xd7\xb8%\x99\x0fo\xa9\x18\xd52\x11\x92x7o\xe8\xea\x0f{\xee{U\xeb\xa4\x9e\xe9\xef\xbe\x93\xaeS\x94s\xac}\x1e\xa7\x9d\x8a=\x1c\xe9\xe4\xbcg?\xf0\xbe\xfe\xfd\xbeq\x9f3]\xa7-\x15b\x1c1\x16\xc3\xe6I\xfb5\x86\xcd\x8e\x01x\xba\x1c\x9a\x9byH\x89c.i\xcb\xa2f\\X \rvj=^y\x9e\xbfK)\xa5\\\xbe\xfeo\xe59G \xec\xe6,i\xcd\xa5\x02\x1d\x87]\xe8&amp;\x99\xc6k\x06\x7f\xb9+7\x82\xdb\xf4b\xbc{\xe4\xed8\xab\xba\xc9\xe5\xce7c\xbb\x80@8\xe6\xdd\xf6\xb1\xee\x10b\xa1\xfb\xe8\xab\x85h\xa7;\x8a\x98\x9a8\xffq\xd3\x94\xfd\x8f\xb9!\x92\xfe\xa0s\xe6\xbf\x18\xf7=EL\x11\x1e\xbfh\xbd]\xca\xe0\x03\xce\x00H\xa4\xe0\rY\xb5\xceS\xfc\xcd\xf8\xf6\xdf\xceE7\x9a|\xe1\x13\xfer\xf6\xa9\xee\xc1\xce\xdf[\x9eu\x8d;\xef\x91\xd0\x02\xb2(\xf4\xe8\xff&lt;hJ\xf0\xd2ON\xab\xb1`\x7f]V\xf6\x82\xa6\x8a\xfb\xfb\x98\xa9g\xf1}\x0cy\xe5\x1d@\xcd\x93\xe13\xd7(\xc9G\x08!\xa5l\xd1\xff\x1cU\xb9\xe5f\x1eR\xce@\x02d\x9f\xc4=u\xe9ke[\x8e}\xe8\xc3d\xd7\x87\xcc\xe2T\n\xff\xfd\nj\x1b\x8e\xe4&gt;\tmU\x84\xc5h\xe4\xc14Q\x9daF\xe53\x96\xbd\x11N\xceA\xb4U\x92K\x18\x9b\xbbT\xf3\xd1\xca\xf3\xb4C\xc7\x0cD*\xe6\x9d\xd0\x80\xa9+\x84\xa8e\xcc\xca\x98[n\xce\xb3\x97\xbf#\x84\x10\xa2\xb2\x10\x1d\x9cs\xfe\xd7\xc5yO\xab\x81s\xec\xbeR\xf5R&lt;g\xc5\x11\xb6\x8a\xa0,G*_@T\xf4\x1e\xc0\x10uv\x99\xee\x83|\xbbS^\xe1\xfc\xd2\xbc\x8b\x8aL\x00hQ\xbeO\xf6\xa3\xf6;iM1\xf8\x88g\xab\x97\xb1\xa3\x97=\xf1{\x97C/Q\xfb\x82\xfa \x16\xdd\xf3\xb5\xee\x10\xd2\xe3\x1f\x9b\xcd:v\xeeC^\xb3\x92RN\xbf\xea\xc5\x18]P\xa9\xdc\xcf&amp;CWc~y\xc2i.\nO\x83\x11Q\x96\xe6\xbe\x8e\xf9\xae\x8dC\xa6\xdf\xeao\xc6\x088,\xd4W\x81[\x9f\xe3\x16&gt;\x1d\xf6S4}&amp;.\xf3:\x8b\xf2\x18\x12\xcd\xed\xf26\x18\x1en\x1c.\x14\xda\xa6\x01\xf4;m\xe9\xeb%\'X\x1c\xe7&gt;\xf3uA\xd7\xcc\xa9\xf6\xb7\xad\n!\x0e&gt;e\x95\xd7\x0c\x7f\x97R\x08q\xfdS\x7f\xf8\x8fI\x08Q\xb2\xc5\xdc\x1a\xda=V\xd1\xb7\xcb\x8dz\x9f\x11q\x89.m\xfa[\nQ_m\x9eI\xe9\xf6\x92\x12\'\x90$\xbe\xeb\xd5\x8b\xdbv\xcc\x18d8!\xe71\x16L\xda\x0c:\xcfwA&amp;\x9e\x8e*:\x1c\xec\xea\x99T\x8fv\xef|\xc8\xc2\x10\xb2U\xec\xfe\xf7\x94\xb6\xbc\xbb\x1e\xa1"\x97\x06*2\x89\x05O\x15\xf0\xa2;\xb6\x84\x17\x89\x83+\x1f\xfc\xc19A\xbfcn\x8c&amp;\x12 \xb5\xe6\xaf\xfa\xc4]\xc2j\x0e\xdf95(MF\x99&amp;\xecu\xf8\xa5\x01\x8f\xac\x03&lt;\xb9\xe1j\x04\x80&lt;\x9a\x9a\x97H\x08\xb1\xe4\x91\x9f\x15\xe4\x1c\x15)e\xe3&gt;g8\xae\xc3r\xc6\xc4B\x08\xe7\xd1\x15\xc29U2\x0f!\x19ZAj\x9c\xbe\xec\r\x11B\x84a/r\xd5N\xc75\xdc\xf7T\xd3D\x9eN\x06\xc2\xb7S\x9f\xfci2*\xf7\x0f3\x0em\x82\xdfz\xea&amp;M\xdd}\xa6;\xcf\x15\xe7A\xb5\xfer\xf1\xfa\xc8\x10\xe3\xaf=\xc4\xf8\xd7\xaf\xc6\x82\xd4\x9cX\'U\xbe\'\xe9]\xf9B\xca\xe7\x7f\x88\xef1\rP\xa0.\xbd\xf7\x1b\xaf\xb3\x0c\x9b\xb1\xda9A\xbb!\xf3\xfd\x86\x13#at6\xa7.}M]f\xd5\x03Dh\x1e\xfc+\x9bU\xe6C\xe3\xc8\x7f\xa9\xd5u\xca\x1b\xe7Sm\x00)\xa1\xf0\xcdb1o\xb3\xe2\x11^G\xe3\x1f\xc1_\x95\xa1y\xa1\xf2\r\x1ff\xa9T\xf3\xa3\\\xa6\x0c\xb2tA~\xc6\xde\xf8\xa7|f\xab\xd7Glw\xb3\xfd\xa6\xea\x00!Zgr\xf8Q\xdd\xf6\x9a\xb9\xe4U\xf7\x89\x9f\xf8&lt;[\xee\xce\x99\xff"\xd9sx\x9b\x02\n\x83\xc7\xeaT!\xc0\xbc\xb6\xf6\x1d{\x8d\x92|\\Z\xf3\x9a\x9f\x07|#\xee\xb1J&gt;F\\\xe5\x87\x08\x7f \x0coI\r9\xabyko6[\xcb\x98\xe3p\xe44~\x9e\xd3+\x9f\xddG\xf8\x9e\x94\xa2\xfe\xf0\x80\x99\x00H\x8f\n\xed&amp;\x86\x94\xb3\x94\xd2\xd8M\xba\xe7\xe39\x1f\x97"n\xe6J\x14W\xbaG\xb9V\xe3\xdc&amp;\x0e5\x92\x08c\x90R\x8a\xaa\x03\x9c\xd3\x9c\xb2\xf8e\x870b\xd63\xe9|E\xc7e\xf7}\xeb&amp;\x99\x96\xc32\x00)\xf1\xe4\x16=\xbd\x05\x84\xc7\xb5\xfa\xf6?y\x13w\x0b\xbc\x99vM\xd3\x86.^\x96fA2y\xee\xfb\xa4\xaf\x10\xe3E\xb8\x02}\x0b8\n\x91\xbb\xb6\xacv\xce\x14\xa7\xc7\x90\x12\xa8\xb2\xc2\xbcd\xb1\xec\x9fj\xf2mv\xa4\xc3\x97\xeb&gt;\x08k\x14\x0e\x07\xfeJ\xf44\xd71\x17=\x95\x9b\xdee\x0e\xab_\r\xfax[\x90\xd9c\xee\xdew\xf2,]d\x8bo|\x85W\xba\xd79\nF\x8d\x81\xba#P&amp;\x9a\xd6V\xa1\x13/\xdb\xa0$\x9f+\x1f\xfc&gt;x&amp;\x91\xb4hMLe\x05\xbcb\xfcQ\xc9Y\xf6:\xfc\xd2\x92\xdfW*\x91y\xb9\xde^\xf37\xb1\x8b0o\xe4\xa3\xcf}\xc0\x18L\xb4J\xc5\xf9Y5%\x94&gt;\x0b\x00\xc4Rd\xd5,\xf76\xd4?u\xd7\xf0\xbc\xde\x95R\x886\xa6\x89\xda\x1b\xa6\xb8i=pn\xe6CHk\xa6\xfb\xd1W\x0bQ\xb1\xf8\xaf\x8e6\xa9\xeax\xcd\xd6E\xb4\xb5\xc3\x1eg\xdb7)\xe5\x86\xef\x14\x147\xeb\xc6\xb7\x83g\x12*\x87\x97\x80\x01q\xf4n\x80\x86\xa0\xc7\xd1W+\x8cd\x9dD~\x00\x00 \x00IDAT\xc4\xa4\xcb\xa1y\x86]\x8c[\xdf6`\xca\n\xd3\x14\xd3\xe5\xe5\xf0\x0c&lt;\xe1\xff\xbe\xceW\x8a\xe9D3\xf7E\xce&gt;\xe2\x1c4m\xa5\xd7Y,\xf9^E\xa6\x19Mk[\xd5\x9a\x0fc\x0b\x9e|\xf5K\xca\xf3\xb4s\xc7\x1b\n\xb6up\xbe\n\xddY}\x1c@|\xb4\x19t\xbe\xc6\xd2\xe3\xd6\x89F\xc2\xd5uHOk\xc6\xf5\x98\xa0;2W\xbe\xe6\x83\xbf\xac\xc9\x99\x8f;\xb1/\\\xf3Yh\xe1\x00@\xcc8\xb4\x92{\x8f\xba&lt;w\xe2\x94K\x9e\t1\x9a\xd0$\xfd\xb8\xc1\xd3\xd8\x90\x1d\x0e\xbe \xbcH\xdc\xfft\xadn\x9d\xd7P\x94O(\xa2\xb9d\xe2\xd5\xfbq}V\x1eH\xb3\xf0\xaa\xd3{R&gt;\xf6Ydu\xb5\xa3P4\xfem^\xab^\xf1YJ\x93\xfd\xce\x12\xa2\xa9\xd2X\xec\x95\xde\xd7\xe1\xcb\x92\x1b\xbd\xddc\x9f\x86\xbe\xdeB\xdb\xcdZFXV!\xe0\x820\x10!\x8d\xf7\x95x\xcdm\xd4\xac\xfb\x14\x96\xee@J\xb9\xf4\xd1_,\xa7\x07\xc9S\x08!\x1a\x8d\xf4\x908Z1\xe9\xb7\x14\x9c V\x0ft\xcf\xbfM\x00-\xfc\xe56\xef\xb6\x8f\x83\x04\x93_\x95\x03T\xe5\x94w\xcd\xfbyWfS\xa7\x87\xe5\x9c]\xff\xd4\x9f\xbe\xe7\x05\x12 oK\xe7\xb5)\x8cI#\x1e\x92sW\xbck\x9ar\xd8\x19w\xe9\x08$\x10\xdf\xcf\xd1\x06)\xf1\xae\xb7|&gt;"\xfc\xbd\x9e=\xaa\xba\xc3w\xb1\xda\xc9}\x04\x13Z\xfcM\xc2\xc84&gt;\xcf\x13\x02i\x10\xab\xf6\xab\x00\x9d\x93s\x18\xe1\xd2\xc2;\xbf\x14\x95\xfa\xf9\x9b\xb7\xccnc\xfc\xcd\xe8\xc6\xa8Y\xf7\x86\x94\xf3\xac\x9b\x94=\x96\x13\xden\x1f\xcf\x1f\x95\x83\x988\xff1\xdd!\x00*\xc4\xb5f\xe6\x8e\xa5\xe5I\x175Q\xf8d\xf1\xbbc0\xed\xd5f\xe7\xe9\x0e,!\xc4q\x17\xff\xcf}&amp;W\xaf\xdb\xe6X\xb8\xca1\xd1vj=^anzM\xbd\xe4\x99\xe3\x17=\x1bF\xceR\xca\x91g\xde\x15F\xceB\x88\x9b\x9e\xde\xee\x9c\xa0t\x8b\xd1!\x15\r\x14(\x05\xddv\xc3C\xa5\xc1\xcd\x1bB9\x0e\x90R\x06\x1c57}\xa2&lt;\x1f\xfa4pA\noAh5pn\xa7C.\x0e\x18\x8f\xa9\x94\xc8\xd6\xa4\xee\x03\xe5V\xee\x03\x182\xfd\xd6\xe0\xe5\xe9^^ *\xc5\xfbz\x85&lt;\xe9\xd4yO\xda\xda\xf0\xad\x14\xa2s\xb3~\xb3\xbc\xd4\xc0\xe6\xbe\xab\xeb\xd0\x93o\xf37c\xc4\xf4\xde\xdd\xe6O\xf96\x13\xa4\x94\xa2\xaa\xddM@\xed\x9d\xc3\xa8\xd4a\xb2P{\x0f`\xd9^\xf6\xc1$B\xb9Ps\xff(\x92\xbd\xe2\xc4\xcb\x9f\x8b\xa0\x14\x00\xd62\x1d\xed\xff=\'\x85\xa8"\xc4nc\xe7&gt;4\xfe\xfcG\xb3\xd3\xb3\x9cs\xc8\x99\xb6\xf7\x92G~\x0e-\xe4\xf4pX\xb7-\x0f\xfcOx\xe5\xfe"\xa5\xb0\xd8pU\xd4\x96\xf2\xf2O\xa9=m\nx\xcc\x94\xd9\xeew\xbei\x99I}/E\xec\x1d$\x8cP\xf5?\xf6&amp;\xdd!\x00\xea\x84q\x9eT\xdc\x01\xd4t\xf8\xd6\xae\x93(\xd5\\\xc1\x8fI\xee\x17*}\xb7\xae\x18\x85\xbah\xed\x86\xcc\xb3\x9c^\xbd\xf3\xd4\xf0\nU~\xc7~\x9a\x14\xc2\xb2\x9f\x7f\xebG\xbaC\x00&lt;jy\xe0\x1c\xe3\x9f\x86\xfbE\x1by\xcd\xcaM%\x97R\x96\xfc\x89\xa8\xaa\x10\xf5\xb2\x83B\xec=\xear\x97\'\xc1I\xb3\x9b\xee\x00B\xe7{{\xf9\x9b\xb1\xd3\x88\x8b\x14\xc6\xa0W\xf0\xb7\xf3*\xff\x85b\xc1\xed\x9f\xe7Mv\xd9\xbd\xdf(,\x14@\xb8\x16\xdc\xfe\xb9\x94\xb2b\xbbIB\xd4\xaa\xbd\xd7\xb4\xdc\x04\xee\xafB\xdb\xab/v\xea\x93\xfd\xc3\xf2\xf6\xdd\x089\xbe\n\xdef\x08\x02\x85\x07\x1f\x96\xf9\xf4\x9dt\xbd\x92\xcc\xad\xca*\x1fF\xce.\xed\xda\xe7\xcc\x84v\xc0q\x13\xfc\xb5c\xbf\xdb\xe70{\xf9;\x013\xb7\xc3\xd6\x07\x9cH)\xbf\x90R\x94\xd9\xf7\xb4k_\x97R\xeeY\xf2\xbd\xad\xc3g\xacq\xd9\x01+\xb91\xc7\xf8\xe6\x80 U7\xecj?{\xf9;B\xd4R\x99\xa3\xe1\x00\xc5\r\xcb\x05\xdc\xb9\xc7L7\xc9\xa2\xa4=\x00\x7f\x94\x87\xad\xaa\xe2$K\xa6\xc58\xf4\xf4\xb5\xba\x03\x01\xe2JJy\xe3\xd3\xdbE\xd5\x032\xb5\xe5\xe8\xff&lt;h\xf8\xb2\xa9\xcca\x97I\x18\xb1\xe5\x0ec\x99\x8a\xd6\xca\xe2\xa1\xdbM\xdb\xe3u\xc1\x13jYn\x9d\xcc\xef\xa3\x96_\xa5ckJ)E\xdd\xa1\xf5\xba\x9d\xac;\x10 \xae\xa4\x94S\x16&gt;S\xad\xd3\x94L\xffZr\xf0\xa3\xce.;`\x87\xcc\xed\xbf\xec\xe0/\xe0ptS\x93M\x85\xbe\xfe\xe6;u\xe9k\x9e\xd6mg\x9b\xb72\xd7\xe9:]\xc4\xa1M7\xac\x87\xa5\x8f\xfe\x12^\xd1\xcas\xdef}g\xb8\xb7\x82\x86\xcf\\\x130\xb0\xa7\xbe\x88K\x07\xbc|\xfd?.S6\xecy\xaa\xe5z+1\xb1\xc1\x08U\x81\x01\xa1\x88\xf8\xe0w\xa7\xd6\xe3\x85\xa8+\x84\xb8`\xf5\xa79E\xef\x15\xa4\x03\xce\xf76\xdc\xec=P;y\x08\xd7\xb5\x9b\x9e\xf9;\x8clC\xd3\xce\xf4\xf7g\xeeV\xb5\x9a\xbd\xa5\xe6\xa0\xbc\xb9E\xb9[F~\xfe\xd74\xec\x02\xbc/Q\xb8\x8f\x17\x1b9\xc7\xa6\xe4\xa7% 1\x14\xde\xef\xe3\xe0\xeeM\xd9"*f\'\xf6\x1a\xbfT\x08!D=!\xc4\x86oe\xe3&gt;g|\x1b\xec\x0c\xd8\x88\xca\x99+V\xebd\xc5\xb3\xff.\xba\xe7\xeb\xcc\xe7\x8e\xc3\x17\x98\xbe\xd5\x1e\xeak\xbfY\x9f\x9bf&lt;\xfc\x914\xec\xd2\xdel\x8a\xe4\x85\x98\x85`\xec\xdc\x87t\x87\x00\x04\xe3\xb5\x9fs\xf3p\x82)\x7fan\xc8\x9a\x94L\xd2\xacx\xe2.B\xb40\xf6\xbe\']\xf1\xbc\xa7\xb2L\x85"\xce\x9c\xb7Q\xdd}\xa6G\x16\x89\x03\x87\xbb\x10\xa4\x94\xd5:M\t\xbf\xf4\xb2\xa6\x89u\xf79\xd9\xc5\xac\rC\x08\'^\xe3\xb9Fs\xe6\x00\xe8\xb1M\xe9\xce\xbd\xf3\xbe\xc6;f\xdbn\xfa[\x8a\xb2=\xb3\x7fW\xeb&lt;E4&lt;D\x88\xeaOlQs\xfa\x1b\xaa\x8e\xc3\xcc\xa7k\xb9b\x1b\xbcZ\xe1\x9d\x82\x14\xc2\n\xcc\xac\xbdd-\xa9\x97\x8a\xd9$\x7f\x12\xd5v\xc4V\xb6W\xf4\xa5\x03\xc9 \xa5\xfcSJQ\xa6\xa7\x10b\xf1\xc3?eju\xef\t\xd7Z\xf6\xbe\x9dF(\x18=_\x89d\xb5\x95\x88\xbf\r\xdfF\xb4G\x95nqt\xf0L&lt;\x1d\x16\xab\xaa,\xcd\xfa\xcd\x0e\xbb\x08 \xa6.^\xfb\x85\xea,[g\xfe\xdb,\xe5\x1b\xbf\xcb\xff}\x95{\xdf\x95\x14u\x0fV]\xa8[\xb9U\xfa\xec\x1b6y\xca\xe1\xeeMR\x88=s\xa7W\xeex\x8ce\xfaEwo-\xdfv\x82\xa7"r\xdd\xf0\xbf\xbf\x02\xe6\xe0\x9b\xc6k\x15\xa6\x87\xc8\xc3\xa3r\x01w=\xc2S\xf2\x9dZ\x8fWR\xba\xd5/A.\xd5\xf0TDpm\x06\x9d\x17\xa4Dze$\x8e\xb6\xd1\x8bny\xdet\xcdy\xcf\xf2m\xc6g\xbf\xcd\\\xa3\xdbc\xe4"_\x95\xaa\xb3\xaa \x9dTv\xfb\xf2y)\xa5\x10u\xc2\x08Ao\x8b\xa3\xea\xf7\x82\x91g\xdem\xca\xd6w&lt;\x01#qR\xb9\xbf]\xfe\x0e\x03?\x19}\xa22\xbc\xaen\x16VJ9v\xee\xc3\xd1\xef$K\x1f\xfb5\xd4\xfc?\x8f\xf1\xafT@"\x9d\xb2\xf8\xe5\x83OY\x1dq\xa1j\xabq\xfb\x83/\xb0\x9c&gt;\xef\xb6\x8f\x15\x96\x12\x1fA\xd6\xdeG\xf6mhL;`\xb5\x9a\x8c\n\x9e\x87\xef\xe5}a\x9b\xfa\x15e\x0c&amp;\xec\r\xe1\xe6\xb0/I;\x03\x90u\xf0\xc9\xabt\x87`/\xdf\xfb\\\xbd\xd6:U\xb5t\xee\xca\x0f\x84\xe2S\x1c\xdf\xa2\xbb\xff\xc5\xe5I\x98\x10\xed\xb3\x9f\x9dg\tp\xb14\x0f\xd3KG2\x9a\xf4=\xcb9\x92\x98\xcb\r\xd2\xe1\x98\xc6\xee\xab7\xff\x92B\xec\xa5 \x9aR=\xdc\xa4R\xb5b\xe9\x80\x91~5\xba\x1c\x9f\xf9\x90\x9c\xbd\xd9\xf5+fU\x9c\x82\x18\xf9[E\x15\xdaN\xdc"\xa5\x10\xfb\xa8\r\xa6\x98\xd3\x10`\x91\x1c\xac\xec\x96\x9c=\xa7\x84\xe9W\xbd\xa8;\x84\x1d\x8c/\x10\xab\xdc\xf1\x98=G^\xba\xe6U\x0fk\xb5\xe7\xd8%!\x04e-\xef\xe6\xce&lt;c\xed#C\xbb\x83\xb3\x93\xae|!\xa1\xfb\x18P\xd0\x1c\xeb\xed\x8e\xb71Z\xbe\xb8I#O\xcd\xcd\x94\x85\xcf\x84\x17I\x01\xb3\x18d;KW\xe7\xddq\xd8\x85\xc6?\xdb\x0e&gt;\xdf\xf8g4\xbd\x94\xb2\xfb\xf2\xea\x0eu\x93\xea\x88\xb3\xef\x11\xa29\x1d0\x10\xa2G&gt;\x89K\x05+\xddb\xf4!\xa7\xdd\xa1;\x8a\x1d\xd6n\xf4\xbcf\xbc\xb6V\x03\xa6\xae\xf07\xa3\x12\xe7\xaex/\xfaB]\x8as\xbboy\xc9]\x84\x1f\xf3\x9e#\x17)\xc9\xa7T\xf3\xd1\xc6?\xe3\xbc\xaa\x81\x88\x8c\x9f\xf7h\xf96\x81\x1e\x9bY\xfc\xf0O\x99\x0f\t\xadQy\xc3\x9e8\xff17\xf3\xee\x7f\xcc\r%\xdfEaV\xba\xc5h\x87o\x93"\xe0\xf9\xd0\xd0\xe9\xb7)\tc\xd7\xfdl\x7f\xebuf\x17|\xef\xa2\x81T\xa1R\xbb!\xf3\xdd\xef-\xa6{\xbe\xa4\x94&gt;\x0eF\x81\xf8i\xe2\xediE;^[\xde\x16\x07\x9c#\x84\xd8\xfb\x88\xcb\xc2\xbb\x13\'W\x18\xa5&lt;\xfe\x99\x92&lt;\xcb\t!D\xb3\xa3|G\xf8\xe4\x96\x98\xb4G\xbb\n!:\x1f\xe2v@\x95)\x97\xec\xb8f\xeec\xd9M\xb3\xf4\x18\xb3X\x08q\xe1\x1a\xdb!T\x1d\x8a\x88\xe6)\xe7\x92/\xe5\x0c\xa6\xf6`\xafs(\xbf\x11=H\xa1^\xcb]\xf7AL\xf6p@\xab0\xaa\xeb?\xf6yf^n\x1a\xdc\xdd\x9b\\\xb5\xb0\xb9\xafZ\xca{+\xaf\x92\x07d\xdd\xcf~\xd2\x15/\xb8\x99\xfd\xd2{\xbf\t\x12\x8f\x9d\xca\x1d\xac\x87\x19\x89\x0f\x87\xbb\x85\x07LY\x11y8\xd6\x91\xf8e\x1c/zW)e\xa5\x0e\x93\x83e\xe8\xcdEwl1M\xb9\xb4\xf85\x1bv\x86\xcf\\\x13Z8@\xba\x95\xdf\xcfM\xaa?\xc3?ux\xe5g\xa7"\xceY\xf1\xae\x10\xe2\xfe\xf7\x9c\x9eM\x94R\x1a\x1f\xdaY\xf2\xc8\xcfB\x08\xe3 \xfbR\xca\xdc\xf6\xc52+\xe3WR\xca\xe3.\xfe\x9f}7\\\xc3!l\x83\xae\xee\x92\xd9\xaa\xd8n\x92yR\x801r\x9bx\xbf\x8a+\xa5\xcc\x8e}\x965\xe2\xd4\xdb3\x1f\xf68\xcc\xd5\x8f\x85\xdb\xc3\xd9\x91\x14\x1c2\x96S3\xe0\xb0]$\x9b\xb6\xfb\x1b\xf7\xb1v\xe0\x88\x02\t\xe3\xb2A\x17\x9b7R\xe7\xa8\xaa\xb6\\ \xa6\xa6_\xe9\xfa&gt;Oww3\x1a\xe9\xfay\xd8\xf4\x8e9\xafa\xd4\xda\xebD\x8bY\xca\xf6\x8c\xe6J\xa6_\xbbx\x9d!\xf8e\xe1\xcc\x94\x9dZ\x8f\xcf|\xfe&lt;\xbe+\'\n\x95;L\xce=L\xc9\xeb\xb9\xef\xa5hz\xa4\xa2\x10Z\xda\x7f\xd5\xc0k^Q\xed\xea\xb5\x04\xefDBa3\xd6\xdb\xd2\xda\xa2\x08@Q\xedm\xe4\x9c\x9b\xf1&lt;\xb8\x83\xcdPY\x06uU\x84\x14#\x9eV\xb2eb\x1aYK\x13\xe7?\x1eu\x91\x95\xfb9o\x8b\xb5\x1b\xe5\x13\x9f\xfb\xd9X\xb9\xd96\xee}\xc6\x92G\x7fq\x9e\x85\x1d\x03\x85\xe2\x82\xd5\x9fz\x9c\xa3E(q\xd8(\xdff\x82\xaf\xda\xd8%x\xd1\x1f\x97\x1c(\xc0&lt;V\xd7.\x87)\xf9=\xd8\x93\x847LN\x83\x87\xe4S.\xf3\x9f\xc3\x1ap\x7f;X\xe1\xf0\xba\xc3\x84t\xeb\xd6\xcc%\xaf\n\xc3]i\t\xdf\x8d\x01ET\xd5O\'\xee~Zv(\xc8wuux\xe5\x99\'\'\\\xb6A\xe4\x1c\x98/y\xf4\x97\xe8;`\x07\xa60b\xf5\xf3\xa1\x1b^Wc\xab\x81s\xfd\xaey\x7f\x17u\xca\xf9\x9a+Fb\xb2\xa3\x8a8E\x02h\xd4EyM\xa8\xdf\xfd\x14\xcb\xe9\x9e;\xaa\xfa\xc3\xdd\xa5S|]\xd72\xc8}\xc7^\x93\xf9\xea\xf6\xd7\xcdO(\xe6.W\x8a\x1a\x97\xddt\x07P\x82\xaa\x15;\xe8\xc4\x95E\x9f\xca\xf5v?\xd7)\x8b_\x0e\x1e\x80C\x0e5\xba\x1co\xfa\xf6\x9b\xa2?\x9b\xc4j\x8fR\x17\xcc\x1e\x86\xac\xda\x84\\\x16\x10\'\xfe\xf7\xec\xbaC\xfd^\xa4\xda\xd9Gi\xce?\xbe\xe6N\xffX\xcaf\xfdfy\x89\xca\x95\xda{gF\xac,q\x1ei\xd9\x01\x87\xd4d(\xcf6\x86M\xdb\xa7\xf1\x0b\xa9\x00I)\xfb\x1ds\xa3C\x82\x9b\x9e\xde\xae\xa4\x14\xe3\x9f\x1b\xbec\x</t>
        </is>
      </c>
      <c r="E86" t="inlineStr">
        <is>
          <t>&lt;class 'numpy.ndarray'&gt;</t>
        </is>
      </c>
    </row>
    <row r="87">
      <c r="A87" s="1" t="n">
        <v>85</v>
      </c>
      <c r="B87" t="inlineStr">
        <is>
          <t>steps_per_sec</t>
        </is>
      </c>
      <c r="C87" t="n">
        <v>1300</v>
      </c>
      <c r="D87" t="inlineStr">
        <is>
          <t>5.328739</t>
        </is>
      </c>
      <c r="E87" t="inlineStr">
        <is>
          <t>&lt;class 'numpy.ndarray'&gt;</t>
        </is>
      </c>
    </row>
    <row r="88">
      <c r="A88" s="1" t="n">
        <v>86</v>
      </c>
      <c r="B88" t="inlineStr">
        <is>
          <t>Loss/localization_loss</t>
        </is>
      </c>
      <c r="C88" t="n">
        <v>1300</v>
      </c>
      <c r="D88" t="inlineStr">
        <is>
          <t>0.052819196</t>
        </is>
      </c>
      <c r="E88" t="inlineStr">
        <is>
          <t>&lt;class 'numpy.ndarray'&gt;</t>
        </is>
      </c>
    </row>
    <row r="89">
      <c r="A89" s="1" t="n">
        <v>87</v>
      </c>
      <c r="B89" t="inlineStr">
        <is>
          <t>Loss/classification_loss</t>
        </is>
      </c>
      <c r="C89" t="n">
        <v>1300</v>
      </c>
      <c r="D89" t="inlineStr">
        <is>
          <t>0.42456082</t>
        </is>
      </c>
      <c r="E89" t="inlineStr">
        <is>
          <t>&lt;class 'numpy.ndarray'&gt;</t>
        </is>
      </c>
    </row>
    <row r="90">
      <c r="A90" s="1" t="n">
        <v>88</v>
      </c>
      <c r="B90" t="inlineStr">
        <is>
          <t>Loss/regularization_loss</t>
        </is>
      </c>
      <c r="C90" t="n">
        <v>1300</v>
      </c>
      <c r="D90" t="inlineStr">
        <is>
          <t>0.030785859</t>
        </is>
      </c>
      <c r="E90" t="inlineStr">
        <is>
          <t>&lt;class 'numpy.ndarray'&gt;</t>
        </is>
      </c>
    </row>
    <row r="91">
      <c r="A91" s="1" t="n">
        <v>89</v>
      </c>
      <c r="B91" t="inlineStr">
        <is>
          <t>Loss/total_loss</t>
        </is>
      </c>
      <c r="C91" t="n">
        <v>1300</v>
      </c>
      <c r="D91" t="inlineStr">
        <is>
          <t>0.50816584</t>
        </is>
      </c>
      <c r="E91" t="inlineStr">
        <is>
          <t>&lt;class 'numpy.ndarray'&gt;</t>
        </is>
      </c>
    </row>
    <row r="92">
      <c r="A92" s="1" t="n">
        <v>90</v>
      </c>
      <c r="B92" t="inlineStr">
        <is>
          <t>learning_rate</t>
        </is>
      </c>
      <c r="C92" t="n">
        <v>1300</v>
      </c>
      <c r="D92" t="inlineStr">
        <is>
          <t>0.04208</t>
        </is>
      </c>
      <c r="E92" t="inlineStr">
        <is>
          <t>&lt;class 'numpy.ndarray'&gt;</t>
        </is>
      </c>
    </row>
    <row r="93">
      <c r="A93" s="1" t="n">
        <v>91</v>
      </c>
      <c r="B93" t="inlineStr">
        <is>
          <t>train_input_images</t>
        </is>
      </c>
      <c r="C93" t="n">
        <v>1300</v>
      </c>
      <c r="D93" t="inlineStr">
        <is>
          <t>[b'640' b'640'
 b'\x89PNG\r\n\x1a\n\x00\x00\x00\rIHDR\x00\x00\x02\x80\x00\x00\x02\x80\x08\x02\x00\x00\x00\x83\xaf^t\x00\x00 \x00IDATx\x9c\xec\x9de\x80\x1cE\xd3\xc7\xeb\xdc\xdd\xdd\xdd\xddr\x9e\xe4"w\x17wwww7\xe2$$\x90\x04\x08A\x12 \xb8\xbb\xbb\xbb\xbb\xc3\x83\xc3\xc3\xc3\x8b\xd4\xfbav\xf7VFzfzd\xef\xe6\xf7\x01r\xb3==\xbd\xb33-\xd5U\xff\x02000pB\xce\xbf\x82Z7\x81\x83\xe0\xfe\x84\x05\x87\xaf\xbaI\xd1\x86P\xc5\x9d\xbc\xe8\xfa\xd3o\x07\x16\xcf\xe6\xfa4\xa9y\r\xa2\x9c\xdf\xceU\xc6\xb9\xc2\xdc\xf5&gt;\xce\xd8\xf3\x88\xa2\x97\xd0\x13U\x88H\xfb\x96FP\xad\xcd\x99H\xd2\xba\x01ND\x81b5\xe7*V\xb3\x81\x01\x00$BP\x9b\xd6m\xe0\x03\x11\xe5\r\xb1\xfc\x04+V3\xec\xb8\xf6\x13\x85\x1b\xaf\x02QZ7\xc0\xc0@\x18\x7f\xad\x1b`` \x8d\x14U\xaf\xe6\xd6K\xec\x19:\x1e\xc0&lt;\xf9?F\xc4w\x10\xc1\xafU\x9d\xd6H"\x9c\xff\xe3\x9c\x81\xdb\xd5i\x07x7\xabt!\x03\x03\x03\x03\x83\xeeM\xe1\xe0\xdd\x88\x08P\xa1uC\xf8\tT\xda\x08O\x84_oD\x04\x08\xd1\xba\x1d\x06\x06\xa4\xb8h\xdd\x00\x83n\x81\xae\xd7gN\xcc\xae\xeb?\x0b-\x9f\xaf\xd4\xa0Bg\xbd\xe8\x07\x10\x0fPC\xa3*YT\x8d\xb9P\xc7v\x0e\xc5\xc9\xd7\xba\x01\x16J\xb5n\x80\x93\xe0^/\xf6\x8cEG\x9eS\xa2!\x06\xce\x8f\xb1{\xa2\x1c:\xbe\xb7n\xbd\x92\x9a\xd7B\xc8\x00\xf0l\x04\x88\x00\xf0\x01(\x1c\xbc\xec\xfa\xf0\x8a\x85Uc.T}Tv\xa52\x0c9\xe5\xa2\x04\x11]\\\x9c\xb2\xe5=\x94\xf0\x0e\xf8\xcfmZ7\xc2\xc0\xc0\xc09q\xad[}\xe2\x92\xeb\xce]\xeb\xe5\xe5\x99\x93\x9b\xf7\xeb/\xbf\xbc\xff\xde{\xdf|\xfbMYY\xd9\xaf\xbf\xfe6|\xd4\xc8o\xbe\xfa\xea\x8a\xd3\xa7\x93\x93\x93\xabkkO\xaclP\xa1E\x19m\x9b\xde\xbbg\x8b\xf5\x91\x9c\x81\xdb\xdf\xba\xe3\x12\x80\xcfT\xb8\xba\xc6 \xe2\xb8\x8dwj\xdd\n\x03R\xe6\x1f|J\xeb&amp;\x18\x18\x188%h\x06|[\x01\n\xc3*\x16\\\xfd,\xae:\xf9Z|\xc3\xcaI\xdb\xee\x03\x00\xf0\xeb\xbd\xf1\xcc\xbb\xbf""\xe2+\x7fH6\x0b\xcb7\xbc\xfb\xc9\xae\xc1Y\xf0l\xdc\x7f\xcb7~\x053\xb4n\x87\x81 I\x8e;%i}6P\xbdD\x19\xd5\xda\x9c\x8ex\x80d\xad\xdb``\xa0\x10a\xcc\xe8\x9b\xda\x9b\xb5\xd3\xb0\x98\x9d\x93,\xe3t\xc7\xe2s\xea\xb5\xae\'\xc3\xb1\x07\x1e\xaav;\x0c\xb8)\x1c\xbc\x07\xa0Z\xebVtg6\x9c~\x1b\x02\xfah\xdd\n\x03\x03Eh\x9dy\xd9\xaf\x88\xd5c\x8f\x08\x96\x9c\xb9\xe7\x91\xae\xb5\xb2\x81*\x08\x04\x84\x19\xe8\x80"\xad\x1b\xe0\xec\xe8&lt;&amp;D\x03\xa2k\x97\x82[\x9d\xd6\xad\x10$Z\xeb\x068=\x91\xd5\x8b\xcd\x03j\x80\xe9P\xc8\x00\xbe\x13\x92\xc70\xe5G\xae\xb9%\xae~\x85\n-\x14\x89\xba\xf1\xeb\x8aa\x11\xfa\xf2\xd5\xb2\x15\x06\xe2)\x18\xb4[\xeb&amp;\x188=\x88\x18P8\x8b\xebS\xdf\xbc\xe9j6\xc6@9\xacW\xb4\xb1\xbd\x96s\xaen}[\x07.\xbc&amp;\xbd\xef\xc6\xd3O\xfc\xd3u\x8aW\x93\xca\xad5p^\xb2\xb4n\x80\x81\x81\x13Q\xc2\xf3\xd9E\xf7\xfc\xacZ;\x0c\x04\xf0\x90\xe3\x90\xeca\x19M\x9f\xfd\x11\xad\x07c\x07\x12*F\x1fJjZ\xf3\xe4w\xa62c\xd6\xdf!\xe3\xba\x06r\t1v\x82\xd9\x10\x08YNlZ\xadp\x03\x0c\x8dV\xca\xa4\xb4\xae\x13\x95$\xc0@\x05\x8c=HJ\xf8\xa0\x03\x1f\xb0\xdc\xdb\xa2\xd9{\x1f\x07\xc8\xb9\xe4\x81\xdf\xadKB\xa0\xae\xd5\xc2\r\x0c\x1cPr_\xed\x82\x1b\xbft\xc2\x8e)H\xea\x89*\xa9\x19\xd0\xf6\'70\xd0\x8aBGw\x07\xc7\x01\x98\xed\xc4&lt;D\xdcp\xc5;v%\xbf\xd5Koc,\x05\x15\'\x90\xfb#\xc3\x05\xc9\xa9I\xd6\xba\x01\xd6\x84i\xdd\x00\xfd\xe1khRv\x13\x82J\xe68\xaeY\x17\x1dy\xcezL\xe5\xf2 q\x1c\xa7\x11\xf13\xbd\x0c\xc0\x06\x06\x06=\x8eD\xdeOsTj\x05\x0b\x01\x12DI\x1d\xf1\xc9\x9d\x06I\xa3\x01\x12\xe4We\xa0\x0fXT,2\xfbm\xeeZ\xfb\xba\xd4r\x9dy\xef\xc7,\x03\xf0?\xc6\x00\xec\xcc\xc4_\xf6\xd8_\x9b\xae|O^%yt\xda\xd2\x8d@D\x88\xec\xa4]\xab\x0f\xed\n\x9d\x98\x11\xabo&gt;x\xdbw:\xb6\xf6SQqO\n)\x9d\xf7\x19\xa7M\xd2\xa0\xdbP\xc0my\xee\x82u\x05\x1c\\:W\x9d&amp;\x1a\xd0\x04\x11\xe7\x1fz\x1a\x11\'n\xbd\xd7\xeap\xbcf\r2\xe0\xc5\xe8\x82\xad\xb9\xefcN3\x9d\x99\x88AK\xafS\xa95\xca\x92^4d\x8f\x7f\xc1L\xad\x9ba\xa0,_ \xfe.\xf4\x8e/;\xf6\xa2\xdd\xe8\xfb\x9b\xd1-8\x1d\xcc/w\xf9\xe3\x7f\xf3\x96\xf2\x05(P\xa9A\x06\x04h5\x00\xeb\xb3\xebG\xc4K\x1f\xf9\x93\xb7HNw\x99\xb2\x14k\xdd\x00\x0bF&gt;4eqM\x1b\'T$\xdcn\x00V\xa3Y\x06\xd4\x08\xea\xc7\xfcl\x81E\xb3\x05\xcb\xb6\xcd=\xb3\xf6\xb27UhT\xf7\xc5\t$\xcb[g\\\x06~\xbd\xb9?w\xd3g\xe86I\xd7ctO\x06\xce\xc5\x03\x9f!\x00\xf4\x9d}\x05O\x19\xeb\xd1\xb7\xff\xfc\xab\xd4j\x9a \xdeZ7\xc0\x19\x10;iB\xc4G\xbe4\xa6ZRx\xf3oD\xc4\'\xbe\xd3\xfb}\x0b*\x99\xa3u\x13\x0c\x0c\x0c,\xb8 "x\xb2\xcbz\x1c\xb8\xf5[c\xf9\xab&gt;4\x16R^Ml\xbf\x19\x9f\xce\x0e\x03s\xd6\xd7\xc6\x8f-\x12\xe27\x845\xe4\xc6KgqA\x82$\xabw\xa9\xd8a\x00\x9e\xea]NG\xe8a\x91\x11\xe5\x14v\x1d=\x80\x88?Q\xee6K,C\xef_\x88\x8e\xda[\x88X6b?\xd5+\x1a\x00\x00\xe4Z\xfd\xdbCR\r\x15\x92\'M:\x98p\x95kt]\x89L\xdf\xfd0\xf9\xbd\xca\xec\xb7\x19\xc0\xd5\xf18A\r\x11\x00i\x02E\xe8\xbbak\xcf\x92\x8b^\x10*b\x08f\x19\xe8\x80\xd0\x81\nLV\xf8\x9e\xed\x90\xb2y\xd2*\xf5\xce\x99j\xcc\xab\x14\xc42\x82f\x0f\xd8&amp;\xf6\xdc;\xdf\xd7|\xcf?V\x8b\x8b:\x12GX.\xab\xffV17\x8a=\x83\xe1\x8aK^\xe1?-\xa1q\xb5g\xd6d\xfe2\x9eY\x93uc\xa7\xf2\xa2SMP[\xdd\xc4ct\xaa\xea\x8e\x08&gt;\x12\x06\x06\x8e \xe2\xf2\xe3/k\xdd\x8a\xee\x8be\xf8l\x99q)\xf9)v\xe72\xdc\xf1\xae\x8a\x1dzP?\xf5\xaeED\xb6Z\x17\x12Z\xda\x92\xc1\xfcd!\xa5$\xf3b\xe1\xcd\x08\x1d\x93d\x0c&lt;&amp;":\xb4n\x81\x81\xf3\xf1\xbe^\xa6\xe9\xdd\x14\xab\xf5+\xd96\x92G\xfdw\x88\x00\x10^\xb9\x10\x1dP\xb6\xad\xba\xc6M\xad\x0bQ3\x07\xa5\xf7\xdd\x94\xd9\xb6\x99Vmv \xa2!A\xda\r1d/\r\x0chQ&gt;\xf2\x80\xcd\xf0\x19,bY\xe98\xfa\xca\x18\x80\x8d\xa8b-\x08\xee\x8f\x88\x00\x956\x07\xa3\x06S\x9aH\xa9\x1e\xa1\x944J\xed+:9\x8f}\x8d\x8e\xd2\xff\x00I\x1a4\xc5@;r\xdbw\x00\xc4h\xdd\n\xa7b\xe3\x99w\xa9\xf4\x92\x7f\xda\x0e\x9f\x9f\x13\xd7\xb9\xfd\x1c\x9b\xf0(\xbd\x15\xf0\x9aSo\xd0\xaa\xca\xc0\x81b\xd3\xffc\x86 \xa2&gt;cy%\x10]\xb3T\xeb&amp;8\x19\xb3\xf7=\x0e\xfe\xbdu\xe3Ha\xa0\r\xd5c\x8f(Y}\x88\x8ctj\x14\xd0uP\x04\xcb\x08\x1a\xd6Np^$\xeb\xe8K6\x00\x13\xa6\xa83fdJ\xb1\xfa\xd4\xeb\x92\xce\x13o\xfa\x0e\xef\xd0\xf6\xdd3\x10$\xbcr!\x95\xb4\x10\x06\x06\x06\xa2q\x1cA\x1f\xfcLx\x10\xad\x18}H\xc6\x00,\x9a\x05\x87\x9e~W\x97\xbb\xcb/\xfc\xa2\xc7Vq\xf1\x07\xb5{h$\x04\xecNT\x18\x1b@\x06\xc6\xbe\x836H\x1bA}\xf3\xa6\xa99\x00\x03x+V\xb3,\\\xd3\xc6k\xdd\x04\x00\x00\xf0\xef\xa3n*\xa4\x0c\x15\xafe\xa04U\x9e\xd9\x93\x9dM\xda\xc5\xc0\x9a\x10\xc7\x14\xc2\xe2\xe1\xd7\x90\x88\x90\xbcOQ0h\x97\xb4\x13{\x04\xe4#\xe8\xb7\xb6\x1f\x89\x1f\x80\x0b\xe9\xb5Z\x87\x84hx\xed\t\x9b\xefv\xceH\xf9\xf4\xb7\xff\x15\x9aWy7\xab\xd2\x92\x9eM@_\xe6\xff~\x053\xb4}\x92\r$\x10\xdf\xb0J\xd2y\xa5\'\x1e\xfa#\xb3\xdf\xe6\xb3\xcf#\xc4\x0c\x15(\x9b&lt;\x86c\xebPX\xff \xba\xd6\xf0\xcc\xe0\xe6K\xf2\x114t\xa0\xf5_\xffa\x1b}\xaf{\x89\xebt\xbf\xbb\xdeg\xf9H\x9f\xebZ\xa9\xa4jua\xef\xdc\xa9\xcehE$1\x99|\xd9\xad\x9e\x10\xfd\xd3\xfdl\x1bzP\xe8\xd4!&gt;\x88\x08q\xc3\xf3:v&amp;6\xad&amp;(\xcf\xe3\xb8\x93.t\xae\x91\x0f\x9e\x17)\x06\xe4\x94\xb1\x1c\xcb_*i\xc6\r\xc4\xb1\xfe\xf4\xdb\xc6\xbe\xac\x81\x81\x01)\xd1C\x12\x1aI\xc6]\x01\xdeC$\x10\x7f\x95\xc4\x9c\xfdO(R\xaf\xfe@D\x88\xec\xbc\xee%|\xfa{\xe2\x018q\x14"^\xff\xb2\xc3\x00La+\xc2@&lt;\t#\xb5n\x81\x81\x81AO#\x13\x11\xf7\xdf\xfa-AI\xf1\xfb\x8f\x88\xc8f\xd6\x0b\x10]\x11m\xe2\x1bV*T\xf3\xf2\xe3/\x11/\x82\x8bA\xaa\x03\x97\x813\xe3|\x86n\x032\x12\xcd\xff\x08%+\xef\x0f\x10\xa8T[\x0cD\xa0]\x98kp\x7f\xc2\x15\x17"Jp\xe6p\x01\x00.5|\rA\xc4k\x9eSj\xa8\x9bu\xc1\xa3$C\xe9\xf9WD\xb9_\x19\x18\x18\xe8\x97\xac\xfe[SZ\xd7\xbdcz\x85%\xec"\x05\x19Q\xfb\x06&lt;\x9cyJ\xfa\xe8\xa0\xfd\x92\xd7\x8e\xad\xd7|\xa8\\\xe5\xc1%s\x99\xd1\xf4\xfa\x971\xb5\xf7\x06V\'\xb7\xc5G\x9fw\x18z\xe5{8\xfb\xca\xae\xc1\xc0\xc0@2\xfe\x86\xff\xb3x\x12\xb4n@7\xc7\x87&lt;\xcd\x9c\x18\xf4\x9e\x91\xd45m\xdc\x89\x87\xfe`\x06\xd7\x0f\x10\x01 \xb4l~L\xdd2\xd0E\x02`\x83\xee\x87\xe347Z\x83V8\x03\xf3\x0f&gt;\xe5x\xb0v\xfcE\x00\x99\xea7\xa6G\x13\xd1!)\x19\xb9\xb1\xd20 %\xc9\'w\x9a\xf9\xdf\xc9\xcc\xbe\xef\x03\x9fb\xf1\xd0\xbd\x105H\xb3F\x19\x18\xf4\\RV\xb2\xa5\x82FD\xc9\xe9\xd6\r$0d\xf9y&amp;\x8cG\xeb\x86\x18\x981V\x84\xce\x8b\xf1\xdb\x19\x18\x18\x90\xa3\x91\t\xb0;\xaf\x9e]\xed\xfe~\xc7\xe1\x16/\xbf\xf8e\x9e\xfb~\x8f\x82;\xb3\x06\xca\xe2\xe2\xe2\xa2u\x13\x0c\x0c\xba%\xbaNE#\x11\x8f\xfa\xf5\x97\xbf\xd52\xfdR5\xafy\xf4\x9e\x9f\xfd\n\xc6\xa9yE\xcdqi\x9ev\xca\xf1\xe8\xf5/\x1b\xab%\x03\x83n\x0f-\xe7\x8f\xee\xbcj1\xd0\x90\xe8\x9a\xa5=#\x8dU\xd2h\x802\x82r\xda\xae\xa2\xbaW.\x0b\x8f\x06\xad[\xd0s\xc8\xd1\xba\x01\x06\x06\x06\xe2q\xebe\xfb7a\x9a\xd7nK\x81V[\x89\x1e\x99\x93n\x7fG\xe9K\xf3\xe7\xca\xa0\x8e\x91D\xd6@\x0fTi\xdd\x00\x03\x03\x03-!\\XKp\x88\x17Ew\xdc\xcb10\xe0\xe5\x00\x91\xcc\x9e\x81\x81\x81\x81&lt;.\xbc\xf3\x07\xad\x9b`\xa0O\xb2\xb5n\x80\x01\x83`\xaa"#x\xdaY\x08DD\xc9\x19v\r8q\xcf\x98\xd8ScZ\xb2\xc1\xa7E\xbb\xab\'\n\x1710P\x83\xf4ylZ\x19\xf2\xe9\xa9\x1dK\xf7$\xb0h6\xed*Y\x84\xccZf\\\xaaa\x9aT\xea\x90X\x83\xbd\xbfW\xec=A\xc4\xcb\x1e\xfbK\xa1\xcaeR?\xf9\xe2^\x93\x8e\x030&gt;k\\\xc8W\xac\xb4\xa6\xa7;\x1d\x18\xf4 \x82\xda\x8c\x01\xd8\x80\x17.O\xe1\x9e\x14c\x19Z&gt;\xff\xd5?\x14\x1c\x80\xf5\xfa\x12\xbaN\xdcr\x8f`\xa1K\x1e\xf8\x9d\xa0*v-\xf8\xf5\xa7\xdf\x16\xd9$\x03\x03*\xa4h\xdd\x00\x86\xa2\xd4\xde\xeb\x01*\xb4n\x86\x81\x1c\xfdgQ\xae\xacn2.d\x8bK-\xb5\xaa\xb4\xe5sD\xd5\xfd\x81\xedp\xeap#\x89"\xd8\x88\x08)cy\x8b\x04t,\xbe\x16\xc0[Z\xfd\x06z\xc1\xa3&gt;\xb2j\xb1\xd6\x8d\xd0\'\xae\x01\x85\xb3\xbaOO\xea\xa4\x84\x0e\x9c\xbc\xed&gt;\xb5/\x9a&lt;\xbaq\xea\t\xef\xdc\xa9J^\xc3\xc8*a\xc0\x8d%\'\x04\'.\xb5\x07o\xfb.\xbcb\xa1Z-20P\x1f\x125\x02\x06q3\xd1\xa3\xf7\xfc,TD\x93\xb0\xc00-.\xca\x8f\xff\xc63\xef\xaa}\xcd\xe41\x00i\x00P4d\x8f\xda\x97\xd6?\x88\x18S\xb7\\\x85\x0b\xe5\xb6o\xa7Y]@_\x80\x8a\xd9{\x1f\xa3Y\xa7\x82D|\x82\xe8(\x17j\xe1\xf6w\xf0/D\xc2\xec\xd0\x06\x06\xdd\x1c\xaf&amp;\x00\x00\x08$)\x9b\xdf\xb9\x8b\xc0\xc2d\xd8\x96,(\x91\x1f\xcf\xa0\'\x908\xca\xea\x8f\\\x88\x1e\xa2YK\x0c\x0c\x0c\xf4B5"\x1e\xb8\xed;\xad\x9b\xe1,\xe8.C\xbc\x81\xb3Pl\xfbg\x8f\x8a\x1a\x0c5\xbc\xa6E`3W3\xd01n\xbd\xe4\x8a\xf0\xf8\xf7AD\xc6\xc8i \x05\xcf\xc61\xebo\xd7\xba\x11\x06\x06Z\xf0\xe6\xdf\xfat\x0bwn\x9a\xa6\x9d\xd4\xba\t\xa4\xe4u\xec\xd4\xba\tNM\xb4_\xc1\x0c\x88\x1c\x04\x10\x07\x10,XX\x85\x069!t\xf3m\xb8\x02x\x00\x04r\xc5\x83\x18\x18\xe8\x88\xb8\xfa\x15Z7\xc1@\x03\xd0\n\xad\xdb\xe2\xbc\xc4\x02\xa4\x19\xa1M\xc4D\xa8`\x19\x9a\xbb\xff\t\x88\xe8\x8c\xa9]\x06P\xad\xf4\xb5\x0c\xba\r~Z7\xc0\xc0\x99\x90&lt;j&amp;4\xac\x02\xc8]u\xe25D&lt;p\xeb\xb7\x88\xf8\xe4w\x08P\x1dU\xb3\x84\x19\x8c\x17\x1cz\xfa\xf8\xfd\xbf\xd1m\xad\x81\x81w\xee\xd4G\xbfRa\xb6\x17\xa3p\xfd\xdd\x91\xdc\xf6\x1d\xcc?\xa6\xecx\x80j\xc5\xc9Tk30pV\xce\xbd\x80K\x8e&gt;\xdf8\xf5\x04"\xae:\xf9\xda\xf4\xdd\x0f\x9b\x1d}M\xe4\x0c\xdc\x06\x00\x97?\xf6\x97\xb1,6P\x04S\x84E\xb2v-\xd0x\x93\xdex\xa7\x0c\xc0p\xa4\x92D\x0c":q\xee\xee\xc4Q\xe61UX\x94\xeaW+\xd34\xe5\xc8\xbd\x1e\x04O\x12\xc6P\xf5Z\xa1/\xc29\x8e\xd3\x8a\x90\xcek\x9cz\x82RU\x06\xba\xc3\x0f\xa0D\xeb6P\xe0\xf4\xe3\x7fk\xdd\x04\xe7\xe3\xba\x97\x98\xd1+X\xeb\x86\x98\xb8\xeb}qSi\x91\x8b\xdah\xeb\xed\xe1\x83\xaaF\xd7\x04\xabx-\xc5\xf0\xefS=\xee\x88\xd6\x8d\xd0\x17!e\xf38\\\xa2(\xc5\x04\xfb\xf5F\xc4\xbf\xf4\xbe\xc44\x02\xa0e\xc1\x95\xd07\xd8\xfc\x0fE\xe7\xb6\xb2\xf4;\xdb\xe6\x9c\xa1\xd5\x8e\x1eHr\xcb\xda\xbb?\xd0\xd1\xbbM\x1e\xb3a\x19G\xbf\x16\xd37\x85U,\xb0\x1e\x83+G\x1f\x96\xd4L\xd1\x0c\x98\x7f\xb5:\x172\xd0\x0bt\xa4\x14\x8ahT\xd2s!\x92\x9b100\x10G\xe4 \xab\xb5\xaf\x88\x90\x8ce\xc7_B[\x94k\xa3\x81B\\\xf6\xe8\xffi\xdd\x04k\xc8E@Ml\xbd\xe6C\xe3\xc13p.z\xec\xf6\x92\x01\x0b\x92GPt\xc0/\x7f\x86B\x8d\xec\x96\x94\x8f&lt;\xc0m03 \xc2-}\x02x8\xad\xd7\x85\x81\xf3\xc0\xe5\x9b@\x93\xcc~[T\xb8\x8a\x81\xae\xb0,d\xc5\x9e\xf8\x89\xc3\x00|\xa9\xbe\x96S\xce\x84g\xd6d\xad\x9b \x96\xee:\x8f/\x83\xa0~Z\xb7\xc1\xa0\'\xe2\xf3\xc8W\xb4\x8c9\xc1\x94\xea1P\x1c\xcb\xf0\xe9\x919\x89\xec\x8c\x90\xab\x9fE\xf0jr\\\x01\xdf\xf6\xb6a\x0c\x94H\xed\xf8\x8bJ\x87\xef\xa7W\x1fg&gt;\x15Z\xd06\xfc\xea%\xfdkP\xc9\x1c\xad\x9b`\xa0\x0c\x1e\x99\x13\xb5n\x82H\x82\xfbk\xdd\x02\xddR\xa3u\x03\xe8\xf0\xe8\xd7\xa27qSZ\xd7;\x0e\xbd\x16\x8a\x87^\xa0t\x9b\xbb\'.\xdd\xe4\x892\xe0\xa6\xfa;\xa5\xb6\xab\xd5\xb0\x8fv\x0fr\xb5n\x80\x08\xbe5\xbc\x1bH\x89\xd4\xba\x01\x12\xb1\xf7\xa2\x8a\x1c\x04\x00\xe7^\x10\xf8\xddy\x06\xe0{?2\x9e\x19-p\xad\xd3\xba\x05\x06\x02T\x8c:D\xdbl \x05\xc5m#\xfa\xe6M\xad\x1b@\x8eo\xa4\x8b\x8b\xd6mp\x16\xbe\xd5\xba\x01t\xc0on\x06(\xfa\xf2\xcb\xffH\xee)F\r\x9bO\xb5E*\x91\xdewcb\xe3j\xad[\x11\x0e \xf1\x8d\x8b\xaa\xac\xe4\xf8\x84J\x02\x03#\x02\x85\x02^\xde^.\x14{T\xb7^\xd4\xaa20p\x1e\x02\x03\x8afi\xdd\x06j8.a\xbfr\xb0H\xff\xd7a0F\xc4\xbb?`_\x01\xdbIW:\x0f\xe1\x00\xa9\xda\xb6\xe0cD\xdab\xef1\x0e\xa9Q%\xc0\xdc\x96"!\x8d\x01\xe9\x17B\xc4n\xbf0\xebX|\xad\xf3\xda\xc9\x0c\x0ctCD\xa7\xd6-\xa0\t\x8f1\xd94\xa0&amp;\x8ez\xe1W\x96\x01\x18\x11\xc1\xb5\xce\xb1\xfc\xc0\x85\xd7h\xf2E\x9c\x1cY\xfa\xc3\x88\xb8\xe4\xa2\x17h5\x85\x95\xb0\xf2\x05\xe0\xdf\x87\xb7\x88\xb7\xe4\xcag8H\x8ew3R{ox\xd1\xe1%\xea\xb6\\p\xe3\x97Z7\xc1\x89\x08@D\x80x\xad\x9ba\xa0\r\xec\x83.\x94w,:\x87\x88msy\x94\xd1\xdc\xc0\xac\xbei{n\x0fG\xb4\x12\xed\xc2\xc3\xcf\x14\r\xd9#\xe7\x92\x88\xb8\xfa\xd4\xebb\xcf\x9a\xbc\xed&gt;\xf2\xc2_#&amp;4\xae\x12{\t\'!\x00 B\xeb6t#\xaex\xf2_\xcd\xadI\xceC\x01"\x1a\xde\xce=\x19\xb6\x01\x18\x02\x8bf\xef\xb9\xe1\x0b\t\xa7+\xdcX=\x91&lt;\x1a \xc7\xfcG\x11@\x0ex6\x8a\xbe\x03\xa1\x03?@\xf4\xce\x99*\xaf)J\x87\xe4V\xf9\xe4N\x05\xcfF\x85\xaf\xa2\x15\x91\xf42=\x18\xe8\x88\x1c\xe1"N\x80\xc6\xc9\xb9\x0c\x94\xc6n\x04\x1d\xb2\xfc\xbc\xb4\x1a~E\x84\xf0\x0e%Z\xa8W|\x1c\x8e\xc4\xd0\x9b\x82\xe8#\xb0$z\xc8\xb6\xb3\x1fAx{d\xf5b\x99:\xf3\x06\x06\x066d\xf5\xdfJ\xc9I\xd2\xc0\x89\xe9?\xff*9\xab\xd8\xcdW\xbd\xdf\xe3\xd6\xbeRp\x07\xa8rN7\x9c\n\x00\x00\xc8\xd3\xb8\x15\x06\xa4\xb8\x1a\xf9\x94\x9c\x80\xec\x01[\x8dN\xd3\x80a\xff-\xdfX\x8d\xbe"v1oz\xddt\xd6\xd5\xcf\x1a\xcf\x92\x00\x81E\xb3\xb5n\x82AO ]\xeb\x06\x18\x10\x11e\xfbg4@\xa96\rqf\xc6n\xb8S\xeb&amp;P`\xdf\xcd_[\r\xc0a\xe4\'\xbe\xdfu\x96\xbbr\xcd30000p^\x02\x14\xaa\xb7\xdbX\x11\xa4\x99\xa0\x11\xf1\xfc+\xb8\xfc\xf8K\xca5\xcc\xc0@\x88L\xad\x1b H\xf5\xf2\x8b_\x96]\x89\x9b\xfcv\x18\x18t\'\xd4\xdfk\xf1\x12* \xddi\xee\xe9\x1fD\x8c\xc1\xe6b\xc5\x92/\xd7\x1d\xc9C\xc4\xf4\xbe\x9b\xb4n\x06\x17\x89Z7\x80&gt;\x0b\x0e?\xa3\xc0$Xt,\x99\x00\xa1\x033\xfbm6\xb6f{(\xb6\x0f\xa8\xe1\xcah\xc0\x8d[/\x9b18q\x94\xdd\xe7W=c\xfa\xf4\x967\xd1\x08\xdepd\xd5\x89\xd7\x88\xcb\x1a\x0b\x1a\x9d\x90\x0c\x81m\x0e[rt)0~ng\'V\xeb\x068\x0b\xae\x00)Z\xb7A[\xa8xa\x04?\xf1\x1d&gt;\xf49\xbe\xf6\'\xb2B\xe3\x12\xdd\x0fE\xfd_\x12\x94\xac\xbc\xa7\x12\xd87\xa6nY\xf9\xa8\x83B:_z&amp;C\xeb\x068\x07Q\x9f\x19\xdd\x16}&lt;\xb5n@\xf7\x87\x89\xf1\xb5\x8c\xbbn\xe9\x13\xb4nQO\xc4\x19\'=\xf7\x7f\x82\x9dK\xae\xd5\xba\x15\x06\xda\x91\xda\xba^\xeb&amp;\x98I\x1a\x1d\xdf\xb0R\xebFhL\x9f\xd9\xa7\xb5nB\x0f\xc1\x9fb]\x88\x18R:\x8fb\x85=\x06\xb1\x02\x87\x9c{\x84IMk\xc0\xafUfk\xb4 F\xeb\x06\x90\xc3\x95N\xca\x19I\xd2\xba\x01\x06\xba\xc4=c\xa2\xd6Mp\x02&lt;2\'\xc99}\xcf\r_\x00\x94\x11\x177\xf6q\xf5\x89DuI\x15_\xb1\xee\x93\xab\x14\x11\x01\xaa\xb4n\x05\x1d\xc2+\x17\xb9\xa6\x8d\x17*\xe5\x94\xb39\'\'\xa2G\xc9\x04:\r\xdb\xce~d{ \x05\x02\xdb\xe8U\xdf\xc3\xb7\xc3\x9d\x14/6\x9dK"\xd8,\xd5\xc1\xf2\x1a\xc3M\xd2h\xa5j6\x90\x8c1\xb6*\x81\xccU\x91\x81\x8e\xe9\x92\xb0\xf0\xcc\x9aLf\n#_|\x18\xbe{\x06%\xddi\xb5j`\xa0\t\xc94*\x91\x9e\xb3\x93\x06I:h\x03]h\xa6O\x0f.\x99;\xf7\xc0\x93\x14+\x04\x00\x02\x0bs\xbeP\x81n\x9e)]2\x99\xfd\xb6h\xdd\x04B\xb2T\xb9\x8a\xd2\x19\x99\x0c\x0c\x0c\x0c\x14#\xb8t\xae\xacP\xfd\x80\xbe\x88h\xab\xd4\xe1\xc2o\x82\x8e\xa8ZddB\xa5\x813\xa6X`\xc5\x10\t \xc4\x19\x85W\x8d\x99\xb4n8x\xdbw\x902V\xebV8\x05\x8a\x86\xe7S$\xcf\x1c&amp;$\xe25\xcb\x1e\xb0U\xb9\x06\x19\x18\xa8E\xf7H\xfcj`\xe0\x94\x18\xd3v\x80\xa8\xc1\x12\xf41\xf8\xb3\xff"\xe2\x99\xa7\x9c/\xf6\xd4\xc0\xd9\x10TWU\x9a\x10\xad\x1b@\x9d|\x80\\\xb6\xe3\x81j7\xc4\xa0\xfb\xe3R\xeb&lt;\xebTQ\x881l\xa6\x8c=x\xdbw\xe0\xd9(\xea\x02\x88\xf8#"\x04Qt\xba\xb6\xc3\x10\xbfU\x9b\xf5\xa7\xdf\x06(\xa1\x1b\x08n\x85\x13e\x05V*\xff\n\x0b\xb1C\xd5\xbb\x16\t)c\xe5\xeb~\xab\xe0\xaaSa\xfeG\xb8\xf2\xd72\x90\x08\x89\xee\x92w\xce\x14\x89\xb5\xc7\x8f\x90x\xa2\xf2PT&gt;\xcam\xdf\xc1u\x89q\x9b\xee\xaa\x18uH\xf6\x15\xb8\x161\xc6\x00lCb\xd3jJ\xde\x94\x02T\x8e&gt;\x04&gt;-\nT\x9ch$-u\xc0)\xbd\xcf\xca\xc0\xa5\xe6\xec\xf3\xf8\x9d\x13\xea\xab\x19\xe8\x06\xb3\x03\x91G\x83\xb4\xf3\x9dQ\xdeO\x12\xc1\\\x1f\xc4\xd4.\x93]y\xb4\xec\x1az\n\x88\xe8\x95=Y\x9d\x0b)\xa6\x18\x9a-\xfe\x14\xa7\x0e|\x90\x9e^\xcc\x96\xf0nj\xa8\xe3\x84f\x88\x88\x16\x18\x11\x9c\x06\x06\x06\xd2(\xd2\xba\x01\x06\x06\x06\x06\x06\x06\x06\xdd\x87j\x02\x9dE\x03\x00\x001y\xa9\x83\xfb=\xfa\xb5n\x8d\x81\x99Z7\xa0\x9bs\xddKd?}\xc8\x00\x85\x1b\xe2\x04|\xdeSl\xe6&lt;\xa8#+\xa1\x1cr\xbdc\xb4\xc1\xad\x97\xb1\xd7`\xa0\x01-3.\xd5\xba\t\x06\x00\xe0\xff\xd4\x7f\xd4\x1a{\xa4\xee(+O\xb4&gt;7\xad=\xb3&amp;k\xdd\x04\x03\x03\xf9\xf8j\xdd\x00\xcd\xa8\n\xaf\\\xa4u\x1bz\x0e\xc1\x1a^\xdb#K\x9a\xa8u\xa0\xa2y{\xa6\xefzH\xb9\xca)\xb2\xe6\xd27\xb4n\x82A7\xc0\xf0/1\xb0\xc7\xb0o\xf4\x04\x92\x95\xd4&gt;\x94\x92\x05\xb3c\xf1\xb9\'\xbf\xd3\xe3\xb2\x92\x03\x1d&amp;Xu\xd3\xba\x01vH\xcc#$\x06\xfe\x18S\xbf\xee\xa8\xed`\xd0\xcd\xc92\x9e\xda\x1e\x80d\xd7t\x11;\x7f\x12\xb2\xc7\xc7\xf6Z\xc1(IM\xd8|\xcfM\xaf#"\xee\xb9\xe1\x0b\xb1\x95\x18\xf4\x18\x12\xb4n\x80n\xe96\xb2\xd8=\x0c\xaf\xec)\xce\xef^a\xe0d\x8cZ{\xeb\xd6k&gt;\xcc\x19\xb8m\xf5\xa9\xd7\xcdR\x8eU\x88\xb8\xfe\xf2\xb7%(;\x1a\x18\x18\x18\xe8\x15\xe7\xf4\xfe\xb3Es\xd9RU\xf1\xce\x99\xaau\x13\x94\x05\xcd\x00@\xf9\xc8\x03\x8e\x9fj\xd1([\xdc\xeb)U\x14\x04\x10F\xa9*M\x883,d\xb2\xf1\xa4\\_\xcaX\x08\xeeO\xb9N\x03\x85\xf0j\xd2\xba\x05\xb2\xe9F\xab\xa2\x1a\x80b\xb6\xe3\x19*\xb7C[\xe2\x1bV\x81\x7f\x1f\xd6\x8f\xa2k\x97f\x0f\xd8\xa6r{lI\xa7h\xd0{\xfd\xff0\xa5u\x9d\xf3j\x12\xb5\xcc\xb8\xf4\x82\x9b\xbe\xd2\xba\x15\xfa#F\x94\n1e%\xe7\x8a\xd1\x87\xba\xfd\x1c]6\xaeZ\xe4.T\xc1\rBm\xe2\x00*\x9dp\x006d\xaeY\xb8\xf6ED\xc4\xe7\x7fAA\x9d9D&lt;p\xdbw\xea\xb4\xca\x01\x9an\x89\xb7\xbe\xe5\\\xcf\xad=s\xf6?\x11U\xb3D\xebV\x18\x18\x88\'\xac]\xad+\xf9\x01\x04\x02\xb8\xe6u\xec\x00\xa8T\xeb\xa2*\xb2\xfe\xf2\xb7\x00\\\xb4n\x85(z\x96\xfa(\x11)c\xd1\n.\x8f\xadc\xf7\xfdz\xd5\xd3hm\xa3V\x910\xabL!\x06\x00\xbe-\x107\\\xebF\xf4\x04|\xe9I\x1f\x1b\x18\x88C\x9d\\\x89\xce5~wC\x9a\xa7\x9dB[\xb8J\xda\x96)P\xb3\x91\x06\xd6$\xb7\xac\xe5\xda)\x90A\n\xd5\xda\xbaG\x14\xa5\xab\xd6\r00p\x12\xda\x17\x9d\xe5\xfe0\x13 ZQ\xe5\n\xe7e\xc6\xeeG\xf8\x07\xe0\xe7\x7fA\xf0i\x06\xdb\x018\xb6n\xb9CM\x86u\xc1Y`\xdd\xf9\xa6h\xa3s"\xcf\t\xa3O0\x90\x8b\xb1\x88$\xc0\xbb\xd9I\x13U*O\xe5]\x1ft\x8d\xacms\xcf\xd8}l\x19\x92m\x07\xe9r\xd5\xdb\xc9\x83rb&amp;\xdd\x90Qko52\x13\x1b\x18\x18\x18\xe8\x05\xd6\xe5o\xe1\xe0=\xace\xfe\xd2\x93\xe7\xdd\x95O;\x9d\'\xa0\xa6\xb8\xd4\x8c\xddp\x87\xd6\x8d000\xe8\x82_I\xce\xa0\xfb\xe3\x95=\x05\x11[g^\xc6S\x86d\x9fX\x03B\x06Pj\x8f\x07\x8dJ\xf4Nt\xedR\xf0l\xd4\xba\x15\x06\x06:\x03\x11\xc1\xb5.\xb0x\xb6\xd6\r1P\x83/t5\x86\x01T\x8c:\xf4\x1f\x81&amp;\xb9\x97\x8d8\xc0\x8c\xbe7\xbc\xaa\xaf\xc6\x1b\x88 \xa0\xaf\xd6-00\xd0)\xae;\xaf\xfbT\xeb6\x18\xd8Q\xa8D\xa5\x88\x08&gt;-J\xd4,\x95\x80\x01\x0b\xae\xe6/\xc1\x8c\xbe\xcd\xd3N\xa9\xd3 \x83\x1eD\xd8@\xad[` \x1f\xc3i\xdc\xc0I\x08(\x9a\x05\x10\xe0\\JL\xba3&gt;\x1b8\x019\x04e\xdcG\xac\xbeY\xe9v(J@\xe1\xac\x1e/\xf2S\x04\x90\xc9\xfe\x89_o\x19\xb2\xaf!d\x8f\x90\x04\xca\x94\xa9\xb6\'"%\xef\x9eS\x11BO\x03Y\x88\xc4Qv\x07\xfc\x0bf\x00\x80\x16\x02r\x06\x06V\xd0\x0f}\xeeN\x14\x02\xa4j\xdd\x06;\xe2\x01\xf2\x01\x92K\x86\xed\x83\xf8\x11\x12\xeb\xf0\xef\x03\x90M\xb5U\x06\x94\xf1\x03\xf0U\xfd\xa2\xdd&lt;\x0bEB\xe3*\x00\xa8\x1ew\x04 :\xa1a\x95\xd6\xcd1p.\x14\xcar\xc1\xa1\xfd\xe2\xd6K\x99\xcb\x19\xc8#a\xe4\xd1\xbb\x7fB\xc4\xf1\x9b\xee\x8a\xac^\xacuk\xba\x01\x81mZ\xb7\x80\x15\xa7\x12\xda\x8e\x1c\xd4C\xbcm\r\x0c(cc\x9b\xe9\xda\xbb\x99\xbb\xff\t\x9d\xb9St\x1f\x82J\xe6\xc88\xbb\xf0\xb9\x9f\xf1+\xc4\x1eo\x9c\xa7@\xac\xd6\r\x08\x05\xf3\xb2\xcc\xa9q\xcem\xd48DTK\x9a\xd4\xc0\x80\x04f\x03\xcf\x92\x1d\xcbO\xb3\x86t\x13*\xe2\xeaW\xd8\x1dB\xc4\xb7\xfe\x91\xd7Yy6\x06\x15\xcf\x89\xa8\\$\xab\x12\x03\xdd\xa0\xe7\xbd^S\xb6\x80Qko\xe5\x1cb\x03\xfa:\xe7\x00\xac\x8fL\xc0\xba X\xeb\x06tC\xfa\xcf\xbf\x8a\xfb\xc3\xe8\xf0\x8a\x85\x0e\x07s&amp;n\xbd\x17 `\xc6\xee\x87!y4\xc9%^\xf8\x15\xd5J\x9f\xec\xaf\xcaU\xa8S\n\x10\x02\x90\n\xe0f9\x14S\xb7Lf\xa5Uc\x0e#\xe2\x8c=\x8fX\x1f|\xe6\xc7n\xd8\x99\x10oS\xc7\x0e5w\xa6\xc9\x86\x1b\x18e\xe2\x86\x03\x94"\xe2+\x7f\xb0&gt;aE\x00)\xac\x03\xb0\x93\x8e\xca=\x92\xee\xa7w\xad\xb9&amp;e\xd1\xb6\xb3\x1f\x89?+\x0b &lt;\xb3\xdf\x96\xa6\xa9\'\xb9\xcb\xb8k \xf5\xac\x9a\xb3\xa43\xf0_\xf6\x9e\xad{$\xea\xb0"\xa0p\x16y\xe1\xcdW\xbd\xafPlk\xf7EY\xa5\xb0\xb3\xcf\xeb8\xbfP\x90&gt;7\xfe\r\xe8\xd0\xb9\xe4\xda\xea\xb1\x17j\xdd\n\x8a\xe4{\xe7L5\xff\xbb\xaci\xea\tZ\xd5\x12\xe7\x7f4\\v\xf9I\x00\x88\xd1\xba\r\x06\x06\xceA\xa0\xb6K\xf3\xe0\x92\xb94\xab\x0b\xef\x00\x00c\xf6\xd9\x8dInY7p\xc15\x00\x00\x10\x05.\xb5\xbc\x19\xd2\xc4\x10\xd1i\xb5\xdf\xac\x02\xf9JV\xeeE\xe6\xa6\xae\\\xa0\x87\x91\x81\xca9p\x13.\xd2SADU,9\x99Q5K\x94\xbf\n\x17!\x8a\x0c\xff1C\xe8\xd7i\xa0\x0b"]\xd3\xc6_\xfe\xf8\xdfVG\xba\x97sV4\xadG\xb7\x82\xf7\xd3\xe09\xfb\x1eWxo"HR\xf4\x8a\xaeG\x84`\xad\x1b\xc0\xa0+\xb9\x86\xee\xf5\xfa\xd9\xe1V\xa7u\x0b\x94F!\x990\xb9\xc2:%\xc3\xf6FT\x19\x8e\x9d\xfa#\xa2\xd3\xecNA\xd9\x13\n\x11\xc1\xa5Vv5\xee\x04\xa3\x8eB\xaaO"0\\R\xf4\x8b\xf9\x8712\x10\x1bt\x1b$\t\xd8\x1a\x81\xa7:\x853`2\xb2j\xb1\xc4*\xa3\x06!"\xf84\xcb^]8G&gt;\xf2\x83\xb7\x7f\'\xfd^\t\x10$d\xd9.3\xbc\xd8\xf8\xf8\x15\x11\x00\xf8\x93\xd6Q\x86,\xcc\xc0\x00\x00\xc0\xb5{\xaf\x89#\xb4n\x80\x81L\xf2\x84\n\xc4\xf3|\x96\xdc\xbcV\xde\xb6\x8b\x94\xa0\x8f\xd8^+zM&lt;\xb6\xf3\xbaO\x95\x1c&gt;\x83\x15\xab\x992\xee\x19\x139&gt;)"\xfb\x16\x02e6_\xf5&gt;\xdb\xe2;\x1c\xa0\x98\xa0\xf2\x1e\x81\x9a\x1e\xe41\x00\xa94\x8d!\xe1\xed\x00\x15\x00A\xba\xf47N\xd1M\x96\xd6`\x8fL\xae\xd7\xac\x1b\xa0\x90Jb\xf7\xc3\x17\x00 \xac\x9db\x8d}f\x9d\xe6\xf9\xb4n\xe21\x01\x91\xb8\xc06\xf5w\xb8\x10\xf1\x1b\xc3$k\xc6%u\x9c6\x17\xf6j\xd2\xe6\xba\x8a\xe1,R\xc6\xa9EC.\xd0\xba\rRh\x9bsF\xfcI\x14%*\xe5+\x97\xa5\x01\x14Qh\x88\xb2$\x88?\xa5\x98\xc6uKiT\xd23\xe1x2m\xb2\x14g\xd9\x7f\xea\xd7\n&gt;-\xc9\xcdk\x012\x14j\x167a\xbf"\xca\xf0\xa6N\xa4\xd9\x16\xe5qM\x1b\x97\xdew#\xcb\x07\xee\xf5\x00E\x00i\xaa\xb7\xa8\xfb\xe1\xd5\xa4\xbf\xbc\x19\\\xc4(\xef\x95P\xadH\xad\xc9c$\x9cT1\xea \xf5\x86\x88\xc7\x15\x98\xcd\xfe\xee\x99\xb9]\xfd\xbc\x1d\x06f\xa2\x06\x93\x19*\xad\xc3T\xf2\x00\xd2\x10Q\x8b\xa1\xd7DT\xf5\x12~\xdb8/\xe5\x00@A\xc2\xcf\xb7Un\rr\ts2\xd5}\x03\x0339i}\xd8&amp;\x95\xb6xdMB\xc4\xaf\x11u\xe0I\x9e\x88\x88\x00UZ7C\t\xb4M\xc0\xdc\xc3\r\xe0\x12,\x16:\xc0\xa3\x81l!\xcb\x92r`\xd1\x91\xe7\x00r\xd4R\xc1\xec6h\xae\xcef\xd0#a\x02\x00\xea&amp;\x1c[z\xd1\x0b\xb6\x9f\xa8\xb9nK\x80\xe8!\xe0\xd7\xea\x995I\xc5\x8b\x1a\xe8\x13e5\xe0\x9c\x049\xde\x7f\xc1\x00\x01b\xc2\xa2\x82F\xaf\xbb\r\x00\xccKg\x88\xae\x95+\xc8\xcc\x86\x9brrT\x15\xa3\x0e\x19a26\xf4H\x0f\x02\xcd\x17\x91\x92\xc9-\x18\xb4\xeb\xf1o5\xf9\xc9\x98\xd7&amp;\x01\xa0d\xee\xfe\'\xae~\xd6I\x1f\x1b\xcf\xa9;\x1f\x94pZ\x8f|M8\x19\xb2\xfc&lt;DtJ&gt;=\xa3m\x93\xf9\x9f\xda\x07\xb6j\x8aof\xbf-"\xdd;J\x01\xca\x11QA\xb33\xa9\xac&amp;\x00T\x8aq\xd2\xce[r\xf4yD\x1c\xb2\xfc\x06\t\x8dR\x0cW\x95\x9d6\xec65\x83&gt;2z\x16\xbd\xe1\xd1\xa0u\x0bx\xf1lDD\xaf\xec)Z\xb7\x83\x16D\x91\xbe\xfe\x853\x01\x00 E\xd1\xa68\x0b\xc3W\xdd$\xa4\x97\xc4C,\x80\xa7\x8c\x8b\x93\xe8\xe7\xe4\xd0\x98d\xab\x90e\xb5Z\x9a;H\xf5\xb8#\xb4["EJs\xe5\x89WE\x95\x1f\xb0\xe0jDTK\xb63\xc7vs]\xce#\'\x05\xc1\r\x15\xf7\xde3/\x83\x90\x01j\xb4\xa5\xc7\xa1\xf6\x8f\xad&amp;\x17\xde\xf9\x03"vO\xcddYq5=*#\xb2\xae\x93\xa8#\xa2l\x85\x80\x08\xb5\xf6\x1a\x8bU\xb9\n\x0fy\x00\xc9j\xa5@\xd00\xd3\x91\xeev\x8e\xcb\x92\x9a\xd6(6\xa37\x04\xb5\xf5\x03\x97\xbe\x81\x1b\xf8J\x12l\x8a\xe8\x0c.\xa5\x9a\x05A\x03\xc2\x00\xb2\x1c\xef\xcc\xb9\x174\xb4\x06\x85\x1b&gt;\xd8\x92(q8\xa2\x8cH\xb8\\\x82m\x17\xe5\xe1\x10\xd4O\xab\xa6h\xc2\x84\xcdw\xdf\xf0*r(\x96tkU`\xf1X\xf6$\x9c4}t\xb7\xc7\x85\xdc\xff\xa5h\xc8\x1e\xda)\x13&lt;\x12\x1bWS\xadP\x0b\\j\xd8\xb2\xca8\xa7#n\x8f\xc5\xadn\xf6\xde\xc7)\x84\xf1\xc8\xa0p\xf0n\xc2\x92n\xe9\x13\xcc\xff\x0c\xf5\xcb\x9f\xaeP{x\x11\xa7%p\xec\xde_\x16]\xf8\xec\xc9\x87\xfe\xa01\xa1\xc9\xa2-"]\x11S\xb7&lt;\xa4t\x1e\xbd\n\xf5\x01"&amp;\xb7\xac\xd3\xba\x15\xca!\xc1\xd2\xa2;\xd3\xe2\xb4\x9d\x0f""\xa9\x99A\x11g\r\xc9\x81\x8f\xea#\xca\x18\xa3\xc2\xb6\x9f\x01=\xa2\x07\xfb\xe5\xcf\xd0V\xce\xc2=c"\xb1\xf4\xb7v\xbe\x9f\xfe\xbd%\xe4u^s\xe9\x1be#\xf6\xd3\x198\x93F\xd3\x1e\x80\xf3\x00r\xb5\x8e\x1b\xa4\xcd\x99\'\xff5\x92]\xe8\x9ed\x8081\x11 \xbc%\xdd\xebc\xea\x94\x88d\xd0\x0f\x95b\x9eg\xdd\x19\x81\x0f\xde\xf6\x1dx7k\xdd\n\x12\xd4\x9f\x93\x955N=!F5\x88\xdc\xbc!B\xd6\xe3\xfeO\x95\xeb-\xc5\xbaYP\xdf\x98O\x8b\xae]JmDp\xebE\xa1\x12\xa5(\r-\x9b\xafq\x13\xe2\x1bV\xa2\x19\x8d\x9b\xa2\x19\x86\xa0\x7f7D\xec\xf3\xfc\r\xe2u/\xe9\xe2\x15pI\x1b\x87\x88\xb2\xf3\xbc:\x91\xb9B\x04\xa6\x9eJ\xeb\x14#W&gt;\xad\x87G\x851\xc2;n\x87\xcb\x85\xb9\xc9\xd7\xbfL\xf8\x1d\xbd i\x94\x8c\xab\xc9Oh!\xf1Q\xb7\xba8\xff\x00\x00 \x00IDAT\x7f\xe9w|\xf2?:\xf8\x1d\x99\xdb\xbd\xfb\xfc\xe7Z7\xa4\x87r\xed\x8b:x\x08z:.z\x9a\x83z\xbagL\x10.%@\xf7\x8c\xb55\xfdL~\xbd\xb5n\x88\x1e\xb0,\xd9}\xe9\xaa\xa3\xfc\x81x\xd3\xeb\x84\xefB,D\r\xce\xeb\xd8A\xe7\xc2\x11\x1dD\x16{\x9b\xec\x84\xe4\xfa\x1e\xf6\x86\xeb\xfb?E\'\xb13\x19(@f\xbf\xcdZ7\x81\x10\xddYh\x89\t\x16Y^\xab|$a\x9b\xafz\xdf\xea\xcf\x02\x88\x1a$\xa7\xbac\xf7\xfd*\xb3A\n\xe0F\xe5\xf62\x03pn\xfb\x0e\x80(y5)\xb15\xeb\xc9d+\xd9p\xc5;#V\xdf\x12^\xb9\x10 \t\x12\xe5\xac\x0ey\x08l\x9e~\n .\xa1aU\xc7\xe2sjfI\xf1\xc8\x9c\xa8\x98\x07\\n\xed\xf8\x8b\x94\xa87\xa5u\x9dk\xdax%j6\x90\x8f\xcc7\xb9\x9b\xb3\xee\xf2\xb7\x9c\'SV\x17EC\xf6 bJ\xabs\xb8\x16zdN\x82\x90\xfe\xcc\xbfe\xecK\xc53K\xc3\xc4\xa65\x94\xdaE\t\xaf&amp;D\xb4\xf2\x07\x96\x8e\xec\xfd2&amp;\xf4E`\xd9\xd4\xbe\xe8\xac\x83\t\x81\xc4\x978\x1cb\x86\x02\xf8\r[y#"\x02$Kja\x8f\xc67O\x01G\xf1\xe0\xferF_-\xbd\xed\x9d\x86\xe4\xd122\xf7)\x97U[+2t\x18\x81\xae&amp;h\x85\xd6m!\xa4\xdc\xfc\x0f7y\xf5\xe8T\r\x86?\xef\xaf(.\xbe\xff\xb7#w\xfd(\xed\\\xf3#\x91L\xab1jcc}5 \xa4\x04R\xc7j\xdd\x06\x03\xc5\xc8\xe8\xbbI\xb8\x90\x81\x8a b\xfb\xa2\xb3\x88\x8c\x93\x85Lc\xa3\xa0\x97i\x08@\x99\xbcKX\x88p\xe6\xe4H\xc5\xdc\x1f\x05\xd0\x9b\t\x05\x83g\xa3\xe4\xdc\xa9\xe6\x018D\xdf\x0b\x1bN\x99\xe2\xf0\x8a\x85\x92*,3\x8b\xaa\xf64\xc2\x01\x00\xc2;\xe4T\xa1\xe7\x07Ei\xf4\xee\x9f|\xeey\xe7Zf\xe9ZJ\x906\xd1\x88\x08\x90+\xea\x9cu\x97\xbd\x05\xc1\xfd\x15jPwGy\x01\x1f\xd7:D\x84x\xf2\xb4\x01\xf6\\\xf9\x94\xf9m\r\xea\xa7\xdb\xee\xa5z,e\xcd\xe7\xba\t\xc7 l \xdd:{\x1a2\rS\x06\x8a\x80\x88^\xd9\x93\xb5n\x059\x05Z7@Mzr\xfa3\xe6\x87\xee~\xdb\x10\x89\x00\xf9lZf\x0c"\x92U\x87\x94\xcd\xeb!\x02,\xb1u\xcb\x9dg\x85`` LuT5]\x95G\x03\x03\xf5\xe9f\x81\xc2&gt;\x00i"\x8a\xfb\xf5\x86$\xd1\x99\x1b\x10QZ^K\xbbJ\xa4\x9eJ\x94\xc2K-8wv\x9cJ4^\xa7&gt;\x13\x1a\xe1NK6E\xb2C\x960\x88\x18]\xbbT\xb9\xfa\r\x0cz\x06\n\x99(H\xa4\xaf\xe2\x16\x1f}^\xd4\x14\xa4y\xda\xa9\x98\xbae\x88\x18S\xb7\\r\xcb\xd8\xe0\x08\xc1\x08\x19\x00.\xb5N\x19\xa0\x11;\xac\xdf\xdc3Z7\x82\x8f\xc8\xea\xc5Z7\x01\xe0\xfa\x970\xa1\x1bh\xebSC\x84t\xf0\x90\xe5\xe7\x95k\x87O\xde4\x80\xca\x80\xc2Y\xca]\xc2@\x05&gt;p\x02\xa3_\x00\xdb\xc6\x96\xee$\xd0\xcddg\xf5\xdf\x02P%?~\xf7\xbe\x8f-~\x1b"2\xd4zdMJnY\xeb\x93;M\xe6\xd5m\x88\xe8\x04\xc8r\xccM\xe7\x919)\xa0h\x16\xf8\xb6\x82W\x13\xcd\xcb)\x02\xeb,J\xe7\xf9\xb3%z\xf0\xd1\x04\x11\x8f\xdf\xff[\xb7Y\x80\x87W\xf2;\x07\xf2\xe7\xbd\xf2\x14a\xdb\t\x1d\xa8\xcc\x86\x8a;\xd3\x86\x82A\xbb\x00\xca\xc0\xabQ\x81K(\x848/\xa7\x1e\xc2\xfe[\xbeq\xba}\x8a\xc2\xc1{\xf4\xbbY\x18?\x02\x11\xbf\xa4\xd0&lt;/)\xf1i\x91\x83&lt;2\'\xa9\xbe\x1eu\xda\x94\x03\xdd\xcb\xe1+Y\xeb\x06\xf0\xa3\x13G\x06\xfe8\x10j:\x12c7\xde\xa9l\'\xe5\xd1\xa0X\xd5\xe9B\x05\xac\x17\x04\x95\x0e\x9f\x06Sl\x8a\x81\x16\x08v\xe8:w[+\xbc\xe2\xc9\x7fE\x9e\xd2\xd5;yfM\x86\xc8N\x08jC\xc4\x9aqG\x01\xb2\xc8\xa7\xddA\xc5s8\xb2\xca\xc78\xf10\xa9 \x11\xbc\x7f\x8a"\x10 \x0e AM\xa9/\x1b\xda\x17\x9d\xe3\xd0\xf9\x14a?1\xe0F\xc2\xd8,?\x0f\x1aM\xe1Vb\xc4d\xe8s\xa9u8\xe4\x0b\xe0\x0f\x01}\xe8\xb5\xc7@e4y\xea\xb4$\xbd\xef&amp;\xab\x813\xc3&amp;-)\x9d|\x9dN\x9a:=&lt;\xa6n\x992\x19K\x1dQ\xd0\x1dG\r|\xb5\xc9\xe1L\x1d\x17\xcd\x1d\n\x82\x8a\xe7\x10\x942\xa65\x06\x06\xdd\x85\xc0\xbe\x109\x08 \x0b\x00\x00\x12 y\x8c\xd5g\xe4\xbbo"\xd2\x14:\t\x85\xb6\x11\x89\xce+\xf6N\x82\x11\xc1k\xc2I\x7ff?\x80\x04}\xac\x1e\xc4&amp;\n500(\xb1\xa4C\x98\xbd\xf71\xdb\x8f\xbag\xc2(\xc3-\x83\x8dB}g&amp;V\x1c\x15\x9e\t\x85|\xdb\xe2\x11\xb1l\xc4~e*\xef"\xb5\xf7z\xfe\x023v?LT\x11\x8b\xf5X\x8c\xf1\xd9\xc0@\x98 \xd7\xb4q\x10=X\x89\xaa\x0f\xdc\xf6\x1d\xe5\x1a)\xf8U\xf0/\x97\x93\x10\x11B\xa9{\x1eq\xe9\x8d\x08\x92L\xb1\x11\xdd\x05\xbf\xee\xb1[\x1f\x01\x90\xafW\xf1\xc5`\x85\xeaM\xed\xbd^\x8d\xd5g\x8a!\x17n\xa0/Zg^\xc6\xbc\xecg\x9f\xd7\xdb\xfb\xce\x1f\xd7`\x87\x04\' \x1f\x80`H\x18\xc9\xfc\x11R6\x8f\xbbd\x18@\xdc[\xff(\xd1%Z\xbec\x88&gt;6\x9bu\x10\xbd#\x0bZ\x82\xedZ\xa3\xd7\x01\xd8\xc9Q*o(Ez\xb2,\xb9B\xe8:\x0e\xf0\x13\xc4\x07&gt;EDL\xef\xbbQ\xeb\xb6\xa8GV\xff\xad\t\x8d\xab\xadz\xb9\xf4\x90R\x9e\x01\x18@\\\x97\xc8\xb8p\xeaa@\x15\x8b\xae\x9fU!&lt;U\x96~\xf3Q\xaejc\x00&amp;"\xa0\xaf\xd5\xbaYP\x9d\xc7\xc3*!\x1d}\x88\x7f/\x07_\xff\xa8\xc1\x04gU\x00\x94@D\xa7\xe5\xef\xd7\xff\xcfx&lt;\xba\x19\xce\x9b\xa3I\n.\xa9c\x11q\xf6\xbe\xc7\x99\xbf\x04\xcb\x1f\xbe\xf3\x87\x9d\xd7}JTu`_\x08\xe8\xdbo\xee\x95\xe0\xdd$\xa7\x85\xba&amp;d\x80\xd6-\xd07\xde9S\xe5UP\x1dW\xbf\x82NS\xba\x01t^\xa4\xecw\xb5\x9b\xd3\xf4\x9ds\x05\xb8\xd46L\xbe\xf8\x9e\x0f\x91-\x02\xd8@e\x9c\xd4]Q\xef\x10OCC \xb2\xd3%u\x1c@\x892\r)\xba\xe4\x81\xdfK\x87\xef3\x87\xe6\x13\xce\xbcc\x84\x8btQ\xaai@Gw\xd8m%\xc1b\xc7\xa8\xf1\xcb\x9f\xa1eCz\x10\x0e\xc2#\xd1C$\xd7\xd5\xb9\xf8ZYmq\xe0\x89\xefd\x8c\xe2\xc1\xfd\xcf\xbf\x82\xcd\xd3O\xd1k\x0e1!F\x06@k\xf2\xb4n\x803B\x92\x89\x81L"1\xb0m\xef\xcd_g\xf5\xdf\x92=`\x1bAi\xd38\x97\xd7\xb1#\xbd\xefF1\xba\x02\xc5L\x8e\xde\xb2\x11\x07l\x8f\xb3*~\x88\xc4\xca\x1ce\xa0\x0e\xa2\xe2\x9d\xe5\x18\xa8\x8by\'\x92\xba\xcd8\x1b,T\x803\t\xb6-\x15l\x07\xf5\xb2;2h\xe9\xf5\xa6\x88\xa9\x90\x01\x96\xaf\x9c\xdew\x13"\xae&lt;\xf1\xaa\xe0\xe9a\x15\x0bD\xe5t\xb3\xc5s\xc1\xe1gd\xb8n\x1a(\x8a4\x1br\x8a\xb3\x18\x9f\x11\x11b\x86\xd2\xa9\xcb\xa3a\xca\x8e\x07\xc4n\xb41\xe5\x7f\xa1`\xc7\xe2\xecB\x17\x1c~\xa6d\xf8&gt;\xd9\xf5+\xc5\xc4-\xf7\x18\x03\xbf\xd2\xf8u\xd7\r`\xc2/\x85\x88\xe0V\xe7pX\xae@&lt;7\xb6\x9e\x87q\xc38\x8a\x052\xb1\x07\xf9\x9d\xbb\x98\xbf\xfb\xcc&gt;m\x89]\x9e\xbd\xefq\xf3\xaf\x16\xbf\xfc\xe2\x97\x95i\'\x035\xc9\xcf\xee\x84{\xc6Dz\x1b\xfc\xa1RO\x94\xec@\x97\x0c\xe0\xab\xefaX\x91p\xde\x82A\xbb\xf2;w\x02\x00\xa1b\xe5\xc9\x87\xfe@\xc4#w\xfd\xa8Dc\x00\x00R\xc6"b\xf34-\x0cT\x84$\x8c\xd0\xba\x05\x12!\x8f2\r\x07\xcfF\x1a\xab\xcc`i\xa7\xd5O:\xfe\x99"\xde\xf6.:\x0c\x8aGD\x08jc9\xc8\x02\r\xab\x11\x1d\xa2L\xca/\xae6\xd1\xc0\x89\xe6\xccWQ\xd5K(w\xa6\xd2\xb7\xc0\xe5(\xc4:\x13\x88\x08\xb1\xc3\x002\x95\xbePR\xf3\x1a\x80j\xea\xd5\xbe\xf6\'\xfe-\xf1\xad\xd7\xf3\xb0M\x8cK\xadb\x1a\x0e\x89\xb6\xe2\\\x16\x1c\x03~\xc2\x00|\r\x85\r\xa5 \xdb\x02c\xe4\x14\xe4\x073\xb9F\xd7.\x15#\x0c\x99\x08\xfe\xbde_\x14\x10\x11\xdc\xeb\xd9&gt;\x89\xf7\xca\x9e"\xbf~\xf1H\xeb\x10\xe3\xd8\x0e\n\xe69\x00\x00(\x1a\xb2G\xd2\x15\xf9\xb1\xfc\x8e!|\xa5&lt;\xad\xd2+I\xb7\xd4yr\xfc\x82\xd2\x90\xbc\x98S\x08\xe5\x96\xef\xe9\xb1\xbdV@\xb2M\xfa\xf7\xf2\x91\x07\x84\xf6zE\x8b\xafE\xd7.\xb5\x84\xaeR$\xbfs\xe7\xd5\xcfJ\x1b\x80y\x9fI\xd1(\x91\x8e&gt;\x90\xec&gt;+\x18TBFOqk\xd2\x07\x8a\xde\xed\xb8a\x1c\xd3.v\x1c|\x04$\x82\x887\xbd\xce\xf5\x1a;\xbb\xdb\xa7\xde\xe5Fm\x17\xee\x05\x9c\xe5\x84\xb1\xd7\xc5\r*\x99\x03~\xd2\xe6g^\x00\x00A\xfd\xc4\x957Q\xae\x83&gt;Q\x06Q\x83\x11\xf1\x8b\xee\xb8\x95c\x83\x82\xa9\xbdh\xc1:\xfa\xead\xe1\xee\xe4i\x0ct\x8af\xf3~\xb3\x93\x91o\x8b\x16W\xf7\xa3\x91\xecL\xa1\xa8\x00.X\xfd\xad\xf4FRt\xcd\xd2\xb1\x1b\xeePR\xe9T(\xe3\xa4\xab\xe3\xa68\tA\x00\xe5\xdd,u(!\xe6-y\xfb\xb4Z\xf5\x93\x8e\xeb&amp;\xbf\xa7XX-C:$R\xb8\xa9\xb1\\\x9e\x166\xb8\xa5O\xa0\xd0\x1c\xe5\xf0j\x8c\xaf_\xa9u#tH\xba99\x87\xaa\x04""@ \x99\xb3\xbe$\xa8E\x92(\xa7\x11\xa3\xf7u\xaaT\xdc\xefz_\xdb\xb5\x94\xbd\xc5\xa6\xcf\xec\xd3d\'\x86\x10H\x948\x1d\xc2\xeb\'D\x94\x13\xbd\xc6\x8d\xa8PQ\xc5\xe9Xt\xce)\xd5\xd3\x92L\x9b\x05\x9e\xd9\x935m\x07\x0b"G}\xba[\x00\xdd\x83`m.\x8b\x88\xeaX\xed&gt;C\x94\x16\x03\x9e\xd4\xbc\xb6h\xc8\x05*\xbaX\x13\xc6\x1d\x19\x18\xf4\x1c\x04g\x0f"\x92a\xff\x17\xd17o\xba\x8a\xfb\x97tf\xd8\xee\x19\x13\xcd\xffd\r/$\xec\xdc\xacg\x1e\x94\xa2$\\j\xd7\x9f~\x1b\x02\xfb\xd2\xa9\xad\x87\xe3\x04\xfb#\x00\x97=\xfa\x7fRN\x13\xb3\xc7l\x83^n\ng\xfa\xa0\x94\xd6uj\xb6CEl\x9d\xfbl=\x86\xcc\x88\xe8|\x15\x80Y\xdeu\xbf\x15\xb3\xb3\x10\x0e\xe0\x03~\xeadq\x97\x04\x1d\x05\xc4*\x08\xef\xd0Od\xbf-^\xe0\xd9h\xbb\xe3\xe3\x14\xdbd:\xc4s\xf0\xb2\xf3N`\x13M\xed\xbd\xde\x92\x94\xc37o:"\x02\x84\tz\x07\xb8\xa4\x8eS\xbei\x92\x10\xb1QJe\xd2\xaa\xed\x88EJT\xcd\x12D\x0c-\x9f\x0f\x00\x00\x11L\xb4\xb7\xc6mr\x84\xe9wz\x88\xcc\xac\x8f&amp;\x8e\x1a$\xe8\xb9\xcf\x92\xbf\xd4N,\x19\xbe\x0f \xdb\xf4\x17\x8d\xe8\x0f\x00\xb0\xbai\x14\x0c\xf2~\x05\xd6\xa2\x87\xfa\x9c(8;\xf2\xdd\x95\x94a\xff-\xdf\x90\xc9\xb9\x053\xff\x0b-\x9b\x0fP\xa1\xc9\xa6\xb7\x81\x19\xb11\xcaF\xf2`%\xf0\xe50*\xb0RX3\xee\x88\x82m!\x82#\xe6\'\xb8\x07\x89\x86\xba\xa6Q_H\xe8-\xf4\xce\x80\x8d\xb8a\xf0\x89\x0e\x97 \x8cb\x88\x836\x05\x1fI\xe4\x9d\x8e5a\xd3w=$\xe9DgGt\xe8\'\x01\xaev\x8e\xb5\x88\xc8\x92\xf5H1.\xb8\xf1\xcb\x0b\xef\xfcA\xb5\xcb\xe9\x13\xb3\xdbs\xb6pQ\xb9\xd0\x92\x02e\x9b\x87y\xd4\xeb\xd14"L\xbey\xe9\x99-{\x0bCH\x04I\xc1`\x04\xe5HtJ_9\x05q\x0e\xcbe\xb7\x87\x91j\n\xd4\xae\x01d\xda\xf1\xc2\x84[\r\xed\xeeJ\xf6\xa1a\x10\xd6nw\xe8[DD\x1c\xbc\xecz\xc5.\xca\x87\x0b\xfdE\x8c\x14\x1c\x04\\+\xe8\xfd\xb8\x00]k5\x0fe\xc4^L$\xb7\xac\x83\x94\xb1de\xd3u\x98\xbf\xfd\xa5\xdf0\xa8x\x8e\xbc:2\x85tl\xb4L\xa4\xb1\xe7\x86/ j\xb0\xf8\xed\xb32\x9f\xdci\x9avt\xceC\xeb\x8c\xcb\x9c_\x15%\xc2y\xf2\xbdD\xf0/\x16\x83K\xe7N\xdev\xbf\xe2\xad\x08\x95\x14,\xebb\xadF\xa9]P\x7fD\xe7\x17\xda\xe9\x87#"\x04\xf4\x01\x00\r\xb3D\xe4w\xee\xb4\x1b\x80#\xab\x17\xd3\xbd\xc4\x80\x05W\x03\x00@\x08"\xeaD\xe3\xf3\xd4#\x7f\xb6/:K^\x1e\x11\x0b\x07+8{\xa0\x04\xad\xa4\xee\xf6\x826\xe2a\xd3\xee\r\x1d8h\xe9uj\xda\xb7z %\xfc\x81\xe4\x91U\x8bi\\E9-\x98"\x80"DtK\x9f@\x10\xbc\xaf\xae\xf6i\xa0\x18\xeb:\x00@\x10\xc4\x</t>
        </is>
      </c>
      <c r="E93" t="inlineStr">
        <is>
          <t>&lt;class 'numpy.ndarray'&gt;</t>
        </is>
      </c>
    </row>
    <row r="94">
      <c r="A94" s="1" t="n">
        <v>92</v>
      </c>
      <c r="B94" t="inlineStr">
        <is>
          <t>steps_per_sec</t>
        </is>
      </c>
      <c r="C94" t="n">
        <v>1400</v>
      </c>
      <c r="D94" t="inlineStr">
        <is>
          <t>5.4118905</t>
        </is>
      </c>
      <c r="E94" t="inlineStr">
        <is>
          <t>&lt;class 'numpy.ndarray'&gt;</t>
        </is>
      </c>
    </row>
    <row r="95">
      <c r="A95" s="1" t="n">
        <v>93</v>
      </c>
      <c r="B95" t="inlineStr">
        <is>
          <t>Loss/localization_loss</t>
        </is>
      </c>
      <c r="C95" t="n">
        <v>1400</v>
      </c>
      <c r="D95" t="inlineStr">
        <is>
          <t>0.07120921</t>
        </is>
      </c>
      <c r="E95" t="inlineStr">
        <is>
          <t>&lt;class 'numpy.ndarray'&gt;</t>
        </is>
      </c>
    </row>
    <row r="96">
      <c r="A96" s="1" t="n">
        <v>94</v>
      </c>
      <c r="B96" t="inlineStr">
        <is>
          <t>Loss/classification_loss</t>
        </is>
      </c>
      <c r="C96" t="n">
        <v>1400</v>
      </c>
      <c r="D96" t="inlineStr">
        <is>
          <t>0.4950623</t>
        </is>
      </c>
      <c r="E96" t="inlineStr">
        <is>
          <t>&lt;class 'numpy.ndarray'&gt;</t>
        </is>
      </c>
    </row>
    <row r="97">
      <c r="A97" s="1" t="n">
        <v>95</v>
      </c>
      <c r="B97" t="inlineStr">
        <is>
          <t>Loss/regularization_loss</t>
        </is>
      </c>
      <c r="C97" t="n">
        <v>1400</v>
      </c>
      <c r="D97" t="inlineStr">
        <is>
          <t>0.03093043</t>
        </is>
      </c>
      <c r="E97" t="inlineStr">
        <is>
          <t>&lt;class 'numpy.ndarray'&gt;</t>
        </is>
      </c>
    </row>
    <row r="98">
      <c r="A98" s="1" t="n">
        <v>96</v>
      </c>
      <c r="B98" t="inlineStr">
        <is>
          <t>Loss/total_loss</t>
        </is>
      </c>
      <c r="C98" t="n">
        <v>1400</v>
      </c>
      <c r="D98" t="inlineStr">
        <is>
          <t>0.59720194</t>
        </is>
      </c>
      <c r="E98" t="inlineStr">
        <is>
          <t>&lt;class 'numpy.ndarray'&gt;</t>
        </is>
      </c>
    </row>
    <row r="99">
      <c r="A99" s="1" t="n">
        <v>97</v>
      </c>
      <c r="B99" t="inlineStr">
        <is>
          <t>learning_rate</t>
        </is>
      </c>
      <c r="C99" t="n">
        <v>1400</v>
      </c>
      <c r="D99" t="inlineStr">
        <is>
          <t>0.04524</t>
        </is>
      </c>
      <c r="E99" t="inlineStr">
        <is>
          <t>&lt;class 'numpy.ndarray'&gt;</t>
        </is>
      </c>
    </row>
    <row r="100">
      <c r="A100" s="1" t="n">
        <v>98</v>
      </c>
      <c r="B100" t="inlineStr">
        <is>
          <t>train_input_images</t>
        </is>
      </c>
      <c r="C100" t="n">
        <v>1400</v>
      </c>
      <c r="D100" t="inlineStr">
        <is>
          <t>[b'640' b'640'
 b'\x89PNG\r\n\x1a\n\x00\x00\x00\rIHDR\x00\x00\x02\x80\x00\x00\x02\x80\x08\x02\x00\x00\x00\x83\xaf^t\x00\x00 \x00IDATx\x9c\xed\xdde\xa0\x15E\xff\xc0\xf1\x1f\xdd}\xe9n\xa4\x91\x92n\x01\xe9\x92\x92\x96\x12\x01\x91\x10\x11\x04T\xd2\xc6\x00\x14\x05\x15D\xc0N\x10\x0bE\xb1\xc5NL\xd4\xc7\xffc7\xea\xe3\xfc_\xcc\xd9=\xb3y\xf6\x9c{/p/\xdf\xcf\x0b\xee\xec\xec\xec\xec\x9c\xf3\x82\xdf\x99\xdd\ti6\xe42\xb1(\xa5\xc4\xe9\xb6\xe7U\xfcT\xa1\xee"\xa5\xedS\xa7N\xbb\xc5&gt;\xf5\xabR\xe6\xe5:q\xd3\xbe#\xbb\x0e*\xdb\xda{\xbe^\xff\xd8\xaf"\xd2\xa0\xdf\x8aA\xf3\xee\xb4\xaa)b%\x1a\xe8\x0b\x9b\x0e\xbe\xd4\xa8*\xed\x8a\xfb\xff\xafF\xf7\xc5v\xb5S\xd7&gt;\x13+\xddo\x85\xf8\xc8\xe9\x97y\xb4y\xbfF\x00\x00\xbcr\xd8\xa9\x8e\xe37\xda\xe9\xe9\x97?+""u\xc3.-?\xd8N*\xa5\xa4`W3\xf6\xe4\xae=V\'n\xdawD)%\x92{\xdc\xc5{\xa5P7\xb3\x8cR\xaaD\xf3\xb3\xed\xc3;_\xb7O\xb5\x14\x11\xc9\xd79\xb9\x8f\x12\xd3$\xa5\xab2\x0c\x01\x18\x00\x10U\x9e:\xe3\xacd\xfe(\xe5\xfb\xcf\xd9a\x1c\xd5\xaew\xdaE\xb1\x90)""\xba\xcbk\x96w\x1e\xd6\xbd\xe9\xe9\xbf\xbcu*\xa5\x9a\x0c^\x1b\xb1\xc1\x915\xcbQstF\xd7\t\x00@&amp;\xaa\xa0\xff\xdcz\xe0_\x91\xb4\xdb_R\xdd\xa7n\xf6-\xf7\xdaoJD\x9a\x9f~\x85+\xff\xa4&gt;\x97D\xb8K\x19\xf3 j\xdf1G\xdbH\xc5\xa2\xc9Wo|\x06\xd6\x16\xae~_\xdf\'\xe7\x00\x00d\x8a*\xbe\xb9\x8b\xb7\xbc\x97\x197\xb3\xfb\xdf\x8b\xb7\xbc\xc7\xd3`\x00@\xd6\x10%b\xd5\xed\xbd&lt;\x93\xee\xbe\xfd\xe5\xb0\xbb\xf7\x99\xb5=J%\xe6G\x18\xbe\xe8\xfe\xf4\xb6\t\x00\x80\xa3#&lt;\x06\xe7\xacy\xc6QkIz\xec\xfd4\xc9\xbe\xaf\xf3\xb1\xf6\xcb?\xbb_c\x03\x00\x90Y\x86-\xbcW\'\xd2\x19{\xec\x89CI(\xd57=w\xcc"\xfc\x1f\xc5\x03\x00 "\xd2j\xc4\xd5V\x00.~l[\xe2\xb2\xfb\xd01\xee\x92\xe6\xaa5F\xa4\xa1N\x97o;\xf7\xd86\x06\x00p\x82:n\x9f\xd0\xea\xf1\xd8\x11\x9b7x\xfe]\xae\x9c+\x1f\xfc6\xe2\x8d\xea\xf6\xbe(\xa9\x86\x01\x00\xe0\xc35&amp;\xf9\xc6\xa7\xfe\xf4\x96Ik9\xcb\x93W)\xd3Z$\x12\x1cGk\xf7\\\x9aBm\xbb\x0e\xfa\xd6V8\x85\xaab\xca\xf47\x16\x0fI\xe0\xfew#\xffd)\xd1;\xc5\xf6\x00\x00\xb2\xa5T^\xee\x8a\xf4\x9aq[\x86\xb7$\xb12\x03\xf4\xdf\xd2\xadf\x8b\x88H\xae\x8c\xad~\xd2\xca\'3\xb6B\x00\xc0\x89k\xc8\x82\xbbE\xe4\x95_\x94H\xda\xb1\x89\x9a\x89\x1c\xb7\xcf\xbd#\xc8}\xac\x1b\x00\x008^\r_t\xbfH\xfd\xc4\xe5\nuK\xb2\xe2V\x13V&lt;\x9elc\xf6}\x9d \xd6*\xa5\xcc\xa7\xc7\xa7\x9f\x1f8\xe5\xb7T\x8b\x99\xc9\xde=\xbdr\xb5w\xe7T\x1bq\xb4\xdb\x00\x00\xc8\xa2\xac\xeef\xb3\x902zZ\xb0\xf9\x1e\xf4\xec\xab\x9e\xf7\x16\xeb0nC\xc6\xb6M&lt;\xbd\xe1\xb1\x17=\x1a\xe1\xa2\x16\x19w\xffV\xbe\xed\xf9&amp;\xa3\xfb\xe8O}\x99u;\xfd\x00\x80D|\x1f\xed\xea\xccS\xa7\xdf\x92|}\xd5\xcc\x83\xe8\xc3\x94\xbc\x96m\xfd\xc8N?\xf0\xdeq\x11\x8a\x8a6\x9d\x96T\xf9\xf1\x17\xef\xcd\xa4\x96\x00\x00\xb2\xb6\xa0\xdd\x08\xd2\xf3\xc2u\xd1\xcd\xef\xa4|\xad\xed\x86\'\xffH\x7f%\x99\xabt\xff\xcc\xbe\xc3Y\x97?+\xd2&lt;\xb3\xef\x02\x008\xfaj\xa4pMJ\xb1\xb9\x88\xe3(\xd1^\xbfYy\xbcU\x14U\x8fu\x03\x00\x00Y\x90\x8e\x8eJ\xa9[\x9e\xfb7z\xa4\xec8a\xa3\x95\xcc%"\x7fZ\x17\xfa\xd6\xd0\xb0\xff\xaat7\xd3\xe1\xa4&gt;\x17\xdbi}\xc7\xffeD\x8c\xcf\xe0\x1f\n\x85{d\xfa-\x00\x00\xc7\x83\x86\xfdW&amp;\x7fQ.\xa5\xd4\xb0\x85\xf7\x89\xb1\xf7\xdf\xf1\xad\x8dy\xa0\x94\x129\xe5X5%X\x91\xc4E\x00\x00\xd9\xd8\xa8%\x0f\x85\x9e/,F\x9f,\x85\xe8[\xb1\xc3\xfc\xf0\x02V\x9dM\x93\xad9"\xf3GC\xa2\x0f\x0b\x00@\x16\xd3$r\xc9z\x99\xd8\n\x1f\xb9\xec\x00\x9c\xe8\xd7C:\x96\xa8,;0\xd5+\xf3\xa4~S\x00\xc0\t\xa4\xd20\xc7a\xb1\x9e)\xd7\xd4\xe2\xf4+\xd2\xdb\x98\x8c6\xfa\xc2\x87#\x97\x8d\xb0\x80I4Y\xe1\x91&gt;\x00 CUh7\xcf\x953\xe3\xca\x03\xc7\xa4%"\xf9\xa3\x15\xab\x93\xb9\xad\x08\x94\xef(\xdc#3V/\x01\x00\x1c\x9f\x12&lt;\xff&lt;c\xe9#\x19{\xbf\xdc\xb5\xc7\xa6pU\x8e\x1a\xa3\xcc\xc3(]FW\x992\xa7\x9c\x93\xc2}\x8f\x9d\x86\xc7\xba\x01\x00\x80\x8c\xa6#S\xc1\x06g\x9a\x87\xe9\x16\xf9\x05p\xa5\xa1\x19q\xbbd\x14\xe8\x12\xb9h1\x11\xc9Qct\xe6\xb5%X:^?\x03\x00\xb2\x8a/\x13\x05\xdd\xce\x93n4\x8e|v\xf5\t\x0b\xdb\xb9;\xa4\xd0\xa4\x9f\xd2\xfd;@\x8f\xb4z\xf4\x93\xa3=K\xea\xf1\xcf3\xecv\xbc\x0c\x06\x80\x13P\xde\xa3t\xad\xb5k\xaf6f\xd9\xeet\xdc7\xce\x0e]\x05\xeaO\x92\x8c\x8bd\xdez:M\xb8!\xa3\xaa\xf2S7\xb5\xca\x01\x00Y\xc0\x1b\x7f\xa64\xa3\xb7pw\xdfK\x92\x0eu\xc5z\x19\x07\xf1\xc51t=\x97\xdf\xf7\x8d\x88\x88\xe40\xaf8\xeb\x8a\xe7\xc2\xabt\xad\r\xf2\xd2OJ\xa4\xd9\xc8\xc5\x0f&amp;\xd7\xb0hn{&gt;v\xa3\x1e\xd3\xb6$,l.\xc5\x05\x00@\x8c\x15\xb4\xecqX\xf5E\xa4\xf1\xc0\xd5\x81\x17\x147c\xa7\xbc\xf7\xafO\xe8\xcd[w\x9cq\x94+\xe96yw\xd5\x8d\x10\xe3\x95ED\x8a6\x99\xa6\x94\x1ap\xee\xce\xfd\xdfD\xfde\x10T\x7f\xc8\xaf\x8d\x06\xfdRXML*w:/\x85\xab\x00\x00\'\xba\xdc\xb5\xc7\x98\x87\xae\xf8\xb4y\xff?:1\xee"\xd7f|\x99\xbe\xb1\x8f\x11\x80\x1b\x9a\x99\xb1\x94_P7M\xbbt\x7f\x81\x06\x93\xc4z|]\xbd\xdb\x05\xee\x1a\xbcu\xa6\xd4H\xfdo\x9b\xd1\xd7F(\xee\xde{\x18\x00p\xc2\xa9\xda\xe5|\xc7\xb1sFP\x88\xda=\x97\xb9\xb3J\xf4ve\xa4\x16\xd2\xeey\xcb74\xb61\x0f\xd3\xb3vf\x08\xdf\xdaV\xed\xfa"\xd9k\x83ZU\xb6\xcd\x9c\xd4\x1a\x06\x00\xc8\xea\x1c\x9b\x15\x86o\x1f\x141\xb6\xb9^\x97\xa6#"\x86\xad\xc2\xf1\xce\xdf\xea\x07\xa5\xae\xd9\xfd\xa3RJ*f\xe4d\xa7J\x1d\x17dH=\xe6\x8a\x98\x0cx\x06\x80\x13S\xd5I\xab\x9e\x14\x91k\x1e\xf9\xc1\xf7\xb4\xf9*7_\xbd\t\xe2\xdb\x9dM\x87:\xbd\xec\xdaN:\x94D(\xaa\x1e~\xba\xdf9w\xa4\xda\xa2\x14y^\x06\x97\xd4\x7f\xf2\xd7\x9f\xe8-l\x07\xdd\xf9\x1b\x0e\x12\x80\x01\xe0\x84S\xb0\xe1\x99\xe6a\xa3\x01&gt;\xa3\xae&gt;\xca\xf8\xf0PY\xffIk5\xcb\xc8\xacZ\xbb\xe7\xd2\x8c\xbeQ\x12\x8a6\x99f\xa7\x83"\xe2\x9f\xe9\xfb*\\\xd5\xea\xc3t\xd6\t\x00\xc8\x92\xca\xb5\x9dk\x1e\xee\xf9\xc4?\x18\xb4\x1f\xb7&gt;\xb3[\xf2L\xe8@\xe5\x9c5\xcf\x08:\xe5\x8aj\xa7\xcd\xdc\xe6S\xa8\xe4i\xee\x9cj#\xf5\xdf\x84sy\xeb\xf6^\xee\xc9\xf3Y\xaa\xba\xe3\xf8\x8d\xde\xccY\xeb^\xf4f6\x1a\xb0J2\xe5g\r\x00 \x0b\x8a\xb2\xef\xc2\xfa\xbd\xbf\xa4X{\xe5a\xd3/\x7f6\xe4\xfc\x91\xc8\xd1\xe8\xb5\xdfBJ\xa6EoQ\xf0S\xdf\xba"\xf2\xc8GIDG]U\xa9\x163\xc3\nY\xf1&gt;@\x15\x11\x11i\x1d\xfd\xa6\x00\x80,\xef\xd2{\xbe\xb6\x92\xe53\xa3~+\xd4\xb9\xe7\xd2\xb4=\xe3\xba\xe8\x95\xdc\xf7\x8e3"\x16\xe8j\'\xa3w%\x93\xed\xc7G\x7f5\x9b\xa7\xce8\x11\x91&lt;\x1d\xa3T2i\xe5\x13Q\xea,\xd4pr\xc4\xbb\x03\x00\xb2\xa4\xffSJ\xa4\xa6+s\xf8\xa2\x07&lt;\x05\xab\x1eRj\xd4\x92\x87B\xaa*`\x8d6:s\xf5S\xce3\xf1\xbe\xe9\xd2\xdb&gt;\xb4\xd39j\xc6\xb6:p=7\xae\xdciax\x9b\xaf\xdb\xf3\x93\xe3\xd8\xfb\x849I\x85\x1aE\x89vE\xcc\x83\x90\xf0\\\xa4\xc9T\xb3\xee\xe0\n\x8b[\x89\x92\x11\xee\x0e\x00\xc8^\xec\xc90\xc1E\x1a%\xaa\xc3g\x87\x86\x98\xfc\xd1w\x1f\x8a\xfb8\xc2\x1c\xd9\x8c\xe2\xaa\xbfa\xffUI\x95\x0fPX\xa4\x88\xe4l\'"-G\\%"#\x17\xbb\x7f\xb8\xb4\x1eyu\xc8-\x18\x17\r\x00\xd9\x9f\xf9\x7f}\xd5.\x8b\xfcN\x19\xbb\xe3U\x1cb\'\x1f\xfeP\xedxE\x89\xc8\xa6\xa7\xfe\xcc\xd8&amp;\x1d\xf8\xce\x15~ZX\x89\x12\x92\xa3\xadd\xfc\x14\xa3\x96"\xe2Z,\xd3\xfcZ\x02&amp;@\x97\xf1\x0b\x93\x8e\xc9QA\xef\xb6kt_\xa2\x13\xce\xbe2\x00\xe0\x841o\xc3\xc1\x8e\x13b\xc3w?\x88\xbc\x0c\xb2Sa\x11Y\xb6\xf5\xa3\xe8\x9d\xb6%\xb7\xbc\xef\xcch\xf5\xe4a\xdfk\xdb\x94j9\xd3\xaf\x01\xb5\xed\x9c\xd82X\xe5\x06E\xbc\xb5\xa6\x94\xd2C\x915\xdf\xc9W~b\x83\x9f\xaf|\xe0\xbfR\xaaO,\xaf\xdc@\xdf\xa2}go\xf7\xfdBz\xcd\xb8M\'\xbe\xb5\xceVh??\xe0v\x95\xa2\xb5\n\x00\x90\xc55\x1br\x99\x88\xe4\xab7&gt;\xd5\nB\xb6[\x88\xefQ\xf8\xd6\x11%"%\x9a\xcfh:x\xed\x96g\xff\xe7(U\xdcZ\x9c\xb2hO\xfd\xd7\x8ca\x1b\x1f\xff\xcdJ\xda;F\x94\x8b\xdc\xb6\xf0\xa7\xe8\xc5\xf5\x9f\x07\xdf\x0f\xfc\ra\xb7\xe4\xb3\xc4O\xec\re\x06\x88\xb5zIx\xb5\x00\x80\x13N\x97I\x9b2\xafrs\xc8\xd5\xb0\x85\xf7\xe9\xc4\xfc\x8d\xaf{K\xeaP\x14e_\xbf\xe8J\xb7\x9a\xed\xc9K&lt;\xd2\xbbp\xe3)\xf1\x83B\xdd\x83\x8a\xe9\x97\xbb\xeb\x1e\xfe\xfe\xb1\xcf\xbcA\xb4r\x94\xe6\r_t\x7f\xc5\x0e\xbe\xdd\xdf\x92"R\xa6\xf59\xfa\x80 \r\x00\xd9V\xc0\x7f\xf1V\xaf\xd1\xb9\x83P\xc1\x06g:\x8b%1\xfb6\te\x06x\xc2X\xf2\x1b\x1aFS\xa3\xdb\xe2\x9d\xaf)\x11\xf9\xcd\xf3=xs\xec=\x80]\xec\xad\x1b\xdf\xfaK\xfda\\u\xfeMo\x87\xdc\xba\xe9\xe0KE\xe4\xdc\xeb_\x15\x11\x91*S\xd7&gt;3u\xed\xd3J\xa9nSnN\xe6\x13\x00\x00\xb2\x8bW\x7fM\xa2\xd7u\xd1\xed\x1f\x87\x9eo&amp;"\x9f\xfa\xeeGT\xaa\xaf\xab\xa8R\xea\x92;&gt;5\x0f\xa37C{\xde=\x80+u~+G\xba\x07j\x05\xb50_\xbd\xf1Q\xb6`\x1aw\xd1\xa3\xae2v\xe2;:\xbe\x00\x90\xbd\xe9\xe5\'/\xbc\xf5\x03}h\x8f\xf85\xde\xb9\xfa\xeb=ck\x82\xaa\x9d\x0bS\xbc\xfcs\xd2\xcbK%+|\x9a\xb2/{D\x98=\x1d\xeb\xae7\xfcnm\xbd\x96\x96\xd2\xfd\xac\xac\\\x12\xdaN\xa5\xd4\xc5\xdb?\x11\x11\xa90$\xa8\x8cYX?~\xe7\x813\x00\x9c\x10|_\xc7\xdaf\\\xf1\\\xfa\xaa\xaf\xafG!\xf9\xcb\x1d\x7f\xb2\xddz\xe4\xba\xf0\x8a\xcc\x1d\x99\x9e\xfb6\xeahmO\x8e{M\x8c\x88\xfb\x04\x9bo\xb2\x93\xe5Ws^W\xfe\xfd\xef*\xbb3]\xbc\xd9YQ\x9a\x04\x00\xc8\x0e\x94R\xa7\x9f\x7f\x9f\x84\xff\xa7_\xa8\xbbHM)?\xd8\xce\xe81uK\xf4[,\xdfv(\xe8T\x82U\x94#\xe8?g\x87\x88\x8c\xbbxoH\x99\x8f\x03?\xda\xc9Qn\xb1\xe0\x867\x8c\xa3\xb0\x91\\\xe6w\xf8\xb3\xfb\xa6\xb9?\xb4s\x8a\xf5\x14\x00\xc0\t\xac\xa6R\xca\x9c&amp;$"\x92\xaf\xb3\xb7\xdc\xb8\x8b\xc2\xc2[\xca*w:\xcf7\xbff\x8f\x0b\xbd\x99\xc9w\n\x9b\xe8?}go\x17\x91\xa7\xff\xe3\xbe\xbcB\xfbyIV\xe8\xafT\x8b\x99y\xea\x8c\xd5i\xb3\x91\x8e\x06\x17\xec\xa6\xff\xae\xbd\xfb\xab\xd1K\x1f\x89R\xed\xa8%\x0fgH\xf3\x00\x00\xc7\xad\xd8x\xe3\xed/;C\x94g\x90\x94\x88DX\x992\xc6\x1a\xdc\x9b\x01\xecHv\xc1\xe6w}\x0b\xdc\xf4\xf4_v\xba\xf7\xd9\x89^N[\x16oy/\xe8\xd4\xa0ywFn]\xba(\xa5b\x0bf\x19O\x17b\x8a\xf7\xaa\xd3k\x99\x88,\xdb\xfa\xd1\xd1i\x0c\x00\xe0xe\xad95`\xceN\x11\xf1\x1f\xaf\xe4\xa1\x94\x92\xaa#R\xb8\x9b=\x12x\xec\xf2=\xa1\x05+\x9a\x07\x0f}\x10\xb1\xa3\\9\xd2^\xc2~\x8a4\x8e\xbe\x84\xa4c\x0b\x87&gt;\xb3n\xb7\xd3\xc5\x9aM\xb7\xd3\xe6\x0f\x08\x00\xc0\t\xc4\x0cE%\x9a\xcf\x08*\xd6}\xea\xe6\x0c\xbec\xb1^\xfap\xfc\xc5\x8fE\xbb\xaevF5`\xf2\x9a}vK\xda\x8c\xbe6\xca%i\xadf\xb9r\xcc\xef\xad@\xfdI"\xa2\xa7]\xc5x\xb6i\xb2_x\'\x1cw&amp;\xd6,a\x00\xc0\t\'\xf8\xbdo\r\xe7a\x03\x11)\xd7\xf6\\\xfb\xf8\xdc\xeb^\xf1^\xd3j\x84\xff\xfe?/\xfc\x10\xd8au]\xf2\xe6\x91x\xc9W\x92\x99\xd4d\xd2!s\xdae\xfb}\xf3]\xe9X\xa2d\x1f\x89\xe0\xbd\x7f\x1dM\xfa1\xd1\x1bk\xfb.\xf37\x1c\xd4;J\x19m(\x13/g\xbd&lt;\x06\x00d\x1fz\xe5g\xa5\xd4\xe6g\xfe\x8e\xb0/a\xdc\xab\xbf\x84\x15\xdb\xf3q\xc0l\xda\xa4U\x11\xa9&amp;\x12\xef(\x87);0\xf4t\xacc\x1a\xe5\x03&amp;\x9e\xe2,\xb2\xfb\x90\x7f=_(%"C\xcf\xbbWD\x12\xaeV\xbd\xf35U\xb7\xf7\xf2\x84\xf7\x02\x00dC: \xe5\xa9\x13\x9fh{\xda\xccm\xc5\x9aN\x0f\xbe"\x90\x9e\xcb\xe4\xad&lt;\xa6\xca\xf0\xc0+CN9u\x9ex\xa3R*d\x95\xa8a\x0b\xef\x8dX\x95\xedc\xa5\x06\xce\xdd\xb5\xfa\xce\xc3J)k\\t1\xfb\xec\xc2Mo\xf9^\xa5?Z\x9f\x99\xb7\x8bH\xbb\xb1\xd7\'{\xd3\x90\xdf\x01\x9d\xac\xfd\xa9\x00\x00\xd9\x96\x0e\x03O~\xe9\x08\x06{?M\xa2\xf3\xba\xfe\xb1_\xddY%\x1c/&gt;7\xef\xff\'\xe8\xda\x9b\xf6\x1d\xf1\x8dCA\x0f\xab\xed\x85\x1b#\x9a\xb4\xf2\x89\xa4\xca{\xf9.6\xa9\xc7\x94\x85&lt;0\xd8\xf8\xc4o\xee\xf2\xc9\xb5\xb0f\xf2-\x05\x00deIM\xb4\xdd\xf5\x9a\x12\x91\x07\xdeS\xf6v~\x11T\x8a~\xa3\xc2\x8d\xa6$,cSJ\xcd\xdbp0a\x19O^m)7\xa8\xd9\xd0\xcb\x8c\x02u\xcc\xd3\xf7\xbd\xe3\x88\xb2\xe1\xcd\xb6\xa3\xb5\xabX\xc5\xf6\xf3\xbd\x17V\xebz\x81\x95l\x13\xb9\xb5\x00\x80\xecB)%\xe5\x07\xe5\xae3\xb6h\xd3i)\xfc\x8f?\xeb\xea\x17\xa2\x14\x0b\xd8t\xcf\xaf1\xc6\xceKS\xd6&lt;\xed*\xf0\xdc\x7f\xd5\xc4\x15\x8f\xfb\\\x15\x8doI\xa5\xd4\xc1\xdf\xe3\xf9\x8f~\xa2*uX \xce\xbe\xafRJ\xa4\x9e\x88\x1c\x89\xd7P\xcc\xacA\xcf_RJI\xf5\x91\xbe7\xb2\x17\x98t\xb6$s6\x92\x02\x00d\x05\xcd\xechQ\xf6\x949\xc1\xc5\xecxS_\xd2\xfa\x89\x14\xce\x90{\x8fX\xfc\xa07\xb3B\xbb\x88\xabS\x15\xf5\xcd\x1d\xb2\xe0\x1e\xa5T\xd0z\x1dA}Y\xdf\xe7\xcc\xaeLsT\xf3\xdfJI\xd9\x01"\x92\xa7\xce\xd8B\r\'\x87\xdcHDn=\x10\xbfi\x9d^\x8e!W\xde\xed\x0e\xb5y\x1b\x0e&gt;\x120\xc8\x0b\x00\x90\x1d\x84\xcd\xbd\x11\x11\xa9\x12t\xe1\xe1d\xba\xcb\x89:\xa9\xf9\x8dt\xc1~\xb3\xef\xf0\x14\xc8\x17v\xb5w\x01)\x87\xa2"rH)\xf1\xac\x90U\xba\xd5l+Y\xbf|\xdb\xb9:u\xc8h\xea\x98e\xbbE\xa4d\x8b\xb3C\xeb\xd7\x1a\x8bH\xfd\xbe+$J\x8f\xbc`Wo^\xce\x9ag\xe8\xc4\xf5\x8f\xfe\xecwM\xd3\x08m\x00\x00d\x1d\xb1h\x91\xa7\x83H\xe9XV\xfe.\xc1\xc5k\x89\x94H\xbar\x8f\xbcu\xc7[\xc9\xea\xd1k\xf3\xca]{\xac\x95\x0clU\xd0$\x1f\xa5\x94\x14\xe8\x12O\'\xc3\xf5\x13\xe1\xd4\xe9\xb7\xac\xbd\xfb+=\x91\xf7\x89\xc3\xea\xe4\xa1\x97\x1b}\xe2Z\xef\xfc\x13\xb6_\xa1\x9d\xben\xcfO:\xa1Gq+\xa5n}\xee\xdf\xa4Z\x05\x00\xc8Jb1 g\xbb\x84#\x98DD\xa4\x8a\xc8I\xa9\xdd\xe8\x9a\xdd?F\x8cs\xaeb\xe6\x86B=\xcf\xbaU|Vi\x8e7\xa9\xc9\xa05\x11\xdb\xf3ORA7\xbe\xa0U}\xd7\x99\x0e\xe36\xe8D\xb4O\x97\'^\xb2x\xef(w\x0eY\xa5\x04\x00\x90\xb5)\xa5\xec\xf7\xa9A\xafHw\xbe\xa6Dd\xba\xb1zT\xe0\x9e?~\xfb%\xd8\x05F\\\xf0\xc0\xae\x83\xb1w\xab\xf6CW\x11\xa9\xdds\x99\xf7\x12\xbd\x94G\x9d^\xcbg\xaf{QD\x9e\xfaJ\x89\x98\xfbC\x948\xa9\xcf%\t&gt;[Q\xdf-\xff\xd2\xbcm\x1e\xbe\xe8\x01O\xb1\xf8ZT\x8f}\x168\n\xfa\xb05\xecY\x9f\xda\xf4\xd4\x9f"\x12[&lt;\xc4\xcd\xa7\xbb\xcfPg\x008\x91\xb5\xf4\xe4\xb46\x0fR\x0b\x12\x97\xdf\xf7\x8d\x9dn6\xc4\x9c\xe7\x13\xe8\x9d\xbf\xfd\xcf\xdaW\x99}_\xe3\xf9\xb3?\xeb\xaa\xb0\xed~\xfb\xce\xde\xdew\xd6\xf6\xa0\xdb\x858\x7f\xd3\xdbv\xfa\xcb\x08\xe5\xcd\x81\xd6\x96\xd6&gt;\xe5&lt;\x16o\x0e\xdc\xaf\t\x00\x90\x85\xe9`3p\xee.\x11\x11)\xe2\x8c=\x05EDr\xb63\xbbns\xae{\xc5\xbb4\xb1\xde2\xcf[\xadm\xcd]_\xfa\xde}\xf5\x9d\x87\xcd\xc39\xd7\xbe,""\'KZ?\xdf\xf2?(e\xbf\xab6\xf6#*\x19\xb4&amp;F\xee:\xee }\xc7+\xaa\xf5H\xdfU&gt;\x8a\xf9ef\x84\x82\xdd\xf4:\x9a\x1b\x1e\x8f\xad\xceq\xd9\xbd\xffItM.\xd7td\x00@vc\x06\xad\x0e\xe37\x88\x88\x94\x1bt\xed\xee\x1f%s\x9e\x8e\xfa\xd5\x99&amp;"\xb3\xafyID\xda\x8f[/""\xf5F\\\xf0@\xa2\xab\x12\x9fun\xf0\x17:\x8e:\x99j\xb5\xdf\xad\x90\xaf\xc7L\x99S\xa7\xc2/Ljg_\x1eP\x03@6V(&gt;\xfe9\xd1\xff\xf8\xba\x0fW\xbb\xe7\xb2\xef\x83_\x00\x1b\xca\xb4\x1f\xbb\xde\xd5\xb3\xcc_\x7f\xa2N\xb4\x1c~\xa5\xf3\xf2\xf8\x0bWG\x85EN\xd5\x7f\x9b\x9f~\x85\xab\xf6C\xd6k\xd7\\\xb5\xc7\x88\xc8\x90\x05\xf7\x84\xb4&lt;\xb1R}\x1d\xdb\x08&amp;R\xbb\xe7R\x11\xf9#a\x80,q\x9a\xa4\x1eGc\xab\x86=\xf3\ra\x18\x00\xb2#=\xcf5q\x90(?\xb8r\xa7\x85\xae&lt;\xe7U\xa7\xf8\x9c\xad&lt;,\xa0pH=\xf1\xc3\xe1\x8b\xeew\x9e\r\x8c\x91o\xfc\xa9D\x1a\x894?:\xbdF\xdf\xd7\xd2"\xd2\xb0\xff\xcah\x15\xb8\xf6s\xac_\xa4\xc9T\xbbZ\xc7G(q\x9aH\xc9\xd4\x1b\n\x008\x9e\xd5:\xf5BW\x8ek\xaf=\xa5\xd4\xcd\xcf\xfc-"\xae]\x92\x92\x8dv\xff5\xca\xbf\xf8\xa3\x12\x91\xcf|k(\xd6\xcb;f\xd8\x0cN\xbe\xf7\xb5\x97t.P\x7f\x92^\x13\xc3\xd7\xf4\xcb\x9f\xd5\x89vc|\xb60\xaa\xdf76\xb2z\xec\xf2=\xf1\xdc\xe2\xbd\x83\x96\xb14\xd3\xf6\x97f\xe7\'\\\xd5+\xf4\x0b\x0c\\\x05\x05\x00\x90\xe5\xf9\x05\x80\x9c\xd6&lt;"\xff\xb5\x1e\xb5\x01\xe7\xeet^[YD\x06\xcf\xbf[\xa4j\xe8\r\xdbH\x8e\xb6%N\x9ea\x1f\xe7?ib\x94Fn{A\x89\x88\xe4hc\xdeT\xafT\xe5rcl"P*\x0f~\x93\xbdd\xd3\xbe#\t\xcb\xf4\x98\xb6EDn\x7f)V\xf3\xa5\xce\x11X\xfb\xff\xcfuG\xe7X\xb0\xbc\x9d\xf4\x9f\xa4Z\x05\x00\xc82\xec\xc0\xb3\xfd%w\x04\xfa:\xf4u\xef\x06k/B\xa5\x94\xdft&amp;QJ\x1dq_U\xd1N\xfdW\xa9\xb4V\xb3\xec\xc32\xa7\x9cc\x14\x8b\xbd\x01\x9dq\xc5s\x12\xed\xd1n\xebQ\xebF-y\xc8ld\xf5n\x17\x98\x05N;{\x9b\xf7#4\x1d\xbc\xd67\xee\xdaKS\x89\xf5\xc1\x9b\x0e\xbeT\xf2wN*H\x9b\x85\x97o;$R\xd6&lt;\xfb\xf0\x87\x9e\xaa\ntm7\xf6\xfa\xa4\xdeF\x03\x00\xb2\x03#`T\xf4=\x9b\xab\xd6\x18\x11\x11)\'\xc6\x80\xde\xfe\xe7\xec\x88\xfe~\xd7\x95i\x9e}\xf7\x7f\tc[\xf9\xe0S\xcdC.\xd3\xb3i\xfby\xda\xd9m\xf2M:\xd1\xd7X]r\xdb\x8b\xea\xc0w\xb1bz\t\x8eF\x03W\xeb\xc3\xf9\x1b_\xf7\xd4]]\xac\x858\n5\xf2\xd9\x95A\x0bX\xb7\xa4\xa5q\x98s\xec\xf2G\x1b\xf4\x8b=9\xef4\xf1\x86\x90\x8f\x03\x00\xc8\xfe\xfa\x9f\xb3C\'*\xb4\x9bw\xff\xbb\xea\xce\xd7\x83b\xa4\x7f\xfc\xab\xda\xe5|\xf1\x89\xc1\xf1\xc51\x1e|\xdf[\xa1\xa3\'m\xcf\xf7\rZ\xa5\xcb\x97\xbd\x0cH\x81\xfa\x93D\xe4\xd1O\xdc[\x1b\x99\xae\xdf\xeb\xd9\xff oG\x11\xe9g}v\xa7fW&gt;\xf0_\xfb\xe0\x85\x1f\x94H]g\x81&amp;\xd5\xba.\x12\x91\xab\x1f\xfa\xce\xcc\xbd\xef\x1d\x95\xd6r\x96\xb3\xa4T\xeex\x9e\xbb\xfa\x82\xdd\x84\tH\x00p\x02\xc9\xd9\xceqXv`H\xd9%\xb7\xbc?q\xe5\x13z\xda\xeeS_*\t\xe8\xbc\xde\xf3V,\xb3\xcb\x99\x9b\xc4\x0e*\xb9\xdaK\xa2\x00s\xc1\xcd\xef\x98\x87f\xe8\xb5\x16\xeb\x08U\xb8G\xc3\x01\xab\xbc\x97\xdb\x87J\xa9\xfd~s{\x8c\x92z\xa7\xde\xc6\x9e"e}\xeb\xcc(\xf6\x92\x96\x00\x80l\xaf\x9c\xfe\xd3j\xe4\xd5\xe27\xad\xa8a\xffU&gt;\x17\x05\xa8\xd1}\x89\xb3\x06\xff\x9d\x1b\x0e\x05\xc4\x98\x84\xb1g\xe8y\xf7\xe8\x10\xd5e\xd2\xa6\x88W-\xbd\xedC+Y+\xbc\xf2\xb0\x96T\x18\x12T\xc0,y\xef\xdb\x01#\xb4\xf3u6\x8fr\xd4\x18\xfd\xd0\x07\xb12-G\\%R.\xb6\xe8\x98\xef\xad=\xeb\x8e\x01\x00\xb2\x03\xfd\xdf\xfd\rO\xfe\xd1h@\xa4@;e\xcd\xbe\x84\xaf{\xfb\xcev\xaf\xae\x1cd\xa3\xb5:\xa3V\xb3\xc7\x12\xddW\xb6\x15kf\xcfzJ\xd3\x95\x7fl\xdd\xfd\x95_b\x89\x1f\x9d\xb1\xb0D\xf3\x19\x12\xc1\x19Kw\xdb\x1f$\xffI\x13\xccS\xd6FI\xb1\xf7\xcd\xf37\xben|\xe4\na\x95\xa6\xf5\x13\x91\x0f\x95\x12\x91\x93\x87^\x1e\xcb\x8cm\xefXCD\xa4\xdc \xff\x0b\x0b\xf7\x10g\xe8-\xde\xec,g\x89ja\xf7\x05\x00d]o\x1eQ~\xbd\xba\xd2"\xb2\xf1\x89\xdf\x0b68SD\xaer\xbe\xd4\xb47\x96\xaf\xde\xf5\x02\xf3B\xbd\x05\xaf^\xf1\xd8|\xa6\xaa\x13\x8b\x9c\x8f\x975sg$\x91B\xab\x9dkG\x17n&lt;\xc5\xaeAW\xd2z\xe4:\x11\xd9\xff\x8d\x1a\x7f\xf1^\xbb\xd8\x9a\xbb\xbe4c\xd8}\xef(\x11\xe99\xfdV\xcf\xdd\xaaK\xc9&gt;\xba6+\xb8\xd6\xd3\x9d\xd4\xf5{\x7f\x11\x11\x91FF\xe1f\xf9\xea\x8d\xb7\x1b\xef\xfe\xf1a=\xb7\xff\xd1\xf7GI\xb9\x81v\xb2j\x97E\xces\x8dD\xf2\x07\xfc\x94\xc9\xe1\x97\t\x00\xc8\x8e\xbcct\xf5*\x19\xa6U\xbb\xbe\x10\x11\xcf\xba\x95\xa5DD\xa4\xcd\xbe\xaf\x93xsY\xb0\xc1\x99\xde\xd8\xf3\xf4\xd7J\x9f\xb2st \x0fo\xb6\x1d\xfb\xf5\xe1O\xa1\x8f\xa3\xeb\xf6\xbeH\xf2w\xd9\xbc\xff\x9f\xe0"\x85D\x9a\xb9\xbe\r\xfdB\xdaw\x18\xb3s\x13\xe5V\xee\xca\x9c;\xfe~\x14\xd0\xb6\xe6\xc3.\xb7\xd3z\xdbG1\xe2}\x99\xd6\xe7\x04\xb7\x16\x00\x90\xc59\xc7\xfe\xe4\x1b\xb9\xf8A\xf3\xec\x9c\xeb^\x11i("\xba/(\x92\x7f\xc1\ro\x8cY\xb6G\x8a\xf9\xee\xb6\xeb\xee&amp;NZ\xf9\xa4\xab\x80\xf9\x8c\xda\x15\xd8&amp;\xaf\xd9\xd7~\xecz\xdfj\xbbM\xbe9\xfcS,\xb8\xe1\x8d\xa0\x96\xe8\x84\xde8!|\x83\xc2PA}\xd3\x9aV\xa2\x9c\x88\xd4:u\xa9}\xdf\x85\x9b\xder}\x1b\xfa\t\xf9\xd6\x17\xdc\xc1\xd8\xb5qS\x93AkSm$\x00 \x8b\xe88~\x83\x1d\x80\x95\xc5&gt;\xbbi\xdf\x91S\xa7\xddb\x1fn{\xd1\xbf\x1b7y\xf5&gt;\x9dh&gt;L\xef\x9aPTD\xfa\xcf\x89O\xe31\x06C%%\x16,\xf7|\xacD\x8a\xe8\'\xd5\xbe\xa3\x9au\xfag\xcf\x13\xefpS\xd6\xec\xf3\xe4\x05\xae\xff\xb5\xf1\x89\xdf\xed\xf4K?\xd9\x95\xb7p\x15s&gt;N\xf7kI\xc9&gt;VN\x0b\xf3\x89\x82fm\r\t\x00\xc8\xe6\x8aI\xe02\x11\xf63U;\xc6\xc4\xba\x80\xf6\xfc"\x83;\x90\x98\xec\x85,&lt;\xb7p\x1c^\xb3\xfb\xc7\x08\r\xf6\x89\xacJ\xa9\x9a=\x96\x04\x15^x\xe3\x9b\xbd\xcf\xde\x1a\xa5f/s\xc0v\xbd\xd3.v\x8d\x11\xd3\x86,\xb8\xdb\x99Q\xbe\xf1\xc0\xd5"\xd2a\xdc\x06}\\\xbb\xe7\xb2\x88\xb7\xf3\xfdh\x11\xaf\x05\x00dI!\xff\xd1\xafq\x0e\x89:u\xfa-\xbe\xc5\xf4&amp;\xbefg\xda\xf5\xaf!w\xd0\xbd&amp;\\\xf2\xb8\x88\x98\xebSZ\xd2\xcc\x83&gt;3ow\x9d6{\xd8\xf6\x10b\xa5\x94\xf7\xb7\xc2\xca\x9d\x9f\x8b\x88\xe4\xef,\x95\x86\xb9\x1a\xf6\xda\xaf\xee\xc2\xdb&lt;\xcf\x8am\xdeo\xec\xa9\xaf\xfcg\xf1Z\x99\xd6\xe2b\xe5\x07\x9d\xb9\xfa){\xadM\x00\xc0\x89\xa8\xf3\xa4\x1b\xed\xb4+x\xb8\x06\x04i7?\xfd\xd7\xa7J\xfd\xecx\xcc\x1b{\x03\xfa\xb9\xf3r\xd7\xc3\xea\xb3\xaf&lt;\xe0\xb8q\x9e\x8e""\x92\xd3\xbc\xfb\xc0\xb9\xbb\xcc\x07\xc8y\xeb\x8e\xb7\xcf\x96o7\xd7\xdbB\x93}j\xd2\xca\'\x82\xca\xc4\x940\xc6F\x95\x1d\xf0\xbe\xa7\xce\x1eS7\'\xa8A+\xd9\xc78h\x1dOV\xb4\'\r\xbb\xf6\x1c\x0c\xc4\xc2\x93\x00p\xc2\xaa%\x01\x8bK\x98\xab\x1f\xbf\xf0\x83\xcf\xa3\xe3R-f\xea\xc3\x95\xb1a\xd2a\x94Rz7\xc0]\x07cU\xe9\xc8\x9a,\xbfH\x1c&lt;C\xb7\xd20\xb1\xb6=6\xd4t\x95\xca]{l\xc4\xe7\xbd\xa5[\xcd\xb6\xd35\xba/\x96\xa2\xb1\xc1hk\xee\xfe*\xd1\xa5\x85\xf4\x9f\xf0\x1b\xb5\x1aqu\x94f\x00\x00\xb2\xb0\xd8\xfe\xbe\xc5z\x89\x14\xb7\xa3\x82c+\\\x11\x91j\xb3\xd7\xbd(\x01\xcf\x93+w:Oj\x8c\xd2i\xff\xb8\x12[\x89\xc2Rv\x80]\xd8.o\xbe\xc1\xf5\xad\xa4B{\xc7\xc6\xba\xbe\xefJ\x17\xde\xf8\xa6\xef\xb5ze\x8c\x90%\xa5bW\x15\xebe\xe49\x9e\x0f\xef\xfb\xca\xf1\xd3\xe4\x86\'\x7f\x9f\xbc\xfa)\xbdR\x98%\xb7g\x95\xcazf\r\xadG\xaes\r\xa2\x0e\x8d\xc1\xc5"\x97\x04\x00dq\xfa\x7f\xf9bM\xa7\xdb\xff\xdd\xdb\xd3~t\x8e~"\xed\n\x06v\xf7WDf\x18\x0f\x99\xf5{\xd6?\xad\x80\xdde\xd2&amp;\xa5\xd4\xb5\xc6\x06\x7f.\x8f}\x1e0t\xb9\xe2\xd0[\x9e\xfb\xd7\xdbN\xd7\xa81\xcf\xbaQ\xf5D\xef4\\\xd4\x7f\xa2\xd4\xd4K\x9f\x91\xd8\xc8j\xe3\xa6U\x86\x8bHZ\xcbYF\xe5u\xc5\xb9r\xc8a\xcfC\x02=\xd2\xea\xb6\xe7\xd5\xeeC\x8eS\xf6D\xea\x8bn\xff\xf8\xf5\xdf\x95\x14=5\xe8\xb3\x87h7\xe6\xba\x14\xae\x02\x00d\x01\xcex\xd6\xfc{\xefp\xe8*\xc3\x13\xf6\xc0&gt;SJD\xe6\xae\x7f\xcd\x15\xf0\xbc\x17\x968yF\xd0)W\xbe\x95(\xd9\xfc\xf4+\xec\x1c\xe7\x14\xa9\xe6v~\xee:c\xe7\\\xf7\x8a\xbb\xae\xc0.\xaf\xfba\xf5\x99\xab\x9e\xb4V\x14q\xb4\xe4\x8eW\x94\x88\x94k;\xb7D\xf3\x19\xdf(\xf5\xa1s|\x99\xd6\x7f\xce\x0e)\xe4s\xa3\xa0\xd9\xcc\xba\xe5\xca\xda\rB)\xe5\xecI\x8b\x94\x1f\x1c|!\x00 \x9b\xa98DD\xde\xfe;\x1eW\x8cE\x98\x1d\xbc3\x88\xecM\xf7|\xe72]\xb7\xe7\'3?\xc1^Fy:\xbe\xf1\x87O`&gt;y\xe8e\xf1\x832\x03\xfc\x9aT\xc2u\xebx\xa8\xae8\xf4\xf6\x97T\xe3\x81\xab\x95R\xaeH\xd90\xda\xf2\xd7\xda\xa7\xce\x0f\xbei\xdf\x11\x11\x11i\xa0\x0f\xf5\x1a z\x8d\xad\xd1K\x1f\x11) \xd2\xd85\xa3Z\x8c\xaf\xe5\xab\xf0\xdf4e\x07t\x9a\xb01z\xdb\x00\x00\xd9E\xae\xf6\xe2\x99}\xe4\xf2\xcc\x7f\xd4\xc4\x15\x8f\x8b\x14\x91\x80y\xbdFf\xae\xc1\xf3\xe33e\x9d!\xb6\xa5q\x89c\xb7"\xcfF\xb9\xb5E\xe4\x9e\xb7\xd4\xea;\x0f\'\xea\x91\x97q\x1d\xbf\xfa\x8b\xbb|\xfd\xbe+Dd\xd6\xba\x17\xed\xde\xa7\xbd=Q8}\xeb5w}\xf9\x8d\'\xb8ZN\xf6N\x89~\xf8\xc3x\xe13\x96&gt;bV%"#.x\xd0\x95\xa3yF\x8d\x01\x00\xb2\x11{4r\x08\xef\x12\x8f"R\xa7\xd7r\x91\xe0\xed}\x12\xab("\xe6V\n"\xf2\xcc\x7ftcj\xf9\xed\xa0 \x8b\xb7\xbc\x17R]\x8d\xee\x8b]9J\xa9\x9d\xaf))3`\xd4\x92\x87\xecL\x9f\'\xd5\x9a\x9eS\x94\xb7S\xc2v\xfb\xac\xf9,""\xa3/|\xc4\x1d\x92\x8d\x0ew\x9b\xd1\xd7\xc6\xf3+\x9fn\x96\xaa\xdfo\x85N,\xdfv\xc8\xccOjym\x00@\x96\xd3\xca\xf9\xda\xb5\xa4o\xc7\xee\xb1\xcf\xdc\x99\x05\xeaO\x12\t\x0b\xc0E\x1aO\x15\x91\xd3fn\xd3\x87Kny\xdfy\xbe\x84yP\xb8\xd1d;\xbdb\xc7g:Q\xbb\xe7R\xbf\xc6\x9c"\xa1\x1b\xd7\xeb\xfc\xce\x13c\xf3\x9b\xed\xe5A\x82J\x8a\xc8\xf0E\x0f\x88\xc87\xa1\x1dk\xb3\x86\x92-\xce\xf6TX\xca.\xf6\xfc\xf7\xca\xf8Z\xdcK\x8e|\xa1\x94\x88\x8c\\\xf2\x90\x88\x0c\x9aw\xa7\xef-\xf4\xa7\xbb\xf0\xd6\x0f\xdc\x8f\xd3\x01\x00\xd9\xd5\xf3\xdf\x07\x8cFN\xa4\\\x9bs\x83N\xe9\xc5\xa4\xbc\x15\xa6\xb5\xf4.w\xe5\xb6\xe1\xf1\xdf\xcc\x0b\xcf\xbb\xf1M\x11)\xdch\x8a\x8eIzAf\xa3sY\xd7s\xa3\xf2V\xc2=\xeb\xb7\xfd8c\x90T\xfe.\xbe-\xd4t~\xcf\xe9\xb7\xda\x05V\xee\xfc&lt;&lt;\xa2\x9f2\xfa\x9a\x02\r&amp;\xe5\xa93\xce\xb7\xc0\rO\xfcn\xff\xc8\xf8\xd6\xf9\x02[\xa4\xb2\xb76\x00@6\xa4_\xbe\x06\x87\x93\xfa"\xe2\xbbh\xe2\xe3\x9f+\x11\x19\xb9\xf8!\xef\xa9&amp;\x83\xd6\xb8r\x06\xcd\xbbS\xdf\xe2\x1b\xa5\xec\xbd\n\x94R5\xba\xfb/\xe0,"\xd7=\xfa\xb3\x88T\xe9\xbc\xd0\xd9\x1e\x11\xc9\xa5\x0f\x7f\x88\x1d\xe6\x13\x11\xef~\xf5+v|&amp;R{\xd2\xaa\'\xdb\x8d\xbd&gt;\x9e[m\x84\x88\xe88\xed\x90\xab\x9dR\xca\xda+)\x9e\xeb\xdb0\xdd\x0c\xbd\xa1\x93\xa7o\xda\xc8\xf7\x92 \xb5N]\xaa\x13z\x89i\xe7\x82\xd5\xb1\x17\xc9\xcd\x87].R2\xa9j\x01\x00Y\x801\xd2\xaa\xb9=\xcfg\xee\xfa\xd7DDoA\xe8\x90\xb3\xadHl\x88VLlE\xc9\x98\xf5\x8f\xfd*"\xbd\xce\xbaM\xac@U\xb6\xcd\x9c\x8f\x13\xcd8\xf2\xa8\\\xb4\xc94\x11\xb9\xf7m\xa3\x80\xb5\xeec\xbe\x93&amp;\x84\xd4\xe3\xa9\xb3\xe0\xd3\xe1oR\xcb\r2V\x8eto\x8e\xb4\xeb\xa0\xda}HY\x0bS\xb7VJ\x89\x94\x19z\xde\xbd\xe2\xf7XX)\xf5\x85RM\x07_\xaa\xbf\x93\xa0\x15\xb3\xb5\x07\xdf\x8f]\xab?i\xc2\xce.\xbda\x00\xc8\x86\xbeV\xca\xa7\x8f[u\x84\x9d\xfc\xd9\xf1\xbf\x7fl\xb7\xbe\xa0\xb0\x1aB)U\xba\xd5l\x1dK\x9e\xff\xde\xff\xbdf\xe2HS\xe4T]\xcc\\k\xfa\xa5\x9f\x94H!\xeb\xda\xf2\x92\xe0\xbd\xa9\xfd\\Z\xee~3V\xa6\xdf9w\xe8\xc4{\xff\xfa&gt;0o\xe2\xce\xcc\xdf\xc5\xbe\x85\xb3p)\xdfO\xa1\x94\x12i\xe6\x97\x19F)5x\xfe]\xe1e\x00\x00Y\x92\x15\x03*(\xa5\xee|]\x9du\xc5sfT\xa8\xdb{\xb9\xb3\xb8{\x86\x8f\xa7\x9e\x80\xcc\\\xedD\xc4w\xb1\x0b;mo\xa2\xa0\x94j9\xfc*\x912\x1d\xc6\x85\xace\x11U\x81\xfa\x93\x94R\xd6\x93j\x07;\xe8\xd6\xe8\xbe\xf8\xe4a\x97+\xa5$\xad\xaf\x88H\xee\x0e\xae\xe6\xb9&gt;\xdd\xe9\xe7\xdf\x17\xcb\xac8T$\xbf\x88\xac\xdf\xfb\x8bY\xa0\xed\x19\xf1\x15\xac\xd6\xdc\xf5\xa5RJ\xef\xe6t\xea\xf4[\xac\t\xc4qAw\x11\x91\x9eg\xf9\x8c\x06\x07\x00d\x073\xaexN\x02&amp;\xf2\xdai\xa5\x94H\xe9\\\xb5\xc6\x88\x88\xe4n\xafGB\x89\x14\x8eP}\x19\x11\x91\x02]\xec\x9dq\xf5\xed\xbc\x1a\x19kb\xd8=\xcb\x81swY\x9b\t\xba\xb7\x15z\xe1{\xb3\xc1\x15\xedTP\x9f\xd2\xbb\xcf\xa0.|\xd8\xd9\x85\xdd\xf9j,1q\xc5\xe3\xbe\xe5\x95R"5|\xef\xb2\xd6\xda\x89\xe1\xad#JD\x1a\x0f\\#\xf6R\xdbR\xce,Y\xb3\xc7\x85"\xd2q||\xa9\rW\x85\x15\xda\xcd\xe3\x993\x00ds\xce\xff\xe8K\x9b\x87W=\xf8\xad.`M\xcf\x8dd\xf4\x85\x0f{3\xabw\xbb\xc0N\xff\xe8\x18&lt;\x95t#\xff2\xd2{?\xf54,g\xdb\\\xb5\xc7\xe8\xe4\xad\x07\x94\xd9\xb9\x0c\xe9h\xfa\xe6o\xb5v\x02\xb6\x1fS\xdb\xf5\xe8\x92\x15;\xccw\xd5`\xcfT\xee?gG\xf0\xa7\xa9\xea{;\xe7O\n\xff}/\x00\x00\xd9\xd3\xf2m\x87\xf4\xff\xf8uz-\xd39\xb1\x00\x90\xb3]\xcau\xe6\xb06J\xb2k\xab\xd6u\x91\x1e\xe1,"\x92\xaf\xb3\xab\xfc\xc1\xdfu\xc8))"\x93W?\xa5\xdf\xf8\xfa(\xef\x98\x7f\xec\x8a^\xda\xd9W&gt;\xaf\xc7*\xeb]\x16\xa4XO1\xba\xdaJ)\xeb\xc1x\xbcm""RP\xaa\x8d\x14\x919\xd7\xbe\xe2\x88\xd9\xc6Kq\x9d\xe3]\xd3\xa3P\xc3\xd8l\xe6\xba\xbd/\xf2o\xb6\x93R\xea\xe2\xed\x9fXG\xfe\xeb{h\xe1\x8b\x90\x00\x00\xb2\x9exO\xabhO\x89\xc7!\xcf\xde\xba\xb9\xda\x9bOz\x13V\xe8T\xde\xa7\x9c\xc1^\xac\xc3T\xa1\xdd\xbc\xca\x1d\xcf[r\xcb\xfb\xe6@\xa4\xde3\xb6\x16n4\xc5q#\xe70l\x11\xb9\xe8\xf6\x8f\xedW&lt;\x0b\x8f\xc5\x00\x00\x16\x05IDAT\xd7\xc5O&gt;\xcblR\xc1\x06g\xfa\xb6s\xc2%\x8f\xffcw\x91s\xb4q}\x84\x03\xdf\xb9?\xd1\xc5\xdb?\xf1]\x83\xf3\xf1/\x1c}\xe5\x1eS\xb7\xf8~\xdeC\xfa\xaa\x02]|\xcf\x02\x00N\x08J);\xdc6\xec\xbfJ)u\xc9\x1d\x9fz\x82h\x0b\x11\x91\nC\xdc\x17\x1bz\xcf\xd8\x1ar6\xba\xc7&gt;W"ut\x03\xfa\xcc\xda\xee3\x15JD\x9cOh\x95R\x83\xe79\x86\nWh\x17\xb4y\xb0\xe3]r\xd9S\xe6\xe8SC\xcf\xbbGDD\xeat\x9c\xe0z/\xdb\xcc\xbe\\/\x1f\xedm\x86\xf7\x07\xc7\xb5\xbb\x7f\xf4&gt;\xee\x0ey\xcbn{\xe7\x1fof1o1\x00@\xf6\x10\xef\xc9%\x0c\x1b"\xe2]R\xca\xb5\xc6\xe4\xdfJ\x89\xc8\x96\xfd\xff\xa4\xd0\x94\xfc\'M\x14\x91\x0f\xad\x9b\xbe\xfcs\xacUF3\xaa\x18\xc5\x1d\x9b7h{?S\xd7&lt;\xf2\x83}\xd8h\xc0\xaa\'\x0e\xebk\x8b\xa4\xd0\x9e\x98\xf2\x83\xed]\x8f\xc4\xb9\xdbR\x94\x99N"\xa2\xf7\x9ch6\xe42O\xb1\xd6\xe1w\xb6\xef5u\xed\xd3\xc9\xb4\x18\x00p\xdc\xcbWoB\x89\xe63\xecX\xa2\x17cJ8\xf6g\xc0\xb9;=y\xf5b\x17\xe6h\xeb:Q\xba\xf5l\xdfJ\x8a5\x9d\x16x\x83\xc2=\xecd\xbc1\xce=\x0cB7\xdc\x8d\xd1/\xb3u\rO\x1e\xf6~\xa8\xfcvj\xd3S\x7f\xda\xe9\xb2\xa7\xcc\x11\x91\xda=\x97\xf9\xd4X\xa6\xbf\x88\xdc\xf4\xb4{*\x91\xa5\xb9\xb9\xf1\x83\xbe\xef\xa5\xf7|\xed[\xb4\xc9\xa0\xb5\x9e\xbc\xca\xaec\xa5T\x97I72\x14\x0b\x00\xb2\xb7\xd8\xe8\xdc\xb3\x8c\x99B\xce\xff\xfa\x8b\xfa^v\xbd=\xa2*\x83\xf8v\xc7\xc79\xf6M\xf2\xac%\xe9P\xd5\xbe\xea\xac\xcb\x9f\r\xbfW\xbfsv\xe8\x92\xf6\xaf\x84rm\xe7\xdag\x17l\xf4\xd9\x06*\xa4\xd9J)I\xeb\x1b\x12/]\xa7\xaez\xe8;\x91\xeag,}\xa4T\x8b\x99\xde\xb3\x00\x80\xec\xae\xdaH\xbd\xab\x81\xeb\xc5j\xb9\xb6\xe6\xfe\ne\xc4\xaf/;{\xddK\xcb\xb6~d\xe6d\\\x14)\x1b\xaf0\xbf{\xbc\x92R\xea\x9ck^\xf6&gt;\x0f7\xef^\xba\xf59\xee*+\r\xebz\xe6M\xde\xc2\xaf87\x0c&gt;y\xe8\xe5\xd6\xa9\x96M\x07\xc7\xfb\xa9\r\xfa\xc5_\x03W\xef\xb6x\xfd\xde_\xf4fG\xfe\x1f9\xc9\xa1\xe3\xba\x12\xcf.\xc8\x00\x80\xecK)\xa5\xf7\xf8k4`\xb5\xce\xb17\x1fT\xee5\xa4j\xc7\x93\x05\xe3\x9b\xdd\x86\xcf\xac\xdd\xf2\xec\xff\x127\xa2\xe2\x10\xdf]\x87\xed\xed\n6\xef\xff\xbbJ\xe7\xf3\xcdS\xfa\x11\xaey\xeb\x7fc\xe9x#\xa3\xfd\x1ah\x18+Y\xa8\x9bNL^\xbdo\xba\xd5u\xb6\xe7\x1a=\xf4\x81\x92&lt;\x1d&amp;\\\xe2\xb3@\x87\xed\x92;&gt;u\xe5\xf8\x8e\xbd2gEKl\x83\xc2\xbc\xbe\x15\xf6\x99y{2\x1f\x04\x00\x905\xd9\xf1#\xf6\xfc6`\xd5*1V\xdb\x08\n\x0c\x87\x94\xb2\x03a:\xd6\x94\x88\xef\xd3\xf7\xc0{\xaa\xd1\x80\xd5R\xba\x7f\xf2\x95\xf8\xa96\xc2nU\xd7\xc97\x85\x144\xe6\xe9\xdab\xd3\xb1\x96\xde\xf6\xa1U\xdbH\xfd\xb7\xe5\xf0\xabt\xe2\x03\xe7\x02 \xc6g\xd7\xa3\x9a\xf3\xfb\x0eo\xb6\xc7]\x03\x00\xb2\xbf\xc1\xf3\xefRJ\x8dY\xb6\xc7\xcc\xfcR\xa93W=i\xe6x\xc3\xa7R\xeaH\x84\x98jo\xe4p\xf5\xc3\xdf\x8b\xb5\x0eF\xe5N\t\x1f\xb4\x06N\xbf\xf1\xae?\xa5\r8w\xe7\x14k\xa8\xb0\xd9\xda\x04\x81\xbf\xe2PW\xc6\xb5\xbb\x7f\xd4\xfb1hz\x86R\xa2\n\xf5`.\x9f\x81\xd6~\x85[\xb8\x8e\xadIPq\xab\xef&lt;\x1c\xd2d\x00@v\xa0\x94\x12)k\xc5\x89b-G\\\xe5\x8a\x19v\xaf\xce\xb3\x95B.\xa3\x86\xb8\xfd\xdf\xf8\x04\xbc/ce\xd2D\n\xc5s+\r\x13\xcf\xf3\xd8\x10\xcd\x86\\\xeai\xb9\x93\xb5\xb4E\x94\xde\xf6\x945O\x8b\xc8\xbfJ\xd9[2\x88\xc8\x86\xc7~\x15\x11\xef\xabec\xd3F\x07\xbd\xe4\xa4\xd9\xc5\xdf\xf6B,\xdde\xd2&amp;\xdfK\xec\xe5&gt;\xec\x9c\x92-\xceVJ97\x036\x15\x17\x91;^\xe1\x114\x00d/\xc3\x17\xdd/\xa5\xfb;#Vl\xed\x0bO\x18k\x19T\xc9w\xbad\xe5a\xbeg\xa7_\xb6_\xbf\xcb,\xdfN\x0f0N\xb3k\xfe\xdcJ\xb48\xfd\n\xf3\x12\xef*\x8f\x89:\xcd\xf5Eb\xbb\x18\x99\xcd\xee4\xe1\x06;\xedZ*\xa4\xe7\xf4[u\xe1\x1b\x9f\xfa\xd3|\xd6\xfd\x8fO\xf0\xae\xed\xfc*\x1aI\xf2\xcf\xd5\x95rLP\xf6\x9eUJ\x99\x0bq\x14\xa8?\xc9&gt;U\xa3\xfb\xe2\x88w\x01\x00d!i\xfa\x7f\xff\x9a=\x96\x04\x16\xa98t\xc6\x95\x07\\y\xb7=\x1f\xb4\x0cE~\x11\xe95\xe3\xb6hw\xaf\x1et\xc2\xf7\xa1\xb7\x14\xec\xeaS\xd4\xb3\xa0\xb4X}\xee*\x9d\x17\xdaM\xb2+|\xee[%"\xffS\xca\xb5\x0b\xb2\xf3\x8ei\xb1\xbfy;\x89\xc8\xb8\x8b\x1e\r\xfe\x08\xae\xa1\xd7\xb3u\xce\xda\xbb\xbf\x1ap\xee\xce\xa0g\xd7\xff\x8b\xa5k\xd9\xb3\xbf\x82\x98[A\x00\x00\xb2\x0f;*\xe8u*~\x8b\x1d\xc6V\xa8\xf8\xd1\x11\x93\xf2\xc7\xc3\x92\x88\x88\\\xb2\xe3\xb3\x04\xb5W\x1a\xfaw@\x1fq\xf8\xa2\xfb\x13\xb6\xed\xb4\xb3}\xd6\x88\x8eh\x9d\xd5\xdd\xac\xd1}\xc9\xc8\xc5\x0f\xea\xb47\xa8\xdb\xa7l\xadG\xad;e\xd4\xba\xd8\x81\xb51\xb0\xaf\x87?\x0cY/L\x8a5\x9bn\x9f5\x0b\xe8U&gt;Dd\xc5\x8e\xcf\xc5zdm[\xb8\xe9\xad\x90;\x02\x00\xb2\x0fo\xf0\xb8n\xcfO\x9e|\x9fE\x1fm\xf36\x1ct\xe54\xe8\xb7\xd2J\xd6\x19i\xac\x0c\x15\xaf6o\xa7\x90\x06D\xe7\xda\xb5\xd7\xae\xea\xea\x87\xbf\xb7\x1f\xe1\x8a\xc8\x80sw\xfe\x1e\x7f\xd7{\xb2\xab\x12g\x03\nF\xb9o\xcb\xe1W\x8a\x88~;\x1b\xa0q\xac\xba\x06\x93\xcc\xdc*\x9d\x17\xe6\xad;^D\xa6\xac}:\xa9\x0f\xce4$\x00\xc8n\xf4~A\xa6\x1d\xaf\xaanSn\xd6i\xd7rT6o&lt;\xb0\xb7\xf9s\x9d\xcdWo\x82\x95\xb4\x16\xd2*\x12_fR\xc4\xbd\xc0\xa4\x88\xd8[&amp;\xd8\xbb\xea\x9a\x15\xbe\xfa\xab\xe7\xa1\xaeUCx\x94\xf2~\x84\x0b6\xbf\x1b\xcb\xcf\xdd!\xec\xda\xdc\xed?\xd3g\x83\xf6F\x14\xd9\xf8\xf8o""R-\xe4\xee\xe6\xa6O_\x05|\x9f=\xa6m\tl\x06\x00 ;q\x05\x9e\xd1\x17&gt;\xf2\xd2O\xea\xff\x94\x12\x91\xc6\x03W\xeb\xb9C\xb5{.\xb5\x0b\xe4;iB\xd0\xb5\xae\xfc\xa0E\x9d\xfe/\x1d\x9d\xb9J\x1d\x17\x88\xe8\xdd\x11|\xc5\x06fK\xa9\xbe"\xa2W\x17q\xe90\xce\xbd\x82\xf4\xa3\x9f\xc4\xda\x13\x7f\xf2,"!\xe1&lt;8\x0c\xc7\x948\xcd\x951h\xee\x9d\xae\x1c\xa5\x94H\xa9)k\xf6\xb5=\xe3Z#\xbb\x8d\xa7\x0c\x00 \x9b\xf2\xf6\x0b\xcd\x9c\x8dO\xe8\x8e\x9d&lt;\xf8~`0X\x91\xe0Mp\x1e;\xb5\xeb\xa0j\xd8\x7f\xa5\x94\x19 \x95\x87\x99K.\xfb\x8a\xb4~\x96\xd9\xfe\xe2\xbd\x83\xca\x8cr&lt;\x06o\x13T\xcc\xf9U\xc4\x86|\xd7\xe9\xb5&lt;J3\x82|\xab\x94HN=LL\xd7\xbfx\xcb{\xde\x9b:\xbf\xf6\xa6f\x81?\x08\xc3\x00\x90-)\xa5.\xbc\xf5\x03\xe7z\x93\xbe\xaa\xfb\xf6;]\xf1\xbbt\xab\xd9\x91\xef\xdc\xccu\xadw\xb8\xef\xdb\x7f+s\xbel\xd0M\re#\xdf=L\xed\x9e\xcb\xcc[8F\x80\xc7\xfa\xd6\xfe:O\xbaQ\'\x0e\xfe\xee\xd3B\xab\xce\xfc\xd6\xda[\xf1\xf1\xcf\xf63\x06z\xbd\x00p\x02QJ\xcd\xb8\xf2\x80R\xeaC\xe3\x7f\xff\xff\x06\xbc\xa4,\xdb\xe6\\I\x1f\xa5\x94\xbdb\x86\x8b\xde\xf5v\x95\xdf:P9j\x8c\xd2\t\xf3\x1dp\xa8\x93\xfco-\xa2wPp9u\xfa-\xae\x9c\x16\xa7_y\xed\xee\x1f\xed\xc3~\xb3\xefp\x15\x90\xb4\xb0`,f4\xad:"\xe8\xack\x93\xc4K\xef\xfd\x8f\xb3Tc\xa9\x10\xf4\xbc\x1d\x00\x90\xc5\xcd\xbd\xfeU\x9d8\xfd\xfc\xfb2\xa6\xc6\xb4~ag\xcb\r\x12\x11\xbd\x9cE\x14\xadF^\xed\x13\xfc\xc41\x94:\tU\xbcc\xbe\xe2j\xf6\xb8P\xa4\x86c\x91\r\xdf\x99\xc7n\xc5C\xceE\xeb\xd4Z3\x92\xcb\x0cH\xe9r\x00@\x16\xd4\xb0\xbf=k\xc8\xe7\x95\xf0\xa0y\xee\x01D\x81\\\xc3\x9b\xad\xc7\xda\xe6\xd2\xcab\xbc\xf5\x8c\xdeB\xa5\x94o\xb7\xd8\xc9\xb1\xa2E\xf4\xd5(%\xb6\xedD\x9a\xeb\xack\x8eS\xb2\xc2\x1b0\xf3\xaa\xe7}rs\xb4\x15\x91\xb1\xe6\xa2\x1f\xd5F\x8a\x94KO3\x00\x00\xc7\xa9\x8e\xe37\xea\xc4\xe0\xf9w\xe9\x847@\xa6\xb5\x9a\x15\xa9.kS \x93+\x0e}\x94L\xdc\xbd\xe0\xe6w\xcdC\xfb\r\xab9*;\xdc\x9e\x8f\xdd\xb7s.\xe9\xd5@\xff\x19p\xee\xae\xe8\xad\xb2W)\xb1\xe4\t\x8c\xb5%N\x93d\xa6ri\x0b6\xbe\x9eLc\x00\x00Y\x93\x19n\x07\xce\xdd\x15\xdf\x87\xc7z\x8cl\xc6\t\xef\x80\xe7\x1f\x9cQ\xa4\x9c\xf3\rq:\x1f\x9f\xbavd\x12)i\x1e\xdc\xf7N\xc2\xcac\x912|\xc3A\xaf&amp;\x83\xd7J\xb4\xfd\x0f\xec\x0f\xf8\xec\xff9\n_\xff\xe8\xcf\xe2\x0c\xbd\xe7^\xff\xea\rO\xfe!&lt;R\x06\x00h\xf6\x04\x18\xfdo\xf5n\x8b\xed|\x11\x91\xfc\x9d\x8d\xb2Q\xdf\xda\x8a\x88k.\x8d\x8bs\xc7\xa4\x0c\x19\xba\\7\xfdU\x8cZ\xf2\xb07\xb3B\xfby\xde\xccM\xfb\x8ex3]\x91u\xd7A\xb3\xe3[\xf6/\xeb\xeca\x020\x00@\xe2\x01\xd8\x7fK\x80\xaf\xa3o\xac\x1b\x8dk\xd7#1\x02U\x98r\x033\xaa\x01\t\x94\xea#"[\xf6\xff\xa3\x8f\xf4\x1d\x83\x96\xb3\xf6\x9dRl4\xb2\xc4\xc3\x1f\xc5~\xd9\xe4\xaa5\xc6[\xd2~\xe6\x0f\x008\x11\x19\x01\xa3\xa8\xdf\xf9j\x9eb\x152\xb9E\x99\xa7@\xf8\xe9\x90\x00\xff\xbf\xe0Sz)+\xd7\xd2\xd9\x07\xbe\xb5\x0f\xab\x95ks\xee\xb0\x85\xf7\xdez\xc0\xbd\xe0F\xf8\xef\t\xef.\x11\x00\x80\xec\xc6\x8c\x04\xb7\x1d\xf0\x8d\n\x05D$W\xad3\xda8\xd6M\x94"\x8d\xa7\xfa\x94-\xeb\x9eH\xe3R\xe2\xe4\x19\xf7\xbc\x95\xb8/\xeb]\xa4:\xa8a\xe1\x1a\x0f\\\x1d\xa1\x1e\x87\xe8]\xed\xa0e5\x0b5\x9a\x1cP[E\xfd\xa7d\x8b\xb3\xc3\xeaMm\x86\x15\x00 \x0bq\xad=i\xc8\xe3\x97i+\x11z6H)\xfb\xa6\xdes\x15\xda\xcf\xf7\xbd&amp;|\xe3\x87\xccf/\x00\xa2\x8f\\\x03\xc1\xb4\x80\x89U\xc5\xbd\xabi\xb6\x1e\xb5ND\xaaw\xbd \xf4\x9e\x85EZ\xb6\x1c~U\xec(\x1f\xc1\x18\x00\xb2#\xa5\xd4\xf2m\x87\\\xc1\xe3\xc5\x1f3\xf2m\xeb\xf5{\x7f\t=_UD~=\xeaC\x93\xce\xbf\xe9\xed$JW\x18\xa2\xff\x1a\x9b;\x05\xa9\xa8\xbf\xcc\x87&gt;\xf0\xfbD\xc5{\xebNs\x81\xfa\x13\xed\xbc\xaa\x9d\xcf\x0f\xaa\xabT\xcb\x99:1\x9f\xb9I\x00\x90\xcd(\xa5\xc6.\xdf\x13^\xa6\xbcg\xe3\x84\xad\xcf\x1f\xe3\xa1\xbc\x05\x1b\x9cyl\x1b\x10\x81{tw\xd7\xc97\xcdZ\xf7b\x82\x8b\xf2u\xce\xa4\xd6\x00\x00\x8e;J)\x91\x96\tW\\r\xadZ|\xdd\x9e\x9f"\xd6\xbf\xfd%o\xb4\xae\x12\xb5q\xbe\xfc\x96V&gt;\x86\x9a{\x86v\x8b\xc8\xd6\x17\xc2\xf6jtYs\xf7W\xa1wH\xb8U\x06\x00 \xab\xb9\xcc\xbd\xfa\xbf\x9f\xb4~"2"\xc2\xb8\xdch#\xa72\xc6\x9eOR\xe8\x857\xcb\xf8v\x88H*S\xa4\xc2Z\xf2\x1d\x93\x86\x01 \xdb\xeb}\xf6V\xa5T\x8f\xa9[\xe2Y%\xdd\xfb\xc9{)\xa5"\x04\xb32\xe9i\x98\x8f\xbc\x1d3\xb8\xc2\xf4\x99\xb7\xe1\xa0\'/\xb6\xa7\x82\xcf\xe8\xe8\x9c\xed|+y\xfd\x0f\xb3d.+\xd1J\xff\x19\x7f\xf1^\x11\xb9x\xfb\')7\x12\x00p\x9c\x1a0g\xa7T\x1a\x16?.\xd5\xc7\xafT\xf4\x8ec\xa</t>
        </is>
      </c>
      <c r="E100" t="inlineStr">
        <is>
          <t>&lt;class 'numpy.ndarray'&gt;</t>
        </is>
      </c>
    </row>
    <row r="101">
      <c r="A101" s="1" t="n">
        <v>99</v>
      </c>
      <c r="B101" t="inlineStr">
        <is>
          <t>steps_per_sec</t>
        </is>
      </c>
      <c r="C101" t="n">
        <v>1500</v>
      </c>
      <c r="D101" t="inlineStr">
        <is>
          <t>5.3828316</t>
        </is>
      </c>
      <c r="E101" t="inlineStr">
        <is>
          <t>&lt;class 'numpy.ndarray'&gt;</t>
        </is>
      </c>
    </row>
    <row r="102">
      <c r="A102" s="1" t="n">
        <v>100</v>
      </c>
      <c r="B102" t="inlineStr">
        <is>
          <t>Loss/localization_loss</t>
        </is>
      </c>
      <c r="C102" t="n">
        <v>1500</v>
      </c>
      <c r="D102" t="inlineStr">
        <is>
          <t>0.008891612</t>
        </is>
      </c>
      <c r="E102" t="inlineStr">
        <is>
          <t>&lt;class 'numpy.ndarray'&gt;</t>
        </is>
      </c>
    </row>
    <row r="103">
      <c r="A103" s="1" t="n">
        <v>101</v>
      </c>
      <c r="B103" t="inlineStr">
        <is>
          <t>Loss/classification_loss</t>
        </is>
      </c>
      <c r="C103" t="n">
        <v>1500</v>
      </c>
      <c r="D103" t="inlineStr">
        <is>
          <t>0.1943854</t>
        </is>
      </c>
      <c r="E103" t="inlineStr">
        <is>
          <t>&lt;class 'numpy.ndarray'&gt;</t>
        </is>
      </c>
    </row>
    <row r="104">
      <c r="A104" s="1" t="n">
        <v>102</v>
      </c>
      <c r="B104" t="inlineStr">
        <is>
          <t>Loss/regularization_loss</t>
        </is>
      </c>
      <c r="C104" t="n">
        <v>1500</v>
      </c>
      <c r="D104" t="inlineStr">
        <is>
          <t>0.031058647</t>
        </is>
      </c>
      <c r="E104" t="inlineStr">
        <is>
          <t>&lt;class 'numpy.ndarray'&gt;</t>
        </is>
      </c>
    </row>
    <row r="105">
      <c r="A105" s="1" t="n">
        <v>103</v>
      </c>
      <c r="B105" t="inlineStr">
        <is>
          <t>Loss/total_loss</t>
        </is>
      </c>
      <c r="C105" t="n">
        <v>1500</v>
      </c>
      <c r="D105" t="inlineStr">
        <is>
          <t>0.23433566</t>
        </is>
      </c>
      <c r="E105" t="inlineStr">
        <is>
          <t>&lt;class 'numpy.ndarray'&gt;</t>
        </is>
      </c>
    </row>
    <row r="106">
      <c r="A106" s="1" t="n">
        <v>104</v>
      </c>
      <c r="B106" t="inlineStr">
        <is>
          <t>learning_rate</t>
        </is>
      </c>
      <c r="C106" t="n">
        <v>1500</v>
      </c>
      <c r="D106" t="inlineStr">
        <is>
          <t>0.0484</t>
        </is>
      </c>
      <c r="E106" t="inlineStr">
        <is>
          <t>&lt;class 'numpy.ndarray'&gt;</t>
        </is>
      </c>
    </row>
    <row r="107">
      <c r="A107" s="1" t="n">
        <v>105</v>
      </c>
      <c r="B107" t="inlineStr">
        <is>
          <t>train_input_images</t>
        </is>
      </c>
      <c r="C107" t="n">
        <v>1500</v>
      </c>
      <c r="D107" t="inlineStr">
        <is>
          <t>[b'640' b'640'
 b'\x89PNG\r\n\x1a\n\x00\x00\x00\rIHDR\x00\x00\x02\x80\x00\x00\x02\x80\x08\x02\x00\x00\x00\x83\xaf^t\x00\x00 \x00IDATx\x9c\xec\x9de\x80\xd5F\x17\x86\x0f\xee\xb0\xc8\xe2\xb0\x8b;,\xee\xee\xee\xee\xee.\xc5\xdd\xdd\xdd\xadh[\xdc\xadhK\xfb!\xc5\x8a\x15mK\xa1\x94\x1a\xa5\x94\xf6\xfd~\xe4\xdeld\x92L\xe4\xca\xee\xde\xe7\x07\xecM&amp;3\'\xc9d\xf4\x08\x11e\x03\x00\x808p\xa7\xcc\x1f;G\x07\x9e\xf4\x9a\x84\xb6\xa4\xe4\xb5\xf5\x93&lt;\x05\xa6\xed|\n\xa0\\\xc7\x15DD\x942z\x966\xc9\x8b\xf4\xd5\x10I Dz\x9c\x88\x88\xe2\'\t\xebI\x94\x84YD\xc7\xc9\xc7\x85\xcb\'o{DD+O\xbe]x\xe8\x17\x001\xb2\xb5U\xe4\xef.%\x9b*\x7f-I\xd4\xc7K\x12%\x99\xbf\xff\xd5\x1f\xc0\x92\xa3\xbf\x01Xp\xe0g\xa2\x98D\x89\xe5\x17&amp;\x06\xf0\'\xd0~\xe2QYni\x1bi\x94\x9b\x94\x88\x88\xb2\xfe\x08P\x8c2\xb2\x13\x85{3\xefZ\x9f\x97\xf2\xfc\xe5\xb7\x1f\xce\x9f\n1B[2\x93I\xf3\x99\xb1\xfb9Q\n\xca\xd0\x8cG\x0c\xa8h&lt;\xecS\xa2 \x83\xcb\x82j\xa8\x0e\x15!\xca\xc9S\xa2\x05\x86\xad\xbc\xee\xa1\x9c-\xc0\xf9\t\x07\xb0I\xe09\x07p\x94h%3\x94\xff\x883\xadVs\xac\xa0\xc7\xecs\x00\xe6\xef\x7f\x95\xbf\xc1\x0cJZ\x93(\xbb\x13\x82*\xe99\xe7\xbc(L\xbf\x05_\x08\xe2=\x07\xee\xfc\x87Q\xebn\x03\x10\xfax}iC+\x8e\x14\xcf\n\x7f(\xd2\x8bET\xe8\xb4\x8a\x88\x82\x8b\xf5\xa7\x90\x16D\t\x98\xb91\xcb\x12\x0f\xe6\xa89a\xcf\xad\xf0\xb2\xda\x8c;$\xfc=l\xe5uf\x89_\xbeaw\xe7\x0b\x0e\xbe\x16\x7fv\x98t,a\xbenD\x948\xac\x87\xeeK\xc9*\xb9\xc7|\xd2\x13M\x87\x7fF\x94Z&lt;;c\xf7s\xce\xfb\x92r\xf9\x8dK\xe6$a=\xc5\x83\xd12\xb7\x02@!-6\\\xf8\x0f\xc0\x94\xed\x8f\xe7\xecy!\xcd\'E\xb1~:y&amp;+\xdc\xe7\x91\xe4\x8d\x94n\xbbD\'q\x00/P\xb4\xf9&lt;_\x8b\xe0{6]\x8a$\x1d0\x80NSN\xf8Z\x8a\x00f\xe0\xe9}Y\xc9r\x99-\xa8l\x87\xe5\x8a#\xb7\xff\x05Q\xe1E\x87~\xf9\xe4\x1b\x10E\x93\x9ej&gt;r\x1f\xa7xB\x7f\xa0q2\xe8\xd2k\xf9\x85\xc9jw\x9ev\xaa@\xa3\x99\xe2\x81\xea\xbd6\x02 \xca/Mu\xe9\xb5\xac\xd0\x89[\x1f\xaa\x0b\x15\xbb\xf6c\x8f\xc2;\xe0\xe2-\x17\x12Q\xee:\x93_\x03y\xebM\x93_\x94\x90(6\x11\x89e\xfd#\x19%\xb8g\x84\x9f\xe4\xac5\x89\x12VU\x94"2g\xcf\x0baf\xcf\x14FB\n\xe1\xe0\x81\xbb\xaeS\x13\xb6&lt;\x90\x9e\x1e\xbf\xf9\xbe\xeb*\xddE\x0b\x00DqY\x07\x1d\xa0j\xf7\xf5\x16\xaer\xaa\xf4\x00\xde\xc7o\xdf\x9d\x97\x05KR\xb0\xa7q"m\xee\xe97\x86\x01"\n\xcc\xd9\xa1\x0e7\xfe\x06\x80\xa4\x85{\xd7\x1d\xb0\xedW\x8dK\xe2\xe6\xea\xa8uy\xfb\x89G\xd5\x02\x00\xa0x\x95\x88\x88(\xa6\xe2\xec\x8857\xa5rja$|AEq\x02Y\xab\x8d#*.\x1e\xdcw\xc7\x95I\xa96\xee9Y\xb2Z\xc1\xc5\xfa\x13\x11Q\x1c\xa2\xf8j\xd9\xfa-\xf8\x82(e\xa5.k\xc4\x83\x93\xb7=\x1a\xb0\xe82Q\xa8B\xaa\x8fV}\xa3\x10\xb8\xfe\xa0\x1d\xe1i\x92\xd5&amp;"\xca\xd8L\xda\xa9\x0b+\xcf\x00\xbecM\xbe\xd5Gz\xcd\xbd@\xa1-\xe3\xe5\xee\x94\xb4P\xf8\x1au\xffE\x97\x89(\xa6d\xed]\xe0\x8dly \x84\xd8\xe4\xa2\xc4\xd5]"\xc5*\xa7\x91F\xc6\xf0U7x\x92\x05\x08\xe0o\x00h0x\xa7\xaf\xa5p\x80X\xd9\xdb\xf9Z\x84\x00l\x92\xe9\x9e\xcd\xc2\x99\x0b\x7fo\xad\xa6N\xff\x8f\xad]h\x96b-\xe63\x8fK;`\xc5\xf1\x87\xe2\x11\xe6vfLq#\xd65\xefw\xcf\x89S\x88I\x12\xe5\xef\xee\xfe3\x8c\xdc\xa3\x87\xa0B\xbd\\\xc5\xa5m,\xa6\xccZm\x9c[\x80"\x00F\xacv\xf5[\xcb\x8e\xff\x01@\x98\x99\xb6\x1d\x7fd\xe9\xd1\xdfz\xcc:+JH\xb1\xca\x12\x11QB\xa2\x18\xea\xfb""\x8aQ\x86\xff\xd5\x00\xc8Qs"\x85\xb4\xf8^\xfb\x92&gt;\xf3.je\xc8XgNR\x9d(\x07g\xe9\x01\xfc\x93\xa5G\x7f\xf3\xb5\x08\xbe\xc1N\xb3&amp;!\xb7\xd7/\x0c\x10A`v&lt;\xcef\x9e\xa6\xf4`Odn\x91\xf8\x95\xd4\xc7Tk\xc2\x0c\x8a4\xb3\xb8%\x96\xb9\xca\x18\x8d3\xd1\xc5\xbf\x84\x07\xb5\xed+\xe9H\x00\xdd]\xbdl\xac\xd5\xa7\xdf\x01\x98\xba\xe3\xc9s\x80(\xa3xI\xbe\x06\xd3\xf5\xdf\x9d\xc5\xd7\x9a\xae\xb1\xfe\xf9\xf8y\xbah\xafg\x14\xe4)4qX\x0f\xf3by\x93\xe2\x1e/!\xa4\xb9\xc7\x8b\xe0`\xf3%\x10\xe5\r*\xd4K\'\xcdo\x1ek\x1f"\x04\xddg~\xee\x93r\xc7n\xbc{\xe0\x1eR\x96\x18h?\xab\x97Q\xf8\xf5E\x0c\xa0\xda\xecd\xa6y$\xd7`\xe2\xce\xd9\xab(\xb5\xccT\xba\xb2\xcb\x8f\xff\xa1\xba(\x84\x88\x86\xaf\xbe\x91\xa3\xe6DV\x96E\x17\x1d\xfa\xa5\xc9G\x9fI\x0f5\x1f\xb9W\x95C\n\xd2$\x0e\xf3\xe8\xf8\xcd\xf7\x85\xb3\xd2\xb5nr\xf7\xc7\xb3\xf7\xbc\xa0\xf8\x95k\xf7\xdb\x1a+{{\x00\x8b\x0e\xfdBDDy\x844\xbfJ\x9a\xc5\xd6c\x0fn\xff\x1f\xe39k\r}V\x9e|\x9b\xa2h?"\xa2\xe0z\xcf\x81\xf9\xfb_iK\x1e\x0e\x00a\x8f*g\xadI:\xc9*t^\xc5\x93\x9b\x82f#\xf6p\xa6\xd4Z\x12\xccP~\xb8\xb0\xc8\xef\x05\xfcs\x00Q\xa4\xd9\\\x0f\xe4\x9a\xdes\x03\xf4\x00:\xfc\x13x\xe6Q\x81\xa9;\x9e\x10\xb9\xb7\x1b\xb9\xf9\x13\xb0f\xf7\xe2\x05\x12\x17\xe8.\xfd\x990\x7f7\xd9\xe9\xf4M\xa4\xbf\\-K\xa2\xaa1\xb2*7DEN=3\xd8i\xb6\xdc&lt;\x89\xd7.\x91/\xf1\x05\x17\xeb\xaf\xces\xea\x8e\'D\xc9\xd5\x97O\xfa\xf8;\x8aSAG~\x16\x99*vYM\x94\xe0\xf8\x13\x00Xu\xea/v\xaa\x98e\x14\x07\x94\x9ak\xce\xc1\xff\x0c_\x03\x19\xca14\xf9\xdd\xa3\x99\x88B\x06JP\xc5\xe1,c(\xdf\x97}*uY\xedx\x9e\x01\xa22\x81\xc1\x9ci\x00\xbcr\xe2\xa9\x95\xef\xb4\xd2~&amp;J24U\x1c0\xf5\x82%\x89\xd3q\xa4!"\xa2\xb4\x8dT\xeb\xf6:s_MJ\xb6Y\xac\xdby\'\xd6\xb96\x7f\x83\xe9\xa3\xd6\xdeR\x1e\x8dS\xdeL\xf9\xee\x05\xf0\xd8\xe1W\xbd\x95\xdbG\x99\xc9\xcd{ \x02\x18T\xc4\xf6\xb5\x00\x01,\xf2\xc0_\xab\xbd/\t\xaa\xa10E\xb1\xc3\x89\xa7\x81\'l\x8e0\x00\xfd\x17~)\xfc\xd0\x9a\x03\x01\x98\xf5\xe9\x0f\xfa\x19\x19\xb6\xe9e\xda-U\xa4i7\xe1\x08\x87\x84Y9\xd2(\xb9\xf6V\xde\xf9e\xd4\xdc\x93K]j\x90\xe2\xc8\xcf\xc0\xef\xda}\'\x80\xfc\rf\x18\n\xb0\xef\x0e\x00\xd8P@Kh\xf5BM\xde\x03\x07\xef\x99\xdee\x08\xa0"\x91\x03y\xa4j\xe0@&amp;\x01\xa20\x1b\xce\xff\xebk\x11\x02\xd8f\xc5\xc9\xb7Fmq."\n*\xd8\xcb\xb0\xc9\x1e\xbd\xfe\x8eN\xa7\x15+{{\xf5A~9=Fj\xfd\xd3c\xd6\x7fK\x19\x9av\x9arb\x87{\x176G\xcd\tD\x19\x882yH \x89Z\xb5\x8a\x94\xf5;\xfa\xfb\xec0\x807\xc9\xaf\x1e&gt;\x06\xf0\x1fn\xbc\xf7\x87&amp;.\x80\x1f\xe3^&amp;\xcdg\x9c\x94;C\xedRdh\x99\x14;Ph\xf2:|\xbd\xbb\t\xa7"\xd5zn\x10\xcb\xf2\xdd\xd0!\xdcl\xacP\x939\x96sqN\xfe\x82\xc6I\xe4d\xab&gt;N\xf7|\x98UI&lt;@l\xcd5\x7f\xff\x18;\x12\x11U\xee\xb6\xd6\xd7"\x04\x08\x10\xce\xda\xb3\xff\xf8Z\x84\x08F\x16\x00\xc6\x8ey]\x18,\xbe\xb5\x9bpD\xda?\xb5\x1d\x7fX\xf8#L\xe2\x82\x8a(\xafY\x11\xa5\x88N\x1f5\xc8Z\xbb\xdf\xc7\xb9\xebLV6\x91)\xea\xd8)TB*\x87\xf21G\xed~[\x1d\xcc\xcd\x0b\xfd\xc7\xca\x93o=\x9a\xff\xa4\x8f\xbf\xf3h\xfe\x9e\'\xa5C\xf9\x14v(\x9f\x00\x1e\xc4\x7fFl\x1e%y\x91\xbe\x99*\x8d\xf2\xb5\x14\x11\x8d\xb1\x1b\xef\x12\xd1\x85WP;\xa5R\xc19\xe3qb\x93\x8cE\xbd\x81\xdb\xedT\xe5\xc4\x05z\x14m&gt;\xdf\xe2\xc5,\x0b\xe3\x08\x0b\xdb\xfd\xb5\x17h=\xf6\xa0\xfa\xe0\xe9\xe7Q\xa2y\x92\xe3\xd4\x1e\x7f\xb0C\xf9\xf0`E\x1b1@\x80(G\xa6\xca\xa3\xcdtTA\x86)\xfcg\x04\x07\xe0\xc2K.aB*\x8e`\x1d\xb65\xff\xf6\x1bx]\x981\xd1x\x9b\x1em^\x13\xcf\xd9\xfb\x93\xe6\xc9h\xa5&lt;Y\xb4E\x8a\xb7\\\xe0k\x11\xfc\x9f\x80Bx\x80\x00r\\\xcdk\xcaz\xce\xe7)g\xe9\xb1\xdf\x1d\xc9&lt;V\x8e\xf6}\xe6_\xe2\x97\x84o4\x10\xd7A\xddz{(]Hr\xa0)\xf9\xa2C\xbfPh\x8b"\x11-\x94M\x89V\x0b\xbf\xfa\xcd_\xc6p\x01\xb4\xd0Q\xa2\xf4\xb2$\x01\x02DH*u]\xb39\x02\xc6\xd8\xe21\xec\x11(\xd9zQ\xbd\x81\xdb-\x17\xe4\xe9\xa6\xc4\xd3\xf9k8\xf3\xf2w\xba\xce8S\xa6\xfd2_Ka\x11!\x84FT`\xebe\xad\xda\xab\x8cJb\x854\x8d\x1c\xc8$@\x00\x7f\x06\x00QVO\xaaf\xe4p\xbc\x8f1\x99az?\x18\x8f\x17\xb2r\x91\xb6-r\x14a\xea\x8e\'DI\r\x93\xc5\xcb\xdd\xd9\x0b\xc2\x04\x08\x10 \x80\x87\xd0\x0f\x82d\x13\x877~&gt;Zy\xdd\xda\x85Sw&lt;\xf1\x83\xce\x98\x97\xea\xbd6&gt;\xf2\xba\xb4\xda\xcf\'\x89W\xe50I\xff\x85\x97u\xce\xaa#L{\x94\x05\x07_{\xb3\xb8\x00\x11\x13\xc7,9\x03Dl\x8e&gt;BPA\xbd\xf8\'\x1a8\xefz)\x80\x94Qko\x03\xa0tMX\'MnW\x07\xd5\xb4\'K*/\x0f\\J\xb6^D\x14o\xef\xed\x083Z\n\xe0\x19\x8a\xf8Z\x00O\xd1u\xfai_\x8b\x10 "\x93\xa7\xee\x14_\x8b\x10\x8e7\xba\x87\xb4\x8d\xf5\x1d2{\x02\x7f\x8a&lt;\x139\xb4\xc1\x03\x04\x08\x10\xc0\xbf\xf1\x9bF\x9f\x93\xd8^\x11\xd8\xca`&lt;Y\xe1&gt;\xb6\xcaLY/\xa2\xbd\x8b\x00\x01\x02\x04\x08\xe0\x11\xb4&lt;!\xc7\xd3\xef\'B*\x8et\\\x94\xe4E\xfa\x8a\x7f\x17h\xc8\xab\x14\x1d\x01q\xca\x05R\x80\x00\x16\xe1\x1d\x05FR\xb5\xc1\xc0 8\x80\xdf!u\xd2\xfb\xabj\xa5t\xa1\xe7\xf5P\xbe\xf9[V\xa2g\xc2\x8f\x07\x08\x10\xc9\xd1\xdf\xe6\xe8=\xef"\x7fV7\xff\ttT\x16\t\xf4\xf1\x01\xf4\x00\xa0cK\xc3\xaa=\xb1&lt;*O\x80\x00~H\xf5^\x1b\xdd\x7f\xc6\xf5\xa5\x1c\xdc\xa8BY\xb3\xd1W#\x17|\xd3\x8a\x19:#YTb\xd6\xa7?\x04\x9e[\x00M\x12\xe5\xef\x0e\xe0\xc4S\xc4\xc9\xd9\x91\'\xfd\xd9\x17\x81\xca\x14\xc0&gt;\x11o\xed\xbdt\xdb%\xda\'3xO\x0e&gt;8{_"\xba\xfa\x16/\xf8z\x88l\xd5\xc6%.\xd0\xc3\xb6hQ\x8b@\xef\x1b@\x8f\xed\xee\xd0\xb6\x00J\xb6^\xa4\x95,Y\xe1&gt;D\xc5\x1d/]\xba\xd7\x1b \xd2\x12\xa7\x82\xfa\x18\x80\xd4\xa5\x06{]\x14\x07\x18\xbf\xf9\xbe\xafE0\x06\x12\x88\xa8N\xbf\x8fu\x12\x8f\xdbt\xaf\xa8\xb6C\xd3!\xcb\xafJ~\x85:$`T!v\x8e\x0eDT\xa1\xd3*_\x0b\x12\xc0/q\x7f\xa2%\x00\xf4\x98}N?\xa5\xd7\xa4\x8aX\x94l\xb3\xd8\xd7"\xf85\x81\x9a\xe3e G+\xd9\x94\xed\x8f\x89\xe8\xda_\x86s\xe5\x08\xb3\xe5T\xa0\xe1L\xe3D\x01\x02\xf8\x0f\xe7_\xba?\xbf\x0c\xcd\xf4c\xe0\xf8\x95q\xb07\xc9\\e\x8c\xafE\xf08\xa9K\x0e\xf2\xb5\x08\x11\x00\xa7G\x12\x86\x11?-\xa2\xe8\x80\xef\xca\xc5^w\xee\x83:\x8d\xfe\xad9r\xe3\xef42i&lt;\xec\x13\xfb\x99\xfb\t\xb3&gt;\xfd\xc1\xd7"\x04\x88h\x08\x9f\xdf\xf2\x13\x7f\xf8Z\x10G\xc8\xc6\x97\xcc\x84\xeb\x897\x81\t\x9c\xa3\x9c\xf3S5\x82 \x8e4\xf2.\xd3\xae\x0f2^\x1a\x0e\xdee*\xbda\xe7\x9a\xa2X?S\x1d\xf0\xfc\xfd\xafL\x0b\xedw0\xf5L#\x86&gt;]\x80\xc8L\xb9\x8e+\x02\x8b\x84\x01\xbcH\xd6;\xff\xe1_\xf3U\xces\xb5\xb4\xc7\xac\xb3\x1ag2y\xa8D\x8f\xa2\xeaY\x95\xc3\xcd\xb0F3\xf9;`;\x01\xc7\x02\x04\x08\xe0\x18\x81~:\x80}~\x07\x00\xc4\xce\xd9\xc1\xd7\x82\xc8\xc8Zm\x9c\xfa\xa0\xe1\xd4\xd0[\x98V\x1aWw\xab\xea\x85\x87\x1f\xb9g\xc0\x91\x83#\x0f#\xff=z\x88\x1a\xbd6\xf9Z\x84\xc8H\xf6\x1a\xe3\r?&lt;\xe9\xc7\xc9\xd4\xff\\q\xe2O"\xa2\x98e\x9d\x96.\xc2\x90\xb8@\x0f\x00U\xba\xad\x13\x9e\xd5\xd2\xa3\xbf\xfd\x0c\x94n\xb7\xd4\xd7rY\xa4X\x8b\x05\x1e/#MCJ\xea\xa5\xf5[N\xb4&gt;\x84\x08\xda9\xd5\x1f\xb4\xc3-yA\xf7\xb1\xa2\xaaT\xc9}\xd1\x01\x07y\xab\xa0\x00\x01\xfc\x9bD\x05\xba\xfbS\xe3\xa2n "\x00\x7fi4^\xfe\xf4`\x03\x18\xb3\xe9\xa2\xe6\xfb\xf2\x07\'Pz\xd5)I\r\xe6\xe1\xd5\xa7\xdf\xb9{V-/\xb3\xe9\x0c{_\xd1L1@\x80\x00\xces\xfcq$\xff\xc0\xce\xfc\x80p\xfd\xed\xb8\x15\xd5\t\x92\x16\xeem6O\xa1\xc1r;\xe9\xcc\xa1\x9b\x96S),\x80_\x133[;_\x8b`\x9a\xe5\'\xfetu\xae\x1a\xabS\x7f\x00?\x03M\x87\x7f\xa6\x93\x89n\xf7\xac_\xf3\x03D5\x82}-@\xe4\xc2\xbf\xe7pi\xd3\x96\x19\xc2\x99\xf4\x7f\x7f8\x7f#e\xda-\xd3m\x9b\x92\t\xff\x01 *\xe6x\xe9\x01&lt;\x06;\x12\xb6?\x7f\x0b\xabN\xfd\xc5&gt;\x91\xaeI\x8e\x9a\x13\x85Z\xfaL%\xbfp\xbc\xc1\xa0\x9dD\xd4i\xea\xc9dE\xf4B{\xf9\xf3\xed\xfb1\xae\x01J\x8clm}+\x87\xaf\x08T\x1b[\xf8\xf3\xe3k6b\x8f\x0f\xc5\x9b\xbe\xeb\x99\xab\xf7\r\xaeg\x946\x1d\x80\xd2m#\xea~\xb0e~\xf4\xe3\xcac\x89\x9c\x14\xab\x9c\xe9\x8bR5p\xa4\xec\x94%\x06j\x9d\x020o\xdfK\xe6\xa9q\x1b\xef\x89\x7fg\xaf1A\xa8\xb1{nY\xd9\xf45J\\\xd8[\xb1\x92\x92x\xa5\x94\xc8\xcc\x98\r\xdf\xfas\xc3\x1e \x801B\xfbU\xb1\xcbj\x9d4Y\xab\x8d\x95&amp;\xf6\x8a\\\x9e\xa2L\xfbef/i9z\xbf\'$\xf1"\t&lt;]@\xc6\n\xc3m\xe6P\xb4\xf9|\x00D\x19\x1d\x91\xc721\xb2\xb6\xf1\xad\x00\x01\x02Dz"\x86\x86\x94\x17\xba:q\x02\xb1\xf5\xb2\x81\xf3\xa0\xb8\xb9;-9\xf2k\x141\xf3\x88\xf47x\xf8\x81\xefo\xb0j\xf7u\xd2\xe7\x1c\x15\xeaU\x84%\xad\xaf\x050O\xd2Z\xbe\x96 \x007\x00\xcaw\\\xe9`\x86\xa1\x95F:\x90K\x8c2\x0ed\xa2\x8b\xd4r\xe3\xda[\x08G\xf2\xd6\x9b&amp;O\x95\x1d*&lt;-\x98\x0f\x19\xbc\xec\xca\xd5?#\xf3\r\x12\xd1\xe8\xf5w\x9c\xceRK9\xd9\x141(\n\x8c~\xf4q\xf2\xf63\xb5r,+\t\xd7\xdfE\xe9\x17\x14%IZ\x8b(\x88(\xcc\xf4\x85\xa9\x1a\x10\xc5\xdf\xf2%(^%\x9d\xcc\x85N\xa5z\xcf\x8d\x9aiLcv\xd1O\xe9\xb9\xbaf\xef\xcdN\x89\xa2\x83\xa2[M\x1c\xd6\x03@\xceZ\x13\x15\xc9\xaa\xf6X\x1fu:\xe0\xfc\rf\x10\x95\xf4\xb5\x14\x11\x8c\xb8\xb9:\xe9\x9e7\xad\xbb\x97\xbd\xfax\xab\xb28\xc3\xc6\x0b\xffy\xb1\xb4\x8c\xef\xfd\xf7\x9bJ\xefk\x01\x02\xf8\x03\xd1K\x1d\xb8+\xd6\xd18\x8ef\xad\x17\xb6\xc1\x1a\xbd\xe7]\xa4\xc4\xd55N&amp;U\xfcn&lt;\xec\x13a\xec\xaf"7Q\x11~\x85\xf8\xdd\xd7M}\xc3!\xa4\xea\x80\xd7~\xfe^\xabsMZ\xb8w\x14\xe9\x80?\xfe*2\xdf]\xa4 \xf6\x99\xef\xbd\xf0\x8e\xbc\x187)nEJ\xdf\xd4{\xc5\x05\x08\x10\xc9IXU\xa3Oe\xa0\xe5\x1a-f\xb6v\x00n\xbc\xf7`\x87\xa7\xe8\x80\x1f\x02iK\x0f\xa14\x8d\xf4\x13o\xbe\x14)\xbb\xa8\x82\x8f"\xf5\xc0\xc2\x14\xb74\xfcu\x00\x88\x97\xa7\xb3\x97\x85Q\xf3\xad\xe7\xdeT\xfa&amp;\x9e\xca\xd9\x06\x8a\x16 r\x8f\x80\xfd\x06\x13An\x02\xf8\x1b\x9a\x91I,|&lt;\xd3v&gt;\xb5\'\x8c&amp;\xac\xcd\xdd\xe2\x9a\xa9\x93\xd4\x88\n3\xe0\x00DD\x14[\xe3x\x06\xafJ\xa1A\x84\xad\x81\x05\x8d\x93\x04\x08\x10\xc0&amp;#\xd7\xde\xd2:\x05\xa0B\xe7U\xde\x14F\x1fS\x9b\xbb\x11\xbc\xf7\r\xe5HS\xd8\xd3BDa\x1c\xdbY\x0f\xa90\xc2\xa9\xac\x02D\x08"r\xb3\x13\xd9\x886`\xd1e_\xcb`\x80Au\x89^\xda[\x82\x18\xc3\xdf\x01\xa7,&gt;\xe07 \x02\xda$pm\xe6\xb5\x1cs\x80\x88\x00\xac9\xf3\xb7\x87\xe5\x89\xaa8\xe4\xca#\x80Ga\xb5\x03\x8cU1\x00\xca\x90\xd2\x1e\xa4\x80\xd7\xe2U\x07\xd0$i!\x97\xa3\xe3H4\x1aJ\xe4k\x01\x88\xe4}\xb0N\x82=\xb7"\xe8c7\xa1d\x97\xa9\xf2(\xcf\xc9\x11 \x80I|\xe0-K\xdd\x0e0\x9b\x85\x90\x8aNXZ\xf2\xe2KO\xdd\x816\xc1\xc5=w=\x00\x90\xb9\xca\x18\xb3\x977\x18\xbcS\xebT\xb5\x9e\x1b\xac\x8b\x15\tHP\x85\x88(~%"\xba\x0f\x94m\xbfl\xf1\xe17\x00\xd2\x95\x1dFD\xaf\xc2\xfb\xe6T\xbe\x15\xd3\x0fQ\xb4My\xeaN\xa9\xd2m\x9d\xaf\x84q\x9cte\x86\xfaZ\x84\x00\xdeF\xd1\x01_x\xe5\x0f\xbbN\xb9|-@\x00\x91\xb4\x8du*\xc4\xb8M\xf7tfrr\x05\xce0\xe1\xbf\xb5\x9f\xbf\x0f\xc4\x18\x90\x90\x912\xb5R+g\x01\x10\xa2\x9f\x02\x08.\xde\xdf\xd7B\xfa\x0b\xd5{9h;\x1e B\xf2\xc5/&gt;\xef\x9f\x9c\x84s\x06\xec,\xbf\xfb\xbe\x8f\x0f\xc0\x87\xab~$\xaf\xa3sVYc\x82j\xaa\xdcO\xe6\x94\xfft\xc4\x8f\x8f\x9f\x10_\xfc\xeb\xc2+\xdc\xb7T\xb3\x9b\x0e\xffLx\x8c\xbd\xe7^P\x9c\xfa\x0f\xb8\xf5\xc1\x7f\xbf\x16#\x8f\x10D\x94\xd8\x1brx\x8f\xc0\xb2\x847\xc9\xe7k\x01&lt;\xee+[\xd9~\xc6)\xef\xe9\x12\x89\xe8?\x8d\x08W\xd2\x9f^\x10#\x801\xf5\x06l\x070g\xcf\x0b\xe6\xd9K\xaf\x01\xe0\x85j\x04\xd7u\xfa\x19\xafH\xe7{\xbc\xd2;:\xeb\x08%\x00\x11\x91V\xa4\xdb\x00Q\x8d\xf2\x9d\x9ct\x8bk\x89x\x00\x96\x1d\xffC~\xd0y\x87E&lt;\x9cx\xea\x8d\xae7{\x8d\t\xb2\xdf!-t,Y\x02h \xf8&gt;\xcd \xf3)\xb3\xd8\x1dB@\x95:\xa7\xeaH\x84&amp;$\xfc\xcf\x80\xba)\x1f\x8b\x0e\xfd\xe2k\x11l\x90\xa1\x99\xb7J\xd26\r\x0f\xe0\x01\xc2\x1a\xcd\xf2\xb5\x08\x0c\xbe\xf8\x05\x03\x16\x7f\xe5\x89\x9c\x8df\xb7&gt;\xa8~\x00\x1e\x06\xe6\xdc\x8e\x91\xaa\xbe\xaf%\xf0\x7f\xe2\x1b\'\t \'S%_\xaaG\x06\x15\xea\xe5\xc3\xd2\x03D\x1c\xbc\xe1S\xb3\xcb\xf4\xd3^(\xc5k\xdc\xfa\xe0\x0f\xaag\x01\xfc\x959{^\xf0\xfb\x88\xd6g\xe8\x8akQ\xba\xaa\xc5\xa9\xe0x\x966\x9fgH\xc5\xc8\xeee\xc23Qz\x02\x98\xa2v\xbf\xad\xbe\x16\x81\xc8o7w\x93\xd5\xfa\xc9?\x05\x0b\xe0\x17(#\x15\xa6\xf6B\xd0u9Z\xae\n\x03\x08mJ\xe0\xf9\x04\xd0%u\x03k\xd7U\xea\xbaF}\xf0\xea[\xec\xbc\x8a\x19\xbb\x9f\xdb\x12\xc9$?\x19\xb9\xee\xe1A7\x07\xdf\xec:\x0b\xa4\r\xd8\xe0Ey2k\x1c\xd7t4\xad&amp;I\xc1\x9e\xf1r\x0b\x8a\xc1N\xaeD\xa9\x144\xa2(\xa5\xdb.Q\x1c\xa97p\xfb\xa77\x02c\xe7\x00L\x12jY&lt;\xf2\xf7dW\xdf\xea\xa4TFZ\xf3(\x00\xec\x97\xf8\xab\xc6\x8d\xe7\xaa=\xd9f\xce&amp;\x89d\xc6\x11~L\x9a\xd2\x83}-\x82\x97\x18\xbd\xfe\x0eQ2O,\xf2xs\xe1(\xb8\x98G\xcc\x8e\xa3en\xcd&lt;&gt;n\xd3=3\xd90\x0c\xd8\x92\x15\xe9cI"/\x13\x8d3]\xa3\xa1\xbb=*G\xd4\x01\xc0\xc4\xad\x0f\xd5\xc7\x93\x17\xe9k\xe3\x83\xf2D\xa7kb\x88\xef1|\x1f\xb8\xa2\x97\xca\x083\x80\x8c\xb2\x1d\x96[\xb9,N\x05\xcf\xc5\x17\x8a*\xc4\xab\xe8k\tl\x13\xbd\x94\xfa\xd8\x96/\rW\xd5\xb2\x1a\xe7\x1c\\\xd7\xa2H\x01"5\xc5Z,`\xd6\xae\xd3\xdf\xa3x\xcb\x85\xde\x97G@\xc7s\x91!\x16[`mI\x1c\xcc-\x80\xc7\x01\xd0`\x90\xa6\x83I9A\x82#\xa7X\xd9\xdb{P\xa0\xc8\xcb\xf1\'\xf2o#uC\x1f\t\xe2a267\xdd\n\xa4m\xec\x19Q\x02\x04\xf0\x12\xad\xc6\x1c\x0c\xff\x91\xd1k\xe6m\xfeH\x86\xf2\x1f\xf9Z\x84\x88\x83\x9d\xb1[T$V9\xcb!\xe1\n5\x99\xe3\xac,&gt;$v\x8e\x0eZ\xa7B*\x8e&lt;\xf6\x189kM2\x99ev{\x12y\x1a\xafE\xad1\x8bc\x01\n#\x14\x89\xff\x0c\xb4Z\xfeJ\xa0C1G\xe0y\xf1s\xf2)\xbe\x03f\x7f\xf6\xa3#\xb9=\x04&lt;a\xc3\xe3\x1f\xc4h:\xfc3_\xcb\xe0\x87\xe4\x11\xfe;\xfc0\xf0\xd1i\xd2x\xd8\'\x86i\xb2U\x1f\xefyA\x02\x04\xf0.\x87\xees\xb4\x0b~\xb6`\x18q\x07\x10\x1e[~\xf0e\xe8\xb1\x00\x01\x02x\x9bx\x95\x88(I\xc1\x9e\x1e-\xe4\xd2\xcf&amp;\x1a\xab\x88\xdb,\xfb\x92ko\x11=\x0b[\xb55\x80\x14\xab\xd5K\xed-+\x82\x86\t\x8bg;\x07\xbf\x08\xe4\x1c\xe9\x89\x12\xed\xa0\x10\x0c4\x80\xb7\x88\x9f\xb7\x8b\xe2H\xe2\x02=\x88H\xaaw\r\xa0\xe7\xecs^\x14*\xe2\x10\xc9\xd6\x06\xbbL;\xed\x83RC\x9a\x03\xb0\xb0\xad{\xf9WU\x83\x98\xa4\xba3"\xf9\x9c\xd8\xde\x88\xfa\xc2\xcf\x90\xe5W}-\x82\x1e{o{\xa3k\x04\xa0\xf4\x92\x1f\xe9\xf8\xd2b4C\xa7\x02\xa2\xa8\xd5\x17\xf28\x94s\xc4&amp;c\x85\xe1\xbe\x16!\x82\xa1\xe9{(Q\x81\xee\xde\x94#r\xc09\xf9H\x90\xaf\xab\xa7%!\x9701\xbcPP\x80\x00&gt;\xa1\xcf\xbcK\xa6\xd2\x97n\xbb\xd4f\x89U\xbb\xaf\xb3\x99\x83\xe3\x9cz\x1e\x05\x16&lt;"+\xda1\xbc\xb2\x06"\rX J\xac\xfe\xb9Y\x7f\xee\x83\xafE\xf0\x12\xd9\x03\xea?\xfeIH\x0b_K\x10@J&amp;_\x0b\x10 \xe2\x93\xa2X\x7f\xaf\xe84%\xb4v\x99\xcf\xfbx\x9f\x0b\x10 \x80\x80\x9fU\xc5H\x16\xaa5@\x14\xc5V\xe7\xf7;@\x94\xcd)Q&lt;IDu\xa3:~\xf3}_\x8b\x10\xc0,I|-@\x80H\x8c\xcb\xcf\x9d\x9f\x8d\x87"\x0c\xb1\x1b\x0e\xd9\xe5k\x19\x1c\xe3.\xd0|\xe4^_K\xe1]\x12T\xb6\x99\xc1}\xf1\xcbQ\x06\x8c\n\x10Q\tk\xec\x8f\x01\xea\x9d i\xb3\x11{|*\x80\x9f;\x90\xf1\ti|-@\x84EGo-U\xc9\x81:}3\x80\xfa\x83vxF("\xa2\xe0\xe2\x03\xac]\x18Q\x06b\xf7\x1c\x903)\x11\xe5\xae3\xc5\xdcE6z\xd9\xce\xd3N\x11\x95\xb0|\xb9!\x01\x7f\xe3\x01\x02D@\xb4b\xd0\x05\xb0\xc7\xe1\x07\xc8]g\nQ~\xd6\xc9\xec\\N&lt;|\x81\xff\xf7\xc1\xe5;\xae\xb8\xfd\xc1\x8c\x90\xc1\xf5\xd4\xc7V\x9f~W\xbd\xd7F\xfb\xc2\xcc\xdb\xff\xaab\xe7\xd5\xfc\xe9\x13\x87\xf5\xb0_h\x00o\xe2\xff_D\x00\xff\xc3\xc4\xbc\xb6\xde\xc0\xed\x81:\xc6A\xba&amp;DD\x14\'y\x91\xbe&gt;\x96$"0p\xf1W\xbe\x16A\x8fw\x1c~\xb5xLB\xeb\x0f\xdaa\xe6\xe3\xc9\xf4\xbf?0\x94iq+\xf7\xb2\xd9c\xd69"\xa2T\r\x84\x9f\x91i\xa7#\x80_\x01 \x12\xaf\x826\x1c\xec\x91\x0fG\xfa\xc9w\x98|\xdcTz\xe6\xd9@\x07\xac&amp;\xdc\xcc\xf7\xd8c\xfc\x0c\x9c|*&lt;#\x86\x9aR\xe0\xf1\xb1(\xe0k\x01\xf4\xc8Zm\xdc\xde\xdb\xf8\xc97/\xceXW\xee\xdcO J\x9d\xbf\xe1\x0c\xe1\xa7\xb6\xcd[\x80\x00\xb68\xf5\xccwmWhK\x9f\x15m\x83\x1f\xe4\x8d\x06\xd3\x988[\xf5q\xd2\x9f\x06\x1dD\xc6\xe6\xe9\xca\x0euB\xb4\xc8\x02\x80\xb9\xfb^\x8a?\x9f\x1b5\xd3&gt;\xee\x80]S\xf3\x00\xe6\x88\x95\xbd=%\xaa\xe6\x95\xa22\xe8\x9c+\xd0h&amp;%\xac\xea\x151\x02\x04`\xb0\xf0\xe0k\xa2\x94\xbe\x96"\xa2\xc2\xd3\xf8\x07fh\xe6\x08.\xde_n\x9a\x16\xf0\xc4\x1b @\x80\xc8EPM\xf1O\x00\x14\xad\x94\x0fe\t@DD\xe9\xc4\xbf\x12\xe5\xef\xe6C9"4\x16\xddDx\x88\xe2-\x17\x98H\x1d\\\xef\xc6\xdf\x81\xc1\x9a\x87\xf0\xdb(\xb9~\x88S\x9e\x87-\x93,\xd2\xcfZ\xe2\xe4\xec\xe0k\x11\x02hb*\x98RT"}\xd3\x98\xd9\xda1\x8e\xa7k\xbc\xea\xf4\xbb\xd1\xebn\x03\xe80\xe9\x18\x11\x89\x1bx\xce\xe1\x05\'SYo\xbc\xb7\xfe\xe2\xed\xf8\x13\xf7\xe7\xf6.\xb4\xd2H/\x97\x08\x80\xd27\xf5r\xa1\x11\x84,\xde)&amp;v\x8e\x0e\xde)\xc8\x1fI\xdb\xc8\xd7\x12\xa8\t\xf1\xb5\x00\xde\xe0/w3\xf8\x8b\x1f\xb7\x87\xbe\xa5\xf0\xd6\xcb\x88\x96Y\x1d\x85\xb0\x08\x80U\xa7\xfez\n$\xcc\xd7\x8d\xc8\'*\x06N8\x14M\xdd\xc0~\x1e\xbb\xae\x01@\xf3\x91\xfb\xecg\x15\x85\xc9\x10p\xc3\xa4"Bxj\x8b@\x14d\x1fNZ\x93}\x9cI\x1a\xcf\xf6\xd6ps\xfe\'\x1c\xb8\x8b\x82\x8dg\x8d\xdf|\xbf\xef\x82/:L2V?v\x96\xd6c\x0f:\x91M\xe0\xa3\xf6\n\xaen8\x8a\xe23\xe7\xae\x00(ym\xaf\x14\xa5\x19.\xe9\xda_\x81\xd1k\x80\x88J\x9aR\x83M^a\xc25\xac\xb9\x85\xae\xe0zK\x8f\xfe&amp;\xf4\xbe{na\xdc\xa6{w\xfe\x03\xa5kL)\xeb]|\x85\xdf\xdd\x1d\xb3;\xbcn\x04!a\xd5\x80U\xa1\xb7\x88\xeeq\xbd\x86\xc6\xc3&gt;\xf1t\x11\x16\xf0\xe7\xf5d\xef\xc0|\x02O\xa3\xfcc1\xc0 V|\xac89;\x12\xa5\xf2\x920\xfeJ\x84\xfe\xb8\xfa\xce7\x13\x061F\x9989;\x80\x03\xc5u\xdf\xbc\xf3\xf1#\xcaP\xee#\xdf\n\x10)a\xfa\xb4\xf2$\xd1K\xf3|l\xbe\xb4\xe4\x8b8\xe4\xa9;U\'\x84\xb3\x05\xf8\xdbA\x00D\xd1\x1d,:\xca\x11\xbd\xb4\xeb\x8f\x94\xf5Y\xa7\x130/JQ\xac\x9f\xdc\tZ!\x87\xa5\x8a\xa4\xcc\xd8\xfd\xdc\xb9\xcc\xac+\x1ev\x9az\x92\xa7\xeb\x15\xf1\x90\xe7\x9f\xbc\xf5\xa7)\x0f%\xe3Y`\xcb\xea\x01Y\xa20\x19\xcb\xb3\xd4\x8b\xb8\xde\x84-\xa6l\x7f\xec\xe9"\x02p\x92-\x10\xda\xd6G\xc4\xca\xceR{\x0c\'\x9d\xd6\x89.\xd3N\ra\xfa\x1d\x0b\xe0\x1c\xbb\xaf;&gt;\x01H\xac\xd5\xcbn8\xff/\xc5\xab\x98\xa7\xeeT\xe6\xd9\xdf=\xbf6P\xbb\xdfV\xfb\x99\xbc\x8d\xc8k\x18&gt;`\xe4\xda[\x9e.b\xf8\xea\x1b\x9e.\xc2Q"\x92\x03\xf1\x1e\xb3\xce\xfaZ\x84\x002bdm\xcb&lt;\xdef\xdca\xe6\xf1$\x05{\x86\xff0i\xae\x1a\xa1\x17l#\x08q\x1d\xcc\xab`\xe3YzK\xcdIk\xc9\x93\xc7!J5|\xd57b\x829{^8(\x0c\x93\xfe\x8b.\xf3%\xd4t\xf0\x19\xa8\x93f\xc9\xe1o\xd6\xbd\x12\x9c\\V\xf5)\xfe\x10\xe57\xbe\xaf\x05\x88\xe2\x14\x1c\xb7\xe9\x1e\xebx\xb8\xe9\x91\xab!\xce\xd8\xdck2\xa9H\xee\xbb\xa2=\x88#s;\xbb$\xa9\xa1\xeetK\xb7]J\x94\x8e(\xbf\xce\xe7)&amp;&gt;\xf2\xd0S}\x9b\xaa\xd74\xec\x11\x92qg\xa5$o\xbdi\xabO\xbf\xe3\x93+\x80\xf3D\xe3O\xea\xb7\x83\xa9te"\xb7w\xd3`_\x0b\x10\xb1a\xd6[W\xe7\xaaK\xc2|\xdd\x00\xfc\xec_\xd5^\xcf\xd5\xa8\x9a\xe8Y\xdaxH\x8e\x88N\x95n\xeb\x18\xb3\xde4\ry\xf6\x92\x7f\x10\xd3{\x8b?\xfc\xab\x12\x06p\x08V\x1d\xd2\xd1\xff\xf2\xde\xc41k\xb5q\xc6\x89xI\xef\\VfIes\xd1\xac\xe7\xecsD\xd4x\xd8\xa7V3\x88\x94\nYv\xdd\xb5v\x9b\xf19\x80\x07\x1c\x8dZ\xf6\x1a\xe3\xf3\xd45\x08\xe4\xec\xb7\x03S"*\xd4d\x8e\xafE\xf0S\x04\xff\x01F\xcb\xce\x9ax\xb7\x03N\xc7WV(\x00\xa2\xb8\x9b/\x85\'\x1e\xbd\xfe\x8e\xe7\xc4\n\x10\x91\x89W\xc9\xc2E\x99+\x8f\xceU{\xb2\xe3\xb2X"\x97a\x8a\x1c5\x8d\x83\x0c\xea\xe3\xecG\xee\xcf]\x85m\xcc\rt"\xf4\xa3HS\x9a\xd7|6E\xd1~\xa4\xd8\xd8\x0e@\x14[\xc3\xe2Hg1\xf6\xcb7\xa8;`\x9b\xf8SH_\xb1\xf3*G\xe4i?\xf1\x18\x00\xa2\x82Z\x83\xcb\x08]]\x038\x01\xdb*\x83\x17EE\x7f\x00\x10\xe5qJ4\xf3\x84\xd7\xf2:\xfd&gt;\xf6\x9d\x18\x1c$\n\x04/\n\x10\xc0a\x0e\xdce\xf6\xbfx\xa2\xdd\xcfI\xa6\xbc\xd1\x1b\x0f\xfb\xb4\xdf\x82/\xbd\xbc\n=\x80W!+\x80GI\xddp\x80h\x85\x16\xa3\x8c\xea\xb4n\xaf\x96\xa2\xee\x97o,V\x1a\x0b\xeej\xfb\xcc\xbf\xc4\xae\xe6n~\x04\xe0\x15eB}\xc6o\xbe\xef\xe9"\xa6\xefz\xe6\xe9"\x0c)\xda|\x9e\xafE\x08\'s\xe5\xd1\xbe\x16\xc1:\xf1\xf3t\xf1\xb5\x08\x9e"\x8a\xcc\xb4\xce\xbf\xd4l\x94(uC\xe6%\xc2\xd9\xb8\xb9:\x12\x11Q\xc9q\x9b\xee9\xd2\x01\xc7\xcd\xd5\xc9f\x0e\x02\xbb\xaeE\x89\x17\xe7{\xcc\xbdu\xd1\xab\x80\xfbZ\xe7\x05\xd2&amp;c\x85\xe1\xfa\x1d\xb0\xac\xde\xc7*g\xa5\x0c\x99\xf7\x83\x88\x8e\x1fi\xbfg\xae2\xc6\xc3%8\xeai\xd9\xbbA\x8e}\xd0K1\x86\xda\x169\xf1\x04D)\xb4\xcf\xeb\x9c\x8a&lt;,9\xf2\xabVCt\x1f\xa8\xddo+QI\xc5%\xc2\xd9\x1c5\'\x12\x11\xc5\xad\xb8\xe7\x96\xbb\xe1\n\x10\xa5\xc8Sw\x8a\xf0\xe2[\x8e\xdeo#\x1b\r\xc7\xe8\x8e\xa2S\xcb\xd5\xac=\xfbO\xa5\xaek\xbc U\x80\x006\x89\xf8\x0e7\xb8\xdc\xa7_}\x1bi{\x97\n\x9dW\x19O\t\xe4\xc8\x8e\xc7\xa9P\xaa\xed\x12G:\xe0\xabo\xa1\xee\xec\xad\x91\xae\xec0G\xf2\t\xa0Oh\xd1\x16\xf3\x01$\xc8\xdb\xd5\xd2\xe5\x19F\xac\xbeY\xaa\xed\x12\x87\x85R\xd1h\xe8n\xfe\xdeW\xe010l\xe5uV\xf4\xa7\x08\x80\xa1\xae\xac\x7fr\xe9\xb5V\x0b\x92\xdb\xabr\x04p\x8e\xf3/\x8dz\x858\x15\xbc!\x87\x7f\xf3\xe9\rv+$l\x9c\x8d^\'W\x1e\x8eS\x1e\x00Q\xd8\xf2\x13\x7f\x12\x11Q\xaeZ}\xb78\xd2\x01;\x85\xffH\x12\x91\x89Y\xd60\x897\xf7\x9fr\xd6\x9a$\xfb\x9d\x86\xbd;\xe2"^E\xa2\xb4DD\x94\xfb\rGw\xfbV\xe3\xf8\xa5\xd7\xa8\xd9g3\x9f\x80A\x96n+\x80\x04\x7f\x8c\xc6\x1a \x80\xe7\x89_\x99\xd9\xfe\xa4+;4m\x99!)\x8a\xf5\x93\xa7NH\x94\xb8H3Q\x8b\xa2\x90S\xbd/\xd3/\xe1\x92\xa3\xbfI~%\xea\xbb\xe0\x0b\xa3l\n\x05\x17\xefo_\x98(K&lt;S\xa9\x9d\xda\xb7\xe7\xc0\xc4\xaed\xc1\xc6\xb3S\x95\x1c\x94\xb3\xd6$\x8e\xce\x179kMLT\xa0{\xcd&gt;\x9b\xab\xf5\xd8P\xb5\xc7\xfa\x0e\x93\x8f\xff\xe6\xee\x95_\x00\x00\x8a4\x9b\xeb\xb9\xbb\xf24\x00\xbaN?\xcd\x93\x925o\xce\xab\x7fI\xe7i\xa7\xac\xc8\xe4\x97|\xa19\xff\xf66\xcdG\xee5\x8a\x8f\xc4f\xe1\xc1\xd7\x8e\x0b#\xa7\xb8\x87\xf3\xf7\x10\x05\xc4\xbfF\xad\xbb\xad:k=p\x82\x830\x9b&amp;\xa2\x14\x89\x0b\xf4\xd8zY\xbfffu\xaa\x03\xd6\x12\xcc\xfd\'\x97\xa9\xc8\xa0%\xff3\x95\xff\xcaS\x7f\x99\x94(j!\xea\xa7\xf8\xd72 \x00\xa2,\x94\xbc\x0e\xf3l\xfdA;&gt;\xf0\xf4\xbd@\xe3a\x9fH\x1d\xfe\tT\xeb\xb9\xe1\xe4SW\x82\xaf\x7f\xc3\xbc}/\x03Q&gt;"=\x9ek\xc2\xccS\xdcH\x18M\x9f\xe4\x03\x97|\xed\xb84Q\x1eo\xf4\xd0\xec\x0e8z\xe9\xe0\xe2\xfde\x95!nE\xc5\x85\xf1\xf3v\xf1h\x07l\x8am_\x83[\x98\xd4D\xd4`\xf0NO\x8b\x14\xb1\xd0t\xe3\xe95\x92\x16\xeem3\x87\x02\rgju\xb7%Z-$\xcaM\x89\xab7\x18\xbcs\xcd\xe7\xef\x8f=F\xae\xda\x93\x88\x8a\xb1\xb2\xc9\xb9\xef\x0e&gt;\xbb\x89[\x1f\xf030m\xe7S\x9bR\xf911\xa6l\x7f\xe2k\x19|\xcf\x81{6u\t\xfd\x05?i\x8b=\x81\xb7n\xad\x88WJ\x91\x92\x94\xd9^e\xad6v\xc7\x15\x99\xcf\r5B\xca\xf8y:{C\xcc\x14u9\x13v\x9c|\xdc\xa3\x82DN\xac\xd5\xef\x0b/\x01\x80\xd25qB\x04\x86G\'S~\xc6cfk\xa7\xd5\xfb\xee\xbe\x8epO\x90!-R\x14\xeb\xb7\xee\xdc\x87s/p\xfc\x89f\xfe\xcb\x8f\xffq\xe4!N&gt;\xc5g7\xd1m\xc6\x19\x93\xf7\x12\xc0:\xdb\xbe\xb6R\x15\xeb\xf4\xb7\xe9\xc9$\x93\xbd\xcb#\t\xddf~\xeek\x11|O\xb3\x11{\x95\x87,\xed\x0b\x10\x11Qv\xc3\x14\xd1\xb2\xb4V7Y\x89\nt/\xda|\x1eQ\x1c\x8d\x8b\x8ayz\xee\xeb?s\xeb(\x81\xa5\xc7\x9d |\xc1D\x8f\x1c\xd6\xc52AN\xad\xde\x17@\x86r\x1f\xc9\xd2\xa6m\xfc\x18\xf8N\x90\\\xd3\xb5V\xac\xb2\x1d\x96\x0fZ\xfa\xbf\x9dW\xb0\xf1\xc2\x7f\x91\xd1\x9b|d\x0e\xae\xf0\x12(\xdfq\xa5\xaf\xa5\x08\x10\xf1\xf0I\xaf\xb3\xf3*n\xa9v\xce4\x07\x85\t*\xf8nY\xd5\x00\x00 \x00IDATw\x9f\xf9y\x9aR\x83u\xc2\xff\xb1\xd0\x8c!\xcd\x04\x80\x9775Z\x8d9\xe0\xcd\xe2\xfc\x0bk\xe3\x9d\xee\xb3\xce\x02x\xe4\x07\x03\xa5\x9c\xb5&amp;\xeat\xc0\xf9\x1b\xcc J M?c\xf7\xf3-_"[\xf5qz\xce{\xe3W*\xd7qE\xaf\xb9\x17\xa6\xefz\xd6e\xdai~a\x92\x16\xb2\xbb\x96\x1e\xc0.Ik\xfd\x01\x98\xd5+\x8c(\\\xfb\xcb\xffg\'\x1ak\xb9I\xaa{W\x8c\x08DqJY_\xd9\x07\xa7mLT\x9c(9\x00\nm9b\xcdM\xee\xdc\x98\x9bk\x0e\xf0\xab\xc3\x15\xaf\x84\xf8\x97\xdfW\xe9\xc8IQ\'2I}\xf6\x85N\xff\x8b\xef\x81\xca]\xd7\x12%e]\x9b\x80\xe2U\x8c\x99\xad-\x91\xe0\xb1K\xea\x1b$V\xc9\xd6\x8bk\xf6\xde\xdcz\xecA\xdb+\x9c~\x85w\xd6$|\xcc\xa9g\x11\xe6{\x0ek4\xd3\xd7"\xf8;Q\xa6u\xce\xa2\x98K\\\xfb\x0bD\xb4\xf3\xaa\x97n?Z\xe6Vs\xf7\xfe\xa4\x9b$\x95\x99\xfcR\xf2\'\x8d2\xaf\xd8wl\xff\x1f(\xbd#\x1b\xc62\xf2\xd4\x9d\xaa\xd7\xfd\xba\xa9\xd8e5+\x8eiF\xa2\xec\xd9k\x8c\xa7\x0cM)y\x9d\x8e\x93O\xc4\xca\xde.\xfcd\xe2\xea\xc5[-l4tw\xc5.\xab\xa5\x83\xb5\x00\xd6\x98\xb8\xf5\xa1\xafE\x08\x10!\xb1\xdd:\xc7vF\x8eH\xcd\x97o\x1c\xee\x02\xbb\xf0\x99A\x06 "\xaa\xdcm\xad\xa7\x8b\x00@\xe9\x1a\x9b\xbe\xcc(:\xa6\x967\x19\x05\x17^\x82R5 "\x8aQ\x9a26W\xf9\x9b\x8d\xddl\xc4\x9e\x89[\x1fN\xdb\xf94m\xe9!\xee\x83\xe9\xf2\xd4\x9dR\xa5\xfb\xba\xe1\xaboT\xef\xb5\xd1\xb4\xe4\\(M\xa1\x1c%\x9a_y\xd6\x0c\x0cr\x03\xb0\xd1\xb0*\x0c\'}S\xdbe\x04\xfa`\x8fS\xb3\xf7f\xe1\x1b\xcfSw\xaa\xafe\x89\xb0|\xcc\xb0\xfe.\xa1\x08\xa8`\x8d\xc3\x9cZ\xcdf\xfc"M\xde\xf6\x98\xab\xfb\x05\xea\xf4\xdf&amp;\xf9\xce\x19\xc6\xcd=g\x9f\x13R\xbe\x06(Q5A\x94\xd2m\x97\xcc\xd9\xf3\xe2&gt;\xf0\xcd;\xc4\xc8\xea\tU\xacX\x1e\xc8\xd3\x9b(\x9f\xa4m\x1f\x1dQ\xc2\x11\x7f\x80\x08G\xec\x9c\x1d|-B\x04@hB\x9f\x05\x86\xda\x96\xf9\x99\xf1\xec\x1c\r\x1a\xe3(O\xb5{\\\x05Da:\xf9\x88V\xed\xae\xc4\xa9\x1b\x12\xc5\xa3\xe4u\xfa\xce\xffb\xcc\x86o\x7f\x00\xde\x03\x1a;\xc1\x19\xe6\xee{\xe9\x99\x9b\xf3\x7f\xa2\x89\x93\xda8\xee\xe6\xe9n\xe0\xdb\x8b\x8c\xb4\x1as\xd0\xd7"\xd0\xefQ\xabj\x89C\xdb\xc2\xbe\x94\xc2\x02\xe9\x9b\xe8x\x8c\t`\x88\xcc\xf1\x98\x9f\x9b\x06r\xf7\xbf\x08\xa90B\'\x9fVc\x0e\xa8\x12\x87\xc4\xce\xd1a\xc2\x96\x07\x82\xd2)\x00JV[K\x86\xf0\x1f\xc9\xeb\xdc\xfc\x07\x91+@\xa1N\xb0\x04"\xa2f#\xf6d\xaf1a\xc9\x91_\xe5\x87\xd3\xb3SG]\xf2\xfbZ\x00[\xc0\xf7\x9d_\n\x00\xa7\xbfW\x8a1f\xc3\xb7\xc2\x1f\xc1\xc5\xbc\xed\x88x\xed\xd9\x7f\x8a\xb5\x98\xaf8\xd8f\xdc!/\x8b\xe1\r4\xcd5\x03x\x1c\xa91\xb8\xdf\xb5\xaa\xfc\x1d\xb0\xbe\xf3\xb3\xf9\xfb_I\x13\xb7\x9bp$z\x96\xd6\x99*\x8d\x1a\xbb\xf1\xee\xd2\xa3\xbf-&gt;\xf2f\xfd\xf9\x7f\x1d\xd2\xd9\xf6\x16!-\x1c\xcfr\xdc\xc6\xbb\xea\x83\x00\x0e=@\xe1\xa6sTg\x12\xab\x13?\xf6};\xee\x1b\xc2\x1a\xcd\xf2\xb5\x08^&amp;\x81q\x12\x03B\x15\xbd&gt;\x80)\xdb\x1fW\xec\xb2Zq\x10\x80&lt;\x18\xb3\xedm\x9d\xd8\xe5\xed\xe6\xe0\x15&amp;}\xfc\x1d\x11\x01h&gt;R\xe5&lt;DF";\xa5\\\xf9\x13\x9ehL\x02\x98\'\xa8f\xc7\xc9\'|-\x84\x0c\xfe\x0e\xb8v\xdf\xad\x9a\xb9$\xaf\xa3H|\xec\x11\x92\x17\xe9\xdbl\xc4\x9e\x91ko\xb5\x19w\xa8j\xf7\xf5\xa5\xdb.\xd53\x1a\xf68\x8e\x9a\xb4\xa6i\xb4\xf7\xb6\x95\x8e\x10\x80\xd0\xad\xfa\xc1|\x88A\xbb\tG|-Bd\xe6\xf2\xaf\xf0\xe6\x18T\xd8\x15\xf2Zq\x11\x93\xac\xc4\xf11\x1a\x04\xaf3\xad\x18\x9b\xd3\xf3\xc1?\x02\x10\xcd\xfc\xe4{\xf7\x9f\xd1\x00\xdc\xf9\x0fe;,\xf7\xa5@,\xee\xf1\xf5\xbe\x0f\x01\n\xaa)\xb9.\x13QQ\x97eQ\xbcJ#\xd6\xdcT_R\xa8\xc9\x9c\n\x9dVU\xeb\xb1\xbeF\xefMy\xebMKUb\xa0\x8e\x18\xa3\xd6\xdeJSz0\xebL\x0e\x0b&gt;\xa7\x8a6\x9f\xa78R\xa2\xd5"\xb3\x99x\x82\xe0b\xfd\x89\xe2\x11\xe5}\x13h\x19=FL\x97!\x9c\xc5Y\x8b\xe7:\xad#\xdf\xc1AC\xb2@\xe7\x1a \x80&amp;\xd2A\x93\xd8\'9^\xca\xc5\x9f\xd5y\x86\x98\xcb\xe1\x95\xba\xebd0v\xe3]\xa2\x18\xe1\x97\xa5\xac\x9f\xae\xecP\xa2\xbcD\xa1\x94\xaa\xc1\xb7\xaa\xf4\xa5\xdb-\xa5\x18e\x92\x17\xedW\xbb\xdf\xd6\x9a}6\xe7\xab?\x9d\xa2\x95\xd2\x15$\xcc+\r\n[Cx\xce\x9e\x17\xe6\xb2IR\xc3\x8e\xb4\x8b\x0e\xbf\x01\xd8\xf1\x92\xf37\x98a9[\xcf\x93\xd6\'\xa5\x9a~\xd46\xa3#\xab\xc2\xe6\x04\xb0D\x98\xaf\x05\xf0k\xbe\xe5\xad\xd5\x05\x8c\x93\x048\xfb\xc2\xe0i\xba:`3\xdfv\x89\xd6\xc6\x936\x00\x05\x1b\xcf\x96\x1e\tk4\x8b(\t\x7f)\xcdG\xee\xe5\xe9\x80\xcf|\x8f\xccU\xc6P\xfa&amp;\xb2n8\x9c\x04\x8a\xf4\x94\xae1Q\x96\xe0\xe2\x03\xaa\xf6X_\xbd\xd7\xc6\xe2\xad\x16\xaa\x0c\xb1\xd4N^\xf2\xf1\x8b\xed\x01\xcc\x94\x9e\xae\t\x80\xfa\x838#\x82e\x9b\x7f\xe0g\xfe\xbc5\xb2e\x04\xdb\x08\x10\xa5\x88\x8c\x0e\xd5=B\x96\xaac)\xb0B\x10\xa5h\xf2\xd1\xa7\x86i\x00\xbcp\xbcN\x189\xd9\xe0\x81k\n\x0c\x1c\x7f\x8c\xee3?\xa7\x8c\xcd\xd9\xbe\x1836\x17S\x96m\xbf\x9c(#Q\xd6\xe0\xe2\xfd\xeb\x0f\xda\xd1|\xe4\xde:\xfd?\x8e\x91\xb5\xad\xa2P\xfb\x92\xfb\x10\xe1N\xfb\xcc\xbf\xe4x\xce\xbb\xae1\x9eL\x95\xee\xeb\xbe\xfa\x95q\xbcV\xdf-\xd6J\t\xa98\xd2\xda\x85\x11\x84\xf8\xbe\x16\xc0\x80L\x95G{\xba\x882\xed\x96z\xba\x08\x19i\x1b7\x1b\xb1G\x7f\xa7I\x0b\x87[\x83X\xe5\x88(\x10\xa1+J\xe1\x83\xb0\xf3\xc3V^\x0f\xff\x91\xd6\xbc\x87,""J^\xb4/g\x07\x0c\xe0\x8b\xd7HUR\xf3\x03+\xd1ja\xa7)\'$\xce:Rd\xac0\xbc\xfb\xac\xb3\r\x87\xec\xaa7p\xbb\\\xcd\x92\x86\xad\xbc\xfe\xe9\r\xf9W\x17\\\xcf\x0fze^[\x97\xfd\xdf\xc2\xa4\xb4\x9c\xcb\x12\xc9!\xec\xb8KV\xcbu\xf5\xcf#\xff\xcc\xb8\xdf\x82/\xcc^\xd2t\xf8g|\t\x8d\xa3\xdd9N\x17\xbb\x8eV\xfc\tC\x0f\\|\x18}J\x1e\x8c\xb6^\xa2\xd5\xa2\x9c\xb5&amp;z.\x7f\x07\x19\xbe\xfa\x86\xce\xd9\x19\xbb\x9f{M\x92HD\xc6\xe6\x8a\x03b]d\xd9\xa5((N\x94\\\xfb,opl\xfe\x0e\x18\x10" \x11\x11Q\xa2j\xb9\xebL\x91d\x93\x92b\x95\x93\x07l\x88I\x99Z\x15k\xb9\xa0p\xd3\xb9\xb1st\xe0\x14\xc6A\x0ct\x17U\x0c\\\xf2\xf5\xa6\x8b\xb2\x86 Z\xe6VZ\x89\xd3\x95\x19J\xa9\x1bZ\x94\xcc\x98BD\x85\x88r\xba\x7f\x16\xd7J\xe7\x07C\x16\xff\xa4\xa0q\x12\x1f\x01`\xdf\x1dO\xbf\xb5x\x00t\xc6|\x9f\xdd\x14\x05\xb05\x04\x89\xe7X4{\xfd\xd9*\xc3\x1e/2\xe1\xc0W\x9c\xb0J\xa0)p\x18\xa1\xc3\x0b\xa98\xa2R\xd75\xac(\x08D\x14\xe7\xe6?:\x0f\x9d\xd7\x8ep\xd4\xba\xdb\x9c\xbd\xef{\xa0d\xeb\xc5DDT\xbcp\xb3\xb9\x1d&amp;\x1d\xa38\x154\x9c\xc4\xa6\xa6tMF\xad\xbb=h\xe9\xff\x82\n\xf5\xe2\x94DM\x9e\xbaS\x8c\x13i\xe3\xaa\x94Ij\x10%3\xac\xa0]\xa6\x9d2\xb9\x0f\xedC\xab*\xfb\xe44N\x12\xc0\x034\x1a\xba\xfb\'\xa0\xde\xc0\xed\x8e\xe6\x1a\xee\xfcG\xfcZ\xf5\x92\'\xa8\xech\xe9\xbe\xc5\xef\x9c+\xd8\xc2\xd2\xab\x01\x90\xae\xecP\xc7e\x89$\xe8~\x12\x85\x88\x88\xe2U\xa2\x98e-\xe4\x9c\xb7\x9e5\x9f\xddJMi\xfe\x19\xb0\xdb\xc4&gt;\x1a\x85\xb4\xd0)\xbd\xfb\xcc\xb3\xdb\xbe\xc2\xee\xeb\xd8x\x11\x19\xcb\x0f\xd7\x11\xe5\xb9Q\xbf\xb8\xfc\xc4\x9f\x9cw\xa5\x05\x80\x0e\x93\x8e\x19zw\xdb\xff-\xbaF\xfc\xf0#\x0b\xb8M\x0c\x97\x1d\xff\xe3\xcb_"\xc3\xa8\xb9`cM\x1f\x1d\x99\xab\x8c\x11\xfff\xaa\x9d{\x1f\x00\x9f\xde@\xfe\x06\xd3=\x97\xbf\xfeZe\x00\x1d&gt;\x00D\xd1|)\x81\xcb\x8b~\x00\xe7(\xd9z1\x80\xee3\xcf\xfaZ\x10M\xbex\xcd\xdd\x01\xbb\xe6\x88Az\xd1Q\x92\xd79p\x17\xef\x00\x00\xf7\x00\nQ.\xb3[\xa3j\x8f\xf5\xcc \x10N\xb1\xe6\xcc\xdf\xd6\x86Aj\xdaO&lt;\xdaW\xbesi\xe8`Og\xca\xd2q\xf2qG\xa4R\x12\\/e\xf1\x01\x1e\xc9\xd9C\x84\xb6\xf4\xb5\x04\x0e\xf0\x83\xe1\xf4TB\xdc\\\x9d&lt;*\x8c&amp;\t\xab\xf8\xa6\\o\x93Z\xf1\xfb\xcc\x0f\xc8^c\x82{\x0bC\xa9`Q\xb2\xcdb\x93\xf9\xebl\x11j\x11\x08\xa6b\x89\x04y\xbb\xea\'\xf0\xf5\x00\xdc\xc0&gt;x\xec\xc6\xbb&lt;\x1dp\xc3!\xbb\x0cu"b\xe5h\xdfo\xc1\x17\xb7&gt;\x00\xc0\xe7?@\xbe1\xcc\x0fs\xc2j\xdf?_\x90\xfe\xe9\xeb\x7f\x857\x8eiJ1}\x83x\x04E\xa3\\\xa5\xfb:\xaf\x15\xed+\n5\x99m\x9c\xc8\n\xca\xed\x86\xea=7\xfa\x8fYj\xfar\xc3\xf8;\xe0\xbe*\x05\xb4\n\x9dW\xa9\x93\x95m\xef\x88\x87\x1f\xd3\x1eo\xfc\x11\xdb\x81\x17\x07.\xf9\xba\xee\x80m\x8e\xc8\x12 \x12\x90\xd8k\x911x:\xe0\xbf\x81.\xd3N\xe5\xa89\x81\xd26&amp;JJ\x14L\x14\x9b(\xb5\xdb\xccW\xe8kC\xb3T\x1d\xdbg\xde\xc5\xf4e\x87\xb9\xe7\xcdV\xc4\xe0q*R\xbd\xa7\xf3a\x86w]\x03Q\x0c\xfd\x00\xa8\xa1\x95F\xae\xf9\xfc\xbd\xe3E\x8b\x00\xe8\xee\xdfa&lt;\xfc\x99\x9c\xb5&amp;\xc9\x0f\xf8W \x07\xa5\xfe\xbf\x16\xf1\x19\xdb\x81\xafu\xbf\xa6g\xc0\x81\xbb\x91a[\xc1\x8b\xa4\xf1\xb5\x006H\xdf\xc4\xd7\x12\xf8;\xb6\xbcx;\xce\x80\xc5_\x19\xa6\xe1[\x8a\x06\x80\xfe\x8b.w\x98tl\xd75\x008\xfc\x10\xc5[-L^\xb4\xafBe\xb1X\xcb\x05\x1aQ\x08\r\x048\xf1\x84\xab\x1d)\xd3~\x99\xda\xc7V\x86r\x1f\x19^\xe8vXh\x99d\x05\x1a\xceL[z\x88v\x82\x8c\x06\x19\xe8*Q\xf7\x98}\xce\xec\xc0\xc5\xcf\xd9\xf7\xad\xf7n\'S\xe5Q:g\x7f\x07\xba\xcd8\xe35a\x0c\xd0\xf0$\xfc\x13\x90\xb8@\x0f\xf5\xf1\x94%\x06\xe8d6d\xf9\xd5U\xa7\xdf9"W\x14!c\x85\xe1\x16&amp;\t\xfeA\x91m_\x8bb\x07t*\x89\x14\xcb\x9b\xb3\xf7\xbcXx\xe8\x17\x1fI\xc2\x06@\xe5nk\r\xd3X\xe0o\xa0b\x97\xd5\x9cv\x81{nA\xdf\xb4\x00@\xd7\xe9\xd6\x9b\xc8\x06\xbc&gt;\xaal\xd1r\xf4~\xcfe\xdex\xd8\'\x00\xfc\xd9\xccW\xc3w\xb7&amp;\x00\xd6|\xfe\xb7\x87\x84\x91\x96R\xb7\xbf\xc1\xfa\xe1\xcb\x08\xd9\xdaF\x04\x12G&lt;\x05\xa2;\xff\x89\xebm&gt;0\nw\x8cT\x81p\x87*\xfa.\xf8\x82\xdb!\x80\x97HQ\xb4\x9f\xf4\xe7\xc6\x8b\xffi\xa54\xdb\x01\xff\x05\xd4\x1b\xb0]\x11\x0bY\x8fD.\xbf\x1c\'\x9e:\xdc\x1aN\xfa\xf8\xbb\xba\x03\xb6\x11\x15Y\xe4\xc0\xe8\'59\xa1\x86m\x81c\x8f\xc4v\xc1\x7f\xc9^c&lt;\x7f\xe2\xa3\xdf\x85\xc7\x02Z{\xd6S\xab\xf7\x00F\xac\xb9\xe9\xa1\xcc\x03DJ&lt;\xfc\x951\x8c\xf8\xc7o\xbe\xef\xc9\x12\x03x\x99\xe4\xea@\xf7\x9c.\xbcs1\x1d\x1f\xba\x89\xc7\xd9\xfb\xee\xbd\x8d\xa6\xc3?\xf3#C4\xd7\xe6\x99\x03\xa1\xdf\x86\xae\xb8\x06`\xea\x8e\'_\xfd\xa6\xfd\xa0\xa4\xdeTR\xd5\xd7v\x16\x16\x9d_\x8b[|\xb6\xdc\x92\x86_\xd8n\xe2Q\xb3WY\x03\x00QRE|Y\x1d\x04\x07\xf4\x8b\x8f\xfc\xfa\xc0w\x03\x0b\xbf\x19\xd6\xa4J]r\x90\xafe\x08\xc0\xe0\xec\x8f\x1e\xaf\x1e\xfeQ\x03\x03\xd8&amp;\x7f\x83\xe9Dq\xec\xe4\xf0\xce\xb8*\xb8&lt;j\xc5\xca\xd1^\xda\xe9^\xfd\x13\x10\x82\x04glfG\x00\rR9\x96S\xfc\xca\x93\xb7=r,7\x1b</t>
        </is>
      </c>
      <c r="E107" t="inlineStr">
        <is>
          <t>&lt;class 'numpy.ndarray'&gt;</t>
        </is>
      </c>
    </row>
    <row r="108">
      <c r="A108" s="1" t="n">
        <v>106</v>
      </c>
      <c r="B108" t="inlineStr">
        <is>
          <t>steps_per_sec</t>
        </is>
      </c>
      <c r="C108" t="n">
        <v>1600</v>
      </c>
      <c r="D108" t="inlineStr">
        <is>
          <t>5.3851023</t>
        </is>
      </c>
      <c r="E108" t="inlineStr">
        <is>
          <t>&lt;class 'numpy.ndarray'&gt;</t>
        </is>
      </c>
    </row>
    <row r="109">
      <c r="A109" s="1" t="n">
        <v>107</v>
      </c>
      <c r="B109" t="inlineStr">
        <is>
          <t>Loss/localization_loss</t>
        </is>
      </c>
      <c r="C109" t="n">
        <v>1600</v>
      </c>
      <c r="D109" t="inlineStr">
        <is>
          <t>0.009344968</t>
        </is>
      </c>
      <c r="E109" t="inlineStr">
        <is>
          <t>&lt;class 'numpy.ndarray'&gt;</t>
        </is>
      </c>
    </row>
    <row r="110">
      <c r="A110" s="1" t="n">
        <v>108</v>
      </c>
      <c r="B110" t="inlineStr">
        <is>
          <t>Loss/classification_loss</t>
        </is>
      </c>
      <c r="C110" t="n">
        <v>1600</v>
      </c>
      <c r="D110" t="inlineStr">
        <is>
          <t>0.22455038</t>
        </is>
      </c>
      <c r="E110" t="inlineStr">
        <is>
          <t>&lt;class 'numpy.ndarray'&gt;</t>
        </is>
      </c>
    </row>
    <row r="111">
      <c r="A111" s="1" t="n">
        <v>109</v>
      </c>
      <c r="B111" t="inlineStr">
        <is>
          <t>Loss/regularization_loss</t>
        </is>
      </c>
      <c r="C111" t="n">
        <v>1600</v>
      </c>
      <c r="D111" t="inlineStr">
        <is>
          <t>0.031246003</t>
        </is>
      </c>
      <c r="E111" t="inlineStr">
        <is>
          <t>&lt;class 'numpy.ndarray'&gt;</t>
        </is>
      </c>
    </row>
    <row r="112">
      <c r="A112" s="1" t="n">
        <v>110</v>
      </c>
      <c r="B112" t="inlineStr">
        <is>
          <t>Loss/total_loss</t>
        </is>
      </c>
      <c r="C112" t="n">
        <v>1600</v>
      </c>
      <c r="D112" t="inlineStr">
        <is>
          <t>0.26514134</t>
        </is>
      </c>
      <c r="E112" t="inlineStr">
        <is>
          <t>&lt;class 'numpy.ndarray'&gt;</t>
        </is>
      </c>
    </row>
    <row r="113">
      <c r="A113" s="1" t="n">
        <v>111</v>
      </c>
      <c r="B113" t="inlineStr">
        <is>
          <t>learning_rate</t>
        </is>
      </c>
      <c r="C113" t="n">
        <v>1600</v>
      </c>
      <c r="D113" t="inlineStr">
        <is>
          <t>0.05156</t>
        </is>
      </c>
      <c r="E113" t="inlineStr">
        <is>
          <t>&lt;class 'numpy.ndarray'&gt;</t>
        </is>
      </c>
    </row>
    <row r="114">
      <c r="A114" s="1" t="n">
        <v>112</v>
      </c>
      <c r="B114" t="inlineStr">
        <is>
          <t>train_input_images</t>
        </is>
      </c>
      <c r="C114" t="n">
        <v>1600</v>
      </c>
      <c r="D114" t="inlineStr">
        <is>
          <t>[b'640' b'640'
 b'\x89PNG\r\n\x1a\n\x00\x00\x00\rIHDR\x00\x00\x02\x80\x00\x00\x02\x80\x08\x02\x00\x00\x00\x83\xaf^t\x00\x00 \x00IDATx\x9c\xed\xddg\xdc#u\xb5\x00\xe0\xd9]\x9a\xf4\xde\xeb\x02\xd2;\x88\xcb\xd2;,M\x10\x11X\x14P\xba4)\x82R.U:\x82\x08\x824Q\xe9x\x15T\x8a\x14i\x02\x8a(E)\x8a(\xa0"EE\x10\x84+\xce\xfd\x90\xddl\xde\xd4\xe93I\x9e\xe7\xcb\xfbf\xf2/g\x92\xfc\xce\x99\x99df\x82\xa0\xf2ny&amp;,;\x84\xbe\x14N\xd6\xe9\xd9\x11\xff\xcf\xb3mk\xdfd\x93\xb6y8\xd76\x8dO5O\xddya\xdb\x87\xddg\xccP~#\x03d#\xef&lt;\xb5\xe7\xa9w\xe7:&gt;\xadF\xbe\xa7\xab5&gt;\\\x7f\xcfoL\xfew\\k\xe3.\x1f\x86\xfaS\x17\xdc\xf6\x8f\xa4q\x8d\xeb\x1cd\xcd\x98(\xa3\xb4vTk\x01\xda(+9\x8e\x9bxA)\xf3V\xc42\x13Nn\xbb\xbc\xf3\xdb\xb1P\xed\xcf\x83\xafMi\xb0\xfd\x117-3\xe1\xa4\x04\xb3\xe7\xf7\xa6\'\x8b\x07 {\xb6\xfd;\xf1\xca\x04A\x10\x04Ku\x7f\xba\xcb\xded\xac\x17\xf0\x8b\x97\xff&amp;VXY\xf1.\x03\x90\xda\xf4\x1b\x95\x1dA\xb3\x9e\xe5\xad\x80\xfaW\x85\x18\x00\xa8\x98\xc5v.;\x82\x01t\xff_\xe3\x15\xd4G\xfe\xae\x00\x03@\xe1\xec\x01\x03@\x0f+l\xfb\xe5\xa2\xa6Z\xa2\xa8\x89\x00\x00\x00\x00\x00\x88\xe1\xd8o&gt;[\xccD\xbe\xbe\x05\x88\xed\x1b\xf7\xbc[v\x08\x00\x00\x00\x00\xc3\xc6\xd1l\xa0`\xa3\xcb\x0e\x00\x00\xa0Tv\xc2\x8a\xe4\xd5\x06\xa8\x96/\xdf\xf8r\xd9!\x00@{\x0b\x96\x1d\xc0 \x1a\xb3v\xd9\x11\xf4\x89\x05&gt;^v\x04\x00T\x80#\x99\x00\x00\x00\xe4\xcc\xaeg:c\xca\x0e \x86O\x9dp{\xd9!\x00\x00A\x10\xd8\x02\x03\x00\x00J\xb6\xe2v\xa7\x95\x1d\x02\xd5\xd2\'\xfb\xa9S\xf7I\x9c\xc0 \x92\x80\x18B&gt;\xf6@\xf9d"\x8a3\xff\x0eeG\x000p\xbe\xfdH\x8fB\x9e\xac\xd2\xefx\xd4\xf7\x13\x85\x03\x00\x83\xae\xdc}\xe8\x07_\xb5\x07\x1f\x95\xa3\x1d\x00\xd5\xb2\xefY\x0f\x94\x1d\x02\x94\xcc\xd6\t\x00\xfdm\x96\x95\xf7+;\x04\x00\x06\x8e\xfd\xa4\xf4\xbc\x86\x00\x00\x00\x00\x00\x94o\xe1\x9d\xf2\x18\xd5\xb7\xd4@5\xcc\xb4i\xb6\xe3\x15\xf6\r\xdf\xbb\xbeJ\x04\x00\x00\x00\x00\x80\n\x1b7\xf1\x82\xb2C\x00\x00\xfa\xdf\xba\xbb_\\v\x08\x00q,\xb4\xdeQe\x87\x00\x00\x90\xb5\xf9\xc6\x1fVv\x08\x00\xf4\x95\xa63\x8b\\J\xb0Oy\xe3\x00\x06\xc0\x1ce\x07\x10\xcfEw\xbe]v\x08\x94b\xb9\xb2\x03\x00\x00\x1a8\x1e\x00\xf4\x139\x0b\x00r\xb4\xdda7\x96\x1d\x02\x000\xd9\xa1\x17&lt;Zv\x08\x90\x8d\xb3\xbe\xf7J\xd9!\x00\x00\x00\x90\xa7\x15\xca\x0e\x00\x00\x98d\xa9\xb2\x03\x18\xc1o\xfd\x00\xfa\x9b&lt;\xde\xa7\xbcq\x00\x00\x00\x90\x03;\xdc\x00\x19\x99\xf7ceG\x00\x00\x04A\x10\x04\x8f\xfe\xd3^\xce\x90:\xe5\xba?\x1ep\xeeCeG\x01\x00C\xa3~l\xd9Af\xa0:F\x97\x1d@\t\x8e\xfa\xc6Se\x87@\x0f\x99V\xcaE\xb3\x1b\n\xa0\x7f\xbc\\\x81}\x8eO\x9fxG\xd9!T\xd7%w\xbfS\xd6\xd4\x99\xef\x8f\xf6\xbc\xa8\xa4=`\xa0/\xcd\xb2\xca~e\x87\xd0g\xfa"\xdd\xb7\r\xb2/"\x07\xa0*\x94\r\x00\xa0\xbf-\xbb\xd5\xc9MK&gt;\xb4\xecgJ\x89\x04\x00\x00\x00\xc8\xc9\\\xdb\x94\x1d\x01@\xd6|M\x9b\xab\x9c^\xde\xa6a\xbd\x89\x00P\x88\xf9\\\xd4\x13\x80\x91\xfe9iol\xae\x92\xe3\xc8\xc6\xc2\xf5\xff.\xbf\xef\xfd\x12\xe3\x00\x80!\xe50/\xc0`\x1b\x9cKQ\x0e@\xc5\xba\xee\x17\xe1\x00\xac\x05\x00Ca\xfc\xa7.\xac\xfd\x13\x86a\x10,Vn0\xe9\xb9m\x00\x00\xfd\xa1\xb1b\xf5\xbc\x14p\xc5}\xed\xf67\x0b\x98\xa5\xf8\xd2\xbe\xebq\xb7\x16&lt;cza\xe8h\x04@\x0f\xa3G/&gt;1\xef9\xae\xff\xa5\\\xdcL}\x02\x18()\xd3\xfa^\xa7\xfd$\xa3@&amp;\xb9\xa0\xb6W:\xc7\x84\xa6\xc0\x96\x99\xd0|\xa5F\xd2\xfb\xdcW\x1eN\xd3=\xdbm\x02[\x18\x00\xa9\\t\xe7\xdbA\x82d\xba\xc0\xc7\x83 \x98a\xf9\xbd\x82\xd1\xe3\xeb\xcb\n\xce\xc8\xad\xd3\xcd\xf9\x91\x83\xe2\x0e\xf2\x8d{\xde\x8d22\r\xe6+;\x00\x80 \x08\xfa9Y\xdf\xf0\xab0\x0c\xc3\xef&lt;\x92&lt;\xfe0\x0c\xeb\xfbd\xaf\xfbRp\x98x\xaf\x01\xa2\x99\x7f\x87l3\xe6O\xfe\x14\x06#\xb2\xf0\xb4~\x95\x03\x00m\xbc\x95\xdbe\x90\xeb\xf2\x18\x9f\x02,\xba\xe1\x17\xe3v\xf1v\x03$\xb3@\xd9\x01\xd0\xdf6\xda\xeb\xb2\xb2C\x00(\xdc7\x1f\xfc\xa0\xec\x10\xfa\xd0\\[\xe74p\x9f\xee\x0b\xf6i\xd8\x00}\xa6\x96m/(\xe4B\x16\x00P-\x99\xecsL8\xe8\xeav\x8bWM?2\x00\xc0\x10\x98n\x83 \x08\xe6\x1b\x7fx\x10\x04A0m\x82\x01\x0e&lt;\xef\x91L\x03\x02\x18ZsmSv\x04\xe4\xa5\xed\xf1\x8f)\x0b\x17\xda\xf1\x9c\x9b_-4\xa0If,cR\x00"\x88{\xe4|\xb5\x1d\xcf\x0e\x82\x8f\xe6\x14\xcc\x80i\xbcUF\xbf\xfc*\xea\xdf}\x12\'\xc0\x14\x9f;\xf7\xa1\x04\xbd\xc20\x9cs\x8d\x1eWX\x8c\x9b\xbbW\xdd\xf1\xec\x91\x0b&gt;\x1c3\xa8!\x92\xeb\r\x10\xdd]\x11 \x89b\x92f\xfaY\xc20&lt;\xef\x87ols\xc8u\x99\xc43\xe4TJ\x80\xbe\xb7\xc0:G$\xeb\x18\xb7\x064\xb6o\xe9;v\xc4\xa3\xf9wH\x16\xd2\x10\xaa\xbd\x927=1\xf8\xf5\xd86\x07@\xa5-\xbe\xc9\xb1e\x87\x00\x00\x15\xb5r\xd9\x01\x00@\xb1\xfe\x19\xe58\xde\xb4\xebuzf8\x0f\x03\xf6\xc5o\x83\xab\x1f!\x00=H\xe5\x03\xef\xd4\xeb_,;\x84T|D\x81\xc1\x14!\xbb\x8d\xa9@\x0c%r\x13\xa7\x11\xc20\\j\x8b\x13\x0b\x98\xa5\xf1\xff\xbe8,\x01\xd0\xc3\xe4D6o\x94\xc6/f\x9d\xf5v=\xee\xd6l\x07\x1c$\x17\xdd\xf9v\xd9!$QXiT\x83\x81\xd2\xcc\xb8\xe2\xdee\x870\xc2\xc4\xff\xb9\xad\xbc\xc9\xc7\xe56\xf2\xf2\x19\x8d\xb3P\xd3\xe3\x8a\xd6\x8f\xb9\xb7\xcd{\x86\x0cW|\xe1\xf5\x8e\xcaj(\x80\x14f\xdd\xbc\xec\x08\xda[o\x8fK\xca\x0e\x81\\&lt;\xfafA\xdb\x10KoyR\xdb\xe5{\x9c|g1\x01\x00C-\xe5~C\xad{\xa7=\x86\xd8\x83\xcf\xb0q\x9a`z\x98y\xb3d\xfd\x9ez\xbf\xc4}\xca\x05\xcb\x9bz\x18U\xf4\xf8\x01@\x05\rP\xc6\\\xa2\xec\x00\xb2Q{G&amp;\xdf\x8b03\xd3-\xbbg\xb6\x03\x02\x0c\xa9\xcd\xf6\xbf\xaa\xf6O&amp;\xbb\xe0T\xcd4K\xef\x1e\xcc\xb6E\xaeSx\xeb\x81\x81\xd2_I\xed\x92\xbb\xdf\xc9u\xfc{\xff\xdcO\xafF\xdd\x0eG~\xb7\xf6\xcf&gt;g\xdc\xb7\xcf\x19\xf7E{OGE\x1e~\xeedQU\xd9\xbb}\xf5\xb1\x07\x06MS\x9a\xee\xafJ\xdc\xcd4\x1d/\xc25\xd8\xc20\x0c\xa6\xdb \x08\x82 X\xb1G\xb3^N\xbf\xe9O\x19\x05\xd5\xd6\x8cy\x0e\x0ePm\xfb\x9ey\x7f\xd9!TW\xacm\x91\xeal\xb8\x84a\xf8\xe5\x1b^\n\xa2\x864 \xdf@\x03\xf4\xbd\xea\x14\x92\xfe\x12\xf3u[=\x97\x89\xa6^w\xf2\x7f\xb3\x06\xc1\x8aC\xf8V&amp;[\xe5\xda\xf6\n\xc0\x90\x9am\xd5\x03\xea\xff\x8f\x1a\xbbk\xc1\xb3\x0fa\xad\x1aB\x9d\xbem\xb9\xff\x15\xef&gt;@I\xfa\xb7\x00\xf7o\xe4\x11\xbd\x99\xfb\n\xce\x99\xf3\xf8\x001]q\xff\xff\xc5\xed\xf2N%\x8b\xc1\x84\x83\xae\x8e\xdb\xa5V\xd5\xeagL\x15 q\x1d\x1d\xf8\x02\x9c\xad\xae/W\xb7\xdf\xac\x01\x94l\xcd\x9d\xcf+;\x84n\xaez\xa8/\x7f6\x15\xc1|e\x07\x90\xaf"\xef\xb8\xd0W\xef;@v\x16\xdd\xf0K\xf9e\xc0!\xcf\xadC\xbe\xfa\x00}\xac\x9e\xc1\xcf\xf8\xee\x9f\x0b\x98%f\xcb\xe8\x97\x8cHm\xb1\x9d\x8b\x9b+33Gh\xd3\xdfGYo~:\xfb-\x8c0\x0c\x83\x05w\x9c\xf2?\x00A0*\x0c\xc3\x8d\xf6\xbe&lt;q\xff9V?\xb0g\x9bX9\xf7\x88\x8b\x1f\x8f\xd2\xec\x8a\x07\xfe\x13\xa1\xd5j]\x9e\xdb\xf3\x94\xbb\x1b\x1f\x9es\xf3\xabQ\xe6-\xc5j;\x9e\x93\xf9\x98\x8do\x8a\xa2\x080IQ\t\xb1\xf9~\xb7O\xbe\xd74\xef\xbc\xedz\xc5\xbb\\\xe2\xd5?\x8f\xb4.a\x18&gt;\xf4z\x8c\xef\x0e\xd5\x8c&gt;\xf5\x9b\xffx\xe3\x80\xf2\xecs\xc6}\x11[\xce\xb0\xfcgS\xce\x95\xacP5\xf5:\xea\xd2\xa7R\x86\x91\x83\x85\xcb\x0e\xa0\xd9\xab\x03\xb7M`+\x07\x18\n\xdf\xea\xfc\xeb\xe2{\xfe\x94K\x1e\xec\x92^\x7f\xfaz\xa1\x99\xb7\x80D\x7f\xe3\xe3a\x10\x04\xc1l[\xe6=\x11]\xa8\xe8\x00=-\x1dDK\x97\xbfxKJ\x05`\x98&lt;\xfe\xee\xb0\xdf\xeb\xf7\xc3\x9b\x9f\x10\x04\xc1\xa6\xfb}\xb3\xac\x00n\xfb}\xfd5\x9c\xad\xac\x18\xb22\x00\x9f\x07\x80 \x08\x82`\xf4\xf8.O\xa6Lv\x19\xe5\xca\x85kC\xdd\xf7\x17\xbf\x86-\xde\xaae\x07\x90\x9f\x1e7@\\j\xf3\x13\x8a\x89\x03\xa0\xbd\x11\xa5\xaek\xb5\xae\x1b\xff\xa9\x0b\xf3\x8a\xa6AY5\xb8\xfd\xe5\x93f\xd88\x0c\xc3\xdb_\x88\x1a\xd2\xdf\xb2\x08\xfe\xe9\x0fl\x85\xe4\xc8F\x1e0\xbc\x1a\xef\x89T\x05ef\xe4)\xf7\x16\x8c\xea\xd9\xce\xd1\x96\xb8"\xd5\xa9j=#Yo\xcfK\x8a\x89\x04 s\x93\xce\xcd\x8dy\xc5\xdd^7\xc7\x9dj\x9d\xe4\x11\r\x81\x15\xb7;-Y\xc7\xb8\xa5\xb1:\xa54\x99\xff\xb6\x89\x7f\x8d\xc6\x07\xfd\xbe\x82\xc0\xe0k\xcaSkM\xfcZ\xe2\xa1\x1e\x7f\xa7%\xe5\xcd\xb8I\xa7\xc6\x17\xdf\xfdN\xe2\x89h\xb6hU.\xb7Yt\xd9\x9by\xb3B\xa7\x03\xe8w%\xfe:,\xd7\n\x11\x86a\x10L\x97j\x96i\xd6\xeb\xfc\\\xf3\x05\xb4\xb3Z\x97\xfa8\x19\xbe8=\x87jmP[\xd2\xbdc\xc4\x08\xed\xfe\x02\xb9\xabf\xa2\xd9\xea\xe0k2\x1f3\x935\xcd\xf6\xae\xc0\x9dB\x8au\xd0&gt;\xe5z\xcd\xbf\xf6\xe1i\xba7\xd9|\xffoe8Zw\xd5\xfc\xe8\x02T\xd1.\xc7\xfe0\xf31g]e\xff\xfa\xff\xed\xbe\xd5\xebK\xe9K\xcb\xc7\xbf\xf0\xbd,\x02\x89\xed\xadAy\x0b\x00\xca\x14\xb1\x0c\x9cv\xe3\xcbyG\xd2\xa7\xc6\xedzA\x19\xd3.\xf4\xc4\xbfU\xc1\x18\x87\x9a\xedI\x03\x15u\xe7\x8b\x93\xd2\xd3Z\x13s)\'\xa7\xe7y\xb3\xe1\x8a\xabN\xea\xafN$\x05\x1b\xda\x15\x07\xa8\x16\xe9\xb8\x8b\xf1\xbbu\xfc}{_\xbcn}\x11$@\xdd\\e\x07P\x04\xa99\x08\x82\x8b~\xfcV\x97g\xbdD\x00\xd9\x1b\xbc\xdc\xdawk\xd4%\xe00\x0c\xef~\xa9\x88\xd5\x99g\xdc\xa1\x11[\xfe+\xce\xcb\x1bN\xd6\xb0,\xde\r!\xd6\xfe\xf4E\xb1\xda\xc7\xd5w\x9f\x16`pdxNm\xa7\xff;-Yz\xcb\x13\xd3O\xdd6\xfe(+U\xb5\xcc{\xd25/t}\xbev_\x84e\x82`\xa9\xa6\'\xa2\xac\xc8\x0eG~7B\x083Gh\x13C\x18\x86\xa7\xde\xf0R\xbd\x06_\xf7X\xb5^\xf0\xae\xe6\xaa\xda\xc7\x03\x18d7=\x91$\xe3t\xc9S\xdd\x8fj\xa6\xd1x\xe5\x870\x0cw8\xf2\x7fG\x841\xc7\x84\xbe\xfeuk\xd3vL\xab\x05\xd7=\xb2\xc4\xf0z\x9a\x7f\xfc\xe1A\xd3\x07c\xba\r\xda\xed\nWK\x95c\x03\x08\x82 \x98y\xe5}\x1b\x1f6\xa4\xady\xb2\x9d\xe8\xae\x17;\xe6\xeb\xa6\x02\x1c\x86\xe1\xc4\xff\xb9m\xd2s\x1f\xdap\xf4\x12\x13;\xe5\xfab\x92\xec\n\xdb&amp;\xbc s\x93\xfa\xda=\xfcF\x18\xcc\xb9\xd5J\xdb\x9f\xd1X\x86\x9b\x1a/\xbd\xe5IMK\xc6\xef6\xe9\xb6TW&gt;\xf8A\x9a0\xfe\x1e\xffE\xbb\xfe\x97\xe1\xc9\xd7\xfe!\x08V\xa8=\xec\x12v\xc1\xfa\xf1\xd0\x08@6z\xd6\xd4\xbai\x97\xde#\xcaha\x18\x06\xc1*\xad%\xb9{\x01\xee\x9cd\xe7\xee9i1\xb6?\xfc\xa6\xc9k1S}\xe1\x98\xc9\xdb\x16]\x8a\xd9\x9f\xa7,\xef\xbd.\x19\x16\x9b\xb9\xd7&lt;\xa4q\xd8I\x11N\xb3\xdeA\xe7=R\x9d\x02|\xdb\xf3\x8a+P%Mi1\x8cpM\xdd\xc4\x8379\xf8\xab?O9xk\xf0\xd9\xe6\xfa\xb2j\xc6\xc8\xea;\xe9\x87KS\x7f\xf8\xd3=W0V\xc09\xad\xddF{]\x1e\x86a\x10,\x19\x86a\x10,\x95\xf8M\x99e\x95\xfd\x12\xc7p\xe2\xd5\xbfO\xdc\x17\x80\xdeZsz\x81;[\x0b\xe67t\x18\x86\xa7\xdd\xf8r\x10\xcc\x1d\xcc\xb6e}\xe1\x1ba\xb3\xd6\x8eG^\xf2D\xebP\xf9\xc5\xd9I\x18\x86\xf3\xae\xf5\xf9\x87\xff\xd6\x14\xed\xb8\xe2#\x01\x18\x18\xbdn\xd9[\xac\xad\x0e\xbe\xa6\xb1\xc0\x8c\xa8LsmSZX\xa9\x85a\xf8\xec\xc8*\xbb\xc9&gt;W\xb6\xd4\xdf\x1e\x95\xf5\xa0\xf3\x7f\x16\x94W\x80\x9b,\xb1\xe9q\xc5\x87\x01\xd0\x1f\xbag\xea\xb2\x0e\xc6F\x9c=\xfa\x81\xd9-&gt;\xf7\xed.#$\x8e\xb0\xd9&lt;\xdb%\xe84\xc3\xf2{\xd5\x83\xf9\xea\xad\x7f\x9f\x14\xd2\x9c[\x07A0\xefZ\x9f\xdf\xe3\xe4;c\x15\xe0"-\xb7\xf5)MKj\x11\xae\xbf\xe7%o\xc4\x8c3l\xf9Z\xa1{\xfb=O\xbd;\x08\x82\xda\x9d\x1c\xe3Zd\xfd\xa3\x1b\x1f\xfe\xfc\xcd\n\xbd\xa4\x00\xb9x?a\xf1\x18]\xfb\x13\xb7\xf6\xd4\xdb7v&lt;\xef\x87otj\xff\\\x18nw\xd8\x8d\xf1\xc3K`\xa5\xb6\xeb\xf2rC\x01\x9ek\xcd\x83k\x07\x1e\x96\xda\xfc\x84[\x7fW\xd1\x02\xdc\xc9\xd7\xef\xfaW\xed\x9f(\x9bP\x11[\x8e4U\x92\xb0\x00\xaai\xd9\xad\x9a\xf7f\xd2h=C&amp;\x08\x820\x0c\x9fz\xbfw\x9e\x9du\xd5\xfd{\xb6\x89\xa5)\xb9/\xb9\xe9\xf1\xd9\x8e\xdfi\xa2\x04\xdd/\xbf\xef\xfd`\x96\xcd\xb7&gt;\xe4\xda`\xaem\x82\xd9k\xdf\x04\x7f\xe8\xfa_6V\xdfi2\t5\x99\x88\xb7m\xcec+a\xe5\xed\xcflZ\xf2\xd5\xdb\xfe\x91t\xb0U\xd3\xc5\x02\xd0/\xa6\xdf\xa8\xc0\xc9&gt;\xd2\xf4x\xc3\xcf^\x96\xe1\xe8;\x1f\xf3\x83\xda?\xbb\x1e\xf7\xa3X\x1d#\xd6\xa4\x03\xceyh\x9bC\xaek\xeaX\xf7\xf4\x07\x85\xee\xfeV~o{\xc9\xb2\x03\x00\xc8\xdc\x9c[wyr\xe2\xf1\xb7\xb6.\xec\x96\xacg\xda4z*\xcf:\xe9\x97~\x8e\xef\xa2\xb1Z\x87a\xf8\x93?\x87\xdb~\xfe\x86\x95w8\xf3\xd8o&gt;\x1b\x8e\x94,\x82\x85\xd6\xfbB\xb2\x8e\xdd\xad\xf8\xb1\xd3\xe3v)\xa0\xa2W~\xa3\x01`X\xcc\xdbvi)?={\xf0\xd5)\xc3\xde\xf2L\xfb\xebfO\x9ez\x95\x96\x1f\x14G\xfd2u\x8a\xd1\xe3\xd3F\x1ce\x96\xa2\xfc\xec\xef*+@\x07\xc5d\xe7Sox)J\xb3d\xc1&lt;\x1f\xbd\xd7l[4&lt;\x18\xa8\xdf\x04\x1dv\xe1/\xeb\xffo\xb2\xcf\x95Q\xba\xd47\x11&gt;\xf9\xa5[b\xce6u\x971c\x0e\x0504\xf6&gt;\xfd\xde&lt;\x86M\x90y\xe7\xf9\xe8\xa1\x97\xdc\xfdN\xe2\x892\xc9\xf5IvR\xd3\r\x1b\xf7\xd4\x9dB|\xb8\xf1A5B\x02\xa8\x92(W]\xce\xdb\xa3\xffL|a\xc5\xa53\x0f\xa6\xb2\xa2\xd7\xb0\xbfV\xa0\xda\xf5W\xc5\xed\xafh\x81\xe1u\xfe\xad\x7f\xcfk\xe8\xe6\xdf|\xad\x98]f\\\xbc\xfe_\xb6\xd9\xb6\xb8\xdc=f\xed\x96E\xb3\xb4m\xd8\xee\xab\xe2\xe9k\x7f\xeex!R\xb4IO\xd4\x8e\xe7\xac\xef\xff5q\xdfl\xcf\x84\xde)\xf6\x01s\x80\x94\xa6Y\xaf\xcb\x93Y$\xb8\x153\x1d\xad\xad\x95\x9a\x1e\x1fv\xe1c\xf9O\xda\xdet\xcb\xee\x99~\x90{^N\x18\xf3\x86{%9\xcf\xaa\xd3KT\xb5\x1f*\x1fr\xc1\xa3\xf9E\xd2`\x99Bf\x01\x86^\xe6I6\x0c\xc3\xcc\xef\r\x9cX\x18\x86\xb3\xaf~\xe0\x94\xc7\x8b\xed\xd2\xf4lS\xfb\xe3\xaf\xfam\xac\xf1\x97\xd8\xf4\xb80\x0c;\xed\x86\x16o\xe4\xcf\xa7\x87\xd4\x90\xaf&gt;0\xc8*\x98\xe0\xb2\x0fi\xda\xf5\xd3L]\xbf0r\x9a\xc0*\xf8:w\x91\xf0\x97\x04\x0b\x7fb\xc4\xc3\x997\xcd$\x18\x00\xda\x1bYZ\xe6(-\x8e\xce\xaa_\xfc\xf2\x89p\xa6X\xad\'\xdf\x05!\x8d5\xa27\xcd\xefM\xa9\xfe\xdb\r\x0c\xaflO\x9b),\xdfm\xb4\xd7\xe5\xb9\x8e\x9f\xeb\x8a\x84a\xf8z}\xfcy\xb7K?Z\xca\x11\n\xb7D\xb2n\xffN\xb8\xa63\'\x9b\x0e\xa0\xb2V\x89\xd2\xe8\xf3\x17&gt;V\xbf\xd3QD\x99W\x94\xd5v&lt;;\xdb\x01\x9b\xc4\r\xf8\xa2;\xdf\xce)\x92l\xb5Y\xafhW\xfc\x8e\xf5\x82tm\\\xfaEF\x01rP\xcd=\xa7\x8aD\xb5\xfc6_N?H\xdbu\x89\xbe\xb0\xe6\xce\x17\xe3\xb5\xcf\xd5\xc5\x93oA\x98\x95\x8a\xbc\xdd\x00\xfd-e2\x9do\xfca\xe9\x07\xc9J^\xe7\x13/\xb8c\xdc\xbe\xab\xecpV\xb7\x01\x8b\x15}\xde\xbb^ls.o\xc7\xeesl\x95&amp;*\x80j)6G7\x9f\xb0\xdbU\xae7\xbb]8\xcf\xc1\xdb\xbb\xfd\xf7\x95\xd8h\x00\x80f\xa5\xec\xb1\xdd\xd5\xee\xe0m\'\x99\\r\xf9\x96g\xc3QcwM\xd0\xb1\x8b\x8a\x1c\x12(E\x8c}\xe8\xf8C\x01\xf4\xab\xd6+\x1a&amp;\xcdq1v\x88\xa3O1v\xe3c\x13\x05\x13[\x86E\xa2\xafU\xf9u\xf8\xf4I?&gt;\xf5\xfa\x17\xcb\x8e\x02\x18b\x05&amp;\xc4\xe5\x8b\x9a(\x08\x82\xe0\xd9\xc2\x13\xfde\xf7\xbd\xdf\xb4\xa4\xe7\x0et)\xd5(\x93\xfd\xc5/^\xfe\x9b.-\x0f\xfe\xea\xcf\x93MQw\xe9\xbd\xef\xa5\xe9~\xdb\xf3Qo$\xd5e!@f\xd2\x9f&amp;\x9bU\x9e\x1a\xbd\xf8\xc4L\xc6it\xc5\x03\xff\xc9|\xcc\xba\xa56?!\xa7\x91[_\xd2\xb7\xf2)\x06\xc9\nO\xcaw|\xae5\x0fN\xd3}\xb2\xf9\x82 \x08f\xdc$\x8b\xa1\x82\x19\x96\xffl&amp;\xe3\x00\xc4\x90\xba|\xceX\xfa\x8e\xc2\x17\xbe\xf1d\xb9\x01\xc40\xed\xfa\xd5\xba2\xe5\xdc\xdb&amp;\x9e\xa2m\xcb\xd7"t\x7f\xe4oI\xd6\xe2\x80s\x1f\xea\xf2\xec\xc2\xeb\x1f\x95`\xcc\xba\xc6u\xa9\xfd\x7f\xd5Cv\x7f\x01\xbaz\xaeC\xc6\x7f\xf0\xd5\xec\x12h\xf3\xed\x11\xabh\xa5\x8f\x9dQv\x08\xb9\xeb\xb2qP\xfaV @uuO\x91\x89\x13\xe8\x9a;\x9f\x7f{\x84\xbb\xdb^\xff\xcb\x11m\xb6?\xe2\xa6\x88\xe3g~&lt;6\xd9-l\x8b\xbf-`\xe2\xfb=\xb7\x86\xba\xde\x1e\x97Do\xdc\xce\xd8\xb81\xc4\xfd\xea!\x93_\xb6\x03\xa4\x91\xe5\xb5p\xc7,\x91\xd9w\xba\xb1\x13\xe2\xfc\xdbGh4o\xa2Xj\xe6L\xd17\x92X%\xa1\xfel\x9a\xca\xb1\xcc\x84\x93\xa27N\xb6\x19\xd1]\xac\x93\xc1\x1a#I?u\xdbA\xbep\xc9\x13\xe9G\x06H\xa2O\xf7\x03f^i\x9f\xee\xc7*\xf7=\xf3\xfe\x96\xc5S\xf6\xb1N\xbb\xf1\xe5\x04\x93\xee\xf4\xc5\x9b\xbb&lt;\xdb1\x9e\xd1\xe3\'?\xbb@\x1e\xaf\xf6\x11\x17?\x9e\xf9\x981}\xa8\xfb\xd3\x99\xac\xf5\x9d\x7fL&gt;\xc8\x97ox)}\x00\x00\x83)Y\x8e\x1e\xbf\xdb\x85\x99\xcc\xfe\xc7\xf8\x87\xa0\xfbt\xc3\xa5`\x99\xec\xb5g5B\x1eC\x01\x0c\x83H\xdf\x11^\xf7Xusk\xa9y\x7f\x81\xc6\x07\x03\\\x81Z\xcf\xc9\xae[z\xcbI\x87\xdf\x07x\xf5\x81a\xd4\x9a\xd4v?\xe9\xce\x94#dgJ\xf1\xee\xcf\xe4\xbb\xc8\xc8\x87\xdd\xee\xe7\xb8\xc6\'\xbf\xd2\xb4d\xd6U\xf6O9\xfd\x16\x07|;\xe5\x08]-V\xd8Y[\x9f\xebz\x9a\x13@\tr*K\x17\xde\xf1\xcf6K\xe7\xdf!\x98n\x83\xd6\xc53\xad\xb8O\xeb\xc2soy\xad\xf1\xe1\xd8\x8d\x8f\xc9(\xb4\xa2\x85a8z\xf1\xa8\xd7\x85.b+a\x91\x9d\xa2\xb7m\x8a\xe7\xa5\xd4g\n\x9d\xf9\xbdW\xa2\xcf\x1ek\xe4&amp;\'^\xfdB\x82^\x00\x05\x9b!q\xcf\xf4\x05\xe3\xe8\xcb~\xddfi\xaf"q\xe8\x05\xbfH9o\x05\xf5\xe7&gt;z0\xdd\xb2{\xa6\xea\xbf\xc0\xc7\xeb\xff\xe6q\xcd\xc8p\xb24\x83\x00\xf4\x9f\xbc\xee\xa7\x9b\xe7,M#7\xfe\x9e\xe8\xfeWJ\xcb\xe3%\x97\x90Qke5R\xacS\xc6c]\xbak\xffs~\x1a\xab\x0b@\tR^\x92\xb0\xf5\xa9\xc7\xde\x8e5\xe0\xe2Q\xc6_v\xabSj\xff\xfc\xa52\xb7\x9do\\\xf2\xd3\xd7\x8b\x8e*\xf3\xd2\xd2\xe5\x06\x06QT\xb6\xd4\xcd7\xfe\xb0\xb2C\x00H*\xa7\x0b \x84a8\xc7\xea\x07\xa6\x1f\xb9\xd1\n\xdb\x9e\xd6\xf0h\xfe\xac\x86\xedt\xdc2\xbb\xaa\xb3dF\xe3\x00PU?\x7f3R!i]r\xe4%O\x04Ap\xfb\xef\xdb\x94\xa2\x9b\x9f\x0e\xc30&lt;\xee\xaa\xe7\xbatOf\xf28st}\xb6\xa7\xa9R\x86\xd4\xfa\xdd\xe1|k\x1dV\xfc\x17\x8a\x89\xe7J\xd6\xb1\xe9\x07q\x1b\xed\xddz7\xad\xc9?\xcc\x9e\xf7cYMz\xe5\x83\x1f$\xe8\x15We\xf7\xd7\x81\xc1\xb5\xd0\'.\xbd\xf7\xbd\xd6\x1b\xc2\xd4\x8c\xdb\xf5\xabm;\xfd\xec\x1fq\xaf6\xb5T\x9a\x18\x17\xd9\xe0\xe84\xdd\xf3P+\xb4\xcbnur\xd3\x92\xf4\x05x\x8f\x93\xa3\x9f\xa65O\x9a\x89ru\xe8\xd7z\xfc\x0en\xad\x89_+&amp;\x12\x80\xea\n\xc30\x98i\xd3X]\x8e\xbc8\xea\x95r\xc30,\xf7\x82\x7f\xd9\xec\xd9,\xb6s\xd3\x82\xf9\xc6\x1f\xde2\xf2\xe2\xb1\n\xf0\xc3\x89n\xcc\xd7\xe4\x8d0\x0cJ\xda{\xdb\xea\xa0k\xba&lt;\xbb\xd4\x16\'6&gt;,\xe6\xd7vU\x18\r\xa0\x04m\x8fZ\x17\x9c\xdd\xc20\x0c\x82\xa5;,\x8f\xb4\xb0\xad\x8f\xb4\\\xc5\xa2m\xf7\x1c\xd6w\x8dd\xdd\xb6&gt;\xf8\xdaL\xc3\x88\xad\x82Um\xbf\xb3\x1e,;\x04\x80~\x107\x83\xf7l\xff\x9d\x9f\xb5\xaf\xc1\xdb~\xfe\xfaX\x135O:y\xe7\xb8V}\xe7]\xeb\xf3={\xcd\xbd\xe6!\x89gl\x13@\xfewgj7iW\x8b|\xb2\x90@\xf2R\xc1\xad\x07`\xf0-\xb5\xc5\tA\xb4\x04\x94\xec\xc0\xf2\xa4\x91\x17\xdc1A\xdf\x01\x96\xec.L\xdd\x8d\xdb\xf5\x82\xcc\xc7\xcc\xc93\xff\x8d\\\xf0\xa6]?\xd9\x14j*0\x98&amp;g\xb7Y"\xb7,\xda^\xa7\xdd\x1b\xa5\xd9\x99\xff\xfb\x97\xbc#\xa1\n\xc20|\xc3\x9d\xac\x80\xca\x8a\x92\x8f\x1e\xc9\xe2\x97D\xed&amp;Z\xae]\xc3\xd9\x82 x\xa7GT\xe3v8\xf2\xbb\x91g\t~\xf8\\8\xdd2\xe9\xae\x95X\xac\x98Eb\xb6\xbc\xe2\xa8\x98\xc7\xdeJ\xf29Tq\x81\xbe0U\xc4v9]\xa3\xa3\xa73\xbe\xfb\xe7(c\xfe\'\x0c\xbf\xfbd\xcb\xe0\xa33\xbb\x92blsm\xd3\xe9\x99\x86\x17a\xf6bb\x89b`\x8a\xd6\xc0\xac\x080\xa4J\xc9bm\'\xdd\xef\xac\x07"\xb6\xeceL\xa7\xee\xe3w\xcb\xe6\xd4\xd5\x88Q\xf5l\xd6\xb6\xc1I\xd7\xbc\xd0\xbdAz\x11\xaf?\xdabT\x1e\xc1D\xb7\xefY\x0f(\xba@\xdf\xebt\xe1\x8e\xe8\xbdJ\xb2P\xf1gFe\xab\x1f\x83\x0f\xcb;Y\xb9\x93\xd6`\xce\xbe\xf9\xd5R"\x01\xc8L\xdc&lt;\xfb\xd7^\xed\x7f\xf0l\x92\xc4\xfd\xf0\x1bY\xdeH \xc3\xe2\x11\x86\xe1\xd3\x1f\xe4\xb2\xc9\x92l\xdb\xa2\xd6e\xf5O\x9c\x93\xa0W\xac\x063,\xbfW\xac)\x8a\x17\x86\xe1\xf3U\xdaJ\x00(B\xa7\x84\x9eU\xe5K3\xce+9\'\xe5d\x87\x13\xa2\xdb\xe5\xd8\x1f\xc5\x8a!\xae\xe9\x96\xd9#\x88_\xc2K\xd4ie\x17\\\xf7\xc8J\xed\xa6\x03\xc3%\xdb]\xbd\xda?3\xae\xb8w\xeb\xb3\xdb\x1dvC\xfa)n|\xbcw\xb4\x15I\xa9Q\x0e\xc3\xa6\xbe\x13\xd4\x9a\x9d\xa7^\xb6uy\xdb\x9bp\xb4\xeb\x1b4\\\xca\xfb#\tC\xcb\xcd\x93\xefev\xc1\x96\x8a|T\x80!1K\xfb\xa43\xe5r\x07\x1do\xa2\x90\xedMU\xa3\xe4\xbe\xbdN\x8ft.o\xa3}\xcfz \xe2\xe0\xdd\xc5=\x14\x1c\xe5\xa9\x9c\xd2}\xdb\xb3\xaaF\x8d\xdd5\x8f\xb9\x1a=\xf5\xfe@U/\xc5\x18(\xd3\xa7O\xbc\xa3\xec\x10\xa6I\xd3\xb9c\x0e\x9d}B\xe3\xa3\xeb\x1e\xeb\xfduf\x87\xa1\xda\xecV\xc6\xd53\xd1\xaf\xf2\xf1\xb3\xd2t\xef9{\xc3\x08e\xde\x818\xca\xeex&amp;\x9a\xb6\x81\x14Z`p$\xd8O\xcd\xce\xf4A\xb4\xdf\x07}\xe6\xd4{\x9a\x96D\x19\xfd\xd6\xdfuk\xd6O\xa9|\x8e\t\x1d\x9e\x88z\xb6\xf7`\xa8\xe0\xcf\xb3\x81!\x92u\xf6Y-\xd6\xd5\x97\x12\xcd\x9e\xefU)z\x1e@\xae7\xd8\xe5\xd8\x1f\xc6\x1d\xfc\xc1WS\xdd\x94\xa9\xc1\xaaA\x10\xec\xf4\xa5[\xa26\x9fj\x9d\xe5\xb6&gt;5\xfe,1t\xdfSOa\xb1|\x86\x9d\xa2q?X1\x06\x06\xcao\xfe/\xf7\x1d\xc7\x04\xc7\x12c\x9dHs\xc8W\x1f\r\x82 \x98v\xbd\xda\xc3\x8d\xf6\xbe&lt;^|1\xa3*\xe0\x02\x1a\x95\xad4E\x06V\xd9\x17\x01\x18&amp;\xa3\xc7\xc7\xec\xb0z\xdc\x19\xb2\xba\x8cT[]\np\xe3\xf2[\x9eI\x98p\xdb\x0e\x9e\xd5\x05\xad\xf2\xa3\xc0tr\xd7Ka\xed\x0eT\xf5-\x1e\xdf\x07\x03\x83\xa0\x9e\xc8\xce\xfa\xde+\x9d[\xcd\xd3\xdae\xec\xc6\xc7\xb4\x0e\xd2K\xf2C\x94MS\x9c\x13\xe1ZH;}\xf1\xe6\xee\x83\xe4*\x8f\xb9\x16\\\xf7\x0b\x99\x8f\x19\xd3|%\xce\xad\xe8\x02\x03%\xf1\xf5\x98\x8a\x99\xab\xe6K\x97\xff&amp;J\xdf\xc579\xb6\xfb!\xf4\xe8\xae\xffe\xb4q\xe6\xdc\xba\xed\xe2\xd6h\xc30l\xdd \xe8\xe2W\xef\x0cN\xb1\xb9\xee\x17\xd9\x9f\xb0^\xfb\xff\xf0\xaf\xff*\xab\x91\x01\x8a\xd6\xa1\xb0\x8di\xb70\xaf\x19\x9f\x8dp\x8f\xf7\xae\x05x\xd2\xfd\x10gYy\xbf\xfa\xa2\x0fo~B\x82\xd8\xb2r\xdcU\xcf5&lt;\x8a\xbd\xdf\xdf\xfe\x0b\xe01\x93\xbfz\xf8\xd0\x86\xc9#\xeb7\xcbm}J\xd9!\x00\xd4\xcd\xb2y\xd9\x11\x04A\xe1W\xcc\xe8b\xcfS\xeej\x19p\xc5L\x06/\xab\x8a\xdf\xfa|ev\x7f\xc7\xac\xdd\xf8(\xe1\xef\xce\xa6\xdf(\xf1\xfc\x0e;\x03\x15\xb1D\xdc\x0em\xf3\xd7\xe8\xc5\'\xa6\x8c\xa3sZ\x9c\xb5K\xe3o=\xdc\xa6\xd7\xa1\x17&lt;\x9a2\x98\x9e\x96\xdc\xec\xf8\x86G\xed\xaf\x01\xd9Vy\xd9\x7f\xee\x92\xe6\xad\x9c\xb6%?\x0c\xc3\t\x07]\x1d\x04\x8b\x96\x13\x13@\xee\xe6\xde\xb6\xfe\xef\xaf\xa3}\xb7\x1a\xf5\xe7\xa9\xb3v\xdb\x89\xcf\xf5\xa6\x0e\xe9\x07\x1f\xbf\xdb\x85)G\x88b\xab\x83\xafi|8\xd3\x8a\xfb\x140i\xe9:\xbd;s\x7f\xf4\x90b\x03\x01`\xb2\x98\x85s\xf5 X$\xefHf]e\xff\xbc\xa7\x186k\xect\xeeO\xfe\xd4\xfb\x14\xb5\xa1}}\x80\xaa\xe9}\x9a\xefE?~+\xd6\x88\x05\xfc4\xba\x94\x1c:\xe1\xc0\xab\xdb.\xff\xe8.\xe7O\xfew\xda\xb8c~\xfd\xce\xb7W\xd8\xf6\xcb\x11\x1bG_\xebj\xd6\x98\xe2\xcf\xe3j\xad\xbb\xd5|e\x80a\x14-\x1f-\x97w\x18\x1b\xefsE\xf7\x06G_\xf6\xeb\x11\xa1\x8e\xfcuO\xcd\x9f\x1a\x1a\xfc\xb7\xd4+\x0e\xa6\xff\x9a&lt;\x033oZv\x04#|h\xb9\xcf\x146\xd7\x88\xebMN\xb5N\xe0f\x0c\xc0P\xe9rs\xfb\xa8\xa7\xc9\xa6\x12\xe3\x17g\xad\xa9y\xcc\x12\xbbe\x1aLBjF,\xad/W\xfd\xd4\xb2\x97:\x14`\xaf0\xd0\x07\xfa\xe1:P\x0b\xd6\xff;\xe9\x9a\x17^\xcd4\xe0\xccW\x7f\xe1\xf5\x8f\xcev\xc0\xca\xea\xfe\xd2\xc5\xbaRw\x02\x1b|\xf6\xd2;^\x08\x1d\x7f\x06\xfa\xcfZ\x13\x13^\xd8y\xbd=.i|\xd8\xf4m\\\x1f\xa7\xc2\x14\xa7\xa5\x0e\x980\x0c\xcf\x8epQ\xcf\xe25\x94\xdb\xe9\xcb\x8e\x05 \x86\xdc\xef\n\xd7d\xe4\x85\x9f"\x98m\xcb|\x02\xa9\x9c&gt;\xdeLiQ\xb5u\xa9Z&lt;\xc0 ;\xf0+\x0f\xf7lS\xc0\xdd\xf1Z\xe4u\xc2O\x15,\xbc\xfe\xd1m\xd7\xfd\xae\x17\xf3\xcb\xfe\xf6\xf9\x00\xe8\xe5\x82\xdb\xff\xd1\xb4\xe4\xb9v\xe5j\xb3\xfd\xaf*"\x9a\x01\xf5|\x8a\x8d\xaa\xbe\xdbMl{\x1f\x8b\xee\xcd\xfan\x1d\x01:j\xcdh\xa7\x7f\xf7\xcfe\x04\xb2\\\x1e_6g2`_$\xfd\xc6 \xa7[f\x8f\x0cGK\xdc%\x0c\xc3 X&gt;\x93yG\x9c\xaa\x04PM\xb5\x0cu\xc4\xc5\x8f\'\xeb{\xd7K\xc9~\x04\xbb\xe4\xc8\x87\xd3\xd4\xfe\x9c\xf0\x9d\xe7\x13\x84\x91\xde\xa1_\xfbE\xed\x9f0\x0c\xb7;\xec\x86&lt;\xa7\x9a)a\xbfBns\x94\xa2\x8e\x8e\xcau\x96\xb8\xd4]\x80\xe4\xa6\xe4\xd0\x05v(b\x96\xb2\x07)\xd82\x13N*;\x84$F\x8d\xdd5b\xcb~|S\x00r\xb4\xf5!\xd7f:\xde\\Q\x1b\xce\xbee )g\xad\xf4\xd7\xb3c\x00\x8b\xee\xdc\xedY\x80J\x99a\xf9\xbdj\xff&lt;\xf6v\xc7\xb4\xf5\x89\xa3\xbf\xdf\xf8\xf0\xd9\xde\tn\xa9\xa6\xc7\xe3&amp;^P\xff?\xdb/\xeanz\xa2y\xb4\xe2\xf3\xef\xb4\xa9\xbfL\xad\xbe0\x0c\xa7Z\xf2S\xf5\xff\xc7n|L\xdc\x116\xdc\xeb\xb2\xac\x83\xeaH\r\x06\x06D\xaf\xdf\xbc\xcc\x96t\xe0\x11\xd7\xa3^\xff3\xdfH0D\xe2T[\xef\xf8z~\xc9z\xeau\xf3\x1a9\x9d0\x0c\x83`\xfe\xb8]Z7q\xe6X\xfd\xc0\x8c#k\xd1\xf6\'\xf4\xad\x9a?\x06S\xad\x93K4\x00\xa9-\x9e\xa6\xf3\x1e\'\xdfy\xfc\xb7~\x9bU(5_\xba\xe2\xe9X\xed{\xfe\x0e6X\xf4\x93)C\xea2K\xb2f\xdd\xedz\xdc\x8f\xd2\x0f\x12K\xac\xb0;\x9d\x0b\x94\xed\xbe\xe6\x17.y\xa2\xf1\xe1%w\xbfs\xce-\xaf%\x18\xc7\x1e0\xd0\xaf\xe6_\xfb\x88\xac.s\xbf\xc0\xdaGd\x11Q\xc6\xf2I\xd0\xcb\xe60f\x8eR\xbe\x08\xf9\x15\xb9\x1b~\xd5\xfe\xdb\x84~\xbfu#@\x10\x04\xc1N_\xbc\xb9{\x83AIak\xb6.\x8a\xbbj\xfb\x9cq_F\xc1\x0c\x8e\xfa\xbd\x10\xba\xd8\xe3\xe4;s\xfa\x14\xad\xd5\xf0\x93\x02\x80r\xa4Npsw\x19\xe1\x92{\xde\xed4\xddG&gt;y^\xbay\xb30C\xc2;(Tj\xdb\xa21\x98uv\xffz\xdb6\x1f;\xfc\xc6\xa2\xc2\x89\xa1\xe7\xcb\xf8\xf37\x13\xbd\xcesl\xd5\xf8\xe8\xb6\xe7\xddp\x10\x18n\tR\xde\xa6\xfb}3\x8fH\x12\xdb\xef\xac\x07\xca\x0e!\xadUw&lt;\xbb\xec\x10\xf2\xd5\xe5\xab\xfdN_9\xb7\xed2v\xe3c3\x8f\r\xa08\xd5\xbc\xe2c\xa7\xd1\xf6&gt;\xfd\xde\x0c\x07/\xd80\xec\xd2\r\xc3:\x02D\x92\xc7\xc5\xeb;]\xa89\x8fs@\x13\xc4&lt;\xdd\xb2{f\x1eFJ\x83W\x96\n[\xa3.\x13\r\xde\xab\nT\xda\xd1\x97\xfd:J\xb3\xaf\xdf\xf9v\xc3\xa3q\x8dOEI[\xf56{\x9f\xee\xa7I\x83\xa0\x7fk\x95\x02\x0c\x0c\xac0\x0cO\xbc\xfa\xf7\xad\x0bK\t&amp;\x173mZv\x04)\xa5:\x9f{`\xd4\xbf\x1e\xeer57\x80\x92\xd5\xcb\xe7\xd4\x1f\xfet\xe7V\xcbuX\xber\xd6\xe1\xa45\xfdr\x9f-;\x84\x0c\xadQ\xd8L\xdb\x1cz]as\xc5r\xe0W\x1eN?\xc8\xa5\xf7\xbe\x97~\x10\x80\x18\x06j\xdftX\xb5\xbb\xc4\xd8\xdc%\xc4\xd1\x87|\xfe\x81J\x8b\x98\xa4f\\q\xefX\xed\x9b\xa6H\x96\n%\xd0BM\xbb^\xd9\x114{6\x0c\x83`\xd5.\r:]\x9d\xad\xe9#\xe7\x83\x04\xf4\x85Q\x83\x9a\xad.\xbc\xe3\x9fAK.\xde\xf2\xc0\xef\x94\x14N{Uz\xf1\xc7\x96\x1d@\x12/%\xdd\xda\x03\xc8R\xfaL$\x97\r\x8f\xc4\x97Y\x06 #\x9d\x0fE&gt;\xfd\x81\xa4\x1c\xd1Le\x07\x10[\xf7\x02\\\x9dz\xec\\#\xa0\x8a\xb2J@\xa3\xc6\xee\xdav\xc0w;\x8e\xbfd\x9be\xb3n\x91I04\xaax\x8d9\xf3{\xaf\xb4]\xbe\xf1&gt;W4&gt;\x8c\xb2\x16\x7fl\xdbf\xf6\tA\xb0D\xa2\xd0\x00\x06N\x86%\xe1\x07\xcfV\xba\xba\x0c\x95[\x7fW\xc5\xf7b\xe4\x87m\x86\xceO\x01\x0c\x81z\xe2{\xf0\xb5je\xc0\xbe\xcb\xc8U\x0b8\x8fx&gt;\xf9\xa5[\x12O\x1d\xfd\xe7\xf4U{%\x01bXd\x83\xa3\xbb7\xf8\xf1\x1f\xda\xe4\xb8\xd6\x9b\x12J\x85\xd1\xcd\xfd\xd1C\xca\x0e\xa1\x08\xd7&lt;\x9a\xffGb\x9e\xedj\x7f}\xfc\x80\x81r\xcc\x95\xcfto\x90S\xd6{\xea}\xc9\xb4Zn~\xba\xe4\xd3\xbb\xed\x10\x03\x03ot\xac\xd6\xf2\x1d\xfb\x9ey\x7f\x18\x86\xcbm}j\x10\xac\x94\xf8J,iT\xf6W\xdc\x00\xb1\x8c\x89\xde4\xbfL\'\x87\xf6\x910\x0c\x83`\xc1 X\xac\xfe0\xc3\x1b\\\x06\x9d?\x0c\x97\xdf\xf7~\xeb\xc2\x93\xaf\xfd\x83\x0f\x0fPA\xf3\xf6l1\xed\xd2\xbbg&gt;\xeb\xd7n\x7f3\xf31\x1b\x8c\xeb\xf4\x84D\\\x8c\xad\x0e\xbef\xc1u\x8f\x9ce\xe5\xfd\x82`\xc1\xa0\xb1\x00\x8fY;\xa7\x19;\xbd\xb3\xafx\xc7\x81\x01\xb6\xfd\x117\xd5\xff\xff\xd0r\x9f\t\x82\xe0\x96g:f\xbd\xa3.}\xaai\x89\xa28x^m\xd8O\xddt\xdfo6\xec\x01/[j\\\x00}e\xa5\x8f\x9d\x1e\xb9\xed\xa4\x8b$T\xbf\xa6&gt;\xf1\xef\xaaG\xd8\xd7N\xbb\xf1\xe5\xc9\xff.\x1f\x04S\x97\xf25pM\xed\x8d\xae\xfe\x07\x12 cm\x13\xdfw\x1e\x91\r\x07\\\xbd\xe2\xce\xb8\xe2\xdeEV\xdf\x94\'\x10\x03\xf4\x85\xf9\x8b\x99\xe6\x8e\x17\xa4\xce~\xd5zg\xc0\xb2\xc2(7\x00\x80\x11*\x92\x95\xae{\xcc}[+\xa4\xb2o\xc1\x92\x9b\x1d\x9f\xa2\xf7\xc2\x95]/\x80$f[\xed\x80\x11\x8f1$\xdf\x02\x00\x00\x08rIDATS\xdf}\xa1m\x96\xdc\xf6\xf3\xd7\xa7\x1c\x96\xe1\xf6\xd1\xa0\xc2\x1b\x16\xc0@\x91k\x06@\xe3\x81\x81\x0c\r\xedgchW\x1c\x00&amp;\x9bm\xcb\x82\'|\xe8\xf5\xf2\xbf\x87\x06`\x00\xa9.\x00\x83\xa3\xc8\x9c&gt;\xeb*\xfb\x176\x17I\xadZv\x00\x00$eG\x8dR\xf8\xe0\x01@Tg\xfe\xef_\xca\x0e\x01 \x9d\xd6\xcd\xffO\x9dxG)\x91P\x94\x15\xca\x0e\xa0\x12\x1e}\xd3\x8e/\x00\x94\xe4\x0fa\x18\x04\xc1\x93\xef)\xc6@\xff\xf8\xc6=\xef\x96\x1d\x02\xd5\xd2\xa7_\xa6V\xe1r\x98\xc0P\xa8\xe7\x9a\xbc\x93\xce\x90&amp;\xb5Qk\x95\x1dAi\xfa\xf6\x1d\x9f\xbeo#\x07h\x10%\x97-3\xe1\xa4\xb8]\x88\xc8\x8b\x19Km\xf7\xf7Iw\x9f\x04*g\xbe\xed\x13t\x1a\xb5\xf8\xae\x99\x07Beu\xba\xc7_\xf1\x91$\xd0/q\x02\x0c\x0e\x99\xb7\xdf\xac\x94\xc7\xa0a\x18\xeer\xec\x0f\xf3\x18\x19\xa0YY\x85g\xfe\xb5\x0f\x9f\xfc\xefj\xa5\x04\x00\x9d\\\xfb\x0b[c\xc0\xa0X~\x9bS\xcb\x0e\x81\x01\xd7\xb4)9\xf1\xf8\xdb\x12\x8f\xe3p\x08PEa\x18n\xb6\xdfUeG\xc10\xca\xb0.N\xb3\xd4\xee\xf9\r\x0e\x00\xd9\x18\x8c\xe2t\xfaM\x7f\xea\xd9f0\xd6\x14\x00*$JqU\x80\x81\x82$H7\xeb\xec\xfe\xf5&lt;"\x81\xd2\x15vQ\x1a\x00H\xe2\xc0\xf3\x1e);\x84\xa8\xe2\x96\xd2\xd7\xc2\xd0\x8f\xb0\x80\x92\xfd&lt;\xd3\x9b\xc3\x84a8\xfdr\x9f\xcdp@\x86\xc1j;\x9e]\xd8\\\x8dEw\xe5\xed\xcf,l^\x80\xbc\\\xf9\xe0\x07k\xect\xee\xf6G\xdc\x14\x86\xe1I\xd7\xbc\x10\xa5\xcb\x17/\xffM\xdeQQYe\xed}N\x9ew\x19\xbb\xbf@\xee\nJ43n\xd28\xe3Gv&gt;\xaf\x88I\xa1\x875\xdb|\xfeg\xd8h\xd2?\xf3\'\xb9\xe4*@r\xb9\x94\xe4\x196\x0e\x82\xb1A\x10\x1c}\xd9\xaf3\xffv\xad\x8f\xbe\x8c\x1cz3%\xe8\x93\xec\x03\x93\xf836\xa5\xe3B\x9fH6\x02@,\xd3\xd6\xffk\xc8\\3\xc6\x1d\xa5S\xd6\x9bs\x8d\x83j\xff|\xe2\xe8\xef\x87a\xd88]\x15\xdc\xfe{\xc7\x1b+f\x91O\x06A\xb0\xd8F_\xaa=:\xfe\xaa\xdf\xe6t\xa8f\xa9-N\xc8cX\x80\xdejy-Nv[\xba\xe7hm\x97\xcf\xb1\xfa\x81\xc1l[\x86ax\xf7K\xaa\x1d\x91\x84a\xf8\x9b\xffL\xfa|f[\x80\x1bG\xeb\xeb\x1b7\x01}\xac\xc0D3\xddY\xdf\xffkQs1\x08z\x96\xc9&lt;|\xe5\x07\xaf\x179\x1d0\xbcZ\x13\xcd\xbd\x7f\xee\xb8\x17\x9b\xcd\x94S\xaf\x13\xaby\x9f\xa6\xc2\xe3\xbf\xf5\xdb\xb2C\x18\x04\xe9\xdf\xfdo?\x12\xfb\xc2\x1a}\xfa\x91\x03\xfa\xd8\x83\xaf\xb5\xc9;O\xbeW[\xb8h\xb6s%\xcbq2#Y\xe9\xf2Y\xf21\x03\x8aV\xca\x11\xbfd\x8a\x0f\xcf\xfeSRK\xd4\xfe\x94}jo\xc7\x85\xad\r\\\x06\x0b\x18\x06c\x12\xf4\x91\x1c\x89\xae\xe7\xa7\xa5S\x85\xf61\x03\nr\xd5O\xff\x9b\xdb\xd8\xf3\xf7l\xf1h\xa6\xd7\xbc\x04\x80\xbe\x91\xc1\x85\x0b:X|\x93c\x93\x8d\xdc\xdd,\xab\xec\x97\xc7\xb0\xf6{\xb2\xb6D\xd9\x01D7G\xed\x8f\xcf\x00P\xa8\xe5\xb6&gt;\xa5\x80YZS\xdb\x85?~\xab\x80y\x0b\xb6\xdb\t\xb7\x97\x1d\xc2P[f\xc2\xc9e\x87\x00\x10\xddb\xbb$\xe8t\xf8E\xbf\x8a\xdb\xc5\xeeE|k\x94\x1d@&lt;\'|\xe7\xf9\xb8]z^\x8c,\xdb\xdb\xf4\x8e\xbc\xeb\xd1\x19\xe9\x07\x04(\xd4\xb5\x8f\xb6\xa6\xc2Y[\x9b\xa5\xcc\x98\x05\x17\xece\xb7*\xe2H\x009i\xfa\xb4\xd4O\x02N\xd6\x1d\xa0|\x9dN\xdb\xe8\x95\xb0\xa6jz\xfc\xd4\xfb}\x90\xe0\x86\'\x0b\xaf\xbb\xc7\xc5\xa5\xcc\xbb\xf4\x96\'\xe54r\xdb\xf7n\x97c\x7f\x94\xd3t\x00\xf9\x98f\xbd \x08\xf6=\xeb\x81\xb2\xe3\x18\xa1\xe0{\xe3\xd0\xe4\x9e\x97\xf3\xba\x82JV\xefQ\x97q\xb68\xe0\xdb\x11G\xf0\x81\x01\x06\xd0\xe3\xefNIm{\x9c|W\xe7\x86k\xf6\x1cJ\x96\x1c$\x99\xbe\x9b\xab\xb6]\xfa\xbd_G=x\xe3\xa3\x05\x94 \xebK\xf4\x8dn\x1a!\xfd\xceP\xe6\xc91\x0c\xc3\x8f\xeer~\xb6cR\xa2(\xdf\x92|\xf5\xd6\xbfG\x1c\x01\xa08k\xectn\x10\x04A0]\xd3\xf2\x887nkZ\xd2\xb6\xd7\xad\xbf\x0b\xff\x103\xc7eU\x95\xa3\x847\xd8\xf2\xbb\xb5__h\xba\x05gS\xfc\xbb\x1c\xf7\xa3\x7f9\x04\r\x14#\x8f\x1d\xca\x1f&lt;7e\xcc\xf1\xbb}\xadK\xe3\x93\xaf\xfdC\xc3\xa3Y\x82 \x98}\xf5\xcf\x8dxj\xbe\xed\xebO\x7f\xd0\xae\xd8/3!\xee/zV\xaf\xfd9\xe6\x8agbv\xcc\xde\xf9?\xfa[\xa7\xa7\xd4\x80\xf4\xf69\xe3\xbe\xb8].\xbe\xfb\x9d \x98:\xf0\xfa\x03E\x18\xb5V\xd3\x82\xee\x07\x8a[\xf7 \x1b\x97&lt;\xf9^X\xd7\xdak\xe4\xc2\xe5\xc30&lt;\xee\xaa\xe7Z\xa7\xb8\xe1Wac\x97\xb3\xbe\xf7J\xbd\xe3\xca\xdb\x9f\xd9\x1aC\x948c=[\x98\xfft\x0ec\x93}\xaeH&lt;l\x9c\xb5\x9b=\xe58\xf7\xbdR\x89W\xb2\xd11Wv\xdb\xb4\xea\xb4R\xed&gt;\xa2\x00\xc5\x98g\xdb\x83\xcf\xffY\xd3\xb2\xc579\xb6^M\'\xe5\xa6\x85w\n\x82 \x08\x16\n\x82q\xb56\xf5\x9c\xf5\xa9\x13\xef\x08&amp;\x97\xe4\x9eWNh\xfa\xa2\xae\xb5K\xd8\xa0\xd3P3\xae\xb0w\x97YF\x8d\xdd%h\xd9DH|\x08\xba6\xce\xbf\xb2H\xd0\xff\xe8\x9b{\xe1\xcd\xd9\xf5\xd9U\n\x8a"g\xbe\x95\x00J\xd0Z\xdb&amp;\x1e\x7f\xdbJ\x1f;\xa3\xe77\xbb\xc1\xc8\xc2\xd6T,\'\x1ctM\xeb\\\xeb|\xfa\xeb\xad\x03\x86a\x18\x04\xab\x87aX\xab\xf4\xb5\xa7\x9eo\xa8\xf7\xf51w&gt;\xe6\x07M\xd1N\xbb\xf4\x1e\x11W\xad\xe6\xc7\x7f\xac\x0f\xfb\x91z\xb3\xb7\xc30\x08\x82K\x7f\xf2\xef.C\xb5\x04\xdcq\xae \x98\xb1\xe78\x9d\x06\xe9\xb2\xbcx=#\xe9\x8b\x03\x0cu\xbd&gt;\xcf\xcbwo\x0c\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C\xef\xff\x01\xc28?5\x89\xec\x0e`\x00\x00\x00\x00IEND\xaeB`\x82']</t>
        </is>
      </c>
      <c r="E114" t="inlineStr">
        <is>
          <t>&lt;class 'numpy.ndarray'&gt;</t>
        </is>
      </c>
    </row>
    <row r="115">
      <c r="A115" s="1" t="n">
        <v>113</v>
      </c>
      <c r="B115" t="inlineStr">
        <is>
          <t>steps_per_sec</t>
        </is>
      </c>
      <c r="C115" t="n">
        <v>1700</v>
      </c>
      <c r="D115" t="inlineStr">
        <is>
          <t>5.3729053</t>
        </is>
      </c>
      <c r="E115" t="inlineStr">
        <is>
          <t>&lt;class 'numpy.ndarray'&gt;</t>
        </is>
      </c>
    </row>
    <row r="116">
      <c r="A116" s="1" t="n">
        <v>114</v>
      </c>
      <c r="B116" t="inlineStr">
        <is>
          <t>Loss/localization_loss</t>
        </is>
      </c>
      <c r="C116" t="n">
        <v>1700</v>
      </c>
      <c r="D116" t="inlineStr">
        <is>
          <t>0.016427018</t>
        </is>
      </c>
      <c r="E116" t="inlineStr">
        <is>
          <t>&lt;class 'numpy.ndarray'&gt;</t>
        </is>
      </c>
    </row>
    <row r="117">
      <c r="A117" s="1" t="n">
        <v>115</v>
      </c>
      <c r="B117" t="inlineStr">
        <is>
          <t>Loss/classification_loss</t>
        </is>
      </c>
      <c r="C117" t="n">
        <v>1700</v>
      </c>
      <c r="D117" t="inlineStr">
        <is>
          <t>0.46614987</t>
        </is>
      </c>
      <c r="E117" t="inlineStr">
        <is>
          <t>&lt;class 'numpy.ndarray'&gt;</t>
        </is>
      </c>
    </row>
    <row r="118">
      <c r="A118" s="1" t="n">
        <v>116</v>
      </c>
      <c r="B118" t="inlineStr">
        <is>
          <t>Loss/regularization_loss</t>
        </is>
      </c>
      <c r="C118" t="n">
        <v>1700</v>
      </c>
      <c r="D118" t="inlineStr">
        <is>
          <t>0.03154572</t>
        </is>
      </c>
      <c r="E118" t="inlineStr">
        <is>
          <t>&lt;class 'numpy.ndarray'&gt;</t>
        </is>
      </c>
    </row>
    <row r="119">
      <c r="A119" s="1" t="n">
        <v>117</v>
      </c>
      <c r="B119" t="inlineStr">
        <is>
          <t>Loss/total_loss</t>
        </is>
      </c>
      <c r="C119" t="n">
        <v>1700</v>
      </c>
      <c r="D119" t="inlineStr">
        <is>
          <t>0.5141226</t>
        </is>
      </c>
      <c r="E119" t="inlineStr">
        <is>
          <t>&lt;class 'numpy.ndarray'&gt;</t>
        </is>
      </c>
    </row>
    <row r="120">
      <c r="A120" s="1" t="n">
        <v>118</v>
      </c>
      <c r="B120" t="inlineStr">
        <is>
          <t>learning_rate</t>
        </is>
      </c>
      <c r="C120" t="n">
        <v>1700</v>
      </c>
      <c r="D120" t="inlineStr">
        <is>
          <t>0.05472</t>
        </is>
      </c>
      <c r="E120" t="inlineStr">
        <is>
          <t>&lt;class 'numpy.ndarray'&gt;</t>
        </is>
      </c>
    </row>
    <row r="121">
      <c r="A121" s="1" t="n">
        <v>119</v>
      </c>
      <c r="B121" t="inlineStr">
        <is>
          <t>train_input_images</t>
        </is>
      </c>
      <c r="C121" t="n">
        <v>1700</v>
      </c>
      <c r="D121" t="inlineStr">
        <is>
          <t>[b'640' b'640'
 b'\x89PNG\r\n\x1a\n\x00\x00\x00\rIHDR\x00\x00\x02\x80\x00\x00\x02\x80\x08\x02\x00\x00\x00\x83\xaf^t\x00\x00 \x00IDATx\x9c\xe4}e@\x14\xdd\xfb\xf6M\xa3\x80"\x82 \x16\xa0\x82( (\x06"\x8a\t\x88\x02\x8a\x1d\x18(\xa2\x02*vw\x07vw`wwwwww=v\\\xef\x87\xb3;\xcc\xee\xce\xcc\xce\x06&gt;\xcf\xef\xff^_`g\xce\xcc\x9c\x999s\xe2\x8e\xeb"\x12\x85\x99\xf8.\x15\xe4\t\xe9\x9e\'\xa4\x1b\x91O\x8d\xa4\xa5\xb5\xbb\xae\x9e\xbd\xff\xdb\xb2S \xca*\xf3pC`\xe2\xd1Dp{\xbbqG\x82\x9aNQ\xdb\x98\xa5h\xabm\xb7Q\xa8z\x7f\x00\x97\x7f@m\xafe\x91\x16\xe4\xd6H\xdee\x0b\xabo\xc8RI\xde\x81\n\x046H#\xe7h\x1d\x0e\xc8\x15\xbd\xed\x0e^\x00\xb7\x01\xdf\xe8\x91mF\xee\x97\x7f\xa8KPj6\xffD\xa2l\xc1\xcd\xa6i+[l\xdfc0D\xa7\xae$\x93r\xc3W=\xaa\x9a0\x9f\xc8j\xc1\xe1_\x97\xbe+v\xc9\xb9h\x96\xa2\xad\x00P\xf60\xf9\xf54\x04\xc9\x13\x8eG$-I\x9dvv\xdbm\x9c\xfd\x84n3/\x88\x14t\xff\x08\x84\xb5[\x04 K\xd1x=.\xf4Q\xf1\x0cP\xba\xe1\x04\x03\xeaKDDf\xe5\xd9_\xff:c\x88\x8a\x1ax\xb2\x86}6-9\x81\xac\xc5Z\xcb\xb8n0Q\x90\xb6B&gt;AM\xa6X\x17mET\x92\x88\xc8:\xf4!\x00\xe0\xe8+Yo\xff_D\xf6\x80v\xbc_%\x88\x88\xc8\xd4\xc8\xd7\xb0\xac\x980\xea\x80\xf0\xd5\xfd\xdb\x8dX\xf5\x88\xbf\xc5\xb4`\xd3!\xcb\xee\xa9\x15\x8bLI\xef1\xfb\xd2\xfe\xa7\x98\xbc\xfd\xbdo\xf4\x08\xf3\xc2qD\xbe\x8b\x8f\xff\xcb\xcf\xf6\xfa\x1f\xec\xba\x0f\x19mC\x04\xce1\x1b\xae*\xfa\x87\x89[\xdeTh1#n\xd0N\x00&gt;Q\xc3\xb9"\xb6\xbe\t\xe7&gt;\x83\xf2\xd6#""/\xbf\x98Q2\xfb\x13&gt;\xb6\xdd\x81\xb9g\x1c\x11\xb5\x1d}p\xf2\xb6w\xda\x8a[\x13\x15\xd2\xf5\x12J\xe4\x95\xd8W\xbb\xebjeg\x80\xa4\xb4c\xaa;\xed\x9c\xcat$\xb7\x86\x92g\xceF\xe4\xad\xc7\xed\x0b\xc2\xb3\xcf\xfck#V=\xfa\x8a\x0cTj=\xc7(\xa7\x96\x06\xbf\xc71)\xd8D9\xeag\x8f\xed\xb6\x96(\xbb\xd8Qv~mg\xef\xfbJ\xee*\xc3m@\xec\x18\xf6\xa9Th9\x93\xc8K\xed\x10\xb3BM\xd7\\\x04QN""\xe7\x18\xcaS\x97\xbf\xd7\xbdr\x1f\xa72\x1du\xa9\xb8\x17Y\x85\xca.\x9c\xed\xfa\x1f\xc5S\xad\xddu\r\x11\x11\xf9\xc9\xbfR\xe1\xb0\x81\x1b\xae\xa2`\xb5\xfeN\xa5\x955\xcc[W\xa4l\xa9\x0b_q\xf2\xbd\xe2Z\xae\xc1]\xaf\xfeB\xca\xa4\x93dV~\xdbm\x00H\x18u G\xc9\x0er.\x9a\xdd\xbf\x1d\x80U\xe7e6/\x07y\xc5\xa4\xe1D\xce1\x15Z\xcc(^{\xb4D\xa1m\xb7\xd1\xa8\xef\xe6\xcb?`\xeb\x97\xa0\xc75|\xa2\x86\x1f~\x81\xab\xbf@\xe4\xaao=\x89\x88\xc6\xac\x7f\xce\xf5\x1d\xe5\xe3\xa6\xf3\xf6\x98f+\x9e\xa8\xc7\tG\xaf}Z\xb1\xe5L"\x1b\x892\x0f\x81\xba=\xd6\x11\x154+\xd4L\xe6i\xbd"\x06\xd7\xef\xb51K\xd1\xf8\t\x9b_\x03\x18\x9c~W\x8f\xba\xa9!\xaa\xf3\n\xc3O"\x08\xa7\xd2\x1d\xdb\x8d;\x92\xf1;_}"\xa2\x9c5U\n\xb9\xc6\x1av\x91\xc2\x1d\xc6\x1f\x95\xbc\x05\xcb\x90\xe63\x88H1w\xd1\xc0\x9e\x878\xf2\n\'\xdfc\xf8\xca\x87\x9f\x80\xb3\x9f0|\xd5#\xa2BD\x96\x86UL\xbcB^-(W\x14\x91\x85D\x99i;?\x02\xb8\x0f\xe8\xba\x96\xd0@\x11\xc5\xdf\xec\xe1\xa5\x1a\xa4\x01 \xfbp\xde\xde\xe2\x85\xab\x0f r&amp;*\xbd\xf4$R\xa7\x9d\xbd\xf2S\xb4\x8b\x98\xbd\xef+\x91/\x91\x93\xdav\xa7\xd2\x1d\x89\xdc\x07\xa7\xdf}\x01\x90K\x8ca\xb5\x15\x84\xd4G\xc4\xe1\x03o\xb0\x93\x7f\xea\xd0\xf8\xd9\t\xa3\x0f\x12\x95!\n\xd4\xb7z\x02(\x01\r\xb4\x1c\xba\x87_""i\x89\x11\xaf\'\x88\x9a\x1d\x97+W\x12\x05\xf5\xf8\xc8\xd7]f\x8f\xb2\xd4\xb8\r/\xee\x03D\x81_\xc1_\xc7\x17}\x0c\xe4\x0e\xee"|\xb0u\xa5\xda]Wo\xbf\x83\xd1k\x9f\xa6m~M\x14$\xf6\xf9\xe9\x0e\x1fr\x8e\xcex\xd3v\xd5\xe5\x1c\xd3\xb8\xffV\xee\xff\xa4\xb4c\x00\xce}\xc6\x98u\xcf\xc8\xa56\x91\x8b\xd4\xec\xcc!\xf2\xcaO\x008\xf0\x0cDE\xc9\xa1\x06\xd9G\x10\x11e\xa9L&amp;\xe5$\xe64\x1a\xf0\x05\x10?|\x1f\xd9U\xcfR4\xbe@\xa5\xde\x92\x85\xf50\x968\x15\xad9L\xf7\xa3\x8c\x00\x1b\x9f6b\xbb\x9cJw$\xca%\xe7$g&gt;\xe26`\x1f\xd0\xbet\xc3\ti\x9b^\x11\x05\x10\xf9\x13\x15\xf6\x89\x1aA\xaeu\xf4\xaa\x97\xa3\xb2\xab\xf2\x10+\xe1_g\xf4\xce{:\xcf\xb8\xb3\xfaps\\\xe34\xe9,E[\tm\x96\xdf\xb4\x84\x91\xcd?\x11\xc0\xb9\x7f\xa0\xfa\x04\x8a\xee}\x8cF}7\xab\x97v\x8a\xd2o$f&amp;\x90\xae\xd3\xcf\t\xec\xb3\xadV\xa1\xe5L\xb2\xa8\xc0~E\xa7\xae\x14?M\x16\xa2\x80\xd1k\x9f\x8e\xdd\xf0\xc2\xbf\xceh\xe5\x8a0S\x10\x10;&amp;wp\x17\xad\xe3\xc4\xd5_\x00@\x16!\xfc\x8d\xf9C{Z{\xb7\xd4\xef\xba\xd5\xdb-\x1c\xb1\xeaQL\xea*\xb5\xed\x9b\xaeg\x8c\x11\xcbN\x03@\xe56s\x05\xcf\xf0\x1e\xf0\x8d\x1e\xa9\xb9=\x9b\x7fbD\x87%2\x87I]\xd1n\xdc\x91_\xf2\x06T\xee.\x9a\x0e\xd8&amp;\xff\xfcn\x95z_\xfc\x06\x9f\xa8\x11*3E\x83\x91Ss\x00&amp;*\xc3\xed\x8eN]\xb9\xed\x0e\xdc*K\xf7\xc2\x06\xa2\x18Q~\xee\x87\xb5\xf0G.\t\xfb\x08\x00D&gt;D\x14\xdajVp\xdc\xb4\xdb\xc0\xb8\x8d/\xd9\xe7\x11\xde~q\x85\x963E\x8e4\'\xc7Z\x8d\xfbma7\x9e:\xed\xac\xb5w\xcbs\x9f\x8db[0M\x99t2\x7fh\xcfg\x19O5\x8b\xecc-\xc2\xda/\xa2\xacU\x16\x1c\xfe\xc5\x8e\xfd\x0c\xd4\xea\xb4\xdc\xadro\xab"-kv\\&amp;vX\xc2\xa8\x83\xf7\x81\x8a-g\x91MU\xae7\xb1\x0fh\xef\x1d9t\xc5Y\xe4,\x95,\xef\xeay\xd8E\x17\x1f\xc3\xd9OB=\xa0\xc1\x18\xb3\xee\x99\xd1\xcfi\x18r\xf5[x\x83\xc8\x9b\x88\xc8*T[\xff\x9ew\xfb\x1d\xb4\x19u\xa0\xf7\xbc\xabs\x0f~\'\xe7\x18"\xb2\xf6nU\xa8z\x7f\xbd-f\xe36\xbch?\xfe\xe8\x89w0\xee\xe4\x9a\xc3\x8e\xbb\xea\x1d\xf4\x7f\r&gt;Q\xc3\xc3\xdb/V\xd9\xe4\xde\xa8n\x8f\xf5\xf1\xc3\xf7\x19\xe5\xfc\x01\xb1cb\xba\xac\x06p\xfc\r\x88\xfc5\xf6{\x0f]~_\xe6J\xc3\xa3j\xbfK\xdfP-qA\xae\xb2\x9d5\xedm\x99\x007\xad%\x92&amp;\x1cW\xdbR\xa9\xf5\x9c\xdc\xc1]\x8d[\x0f\xa1\x91B}\x8d\xabD&gt;=GYk\xfd\x17\xf1\xab\xce\xa3q\xbf-r\xee\x1a\xc0= \xa4\xf9\x0c\xe1U\xb8S\x94\xae\x8bc\x83\x10\xdea\xf1\xdaK\xf8\x03\xcc;\xf4\xb3\xf5\x88}mG\x1f\xe4\xef-Vk\xd8\xb1\xd7 \xca\x97\x99U\xb0\x97]2\xbf\xc6\x96R\x02\x8e"\xfb\x08\xf3\xc2q\xe1\xed\x17\xbf\x02\x88J\x02\xf8\x03\xd4H^Jd+pJ\xbb\xea\x05\xab\xf5\x0bk\xbf\xc8;r\x88\xb5\xb7\xeec\xbfxU\xe7\x1d\xfa\xe1\x135\xe2\x8d\xee\xb6\x0e"\xdau\x1f\xd1\x9dW2\xe3a\xfe\x8a=;M&gt;E\xce1I\x13\x8e\xcf?\xfc\xabz\xbb\x85\xe2\xc7\xf9\x8dY\xf7\x8c\xf2\xd7\'r\xa5|\xf5\x89r\xd6HZ\xca\xae\xbe\xf5\x16\xcf\xb3\x90\xb5\x8a\x9c:\xd4\xeb\xb9\xbe\xd9\xa0\x1dr\xbe\x7f\x9d\xe0\x1d9D\xac\xa7\x0b\xac\x9f&amp;\xb0\xd5\xac&lt;\xd9T\xd5wq)\x07\x05\x15\xa6\x02""\x93\n-f\xca\x9b\x17\xe7!\xab\x8a~1l\x9a_\xba^\xcf\r\xe4\xde\x98\xa8\xb8\xae\xd7\x9e{\xf0\xc7\xa9\xf7\xf8\t\x0c[\xf1\xa0\xf5\x88}\xfc\xb9\xaf(\xec\xaa\xb3EOx\x87\xc5\xe5\xe3\xa6\xf9D\x8d\xb0\xf4j\xa1\xed\x98bDeu\xad\x9blh\xc4U\xe8\x89l\xaa?M\x0e=\xc7\xdeG\x86\xf7\x83\xae\xec\x13`\xeb\xec\xee\xb3.Z\x15\x11[\x1ar\xaf\xafd\x07u\xd7\xa0\x02\r\xfblbg\xb3\xf3k\xeb\\\xb6\xb3\x9b\x16\xfb\x90\x1c8\x11Y)\xfe\xcdR\xa9X\xad\xe1\x92\x85\x85!j\xde3*.~c\xfdX Qv\xb2\xa8P\xbb\xebjc\x9d\xb9\xcb\xf4s]\xa6\x9f#\xa2\xec\xfe\xed\xb4\x16\x96D\x8e\xb4M\xaf\xd8\x7f\xe5\x9aM\xa5\xfc\r\xf48\xc5\xec\xfd\xdf\x8c?\x00O\xdc\xf2&amp;_\xc5\x9e\xc6&lt;\xa3A\xd0:\x9cg\x13\xdc:8\xfdnL\x97U\x94\xa3F\x83\xde\x1b\x9b\r\xdc^\xae\xe9\x94\xb0\xf6\x8b\xc4\xdd\xa2DT\x88\xc8\x94\x9b\xaf5\x1b\xb8]h\xb0w"\xf7FDe\x88\xbc\x88|e\xdf\x82V8\x065\x99LY\xabl\xbe\xa1\xc3\x00\\\xac\x96\xc26;j\xed\xd3\xb8A;B[\xcd\xe2\x8d\r%w\xdcE\x9f\xf9\xd7\xc4\x8f6%\xb7F\x89c\x0f;\x94L\xaa\x96\xb8`\xd7\x03\xf4\x99\x7f\xed\x13\x00`\xcfC\xd8\xfar~S\xdb\xc8\x94t2\xd7m=\x94\'\xa4[\x95\x84yz\x1b\xb5\xf8\xf8\x0c4\xe9/&lt;\xc2Ul9Kcr\x90\x95{}\x01\xb1c\xb9\xad\r\xfbl\x92w\xb5"u\xba\xad\xf9\xa5\x98~\xc9\x82}\x89\xf6.\xe5Re\x16V\xc2\xb6\xc7\xac\x8b:\x1e\xc2`\xc2_O\xd8\xf9\xb5\x95s\x8cc\xa9\x14\xfeQY\x8b\xc5\x17\x08\xedET@\xa4\xb8\xafy\xe1f\x93\xb6\xbdK\x99t\x92\x9cj\xe9U\xc9\x0c4\x1d\xb0-\xb6\xfb\xdaj\x89\x0b\xb8-j\xef\xc5\xb8h6p\xfb\xf5?\xb0*\xd22u\xdaY\x0b\xcf\xe6\xfa\x9e&amp;\x80=\xa8\xd6#\xf6\xed\xb8\x87\x9es.\xc7\r\xdaATP\xb0\xe8c\x80\xacB)K\xe5\x1aI\xc2\r\xe6\xfcg\xe5\xe7\xec\xc8\xf7O\xfb\xb2\xc9\xbd_\xccH\x13\x8f&amp;ln$\xcf\xe9n\xc5f\x06D\xc4\xf5T\xed\xc7\x1f-Yo\xbc\xf8!\xaef\x85\x9a*\xea\x90+\x8a\x88\x88\xb2\x91C\xa4\xf4e*\xb7\x9ek\xf0\xea\xa2 \x80\\e:q\xbf3\x02S\x0c\x84k\x9d\xd1\xeb\x9e)\xe7\xb2F\x83S\xe9\x8e\xc2\xee\x06Y\xb0\xd7k\x97(\xca\xac\xbd\xc4\\\x83\xff\x11\xb8\xe8\xeb\x06p\xcc\x1f\xda\xb3\xc3\xf8\xa3\xac\xfd-?\x83\xe2uFg\xc4\x0e\x88\xc1\xb5NX\xfbEc\xd6=\x8b\xe9\xa2\xee\xd5 "s\xcf8\xca\x1e.\x1e\x1be\xeb\x173\x92(\x17\x91\tYV\xd4\xab\xce$3\xfa\x89\x88\xf2\x87\xf6R\xfc\xe7R\xbb\xef\x82\xeb\x00\x96\x9f\xe6\xbf5\xa1\x15\xbc\x1al\xaa\x10y\x12e/VkXL\xea*\x00\xe7\xbf\x80\xc8\x9aW"\xbb\xfa\x1a\xda&lt;d\xe4\xea\xc7\x9d\xa7\x9e\x918k\x9f\xf9\xd7\x8e\xbc\x82Q\x96\xa1/\x80\x0b_\x04\x9bbP\xd3\x01\xdb\xad\xbd[\x95i4\x89\xdb\x94\xb7B\x0fn\xa4)\xdbx2\xb7\xbd\xbdl7\x8c{\xe5&gt;\x8a\xdeJ-\xa2G\nF\x89,\x93\x85\xe6\x83w\xb1\xeaE\xa7\xaeT\x89\xb5\xb1\xab&amp;q\xd4\xdc\x83\x8a\xb8\xf6\xb6c\x0e\r_\xf9\xf0\xe8+\x94\x12\t\xed\xae\x96\xb8`p\xfa]\x00\xe4P\xc3\xf0\xda\x02\xb8\x01P\xb6\x8c\x08\xf9\xc0\x06BF\x0b\xa3\xc1\xfd\x03@\xe4n\xd09L\xca\xb1g\xf5\x02\xf8\t\xdc\x02\x00\x0cX|K\xbf\x93\xbd\x00\xde\xb2\xe6d\x15Z\xa4\xc6`\xb2\xa9\xca\xb67\xee\xb75\xb4\xd5\xeco@x\x87\xc5\xecr{\x1f\x81\nH\x04\xd3\x12YV\xa4\xdc\xb5S\xa7\x9eU\xdd\x9a[v]\xf2\xc8.\xe9\xa7\xb9\x06\xe0\xcf\xe1\xc6o|\xa9\xf5!\x0f]~\x1f\x80\xaa}\xd48\xcb\x15\xfe|\xce\xd8p\x12w&gt;\x1a\x02s\x9dJ\x175+\xdc,2%]\xf7y\xfd\x7f\x17\xf3\x0e\xfeXx\xf4\x0fou\xa8\x03\xcc\n5\xcd\xf8\x91-l\xce\x81\xef\x94\xbf~\xc5V\xb3\xfa/\xbc\xa9\xe5\xc8\xec\xe1Z\n\x18\x15l\xe9|\xe9\xbbN\xd3&amp;\x8d\x96a\xaf\xbd\xce\x93\xb7\xbd\x03\xb0\xe9\xba\xd4\x85\x86\xadx\xf0\x93-\x0e\x0c\x06\xb3\xabknO\x9dv\x16\x00Q\x00Q\x1e\xf3\xc2\x19\xb1\xbe\xa5\x1bN\x00\xa0\xb6\xe4\xcdQ\xb2\x83\xf8\x1cN\xdd\x0e,\xdf\x02a0\x8a\t\xf9\x17\xb5\xa0h\xcdaD\xa5\x95\xbf&lt;\x15\x7f\x95.|QX\x85.=\xa1\xfd\xa6\xca4\x9e\x14\xdea\xb1f@\x8d~\x000u\xe7G\xa3\x9c\xca08\xc8\x8f\xfe+Zs(\x7f\xb0\x19\xb1\xea\xd1k\xa0A\xef\x8d\xfa^\xba\xc8\xf17\x00\xe0\\\xb6\xf3\xfcC?y\xc11fU\xdb\xce\x07\x10\xd4d2\xbbP\xaba{$F\xb5\x88\xa4%\x00\xecK\xb4\xd7\xb7\x1a\xba\x01\x80C\xc9$\xb5-j\xd8pU\xaa9\x9d\xfa\x00\x00\x9d\xa6\x9c\x16\xd9o\xdc\xb8*+\xedEt\x82k\x9d\rW\xd1q\xf2)\xb3B\xcdd\xe5\xe8\x9a\x05K\xee\x16\xbdYK"g\x95\r\xb6\xd5V_\xc0\xc1\xe7h9t\xb7~\xc3\xd5\xffm\xe4\x0e\xeeR\xa9\xf5\x1c\xa7\xd2\x1d}\xa3G\xc8\x8c\xa0#"\xa2\x80\xa7\x00Q1"2\xb0\xad\xf8F\x8f\xac\xd0B1Gk\xdco\x8b!\xa7\xd2\x1b,\x05\xb0\xbb\x88\x115\xa8\xc9\x14\xa2\x02~1#\x8f\xbcD\xee\xe0.\xe4R[\xc6)\xc5\x1a\xa8=\x11\x8d^\xf7Lp8\xac\xd5i9\x002\r&amp;"\x87\xc0$\xe9Dd\x9d\xc6\xd4\xe0\xb8i\xc7\xde\x18u\x00vo\xac\xfa\xdb[\xf1\xd7\xa6\xaa.\xeb\x12\x1d\x900\xea`\xe7\xa9g2)DK\x15*\x91\xd8j\x1dn\xb3A;2\xbf\x02\xda\xc1F\xafe\xa7\xd98Z\\\xba\xf7o5|/\x7f\x98\x89\xea\xbc\xc2\xc0\xa5\x1b\xffl\x11I\x191\xbd\x9e\xe1\x03\xdb\x8d;B\xe4\\\xb2\xde\xb8\x96Cw\xaf\xbf\x021\x0fq\xb7\x99\x17\x0e\xbfD\xb2F\xe4\xd4\xdf\x84\xe6\x00\x0c`\xe9I\xd1\xcf\xe4\xd4{\xb5/\x8e\x97ye\x1a\\\xad\xed\x02\xa3\xd6\xceX\xc3ya\x96b:h\xe9\x1d\x00^\xe1\x83"S\xd2\xe5Dxh\xed^\xa4\x8d\xdb9\xbd#\x87P\x9e\xba\xe4\x145\xf7\xe0\x8f\xd7\xc0\x17\x80(\x87\xaeu7\x08R\x89\xcc\x92po\xdct\xc06"\x17"\nn6m\xc7=\x98\x17\x8ecg4V\xd5\xf8\x88\xe8\xb0\xe4\xfa\x1ft\x9a|J\xa7(\xb3\x12\xf5\xc6}\x04\x94\xd9\xc3&gt;\xbaZ$4P\x84\x88&lt;\xc3\x07=\x03\xf8+\xbf\xbf\x86b\xb5\x86\xf3V`\xea\xe86\xf3\x02Q\xc9\xa8N+\xb2\x07\xb4\x93\xfda\xb8D\xa6,#\xebP"\xe2?\x1c\x9f\xa8\xe1D\xfeN\xa5;&gt;\x15j\xdcg&gt;\xb2F_\x90\xc8\x86\xf27\x90\x8e\xda-\xd3x\xd2\x9c\xfd\xdf\xe4U\x86(o\xbdi;?\x1ao\xf4r\'\xb2#"\xa2Bd\x1aL\xd9\xc3\x9b\r\xdc\xaet\xc2\xe9\xcd\x1b\xc0`K\xe4]\xb0Z?\xb5\xad\x03\x16\xdf\x02\xd0a\xfcQ\xc9c\x8d\x93\x8a\xba\xe3.\x96\x9fA\xae\xb2\x9d\x84w\xab\xcf&lt;\x04\x91-a\xd4\x81]\xf7\xf5\x9f\xf1\xb8W\xe9\x1b7x\xa7D\x01\xa72\x1d\x01t\x99~.~\xf8\xde\x82\xd5\xfaIG\xae\x05\xc4\x8e\x05\xd0o\xe1\r]\xe3\x1e\xc4Q\xf4\x03\xb0\xe2,\xa0H\xb6Q\xb3\xb8\xb8\xb0\xee\xfb\xc0S\xd1\'\x10\x99\x9c^\xa1\xc5L\x96\xb5\xf1\xaf\xc1\xb1\x96\xe0\x18,~\x80\x0b/\x81\xde,)\xed\x98\x1a\xa1\x82\x11\x91&lt;\xe1\xf8\xe8\xb5O\x95d,:\xe0\xdao\xc4\x8f\xd8g\xeb\x97\xc0\xf3(\xe7#\xf7F\xec\x0b\x9a\xb6\xf3\xa3\xb5w+\xca\xa1\xdd\x173h\xe9\x1d\x9f\xa8\x11\xe2\xfb\x0b\x02\x90rT\x15\xa91d\xdf\x13\\U\xe4\xb0`\xbfxS0\x18\x82M\xdf\xbeL\xa3\x89\xfa\xb2\xd8X\xcd\xd8\xfd\x0f\x0b\xee/X\xad\x1f{j\n\x0e\x8dL\xc0\xf2\xd3\x00\xf0Mg\xfbd\xc9\xc2a\x03\x8c[\x93);&gt;\xd4\xef\xa5\xb7Y\xcc@\xd8\x15\xa91Dc\xa3\x15Q\xf1\xbc\x15zL\xd9\xfe^\x06\x0f\x97&amp;\xf2*\x9d\x8e\xbc\xe0 \xd3\xe0\xa0&amp;\x93s\x94\xec\xf0\x8f\xc0\x03/\xa5\xfc\xfe\xbd2\x83\x88\r\x00/)V\x18\xe5\x9bO\x97.\xc0p\xe8\x05,&lt;\xe3\xb8\xfc\xbd\x96Cw\xef\x7f\x82\xe1+\x1f\xe6.gh$\xea\xb2\xd3h=r?\x00\xd5%\x9aE\x89\xbac\xf7?\x91j\xa2[nb\xc0\xe2[d+\xe56\x96\t\xd3\x82M\xc8!R\xbf%\x88\xad_\x02Q1"\x07\x16uAd\xaa\x98\xf7;\xd6*P\xa9\x97\xb6\xa33\xa0l\tRdFDDTv\xd4\x9a\'\x97\x7f@p&gt;\xc7a\xf1q\xd9\xc6\x12\xb7\x86\x92\xdd\xae:,&lt;\xe3\xd47e\xad\xc2\x0c\xd1\x00N\x7f\x14\xbbh!\xe7\xa0T\xc3\x93\xa7\xb5\xc1\x9c\xef\xaa\x17\xc4\xc5o:\r\xc09\x88h\xc4\xaaG\xcbNc\xe1\x91\xdf\xaa\xd9\x89v\xa9\\\x04\x89i0QY\xd91\x92\x19x\x00\xe4\t\xe9\xc6\xfeg5\x91\x9b\x00\xe9T\x8b(\xcb\xf4]\x9f\x88\xa8n\x8fu\x0b\x8e\xfc\xf6\x8d\x1e\xc1\x0f&amp;o7\xeeH`}\x16\xd4\xe6W\xa8Z\x7f]+&amp;\x08\xe9\x88\x19\xa2l\xd5_i}\xac\x0e\x91\x94\xbbN\xbbqG\x0c\x19\xdeJ\xd6\x1b\xd7F\x98\xda\xcd\xc0E\xa1\x02\x85\xaa\xf7\xb7\xf1m\xa3\x1f\xf5\xa0\x1c\x1cx\n\x00\xab/\xfc\xfb\xe1i\x00"S\xd2\x15\x04@\xff&gt;\xac\xba\xce8\xbf\xfd\x8e\xa2\xf1H\xf0W\x88\xc3Np\xabKP\xea\xc6k\x1a\r\xb2@C.]*\xf3&amp;[\xda`\xdbg\xfe\xb5\x0e\xe3\x8fi[JZ\x01\xb8\t\xb4\x1bwDQa\xd3r\x94\xa3\x06Q\x10\x17\x8f\xa3\x7f\r|\x13:O=\xf3Hs\xec\x91\x8e\xe5!\x8a\x1b\xb4CK\xe0\x98\xbe\xf1\x83\xf2aZ\xb0i\x86\x1d%{\xd8\r\x809\xf59\x84\xb5_$\xf3T\xac|\xd2\x84\xe3\xda\xa3\x17\xed\xaa\x7fT4\x9b|\xa1\xadf?Q\x8d\xd4c\xc8W\xb1GX;\xed\x976-\xd8\x14@\x85\x163\xcd\n5\xd3\xcb\x92\xe1N\x8e\xb5r\x07wi3\xf2\xc0\xe6\x1bX|\x1c\xa9\x92}\xb4p\xe8\xb86\xae\x9eS\x1f\xe4\xf6T"\xdd\xbe\xba\xbf,\x1f/\xc8\x11\x00e\xad,yVsVl\xe1\xd1?\xc1\xcd\xa6r[G\xaf}\n n\xf0N\xb6\xf71 \x18\xee*\x86\x99{?o\xb9\t\xf08\x86M&lt;\x9a\x84\xc6\xcf\x96y\xf8W\x80\xccCz\xcd\xbd\xc2~6\x1f\xb2\x8b(o\x99\xc6\x19\x81\x9c\xbcI\x95\x89j8j\xa6\xa1r\x9b\xb9#\xd7&lt;a&lt;J\x92\xf3\x1a\x17\xcaQC\x9a\xe7,3Q\\\xdb\xe30\xa9\xd0bf\x96\xa2\xf1\xfeu\xc6d\x92\x03\xdb\xb4P\xd3\xf7\xbc\x99\xd7\xbf\x08\xbf\xda\xa3\xfe\x1d\x93\x14/\xae\xca\xbcp\x1c\x91#Q\xf1\xd2\x8d&amp;\x8e]\xff\xbc\\\xd3\xa9\xcd\x07\xef\x04\x90\xb7Bw^\xb0I\xee?\xaa\xae\xa0\xdc\xc1]\x88\xfc\x0f=\xc7\x1d\x80\xb1RH\xc2z\xe6\xde/+\xcf\xa97\xc8\xae3\xce\x030\xccS[H\x8c\x97G\x1b\xdc\x89\x88\xdc\x1au\x9d~\xae\xdd\xd8\xc3\xcee;;\x96N\x11/\x9c\x9f}P\xbb\x1fh]1\xe8\x87\xbc\x1a\x93W\x93\x01\x8bnZx6\x97\x17\xdeUTp\x02\xd1{\xdeU5\x1e\x18\xcf\xf0Ar\x02\xf4\xe4\xc3\xacp3\xb2\xae\xa4t\x87\x97\x99\xb6\xebc\xf1\xda\xa3\xf8\x9d\xbb\x89\x87\x1c\xf35\x91r\xcd\xdau\xfay9\x85Y/\xd7k\xee\x15v\x95Y{\xbf\xe8W\xff\x1dw\x01\xa0t\xc3\tu{\xac[{\t\xa6\x05\x9bj?\x86!7?*\xc2\x86K;&lt;\xfbI\xb3m0\xc3F\xe1R\r\'\x00 r\xe4\xefs\xaf\xd2\xa7n\x8fu1]V\x99{\xc6\x89\xcd_e\xb77\x17\x00\xeb\xaf\xa8\x176\x90\x81\x8eK?Qk\xf9P\xc5\'\xc5^G\x8d\x13\x88\xf4\xf6y\xea\x8e]\xff|\xfe\xe1_D&amp;\xbc\xadB\xb6\xd5\xdcu\xb8\x18\x8b\xf7\xca\n\xf8\xc5\x8c\xa4\xfc\r\xae\xff\x01Q)\xd2\xe1\x11\xf1\x91\xd5\xadr\xef\xd2\r\'\xea~\xa0\x08\xbaL?w\xed7\x88\xbc\xc9\xa2B\x8d\xe4\xa5}\xe7_7\xd2\x89\xf5v${\xd6HZ\xca\xef\xeb\xdb\x8c\xdc\xbf\xe6"$\xd3\xdd(\xac\xfd\xa2\'\xc0\xfa+(^{\x94l\xad\x85\xff9\x94\xa0\\\xd1\xa6\x05\x9b\x8e\\\xfd\x987\xff\x15\'+\x96\xc7\xa1!\x1fKO\xa2\xd5\xf0\xbd\x9c;\xc7/fd\x8f\xd9\x97\xf8\xd3\xdb\xba=\xd6yG\x0e\xe9&lt;\xe5\xb4\xb2\xfb\xf0\x87\x82\x97X\x01\xb3B\xcd\xaa%.`\xdf^\x8d\xe4\xa5D\xf9\xc5\xd2\xb8\x19\x16\x1d\x03\xeb1\xf9\x1bm|\xda\xbc\x06\x18\tZ\xe5\xd6s\'o\x7f/Yk\x1b!\xca\x8b2\xc9\x13OH\xdf,\x11\xbdR\xb8\x99Y\xd6\x99e\xee\xe0\xaeEk\x0e%"\xca\x16\x96=\xa0]\xa1\xea\xfd\xdb\x8e9t\xf2\x9d\xf87l\x1e\xa2\x1cyq\xf2\x1dR&amp;\x9d\xd4zE\x03\xc1\xae58\xfd.\xe56*\x15\x896\x0eE\xf7*}\x0c\xbf\xc8\x9a\x8b\x00\xe3\xf4w\x8a\x92{\x8c}\xc4\x9c\x03\xdf\xab$\xcc\x93}\x11\xaf9\xfb\xbf\x055\x99\xa2\x1c\x15\xf4$\xdd\x1c\xb9\xfa1\x00\xb7\xca\xbdg\xee\xf9lH\xee\no|*\xc5\xdf\xceL\x92\xa5\x1aL\xd8\xf3\x10\x0b\x8f\xfe\xe9\xb7\xf0\x86\xf89\xec\xdd\xab\xf4\x11v\xe1e\x91^\xa1j\x83!\n+\xd9\xc3W*-\x1a\xfeu\xc6\xf0O\xa52*\x9b\x97\xaf\xd0b\x06\x14\xe9\x0cz\xc1\xbd\xb1K\x90@\xc2Nx\x87\xc5\xf5{m\xe0XB\xc5\x06Z\x00d\xabb\x8b\xe2\xaf\x86\x05\x91\xb6\xe9\xd5k\rGd@\xec\x98\x8c\x1f\xe2)\tb!\xb8N\x0e%\x93\xc8\xb2\xa2\x8e\x06=k!\x1aH\xcbAK\xef(gd\xa2\xa1:\xd2\xb0\xf1i\x03\xa0\xc5\x90\xdd\x8a\xca\x95\xe9\x08\xe0! \x9d\\\x7f\x07\xf8\x08l\xbc\x06\xe3N\xd5\x19"\x93\xd35\xb6y\x91Yy\x19k8\xe3\xc2\xbc|\xdc4\x0b\xaf\xe66\xber\xcc\xbc\xd6\xeeU\xfa\xf2%J\x0c\xc7\x90e\xf7T\xe6\xb3\xe6!\x9a\t\xfbY\x8b\xb5\x06\xa0d@5\x89\xea\xbcR\x936\xb9\xc7\xacK\x00r\x06je\xbb4Q\x8a6a\xe1\xd1?\xbc\x99\xbe\x13X\xa4\x0cQ\xfe\x8a=\x13F\x1d\x948\x85\x08L\xc5\x02\xb9\xf9\x00P\xb1\xd5\xac\'\xc0?@\x9bQ\x07\xba\xcd\xbc\xc0\x9fVVl9\x93\x05L\xb6\x16\x13\xadr\xads@I.j\xe7\xd7V?\xaa\x1dM\xa8\xb30\xf2\xe0\x135\x1c@\x99F\xc6\x9b\x9e+Q\xa8\xba\x94?\xac\xf3\xd43\xd3w\xffc\xf4\x8bj\xc5\x98u\xcf\x84B\x04\xe4 \xbf\xf6\xdc-\x05l3\xee\xdd)\x8agw\xcdO\xe4\x00F\xe6Jfz\xf0\x9a\x11Q\xcd\x8e\xcb\xa2:\xabSI\xf7\x9asEm\x99\xc8|\x96ZQ\xa6\xd1\xc4\xa6\x03\xb6\xb9\x96W\xa3W,$\xee`\xceD\xb8\x94\xeb\x02\xe0\xd27\xb5Kg0\x1d\xf1\xc4\xa3\xe4x\xb8\x85\xdd\x94\xf7\x00\x0b/\x81qa\xfc\xc6\x97u{\xack\xdco\xab\xe6.%\xec\x88\xe8\xca\x0f\x84wX\xac:2j\xa1\x0b\x05p\xe9;\x86\xadx\xc0m\x89LI?\xf6\x86\x117I\xe2\xf0\x0b\x88\x90g\xda4\xea\xbb\xb9x\xed\xd1\x01\xb1c%\x97\xad\x9emG\x1f\xcc\xe0w4+\x9f4\xe1x\x85\x163\xd4K\x99\x97\xd7R\x0f\x19H?\x99\x91\x88\x96=\xa0\x9d\xb2\xd3\x97\\R\x9b\x94\xd3\x1aG\xa07Z\x0e\xdd\xa3\xcak\x91u\xcfC\x84\xb7_\xcc|iAM\xd4=Ij0-\xd8\x94L\xcaq\xff\x9f\xff\x82\xbd\x8f\xf4\x9e(\xa8\x0ef\xa6R)h\x01\xb1c\xfd\xeb\x8c\x91(\xa0+"\x93\xd3\xa7\xee\xf8\x00E\xf4\x93(\x00\x0cZz\x87\xc8\xd5\xb1t\x8a{\x95\xbe\x06]\xd2\xaa"\xf7\xc5n\xbe\xa1\xf8\x98\x0b\x87\r\x00G\x8f\xe0\x1c\xadW\x1cV\x11\xee\x13Zs\x91ea\x8a\xc2\xb1T\xca\x96\x9bP\xb7\xf9\xbb\xd4\x1e\xb7\xe1\xc5]`\xd8\x8a\x07\x12\x94x5;.+Qw\xac\x98\x98\xe6\xe5\xef\x08\x88\x1d\xab\xab\xcf\xb5J\x9by\x19\x19\xc0\xfa!o]\xf1\x1cM}\x90\xa5h\xfc\x9e\x87\xffJlD\xd9\xcc\xce\xb6b\xcc$s\xf6\x7f\xf3\x0c\x1f\xe8\x151Hc]\x18HD\xe4\x1akD\xe2\x04f\t\xe0p\xfdOF\xcb\xd7\x06k\xa2\xfc\x1c\x03\x81\x9d_[\xb7J\xbd\x19E\x8fw\xa4f\xe0\xe4\xbf\x03\x95\x15\xb0\x10\xda\x8d=\xbc\xff)\xa6\xedR\xcb /%X8\xb4\xd5l\xe7\xb2\x9d\x05vXW"\xa7(9\x8c\xaa\x15Z\xce\xd4I\xb9\x04\xc0\x94\x1d\xef5\x02\x0fe4Bv\xcf\x8d\xfanQ\x95E#"\xf2\x8d\x1e\x11\xd5i\x85\xb5w\xab\xf0\xf6\x8b\x83\xe3D\xa2X\xf3\xd4\x05\xe3\xa4V\xc23|`f\xf2\x92d`\xd9)\xa3\xb0\xbc\xf2\xe1\xa0\xcbr?\x0bc\x92\x8b\xe8\xb0d\xcdEE5\xaa\xb4\x99\x97AX\xe8\xdeXb6m\xe1\x19w\xed\x17\x16\x1c\xf9M\x943\x9b\x7f"\x93\xc6\x04\xe0\x151\xc8\x80\xfa3\x14.\x1c6P\xf7\xa3L\xf4\x8a\x93b\xc8\xd7f\xd4\x81k\xbf\xb4\xbc\x0b\xab"-\x9c\xcat4\xf1h\xb2\xe3\xae\x11(\xd5,&lt;\x9b\xf7_t\x13@\xb5\xc4\x05D\x0eL\xcc\nP\xc4\xad\xd4\xe9\xb6\x86,\xd9\xc3/AD\x1eU\xfb\xd6\xed\xb1N\x8e\xd6\xa9\xb2K\xb2&gt;\xf0\x14\xe36\xbc\x90W\x17k"s\x13\x8f&amp;&gt;Q\xc3Y\x95\xa0\xca\xf4\xa4;JL\xd8\xf2\x06\xc0\x1d]\x96q\xb3\xf6~\xf9"T\xde\xd67A\x9a \x85C\x8b!\xbb\xe4\xe4W\xe8\x82B\xd5\x13%X\xc7\xff\x87\xa16\x16\x92\xa34C\xa7\xb3\xe4^\xed\xf0\xaf3\xe6\x8cR\x8cZ\xc9\x9f\xec\xad\xe5\x18A\x98\x96\x1b\xb7\xe1\x05\x0b\xe8u\x08L\x92.+\xad\xec\xa9\x13\\\x82R\xb5\x0e{c7\xbcP|;\xcae\t\x1f\xf7\x01H\xe8\xd1i`\xd9i\xc1`\xcc\xa0\xceS\xcfH\xf5\x03\xf6\x11c\xd7?\'*\xc3M\x05\xa6\xef\xfe\x87\xc8_\xd5\xb5,\x00\xb7J\xbd)\x9f^\xaaV\xf7\xb9y\x87cM\x8d\xa8\xfd\xec\x05B{%O&lt;\x11\xd3e\xd5\xa2c\x10\xf98\x03\xd5\xa4\x17\x88\xe8\xdf\x8b\xc9\x92\x8d\x9c\x91\xaa\xab\xc6"D\xb9\xc8\xa2\x02\x91\x0b\xa3\x11\x08o\xbf8\xb0\xfex"\x93\x1c%dp@J\x9b\xad\x84\xda\x139\xc7L\xdf\xf5)2%\x9d\xc8\x94(\x1f9\xd6\x8c\x1b\xbcSo\xfb\xfc\xbf\x8e\xf2q\xd3\xc5\xa6\xae\x1c\xaa$\xcc\xab\x96\xb8 \xa2\xc3\x92\xf7\x80~\xaa\xb7BPZ L\x83\x0f&gt;\x03\x80\xd0\xf8\xd9Y\x8a\xc6\x03\x18\xb4\xe4\x0eYT\xe84\xe54\xe5\xad\xfb\x14\x00\xb0\xe4\x04\x12\xc7\x1e\x96w\xda\xfc\x00ff\x04\xe3HK\x05\xe4 \xbb\xea\'\xde!\xa4\xc5\x0c\xa2\x02R:H\xa6\xc1\xf23\xebV\x9d\xc3\xe8\xb5O\x85\xf68\x88\xc4zd\xfd\n\x08&amp;\xbb\x03\x98s\xe0\xbb\xe4\xd5\xcc(K\xa5\xbf\x14\xde\xa9\xc4}Y\x01w\x02\xb0\xf1m\xa3d0\xd6\x05\xd9\xf8\xe1\xc1~\xf5{m\x1c\xb9\xe6I\x93\xfe\x12\xd6H)\xb0&gt;\x93\xcd\xb6\x84B\xa5\x8c\x8d,\x95M\x0b\xc9\x0e\xe9\x12A\xbe\n=\x88L\xd4b\xa7\xd9\xc7"X\x1e\x80\xe1|RyC\xba\x03\x18\xba\xfc~iU\xa2\xd3\x1c%;\xa8\x85\x89q\x11\xefjf\x83K\xdf\x91\xbb\\\x97\x0f\xc0w@\xc3\x90NDD\x96\x155\xb9\xd54\xa3)\xebt[cW\x9c1\xa5k%l\xf0e5\x19\xb5\xe6\xc9\xb6;\x18\xb5\xe6\te\xadR=q\xa1w\xe4\xd0\x1e\xb3/5\x1d\xb0\xad\xf5\x88\xfd\xeaG\xe4\xac\t\xa0^\xcf\xf5\xda\xce,\x08\xf5\xd1\x88C\x11\xca\x15}\xf8\xa5b\x84\x0ek\xbf\xc8\xc2\xb39\xe5P\x89%\xf6\x8a\x18\xfc\x14\xd0\x8f]Z\x17\x18\x8d\x03$\xbc\xfd\xe2\xe5\xa7\xe1T\xba#\x91\xef\xa0\xa5w\xaa&amp;\xcc\x0f\x88\x1d\xbb\xff)\xd4Z\x83[\xe5\xdeAM\xa6\x10\xd1\x81\xa7\xe85\xe7\xb2\xb1\xae\xae\x82|\xf5\x89\xac\x89\x1c\xb2\x16k]\xa1\xc5\x8c\xae3\xceg\xcaU\xfe-\xe4\xac\xd9{\xee\x15\rF\x08\xe7\xa8\xce+\x008\x96\x92\x08\x12\xd6\tn\xaa?\xb3\x10\xf94\xe9\xbf\x15\x80\x7f\x9d\xd1D\xee[o!\xa8\xe9\x14\x00JV\x07\xf7s\x9f!G{G\xc1~LDD\xcd%)\x1d\x18\xaa\xb6\x9d/]\xa0\xe3\xe4S\xf7\x80\xea\xed\x16\x96k6\x95\xc8\x9f(\x9bd\xa4\xb4(:\x8c?\x06\xa0^\xcf\r\x9a\xbb\x8e\xbd\x11v&lt;\x17\xaf=\xaa\xb4\x16\x07\xb0Z\xc8\x9bg\xe6\xa5\xed1\xc4tY\x15\xd2b\x86&gt;y\xcf\x8e5\xbd#\x87\xe8\xae0X\xe6\xc8+\x90{c\xcaWo\xd1\xb1?\xcb\xcf\xe0\x17\xb0\xe5\xa6\x8a0\x80N\x00\x10\x1c7\x8d\xc8\xdb\xa4`\x13\xd9nc\x9d \x9f\xcf9\x03\x0f%\'\xc1\x82BaSv|\x00P\xb6\xf1$\xcd&gt;6\xb0~\x1a\x8b\xc7\x9e\xbd\xef\xab\xec*X{T\xcd\xf8\xe4O\xbcS\x8c\x1d\xf7\x81\xaam\xe7+2ks2\xc2\x19\xb5ehn[\xdf\x04\xe5\xbaS\xc1\xa4\xb6\xff\t\x96\x9e\x04\x80Qk\x9f\x12Y\x10\x99\t\xcc\x11\xcd\xcb/&lt;\xfa\x07\xc0\xd5_\xd2r)\x1e:\rRM\xfao\x03\xf0\x08`\xa3\x1f\xb95\xbc\xf2\x13\xad\x86\xed\x1d\xb5\xe6\xc9\xf1\xb7\x80\x10\x11\xe9\xb0\x15\x0f$\xd4\xb8\xf5\x82kl\xd1\x9a\xc38KK\x91\x1aC\xc8\xb2\xa2\xca5\xb2T&amp;\xf2\x13Z\x01\xeb\x04i_]V\xb2\n\xbd\xf4\x1d\xc6\xa2\x98`+\xfen3/\x10\xd9\xb2\xfb:\xf3Q\xca"j\xe2\xd1D,\x9a\xc6\xbeD{1\'\x84&lt;\xb0d\x8f\xac\x1eU\xfb\x1a\x9f\xb9T\x1a\x16!D&amp;D&gt;DY){\x98J\xb4\x9eq\xe0|Zi13r\xe4\xad*\x04\xe5\xb9\xba\xcf\xba\x08@1"ZV r\t\x88\x1d\xcb\x99\x01W\x9d\x87\x98\xa8K\xb3A;\xe6\x1e\xfc1n\xc3\x8b#\xcaI\xa7\xf1"\xc6\x0b\xa81\x16,9\x81\x8e\x93OI\x05\xabk :u%\xe5\xa8\xc12sz\xcd\xb9l\xe9\xd5B5L4\xfb\x1d\xe0\x9dq\x92\x9a\xdc[\r\xdb\xab\xdf\x18 \x0f\xb9u2\'\xf2\xe1V\xb9\xb7.\xa3\xa6\xa3[\xe5\xde\xd1\xa9++\xc5\xcf\x99\xb3\xff\x1bQq"\x1f\xee\x15\x88\xc9\x05\xca\x01\x00]\xa2\xac3\x1b\xf9X"\\\xceR\xc9f\x85t&amp;\xc2\x9b\xbc\xfd\xfdW@S\x0f\x98{P\x05\xab\xf6\x13&lt;P\x1d9j,8\xf2\x1b\x00\x8bW\xf7\x89\x1a\xc1o\xf0\x91\xc9\xe9u\xba\xae\x19\xb5\xe6\t\x80\x1dw\x05Z\xa9C`\x92r\x00\xe6BI\x8a1\xfah\xb0\xbcv\x9b\xaa\x1d\xc6\x1f\xd5\x10\x82,\xcc\xbf\x8a`\xbdb\xbb\xaf\xd3\x9a\x07\xaf\x89\xc0\xfa\xe3\xb9\xd3\x864\x9f\x01`\xfa\xee\x7f\xec\xfc\xda\x0e[\xa1Hb\xc8[\xa1\x87\xea\x11\xfejgPr\xb1\xe9\xe1\x80p\x8e\xceS\xbe\x9b[\xa5\xde\xcb\xcf\xf0\xee-\x13\xe4TM\x0b5\xe5^\x98$\n\xcaY\xb5TO\\\xa0U\x91\xe3\xd0s\x00`\xe9\xf9*\xaa#:\xc3\xa4\xf3\x94\xd3\x00\xf4`\xfc\xc9\x1e\xd0n\xd0\xd2;\xe2\xeao\x99\x85\xde\xf3\xaeVh1\x93\xa8T\xeb\x91\xfb;O9\x9d4\xe1x\xd1\x9aC\xc9\xbd\xb1\x92\x92\xda@XS\x96\xca\xf9*\xf6 \xcaGT\xe0\xb6\xb2\xd9h\xd2\x1ad6B\xe3g\x03\x98\xb2\xe3\x83\xda\xf66#\xf7Gu^\xb1\xfa\x02\xf2\x87\n\xabj\xb2\xb6\xa1\xf5{\xd6\x1d\xd6\x9c`\x11\x87\xdf\x80,\xe1^%|\xa3Gl\xbe\x01ro\xc4Y\xeaB\x9aOW\xf3\x19\xe5*\xd3I3=\xfa?\x88rM\xa7\x00|uK\r\x08\xa7\xec\x97\xd4\x95\xdd\xa2\xe3\xa4\x93\xecY\xdd\x05\x86,\xbfO\x0e\x91l\x00\xde\xfb\x08\rzo\xd2F\x97/\x05\xb1\xe6aY\xa4\x85\xb5w\xabO\x80Z\xcet\xa6\xc2H\xb3.uTn3wp\xfa]\xad\xc9fDd^8n\xc7=\x94m2\x99\xe9\x1d\xb1\xc0~\xfb\x12\xed\x1f\x02\x1f\x81~\x0bn8\x94L"*@dc\xe7\xd7\xb6\xcb\xf4s%\xeb\x0b\xe6\x8e\x16h2`\x1b\x97\xfb\x9b0\xea\x00\x11\xb5\x1e\xb9\xbf\xd7\xdc+\x8f\x147XZH\xbe\xd0j\xea\x8e\x0f\x93\xb7\xbd{\x01T\x12f\xde\xb0\x97w\xbb"\xb0\xa9\xf2\x00`\x1c\x03\x00\xa6\xed\xfc\xc8}\xc2\x82TVyB\xba/:\xa6\x08\rN?\x89\xdc\xc1]$\x02\xf1B[\x89Q\x858\xc7L\xda\xfav\xc4\xaaG\xfb\x9fft\x19|\x897c\xc1+b\x10\x80}\x92$y\xf2Q\xb5\xed|\xb2\x92\x13;\xaa\xa2eq\xf9\x87\xf0\xb7T\x86o\x96\xd1\xa0(*\xd7t\n\xe5\xac\xb9\xff\t\xc4\xa5\xb9%\xae\x1f\\\xa1\xc5\x0c\x83Y\x7fuEv\xf6\x1e9\xb1h\xa9\x1ePg\x94\xec4\xf9\xf4\xc0%\xb7\xa1H\rr\xe5\x9a\x8d1\x93\xd3ec\xe0\x92\xdb\x1a\xef\xa5\xf4\xb0\x15\x0fV\x9c\xc5\xa4\xado\x95\xae u\xd4\xef\xb5\x81\xd5\xd9\xb1t\n9E\x19f\xdePAX\xbbE\xeac\xbb\xae\x9df\xee:\x00j$/e\xc2S\xadG\xee\xd7\x8c\xd7\xb3\xf6n\xb5\xf3\x9e\xb6\xbc\x80L\x82p&amp;\x85\n\xca6\x99\xac$`\xf1(\xd7t\nQaa\x03\x83s\xcc\xb5\xdf\xe0\xd96\xf4\x0c\xed.Yo\xdc{\xde\xd3\x8eLI\'\xcaO\xce\xd1o\x80\xeb\xbf\r\xebp\xccC(\xe206\x00\x00 \x00IDAT\xa4\xde\xa0kl\xbf\x05\x12\x19\xba\xffQXx6\xd7\x9b|\x90=\x8d\xf0\xf6\x8a\xf5L\x8f\xd9\x97\x8e\xbf\xc5\x88U\x8f\x00\x1c|\x8e\xc6\xfd\xb6\xd8\xfa&amp;h\xe3\x00/L\xaeu\xf8\\l:1\x8f\x1a\x0ffd\x1e"\x98\xbf\xf0\x14\xe0SC\xf2\x84\xa1\\\xf8\xc5f\xef\xfb\xfa\x19P[\r\x7f\xd6}\x86d\xdfc\xf6\xa5M\xd7\xb1\x9e\x97{\x96\x19\x01\x8d\xb9\xcbu\x01 \xed\xba\xc8lXx6\x07\xa0\x85\xe1S#\xb1\xa7n\x8fuY\x8a\xc6\x17\xaf=\x8a\xc8\x91\x9c\xa2\xb4&amp;\x8a\x19\x03.\xfa\xe9I\xb4\x1e\xb9\xbf\\\xd3\xa9\x05\xab\xf5\xe3,\xab\xfa\x0c\x00\x92\x88N]\t@I\xe0\x03\x8eU\x03\xb2\xf8x\xc5\x91\xa3\x06\xfb\x9e\xf5:X]S\xc8\xacP\xd3^s\xaf\xfc\x11\xbbq\xd3rY\x8b\xb5f&gt;\'"+\xdfh\tqo\xcf\x0cB\x18Y\xcaND\x94\x87\x1b\xdd\x01\xcc?\xf4\xd3L\x9f\x98\x9ab\x94\xbf\x01\xd9Uo9t\xb7\xd0\xde\xbc\t\xa3\x0f\x02\xf0\x0c\x1f\xa8\xfb\x993\x1d\x91)\xe9\xef3&amp;dY\x86,\xbbG\xb9k\xbf\xc8\xd4\x0f\xbf@\xc3?\xca\x07\xbe\xf3\x1ecu\xe0\x8c\x812\xe4\xe4$\x90\xbf\x81\xea\x17\xf4\xf7\x16\xbb\x1c\xd6]\xc6\x90e\xf7\x1c4\x93\xe6\xa54\x9bKKj\x17\xba\x89l/\xe1Q\xb5\xafT\xd0\xb5E\x05\xf64\x8e\xbdV&lt;\xed\xc6\xfd\xb6B\x19\xa1\x06\xa0R\xfc\x1c\xa2,\x136\xbfV\x1e\x90\x8d(\x07Q`P\x93\xc9\\`/\'\xda]\xa4\xc6`\xf1\x1af:\xb8/T\xcc\xe3Y\xb4\xe6P*\xd0\x80o\xbc\x9c\xb0\xe5\r\xaf\xf3\xb7\xb9\xad#\x89\xa6(J\xd4\x1b\xd7w\xc1u&amp;\xbc\xaahmB\xfa\xde\xd9\xfc\x13\x15*.\xae\xb1\x8d\x05B\n\xb5\x9b\xbfo\x02\x9c\x9a\xde\xbf\x80la6&gt;\xad\xb5\x0eH&gt;Q#\xd4\x19?\xacC\x0bU\x1f\x10\xad\x10I-\xfdG\xb1\xf2\x93\x80\x0e\xde&gt;5\xd8\xfa&amp;\x10\xe5\xf3\x0c\x1ft\xe0)\xce\x7f\x01Qvrk\xa45\xea\x87\xc3; \xfd$\xda\x8c\xdc?G\xb9\xf6\xdd|\x03DE\x85\xca:Kdl\xdb\xf8\xb4I\xdb\xf4*\x9b\xbf@\x003KR&lt;\xfbI\xd1T\xc2;,\xae\x91\xbcT2&amp;B\x02\xa6\xdc\xa8\xc6X\xe9\xa5EF\xe5c\xd4\x9a\'bB\xc2DD\xe4b\xe5\xddR\xd9\x12\xe4\xc7\x03\xdbj/BDD\xe7\xbf(\x1e\xce\x9c\x03\xdf#S\xd2\xa5\x82Z\xe5S&gt;e\xa0l\xf3!\xbb2\'\x1a\xc88H\x1cs(_\xc5\x9e\x00(?\x8f\xab&lt;\xf3\xf9\xa5UF\xc7\x1c5\xa8\x00\xa3=1\xd4\xf8\xa4l\'&amp;DT#yi\x9e\x90nY\x8b\xb5.Qw\x9c\xb4\xe8H\xf2\x84\x13\xc6\x9a\xf8n\xba\x8e\xa6\x03\xb6\xe9\xe6_\xb4\n\x058\xff\x8b^YLB`\xac\x9f\x008\r\x89|\x15{\x96\xa87.\xb0~\xda\xb2\xd3\xa8\xd7s\xbdP\xfa\x8c\xc9\xd8\xf5\xcf\x01\\T2r\xb8U\xee\xc3\r4=fi\x99p\xc7v_kh\xa5\x9djEuZ\xa1\xba\xc9\xb2~\xaf\rdW\xbd^\xcf\r\xa6\x05\x85\x13\xf4\x05\x01I\xd1*\xbdaG\xd9\xc2([X\xeer]*\xb4\x98\xf1\x0f08\xfd\x9epA\xf3\x10\x8f\xaa\x8cT!\xabc\xe9\x8e&gt;Q\xc3e\xf2\xb3\xf0\xa0%\xc5J\x0b\xb4&amp;\\:DJ\xa4\xf7Xx6\xdfr\x13\x93\xb6\xbe\x95\xfe0:N&gt;\xc5S\xa7b\xc8\xe9V\xb9w\xaf\xb9W\x18\t\xc9\xde\xc7\x00\xa3\xdc\x12H&gt;\xcbJ\xe4W\xb9\xb5~$\xc3DDyB\xba\x11\xe5,Yo&lt;\xeb\xc4)W4Q\x19!\xf5!a\xd4\xed\xb1\xee\xec?\x8a\x85\x17\x80y\x87~\n\xfa\xd8\xec\xfc\xdaN\xdc\xf2\x06\x00\xe5\xabW\xb7\xc7z\x95\xbc\xbd\xeca\xd5\x12\x17\\\xfe\x0e\xe5,\x95\xbbtA\xf6\'\xac\xfd\xa2s\xff\x80\ro\x91\xc9\xe9\xfa\xe5\xa1yT\xed\xdbv\xf4A\xb2\xa8\xc0-P\x00\x8c\xdf\xf8R\xb0\xf0\x82\xc3\xbf\x06-\xbd\xab\xfd\xa49j(;)\xab\xae3\xce\xbb\x96\xef:y\xdb;q\xe7k\xa0\xb2c\xd5\x9e\xaa/p\xa9\x92\x1d$\xc8\x17\xd9\x99\xfb\xcc\xbf\xa6\xed4\x9e\xddgjg\xe32\x06\x8c\xab\x7fN\xff\x03\xc9\x87\n9K\xc3\x96\xbfDD\x94\xcd?\xb1\xe7\x9c\xcb|F\xb96\xa3\x0e\xc4v_+!\x17\xd1\xa8\xeffe\xeb\xd2Y#O\x13Y\x8b\xc5\xeb\xfa\x06\x0bT\xea\xdda\xfc1\x05\xab\xa2h\xe2r\t\xb2\x0f\xd7%\xcc\xcd\x8f\x1b8C[\xcd\x9a\xb4\xf5-\xb97"\xb2\xddr\x13D\xfe\rzoL\x99t\xb2I\xff\xad\\G\xc1\x81[\x1f\xd7\xea\xb4\x9cm\x01\x0f\x1cm\x88\x10\xcc\x19\x01\x83\xde\x08\x88\x1d{\xf8%\xfcbF\xa9m\x9f-_\x9c\x94\x87\xedw\xb0\xe8\x18\x7f\xec\xc8/ZT\x17p+\x00+\x9d\xb2\x03Y\xb0I\xde\n\xdd\x8dR\t\xa3\xc0\xbf\xce\x98{R\x83k\xce\xee\xb3.v\x18\x7fT \xd5$W\x94X\xb4\x0eC\xd5\xb6\xf3=\xaa\xf6eO&lt;~\xc4&gt;\xd6t\x8e\xbeb\xdfX\xc6\xcc\xd4\xacP\xd3\xda]\xd7\x88\'\x80J\xf7\xf5\xbe\x94\xbb\xce\x82#\xbf\x94\xbdF\xe9!\xcb\xee\xe5\t\xe96c\xcfgi\x0eN\x0e\xf7y\xcd\xda;r\xe8\xb2\xd3\x00\xa0\x1a\xf6\xec\xec\x151\xd8\xaex\xdb\xec\xfe\xed\xae\xfc\xc4\'\x80(O\xa9\x06\x13\xe6\x1f\xfeEDDyS&amp;\x9d\xac\x9a0o\xcbML\xdb\xf5i\xdbm@H%-K\xd1\xf8\xc0\xfa\xe3s\x94\xe8\xa0\xd7\x04_\xe1Di1d\xb7\xc6\xe1eE\xe4%\xec\x01\x9c\xfa\x00\xe7\xa0\xce2\xd6\xa0&gt;D.\x8b\x8fa\xdde\x90M\x15"\x87\x8a-g\x89t1\x96\xca.R\xb4\x8f.P\xa9\xb7\xc8\x17\x91E\xb1\xc0\xd5\xeb3\xe6#"iI\xf7Y\x17\x8d\x17\x18o\xe9(\x10\xba\xa2-y]g\xf8v\x9fu1K1\xdd\x92\x97\xca4\x9e\xa4\x98\x1c\x9b\x96\xab\xdav\xbe\x81*\xf7\x7f\x19\x85\xc3\x06\xf2\xc8_Y\x1e\x97\x8f\x04\xb1(\xf7\x19.?\xa3\xff\x82\xa9\xe3\xe4SdU1\xac\xfd\xa2\xc8\x14M\x1e\\-h&gt;xg\xb3\x81\xdb%MqV\xaf\x01\xb2\xa9*\x9dN3i\xdb\xbb\xa5\'\x15\xb7\xc0\x19\xbd\xa0\xc8eb\x04\xe9\xc4e\xfd\x0e]\xfe`\xd1\xd1?\x8d\xfbmQ;\x89r2\x8fkJ\x7f|\xe1\xb0\x81\x943\xb2p\xd8\xc0\xd7\x19\x9d\x80:c\x86sP\xe7W\xc0\xc5ox\x0f\xbc\x05\x88\xec\xaf\xfd\xc6\xba\xcb\xe0\xae+\x07w\xb9a^\x12\xc5k\xab\x8f\xd0D$&amp;`\xac\xb0G\x9a\x04e\x1e\xf1\xa24\x8a\x90Yy"\xaa\xd8j\xd6\xb6;\x10\xa2\x83\xfe\xf7\xe0\xd6\xf0\xd4\x07\x90\x9b@\x18z\x89z\xe3\xa8@C\xf3\xc2q\x8e\xa5;\x12\x95\xe5O\xbb\x8a\xd4\x18\x02\xa0\xed\x98CZN\xce\xeb\xc5f\xed\xfd\x02\xe0\x15p\xf8%\xe4\xdb\xd6"\x92\x96H\x98\xadB\x9a\xcf \xb7F\x00T\x04j\xb2\x87\xdf\x07\xe4\xf0:\x91\xf2\xb3\xffG9\xe8^\xfa\x0e\x00\xcfx\x8d/\xb8\xd94\x00\xaf\x81,\xc5\xe2\x01\x1cy\t"\x1a\xb4\xf4\xcem\x80(\xff\x98\xf5\xcf7^Ct\xea\xca\x96Cw\x7f\x058yA\xa1\x1c\x15{\x99\xb7\xac\x86\xa8\xce+\xd9\xe2):u\xe5\xe6\x9b\xd0\xaa\xa7FDD\xd9\xd36\xbdj3r\xbf\xd2s/\x98\xc5\xae\x82[\x00\x80\x92\xf5\xc6\x93c\xcd)\xdb\xdf\xcf\xd8\xf3\xd9W\xdd\xa4AD\xb4\xe1*\xde\x88\x7f\x99\xf1\xc3\xf7\xbd\x03&gt;\x02yB\xd4\xa7\x98\x96^-\xd8\x93\xa9\xd4z\x8e\xda\xae\x80\xd8\xb1\xda\x98\x92T\xd0z\xc4~\xca\x15m\x0cN4""\xdf\xe8\x11\xaf\x81\x98TM\xbf\x94\x93\xb4\xe2\x85lX\x13\xf9\x89\xd1j\xca\x84c\xe9\x94\xd9\xfb\xbf\xd5\xeb\xb9\xde0.\x1a\x7fC\xea\xa0+\xaa\xb5]\xa0aJ\xb1\x9a\xb0\xe5\rQ!\xa2\x82\x9aZx\xecC;\xf9\x1ez\xf3\xf2zG\x0e\x85\x82P\xdd\xcbX\x14\xe2D\xc4\xf5$\xac\x01\x8b8G\x8a\xf3\xba \xa7\xc3/@6U6\\\xc5\xc9w\x00p\xfd\x0fF\xadyB\xa6\xea\x8cC9\x03\x93\xb9Y\xa9S\x19\x95Y`\xd2\x04\x85\xe5z\xdbm\xb1\xcf-\xcfG\x8d/\xb1`\xd5~\xec\xa8\x05\x87\x7fY\x15iAD\xe4R\xbb\xd9\xc0\xedDN\xf2\xef\xf6\xad\xbc\x01\x98(\xbb\xd0\xec\xbf$\x91\x99\x86\xe5\xbf\x84\xf6\xf9\x90m5%\x85\x99(\\\xa4w34\x1b\xb8\x9d\xb7z\xb0\xee:\xfd\xdc\xbc\x83?\\\xca\xa5*Cj==\xc3\x07r\x0e\x06\xaf\x88A\xa1\xadf+\xe8y\xff=\xf4\x98}Ix\xe6bW\xed\xeaO\x9c\xff\x82S\x1f\xd0g\xfe5\xff:\xa33zO\x9b\xaa\x90!\xc0\xae\x81\xbcT\xa0\x01\xb9\xc6\xcaw\r\x12\x91D\xf0\xe1\xce{\x8c!D}\xf5\xec\xa2\x85\xc1\x80\xe7\xdfu\xaa\x05\xe0\xbe\xb2\xb55\x1d\xb0M\xbd\xf19E\xb1-l\x01\xcav\xf9\xd7\x19=i\xdb\xbb\xea\x89\x0b\xaf\xffF\xe1\xb0\x01Ek\x0ec\xb1\xe2\xa7?\xc2/fdX;#\x84\xe3\x95k:\xd5\xb4`\xd3,\xc5\xe2\x7f\x01\x1d\xc6\x1f%\xa2w\xec\xeaf2\xba\xa7\x02\r\xb8ywv\xffvIr\x12:m\xaa\x96\xa8;\xaeq\xbf\xad\x1eU\xfb\xb2\x03K\xd4\x1d\'\xd4\xdd\xe7g3\t!Ww\xf6\xfe\x8bn\xde\x04\x1e\x03mF\x1e\x10X%\x0b\xb4\xb1\x00"\xfb\xba=\xd6u\x9ar:G\x89\x0eb\xd3\xe7\xccF\xbbqG\x04\xd6=\xba\xcc\t$\xd0\xa0\xf7\xc6\x80\xd81s\x0e|\xd7/B\x90\xc1\xda\xbb\xd5\xe9\x8f\x8c\x995C\x89\x88\x89[\xb7\x19y\x80\x17q*\x05N\xe5\xc6\x00\xd8n\xba\x0e\xde\xb3\xcaW=q\xa1\x1a\xf5\x10\xbf0Q.\xf5\x99h\x9e\xba\x9b\xae\xcb\xec\xdf\xf5AD\xd2\x12}i\xae\xb3\xda\x07\xb4\x17\xb4~3\x1f"/\x00B\x0c\xbcQ\x87\xb7V\xa9\x9a0\x7f\xfb]\x90y\x08\xe5\x8c\x9cw\xe8\'g\x83]\x7f\x05,\x80\xe8\xb7\xca9\x15\x8fk\xc9\t\xc5S\x12\xf7\xda\xd8\x01\xd0L+-^{T\xc3&gt;\x9bs\x06&amp;\x17\xaa&gt;@\xb1In \xa4\x02=\xe7\\\x06\xf0]\xf3N\xe5-^K\xd6\x1b\xb7\xf4$|\xa2F\x94R\xe5\xf6\xd2\x02\x87\x1a\xdax^\xb3T\x96\xa3\xe5\xbe\xe2\x8c\xa2\xf3*Rc\xb0\x7f\x9d\xd1\xa7? Ql\x99h\x16\xcc\xf5\x92:T4\x13\xd0|\xf0N\x9e\xa2\xb2\n\xf2\x87\xf6b5\xdcrS\xba\x92\x05\xc89:3\xea\x96\x19\xe0\xa7\xd9\x99\x15j\xa6\xf6\n\x12\xc7\x1e\xae\xdf\x8b\xcf\xa3d\xcf\n0\x070\xcb\xd0\xf0\x8e\x1cb\xe3\xd3f\xebm\x00\xe0\xd4I\x01&amp;\xeeagHWK9k\x1e|\x8e\xf3_p\xf5\'\x00t\x99~\xee\x13\xf0\x11 2S\xd6\x93\x9b\xccZ\x8a\xda\xeds\xd6\xd4\xb7i\x15#\xbb\xea\xec@\xb7\xca}~\x8b\x1f\xdea\xfc1\xe1\x08\x97\xacU\x88\xcc\x89\x1c2\xfa2\xcb\x8an\x95z\xf3J\x98\xc5\r\xdeI\xee\x8d\xd2O\xe1\xc2\x17\xb6\xf4\xccN\xe4Gd)C\xe8I\x0e\n\xd4\xeb\xb9^3\xa9C\x98}\xfeoap\xfa\xdd\xc0\xfai\xf3\x0e\xfd\x94,\x15(\xb1\xc0]s\x11\xfb\x9f\xa8\xa4\xcf\xce?\xfc+W\xd9\xcek/\x01\x00\xb9\xc4\x08\x1d\xc4\x8f\xa5\xb2}\x08\xcc?\xfc\xcb \xb9\xbd|\xf5\x01\x94j0\x81(\x17Q\xa1\x86}\x94^[\rz\xd1\x12u\xc7\t\x19\x81\xdc\xc8&lt;d\xe59\xc4\x0f\xdf\xab\x7f\x1d2\x01\xc7\xde(&gt;\x96\xd3\x1f\x05\xe5\xe3\x8a\x109o\xb8\xaa\xe5\x83\xaa\xd8r\x96\xd8.\x00&lt;&amp;y%\xd1\xa3"uS\x85a\xf0\x1f\xc0\xc6\xb7MH\x8b\x195\x92\x97j\x90I\xa9\'\x92\x14\x08\xed%HQp\xe6\x13\xf4c\x91cp\xaf\xd2\x87\xd7{\xf0\x03\x17\xb4\x8a\xa9\xbb\x12Q\xc5V\xb3\x0e\xf2\x08\x03\n\x87)\xe6\x01\x03\x17\xdf\x8e\x13\xa1\xcc\xbb\xfa\x0b,\xfc5\x971&gt;R\x93\xc4\xb1\x87\x9b\x0f\xde\x95\xdd\xbf\x9d\x8dOkI\xb7\x8d)\xc0|\x8a\xfa\xca:\x1a\x86\xc8\x94t\x96&gt;T\xb3\xe32Ie\x9b\xbc~1\xa3:M6\xa6\x0e\x8c$\xd4\xed~\xb2\x85\xbb\xb9\xc9`v\x19Z].\xca\xc5D\x1e\xad\x03U\x89\xbac\xd36\xbf\xbe\xf0\x05\x00\x8a\xd6\x1c\xca\xb8\xc8?@\x1ds3\xf8\x84\xf5\xcc\x17d*\xdf\x0c\xac\r\xef~\x80k\xbf\xb1\xec4\x88\x02\xd8v\x99JML\x7f)c\x16\xac\x0b\xf2W\xec\xc9\x98q\xb4\x93\x19\xd9G\xb4\x18\xb2K\xfe\x99K7\x9c\xd8m\xc6y\x00\xe5\xe3\xa6s\xae&amp;\tY$=\x908\xf6p\xd5\x04\xb9\x01\xf0\xfa\xc2)k1\x9e\xed\xc7\xb6*KG\x9c\x7f\xf8W\xbd\x9e\xeb\</t>
        </is>
      </c>
      <c r="E121" t="inlineStr">
        <is>
          <t>&lt;class 'numpy.ndarray'&gt;</t>
        </is>
      </c>
    </row>
    <row r="122">
      <c r="A122" s="1" t="n">
        <v>120</v>
      </c>
      <c r="B122" t="inlineStr">
        <is>
          <t>steps_per_sec</t>
        </is>
      </c>
      <c r="C122" t="n">
        <v>1800</v>
      </c>
      <c r="D122" t="inlineStr">
        <is>
          <t>5.372976</t>
        </is>
      </c>
      <c r="E122" t="inlineStr">
        <is>
          <t>&lt;class 'numpy.ndarray'&gt;</t>
        </is>
      </c>
    </row>
    <row r="123">
      <c r="A123" s="1" t="n">
        <v>121</v>
      </c>
      <c r="B123" t="inlineStr">
        <is>
          <t>Loss/localization_loss</t>
        </is>
      </c>
      <c r="C123" t="n">
        <v>1800</v>
      </c>
      <c r="D123" t="inlineStr">
        <is>
          <t>0.03910853</t>
        </is>
      </c>
      <c r="E123" t="inlineStr">
        <is>
          <t>&lt;class 'numpy.ndarray'&gt;</t>
        </is>
      </c>
    </row>
    <row r="124">
      <c r="A124" s="1" t="n">
        <v>122</v>
      </c>
      <c r="B124" t="inlineStr">
        <is>
          <t>Loss/classification_loss</t>
        </is>
      </c>
      <c r="C124" t="n">
        <v>1800</v>
      </c>
      <c r="D124" t="inlineStr">
        <is>
          <t>0.47936803</t>
        </is>
      </c>
      <c r="E124" t="inlineStr">
        <is>
          <t>&lt;class 'numpy.ndarray'&gt;</t>
        </is>
      </c>
    </row>
    <row r="125">
      <c r="A125" s="1" t="n">
        <v>123</v>
      </c>
      <c r="B125" t="inlineStr">
        <is>
          <t>Loss/regularization_loss</t>
        </is>
      </c>
      <c r="C125" t="n">
        <v>1800</v>
      </c>
      <c r="D125" t="inlineStr">
        <is>
          <t>0.031653497</t>
        </is>
      </c>
      <c r="E125" t="inlineStr">
        <is>
          <t>&lt;class 'numpy.ndarray'&gt;</t>
        </is>
      </c>
    </row>
    <row r="126">
      <c r="A126" s="1" t="n">
        <v>124</v>
      </c>
      <c r="B126" t="inlineStr">
        <is>
          <t>Loss/total_loss</t>
        </is>
      </c>
      <c r="C126" t="n">
        <v>1800</v>
      </c>
      <c r="D126" t="inlineStr">
        <is>
          <t>0.55013007</t>
        </is>
      </c>
      <c r="E126" t="inlineStr">
        <is>
          <t>&lt;class 'numpy.ndarray'&gt;</t>
        </is>
      </c>
    </row>
    <row r="127">
      <c r="A127" s="1" t="n">
        <v>125</v>
      </c>
      <c r="B127" t="inlineStr">
        <is>
          <t>learning_rate</t>
        </is>
      </c>
      <c r="C127" t="n">
        <v>1800</v>
      </c>
      <c r="D127" t="inlineStr">
        <is>
          <t>0.05788</t>
        </is>
      </c>
      <c r="E127" t="inlineStr">
        <is>
          <t>&lt;class 'numpy.ndarray'&gt;</t>
        </is>
      </c>
    </row>
    <row r="128">
      <c r="A128" s="1" t="n">
        <v>126</v>
      </c>
      <c r="B128" t="inlineStr">
        <is>
          <t>train_input_images</t>
        </is>
      </c>
      <c r="C128" t="n">
        <v>1800</v>
      </c>
      <c r="D128" t="inlineStr">
        <is>
          <t>[b'640' b'640'
 b'\x89PNG\r\n\x1a\n\x00\x00\x00\rIHDR\x00\x00\x02\x80\x00\x00\x02\x80\x08\x02\x00\x00\x00\x83\xaf^t\x00\x00 \x00IDATx\x9c\xec\x9du\x80\xd5\xc6\xd6\xc0\xcf\xba/\xeb\xee\xb0\xc2\xc2\xc2"\xcb\xe2\xeeNqwwhK)\xb4H\x81\x16(\x94B\xdd\xdd\xdd\xdd]^\xdd\xfb\xd5\xdd_\xe5U^\xfb\xce\xf7Gnr\'\xc9\xccd"Wvw~\x7f\xec\xe6N&amp;3ss\x93\x913G\x00Z\x1c\xb1\xa1n@\xc8\x18\xbf\xf1\xfa\x80\xd7\x11\xd3\xd7\xd3\xe2X?V.\x12\xc4\xd5\xccg\x97\xd0\r\xa0\x01\x11\r\xa9\xca\x85\xdaG\xb2\x04D|\xf9?d\xfer\xbb\x8d.\xe8}4\x00\x90\x8d74`\xc6\tw=\xfd\x9d\xbf\x01\x0bv?Hd\x8b\x81\xbc\t\xca\xf1\xe3_\xeb\xaeBD\x80j\xff\xe7\xac1ZzR\xddb\xb2\nD&lt;\xf6\xbcW\x01\x00"{\x9a\xbf;\x00\x00\x14\x01@\xd9\x80\xe3\xc9\xa4;\xdeA\x80F"\xa1P\xf9w\xfb\xdb\x08\x10\r\xc9\x83\xe9\xdf6~\x00=\x9dE\xfc\x00F\x93\x14:p\xcfJ$\x12;\x1c\xb8\xf5k\xc8\x1d\x1f\xeaV\x10\x94O\x0fu\x0b$\x1e\x80\x88=f\x9e\xc1&gt;\xdfY\xf9\xf7\xf6\xff\x10\x00n}\x13\x01`\xc8\xb2K\x88\x0c\xc9\x8c\x8e\xbe\x15k\xb4\xbe\xf292\xbd\xa2a\xeai\xeaq\xb1&gt;{\xfd\xce\xab&gt;\x00\x80\xc5\xa7&lt;\x02\x90\t\x00\xf1m\x17\x00\xa4\x1a\n\xfc\xcb_K!d\x8d\xd6\xd2\x01\x00r\xc6\x02Tv\x9c\xb0\x97l\xc9\xde\x1b?\xa7\xb5\xb6\x07@)\x00\xe4\xf7\xdc8\x7f\xd7\x03jb6@!@\x19-\xbf\xbf\x01\xea\xdfn\xda\\$\xae\xed|D\x84\xd4a\x9c\x0b\x051\xcco\x0c\xe9r\x88\x95H\xec\x92\xe6\xe2\xdaV^5\xc251\xf2\xe5o1$q\xce\xe54\xaeK\xed\xb8\x0c\xa0\x93\xf1D\xd6\x18\x80\\S\xf6\xa2\xd8\xeay\xeaq\x0c@\x19@)\xe4\x1f\xa5\x9d\xee7\xff&lt;\xed8\xa2b&amp;1\xbcik\xdfDS\x8a\x9f\xc8\xd6\xb3\x00\x00b\xfa\x96\x0e\xd8\xac\xa6\xd5\x00\xc4\x98\x9b\x9d\xd8n!@;\x00P\xc7Wr\x1aQ\xf4\xb1\xd5\xd8F\x9c\x8d\xd7\x12\x17\xecy\x08\x00 y\x88&gt;o)@\x0fSi\x1dMEV\xe9?\xe6\x03\xd4\x03\xe4\x8b4\xe3#\xf9&amp;J$\xe1I\xcfY\x9c\xc5\x8ds\x9a\xdc\xe8\xfb\x7fM\xad\xc1a\x892\x92\xd5\x18\x93K\xa7Q\xf2\x16N\x02\xab\xe7\xa4|\xd0\x16V\x9e\xf7}\x89\xe5\x90:l\xe0\xa2\x0b\x01\xda\x7f\xabfCD\x80t\xf5\xaaj\x00\xf8\x03q\xe1\xc9\x0f\x1b\x8b\xc8\x1e\xcb\xfb*~2\x01\x00 \x8eH\x89\x8c\xab\x99gnU|\xdb\x05b\x05z\xc6\xb5\xffBr\x80\x17\xa0\x14\x00\n\xfb\x1c\x13\xa0\xf6H$\x12\xdbl:\xff\xb5P7!\xf4pG\x82\x8c\xe0\xb5#\xc4\xa4Zg\xf1\xc1\x91\xb5\xe4\x9bRD\x06\x89.\x00\xb5\xd4\x92\'\x1e{\x13\xf91\xa6z\xaer@\xfcd5mG\x9d\x84\x88\x00\x95\x00\x05\x88\xf8\xb3n0vG\xee8\xdam\xa96\xa5\xd4\xba\xadH\x00\xfe\xd7y\xe0c\xe5lwV6D\x04\x88\x0c@\xbb$\x92\xb0\xe7\xcc\xfb\xfe\x1d\xea&amp;H\xc2\x90\xbc\xd0U\xdd`\xf8\xfc\xe47\xbc\xfe\x9d\xab\x81e\xcd\xa4co\xe6\x9cET\xf4\x92D\xe6:\xf9\x00Y\x88\xa8\xbfum\xf4E\xf9\x18\xb0\xf0\x02\xb03\x0c\xb3\xb6\xab\xcdI\x85\xbd\x8f\x01\x80m\x97\xbf\'XrPH\xb4\xca\x90\xce\xdf/\x90H$\xee)\nu\x03$n\xa0lI\x06\x8b\xe0-\x8f|C]d\xafs\x1e\xfc\xcd\xfe\xd5\xe9\xbe\xffI\x0c\x85aS]\xdc1\xb8\xb39\x7f\xeb\xc1\'\xf0\xcb\xcc\xed\xbe\x1e\x00\x00\xda^\xf4\xf8\x7fE\xda\x00\x89\x83,\xb3\x8c\xdfx\x035}\xe9\xfe\xc7\x85\xaa hr{@\x12\x89D"\tcR\x87\xd2R\xeb\xdc\x16\xeb\x1f\x1a\x1b\xfc\xd2\xe62\xda\xbeu`\x18\xb4\xe4"\xf2\xe3%O\xfcm\xc8\xf0\rO\xa4\x0c\x00\t\xe6S\xbb\xae\xf9\xc8\x8b\xa6I$\xcd\x8a\xd6\xa1n\x80\x05r\xe2,LZ\xa8\x1b\xe0\x98\x0ev/\x98\xbb\xf3\xbe@\xb4\xc3AK\x00\x00 \xd9\xdbF\xa8[\xa7V\x14N\xa4&amp;#\xe2\xa3_ @[\x8f\x9a\x93\xac\x0e\xa8\x8a\x8ax\xe5}\x1f:y%\xe5\x8b,\x91H\x9a1\xe1&gt;\x97rG\x1b\xeb,-\x96\xa2I\x82\x19\x7fA\x84\xec1\xee*\xe3\x8c\xeb&lt;G7g\xde+5N$\x12\x89\xa4\x99\xd0\xa4\xfd\x9a\x95\x84\xa4\xd6@/C[\x0f9\xc1\xacI\x07\x00\x00)\x00\x95\x9c\x0b\xe5\xfaX"\x91\x84\x80\xbfL]\x8f\xec\x8c\x9a\x08\x9eH\x9e=\x10\x14\xef\xb8\xf2\xff\x04s\xb6\x19\xba\x8d{\xde\xa8\xfc\x15L\xe4c/\x91H$\xe1C1\xf3L\x01}\xfbS\xc2\xc7r\x90s&lt;\n\xae9\xfdYS\x9a\xb8\r\xb7\xdb\xda%\x12I0\x91\xb6\x83\x12\x8f1\xf4\xfe1Us\x03P\xbe\xa5]l@h"\x03\x9b|\xa9%-\x8b\x14\xf5\xa0]([!\x91\x04\x8f*\xf6\xa9\xc0\xeay\x9d\xff\xc8\x1f\x1e\x97\x18\xdd\xc7\x93b\xa4\xd3S\x89D"qm?\xda\x82(\x0bu\x03l\x12\xd5\xcbf\x9b\xb3\x02\xd4\x103!\\\x1f\xe7\xf5\xdc\x10\xaa\xaa%\x12\x89D%\x85\xea\xd2A"\t4]\x02T\xee\xd9\xf7\xff\xa2\xf9\x05+\xea\xbb)@\xb5H$\x92`!\xe6\xe7\xafI\xd2\x04\xb5\x8a\x94P\xbb\x12\t\x0b\x83G-\x00\x00\xc82\xab\xfdK$\x92\xf0\xa7y;\x9a\x08\x7f\xba\x11\xc7\xd9!k\x05\x00hat%\x01E\xc0Y4\rS\xf0G\x89D"\x11\'\xbd\xf3\xcaP7A\xd2R\x89\xeb\x1f\xea\x16x\xc0\xc2=\x0fQR\xe3\xfa\x03$7\x11\x95l\x89D\xd2\x92\x08]\xc7d\xdb^3lp\xe6\xbaYbIn`\x8aM\xb2\n\x03%\x91H$!\xa3\x89\x8e(\xc1S\xd9\xf5#\xec\x00Y\x12&gt; b0CLJ$a\x8b|\r\xc2\x90WC\xdd\x00\xdb "\xc0w\xfa4J4:\xcf\x89M\xf68\x06\x91\xc4+\xd45n\xde\x81[\xbf6\x9c\x8a\x88\x88\x00\xf8_\xf0\x9b$\x91H$\xa1"\x87\xfc\xb0\xe8\x94G&lt;,\xfa7\xe9\xcbZB%w&lt;\xeb\x8c|B$\x12I\xd8a\xd51\xc5\x05\xacf\xa7{~Q\xbd=mFH\xc8\x0bu\x03\xe8\x88\x8dR\xadh\x89\x91mG\xed\xf2\xb85\x12\x89$l9\xe7\x81_C\xdd\x84&amp;\x8f\xa3eA\x8e)\xa5\xf6\xe2\'\xfe\xf6\xa05\x81R\xc3\x91\xb8\xc1\x83\xbd\xf6\x94\x8eK\xdd\x17b\x07i=(\x91H\xc2\x0b\xea\xc2\xc5\x92\x14\xeb,\x003O\xbc\xcb^\xa9\xd9c\x9d\xb4\xc5H\x13R\x1f\x0b\xac\xcfg\x89D"\t(\xbc\xd8\xda\x01"\x04\xfbF\x19\xa3\x82]\xa3\x17 \xa2\x7f\x8c\x89\xea\x15\xb8\x8a\xd2:\xad\x08\\\xe1^\xd05\xd4\r\x08\x0b\x96\x1fx\xd2\xe6\x15\x8eu\xe8d8#\x89D\xe2-9\xe3\xbc,\xadl\xba\x97\xa5\x11\xf4\x9d\x7f\xae\xd3Kk\xbdlG\x18!\x07`\x8d\xc0\xcb\x81\x93\x87&lt;\xf5\x1dc\x8a\x1c\xd37\xe0\xb5K$\x12Ip\xc8\xefut\xa8\x9b\xd0T\x88\x81\x88\x1e\xa1nC`\xb9\xfee\xaed(y0\xa4\x0c1\xa4\xe9\x1dy\xa6\x19\xceN\xdat\xb3\x17\xed\xb2EE\xd0k\x94H$-\x97(7\x17\x0f^z\xb1W\xed\x10\xc3\xd9\x8eu\x0b$:\xd4\r\xd0\x81\x88\x96\xcat\t\xed\x16\x06\xa71\x12\x89$hH\x87\xecaH\x08v\xeeCMz\xa8\x1b\x10\xee|DW\xad\x88\tv;$\x92\x16J\xa0\x9c\xbfGxU\xd0\xc3\x9fK\xb3}\x89\x13R;.\xe3\x9e\xf7\xec\x11uJ\xc8\x1b\x10\x1ed\x8d\x01\x00\x80\xd8\x107C"iFt\xb3\xce"\t_4U\xd8\xb6\xa1l\x85\tR\x19\xbeI;T\x1a\xb8\xf8\xc2P7\xc1s\xccr\xaf\x02SJ\x99\xf92\xe5w\xec9\xebL\xef[$\x91H$\x920 3\xd4\r\xd0\xd1\xa4g\x0fN\xc9dDC\xea\x0e\x90\x1f\x82\xe6H$aB\xe3\xf4\xc3\xde\x17\x9a:\xcc\xfb2!&gt;\x00eJ\x02JZ\xa8\x1b\xd0\\i\x1a\xceOLB\x8b.\x94\x0c\x91\x014X\x97H\xc2\x9d\xa0\xcd\xc7W\xd8v\x0b\xa0\x83\xdbN\x19\x1e\'LY}\xfa\xb3\xa1n\x82$TD\x19\xdf\xd9\xe6\xe0?\\"\xf1\x94f#\x10k6_\xc4S\x8aC\xdd\x00oHl\xb7(\xd4M\x08\x1e\xf2I\x96HZ\x0e\rA\xab\xa9\xcb\xe4\x836rG\xf5z\xe0\x13/{\xa2\xe4\x0eK\x0c)=gK\xed\x8f\xa6\xc1\xc9\xd7\x7f\xaa\x1e\n\xb9\xc5\x96H$\x92p\'\xa0s\xed\xa6&gt;\x917\xb7\x7f\xef\x8d\x9f\x87\xa4%\xa1 \xdc\xbcT\x1a\xda\xd346Ai4:\xbf\xd4\xb6jE\x86\xf3\xba$\x12I\xf3\xc0\xd9H,p\x95\xe24\xa0\x1a\xa0\xc8A\xf9\x02\xb47|&gt;|\xf7\x8f\x81\xa9Hb\x89\rWSG\xee\xfe\xd1$\xed\x90\x96\xa6\xc1\xa2p\x92v\xc4\xcb\x16\xd93\xf0M\x91H\x9a\x08o\xfd\xd3\x14W\xab\xe1`p\x1c\xae\x8b\x8c\x8a\x19\xa1nA\xc0\xf0yo`\x93;\x9ef\x87\x1a^t\x9dbg;\xa6\xd9\xd1\xd4\xc5c\x12\x89D"1\x11\xd7\x0f\xa0&lt;\xd4\x8d``?\x00\xf3\xd0e\x97By\xa0\xe2h\x85\x8a\x8e\x13\xf6\x9a\x03EH$-\x94_\x832\x1b\x9d\xb4\xe9\x96 \xd4\xd2\xf2\x08\xf7\xa5\x9eD%-\xe4\xce\xc5.x\xe4\x8f\xa0\xd4\x93MOn\x9aa\xb6%\x92\x00\xf2\xcc\x0f\xe4\xe8+UL\r\x84y\xb8\xb4h\xafDy\x17?\xf1\xb7\'\xe5\x84\x15k\x0f?\x17\xea&amp;\xf8Ij\xbf\xd8\xffA\xc8\r{\x8ff\'\xa75;\xbd\n\xd7\x1d\x1c\x89\xa4\x19\x91`\x9d%\x1c\x91\x9a;\x92`\xd0\xec\x06Z\x8dp\xdd\x0b\x90H$aN\xa7\x89\xfbC\xdd\x04\x89\'tR\x0f\xe4z+\xe4\xd4\x87\xba\x01\x12I\xd8\xd1\x02\xe3\xc5JZ\x0e9\xb4\xc4\x80\r\xc6a\xe3pq\x8d=\t|x\x05\xbf\x92H$\x12\x00\xc8\nu\x03Z8\x01\x17c\xb6\x1e|\x82\x17\xc5D\x84\x9f$YL\xa5#eh\x80\x9b\xa1\x11 {}\x89\xa4I\xd2N\xf9\xb7\xe9\xfc\xd7B\xdb\x0e\x898\x93\x8f\xbb%\xd4M\x90T\x9bR\xb4p{&gt;aRR\xfb\xc5o\xfe\xed\x1b\x8f\x11\xd1\x96#\x11O\x08\xe2l \x9b\xe6\xde+=\xb5~Y\xb0\x1a \x914e\xa8\xef*\xef\x05\xf6\xb9\xc4s%\xc4\xbb\xe6\xc5p[.\xf8\t\xbf\xa5\x8c\x84\x82\xcf\xddU\xc6\xc8.\x93\x0f\xb0\xf2&lt;\xfc\xb9\xe5Oi\xf4wfIj\xc7\xa5\xe6DTQ\x13j\x18\x11p\x9da\x8ex\xdf\xe4)\xe8}t\xa8\x9b \x91\x84+sv\xdc\xc7&gt;\x99\x1a\xbcv\x04\x9fl\xa3\xa3\xa5Qk\xae\nIC$\xc2\xf4\xd0\x7fL\x0b\\M\xe3\xd6_\x07\xb1\xfd\xcc\xe9\x88\x18S5\xf7\xd67\xfd\xab^D\xfcD\xce\xe4T\x92\xea\x16\x9b\x13\xb7_\xfe\xbez\xc8\xf5[)\x914\'\x88\x89\xb9T\xbf\xd2\xd1w\xfe\xb9\xeaa\xf7P\xb6C\xd2\xd4P\xdf\xa9\xec\xa1\xcb/\x05u\x00\x0em\x93$\x12Ix\xd2\xc9:\x8b$\xd8\xc4\t\xe7\xec\xd48\xfdp\x00\x1b\xd2\xe4\x88\xec\x15\xea\x16\x18\xb15\x00?\xfc\x99\xf7C\xf5\x0b?\x87\xc3\xf0\x9f\x0eP\x17\xea6H$\x92pGJ\xc0\x9a2\xd1}B\xdd\x02\x1f\xeb\xcex!\x00k\xdf\xa8~~\xc1L\xd3\xa2\x00\xa0\xcb\xfa3_\xd4\'fZ\x87\xd3\x90H$M\x08)\xee\x93\xb8#\xc6\xbb\xa2\x8a\xbd+\xaa\xe9\x12\x19\xea\x06H$\xcd\x85\x84\xda\x85\x8c3\xed\x82\xda\x0e\x89\x13\xe2\xad2\xb4\x10\xffP\xe2\x12~;\xd0\x14\xb2\x02@\xeb\xa0\xd4\x02\xa68\xca$\xb6\xd5\xc5%\x12\x89=~\xb6\xb9\x94\xac\x19yR\x80Z\x12t\x92B\xdd\x80@P\xe2"\x9eD\xa9\x97\r\t\x08M\xd4\xc7x\xf3 =\xd4\r\x90H\x9a.\x99\xa3\xa9\xc9\xff\x98\x06\xe0\x16&amp;\xdd\xcd\x0bu\x03\xbc\xa5\x81\x7fZ\xfbq\xa5Q\xa6$\xf8\xb4\xaa_\x1e\xea&amp;H$M\x90c\xcf{5\xd4Mh\xead\x86\xba\x01P&gt;h\x0bgve\x88\xe5\xf7K\xf3\x9f\x87y\xb8\r\x1c|\xbcs\x98\x9a7\xc1\xb3\xa2$\x12\x89S\xca\x96\xec}\x94u\x8e\xd6q\xf7\x90[\xc2L\n\'\x19S\xd2Gr\xb2\xdf\xf6V\xe8G\xbb%\xfb\x1e\x0bu\x13\x9c\x13]5\xc7\xc9e\xb1}\x85\xb3\xe6\xa5\xd0\xfca5S\xba\x85\xba\x01\x12I\xb3\xa2,\xd4\rP\xe8\x1c\xea\x06H$!DNX%\x12\t\x87\x18\xf15\x81\x0f\xaf\xf7\x8c\x9b\xa8nTl\xa8\x1b@\'&lt;v\xf4\x83\x10\xa7=\x90\xf2\xe4\xc8^|\x01F\xcb\xa0\x00 Y0kx&lt;u\x12I\x0b \xa3\xeb\xaaP7!\x84p\x1cX\x06\xc6\x0c\xc6&amp;\x1b\xce\xfaW\xa8\x9b \t\x15Q!\xa9u\xe5\xc1\xa7\xe4\x00,\x918D\xbe&lt;\x1e\xd1\x91\x91\x1e\x84\xe5`K LE\x0e\x92we\x07"\x91\x04\x86V G\xe8\xa0\x12hM]\xb1\x10\xeen(2\xe9\xa3\x85#\xa2\xe2\x8a\xb8\x9a\xf9\x01mGH\xb1\xb0a\xb3\x83\xf4\x0e&amp;\x918!=&lt;\xc6\xd7\xea\x87&gt;\r\x87f4s\xce\xbc\xf7\xdf\x81\xae\xe2\xe9\xef\xe5\xef\x18x\xcag8\xba,\x19 \x12\xe2\x07x\xdc\x18\x89D\x12@\n&amp;\x86\xba\x05\x8e\x91\xde|\x82K\xe2\xa0P\xb7@b\x17\x97\xba\x0b\xb1\x9d&amp;\x9e\xeaMC$\x12\t\x95\xf0X%;!\xa9=%N\xb8$T,\xdb\xffD\xa8\x9b \xf1\x12D|\xfb\x7f\xd6\x9d\xc3%O\xfe\x13\x84\xc6H$\xe1\x83\xa8\t\x81\xa4\x99\x11\xc6\xb3\xa5&lt;\xe9\xf1\xbf\xb9\x91Ewyk`\xdeI\x0f\x04\xba!\x12I\x13\x82cN\xc3\xe4\xa8cn\x04\xa8\xf7\xba%M\x83\xc5l\xafa\x92\xd0\x10\xd13\xd4-\x08\x0eR\xfd["i\x9e\xd4\x86\xf1j)\x08x\x12\xa7/\xc7\x8bB$\xf61\xbb\xff\x84\x82\x104\x83O\xd2`\xef\xca\x8a\x07\x00\x88\xeb\xcf\xc9\xe1"v\x19s\x98\x9f\xb2\xf9V\xa7e\x12\x94M\xf7\xa0\x10\x89\xa491\xe1\xe8\x1bB\xdd\x04o\t\xbf\xfeW\x12Lr\xc7\x13\x1f\x9a\xa8\x8756\x99\xa3\x9b\xe2t\xb9\xf3\xe4\x03\xa1n\x82D\xd24i\x91\xd1\xc4\xaa\x00`\xec\xbak\xc9\xa4\x80v|a\xd3\xab\xc6\x87\xba\x01B \r2CV\xb75\x90\xdft\x02\xfed\x8d\x01H\x04\x80\xa86\xb3-\xf3j\xdf\xf4\xd67\xc3\xe4\x99\x91H$\xdeR\xe87::\xe6\x9c\x97m\\\x98\x7f\x14-\xb5\x12\xa2\xfb@\xca\x10\x97\x8d\n\x18TU\xb5hH\x1dF~^u\xda\xd3\xeaaa\xd8\x8c\x97M\x98\xfd7\x7f\xe9\xe0\xaa;\xdeAD\x84\x9c\xb1\x00\x95J\x8a6\x00\x1f\xbe\xeb\x07\xab\xab\xd3\x1c\xd4\x18\xc6\x14\x86\xba\x01TZ\x87\xba\x01\x12\x89\xa4Er\xd2\xd5\x1f:\xb8*\x88\xc3y\xb4\x971e\xddb\xcf\xf6t\xcfu\x9f\x98W\xba*I\xca\xa9W\xff@H\x1fa:[\x0b\xd0\x01\x00&lt;\xda\xefgAz!\xcdvTB\xb3\x19\xba\xe2;O\xd2\xcc\x82\xebB\xd9\x10\x89D"iR\xe4\x85\xba\x01t\x10\xb1\xdf\xfc\xf3\xf8\x19\xd4\x11:Rw\xa2lzb\xbbE\xc4\xe7j~!\x00\x11\x16M\xd1\x8bF\x00\xc0\x93\xcd\xe60\x13\xab\x14\xe6t_\xc78e\xe1*\x95=O\x92H$\xe1I\xe6(\x07\x17-\x15\x8d\'\x9f\xef\xa0p\x1e\xb1\xfd&lt;.P\x02]9\xe7\xd4&gt;]\x99\x1c\xa4\x02\xe4\xdc\xf5\x9e\xb1\x8bg\xed\x07\x8b\x13&gt;#\xc7\xb8\r\xd7\xd9\xbdD\xdfr\xf7fK%\x8e\xaf\x0c\x93{(\x91\x84\x96.\xa1n\x00A`,\x10\xd2;\xaf\xb4\x7fM\xb8\x05y\r7\xc1c}\xa8\x1b\xa0\x90@~P\x86\xc6\xf8\xb6\x0b\x94\xe3\xaa\xe1\xdbM\xf9\xa3\xdc\x0f\xc0\x00p\xf2\xf5\x9fr\xcf\xa7:.\xd9\x0eu\xe1\xf0\xf2\xc6T\xcf\ru\x13$\x92&amp;Kt\xe5\x1c\x80\n\x9b\x17Y\t\xdfZ$;\xaf\xfc\xc0\x9c\x88\x88\x9a\x1e\x90sr\xc77\xb5H\x85\xedBQi\x86oXM\x1a\xac\x1cl\xbe\xf0\x8d\xe1+/\xd7\xe7\x89\xd3\x0f\xc0N\x7f\x9a\xd4\xa1\x9c\x93c\xd7_\xcb9\xdb\x94\xa1\xec\x8e\xd7\x8c\xdciJK\x02u\x81\xab\x9f\xe5x-a\x92H$\xeei\xee\xc2(\xf7\xa1\xdc\x1a\xdb\x0c=\xd1\x83\x86XC\x19\xe6\xed\xe9\xb7\x07\x12\x91\xe7\xe4oD\x80\xd6;\xaf\xfa\x00\x11\x9f\xfb\tK\x07l6\x94@2x\xc9E\x01i(o\xeb\xa1\xf5\xc8\xd5W\xba\xafa\xee\xce\xfb\xa8\xe9\x88\x18t\xb3fA}=\x93T q\x10"\x86\x9fhG"i\xce\x18U3\x82\x10\xf6.lH\xb0\xceB\xe3\xcbf&gt;A\x11G\xc4\xa2\xc6\xa7&lt;\x85\x88\xe7=\xf4\x1f\xf2D\xe3\x8c\xc3|\xb3\xe0p"\xc2\xe9z\xb1\x8d\xc7\r\t \xd21\x9cD\x12^d\x86\xba\x01\x81\x81\xb6\xb7mgg\xba\x83\x87ma\xa3FJO3\x9b\xe84\x1d\xd4\xd5\xe7\xc8U\xc6\x85\xa6\x87\xa3\xaf\xb2\xcdlD1a\xcf\xf3\xde\xb3\x07"\xde\xf0\nZ\xc6\xfa&lt;\xf9\xfaO\x7f\x14\xfbR=g\x9f\t\x90\xebE\xd3$\x12\x89+\xba\xa6t\\\x1a\xea6\x00\x00\x8c\xdfx}\x18\xafH\xdc\xd0Y(W\xd9\xb4\x007\x83B\xe0ox\r@c\x80\xab\xf0\xf3\xd2o\xcca\xf5\xbf\xa6\xd1\xf7c\xa1\xefNo\xfc\xdd\xef\xdb\xbao\x1e\xcc\x9f\x10\x11J\xa7\xba/\xc7\x16\xd1\x95s\x82RM\x9f`\xd4"\x91Hxd\x8fu\xe46\xcfe\x90p\t\x85G\xbf\xc0\xee3\x0e{QR+/\n\x11\xe5\xc2G\xffD\xc4\x81\x8b.\xd4\xa5\x96N\x03uz\x17N\xc2geZ\xd6V0\xf7\xde\x1b?\xd7\'(\xa6VB\x02\xe7\xa4:j\xa0ke\xef6\x8dv\xcag\\4b\xe5\x15B\x8dsI\xc6H\xbf\xf4E"\x91\x08\xb2\xfe\x8c\x17C\xdd\x84\xe6\xcf\xa8\xd5W\x05\xae\xf0\xc4v\x8bn{+0C\x91b\xc7E\xf79\xea#\xb7\xfbz\xa37\x0c7\x94O\x07\x9d\x9f\r\x8d\xa2\xbd7~nT\xbfZz1\xbb \xa3\x12\x93I\x95\xdaH\xa0\xeeaHH\xe6\x07e"\xb7\xe1\x9b\xe9\x86\x91D"\tO*\x06o\ru\x13\xbc\xa4\xcb\xe4\x03\x8e\xd6\x82\xe1\x10w6\xd1(\xdb/\x9e\xa2\xfc\'\x07\xda\xd9;\xee}\xdf\xde\xd6o\xda/\x88\x01\xddt\xcfjX\xc3;m1\xfe\x05\x9a\x82p\xb0-\x96H$6\x98\xb4\xe9fD4I\x83\xc3\xd3\x0b\xbcs\xc2@n\xd9\x1cI\xf6&gt;\xfc\x86\xf2@R\x99\xb5\xedn\xcb\xcbs\xba\xafwW\x7f"\xf7,\xd3Gc\xe3\xf4\xd3\xdd\xd5\xdb\x84\t\x96\xa1\x9dD\xd2\x8cxC\xaf\xdc\x02\xd0c\xd75\x1f!\xe2\xb0\x15\x97\x85\xbai|\xa2m\xe5\x16\x1bz\xa5\x7f\x92\xb0$\xae\x9f\xf6|\xd26\xb6)\xa1\x15{\xcf=\x9bZRR\xfb\xc5v&amp;ai\xc4\xe1\x08\x0f\xfc\xb1\xb0\x99\xb2\xf9\xb6\xc0\x15.\x91H\xc2\x8eSn\xf8L\xeb\xd7&gt;Q\x0f\x96\xec}\xd4\x81\xaa\x0b"\xc6\x86\x8bC;\xba\xc6\xb2\xdd\xb5oz\xe7\x95\x00E^\xb4\xc7L\xf0\x94\x8aE\x08\xa8T\xe0O\x8f\x0bo\x10i-\xe7\xb9\xcd\xed\xb1\xc1\xd3\xf64}"z\x16\xf4&gt;:\xd4\x8d\x90HZ\x1eJ?u\xe9S\xff3\xa4\x9b\xa5\x7f!i^\x93\xa2\x1b55\xa1\xddB\xf50*\xc8\xea\xc4-\x0f\xbd\xb7\xb2\x9cq\x02\x97P\x96\xce\xdeQ\x1cn3-O\xa1\xc8\x9fdG!\x91\x88S\xca}a\xba\x93\x03\xf0\x13_\x87\xcf\xab%\xe2]\x88P\xc0\t\xbb\x90\x0c\x92@\x11W3\x1f\x00\xa6m\xb9\x1d\x00\x18N*Z\xce\x16\x83C\x1d\xb4Cw|g\x99\xa7\xeb\x94\xd3\xcc\x89q5\xf3\xbc\xd4\x87\x97H\x9a1sv\xde\'0]\xcd\xd1\x06\xe0\xc86\xb3\xdcT\xf7\xe0\xa7x\xdc\x05\xaf\xbb)A\x8f\r_}S6\xdf\nq\xfd\xbd\xabZ\xe2\x10D\x1c\xb3\xf6\x9a\x106 \xa2b&amp;\x00\xe8\x07\xe6\xa4\xaaa\xdb\xedh\x1a:tDj\x82\x12\x11\xc1k\xa4\x93H\x89$,\x11\x17,k9\xf3{mt_\xa3\x9b\x12\x02\x85g\x16#\x9c\x05\x87\xa1+\x8c\x01\x00\x88\xe8\xe9Q\xbdM\x8b\x90y\\\x89o\xbb\xe0#D\xb3\xccy\xc6\tw\xd2\xb2g\x02\xb4\x05H\x0fB\xc3\xc2\x83\xee\xa2\x19\x03\xa0\xee.\x91\xb4,\x94\xe1\xf0\x95\xff\xf8F\xc4\x87&gt;\xc3&lt;\xb6f\n1Z\x079BK\x93&amp;\x02\x12\x07\xb9+\xa1\xce\x9b\x86\xb8\'\xaaw\xa8[`\x8fs\x1f\xfc\xcd\x9c8g\xc7}\xa9\xf5\xcb\x18W\xd0\xb5\xf6lO:\xf3\xbd\xf7 \x1d\x18\xba\x89\xbaV\xb5M3\xde\xf3\x96H&lt;B\x19P\x15\xa5e\xfejx\xe4\xaa+\xb5\x0c\xdb.\x7f\xcfM\x8d\x8e\xafu@\xf7\x99G\x8cI\x11=\x15w\x86\x1e\xe1\x13Z\xaa\x06\xa9\x91\x88\xc8p\x16\xc8\xa4\xb8\xdf&amp;\xef\xda\xe3\x01\xca\x06\xaa\x1b\x96\x9f\xfa$\xf7|{\x97\xe5\x9b\xe8f#\x10^d/\xd6C\x88\x886\x9f\x8d\x0c\xcf\x9f\xe7vc\xf6x[\xa0\tr\xf6\\\xc2\xcd\x99\x1d\xd8\x86H$-\x99\x94\x0eK\x95\x015\xa5\xc3R\x00\x98w\xd2\xfd\x88\xb8\xf6\xf0\xf3\xe6\x9c7\xbcbP\x85\xe6w:U.\x1a\xe5W\x8d\xb1\xf01d\x811\xac\xe9\x0b?S\xdb\\JK\x14WQf:a\xb0\xa2\xc2\xe9\x85\xc1 \xb1\xfd"\xf6\xc94\xd6\x89\xd3\x04tv4\xb8\x8f\x90t\xde\x14&amp;\xf0\xe74\x94h\xd3&amp;R\xbci\x88D\xd2\x1c\xa97\x8c\xa6\xaf\xfdI\xe9\x16\xa7l\xbe\xd58\xfcrz\xcf$w;\xa9./\xb7\x8d=\x0f\x1e\x06\xd2:\xad\xb0\x0c*g\x81\x85P7\x99{6\xe0\x0b\x14\xf2\x87\x0e|,\x9d \xa8#\x81GCB\x93s\x9b\x1ce\x95\x81:\x13\x95H$\x01c\xfb\x15\xef\x0b,g\xf3\xcc\xa3/\xfb\x12\xbb\xde*\xacm\x15&lt;U\x99\x0eo\xca)a\x86C\x8d-\x0b\x96&lt;\xab\x0c\x82\xaaL\x8e\xc3\xd7\x8b\xd3`\x9dE\x8c^s\xce\xf2\xaa(\x9b4\x81\xc5\xe5\xec\xed\xf7\x84\xba\t\x12I\xc8\xb0\xb6t\xec5\xe7,D|\xe97\xdf\x80\xbad\xdfc\x86\x0c\xf5G\xed\xb73\x003Q/\xa1\xc4)\xcb\xeb\xe9J\xad\xda\x04e\x12\x10\xd9\xda\x95\xe9\x94\x1b\xf6\xde\xf8\xb9"\x93w\xbaYH\xe9g\xdb\x8d\xd9\x03P\xef\xaaY\xcd\x13\x81\x1d\x81\x02^@\':\xd6j\xeaA\x981\x84?"\x12i\x89D\xe2\xc3g\x12\xe3\x1bP+f\xb0\xf2y2\x00\x0b\xc0\xb4\xe8\xfd&gt;\xc4fK|90\x0b\xbez\x0b\x87p\xe8\xca\x1b\x07-\xb9\x88\x9a\x1e\xec\x86\x04\n\xcfV\xc0M\x99\x00\xe9?\xab\xa4\x8f\xec&lt;\xe9\x00\xc4\xf4\rl-\x12I\x93\xe6\xc5_,\xc6T\xf3\xe8\xdbz\x88\xadP\'\xe1aC\x19\xd9\xcb\xe4f\xc1\xa6y\x0f7\x1a.\x81\xb0%%\r\x97\x93\x9b\xe9[\xefps\xb9\xc2\xc5O\xfc\xadD\x8c\xb7\xd3\x98\xfa[\xdf\xb4\x88\x0chJig\xafY\xf1\x03\xec\xe5\x07\x80\xac1V9\xcc\xfb\xe8\xfc\xd8G,j\x94\x7f\x88\xb8\xf2\xb4\xa7Y\x99\x8a\xfa\x1e\xeb\xa8\xf0@\x13\x90@g\x01\x9b\xa9K$\xcd\x88\x9b_W\x07\xe0\x0c\xba\xa7\xc6\x15\x07\x9e$G\xdfy\'\xdd\x1f\xe0\x16%\xbaxo])U1\xe8jK?(\xbd\xcb\xca\x00\xb4!\xc88Q\xd2\xbe\xf0\xb1\xbf&lt;\xa9\x9b\xf5\xeb_\xf9\\pz\xf32\xfb\x97\xf8\xd5\xfe\xe3\xdb.\xf0\xae%\x9e\xef\xce\x04\x00\xae\xfb\x1a9\x00K$B\xbci\x0cD\xd85\xb9\xc3\x12\x8a\xe4\xd9\x0b-\xe5\xb8\x9a\xf9o\xfe\xed\x7f3\x7f6\xbd\xa5\x89\xedT3\x98\x98\xbe\x00\x1d]WH\x17n\x9b\xaco}\x83wa\x9fc\\\xd7\xc8\xc1\x8d\x8dV\xd8\xe2\x8dU\x15\xc5h\x9bM\xf9\xa0-\x00\x19\x00\x9d\xec\xd7C53k\xaf\t\xff\xed\x0f\x1b\x96\xdag\xce\xc8\x02\xa8\x0eL\xc9^\x11\x01y\x13\x8a\xfb2\xad\xd8\xe5\x00,\x91\x88\x92\xdd\xb8\x96\xba\xdd{\xda\x1d\xdf\x01\xd4Cl?\x0f\xeb\x9a\xb4\xe9fS\x1a\xbd\x13\xff?\xfa;\xecT\xac\x1d\xd1\x83\xf8\xd0\xc6\xa1K\xaf\xe2\xc9\xba\x8f9c\xed\x17\x91f\x9d\xa5\xcc\xae\xb7\x10\xcf\xbd[\x84\xbc\xa2\xc0\x10\xdd\xc7"\x83}\xa7\xa4\x03\x17_\xe8\xb01\x00\xa6\ri\x1b\xee\xcd\xc5\xe9&gt;\xf3\xc8\x9a\xd3\x9f\r\xba\x0f\xbb\x94\xcaa\xdb\x82[\xa3D\xd2\x94Q\x06\xdd/}\xeb\xe0\x10\x844\xb1\x19&amp;\xdd-\xe9\x9dC$1N\xb1t\xa5[!\x10\xb06\xc8\xfd)K\x1f\xad\t\x98\xc4\xa8\xb04\xa5\xdbG\xb6\x9e\xa9\x1e\xdb\xde\x06\x1e\xbb\xfeZ\xc7\rr\xa2\x98m\x83,\xffAp\xed\xdc\xe2\xdb\xce\x07\x80\xa86\xb3\x83Y\xa9D\xd2D\xf1*\xbaKS\xc4\xa8\x84R9l\x9b6\t8x\xdb7^Tart\xc0U)j;\xea$H\x18\x18S5\xd7\xaa\xd8J\x07M\xf9\xd5\xd1\xfc&amp;\xa1v!@-\xf5\x94\x87\x13\xa6\xdb\xde\xe2\x15\xb5\xe5\xa27\xa9\xf2\xde\x9a\x91;\x05\xcaN\xb5\xca`\xe9\x8c"\x10\x966m\xa8\xe6\x82\x1c\x97\xec\xde\xc1RBt\x19\xa8\xd1\xa0\x87\xe1L\xa9M"i\x11\xf8z\xf0prG\xcc\x88\x9eV25P\x15\xea-%&lt;2\xb52|\x0b]\xaf4r\xf5\x95\x02%dT\r\xdfNK\x0f\x0f\xad\xf2@Aq\xefE\xfd-\xd2:\xad\xd0\x8e\xeb\x8f\xdag\xbf\xa24\xfb\x97\xd8\xa5\x86\x96\x18\x0eff\x1a^N)\x8c.\xe2E\xad\x06$\x92\x96KZ \n\r\xa9\xf2\x85\xa2\x95#\xb8O\x99\xf1\xc0\xc7\xc6\xa6*\xa3\xef/\x9e~\x05\xef\x04\xdd\x94e\\\xab\xfa\xe5\x1e\x15\xee\x00\x11\x9b\xab\x949;\xee\x05\x00\x815\xa8\r\x92\xeb\x96\x10\x9f\x1c\xa8b\x85\x90\x04\x9b\x96?e\x01jGR\xddbO\xa2a\xb6\xea\xb4\xdc&lt;?\xf6\xcdbs\xc7\xbb/_"\x918B\r\x1a\xba\xe2\xe0S\xfeD\'ZKf\x14\x7f\xbci\xb6\xaeY}\xe8\x99\xb9;\xef\xfb\xd7\xaf\xbe\xc15p\xa6\x8aJ|\x0b\rD\x9cfi\xa1\xcb\x8da\xb7\xf3\xaa\x0fl\xca\x06\xdb\xcf\xde~\xaf\x9d\xfc\xb6\xb0\xeb\x0c9\x0b\xa0\x95\xd7\xd1\x0c\xc9\xbbA\x8b.\x1ckv\x01!\xc5\xa1:\x18a\xbb\xba2\xb2\x17\xe8?\xc6\x08LsYEI$\x92\x80c\xe9\x02\x9eO\xa0\x9c\xdb!\x19Q\xd1\xe9\n\x80\xe8\xbc\nh\xe7\xcb{\xcd&gt;+\xec\xcd0\x18\xd2\xfe\x00p\xc2\xa5\xef\x98\xc6?\xbf\x06Y\xabN\xce\x17\xf1\x83\x96\\\x04)C-\xb3\x9dt\xf5\x87\xa64\';\xe8aA\xaba\xea\x91\x97B\x05\x00\x00\xe8\xe0z\x0f\xd8\x07"F\xf8\xf5\xda$\x12\x89(\xae\xec\x1a\x11\x11\x8a&amp;[\xe7sS\xbe]"{\x11\x1f\xba\xb7\x19\xea\xc44\xc2\xa6\xff/\x1f\x86\xa5\xb0\x00\x95\x907\xa1I\xe9\x15\xd3\x11\xfe\x99li\xda\xe7\x92\x1f\xc6\xac\xbb\xc6\xce\xb5\xc1\xc7\x18\x133\xccA\xc4\xb8\xb6\xc2\xa1\xa0\x0b\x19q\xc0T9\xc7\x90e\x97x\xd0&amp;\x89\xa4y\x12\xc81\xd2[|k\xcd\xcc\xd1S6\xdf\xday\xf2\x01\x91K\xc6o\xb8\xber\xd8v}Z\xa3\xba\x97\x16\x07e\xa4=\x86\xe2\xb4\xb9\xfb\xe4\xe3n\xe1\x14\xa8w\xc3\x14+\xd2\x06wp5r\xb9\xc2\xea\xa0C\xec\xbf&amp;\xf3l\xab\xa2+\xe7\x08\xde\xbaug\xbc`\x91\xc3\xda\x88\x8bE@\xdc.\xba\xc6\xf8sw\x9fq\xc4E\xb4iQ\x9e\xfe\xce\x03\t\rk\xa6u\xfa]?\xb8/\\"i\x9e\xfc\x14@\xe9\xa8\xb3\xe8\x05\x1c\xaa\xee\xff\x18\xcd\x0e\xb3\x1ca\x190Q\xf1:\xe9\xde\xfd\x96]t\x03Cd\x1b\xa1\xf0M\'_\xff)\xa4\x0e\xb3\xce\x17,H\xcdd3\x88\x08\x90.\xee+\xdb\xd4\xb3\x93\x1b\xbd\xf5\xf6Z\xa6+3\x87\xbegL\xa7\x1e\xc0\x81S\x14w8\xf0z\xed\xc7\xc6\xa3\x8b\x88^y1\x03\x00\xc6\x8c\xa1\x9bw\xe5K$M\x8c\xb4 \xd6%`Il\xdb\x94\xa855\xf5\xa6\xd7\\\r\xc6D\xcf\x9eF\xcdp\xe4\xee\x1f\x85\x0bcl\xa3\xe6Y/R\xb9\x92p[\x81x\x9b\x0c\xb6\xb6\x0fH\x7f\xa5\x00\x00\x89\x03=kG\xe94\x818\r\x1a=\x00\x12=5\x94\xe7*7d\x8dvW\xb8\r\xc5\x0bD\x0c\x8a8G"\x91\x84#\x1e8r\x9a|\xdc\xad\xdc\xf3]\x0c\xee\x97c\xaa}\xde-\x10\xf1\xb5?\xe9\xe3\xc1\xbe\x9b\xbeP\xd7\xa0\x14\xb3T\xafx\xec\xab0W\xd1\n8\xfc\xf1\x98v\x96*\x99Ou\x1b\x84C7[2\xc9o\x94\r\x8b\x94!^&lt;\xae\xadF\xae\xbe\xb2l\xe0\xf16\xaf\xf2B\xd3\xca\xd5\xaa\x9aO\x00\xdf\x11\x89\xa4\xb9q\xd8\xc6\xf2\x8eO2".\xd8\xfd\xa0\x8b\x12&lt;\xd8\xe5r\xe3\xebn\xe7U\x1fh\xc7\xed\xc6\xecV\x0f\xdbr.\t\x94bs\xce8\xab\x1c.\xbb\xb9&amp;a\x81\xc3\x8c=\xb0l\xff\xe3\xacS\xcb\x0f&lt;\xc9\xbePT\xdc\xad\x1aj\xb7Q\x95\xc2\xdah\xbb\x00\xea/\x1eh\x8b\x1a\xd2\xbfJ@\xdcA\x0b\x13\xe6\x11 $\x92\xe6C \x145\xc92\xbb\x88_\xb6\xe1\xac\x7f\xe9v\x8c"z\x02\xc0\xf3\xff\xe6\x98\xea\xc6 \xe2\x80\x85\x178h\xa2G\xe4\x00\xc0\xb2S\x9f\x08@\xc9\xaa Q\x93\x94\xbau\x98 &gt;~g\x03\x14\xab\xbai\x81!i0d\x8d\t\x9c\x99\x99J\t@[\xc8\x1c\rP,2m\x1a\xba\xec\x12D\x1c\xbd\xe6j\x00\x80tchN\x01\xb7\xa0\xe1J\xc9\x94P\xb7@"i\x91\xd4\x8e\xde\x15\xea&amp;\xc4\xeb&gt;\xe5\x8c\xf5Z)\x83\xa3BB\xf5\x8e\x14\x0f\xfaUl\xd8\x9b\xea\x82M\xdf\x93a\xeb\xa82P\xbb\xda\x8c_\xb0\xca\xef\xf7#\xa2\x07"\x8aY\xfd\x1a\xfcD\xd6S3ew[K~&lt;\xf5\xd6\xaf\xcdy\xfc\xf6&lt;\xc1\r\x81 \x91H\xc2\x13R\x8b\xc4\xe8\xc2f\xe1\x9e\x87\x1c\x97kc\x0c\xa3\xbb\x87\xed`\xb0\xeft^\xbeD\x02\x00J4\x0b\x82\xb8\x1aa\xf3V\x12E\xfc\xa0\x1a\xec5\xe3\xe7\xd0\xd6W\xeb0~o\xe0Z"\x914o\x9c\xdbA\xce\xb7\xda\xee\xf5\xa8\x87\xa2k&gt;{\xc8\xf5/{\xde\x93\x96$\xb6_$\x9e\x1b\x11\x19\xfe\xb3$`\xe7\x01p\xe9j\xcd!\x01\x1e\x89\x83j\xa9\x9c\xdfk\xa3X\xc6v\xca\xbf\xee3\x8f\x98\xcfM\xd9|\x9bf\x0ep\xddK\xcdv\x9a"\x91x\x8eo\x18h=\xe4\x045\x85\xb4\x94\xad7\xe4FD\x80d\xc2U\x96r\xb9\xa63"\xa2\xe9\xe3\x81\x8cT\xeb\x01\x9b\xe8\xa2\xe4\xb2\xa7q\xd8\x8a\xcb\x8cn+\xe2\x07\x00\xe4""@\xeb0\x96$\x87\x03\xeet\x9emci;\xce\xc1\xd2\xd9\xa7\xc1\xe5\x99\xa5\x1bHzDH\x1dq\xfd\xad\xf3\x04\x8c\x93\xaf\xff\xb4\xa8\xcf\xb1!l\x80D\xd2l\xe0u\x07\x88\x08\xd0\xcan\x89\xac!3\xb7\xc7z\xdf\xa9\xd8~\x86\x81\xfc\xc9o\x8c\x97\xfcW-\xe4s\xc4\xfa\x89\xfb\xc9SI\xed\x17\xa5uZ\xf1\x01\xad\x16\xfeh\xfd\x0f\xed\xac!\xd0\xd0\xf9\x0f\xff\xae\x1d\x9b\xc3(\t\xa3\xf5\xb9\x9c\x90\x06\xde\xf8\xe3\r2\x11\x15\xc1\xf0\xfd\xbb\xfd\x8a\xf7\xfd\x1f\x92\x06\x93?\xeb\xb5\xff\n\xd0\x84\xcc\xa7W\x98\xd2\xd1\xd2\xb1\xa8\xdd\x1f\xaeI\xfe\xd0Vd\xcc=\xe9\xfeP\xb7A"\tOr\xc7\x87j\xe1\x98\\\xb7\x98[u1%-c$\xef\x92\x98\xbe\'\\\xfa\x8e&gt;\xa9\x8c\xe5^@)\xa7b\xf0\xd6\xa9\xc7\xdf\xce:+\x92\xa80z\xed\xd5\xfa\x84zf#%A\xe1\xaa\xe7Q\xf3\x03U\xd8\xe7\x18\xf1\x0b7_\xf8\x86*\xd4aY\xe0\xb4AD\x88\xeau\xc5\xb3\xe6\xe7\xc1\xae)\x1d1g\xa5\xc4kj&amp;\xf4\x9b\x7f\x9e;\xc9\x81D"\x11\xa1\xd8o\xe4\x10\xd9Z\xc8\x81"\x9b&lt;\xca\x80\x970\xf0\x84K\xdf\xf1d\xc6\x80\x88i\x9dW\xdc\xf2\x06"\xe2\x93\xdf\xa2\x1a/\xbd\xca\xe22\x00\x00\xe82\xf9\x00"\x8a\xd8\x95\xa6u\xe6\xb9c$\xfa\xeb\x06\x91z\x83\x08\xbd\xbb\xfc\n\x91\xaf"\x17\\D\xe3\x17y&gt;\xc5|\xe4s\xa4\xb9\x01\xa9\rB\xc4\x85\x8c\xae\xab\x02]\x05\x87\xfa\xa3\xf6\x85\x811\x85D\xd2\xf4\xd1\xef\xcd8t\xeb\xc3\xed\xda\n c\xd4\x9c\x9d\xf7\rZr\x91\x9a\xa2m\xd7\xa5v\x9et\xaa#[\x94L\xabJ\xeb\xc8\x0f\x9c\xe8C\xe6B\xcc)j\\\xbc:0A[\xfd\xd0(\x0b\x82\xd9\x89\'rK\x93\xd3\xe0\xbc\xf1^\x14\x1bv4u\x8d\x01\xc1f\x1f\xbc\xfd[\xafjL\xed\xb8\x8c\xf8\xd4\x9d\xa5\x91@kX\xf0\x02\\J$-\x01\xa6C\x86\x92\xfe\xc7\x05\xb1\x19\x82\x9a\xb1\x16~?lt\xc1\x85\x93D4\xa1\x96\xb2=4Q\x89o\xbb\xe0\xc5_\x8cmXu\xda3\x8c\xec\xb6T\xb1,gT|\x91 gCZ!\xbc&lt;\x0eV\x8f\xd8\t\x00\xd4\xcd~=\x01\x904\xc4\x0f\x10\x14\x9c\x84\x195.\xaf\x8fj3\x1bR\xb5\xd0\xcb\xc6\xa5\xff\xf4\xadw\xb8,_"i\xce\x10\xde\x16\xed\x81\x88\xf3v=`\xcb\'mF\x17\xa3\xdcl\xc6\tw\xdawH[\xab_\xed\xe5\x08i\x81zF\xe4\xaa\xd3\x9e\x06\x00\xbd\xe3\xfeJ\xb3\x15\xb5MH\xe7$q\x1b\xcf~\x89\x9b\xd9R\xfc\x9b\xe1\xae1M\x1d\x87\xea\xe2\x15\x83\xb6\xd2\x92\x15\xad\xfe&amp;\xe4\x8b\x91\x1b\xb6\xd2\x05\xb9=\xd6S\xd3\xbbN=\x8d}\x119\xfdml\xa2\xf2\x06\x89$d|i\xf7\x9d\xb1\x13T\xf8;\xa5pV\x1co\x000\x1a\x11F\xd2\xd6\x19\xb6\xa8v\x1bL\x00\x00 \x00IDAT\xf5\xae\x01\x002F\xc6V\xcf3\xa4\x1du\xcc\x8d\x96\xd7)\x9d\xc8\xd6K\xdevR\xa9\x97\x84\xc6\xe0\xd5)\xa2;\xb5v\xa1\x1a\xa1z\xc8\xa85W\x05\xb4\xfc@"d=\x1c\x94A\xb1y\x06\xf2\x92H&lt;\xe3\xec\x07~\xa5\xf6\x92\x07hN\xf5H\xca\x06\x1e\x0f\x107e3/\x00\xd1\xd5/(/y&gt;\xe5\\\xd1d\xcb\x008\n\xfcfxKl\xcd&lt;\x07W\x95\xf4?\x0e\xd2Fx\xd6\x88\xb4\xe1&amp;\x93\xd0\xe0\xd0\xb6\xe7\xac3\x94\xa3\x84v\x0bC\xd1\x00\x1dv\x7f\xfar\xfaBV\xc3\xac\x0c\xcf\x17\xd4\x17\xb9\xb6\xc0\xf60\xbc.\x89\x07aKh\xe4Yg\xe1\x13\xc0 K\x12I3\x85\xda\xcd\xc5T\xcf\xed2\xf9\xa0X|\xd0bD\\t\xf2#v\xbbK\x91\xf8\xa3\x1d\'\xec\xd3\x17k\n\x0f\xe7\x9a\xaa\xe1\xdb\xf5\x85\x07\xd5\xf7\x90Gx\xb5&amp;n\xbd\xf8\x94G\xad\xf2\x04\xf3\xfe\xb8\x08\xbd\xd7j8\xff|\x9f\xb9g\xf7_x\xbe\xefC\xd2`\xe7\x15\xb19\xfd\xce\xef\x03Ql\xf0\x88\xefo\'7k6C\x9b|K$\x12\n%S\xd5\x10l,\xec\xea\xdc\xb6\x03h\xa4\x9e\xb0\xbf\xbam\xc7X\x91\x88Ftx_\xa8:\xe5\xeb\x8b\x07\xe7\x11\x8fa\x1e\xe4Emp\xdc[\xba\x1c\x8fCh\xd4D\x8d\xcfa\x9f\xf2\xe9\x00q^\x87\x15\tC\xd4\x1f\x9a\x16O"\xaba\x8d1)\xba\xcfG\x88qFyR\x90\xdd\x96I$M\x0c\x81\xe1D\x0b,#\nm\n\x1c\xdb\x0f\x11\xad\x06{\x82\x92\xa9}\xe6\x9e\xc3\xe9\xe6b\xaa\xe6\\\xfe\x8cg\xc2\xea\x88\xd6\x96^\x9c:~\x81\x08P\xe4Tp\xe7Ru\xcb\x01\x9d\x1dz%\x8c\xee\xc3=m\xd0H\x0f\x90t\xd4s\xf4{\x93i\x9c\xe5r\xad\xfe\xc72\x0e\xdb\xbf\xe8\xec\x9aB8\x9f(\x13\xc8\x13\xa5\xff\x81\\\xcb\x9cU\x0e\xde\xf6\r"\x92\x82\x04$\x80\xc4A^U$\x914I^\xfc\x9978\xb5\xaa_n\x8e\xcd\x07\x00\xa7\xde\xf2\x957\xd5\xd3D|\xc2\xcb\xdfH\x00\xa8\x1a\xbe\xfd{\xab\xfc\xeev\x8b\x95\xf5bj\xedhB9&lt;q \xff\x9a~\x0b\xce;t\xc7w.*m\x02t\x9d\xc2\xd1tm\x8a\x98}e\xd48\xd4\xe6\xd3s\xf1\xe3\xff\xb5\x93]\x93\xae{\xe6~2\xb1\xdd"-L\x82]\xb6\\\xfc\x96\x9d\xec\x9a \x8a\xb4\xf45\x88\xa0\xf3\x01\xf2\x01*F\xac\xba\xc2Y\x93$\x92\xe6A\xbcu\x16\x95\xbb\xdf\xf7\\\xe3\xa9S\x97)\x07\xb5^\x8f5FZ\x8e\x9d\x88\x18Q1\x83\x9b\xa5\xad\xd5xI\xde\x07B\x14V8\x89\x91\xbf\x02\x11m\x08*3F\x01\x00\x14Pc,6\x0b\xe8\xe1#E\x99\xb6\x85\xe2\xf2\xd3=\xc7_\xf4&amp;\xfdDD\x0fG\xe5\xd1\x1c\xa0\x06\x94d/\xb7\x9f\x83\xa5\xb1HZ\x81\x0b\xedtH3$\x89\xc4D\xc1D\xe3\x8b\x11\x00\xffG\x1d\'\xec\xb3\xca\xd2\x1e \x91?\xd4Y\xbf\xc0\\1\x97A&lt;\xb8\xfe\xcc\x17\xcf\xbc\xf7\xdf\xcaq\x97\xc9\x07\xac\x9agI\x10\x04\x8f.\xd4\x91\xf4P#\xc6\xfb\x10\x9b=P6\xfc\x8c\xf8\x94\xc2\x08\xfbQ\xdd-J\xa8\xd5\xa9X\xa7wY\xa9\x1d\x87\xb4\xa7\xae\x13\xd8\xfb\x8f\xf3\xf0\xb7p\x8aW:w\x19A\xbf\xdbM\xcb\x82N"\t\x05a8]\xcdlX\xcdR\xe62\x80\x88~\xedV?v\xf7&amp;\x19{\xb4\x99\xa3i\xa9\xe6\xc2\x85\xf7\xb6\xcd5t]}\xe3\xab\xd8n\xcc\x1e\xfb\x97&amp;\xebM\xa5uN9\x94\xdf\xb4|\xe0\x16\xde\x8f\x9b1\xd2~\xa5\xf6\xe1\x1b\xab\x94N\x13+\xa5+-\xd1R\x00\xcb\x0f\x91\x19=r\xd5\x95Tg&amp;\x8bOyD98|\xf7\x8fj\x1a):v\xb5\n\xb4c\xd0,\x12\xe2S\x90xH\x1a\xac\xdf_\xf0t\xff&gt;\xaa\x97)\xa9C\xe3\x8c\xc3^V!\x914K\xf6\xde\xf89\xe3\x8cA\x07J\xdb\n\xf2\xc2\xdc^[~\xf1\x94\xbct.\x12\xeb\xc6\x9d\x0c\x00\x0eT+{\xcd9\xcb\xff\xa1\x9c\x94l\xfb\x8a\x9a\xb5\xedn\xbbe\xeaq\x17\xfb%e\x88u\x1ek:z\xa5w\x1d_\xbb@;&gt;\xf6\xbcW\xed\\\xeaA$\xe3%{\x1fs_H\xf3`\xea\xf1\xb7\x01\xc4\xb9.\xc6{\xd7(\x95\xc3\xb6\xcf\xd9q\xafe\xb6\x9dW}\xe0y\xd5\x12IxS&gt;=\xb1\xdd"\x00\xa8\x18|\x02"\xc6V\xcf\x03\xa8\xd2;\x99b2j\xb5\x883\xa0:\xde\xa2*yH\xef\xb9g+\x87^-\xac\xd9\xe5\xd8\xd8\xedvJgg\x0e\xff:\x8c\xdfk\x95\xa5\x06 \xff\x8d\xffZ\xdd\xa2\xe2)\xec\x90;\x1eh\x129\x03\x11]\x8e\xb5=f\x9e\x019\xe3\x04|P7qr\xc79\xb8\xe8\xf6\xb7\xd5\xa7\xc2B\r\x82B\xb7i\x87\x1c\xd4\xa8G4\xa6\x02\xd5w\x1e".?\xf5\t\x00\x00(\xd4i8J$\xcd\x9b\xe2~\x9b\x94\x83\x0e\xe3O\xf1\xa4@j\xb0\x81\xd5\xa7?\xab\x1dGW\xce\xe1\x8e\xb2\x86u\xa1\xb8\x05\xadk\xe8\x82\xcdT\x9f\xe6\x94(\xfe\xf6#b\xb7i\xa73\xbe,c\x80\xb4r\x95\xf5\xe47\x88\x88\xec8\xf6\x9a\x9c3\xe8\x1biYT\xc1\xbb\x19a\r\xa6\xa4A\x94\xf8K\xd6\xb8]OGW\xceqYB\x13$\x88o\x19\xc1\x80E\x17@XnfI$\xc1"\xff\xa8\xb1\xeb\xaf\xf5\xbc\xd4\xb4\xce+\xce\x7f\xe4\x0f\xd7\xc5p$i\xc1\x8b(\xf0C@:\x08\xe7\xed\xbf\xe8\xb1\xbf\x04r\x95\x81\x07\xe1\x96\xed b\xc7\x99=\xd6V\x91\x822\x18\x12co^\xc0s$N\'\xaa\x97g\xfe7h\x84:\xd6a\xfb\xec\xc6\xb5m\x86\x9eH\xa4dh\x02g\xbbM*\xd4\x85+uHN\xe3:\xf7\x85H$M\x18\x91\x17\xef?Z\x1e\xd5\xd4D\x7f\x15\xa9o"\xa4\t\xe5#y\xc8\xca\x83O\x11\x9f\xd3\x88\xe3T\xf6\x1a\xa8\x8c\xfc\x10\xd0\xbe,\xb5~\x99u\xa6\x004C_Z\x82U\xf6\x187Z].\x08\x89?j\n\xe6\x9b_=b\x07\x00PC5s\xb8\xfc\x19\xe4\xc7\xff`\xd3\xc6F\xde\x84\x81P018\xa1\xba\xce\xbc\xf7\xdfBAPb\xfb"\xa2\xc0\xd4\xd0\xa1\x19\xb1D"\xb1\xc7\xcc\x13\xef\xba\xe3\x1d{\x83J\xbf\xf9\xe7\t\xe7\xb5\x8cG\xcb\x04\x11/y\xf2\x1f"\xc1N\xdf\x07\x00e&gt;Wy\xa7\xdc\xf0\x19\'W\xf7\x19\x87\x01\xda\xcc\xdb\xf5\x00\xe3|\x90&lt;:\xad;\xe3\x05\xebL)CIC\x1d\xafi\x1b\xa8\x82\x85\xc5\xfb]&amp;\x1fp\xea\xd2\xd2\xca\x90&amp;o\x82\xa3b}\xb4\x1e\xe2_M\x8e\xdfp==S\x02\xc5\xfa\xfc\xe8s^N\xee\xb0\xc4M\xd5\x1e\x13\xdf\xbfz\xc4\xceV\xf5\xcb\x83QW\xf1\x94o}?J\xc0\x1e-\x89\xa4\xa9\xd3}\x86\xc1\xf8\xa13?\xbf\xa2\xc9%\xc2\x9b\x7f\x07Z\xfeF\xb1\xfa\x88j3\xdbd;\xd4\xc5\x9c-\xbf\xd7F\x00\x00\xa8\x06\xa8\xf9\x9b\xdbwS\xf7bi\x16#n|\xcd\xfbt\x8ejG\xef2\x9f\xeb2\xe5 \x00\\\xfd&lt;\xa3\x91\x11==t\xa2D\x12\xf2};/\x1a\xd0]=\xa0\nl\x92!\xff\xa8\xe8\xca\xd9\xfa\xc4\xa2\x94\x0eK\xf5)9\x90\xa2\x05\x9c\x87\x82\xdeG\xbbnU(Ilo\xf9\xfe\xdar\x1e^\xc3\xb0&gt;\x88\x80\x9cq\xaa\x9b\xf7lZ\x06\x89D\xa2\xa7\xa4\xffq\xa6^O\x91\x8b:Y\xc8""@\xf4\xb9\x0f\xfe\xc6\xcd\x00\x10R\xa5\x18\xd5\x84\xc9@Lt\xd5\x1c\x93.\xae\xbfc\xfaCw\x97\x9c\xaf\xf2\x05\xd0,&gt;mi\x1e\xe9\xc6\x1b\xa5\x1f\xbc\x8a5\x84[`)\x18w\x00;&lt;\x1f1\xd4\xd9\x81\xbe\xc6\xca\xeaf\xe9*\x84\x9c\x9c\xf9D,!\x9fy\xa8t\xbe\xeci\xa1\x96dtY%X\xe2{\xbc\xaf\xe6\x9dN_\xe9T\xf5\xa8\xab]\x9d\x00\x89\xa4Y\x931\n\xfc]\x0cei\xc8\xa6\x81}*B `Yk\xab\x0ct\x96\xec\xf3[\x7f"b\xe5\xb0m\xe4\xd9\xe4\xba\xc5\xce\x8auG\t\xfb\x94\xcb\xe1\xca\xd7\tz2\x06D\xb6\x995\xf9\xb8[\x0c\x89\xc1\x8f\xacl\xa2\x00\xa0\x95*Kw\xe6\'RGl\xcd&lt;\xaa\xf8\x97d\xeb\xc5o\xdb)2 \x12\x05\xfb\x14[\x05\xc0\xf0\x16\xcdz\xcd\xbd\x85\xb1D"\xa1\xc3\x19&lt;,@D\xae\x80\xba\xbb1!g\xdc\xe8\xb5W\x8b\x94\xdcw\xde\xb96\xdb\x92\xa4\xf4\xe0"\xda\x95\xbf#\xf2\xb7\x81\xedc\xcbQ0cS\xd3\xe4Kk\xfb\x15\xef;l\x8eM\xd41\x98\xd7\xcf\n\x0c\xd2\xa2V\xa1\x0c,\xfc8z\xbb\xdb\x9d\xd6i\x85XF{\xca\\4DF\xaf2\xa1\x92tJUU\xdc\x190\x89\xd9\xf8\xcd\xaeY|\x89q5\x1c\xd7?\x0c\xfcnJ$-\x00\xab\x9e\x97*\x08\xf5\xde\xa5\x8e\'L\xdat\xf3\x7f\x10\xa7\x1e/\xee\xfd\xbfX\xb4sTYq\xf0)\xe1\x9e\x91\x8aY\xc9\x8b-\x9e\xb5\xc3W\xec\xdfq\xe1\x9e\x87\x04\xd7\xc1C\x97]JK\x16\x14\x9c0\x85\x01\xac\xb6\xb1\x9b\xe4\xd6\x86u\xc0\xc2\x0b\x04r\x89\x8c1\x89\xba\xe0}F\xdd.!Op\x1e\xdb\xe4\xf8\xa38\xf8\xef\x12"\xaaS\xedx\xc8\x9f\x00\x10Ks\t\xc9\xa2\x13"\x02d\xd9\x91ZU\xf1O\x87Z\xe8"\x914\x11n{\x8b\xf1\xaaX\x84\x18roU\xe9|\x0bJ\xb7Z\x8a\xeb\xef\xc5nV\xbd`&gt;D\x14\xf6Zl\xba\x10\x00\xa0\xda\xc1\xb5v\xca\xd7\xb1\xfe\x8c\x17\x80\x08\xd1*V\x92)\xc2D\xa4\xb9+\xb7\x17P\x96Z5"\x9a\x14\xdd;\xe8\xcfz\x88Y\xa3\x9e\xaf(\xe4H\x8d(\xa2\xa7)\xa9$\xc0\xb1\xe8C\xb3NEDH\xd6\xb9M=\xe1\xd2w\x10\x11\xca\xa6\x03d\xc6\xb5\x9d\x0f%S\x14\xbb\xaf;\xde\t\xf9\x0e\x88D\xd2$\xb1;T\xb8\x97\xe6\x89\x11\xdd\x07\xe2\x07hc\xb0\xc91\x85\xdb\x88\xf7\xe372\xccN\xdc\x81\x88uv\x1c\x93\t(\xaf\x92\xa4!"@\x1e"\xfe\xeb\x17\x7f\x7f\xf7\xe2\xcfd|t\xf46\xe8\x1e\xbbcU\x9e\x1c\xdb\xa1\xa2\xc8X\x1a\xd4\xc2\xf7\xde\xf89@9\x94L\xb1[2\x85\xd0\xc4\x8aO\xd4v"\xc4\x15\xa9\xac\x88\x00\xe5vY|#e\xceT\xe3A\x859\xe3\xcc\xaa\xce\xca\x03\xa68\xeaA\xc4\x0e\xe3\xf7B\xab\xe1\x1e\xd4%\x914=R\x87q\x03\x1bP\x10\xb3\x14$v\x9b\xfcz\x8f\x0ep\x19\xc5\xaf\x062F\x06pZ\x9d&gt;\x12r\xc7{^\xea\x98\xb5\xd7\x90\x1f-\x82!\x16M\xf2}\xc1t\xa18E\xe4({\xe6}?\x93\xa7\xd2\xbb\xac\xd4N\xfd\xc2\xbaiE\x86\xd0\xc8B\xaaR\x17\xd9\x0bD\xaf\xa3\xcf\xbcs\x1c\xfc\x827\xbf\x8e\x91\xadg]\xf0\xe8\x9f\x8e\xeb\r\x1f\xf6\xdf\xfc\xa5e\x1e\xd2\xdb\xab\n\xcdGJ\xca\xd0\xb8\x9a\xf9\xfc\xa2\xbc{_\xac7\x98\x11\xd1\xb5\xc6\x80D\xd2d\xb9\xf8\x89\xbf\x03Y|\xa1\x88\xf3\x04b\x82o\xc3*\xdff\xc8\x1d/\xd7s\x9b/|\xc3\x94\xa6\xb9\x07\xd2\t\xfa\xa2\xda\xcc6\xe5d\xe1\xd7S\xbb\xeb=\xd4\xa5\xc7\xf5\xbf\xfci\x04("z\xc6\xa4\x98\xaa97\xbc\xa2|L.\x1d\xb0\x19 C\xd0s\xb2~\x99\xcb&lt;\xcb.@dJ\x94F~(\xecs\xcc\x9d\xef:\xe9\xd3\xafx\x16\x95&amp;A\xd9\xb4#\xf7\xfc\xc4\x0e\x00\x95\x04\x94a#HnR\xbc\xa3M\xc3\xd4\xd3\xbc\xf33\xd59D\x0b\xf7,\x00\xe85\xfb,2\xc90\xa1\xd4\xa8\x1d\xbdk\xf0\x92\x8b\x89\x840\xd5\x17\x91H\x82\x88\x98W\xfd\xb3\xef\xff\xc5\x8b\xcaZ\x13\x7f-q\xe3\xce\x02,w\x7f\xc9\x91i\xc7\x15\xff\xe7\xae.\x06\xad\x86\x03@\xc7\t{\x01\xc8\xed\xd2\x08A\x0bWu\x8c\xc9\xfe\x1e\x11\xa2\xfbl\xb9\xf8-;uk{\xb1\xc5\xcaw\xa4\xce`l\xee\x01S(\xec}\x8c\xfe\xf2\\\xceH\xc0\xab\x880\x12\xfd@m\xd5&amp;]\x9bEw\x97\x83\xb1\xb3Hs\xe9\x15[=W\x9f\x90\xa6\x1ePcRu\xf5x\xd7\x9fge\xcbw j\xd3\xaf\x9c\x15\x88x\xd9S\xff\xe3O\x89\xda\x8e\xda\xf5\x85\xdc\x00\x96H\x84\xe1m\x11]H\x13\xfd\x19\xect\x01\xc0\xe4W\xc86\x9e\xf4\xad\x97&lt;\xf1\xf7\xd6K\xde&gt;\xf7\xa1\xdfP\x0f]8\x1f\xd1S\xd1\x00R\x16\xa0\xef"f7\xae\xb5_g\xbe\x12\n\x06\xc8@r\xc1B\t\xa9\xd4c\xd6\x19\xb4\x93Q^\x0b\xd5\xd38\xe7D~&gt;\xbdc\x13`4;\xf8\xe8\x97kV\xd6\xc6*\xb9\xb9=6\xd0\xd2\xdd\xda\xd7\x9a\xb7Z\xc3\x07\xe5m\xe2\x9a\x1d\x16\xaa\xf3cwA\xb2%\x92\x96\x84S\xbb\xe1\xec1\xfa\xcf\x0e\xd5\xa4]\xae\xd54\xb6\\\xf4\xa6AQS)\xb9\x07\xc5\xa9$I\r@\xd4\xd5/ \xe1\x91\xaa\xc9\xf0\xa1\xef\xd6\xc5@\\\x7f%\x05\x11\xdb\x8e\xda%`\xe9\x14T\xe7\xbd_\xebW\xe4\xfec\xa68Z\x10\xdb\xca\xf0\xf1m\x17\x806c\x88\xe8\tP\xef\x8d#\'5\xb4\x89\x18\xa4\'H\x91\x90\'J\x1e\xbe\xa8\x80\xb30M\xb3*\xdf\xc27\xad\x02"\xaaZ\x</t>
        </is>
      </c>
      <c r="E128" t="inlineStr">
        <is>
          <t>&lt;class 'numpy.ndarray'&gt;</t>
        </is>
      </c>
    </row>
    <row r="129">
      <c r="A129" s="1" t="n">
        <v>127</v>
      </c>
      <c r="B129" t="inlineStr">
        <is>
          <t>steps_per_sec</t>
        </is>
      </c>
      <c r="C129" t="n">
        <v>1900</v>
      </c>
      <c r="D129" t="inlineStr">
        <is>
          <t>5.333676</t>
        </is>
      </c>
      <c r="E129" t="inlineStr">
        <is>
          <t>&lt;class 'numpy.ndarray'&gt;</t>
        </is>
      </c>
    </row>
    <row r="130">
      <c r="A130" s="1" t="n">
        <v>128</v>
      </c>
      <c r="B130" t="inlineStr">
        <is>
          <t>Loss/localization_loss</t>
        </is>
      </c>
      <c r="C130" t="n">
        <v>1900</v>
      </c>
      <c r="D130" t="inlineStr">
        <is>
          <t>0.009004056</t>
        </is>
      </c>
      <c r="E130" t="inlineStr">
        <is>
          <t>&lt;class 'numpy.ndarray'&gt;</t>
        </is>
      </c>
    </row>
    <row r="131">
      <c r="A131" s="1" t="n">
        <v>129</v>
      </c>
      <c r="B131" t="inlineStr">
        <is>
          <t>Loss/classification_loss</t>
        </is>
      </c>
      <c r="C131" t="n">
        <v>1900</v>
      </c>
      <c r="D131" t="inlineStr">
        <is>
          <t>0.3747923</t>
        </is>
      </c>
      <c r="E131" t="inlineStr">
        <is>
          <t>&lt;class 'numpy.ndarray'&gt;</t>
        </is>
      </c>
    </row>
    <row r="132">
      <c r="A132" s="1" t="n">
        <v>130</v>
      </c>
      <c r="B132" t="inlineStr">
        <is>
          <t>Loss/regularization_loss</t>
        </is>
      </c>
      <c r="C132" t="n">
        <v>1900</v>
      </c>
      <c r="D132" t="inlineStr">
        <is>
          <t>0.031753242</t>
        </is>
      </c>
      <c r="E132" t="inlineStr">
        <is>
          <t>&lt;class 'numpy.ndarray'&gt;</t>
        </is>
      </c>
    </row>
    <row r="133">
      <c r="A133" s="1" t="n">
        <v>131</v>
      </c>
      <c r="B133" t="inlineStr">
        <is>
          <t>Loss/total_loss</t>
        </is>
      </c>
      <c r="C133" t="n">
        <v>1900</v>
      </c>
      <c r="D133" t="inlineStr">
        <is>
          <t>0.4155496</t>
        </is>
      </c>
      <c r="E133" t="inlineStr">
        <is>
          <t>&lt;class 'numpy.ndarray'&gt;</t>
        </is>
      </c>
    </row>
    <row r="134">
      <c r="A134" s="1" t="n">
        <v>132</v>
      </c>
      <c r="B134" t="inlineStr">
        <is>
          <t>learning_rate</t>
        </is>
      </c>
      <c r="C134" t="n">
        <v>1900</v>
      </c>
      <c r="D134" t="inlineStr">
        <is>
          <t>0.06104</t>
        </is>
      </c>
      <c r="E134" t="inlineStr">
        <is>
          <t>&lt;class 'numpy.ndarray'&gt;</t>
        </is>
      </c>
    </row>
    <row r="135">
      <c r="A135" s="1" t="n">
        <v>133</v>
      </c>
      <c r="B135" t="inlineStr">
        <is>
          <t>train_input_images</t>
        </is>
      </c>
      <c r="C135" t="n">
        <v>1900</v>
      </c>
      <c r="D135" t="inlineStr">
        <is>
          <t>[b'640' b'640'
 b'\x89PNG\r\n\x1a\n\x00\x00\x00\rIHDR\x00\x00\x02\x80\x00\x00\x02\x80\x08\x02\x00\x00\x00\x83\xaf^t\x00\x00 \x00IDATx\x9c\xec\x9du\xa0\x15\xc5\x17\xc7\x0f\xdd\xf0\xe8\x86G7&lt;\xba\xbb\xbb\xbb\xbb\xbb\xbb\xbbC\xba\xbb\xa5\xbbAB\x10\x91R@\x05A@E\x05A\xd1\x9f\x8a\xdf\xdf\x1f{\xef\xde\x8d\xd9\xdd\xd9\xbd{\xe3\xbd\xb7\x9f?\xe0\xbe\xd9\x89\xb3\xbb\xb3\x93g\xce!r\xe0\xa0\xcd\xf8\xa3\x94\xa0Z\xa0\xa5\x08\x97\x00\x08T\xd1\x85\x9b\xce\xb55\xbf\xe8\xaa\x90x\xba\xf1\x0bB\x85A\x01\xd9\xda\x11\xd1+\x8d\x98B\x0e\xf9\x1b\xcc\x94\x07gVDP\xa4\xfd\xde\xcc\xf3\x9f\xbc\xed\xb1\xf4\xcf\xf9\x07_\xd5\xec\xb3\x99\x88\x88\xa2IK\xf9W\xc83e\x03i \xc5\xae\x00\x80\xd24\xf6\x84Pr""\xca\x06 y\xb1\xfe\x002T\x18!\xca\xc9\xbc;E\x88\xe2j\xb9\x8e+\x00\x10%\x12\x02\'l\xfaZL\xd5a\xf2I\xdd\'\x9c\x9a(6\xb1jc\xc1&amp;s\x14\x81!\x85zI\xef"QXO\x83\x17\x97\xaa\xa1\xdeU=\xf2R\xfc\xaa&lt;\x15\x83\'\x8e\x83\x83\t\xc2_}\x8aV&amp;\xd0\x12\xf8\x96|\xf5g\x04Z\x84\x88\x86\xd8n\xe6\xa89\x91(\xa1v\xc4\xb8b|\xa2\x1c\x00\x16\x1f}\xed\xfe\xd3\xd3\xc7\x17h8S\xbf!\x06@T@\x11X\xa0\xd1\xac}\xf7P\xbc\xe5B"\xea\xb3\xe0\xaa*\xbe\x9b\x18\xe542\x14\x7f\xc4b\xa4\x92\xc4\x94\xcb\x16\x93\x99D\x10\xe0;\xd5]\xbc\xd7\xbe\xaf\xe2\xad\x16\t=\xbdzx!\xfc\xae\xd4u\rQ."J\x18\xd6\x83\x99\x83;fn\xe1G\xfbI\'=Y\xa5\xac\xbf\xfd3\x008\xf0%\x92\x17\xef\xaf\x95\xdc$\xf9\xa5\xe5\xea\xbf/\xce\x91\x19\x115\x1fu\xc0\x1e\xe9\x1c\x1cH\xf8$R3F\x8ey\xebM\xa3(\xa5\xfc/\x8f&gt;M\x86\x7f\x1c\x0c#\x86\xb0F\xb3\x03-\x82\x83\xff\xc8^c\x82"\xc4\xb05\'"\xa2\x94\x9e\xd0T\r\x92\x15\xeb\xa7h\xe5\xd3\x96\x1dJD\x99*\x8ffNCU\x7f&amp;"\xa2\xd3OAD\xd5{n\x94\xe6\x03\x80(\x03\x11\xf5]xM-O\xdc&lt;]\xa6\xee\xf8\x8e\x88(Im1\xc9C\x80(\x1a\xa5j\xa8u#\xee\xfc\x93+\xc5\x88[\xc9\xfdW\x12\x00D\x05\xa5\x11\xdaM&lt;\xae\x95\x9bn)\x0cv\xdcD\xa3\xa1{\xaa\xf5X\xaf\x88\xd0s\xee\'\xcc\xf8Di\xd4A\xe5;\xad4,H ^\xde\xae\x92aS2\x9d\x98\x0e\x0e\x91\x17\xff/\x01U\xef\xb5\xd1\x9f\xc59\x04\x96]\xb7@!5\xb5\xae\xb6\x9ftB\xf8\x01\xa0\xfe\xc0\x9d\xcc8\xf1\xf2v\x15\xe3\x18\x16w\xf8!\x88\xe8% N\xbe\x99\xf4\x98}1\xac\xd1l\xa2\x12\x00\x88bH\xbf\x82\xfd\xf7\x91\xad\xfax\xa1\xb8\x8f\xef*\xd7\x8a\xa5"\x85V\x1a%\xcf5&amp;\x11}\xad\x12r\xe8\xf2[\xf2\x80\x8c\xc2\x7f\xffJ2,\xdb~y\xebqG\xf8g\x8d1st0\x8aR\x88\x19\xdax\xd8^EH\xd6j\xe3\r\x8b\x13\xa9\xda}]\xcc\x9c\x1d\x00T\xec\xb2\xda0\xb2p#\xccA\x8c\x83C\xf0\xd2q\xca)J\xdf\xd4?e\x05\xc3\xf4\xd7GD\xe0[\xe3\xc4\xbd\xcd\x19\\\x84\x14\xea\xc5\x08MPU\xd8\xcbd\x91\x9aL\xbeM\x00D\xa9\xa4!%\xdb,!I\'\xdar\xcc!JZ\x87\x88\xde\x02\x9f\xff\xa1\\\xfe\xf5t\x84\xa9\x1a\x88\x97f\xef\xfb\xa1\xdf\xa2O\xd5e-9\xf6\x86_0C\xbe\xfc\x80\xca\xdd\xd6*\x02\x07,\xbenc\x11\xa6\x88\x96\xb5\xed\xde;\xca\'\xaf\x0e\xe1\x07@\xbc|]\x9do\xd3!\xa8q*\xa8\xf7p&lt;\xc3tf\xf2\x8bj]\x94p\nk\'\xc5\x0e\x120CS\x95\x1aDDD\xd9\x0c\xd3g\xae2\xe6\xb9\xe7\xe5\xa6UG`\xbez\xb1\xfb\x04@\xc9\xea\n\xbfc\xe5\xec\x98\xad\xfa\x04w\xfc\x18\x14\xa3\x9cz;\xd6\xfdgFC\xc1\xb4\xc9/\xfd\xe3\xc4c\x10\x15SG\xaa\xdeSX\x1c\xca"\x0fN\xa9\x8e\xe9!S+/\xa4\xe2\x82\xa7-\x92\xae\xde/;\xf9N+\xdaG\xc7\x7fsZ\xb6\xc8\x82\xf3\xa6#;\xa9\x1a\x10\x11QV{r\x8b\xc9\xd0\xe5\xb1B\xda\xc6\xf6\xe4\x93\xa8\x86=\xf9h\xf37\xcf\x17\x14\xa5T\xdc&lt;\x9dm,\x94\xe7\xb3]v\xea\xdd\xc2\xc3\xbf\x14o\xb5H\xbd\x97\xacG\xd2\xda%Z-R\xaf\xf1\x8eX}W!\xc0\xf4]\xcf\xc4?\xef\xfe-DNo\xa1=\xd1I\xf2\xd1\x89\xb7\x1aW\xc4\xea*\xd9\x82\x8dUA\xfc\x99\xb8Po\xb3b\x18 Q\xf9\xb6\xc6\xf8M\x8f\xc4\xad\x04\x0e\xe22\xc7L\x0e\x11\x90Z}\xb6x\x9bE\xc2\xeav\x08\x12n\xd8p\xf9\xbf@\x8b \xa3T\xdb\x8f\x02-B\xe4%0CXIg\xa3\x10\xa3\xf3\xf4\xb3\xf5\x06\xee\xb0\xa5\x90#\x8f@\x94\x84}\xcd=9\x96\x93\x0f\x00%\xaee\xa1\xac-\xd7\x00\xe0\xa9\xf6I$\x16\x19\x13\x17\xe6\xeah/\xfd\xe8\xa3wd]m*s\x951\xce\xe4\xc7!(\x98\xb5\xf7\x85\xe5\xb4\xa5\xdb-\xb5Q\x12\x07\x87\xf0J\x8c\xb2DDT \xb0\xcd\xbaD\xa7W?\x8e\x92\xd3O\xb1\xe2\xcc\xfb\x9b\xef\xcc\t\xff\x93O\xb4#=\xdd\xea\xe6k\x98\xb4\xf5[\xadx\xfaE\x03\xa0\xe4\xcca\nWr\x87\xc8B\x99\xf6\xcb\x02-\x82\xcd\x94\xef\xb82\xd0"D\nr\xd4\x9c\x18\x90r\x9f8-\x97\xfd\xc4$\xca\xa1qIK\xed\xcb"\xb2\x83LQJ\x1aE/b6\xff\xb8y\xba\x98\x17\xcaC\x8b1\x87\x14!\xcc\x9er\xcf\x17\x06\x95\xb0X\xcb\x85\xfa\x11\x00\xbd\xde\xdd!\xb2\xb0\xfc\xf4\x1f\x81\x16\xc1\x1e\x9c\x11\xa5\x83/\xa8\xd0\xc9\xe6\xf1\\\xaa\x92\x83\xec\xcdP\xc0B\xfd\x8f\x9a\xa5\x8d/$\xd1\xe7\xbdY9u\xf7_]\xdb\xd5\xbe4Tw\xf9g\xb7\xc0\xee\xa3b\x00(~\x15/\xb3u\xda+\x07\x07\x07\xebd\xad6.\xd0"\x04\x05\x85\x9a\xb8m^\xc6S7\xca1\xfc+K\xf8\xc2\xf4\xdc\xda\xda\xec\xd6\xf6\xae.c\xc5\x91\xfa\x116]\xd5+q\xfe\xa1\x9f\xc9\xe9\x80\x1d\x1c\x1c\x1cl$O\xddi\xccpS\x06\x99-\x93\xa5\xeaX?\x94\x12\xee\xf0\xbf\x15\x1d\x81\x8eSO\xf7\x9e\x7f\xc5\xcbL\x00\xd4\xea\xeb\xb5\x92\xac\x83\x83C\xa0`\xb6&gt;\xd7^;\xa3o\xff\x11\xccs\x9d\xd8\xb9;\xf5_\x140\x13\x16~\x00\x80\xc1)aO4\x9b\xcb\xf5\xbe\xef\x14\x14\xda\x83\xb9\xfe8xE\x8e\x9a\x93\x02-\x82\x83\x83w\xc4\xa9d\x1c\'\xa0\x1c\xfc\xcai@\xed\xc2\xf4\x92\xbe\x9fz/K\x87\xaf8\xa9\xd6c\x83\xe8\x03\xca\xc1\xc1\xc1\xc1\x81\x17\xc1\xbe\xa3\xad\xe4\xe4\x8c\x175\xab\xcfu\xac\xf27\x08v\'Z\xdc\x1dp\xac\x8b?\xd8\xd0U\x03 \x8a\xef}&gt;\x12R\x86V\x1au\xe4\x913\x86s\x08\xb7\x0cZz3\xd0"8\xf8\x8a?|&lt;\xc5\xd1Q\x15n5\xf6\xb0O\x8b\xe6\x87\xd9\xcd\xf8a\xf2\x17\x9c\xab\xa3+\xcf\xfeY\xa5\xfb\xba@K\xe1\xe0\xe0\x10!`\x9b\xe6w\x08\x1f\xd8p\x8e\xb6p\xb3y\xfa\x11\x02\xd2\x11\x06J\xbf\x89\x88&amp;o{\x1c\x90r\x03C\xd0o\xb2888\xf0\x93"\xd0\x028D\x04\x00\x84_/\xb6\x87\x1e\x04l\xf4@D\x89\xc2z\xea\\\x9d\xbb\xffG\xbfI\xe2\xe0\xe0\x0b\xd8\x9e&gt;#5i\x9b\xe8_\x0f\xce\xe5D\x87 &amp;J\xa0\x05\xb0\t_\xaaP\t8\x1f\x97C$\xa2H\xb3y\xe1wl\xee#\xcauX\x11h\x11\x1c\x1c\x82\x05\xa9\x05\xc0\x13\x8f}\xd4;F\x13\x7f=\t\xdcr\xbd\x83C\x00\x98\xb2\xfdI\xa0E\x08"d\x1f\xbf\xb3\xa5\xe4\xe0\xe0w\xdeit\xc0\x00\x882\xf8Y\x18\x07\x07\x07\x7f\x12Al"\xee\xbb\x17\xee\xa6\x11%\x02-\x80C`\xe0\x99\xf2&amp;.\xdc\x9b(\x11Q.?\xc8\xe3\xe0\xe0Ol\xf6\xe2\x12\x9e\x89({u\xe1\x10u+\xec,EF*\x00\xf4[xM\xeb\x92P\x19F\xae\xb9\xe7_\xa1\x1c\x1c\xfcN\xe6*\x8e\xb1\xdc\x88\xc9\xb8\x8d\x0f\x03-B`I\x1fh\x01\x1c49\xf2\xb5\xeex+y\xdd\x00\x9e\xe6rp\x88\x00\x14\x0f\xb4\x00\xbcl\xb8\xfc\x9f_\xcb\x8bR\xcaO\x05\x85\xd4\xf0SA\x96\x89V&amp;\xd0\x12\x04;\xdc\x9dPZ\xdf\xca\xe1_\x84\xde\xb7\xaf\xc6\x14\xd9\xc1\xc1!\x82\x11\xcd8J\xc4#SK[\xb3\x8b\xc7\x1fu\xee\xfe\x1f\xd7\\\xf8\xdb\xd6\xd2#*\x89\x03-@ \x88S\xc9\x99\xfe:88h\x92\xb6\xcc\xd0@\x8b\xc0\x0b\x80\xbdw\x94\xcdY\xea\xd2C\x02"\x8c\x9b\xccN\x0b\x1byI\xdf,\xd0\x12888\x84gl\xec?~\xf7qW\x14(\x93\xc8\xbaD\xca\x89]\xe4$JI\xad+\x06\x1b\xbd\xc9\xeb\x05\xba\x96:\x04\tQK\x07Z\x02\x07\x1f\xc2\xf3\x9dw\x9fu\xc1\xfb\x82\xbeq\x1a\x14\x07\x07&gt;\x1e\x02\xc5Z,\x0c\xb4\x14\x0eA@HA=#\xa5\xe1\x88nv\xf4"\x11\x8c\xca\xdd\xd6N\xdc\xf2\r\xf3R\xec\\\x9d\xa4\x7f\xf6\x98}\xd1/\x12\xd9J\xc6\xe6\x81\x96\xc0\xcf\x84\x06Z\x00\xaf\xb0k\xce\xf7(\\\r\xf5\xd2\x95\x1b\x16h\x11\x1c"\x07\xce\xa2\x8a&gt;\xd1\xb2\xb5\xf5s\x89:o\xa4\xf7\xbc\xcb\x861\xb5\x92\xbf\xf6\xcd\x8b\xceXq\x14\x7f\xe4\xe3\xdf\x86\xcb\xcaV\xbd\xd7\xc6@\x8b\x10l\xe4\xf5E\xa6\xc1\xd3\x16\x05\x8f$\x0e\x11\x9eH\xa9p\x1bp\x92\xd4\xf62\x83?M\xb6\x11\x00Z\x8c&gt;h\xb10\x03i\xe3\xc5\xca\xd5Q\xf8%\xcc\xd1y\xdb\xaf\xa4u,\xca\xe3o2\x06Z\x00\x07[\xc8\x1ah\x01\x1c"5\t\x03-@\xb0\x91:\xd0\x02\xf8\x15i\xbfh\xe3\x18_\xad\xba\xa2\xa5\xcc2}\xd73\xbb\n\r\x14\xf2\xfb*\x1209\x1c\xec\']\xa0\x05pp\xf0\x1fQ\x03-\x80\x8c\x14%\x06\x04Z\x04_\x91\xb3\xd6$;\xb2\xc9\xa1uA\xd6\xddfj\t7\x8c\xa8!5\xed\x90$\x90l\xf9\x14\x14\xbdl\xa0\xa5\x88\xe4\x84z\x9fE\x9b\xf1G\x9duf\x07\x87 #SK_\x7f\x96)\x8a\x0f\xf0i\xfe^a\xc9\x14\x94\xbb\xbb\x8dMD3\xf7&lt;\'\x8a\x13\xa1\xed\xf6\xe5\t5\xb3\xed\xed\xa0E\x8e\x9a\x13\xad&amp;M\xe9}\xe9K\x8e\xbd\x99\xb3\xef\x07\xad\xab\xae\xda\x1b\xb3&lt;\x7f\x86w\xfe\x17Q+\xbc\x83\x03/q\x03-@`\xb8\xfcs\x00&gt;\xfe\xf8\xf9\xbbI\xfe\x92\xed\x92F\xe8\x0e\x986]\x05\x11\xf5\x9c\xfbI\xa0\x05\tF\xf25\x98\xa1\x1f\xa1\xed\xc4\xe3\x93\xb6~{\xf6{V\xf5\x08mI\x14bXDpU\xad\xe8\x8e\xf9R\x07\x07#r\xd5\x9e\xac\x08\x08\x8c\x1c\x1e\xf2\xdb\x98\xd7\xc3@4I:\xed`\xee:S\xfc)\x89C8\x02@\xcb1\x878#\xb7\x9ft\x82\x15\x9c\xc6Fy\x1c\x1c\x82\x90\x02\x81\x16\x80\x89\xa3%\xc1\xa6\xee\x80\xed\x81\x16\xc1\xc1\xc1f\x00|\x08\xaa\xc9\xae\x83\x83.6\xfa;K \xf9]\xd0\xbel]\x98ZDZu\xee/u\xf2\xe0Z\x86\x8a\x08\xd8\xff\x96\xc339u\xae\x15n:\xf7\x01P\xab\xef\x16\xbfI\x13Y\xd1t\x16\x1e\\\x9f\x7f\xf2z\x81\x96\xc0\xc1\xc1\x1c\xc5\xb8c\xb2\xfd\x9a\xd9\xd2\x07\'+\xd6\xcf\xcb\x1c\x1c"\x06]\xa6\x9f%\xcaQ\x7f\xd0N\x00\x94\xb0\xda\xcf\x00\x80\xc1\xcb&gt;\xd7NQ\xc2\x7f\xc2\xf9\nM\xb5v\x07~\x82k(\xe0\xe0\xe07\x9c\xaa\xef\xe0%B\x15\x82\x06\xf6\xee\xd3\x07\x15\x00\x88R\x04Z\x8a\x00\x135K\x1bu`\xd5\xee\xeb\xd4\x81\xfd\x16}\xaa\x95\x89\xa7\x15r\xb4\xb1\x1c\xfcEv\xff\x14\x03@\xc7M\xcd\x98\xf5_9}\xb0\x83\x97x\xba\xdbD5\x88\xa8\xd1\xd0=?K\xfa\xe0\xbc\xf5\xa6\x05Z@\x1f\x10\xaf\x8a]\x1fN\xefyWl\xc9\' $,\xd0\x833\xa6\xdez[\xc6\xe6\xf3\x0f\xbe\xb2M&amp;\x07\x07\x92O.\xb7^\x0fX\'\'\xb4\x80ZU\xff\xc2Kg\'\xd8\xc1[\x00\x94\xef\xb8\x82du&gt;3\x80\xfc\rf\x08\xcdn\x8c\xec\xed\xed+-\x95}Y\x05\t1\xc5_%Z/\x0e\xa0\x1c\xf6\xf2\xf9\xef\\\x96\xdd\xf4/9DL\xfe\xf3\xdb\xfb\x8e_\x95\x19lo\x85c.\x04\x11Q\xaa\x92\x83.\xbf\xd2\xb2\xa9\x14\xe3\xd6{msK\xe6\xa9\xd9{\xb3-\xf98\x84/\xdcU(7\x11\x11\x95\xa8\xe2Y~\x8cU\xbd\xe7Fq\x1e\x9c\xa4p\x1f\xa3\x9c2\xf9P\xca\xf0\xc0\xec\x8f_\x06Z\x04\xeb\xa87\xfb\x15m\xcbgoq\xe9G\xa7\x97u \xa2\x08\xb7\xf7Y\xa1\xd3*f\xb8\xf0\r&lt;\xd6\x1dxF\xb0G\xe1\xa0\xc6\xa7\xaf\x18@\x9d~\xdbR\x97\x1a|\xe0KY)\xf9\xea\xcfP\xed\x07\xeb\x13\\vU\x1d\xbc\xc4iX\x1c4\t\x86\xca1s\xef\x0b?\x94R\xb8\xe9&lt;f\xf8k\xa7\xf7u\xf0\x90\xcfZ2\x00\xa3\xd6\xdc[r\xec\rQ\x16\x00\x14\xb3\xbch\x9b\xb0T\x9b\x8fLv\xc0\x11\x13\x00\x94\xba\x9179\xf4\x98s\xc9.a\x1c\x1c\x82\x82`p\x16=h\xe9M\x8b)\xe3T2\xd5\x9c1#\xb7\x9ftB\xafYLT\xfdk`\xc5\x99\xf7\x8a\xe0\xd1\xeb\xbe\xe4/\xd7Md_Z\x8c\xb0\xa4m\xf2\xc9O\x00p\xfa)\xd6]\xfa\x17\x00Q\x01\xb1F\xdd|\x07\xa7\x03vppP\x93\xcc\xcf\xe5\xd9\xde\xfa\xfc\xe4u\x86\xd6\xda\xc4&gt;\xf3\x8d56;L9\xc5\x0c/\xdc\x8c=\x17w\x10(\xd0pf\xa0E0\x8dP\x8b\x96\x9f\xfa\x9d(5\x80"\xcd\xe6{\xae\xa5m\x1cQ;\xe0_\xec\xbb\x97\xdd_ O\xdd\xa9\xd6\xd2F\xcd\xd2\xda.1\x1c\x1c"\x0f\x017\xa1L\x00\xf27\x98q\xe3\xadO\xdaD\x00jG\xf7\xa1\x15GE\xa4&amp;\xd8A [\xf5\t\xee\xce5=\x11u\x99qn\xd8\x8a/\xc4\xee\xf6\x9dv\x07\x1c\xae+\x83\xbd\xc2\xb7\x18}\xd0\xc6\xdc\x02J"\x1f5)\x0e\x0e6\xe2u\x07\x9c\xb2&gt;g\xc4\xfc\xeeIU\xa6\xca\xa3\xbd-\xd4\xc1A\x03U\xff\x1aF\x14[5\xfd\xcd\xa6H\xe2_\x19\xed$\xb4\x92\xe3K\xd1\x00\r\x0f\x10r\x12V\x0f\xd7\xd5\xc0\xc1\x06z9\x0e\xd1|O\xf7\xd9\x17\x03-\x82Op\x9a\x0f7\xa9\xdc\xbdl(%\xa9\r\xe0\xee\xdf\xae~\xf7\xd0\x03\xb0\xde~\xb1Qk\xefS\xf4\xb2\x01\x90\xd4~\xd2\xd6\x1f\xb43\xd02\x84K"\xd8\xc6\x84\x83C\xb0\x92\xa6q\xa0%p\xf09\xff)\x95\xae\xd0g\xfeU\xa9\x95\t\x81\x02\rgR\xd4\xd2\x01\x91\xd0&amp;\xf8m\xb0\xb3\xf9\x17\xf8\xd9\xe9x\x9c\xf1k$\xe7\xe2\x0f\\\xaf\xdf\xa9%\x0e\x0e\xfc\x88\xbd\xef\x91G\x11\xf3\xc3\xd9u+\xd8\xef+\xd0MV\x16\x9dk\x81\x96\xcd!80\\\xfdHZ\xa4\xaf\xdf\x84\x89\x90\xd4\xe8\xb5)\xd0"\xd8\x80/\xdb\x8bB&gt;\xcb9&lt;!\x9e\x1b\x0e\x17\xa4/7\xdc\x9b\xe4N\xf7\xe3&lt;\x01\x87\xc8B\xda\xb2\x81:\xeb\xec\xed\x1a]\xf0\xe0\xbb\xf6\xe2\x8b?\x9d\x96(\xdc\xb3Z\xe5f[\x87a+o\xfbN\x92\xf0\xce\xb9\xe7\xce\xe7\xe0\xe0\xe0\xe0\xe0o\xd2\xd9\x9da\xb4\xac\xd5\xc6\xdb\x9d\'/\xce\x0cOB\x12v\xb0\xa3\x11\xe2\xe0\xe0;\x1a\r\xdd\x1bh\x11\x1c\xc2\x1f1svp\xfd\x8aS)\x90r\xf8\x9d[\xef#W\x9f\xddn\xe2\xf1@\x8b\xe0\x10\x04\xb8\xc7\xaa\xf1\x03,G\x84\xc3\x99\x048X\xe0\xdc\x0b\xadj\xe3\x1b\xa7\xf7\t\xab\x9bL\x10|n\x10\xd37\xb3\x96.e\x89\x81\xf6\n\xe2\xe0`\x91\xe4\xc5\xfb\x07Z\x84\x08KD\xd5\x83u\x08 \xfd\x17_\xb7\x9a4\xa9\x9dr\x04\x01\xe1p\xa4\x1b+\xd0\x028888D\x002\xb5\xb47\xbf\xde\xf3.\x13e0\x9b*u\xa9\xc1\xbcQ5\xed\xc7\xa5\xe4I\xfd$\xc8z\xbb\xec5&amp;XHd\xaf\x0c\x85\x9a\xcc\xd1\x1a\x04\xfc\xa1\xf9\xb8\x9c&gt;\xd8\x81\x88\xc2\xe5\xf8\xd1\xc1\xb7\x94m\xbf,\xd0"DR\x9a\x8d&lt;\xc0\x13\xad\xef\x82k\xf5\x07Z7;5t\xc5\x17q\xf3t\xb6\x9c&lt;\xa8\x08\x86\xe6+K\x95\xb1\x8c\xd0\xd8\x15)I\xed\x88t\x14\xc2\xc1\'\x00X}\xfe\x7fZ\x97\xf4\xd3v\x9ev\x96\x88\x88\xf2\xda\xfb\x19\x04\xc3Ge\x99\xc5G_\x87k\xf9\x1dl$S\xe51\xc2\x8f\t\x9b\xbf^~\xfa\x0f\xfd\xc8\x7f\x02\x0b\x0f\xff\xc2\x95\xaf\xe9\x8d[\x19\xd7^\x832X\xdc7\xb5\x9fT\r\x02-A\xc0\x89G\xe1\xbc\xd1s\xf0\t\xc6\xce\xfeB=\xebo\x8eR\x9f\x0e6:ns\x08\xa7T\xea\xba&amp;\xd0"\x10Q\\\x00KO\xbc\r\xb4\x18\x91\x17\xad\x8ev\xdf=\x99M$\xeb^\xd2\x1d"\x0cu\xfam\x0b\xb4\x08\xe1\x0cg\x18\xeb\xc0\x8f8?vp \x92\x9d\x0cvZ\x92\x88\x89\xf3^\xfdC\x91f\xf3\x02-\x82\r8\xb5\xc5!\xc8\xb9\xf9;\x7f\x15-\xecC9\xf4\xf0\xcd\xf91\x87\xf0I\xa8\xf0_\xdez\xd3\x02*\x86\x83C\xe4\xa2\xde\xc0\x1d\x91g@\xe3\xb7;\xfd6&lt;&lt;R\x00\xe5:,\xcf^c"\xeb\xa2\xed\x16\xd0\x1c"3\x89j\x04Z\x02?c\xfa\xc4\x88\x83@\xf1\x96\x0b\x03-\x82_)\xd8dN\xa0E\x08:\xa6\xee\xf8\x0e\x00Q\xa6@\x14\x9e\xdc_\x05\xa5m&lt;\xec\xe3\x96c\x0f\xff\xcb\x18+\xc4\xe88\xe5\xb4\xbf\xc4p\x08\x1f\x84\x05Z\x00\x9f\x13y&amp;"\x0e\x11\x81\xd8\x15\xfd_\xa6\xf3\x8d88\x04\x17\x8eE\'\x07\xfbH\xeb4\xf1L\xf27\x98\xc9\x1f\xb9`\xe3\xd9\xbe\x93\xc4?\xec\xfe"\xf0\xd5\xa0\xd5\xd8\xc3&gt;\xc97cs\x9fd\xeb\xe0`H\xa9\xb6\x1f\x05Z\x04\xefq\xac\xd5\xf0"\xf6\xa6Y\xab\x8d\x0b\xac$\x91\x8c0\xef\xb3\x88\x9f\xbf\x9b\xf7\x99D`\x9c\x91\xa2\x83\xff\xf0\xa2\xb6\xe5\x0e\x9c\x9e\xa1O\xe82\xe3\x1cw\\_\xec\'e\xf4A\x9e\xa6(d&amp;r\x1a\xf2uS\x15\xbf\xaa\x0f3\xf7\r\xef\xfd\xd9v\'\xab\xebM\xea\xce\xd3\xcf\xda%H\xe4 \xb6w\xc9\x19&gt;\n\xe3\xe5\xeb\xea]\x9e\x0e\xe1\x01\x00D!\xbaW\x1d"\x00Q\x02-\x80&amp;\x80\xc7\xe6@\xcf9\x97\xd4\x11\x0e?\x8cX\x950J\xa9@K\x10~\t\xf80\xd4\x7f8\x06R\x1c\x1c\xc23\x89k\x05Z\x02c\xd2\x94\x19\n@\x7f\xba\x06\x80(\xba&lt;\xccf\x03\xfa\x11\x85d\x81\x16 "p\xfb/\xc5\x80\xcf\xd9{r\x08\x10\xddf\x9e\x17\x7f\x17n6\x0f\x00en\xa5\x9b\xa2\x84e\x7f\x9cV\t\xde\xb9\x9d\x1f\te\x86V\xe8\xb4\xca\xbfb\xb01ZG\x89\xa9\n\x91\x9d\x86\x94N\x91\xcd\x125Kkk\t\xc3\'\xb1z\xcf\xbbb!Y\xad&gt;[l\x17\xc5\xa7\x94\xeb\xb0"\x00\xa5&amp;\x97\r\x13\xa7\xed|\x1a\x00\x19\x1c\x1ctx\x01H\xfbl\t\xc5\xe6\x1d\xf8\xc9\xdf\xd28pp\xf7\xef\x88\xb5\xc0\x1b\x9e\xf1~\xc7\'\x02\xee\x19e\xd2\x1f\xf1;888888H\xe80\xf9d\xa0E\xb0\xce\x9d\xff\x99\x1b\xc7|mn\xdc\x13\xdf\xfd\xc3K\xd5-\x87HI\xdez\xd3\x03-\x82\x1e\x11p\x12\xa0\xa4 34\\\xdc\xf8\xaf&gt;\x162QXO\x9f\xe6\x1f\x11)\xa1\xb1j\xe5\xc0O\xfc\xbe\x0b\xae\x99M\x03\xc0Wg\x8e\x1d".Y\xbdI\\\xa0\xe1L\x95B\x8d\x831S\xb6?1\x8c\xd3f\xfc1\xdf\x0b\xe2-G\xbf\t\x07\xa3\x04\x07\x07_s\xfe\xa5\xa0\xd9P\x92/z^\xdfJ\xe3\x10\x8e\x08\x173-\x07)\x8d\x86\xee\t\xb4\x08\x0e\x011q\xec\xe0s\x1a\r\xddcr\t\x9a\x88\x08@\xcc\x1c\x1d| \x8eCD\'\x7f\x83\x19\xfa\x11\xa2em\xeb\xfe\xc9ht\xfer\xfao\x07\x07\x87\xa0%\xa4\xa6\xe4\x8f\xd4\x01\x13\xc3!\xb2\xc1\xed\xb66s\xb8\x98\x04\x87\x0b!\x83\x92\xf4vg\x98\xd4\xacY\x9fMW\x03\xf3\xee\xee\x857\x9d\xf0f#\xf7\x9b\x89n|P\xd8\xf9j\xfcH\xb4@\x0b\xe0\x10\xfeH\xe4\xcd\xb9L?\x92\xcf/Bz\xce\xb0F\x08{\xd7\xbe s\xa0\x050\xc1\x93pP\xb1\x1d|\xcb3\xa7\x0e88\x98!K\xa0\x05p\x88 \xf4]hZ\x97\xd5\x07\x0b\x06\x0eA\x86\xda\xafy\xa2\xea\xde\xe5\x98\xdcRMsp0\t\x80\xe2\xad\x16\x05Z\n\x9f\x13\x1e\x96\x04\x1clc\xf8\xaa;\x81\x16\xc1!\x1c\x03\xe0\x1f3-\x86\xd3\xbcDH\xa2\x13\xd1\xc9\'\xa8\x1aj\x975\xc7\xc4D\xaf\x15AQ\xa2D\nS\x91\x91\xe46m\x01@\xb8~\\%Z/N\x96\xcc\xb1\xba\xec`\x91J]\xd7\x10\xd1\x9d?t\xa2\xa4 r\xec\x06F\x12\xbcs[\xc6O\xad\xbe\xe1\xcc\xdel\xb0\x90\xd0\xcb\xc5\xae\xf0M\xfa\xf2\xc3\x03-\x82\x92\xed\x9f9\xd3\x11\x07\x07\x87\xf0\x06\xd3\xd9\\\xe4!j\x966\x16R\x99\xb5\x8a\xe7\x10\xde\xa9\xd9gs\xa0E\x08^2U\x1e\x13h\x11\xf4x\xeb\xac\x15;\xf8\x8c\xc2y\xeaN\x03@\x940\xd0\x928\xb8(\xdb~Y\xa0Ep\xf0\x0f\xe1\xd2~\\\x8e\x9a\x13}\x99}(\x11\xbd\xe2\xec\xf3\xd25\xf5\xa5$.|\xb4Y;v\xc3\x03_d\xeb\x10\x9e(\xd9z1\x00\xa2|\x81\x16\xc4\xc1!\\\x13\xd7B\x9a\xd0J\xa3\x95A\xf1*\xdb KxF8\x0f9w\xff\x8f~,\xd3\xe0\xdd5\x1c\xb2\xdb\xc6\xc2\x1c\xdd+\x87HM\xcc\x1c\x1d\xaa\xf5\xdc\x10\xa8\xd2\x03r\xde\xda\xf9\xe6\x83\x9d\xe8e\\?\xfc\xa5\xbd\xe1\x07r\xd4\x9c$\x1d\xd9sW\xc2\x18\xc7\xbf\x8d\xc8\xd5\xb5h\xf3\x05\x81\x16\xc1!|\xe2\x9bv&lt;\x85\x0f\xf2\x94\x91\xb0@\x0f_\x17\xc1 Im\xa2l\xea\'v\xf3\x9d\xac\x03\xf6O\xd7\x18~\xdc6\xc74\x8e\x12\x0eQ\xbf\xe5\x81K&gt;\x93\xfe\xb9\xfd3\x00h4t/3\xf9\xae[\x11\xb9CR#}\\\xa5\xda,\t\xa0$\xf6\x11.\xf7\x1a\x1c\x02\x8cM\xdd\x83\x9e\xab\xa5\xc809\x83\x1c\x8a^Vz\x89\xe2W\xf1i\xe9iJ\x0f\xf1i\xfe\x0e\xb6\xd3`\xd0.\xe1\x87\xd9\xafc\xe5\x99\xf7v\x94\xef\x98J\xb6\x81\xa7\x91\xa0esp\x08j\x8a4\x9bW\xa8\xe9\\i\x88\xf9%\xe8x\xde\x89\x90\xe5\xcb\x0fv6\x04\xd6\x9a\x952\xed\xc2\x91Z\x99\x97\x0f\xdc\x06v~\x0e\xc1\xaf{\x9e\xba\xd3\x02P|\xe2Z\xd2\xbf\xb2U\x1fo&amp;q\x06uP\x8b\xd1\x07\xbd\x13(\\R\xa2\xd5bJ\xd382L0\x1c|B\x9d\xfe\xdb\x02-B\xb8g\xdd\xa5\x7f\xd5\x81\xe1\xc4\xec\xb6\xbd\xa4\xe1\x8c\xb7\xe5\xd3\xc8\xf3d\n\x13\x11\xf3\xc9\x00\xb0\xa0\xa6\xb0\xf7\x0ej\xf4\xde\xc4\x19\xb9J\xb7uf\xf3\xb7J\xdc\xe0\xaf\xed\xc9\x8b\xf5\x97\xfe\xc9\xab\x83m\x84\xf0\xa5\xdb\x95\x9b\x83C`\x08\xa7\x8b9b\xbb3h\xe9Mix\xc3!\xbb\xad5IAe+\xb1z\xcf\x8dvd\x93\x96/Z\xc4\xd8\x1bN\xa9\xf8;M\x99!D\x05yR\xf6322\x9c\xa4H\x1f\x00\x14\xa3\x9c5\xc9\xd2\x96\x1dj-\xa1\x05\xb6\xddPW~\xa6\r\xb5&lt;\xddg]P\x86\xc5(\'\xffv\n\xd8\'\x97(K\xa9\xcd\xd7\xf4?\xcf\xf8\x9c9\x01p\x1c\x8188\xb8\xd8x\xc5\xf4\xc7\x90\xbb\xce\x94\xbc\xf5,.\x03\n-\x85r\xbe\x9b\xbc\x9e\x10\xf2\xc5{W\xe0\x81/}\xf2\x89f\xac8\x92\xa8\x88/rv\xe0#\x8e\xf4\x0f\xd6\x90+\xf6\xfe\xfb \x8aeKa\x7f\x05\xed\xb2J\xec\x8a\x8a\x80Qk\xef\x07D\x90\x00\x90\xa0Z\xa0%p\xf0;\x00b\xe6h\xefE\x06Il\x13\x85\x83Ug\xff\xf4[Y^\x1a\xb8XaR\xc3Eh\x10\xab\xf5\xdc0y\xdbci\xa0\xc0\xc0\x8f&gt;\xd3Nj\x0fA\xda"G\x02\xa2dn\xad\x1f\xa1Z\xcf\r\x00\x12\x85\xf5\xb4\xb1P\x9e\xd7=d\xd9\xe76\x96h\x89\x82\xe1\xc1\xd1Yb\x9eH\xce\xf7\xe5\xc0\xe0\xf0C\xa7Z\x04\x05\x00\x88B\x892\x8b\xedl\x82\xfc\xdd\xc5\x0e\xb8\xb0G9+\x01\x80\x0e\x93O\xda[z\x94\xcc\xad\xfb,\xb8jo\x9e\x0e\xc1\x0c\xcf\x87\xdf}\xf6E\xa6\x9e\x94H\xa4\xeaTJkx\xfb^s\xfe\x7f\xac\xe0\xf8)K\x0e"\xc9#\xea:\xf3\xbc&lt;Bv;\x85sp\xf0!\t\xaa\x06Z\x82\x00\x90\xbd\xc6D\xcfa$9[&gt;\xc5\xb0\x95\xb7m-\xadd\xa0\x1a\xd3~\x8b&gt;u\xffL\xca\x8c\x10\x8eZ\xf9"\xcd\xe6\x97\xe4:\x8a\x1a\xe6kI\xec\xc2@+&gt;z\xd9\x9a}6\x8fY\xff\x95\xb5\xccY\xfb\xbb.F\xaf\xfdR\'a\x97\xe9g}\\+\x8a\xf1GM\\\xb8\xb7\xc9\xcc\x93\x13\x11Q*eph\xcbH\xa9q\xe9\x10\xc4t\x9fuAp\xdd\x15Ip}~\t\xab\xcb\x8e\x02\xfb\xc3\xdf{\xfa\xf0\xf5\xe5\xb7\x1cs(\xd0"\xb0HV\xd7\xaemZ""*\xce\x0c\xe5\x7fSi\xca\x0c%\n\xf1J\x82\x96\xd6=y7\x1fu\x80\x15\x9c\x9aR\xd6\xb7\x9c\xa7\x04\x1b\xddY\x16\xb5/+o(\xf0\x9dc\xe8\xd7!\xa8\xc8U{r\xa0E\xf0\x0f\x9e\xe3%\xd2\xaew\xfd\'\x1f\x0c7\x08\xd5Hw\x91\xdd\x94\xd4MQ\x8c\x88&gt;:\xf1\xd6lAv\xe1\xdb\x1d\xee\x84\xe1_\xb7%\xb4%Q^\xf1\xaf\xef\xed\x19*i\x9c`N!\xf6\x8e6\x8e$\x0c)l*\xb6t\x08\x12=[;\xe1\x18\xb4\x11\\;\xb5\x01\xc4h\xacc\xee\x119\x84?|\xec\xb7\xc4\x06&gt;\x84\xabY\x9ae\x16\x1f}\r\xe0\xea\xaf\xda7\x1bEo\xc5\xb8\xcf\xfc+\xaa\xb0\xdc\xf6H\xe6{\xc2\x1a\xcd\x0e\xb4\x08A\xc7\xd9\xe7\xd0\x98MZ\x87c\x1am\x8f\x89\xab\xbf\x8d\n\xd2\xdag\xd1\x8foJ\x86l\xd5\xc7wSn\xc1\xfa\x9c\xec\xd5\'\xf8\xb9D\x87\xf0Ha\xa2L\x81\x96\x81\x0bg\x83\xc42\xd3v&gt;\xd52\x1d\x1c\x18\xa2\x96&gt;\xfb}\x00^e\xed~[\xc3a\x15\x8a\x01\x80\xff8)\'&gt;z\x0e\x15:\xaf\xb2\x90*\x08?\xed\x80\xca\x13\x93(Z\xe0Jwp`q\xf9\x95\xf7_ir{D\xf1-\x1es\x13\xd9"\xeb \xda\xee\xe6O4\xcd\x91\xa8l\x87\xe5\xb6\xe6\xecs\xdc\x9dS\xd4@\x0b\xc2\x8f\t\r&amp;\x01\x9d\xd7]\xa0\xe1\xcc\xa4E\xfa\xf2g5d\xf9-\xfd\x08\t\xf2w\xe7\xc9\'\xb061.\xfe\xa0(=\xf0\x16O\x1d\x82\x1d\xe5W\x94\xb4\x0e\xc5\x8f\x8c\xda\xcb\xe1\x8e\x80\x0c\xf6\x01P\xe6V~++I\x91&gt;d\xe6N}\xfaLLe\xee\xfd\xec\xf0\x8b?y\x92\xc7\xb6e\x1a:r\xcd=/s\xf0\x1ek\xc3\xd6_\x83l\n\xee\xe0`\x9aEG~\r\xb4\x08&gt;!\x8a\xbf\xba\n[\xf0\xaf\x7fr+\x08m\xfd\xfc\x83\xaf\xbc\xc9$^\xde\xaev\xc9\xe3g\xcc\xf6s\x9c\xf1\x03\xb5j\x1a@\xf5=\x1b\xd9\xae}&amp;\xca\x08\x1b\xf5\xb1\x1d\x1c\x88\xc2\xd19E;I\xdd\xd0\xee\x1c\x131C\x01\xfc\x11\xe9\x87\xdb\x00\xd4v\x07\xa5\xe8\x1c\x12\x8dT\x00\x18\xba\xe2\x0b\xce\x98D\xf1)m\x13\x9f\xcaS\xae\xe3\nU\x98\xf1\x9a\xf3\xbbH_\xe1\x1d\x1c\xc2\x13\xd5{\xd9b\xbe?8)\x14\xa0r}`\x8c&gt;\x82\x92 \x7fw\xff\xeac\'\xd0\xbd*S\x93\xccYk\x92f\xc4\xf4M\rO\xee\xe6\xad7\x9d_,[\xf8\xe8\xf8o~.1BP8\xd8\x14\xd3\x1c\x1c\xc21\xf9\xea\xcfp\xbc\x97\x87KR7\n\xb4\x04*\xd25e\x06w\x9dy&gt;m\xd9a:\xe9\xbe\xb3\xb8\xd1\x9bM\xfaG\x85N\xab\xd2\x97\x1fn&gt;\x13o\xf1O\x87\x14R\xa8\x97\x1fJqp\xf0\t\xbe\xf8H"\xc6H\xd0\xea]\x14 \xa2\xb7\xfe&gt;\xa7\x91\xcc\x8fe\xd9\x80\xdf\x1eN\x96\xaa\xe3\xc4\xdf\'\x9f\xb0\n\xb5q\x058FY\x00Dq9\xa3\x0b;\xeb\x19+\x8e\xd2\x8c\x11\xdar\xda\xce\xa7\xde\xcb\x155K\x9b\xce\xd3\xcex\x9f\x8fyL\xebW\xfb\x9e\x12\x11\xa3ur\x88\x0c\xf8\xe7\x14\x90\x9fL\xdeD\xcd\xd2\xc6T|o&gt;\xd4\xccU\xc6XL\x99\xa4\xb6:\x8cq\x14\'Sx\xd22\x8b&lt;\x14j2\xd78\x92\x8b\x82neoM\xaf\xc9G\xbf\x96\xd7\xc0\xb8\x95\xadK\x16\x18\\\xf6\x93\xf3\xd4\xe5t\xfa\x19B1\xca\xda,\x82\xfd\x9a"\xa4\xf0s%\xba4-\xdb&gt;\x9c\x1d\x99s\x08j\x0c\x8f\xe8\x85;j\xf7\xdb\xaaq%P\xbb\xbc\xd6I_.\x00\x8b\x8a\xe1\x04\xbf\xfa\xdc4\xc5\x07\xc0\xbdC\x9c\xc2(\xae\x9e_#\xbf\x01\xc0\xbd~\x1eDg[C\n\x06h\xd99Z\x99\xfd\xf75\xc7\xe5\x00\n5\x99\xe3Oq\x1c\x1c|GJ\xbb3\xe4\xb1@K\xce)\x05\x07\x13\x98w\xfc5~\xd3#\x92\xac\xafd\xad6\xde\\\xfa\x98\xe5\xcd\x96\xc8K\x10\xee\x9dk\x135\x8bi\xa3\xebLL-tm\xba\xaa\xd7\xfb\xda!\x8eC\x04$W\xa0\x05`\xe0kkv\x89\x0b\x99u:\xe6\x02\x80\x91\x8e\xabC\xb8\x07@\x9c\xdc\x9d\x02S6\xc7*\xeb\xd4\x1d\xdf\x11\xd1\xf1\xc7\xaa\x0f$j)k_M\xee:S\x88\xc87\x0e\x1b\x1cG\xb9\x0e\x0e\xe1\x8d 4\'\x1b\x04\xb0\x0f"\xcb)\xa2\x11\x9e\x97(\xba\x9d\xb2Dd\n\xdf\xf9\x0b\x14\xadt\xa0\xc5`\x11\xbd\xac\xf8i0\xf5\xb3\x00h\xad\xb1\x17h83m\x99\xa1\xbe\x15/B\xb0\xf1\xf2\x7f\x81\x16\xc1!|\x92\xa7\xee\xd4@\x8b`\xc0\xca3\xef9c6\x1d\xb1\xcf\x97\x82\x04\x86\x90\x82\xbd\xdaM:ac\x86s\xf7\xff8k\xef\x8bC\x0f"\xe7`%\xc2\x0e)tF\x9f\x03\x97\xdc\xa8\xd2}\x9d\xe5l\r\x0c\xab\x85\xd4\xd4\xcd\xa0\xa0\xb5r5\xc8oknV\x18\xbe\xea\x8e\xbf\x8a\x8a.{\xa7\x89k\xf9\xab\\\x87H\xc6\xd8\xf5\x0f\xf4.\xa7\xa8\xc7\x93Ix\x9b\xfe\xa6\xe3\x88\x93\x85\x19\x9a\xa2\xc4\x00\xad\x04\x00\x88r7\x1c\xb2G\xf8\xb3\xc9\xf0}\x1a\x11\x13s&gt;\xae\x1f\xc2\xd9S%J^7\xd0\x12\xf8\x98T\r)\x96\x99]\xdb\x94\r\x8c\x16\x87\xa2\x00\xa8\xd4e5g~\xf9\xea\xcfP\x06\xa5ofB\x1e\x8b\xd8\xae\xc0a\x85\x0f@\xe5nk\x03Rt\x9c\xdc\x9d\x03R\xaeC\xf0\x13\x1ah\x01(S\xe5\xd1A\xd2\x01k\x89Q\xa6\xfd2}\xcb\x8b\x9c\xa4.=X\xbb\xa0\xd4B\xa0\xd8k\x9a\xf5\xb4*!\x87u\x11\x03\x8a\x1d\xd5\xc0\xda\xbef\x8e,U\xc7z]\xb4\x1e\xb1rv\xb0\xde\n\'\xac\xaesj\x0e\x00%\xb38p\x01\xf0\xd6\x1f\x9f^F\xdf\x17\xa1&amp;&gt;\xdf@\xd9\xc1!&lt;\x91\xddT+\xb9\xf8\xe8k\x8eX!&lt;Y\xfd./\xf7\x15@\x14\x83_\x12m21\x97\xdav\xdd\xd2\xbe\xcd4\x8d\x99\xc1I\xccx^\x93\x10\xca\x0e\x8e^\x86?\x8b\x04\x05\xb8\xdc\xb4\x059#V\xdf]q\xfa\x0for\xb0\xdc\x85s$\xe4\xd9\x92\xf7%)\xeb\xdb\x91\x8b\xf4\xbcS\xe0\xd7\x84\x83\x8e\xf4l#e*\xc2\x87\x17v\x87\xc8N\xd6j\xe3\x8c#\xf1\x11$\xb3d\xdb\x89\x92\xb95Q&gt;u\xf8\xf2S\xbf[\xcc1u#\xbe=\'\xe3\x89r\x00}\x16\x01\x90\xaf\x8e\xda\xec\xd3\x9e\x8f\x00+\xc0\xe7\xac59\xb0\x02\x847\x02RI\x8c\xd0\xb0&lt;\xea\x10\x99\x88fb:\xe5=\x00\x88\xa2\xb7\xb7\xae\x7f\xe4\x1f\xc7\x039\xfdR\x8a1&gt;\x1d[\x9c{\xae\x91yh\x0b\xdf\x15\xea=V\x9fI\x98\xbdb\xc8\xf1\xb7\xf5\x89\x1a\xbd7\x11\xd1\xd5_|X=R\x95\x1c\xe4\xbb\xcc\xfdL\xfc\xfc\xddx\xa2\xf9yG\xf6\xcb\x0f\x11s\xe6\xe0\xe0\'\x92\x17\xefo6I\x93\xe1\x1fk^\x8b\xca{\xde\x83\xa7\t&gt;\xf1\x04K\x8e\xbd\xe1\xcc\x90(\x9a\xec/\xf7\x04K\xcfA\x8dCdBaVPA\xda\xb2v\x9c\xea\xc9\xd4\x92?.\xff!\x02\xcbD\xbc\x85%+w\x94\x9cKW\xd4\xc1A\x8f\xa6#\xf6\xdb\x9e\xe7\x82C?\xfbh\xc3\xe3\xd3\xd7\x1em#f\x84d\xc5\xfa\xf9\xa2\\\x11\xfb\x06\xc2Z\x87q\xed\x07\xc0\x8f\x00\xf9\xa9\xdd\x0c\x88\xee\x8c\x83\x8b\xd1\xeb\xbe\xac\xd1k\x13\x11\xf5\x98}\xc9l\xda(\x99MX\x86*\xd9z\x89\xd9\xfc\xc3\x17\x8e?c\x87`\xc1\x82?QC\x1f\xa5^\xa2\xdf\x97\x9c`z\xad\xe1\xcb!(\xec\xa1[4\x16XX\xfcu\xed\xb5\r\xcdG\x99\xf6\xcb\xbc\xcf\xc4F\x8a\xb7\\\xc8\x08\x8d\xa2o\xda)\x8d\xedb\x1c~(+.\x10\xd3A\x0e\x95\xf5du\x0c"\xd8\xee\xb4 b\x01  \xc6\xab\xb3U\x9f\x00\xa0N\xff\xed\xb1rv\xf0\x7f\xe9\x0e\x11\x98\xa4\x81\x16\xc0\xf7h-\x95s/\xa1{\x89h~\xc1\xc0\x96\x826\xbd\xe7]\x16\x7fg\xae2\xc6\xde\xde\xc5\x17}U\xd6\xaa\xe3\x00\x83u\x11\x1d~\x07\x88\xd2\xd7\x1f\xb4S\x1e\xcc\xf4\xe2\xc5\x0c\x0c5[\xa2]\xf0\xdf\xec\xc85\xf7\xd4\x811\xb2\xb7\xb7Q\x98Vc\x0fw\x9crJ?N\xee:S\x85\xfd\xe9p\x88\x7f\xbc\xba\x11\x11\x15h8\xcb\xb1\xf1\xe7\xa0\xc0\xeb\xb3q6\xb8\xf4\xb2&lt;\x1aM\xe7\xeb\xda\xacj\xbe\x15d\x03\xc0\xddR3t\x9bS\x97\x1e\xc2+J\xf2z\'\xbf\xf3\xf2f\xed\xb5d$Cx\x11\xd5zn\xb01\xcf\xfc\rfz\xf3~\x07~\xf4\x19eh~\xff_\x9f\xd4\x10}\xc1\xbc\xad\x96\xde\xfa\x16\xf4\xea&lt;\xde\x0f@\x89V\xd2U\xae\xb0\xf3/"n\x9f\x11\xdd\xaf\xab\x05N\x07\xec \xa3\xc7\xec\x8b\xdeg\xe2\xa5\xd5\x82_\xb5kd\xffx\xc3m\xe8\x00\x00 \x00IDAT\xc5\xd7=\x7f\xc4\xaa\xa0\x8e \xad\xd0\x00B\xaczY\xb8\xf9\xce\xdb\xaf\x82C7\xad\x08\x91\xb0~\xa8\xb4\xa1\x98\xa1\xc2\x08/K7\xe4\x7f\x91\xec\xb3\xff)\xc8\xeew\xec\x86\x07k.\xfc\xcf\x8f\x05\xe6o5\xf6\x88\x1f\x8b\xb3N\xed~[\xb3\xc9\x9c&gt;\xf9oJj\x0b\xa7\xbeC\xb6\xea\x13\x88\xef\x13s:`\x07\xfbI]j\xb0\xfd\x99\xa6kJ\xf2\x99\x04O\xc5\x05`\xcb\x16\xa9\x9b&lt;$\xb1W\xa5AQ\xf7\x0f\xe6:|f\xfb\x841GH\xa1^&gt;&gt;\x84\xe3\x0f\x82\xad\xb5\x1a\xb9\xe6^\xc9\xd6\x8b\xf5\xe3\xd4\xe9\xbf\xdd\x87\x12h\x98k\x06 =\xa5]\xa3\xd7&amp;nG\xf7*\xe2U.\xdfq\x85\xc5\xb4&amp;\xf1\xf9\x89\x033\xe6k,\xb3\xf2\xec{"\xaa\xd9gs\x8b\xd1\x87\xf4c\x02\xe03F\xe4\xe0\x10h\xaat_g\xb6\xfd\xcdSw\xaa\x9f\x9b\xec\xab\xbf\x80\x12\xd7\xfa\xde\xbbB\xc7\xac\xffJ\x1dX\xa0\xe1Lo\xf2\xe4\xe7\xc6of\x85\x8f*\xfe\xcaXq\xa4\xbd\xc2X\x82mg\xdb$\xe1E\xc7\x9bk\x82x\xe3\xad\xce;\xcddx\xe6\xbb\xd1\xd0=\xc5[\xd9\xa3k\x99\xb2\xe4@\xf7\xcf\x1c\x82\xa7&amp;\x7f~\xa1\x00\xf6\xdd\x0b\x9eIg\x01"\x02\x90\xbd\xc6\x84@K\xe2\xe0`\x07A\xf0ie"\xa2Y{_X\xf6Q\xe3#\x9a\x8d&lt;\xc0\x19\xf3\xc8#\xb3\xcf\xd0\x16\x93\x9f\x0ef\xd1\x1fgD#J\xc8\x97O\xcc!\xcbo\xe9;\x02?\xf6\x8d\xa5\xcf*~UuX\xd4,\xad\x89\xfc|\xb2\xd6cQ\xa7\\\xc7\x15;ob\xe9\xc9w~,]\x85{\xd1b\xc8\xf2[D\xb1\x01T\xe9\x16\\m\x85C\xa4%\x8e\xf8+o=\xab+f\xc1\x01\xe7P\xa0\xed\x84c\xda\x17\xb3j\x9cB\x89n\xe8T@]\xfa\xe4m\x8f\xf9\xe6\xe5%\x89\x88(\xcdw&gt;\x1e\xca\x0c\xfa\xe8\xa6\xa5t!\xccP\xfd\xbd\xb4,\x12\xf5i_0\x96\xb5b\xa1\xa0\xc3\xe4\x93z2dje\xa7@n6\xf0\xfa\xb2\r\xd1\xbf\xdcf\xbcN-5\xc1\xbc\x83\xaft4\xa8\x13\xf0Y\xaa\n\xef\x04\xc1$\xc1!\x1c\x11\xa7b\x00w.m%\xd4\x9f\x851?3Hp\x87\xf9\xc4%K\xdf\x05W\x15\xc6\xf4/\xfd\xc8\xf5\xd9\'\n\xeb\xd9e\xfa\xd9U\xe7\xfe\xdat5|5\x13l\xb7\xf3\xfe\xc1B\x93\xaa\xd8PX{\xe1o\x13\x89Y\xd6\x83\xcbu\xb0~\xa8\xfd\xd8\xb7&gt;z\xd7\x19L\xc6Oa\x1c\xc5\xef\x8cX}W\x19\x94\xa8\xba\xa5\x9c\xb4\x8etG\xd5\x08w\x88\xc4\x88mJ\x9a2v\x18\xd8c\x93\xd7\xf6\x1cu\x9a\xc2\x80\x0f&lt;Y\xbd\xaf\x8f\xc8\xb7\xe8\xc8\xaf\xd2\xbf\xcf~o\xb6\xd0x\x97\x7f\xd6\x8c\xbf\xd8\x84u\xcf\x00\xb0\xef^P\r\x1d\x12k\x84\xcb\x9c\xe0.8\xf4\xb3\x1fD\xf1\x05\x11\xc6P\xab\x8e+n/\x010e\xfbw\xea\x0fPh\n\xd2\x97\x1f\xee\xa3r\x1d\x1c8a\x9c\x88\r8\xa2&amp;\x14\xc7a\xd6\x84DT\xb4\xf9\x02\xf7\x9fE\xf4\xa7\xbfw\xfe\xc7\xb8\xdan\xe2q\xab\x922\xb8\xfc\x8a\xb7\x13\xd2:\xf2\xc44@X\x8ci\xa0\xcahp\x137o\x17Na,\xa1\xab-\x95\xd1\xb4K\t\xe1^R\x14\x1f`U\x1e&gt;\xd24\x96n\x91\x9e~\x1a&lt;\x83\x06[-\xcb\xc6\xab\xb2\xfa\xdc_V\x13\xa7\xb2S\x12#\xfeq\x8d\x8cm\xd1\xe0S\xc1tQ\x1a\xda\xd29\x86\xe4\x10TxVM\x15z\x1f\xd3w=\xf3\xbb0\\\\\xfa\t\x00\x86,\xbf%=\x7fl\xe5\xa3\x8aW\xc5\x9a\x00\xe7\x18V\x11\xb2\xf1\x0bP\xab\xef\x16\x9eh\x9f\xff\x01\x9dE\xceT\xa5\xf4|\xe6\x0cX|=\x1c\xb52\x00(E=\xa9\x990\x1f\xc1e\x12$N%\xd9\xd6I&lt;/-r8h\xe2\xb6.\x12\xcd \x9e\x8c\xe8\x7f\xb2*v\xe5nk\x89\xe2\xf2\xa4\x7f\x0f\x14m&gt;\xdfL\x89\x0e\x0e\xd6\xf1\xc3^\xb2{e/\t\x8f\xcb[#bW\xe0\x8c\xa8\xe8t\xfd\xdc\xdf\x00Xy\xe6\xbd\x85Bm\\?\x0c*\xafjSw|\xe7Mr\x00D\xc5\x15\x81\x136\x7f\xad\x8ey\xf6{o\xee:\x8f\xf0_\xdez\xd3\xb4\xf2Yu\xf6Ou \xd3\tRxWZT\x93\xab6\xcb\xdbq\x92\xda~\x16C\xb1\x9b#%z\xf6v\xcc\xf0\xfc\r\xb8N\x0c:\xd3_\x87\xc0\x13\x90*\xd8p\xc8n{3\x04\xd0o\xe15{\xf3$\xa2\xce\xd3\xcfr\xc6\x9c\x7f\xf0\x95\xd7O2\xe3\xc1\xaf\xe0#u\xdc`\xa6H\xb3y\x94\xb19G\xc4\\\xd5{m\xd4\x8fa\xca\xaf\xce\xce\xcf]\x91\x7f7\xf9\xe2\x06/\xb5\xa6@n\'\x81\xea9J\xb420{\xc2KZ\xd6\x9a\xb0\n\x00\xe6\x07sY\xf54+%\ntN\x07\xec`\x8d\xf4f"\x1b\x18\x1c\xf6Q\x15\xd46\x87Y\xc4R\xa1\x0cO;k\xce{L\tjeh\xf9\xee&gt;\xbe\xeb\xef/SP{\xee9\xf7\x13\xbf\x96\xea\x1bG=\xca\xbb\x08\xa9\xe1\x8bR\xd44\x1e\xb6W\xe7\xeajw\x85\xe90\xf9$\x11\x11e\xf3\xbdD\x0e\xd6\xb9\xcb\xd2\xd5\xe0@\xafyT\xae\x939{\n\x0eRf\xecy\x9e\xac\xa8\xb1\x9f\xdd\xc4\x85\xf9m,+\r\x1d+Xv\xeaw\xee\xac\xa4\x988\xb1\xf0\xb3\xbc\xd2O\xda\xfa\xad\xa9\x92\x00\xbcg\xf5\xa3\xbfh\xaf9\x8bS%\x85mj\xedB\xf2\xab\xaeji\xcf\xfa\x96\xae3\xceq\xc4\xcaVo\xe0\x0e_Kb\'J\x8b\x10\x86\xfb|\t\xbe\xfa\x0f\x00\xae\x9b4\n\xc6\xa9\xa9\xb0\xed\xba=\xa3\xab\x084\x7f*\x0e\x80(5Q\xf4\xca]\xd7\x9aIh\x97\xb3\xed(\xbex\x98\xfay\xee\xfe"\xc2\xbc&gt;\x07\x9b\x08\xb6OZ\\\xa6\xf3\x86Vc\x0f\x03\xf8\xea\xbf\x00\xdf\x9a\xb0\xe1\x9a\xa6\x0c\xb7\xbf#?\xa02H\xc4Y\x01\xc4h\x8f\xc2\xdf2Z\xf6n3\xcf\x1bF\xf2\xe6\xc0\x98a\xaa\x12F\xe6\xa3M\x16d\xe5 i\xd1\x16\x0bl\x91\x81\x07C\xe7"\xf6V!\xa6OF#\xa2\x02\x98\xfd\xf1K\x1b\xc5P\xa14\x18\'\x1e|\xaa\xd3\x7f\x9b/\xcbu\x08"\x82\xe1\xd0\xb7\x99CG\xe6\x8f\x91p\x02\x80(\xab\x8d\xb9%-\xd2W\xfbzfw\x89A7\xc4Q`E&lt;\r\x7f\x00\xbe-\xd4\xe7\xa4b\xaab\xf1\x90 \x7fwEH\xd9\xf6f\xadd\x18\xac\x1b\t\x08g\xb5\xef\xfc\x05J\xd3\x88\x12T3U@Pm@\xdak\xf5\xc5\xc8g(\x93\xe2\x00\x0c\xf7\xf8\xbd\xa1\xdf\xa2O\x99\xe1%Z/6\xb9\xa9\xe7\x10\xcei6r\x7f\xa0E\xa0~\x0b\xd9\xd5\x91\x83\xd4v\xcaa\x07\x00\x92\x14\xee#\xfe~n\xec\x1a6\x8eN\x04\x9f\x12&lt;mn\xb8\xc0\x82\x91\x84f#\xf7{\xff\x90\xa7\xee|\xea]\x06i\x0b7\x9d\xab\x08R\x1f\x15K\x14\xd6\x93(\x11\xc5(g\x94\x9bE\x839\x85\x9b\xceMZTgT\x1a\\\xc4\xcc\xd1\xc1\xfbL,M\xbe\x1d\x1c\xfc@Bk\xf6\xdb\xfc\xc4\xbf\xc0\xed?\xf5\xdb\xcd\xb8D\xd4e\xc6\xb9\x7fd\xcd\xabr7\x11\xc0\x03I\x84\xe6\xa3\x0eP\x9cJ\xd2\x08\xcdG\x1dp; +\xc6,\xc6j\xf3\x9d\x88\'\x12\x00\xce\x13\x8a\x0e,b\xab\xdeNI\xce\x94\xfb\xef\xeb\xbfV;\x1dZ\xec\xbd#\x96%\x1c\xfcK$\n\x90\xa9\xf2h\xf7\xa5ho\x01"\nk4[\xb3\xcaI\xfa\xe6\x02\rg\x99\x92\xa1l\xfbe\xfa59@{1\xf9\x8d\xa3\xa8\xb0&lt;\xa2\xd2?\x1f/\xc1V\xe3\'\x0e\xe1\x13\x8f\xdd\x99(\x82\xc7\x12\x9b\x00p\xf7\x7f\xe0?Q\xc3@j\xfc61\xe3\x80o\xec\xdc\x9dtJ\x1f\xbc\xecs\xc3\x12\x1a\r\xddK\x14\xcf\xac\\\x1f\x1d\xffM\x1d\xb8\xfa\xbc\xcc\xd1z\xd6\xaa\xe3\xf2\xd5\x9f.\xfe\xd9\xc5\xe89h|\xedQ\xcc\xca\xc6C\x17.\x95+\x1b\x88\xcc3o\xc3{\x07\xb0J\xc3\\T\xc5.\xab\x89H\xf0im\xe4\x88ZA\xf1\xd7\x00\x11U\xed\xbe^*\xc6\xa8\xb5\xf7\xdd\x11\x8a\x11e\'\xa2\xb4e\x87\x99\xc9\xd6\'L\xde\xf68[\xf5\xf1\xbe\xcb?K\xd5q\xda\x17\xb9V\xfb\x1d\x1c\xfc\x8cI\x93l1\r\x17\xb2\x04\x18\xe7y\xa4,=\xf1\xd6\\\xb9D\xc4\xda\xd0\x12MLp\xecue\x0c\xaa\xfd0\x15\xb9\x88\x08\x80\x7f\xb4ff\xec\xfe^\xfc-\x9a (\xddv)w\x06\xf1\x19ar\xe3\t\t\xc3zX\x91,CsJ^\xd7\xaa\xce\xbcW\x00\xe83\xff\x8a/K\xc8\xa9u!O\xddiDD\xa1-\x89\nv\x9by\xfe\xbd\x99\x8a*\xea\x91Il\xa92|\x0eJ\xba\xe4\x88\x8dolL:8D$\x16\xb9\x96g=x\xdf5\x965r\x14\xc3QD\x16\xe6dW+\x07\x00\xe6]\xc1x\x18\xb7\xf1\xa1\xe5\xb4"qrw\xb6\x92L\xb6#\x98\xd4\xf0\xd1)H_\xce\xb5i:v\xc3\x03\xcdH\xd1\xcbX\x90\xcb\x1a14l\x15\x05\x15:\xd5\xaf@\xc3\x991\xb2\xb7\x17\xa3\xb9F\x8af\xac\x96\xf2\x7f&gt;\x9d\xa6\x9e&amp;bX\xbb\xcc]g*3~\xa2\xb0\x9e+\xcf\xbalr\xe9\xbdn/\xd8q3h\x87\xc56\x90\xb2\xc4\xc0@\x8b\xe0\x10L\xb0\xbf\xd5X\xe5s\xd4\xb4\xc7`\xe1?@\xab\xb1\x87\xcd\xeeA\xce\xdc\xf3\xdc\xcbr\x0f~e\xe7g\xfc\x97_\xe6\xca\x1a\xedf\x02?\x14\xadf\xc7g\x1ea^p\xde~\x14\xde\xcdQ5A\xbc\x1a\xe1o\xd4\x8f\x02\x00Ql/\xb2L\x02`\xd7-H-kJ\raJ\xb7K\x0cHX-q!~{\x00\xc1\x8b\xfa!\x1fyd\xa9\x06\xa6kb\x834\x0e\x91\x88\xd8\x15\xfdYZ\x93\xe1\x1fK\xfe\xb2\xc1\x03\x92\xe2\xcb\x89\x9b\xa7K\xbc|]\r\xa3\xf9\x8b\xe4\x81(T\x93\xc6\xc3\xf6\xdaaG7`\xfa\xdb\x11\x11\xe31\n\xd3q\x96=\xc4\xaa \xfeT\x9ag\xf27\xc1\xa2\x15\x98\xb6\xccP\xf7\x91\\\xf3"%\xad\xa3\x7f\xddm\xfe,\xc4t\xce\x0e\x11\x98\xa8YZS\xd4\xd2\xddg]\xe0\x8bn\xcf\xc1\xd9\xe5\xa7\xff\xf0\xc5w\x9e\xb6\xecPo\x16~}Lr\x89\x02\xaaE\xa5Ga\x05\xb2`\xe3\xd9\x16\xd26\x1fu\x90H\xcf\xe7R\xf4l\xed\x88\xe8A\xd0\xcf&gt;y\xcch\x08\x04\xc3q\xbbp\x87\xa8\xb4\xe5\x13L\x1eV\xf63\x93\xb7=6\x99\xa2\xa8\xf0_\xebqG\x88br\xa6\x01\x10\x9c\x0eX\x1d\x82\x88hY\xdb\x1a\xc6i&gt;\xea\x003\xfc\x07 V\xce\x0e\x1e\xf7,\x89k\t\xaa\xbf^t\xba\xf6\xdbe\xec5\xf7\x13\xd1&amp;\xa5\xffF\xfdQJ\x11Q\xeaR\xa6\xd4Y\xedA\xb8G\xf9"\x84\x0bAK\x1c\x00QZ\x7f\x8b\x15\xf9\x98\xe2\x9d\xa7&amp;\x1b\xc9\\E\xcb^\xba9\xbc;P\x94\x8c\xc7\xac\xec\x80%7(M#\xfeL_\x05\xf18\xd2\xd9aq0\xc6{u\xd3\n\x9dW\t?\xbc\xacp\xd1\xb3\xb5\xd5\xcfa\xff}\x97jh\xc9\xd6K\xae\xfc\xcc\x88\xb9\xeb\x16#\x10\xc0K\x89\x95\xe6S\xdf\xa9\xe3dJ[v\x18Q:\x00Z^\xdfynm\xc5\xe9?\x94AQJ\t\xffK\xdd\xb0\x0bY\x8dY\xff\x95\'Z\xb2\xba\xf6\x7f\xabF\x0e\x16\xcd(&lt;\x87W\x02\xdb\x02JKOP\xa0\xbbZ\x03\xbfx\xcbE~\x17\xca\'\x9e\x86\xe3\xe6\xe9Bqm\xce\xb6v\xbf\xad&lt;\xd1\xcc\x9eZ\xf6\'\xfd\x17_O^\xbc\xbf%s]\x0e\xe1\x13\xe3\x16\'UCJY\x9f\xbba2{^\xd6+\xdbU\xeb.\xfdk(\xd8\xa0\xa57\x99\nJ\x1f\x1d\xff\x8d\xe7\x88\xd1\x9c}?0\xe3\x0c]~\x0b\x00\xa5o\xaa\xbe$ M\xc5\xd4^\x91\x97.\xdf\xf3Ka\xfc\xc0\xed\xe9*\xe2\xf8u\xa7_E\xd0\x1b\x19\x08\xdc\xba\xa8\xbar\x02\xa0\x98\xe5\xdd\x7fe\xb7\x9aq\xd2\\\xb5\xa7D\xcff\xbc\x88\x05`\xfbg \n\xf1\xc5\xa0\xe4\xd37\xea\xa3\x01\xbc\xeb\xb4\x11\x1e\xd7\xab\xf7\x99\xa9]\x87pGI\xe1#\x8c\x95\xab\xa3?K\xad\xd5g\x8bQ\x94$&lt;\x1d\x95f\x9c\xa8\xa5\x01\xb4\x1cs\xc8\x8ap\t\xab\xe9\x14-\x14\x9a\xa8`\xcf\x17\xe2\xf9\x103d\xad:N\x9c\xafw\x9dqn\xc5\x99\xf7\xc4\xa5\xf2\xed93\x9a\xb9\xca\x18S%F\x1c$\nD\xe1\x85\x01Kn\x18\xc6Q\xd4";:\xc5\xb8\xbd\xe7\x19\x9c`\x06\x10;w\'VY\x19If9\xcbANt\xeb\x9e4\xa3fm#\xfc\xc8ZM\xc7B\x88\x83\x83}0\x86\xc3\xe9\x9a\x90}\xeb\x81\xda]`1\x9e\xde\xf1\xd3\xd7\x8c\x08\x15:\xad2,q\xcd\xf9\xff\x8dXu\x17\x00%\xaee\xa1\x1b\x16\x89f\xb4\xd2\xce\x14\xc0T|\xb3\x87z\xf50\xb3!g\x9dL-\x99\xf6\x13\x84#\xce\xde&lt;\xedp\x01\x80\x93Otn0\x99-\xa5h\xb9Pti\x81D-mK)\x16\xf8\xd9\xde\x97\x9b\xb2\x81\xa5d\xa2V\x84\xc7P\xe0;\xe0\</t>
        </is>
      </c>
      <c r="E135" t="inlineStr">
        <is>
          <t>&lt;class 'numpy.ndarray'&gt;</t>
        </is>
      </c>
    </row>
    <row r="136">
      <c r="A136" s="1" t="n">
        <v>134</v>
      </c>
      <c r="B136" t="inlineStr">
        <is>
          <t>steps_per_sec</t>
        </is>
      </c>
      <c r="C136" t="n">
        <v>2000</v>
      </c>
      <c r="D136" t="inlineStr">
        <is>
          <t>5.3805995</t>
        </is>
      </c>
      <c r="E136" t="inlineStr">
        <is>
          <t>&lt;class 'numpy.ndarray'&gt;</t>
        </is>
      </c>
    </row>
    <row r="137">
      <c r="A137" s="1" t="n">
        <v>135</v>
      </c>
      <c r="B137" t="inlineStr">
        <is>
          <t>Loss/localization_loss</t>
        </is>
      </c>
      <c r="C137" t="n">
        <v>2000</v>
      </c>
      <c r="D137" t="inlineStr">
        <is>
          <t>0.012041924</t>
        </is>
      </c>
      <c r="E137" t="inlineStr">
        <is>
          <t>&lt;class 'numpy.ndarray'&gt;</t>
        </is>
      </c>
    </row>
    <row r="138">
      <c r="A138" s="1" t="n">
        <v>136</v>
      </c>
      <c r="B138" t="inlineStr">
        <is>
          <t>Loss/classification_loss</t>
        </is>
      </c>
      <c r="C138" t="n">
        <v>2000</v>
      </c>
      <c r="D138" t="inlineStr">
        <is>
          <t>0.5900651</t>
        </is>
      </c>
      <c r="E138" t="inlineStr">
        <is>
          <t>&lt;class 'numpy.ndarray'&gt;</t>
        </is>
      </c>
    </row>
    <row r="139">
      <c r="A139" s="1" t="n">
        <v>137</v>
      </c>
      <c r="B139" t="inlineStr">
        <is>
          <t>Loss/regularization_loss</t>
        </is>
      </c>
      <c r="C139" t="n">
        <v>2000</v>
      </c>
      <c r="D139" t="inlineStr">
        <is>
          <t>0.031955257</t>
        </is>
      </c>
      <c r="E139" t="inlineStr">
        <is>
          <t>&lt;class 'numpy.ndarray'&gt;</t>
        </is>
      </c>
    </row>
    <row r="140">
      <c r="A140" s="1" t="n">
        <v>138</v>
      </c>
      <c r="B140" t="inlineStr">
        <is>
          <t>Loss/total_loss</t>
        </is>
      </c>
      <c r="C140" t="n">
        <v>2000</v>
      </c>
      <c r="D140" t="inlineStr">
        <is>
          <t>0.6340623</t>
        </is>
      </c>
      <c r="E140" t="inlineStr">
        <is>
          <t>&lt;class 'numpy.ndarray'&gt;</t>
        </is>
      </c>
    </row>
    <row r="141">
      <c r="A141" s="1" t="n">
        <v>139</v>
      </c>
      <c r="B141" t="inlineStr">
        <is>
          <t>learning_rate</t>
        </is>
      </c>
      <c r="C141" t="n">
        <v>2000</v>
      </c>
      <c r="D141" t="inlineStr">
        <is>
          <t>0.06420001</t>
        </is>
      </c>
      <c r="E141" t="inlineStr">
        <is>
          <t>&lt;class 'numpy.ndarray'&gt;</t>
        </is>
      </c>
    </row>
    <row r="142">
      <c r="A142" s="1" t="n">
        <v>140</v>
      </c>
      <c r="B142" t="inlineStr">
        <is>
          <t>train_input_images</t>
        </is>
      </c>
      <c r="C142" t="n">
        <v>2000</v>
      </c>
      <c r="D142" t="inlineStr">
        <is>
          <t>[b'640' b'640'
 b'\x89PNG\r\n\x1a\n\x00\x00\x00\rIHDR\x00\x00\x02\x80\x00\x00\x02\x80\x08\x02\x00\x00\x00\x83\xaf^t\x00\x00 \x00IDATx\x9c\xec\x9de`\x13Y\x17\x86O\xa1\xb8\xb5\xa5X\x8b\x14w+\xeeP\xdc\xa5\xb8\xbb\xbb\xbb\xbb\xbb\xbb\xbb\xbb\xbb/\xb6\xf8\xe2\xbe\xe8\xb2\xc0\xc2b\xef\xf7\xe3&amp;\xe9$\x19\xb9cI\xba\x1f\xcf\x9f\xa6\x93;wnf\xee\\=\xe7=D\x1eDlw\x17@5\x00\x96\x9e\xfaih\x961\x9b\x8f&gt;lh\x86\x06\x92\xfb\xb7\x0f \x8aZ\xb9\xeb\xda\xb5\x17\xc1\x91&gt;\xaf\xe8\xd1\x96c\x8f\x02\x00xr\xf8\x85\xdb\x000\xfb\xc0\'\x95\'%\x02\x10%]\x13S\n\xe4\xb9\x04\xbb\xbb\x00\xbc\xb0\xf7.i\x91\xde\x1ci\xa3\x99^\x1a9r\xb9\xe1\x9a\x11\x0b\xba\xe1\xa2\xbf\xd0\xc3\xd8\x8d\xcf\xae}\xd5\xd2\x91\xf8\xe5l\xaf\xed\x8aY\xab\x8e\x8d\x98\xba\x81\xb6sm\x14n&lt;\x87"\x17Q{V\xa5\xcek^\x02D\x19T\\E\x14\x9f\xb2Dy,\x9f\x13T\xe6\xc8)\xdc4p\x14\xb9\x08E*\\\xa6\xdd2w\x97\xe3\x17\xe6\x91\x97(\x96\xbb\xcb\xa0\x9d\xe8\x99\x9a\xbb\xbb\x08\xffY*v^M\xe4k\xe6\x15"\x1563w\x03\x00@\x94\xc0\xdd\xa5\xd0Lt\xe9\xaf\xe2\xd8&gt;\x9d\xff[\xef\xdc\x91\r\x84\x93\x17\xef\xa7\xea\xacU\xe7\xd0i\xda95g$%\xcaH\x14\xa0\xea*\x9e\x8d\x1fE\x0bqw\x19~\xf1\x0b\x03Xy\xee\xd7*Txc\xe7\x1f\x9e\xfe\xc0\x00P|\x9eI\x95\x14q\r+\x8aJ\xa6\xef\xf9k\xd3U\\\xfa\xe4x\x87C\x9a/\xa0X%k\xf6\xd9b\xe0\xb5\xc6lx\n\xe0\x87\xeau\xe0\x8c\xbcK\xc7\x89\xaa\x12\x91\xec`0;\x11\x11\xf9\xa9\xb9\xfa/~\xf1\xffG\x92\x1a\x12_$\xd2\x9f7\x80\xb0\xb5(\x13\x08(\xd8\xdd\x90|v\xddq}\xbf\xe3\xa1M\x93\xc7o\xd3z\xe5\x17;\xaaf\r3Q5\xee\xa4\xde*\xb2U\xe2\xdc{T\xed\xbe\xe1\xf4[\xf1\xaa\xd6}\xd6%\x03\xafED5\xfbly\x0f\xac&gt;\xaf\xa2f\xc7\xc8\xd4\x02V\xf4\x17\xa0V\xdf\xad\x00\xfeu\xd3\x8aE\xefy\xbf\x13\xc5\x94Os\xf0\x89\xe3\xcf,\xd9z\xb1\xe7op\xfe\xda_\xffo\x00`\xfde\x00HYr \x11Q\xcc\x92\x86_\xe2-\xd0}\xf6%\xfe\xf4\x8d\x86\xed3\xbc\x0c\xe1\x94\xe1\xab\x1f\x000y\xc1\xd9\\\xe2\x12e&amp;"\xff\xdc\x1d\x8d\xcb3\xf3\x8d\x1f\xb6\xa6\'\xd0\xb8l\xff\xb3&lt;\x04\xb6\xdeP\xd1X\xdb:\xe0I\xdb^\x11\x91\x9e\x9b\xfc\x0c\x000v\xd3s\xe1\xea\xbaG\x01\xe0\xec\xbb\xf0\xd7\x93=\xfc\xd5\xfb\xca\xe1\xf1S\x880rP\x82\xcag\xff\x02y\x17""\xa2\xa8\x86_\xc02V\xe37&gt;\xf2-\'\xf7m\x84\x02\xf2g\xcf?\xf2/\xef\x85\xcc\xc6rK\xb5\x93\xae\xdc\xd0$\x85{\x19R\x16\xf7\x11\xabT\x8a\xe2\xfdu\xae\xfa\xd6\x1b\xb8\xd3\xfe@6\xd9\x9dT\x05"\xa6\x92\xb2o\xcaDDDi5\xe7\xec^R\x95\x1aD\xc9\xeb\x88}\x13\xect\x03\xe5\xb2\xa9\xda}}\x9a2\x83\x01\xf8\x06\xb7\xcb]{\xb2p\xa65~\xcb\x9fD\xf1T\x95\xaaj\xf7\r\xaa\xd2{"&amp;\xccK~\xe1Z2\x13Q\xecl\xad\x85\x87\xca\xb4[F\x94\xc6\xfa_\x00%\xac"\x9f\xc5\xa8u\x8f\xcd(\x19\x11%)bb+\xcf\xfc\x11\xd4\x9d\x13 \xb3@\xa8`\x9e\x99\xb6\xec\x10u\xd72\x0b\xf7\x1ax\x0bP\x1a\xb2p\xa0\xde\x986\x9c\xd2{\xfeU\xa8\\\xb1\xf10\xd2\xe9\xcf\xa2\xc7\x9c\xcb\x82\xffr7\xb6.I%-\xda\x1b\x80!\xfbR\xe1\x8d\xa4\xee.\x80y\xa8\x1bN\x85S\x96\x9e\x02QN\xa2\x1c\xee.\x88\xa7\x12^Z\xf8\xa8\xc5\xc2\x9b\xbdgNCrI\xa8\x94 \x8a!\x97\xf1\x10\x9a\x8e&lt;\xe8\xee"\x18O\xdb\t\'\xf8\x12zY\x8d\xa7\x88\x88\xce\xbdG\xbfE7\x88(\xb8\xfa\xf8A\xcb\xfe\x18\xb9\xf6\x919\xa5\xfb\xc5/~\xe1"\xb2T\x19\x93=t\xbc\x86\x13\xdda\'eG\x94tM\x88"Y\xfeq\xdd\xba\x14\xafO\xa6\xd1\xc4\xabt\xf0\xf1\xaf\xad&amp;\x11J\xb4\\\xe4\xee"\x08\xc9\x18)m#\xd9\x04\x11\xf8\xf3\xca\\y4Q&gt;\xdb\xbf\xb6\xc5\xab\xd9\x07&gt;\x19\xba\x91/eIg\x08\xd9\x89"\x9a\x96\xf9/~\xa1\x85E\xc7\xbe)%q\xcd\xdc.\x9f&gt;\xa3\xe8\xd4\x86\x15D\x13\xd6\xe5\xfaD\xa6\x9av{\x0e)\xdc]\x00\x8f$nym\xe7-T~\tU\xc3\x8c,|\x83\xdbI.T\x04\x84\xfa\xe6h\xc7&gt;\xa6(1@\xdbUZ\x8f;\xa6\xedD)\xea\x0c\xd8a\xd4\xfa\x8c\x03\x85\x1b\xcf\xe96\xf3\xa2\xf3\xfb\x195}S3.\xf7\x0b#\x89U\xca\xdd%PM\xef\xf9Wy\x92}\x06\xe4\x87\xc2{\xef\x9b&gt;\xdba\xae\x89\xa6\xd9\xcfG\xa6$5\xcd\xc9YHnU\xa9\xd3\x95\x1b6\xff\xc8\xbf\xe5\xda\xaf JlR\x81\xcc"Q\x81\xee\x1e\xb3\xa3\xae\x91\x92\xad\x17\xbb\xbb\x08D\x949u\xe9\xc1\xecS\xd4\xf4F\xfb\xb7\xf8\x94\xb1\xbcQ1K\x12\xa5\x92H\x94\xf0\x99\xf5\x95\x03\xd0x\xf8\xfe\xa6#\x0e\x14h0S\xd5u\xc2{\xefe3\xed\x0e\x0f\xf6\xc3\x91\x94\x93\xfcB%\x91\xd35vw\x11\x14\xf8\x13\xf0N\xdd\xd0\xdd\xa5\xf8\xaf\x11\xe6T\x19$j\xa0\xea\xd9\xa4,\xa9q\xc2\xf4\x0b\xed\xf8\x95#JI&gt;eyL\x97\xbd\xd34\xe4\x19\xd2&gt;\x02\x92\x14\xe9M\xd6\xea\xf8\t\x98\x7f\xf8\x8b1\xa5\r\'4\x1by\x08\xc0\x85\x8f\x18\xbf\xf9\x85\xbb\xcb\xa2\x88\xdb\x84b\xc2?i$\x8e;\xd8\xc4f\x17O\xa5\x8c\xe6\x139\xb0(\xdb\xfc\xc2HX\x8b\x97\xb5\xea\x18w\x17\xc4Bzw\x17@7Q\x8b\xce\xda\xff\xd1\xdd\x85\xe0G\xf5F\x05\x80\xd7\xc0\xb6\x9b\xe04\xda\xf4\tn\x9b\xbf\xfe\x0c\xfe\xcc\x01,=)\x15[\xc2y\x89,\x13g\xce\x1eO2w\x17\xe0\x17\x06\x93\xaa\xd4@\x9b"w\xfdA\xbbR\x96\x1c\x90\xa9\xd2H\x1eWZ\x87\xa1m\xb6\xd0q\xad\xc7\x1d\xcbRe\x0cQJ\xf9\x13\xd3\x95\x1b\xa6\xb9\xb4\x8a\x00\xf0\xcf\xdd\x91b\x14\x97I\x93\xa5\xcahaz\xf3\n\xf3\x9f\x81\xb5xW5\x89\xf9\xf3\xa2\xe8p\\\xa1\xd3*J^\xd7\xc4\x12\xfc?\xb1\xe5:\x88|\xb8\x93g\xe5K\x16DDD\xfeO\x80\x0f\x80W\x8az\xea\xcbE&lt;\x9d\xfd\xc8\xb5\x8f\x96\x9e\xc2\xd5\xafHZ\x94\'X\xca\xaf\x97\xdcD\x02\n\x18\xa3\xe1\xf7\xdf!\xb2{T\xe8\x01\xbc\x07\x00,8\xfa\x95\xfc4\x9aw\xe8g\xc2\x96?)^%\xfd\xf9,;\xfd\xeb\x9d\r\xc37\xb8\xdd\xa6\xab\xbanH\xf1\x16\x0b\xf4\x16\x02@\xe9\xb6K\xf5\xe6\xf2\x0b""\xcaPa\x04wZ\xf1P}DT\xb0\xd1,\x87#\x89\xf2w\xf3N\xdd\xb0\xf3\xf4\xf3\xfc%\x19\xb7\xe99\x80\xb7j\xfaH\xdb\x8eH\xb7Y\x17\xf9\xcf\x92\xc7\xed\xce\t\xe1\x16\x05\x99L\x07\xf2\xd5\x9bnR9&lt;\x04\xc9\xc8Z\n\xc4\x88\x9b\xab\x83\x9e\xeb\x02\x98\xb5\xff\xa3\xfa\xb0\x8c6O\x98$\x86\x8fS\xa5\xd7\xa8\x94Yu\xee\xd7\xfbhG\xfc&lt;\x9d\x89\x92k:\xd5K\xc39"\xe2\xdb\x00Z\x8c9\xa2\xa9\x04\x9e\xcb\xe9\xb7\x1e-\x87[\xa4\xe9\\\x00\xbb\xef\x8a\x97\xb0\xf9\xa8C:\xf3\xcfVm\xac\x06\xd1f\xdb)\x95\xba\xac\xd1Y\x00a\x9eDD\x14\x83\x88\x82B\xfa\x1a\x95\xad\x19d\x0f\x1d\xa7\xa0\xb4\'A\x96*\x86\xee!i,\xc3h\xe5D\xff\x97\xe8\xb4\xecm5\xee\x98\x92\xbcLb\xc1U\xfc\xd9\xa1\x06C\xf6\x8c\xdf\xf2\'Q"\x8aQ\xdcru\xdf\xb2\x1e\xa0h\x91\xd6a\x11&gt;V\xd6VD\xc9\xfcrp\x85F\xf5\xe4\x16U\tI\xb1\n\x9d\xd5\xc3\\ex(\x19\xc7{6Y\x89(\xb8\xba\x16\xa7r\xf3\xc9d}\xf0\xa2*%l\x88$\xd4!R-f\xc2\xf2o7\xf1$G\xda$Q34%"\x8aR\xd4$\xe7\x9f\xca]\xd7\x12\xb10\xc0\x9e\xc8w ~\xde\xce\xdam \xa4\xbd\xfe\x15,W\x93\xd5\xd6xE\'\x00pH\xe2\xfcBU\xa8\x15e\x86\xae\xbc\x07 U\xa9A\xecu\xb3\xed\xdd$/\xde\xcf\xb6\xf6\xc3\xda\xf7\xce\xd3\xceK9\xc9|\xb6\x8fGR\xb6\xfdr"\xd26\xc1R"\xbeC%i1\xfa\xf0\x9c\x03\x9f\xb8z\xa0\xe4u\xc3s\x07,I\xabq\xc7\xcct\xbe\xd2K&gt;\xe5$\xe1\x0c\x8f\x19OD)J\xd1\x8b\x17h b!\xd5w\xc15\xe7\x83\x9b\xaf\xc1$g\xfcq\x9b\x9e\xd7\x1b\xb8\xcb\x8c\x9c\x9d\x90r\x1c7\xac\xad\xf9\xaa\xe9E\x020m\xd7;\xa3\xca`\xa3\xcd\x84\x13\xaey\xb15\xacv\x84kR\x95\x1a\xa4\xf5\xd4\x00\xe7^PO\xa0\xcf\xe0\xea\xe3\xc7l|\xc6&gt;GHY_\xf8U\xde\xbaS\x89\x88(\xb7u\xe2\xab`\xc3\xe5\x122;[\xd1_\xfb&amp;Rs\xd8\xce7G\x86*c\x01E-\xaa.\xbd=\x85\x9b\xcc\xa1$5\xa5B \xc4\xcb\xddIc\xbeq+h\x1d\xbf\xc6+\xd5z\x89\xc6\x8bJ\xf0\x9f\xb1k\x95\xc2C\xa3&lt;\xda\xe3b\x19\x17\x8e{\x12\xb7B\xe6\xca\xa3\xcc/\x89n4\xad\xf2}6\xa9\xeb\n\xa8\xb6\xfe\xb2\xea\x9c\xf3\x8b\x8d\xc9\x04\xe4\x04\x90\xbb\xf6d\xe1!\x00D)\xd8:\xbf9xX\xcc\xb58e\xb4\x9d\x97\xa3\xc6\x04\x87#\xf3\x8f\xfc\xabG\xcf`\xfb\xad\xb0\xe7\xfb\x97|-\n3`6^/\xfd\x1e_LO\x89\xb8\x0eZ\xf5\x94b\x97\x8e\x9bS\xd7\xfe\xba\x06.|\x04QF\xd1\xaf\x8c\x1a\x80\xaa\xca\xa7\xd9\xa8C\xeb.\xb9z\xe0\xeb\xef\xe2\xeb\xfd\xff\x90\xa7\xce\x14w\x17\x81\x88(\xb8\xbac;ED\xe1B\xc11Y\xb1&gt;\xee.\x82\xc9\xf8W4k\xb2k\xa2\xfc\xa73AMG\x1c\x08\xfb\x8f;&amp;L\xf4L\xcd\xa3gl\xce\xed&gt;\xe0\x08\xc0\xeb\xbf\xc7K\xdc\n\xf6\x99\xcb\x13\x93\xc8\x80@x\xdaq\xff&amp;\xb4Y\x14k&gt;\xdf\xa8\x97Bm`+\x00fD\x8a\x94\xe4\x85\'\xaet\xc5rw\x01\xc8;uCw\xaf\x01*\xb7J\n\x82v\xfe\x15\x89\x88(\xc1\xd2S\n?$b\xaa\x06E\x9a\xce\xe5/\x99\xfbHJ\x14\x1c~5SEk\xd4\xff\xd5j\xb3#\x01\xa1\x9f\x81(Z\x85\xabr\xd7\x96\x18\xe0\xc6,\xa1\xb9D\x9cl\xba\n\x00\xa7\xdf\xc2\xad\xe1\xb3T\xa8\xb8\xb4\x18}\xd8\xb4b\x880}\xcf{\xfd\x99(\xe9\xde3\x82\xf5_\xc8\x0e\xef\x82\x1d\xa7\x9ee\x1f]\xf1b\xda\xa4\x83M\xc0\xe8[\xe3R|\xf9W\xeaz\xce\xbd\xe2\x81\x82![oXj\xcf\xfe\x87&amp;U#\xa1\xe4\x10\x13_5\xb212\xbe\xf6\xeb\x8e\xd6\x99\xbe\xbc)\xe2\x0c\x00\x88\xbc\x15\x93\xe5\xa81\xd1\x8c\xab\x9b\x00\x7f\xa0\xccT\x9d\xa7\x9f\xe7Y\x8c\x91\xa8\x0c\xea\x9c\xbb\x8c\xe5\xffw\xd8\xa4\x8f\xea\xbd6e\xab6V\x7f&gt;\x13\xb7\xbe4Irg\xf8\xea\x07DQ\xfb,\xb8f\xe2#\x1e\xb7\xf9\x85;\x17O\xfe[\xa8\xf5\xd0UA\xfc\xca\x1c\x89\x12\xd9k\x9f\xda\xd6\x0f\xd86R\xe6s\xef\x8d*\x9b\xeb\xb4\xd5\xa6\xedzw\xe0\x11\xd4-\xb2)*\x1bD)\xaa\xa3D\xbf\xf8\xc5\x7f\x99\xe1k\x1e*%\x89G\x94Y\xf7ub\xe8\xb414\xa2S\xe4\x9a\x19\x0e\\z\xdb\xc4\x0e\x18@\xb9\x0e+\xfe\xd3\xe1\xc7M\xa4p\x939D&gt;\xac\xab\x0b(\xd8\xbd\xe3\xd4\xb3R\xb6|\xca$\xabe`\xc1D\x88[a\xfa\x9e\xf7=\xe6\\\xd6\x9f\x93\xe4\x8a\x9fg0}\xf7_D\x1a\xfdn\xc3=\xd1\xe5D\r]F\xf2\xe2\xfd\x88(\xb4\xe7F\xf7\x16#Y1\x11\x0f\xf5\xbcu\xa7\x85\xfd\x93\xa0J\x1f1\xdf\x04w`\xb0\x1fGh\xcfMR\n_\xc9\x8a\xf5\xe1\r\xaejru\x92\xb0JQ\xa6h\xd3y\x1a,\x06\x00h1y\xd1\xb9`\xd6}\xf6\xa5!+\xee\xea\xca\xe2\x17\xb20G\x85\x9a}\xb6\xa4*5P\x7fn\x15;\xaf\xd6\x9f\x89\x90=\xf7,\xc3\xb7\x8c\x15G\x02\x88\x9f\xa7\xb3\xb1\xf9{\x18\xd1=7\xb2P\xe4"\xc5\x9a\xcdsw!\\\xc1\xcc}\x1f\x88(\xa4\xf9|w\x17\xc4\x91,U\xc6\xd8$\x02}\xb2\xb7=\xf1\n\x00\x1a\x0e\xd9\xc3qj\x90\xc9ESf\xff#U\xf3\xb0\xe8\xba/\x98\xd4\xb853\x83\xe1\x92\xde\x8cT\xf8\xa1\xfd\x0c{\xcd\x057\xfc\x9cT\xff\xd7\xc6\x1d\xe1\x12\x83=\x0b\xcf\xbd\x07Q\x1cc\xf3\xf4\\|\xcbN\xd8\xf2\xa7\xd8\x17\x11(\xa9\xc9k\x0cJ\xec\xbe\xa7\xe2M\xac\xd2u\x1dO\xd0Y\x03Dk\xc3\x01\x86\x8bW\xc4SNbO\xe6\xca&amp;I\x92\xc5W\x938\x9ar\x127\xc3\xa90\xa1\xde\xb3.v\xa9Z}\xb7\xda^\x1f\xce\xc5\x15\x0f\xe8\xf8"\x14\xd8r\x1d3\xf7\xfe\xed\xeerx\x16\x85\x1a\xcdJT\xa0\x9b\xbbK\xa1\x1e\xaf\xfc\x16\xf1)\x19D\xc2\x9bg\xe3\xbfB\xa1F\xb3\x87\xad\xbaOD\x14\xa5h\x97\x19\xbf\xa9(\x9b\xd9\x08&lt;Cd\xc9\x01@\xcc.Tu\x9b+\xb5\xef\x9e\xaf\x9em\r\xd3D?\xda\xff7\x15\x0ei|\x00\x98\xe9\x0c\xed\x88\xf3m\xcfVm\x9c\x1a\x832n\xa2\x163&gt;O7#\xa9\x84/\xe49$\xbd~\xe5Yr\xf2\'QZ\xfe\xf4\xbf^\x1f\x0f\xe5#\xef\xba\x93\x1dO\x00\x00\xfd\x17\xdft\xfa\xc6\x90\x88\xa1\xb98\xd2d\xb4\xa8KJp\xe2%bgk\xad\xa7\x10\x87\x9f\xb9\xa6\xd1Wm\xb58\xef\xd0g\xce\x94\xa7^\xa3j\xf7\xf5\n\x89\xb8\xe43m\xbd\xb8\x9db(\x80\xa0b}\xc9\x04\xcf=\xe1\x9dg\xdd\xc0X\xab\x1e\x93\xb9(\xd8\x1f\xa4\x9b\xb8\xf5\xa5\xe6\xac\xb5\x9eHDD\xde\x85DG!\xb1\xb2\xb6\xdaq\xdb\xbcZ\x9a\xdbz\xc5\x14\x94\xb8F\xdez\xd3\x14\x92sS\xd4\xdc\r\x08\xe55g\xaf\x14\xf5\xb4\x86(\xf8\x85*~\x05B5\x01\x003\xf6\xbcw\x16\x85\x18\xbd\xfe\tQ\xaa\x80\x82\xfa"\xcd\x05\x86\xea:=\x0c\xfd\xa3\x01\xd3W\xba\x00\x90?\xe7\x8c\x96\x882\x020z;Js3\x94\x0e@\x9d\xfe\xdb\xc9\x84\xf1u\xdd\x01;l\x9fg\xed\xff\xa8i\x06\xecc`y\n5\x9aMD\x1b\x7fw\xdbD\xfc\x96\x9b\x97\x01\xd2P\xe2\x1a\x14\x10\xf6b\xe6\xaf\xaf%8U\xfd\xc1\xbb\x8d+\x928\x8b\x8e\x7f\x07 \xb6\xfa\x15F\xc4\xd4\r\x8c\xd8\x18v\x05\x85\x1a\xcdN\x98\xaf\xab\xbbK\xf1\x7fL\xf5^\x9b\xdc]\x04\x11\xe6\x1f\xf9\x02\xc0\'\xb8\xad\xc3\xf1\xf8y\xbbT\xe8\xb4\n\x80\xd9\xc2\xb0\r\x87\xee55\x7f\x97\xa1\xaaIMSf\x08\x80\x02\rg\x1aw}]\xa2o\x00XdIk0;\xd5\x115\xf8/dR\xce\x1c\xc4\xb7\xbfK\x19\xdcV\x10q\xe2\x96l\xbd\xd8\xeckX\xfa~\xe3Bk\x08\x89\x9f\xa7\xf3\xbe\x07\x96\xe7[\xa1\xd3\xaa\xb9\x07\xff\xd1\x95]\xdc\xf2\x8f\xc0\xe3\xadg\xb7~[\x7f\xd0\xee\x9c5\'\xbaR\x91\xb4Z\x8f\r\xf2\t*v^\xbd\xe4\xe4O\x00\xbd\xe6\xfe\xae\xbc\x8e\xa5\x99\xd8\xa5\x8d\xc8%}\x8f\xd9\x97te\xd0j\xdc1\x0f\xf0[p\x96\xbb\n\x040u\xe7[7\x94\xc5C\x89\x02\x80(\xbb\xc1z{&amp;\x11X}\xc1\x91\x7f+uQ\xda\xab\x0e\xb7&lt;\x03(E]\xf6y\xf35\xbc\xe1\xea&amp;\xb5t`[\xae\xff\xda\xc1\x92\'o&gt;\xf1)\xa9\xa7(\xc3\xa7+7T\xea\xab\x94%\x07|\xb1\xd5\x1c\x9f2\xd126\xe3\xc8/\x9b\xfd\xbf\xc6\xabO\x8br\xe2\xa5\x89\x8b\x10G_\xd8en3}x\x03\xa8]\xa6J\x1e\xd2\x8f"qiZ\xfc\xda\x1b\x16\xe2\xb8\xf7\x99\xb1\xe2\x88\x15g@\xf1+\xfb\xe7\xea\xe8\x96\x02y\x1a13\xb7\x04\x90-t\x9c\xd8\x97\x9e\xb4\xa6\x14\xb1@\x9clm"\xa7m&lt;\xe7\xe0?J\xeb\x96\xe2\x11\xdcxh:\xe2\x80vgk\x11t\xd9\x87\xc7\xcc\xdcr\xe7\x1ff\xbd\xcc\xcby|-\xfe\xbfHl\xf7_\xb2\xda\\-\xa9\x9f\x9b&lt;\xc2\x03C\xeb\r\xdci@&gt;\xbe\xe5\x88\xa8\xee\x80\x9d\xfd\x16\xdd\x10\x1e\xcec\x89\xcbda\xedESk\x8b\t\xe1\xe6\xe2V8\xf8\xd8\xb1\x95\xd8u\x07\x00~\xfb\xa0\xf0[\xfcsut~\xf4\xd6n\x9b2T\x18nlIM%\xa6\x7f\xae\x8eU\xba\xaesw1D\xd8r\x1d\xa9K\x0fvw)\x94\x19\xb0\xe4\xd6\xa2\xe3\xdf)Z\x88I\xf9\x07\x16\xea\t\xa0\xa7MC\xc3\xeaN\x13\xdasc\xa3a\xfb8\xd5V\xef\xb8v\xd0\x17\x14"\xa2\x81`#F\xe6\x16\xe4[\xb6\xde -\xd1\x12\x01\xcc9\xf0\xc9\xa5:\xe9\xee\xc0\\\x01&lt;O\'\x9b\xe63\xd3\x94\x19B\x94\xd8\xd2W\x05\x18eW\xa1\r\xef\x9a}\xb6\xea8=1\xdb\x83g\x04\x85\xf4\xab\xd4y\x8d}\x02\x87@I\xea\x82\xcc\xb6\x9bt\xca\xf2Iv\xe7\xd8$bem\xc5f\xba\n\xc1\xa6\xa4\x11\xed\x80\x9fZ\x0e\x86\x07]\xa9r\x1dV\x8cX\xf3p\xc9\xc9\x9f\xcf\x01\x00\x13\xb7\xbdrw\x89\xb8\x18aSJ\xf3r\xaapQ\x8b5\x1c\xe2\xea]\xd2\x19{\xff\xfeS\x93\x9d\x08\x7f\x1c@\xaf\x14\xf52W\x1e\r\xc0\xa2\xc9bQfI\x1eX\xb0\x07\xff\xe5\xb2U\x1bgN0\xf0\xf0G\xf5^\x9b]v\xad\xc2\x8d\xe7\xdc\xfa\xa9\xb6nX&amp;\xe5i\xcbJ.`\xba\x99\x84UM\xcc;\xbfv\xeb\x9b\xe8\x19\x9b[\x85H\x93\x18!\x97(Cl\xa2\\\xf2\xaeq\x00\x1c\xe6\xac\xbaI#q&lt;\x13Q\x94Z}\xc5;\xfb\x8a\x9dW\xa7(\xd1_*\xc78\xd9\xda\x18Q0\xd5h\xf0\xb2\xcb\xa7d\x8e\x1e\xce\xdc\xf6`\x8f\xa3\xa0\xb9\xa7*\xf9A\xb0qB\x9c\x92(Vn\x03\x86\xcb\xe3M\xdd\xf5\x0e@\x13a\x146&gt;\xba\xcd\xba\x98\xb2\xe4\x80\xc9\xdb_\xf3$.\xdfa\xa5\x84\xbe\x04/\x00\x96\x9c\xfcID&amp;\xd8\\x\xca\x96\x1b\xa7!z\xf5^\x9b\xac\xad\xbc\x81\x0b\xf8\xff/\x8e\x07\x89\x0b\xf74\xb3q\x88\x0e@f\xeb\x94\x97\x80jF\x14F\x89\xc8\x85e\xbfNm\xee\xd5\x13V\xb5\xb5\xde+\xcf\xc9\xab\xd0K\xf5\xdc\xc6S\xb6\xddr\x9e\xcb\x018\xf3\x0e\xc6\xaa\xb2\xef\xbc\x83\xee\xb3.\x19\x98\xa1\xb94\x1a\xba\x0f\xc0\x17`\xe1\xd1\xafm\'\x9e\xb4\xff2r\xb4\x0c&lt;F\x01\x1eB\x0c\xd6\xa9\x94j\xb3D!a\xf2\xba\x86:\xd4\xc7$\xa2"M\xe7\x02Pi\xc4\x98\x8b\x88N\xbd\x01Q\xea\x16\xa3\x8fp\x9fe\xd7[$)\xd2\x9b|\xca\xa6,\xa9R\xfc\xd2\xbf\x02E,\xa8\xee\x94\xff2\x81\xfa\xb3HZ\xb47\x91\xaf\x9a\x16_9\xdeQ\xf8\xc3\xb7\x9c\xfe\xe8\x90\xf5\x07\xed"\xa2%\'~\xa8]Mu\xa0\xe5\xd8\xa3\xffE\x8d\x0bG\x12\xe6\xeb\n`\xe0\xd2\xdb\x14=$Z\x86f\x14\xa7\x8c\xbbKd\x18\x9e:\x97U\xa1\x01\xf2\xff\x08\x00\x8a[\xde+e=W^4w\xed)j;\xe0\x98\x99[\x12\x91\x83ZS\x8cL-\xd4\\6\x05\x80\xf5\x97\xdd_G#\xa7m\xcc\x9f8^\x9eNDA\x06\xf9\x00\x18\x8b\x96\xc8\xd3\xf3\x0e\x7f\x01\xb0\xf9\x1a\xb2U\x13\xb5\x8f\x13\x81\xb5,\xf9\xeaMS=r2\x0c\x93\x9c\xa6\xb2\xe94\xd1\x7flms\xb3T\xe1\x14}\x14\xb7\x01Vl\xbbUX\xe8\xd8M\xf4\x93\xb3\x08\x13J\xa4%J\xc2\x9b\xbf&gt;\x82B\xfa\xeat\xa8\x13E^\xeaG-\xe5;\xae\xd4pV\xa1F\xb3)fI\x03\x8b\xe1Fbv\x99\xeeI\x82\x82\xaa\xc9\xbb\xe2,:M=\xcb\xb3\xac\xc1\\\x03\xbf\xbb~\xe8\x14_)\xfe\x9d\x18:\xf6\x87"w\x9by\xd1\x00\xa3G#\xc2P\xb6\x9dx\x92\xdfd\x865\x8e\x03\x96\xdc\xd2p\xa1\x04y\xbb|\xf5\xb4A\xb1w!fE\x92\xb1\xe2\x08\xce3\xfa-\xba!\xec!d\xbb\xe1\xa4E\x9a\xcc\xd5[\xc2x\x952\xd8\x97-S\xa5\x91z\xf3\x94@\xa7\xdf\xe0\xe0\xe5w\x1e\x02qsvh3\xfe8%\xab\xdd]\xab\x87\xe5\x84\xad/;N=\x9b\xa7\x8eH\xc0\xae\xa2M\xe7\x12\x11\x80\x02\rf\x12\xe5Q\xcc\xaa\x91\x16\xb7\xfb\x9c\xfcI\x1d\x07\n\xbee\x01\xdc\xfc\xc9+\'\x00\xe0\xd7j\x96*bem\xe5\xee"\x84C*w]\xeb,&gt;\xa5\x1e\xcfR\x12h8d\x8f\xd9k,\x83\x97\xdfi0XNnS\x9f\x89\xa6\x8d\xf4\xc15Db\x8a\xad:/\xf2\xebbdj\xa1\xfdW\xfb\x95\xf7\xc8U\xa9L\xeaO\t(\xdf\x81sZ\xa0w\xb7\xbe\xee\x80\x1d\x1ey\xd3DXp\xe4\xdf;\xc0\xdcC\x9fs\xd5\x9eL\x14\xa1\xeb\xcc\x0b\x9a\xb3j3\xe1\x84\xd5\x83\xd1.b\xdd\xd0\x95\xf7\x88\xe8+\xa0hNQ\xb6\xfdr\xcdW\xe7\xc7\xe1\xd1\xc0\t\xe5\xd3\x13\xd70\xb3\x80f\xe0,\xd2\xfe\x1f\xc6\x1c\r\x97p\x8d\x8a\x08\x94\xde\xe1{t9h\xd9\x1fJv\x83Z\xd6]\x9d\x88\xfb\x87XK\xb1\xea\x1c8\xf7\xe1\xf8{\x88Z}\xb7\xa9(\xd7/&lt;\x81\x80P\'o\x19qX\x97s\xf0\t4\xcd;E\xb2\x9a\xb6\xfb/\xa2\x84\xf6\xdf\xd8\xec?\x12\xc8(\xb6FN\xd7XC\xacY\x03\x88UJU\x1f\x1c^\x86V6\xf8\x0b\x0c`\xf4\xfa\'\xa6\x16\xc6tbdnaH\xf4u\x17\x12l^\xd6qsuP{\n\x0b\x1aj\x14\xa6\x853\xd3CB\xe5$\x1c\x88\x06h\x12\x0bY!\xce\x86+\xe1\xac\x1dQ\x05\x00\xd3\xc3 \xc6\xad\xc0\xb3\xa0*G\x14E\tC\x8d,;\r\xcex\xe6\xed&amp;\x9d\x12Ja\xeb!a\xfe\xae\xb5\xfbm_v\x1a\xa22\x7fl\xdb\xde\x90\x0b\x19\x8es\x07\\\xa6\xdd2w\x17Ju\x04\xfb\xe8\x19\x9b\x8b\x1e\x07\xc4\x9f\x88\x08\xc9j\xcbY&lt;%\xad\xc9W\x10\xed\xc2\xc0\x15:\xae"\xa2\xbcuu\xc4\xe1h;\xf1d\xa5.k\x94\xd3y\x0c#\xd7&gt;2\xd6*]\x08\x00m\xe6\x00\xffQT\xecT)\x92\xa7\xceT\xa7c\x89M\x19\x9eG(`H,\x97B\x8d-\xfa\x06o\x00\xa2\xe8D9(\xa8\x8e\xdeL#\x14\xa0\xa8\xc5\xda\x8c?\xeepX\xaa1b\xe8\x0c]\xe5v\x98\x9c\x02W\xd2\x18\xc5;L&gt;-\xf3}\xb1f\xf3\x8d)\x93\x12\'^\xe1\xb1\x07\xcf\x1d\x9df\xc0\x8a\xafjn=\xba%\xce$.\xdc\xd3\xf6\xf9\x07\xf0Z\xfd\xbd\x8a\x95\xa5\xa5A\x01\xe2\\O^V\x9f\xfdr\xb4\xd7\x9b\x93y\x96\xdc\x1af\x93\xee&amp;\x01\x00Cl\x8e\xb4Q\xad\xbb\x82\x04\xb9\xab\x88\xe4\x9b\xa3\xdd\xaa\xf3\xb0\x9aa\x1bA@\xa8X5\xf3oo\xd3\xd9q5\xca\x8b\x87\x00\x88rYEh\x8ds\x91\xf4.\x18nM7\x93S\x94\xa2\x7f\x01\x00Z\x8f;\xce\xdfn\x9cy\xc7\xdb\xc8DL\xd5\xc0\x96\xd2\xc9\xe9\x91\x9b\x80\xd0\xdc\xb5\'k&lt;\xd7F\xf4\xe2\x1cA\x0b\xd4\xc1)\x99\xc2\xd9&amp;\xa7.=\x98\x7f\x1b\x18\x80\xc3\xda!\x80\xeb\xdfA\x94\xfa\xf0S\x94j\xbdX\xd5\xcab\xe9\xb6K\x01\xb0\xcdrU4\x1e\xb6O\xed)f\xa2\xc12\xc3h\x9e\x00g\xdfy\xee@\xcf\xc5\xc4\xcb\xd3\xc9\xddE\xf0$\x1c\'|Y\x9c\x934\x18\xb2\'W\xadI\x1cy%u\xf6\xbbX{\x11\xc3V\xdd\xd7Z8\xd3y\x0f4\x19\xbe\xff1_k\xa8\x0f\xb3\x02%\x99AH\x8b\x05\x00*w]\xa7\xea\xb6\xcc\xda\xf7\x813%\x00"\xbf\x9d\x7fh\xbf\xed\xbf\xffk\xdb!N\xa3\xcd\xd37I\xe1^\x8a\x1d\xdb\xec\xfd\x1f\xd5f\xdbb\x0c\x977\xbfOp[\x9d\xda\xe3\x0e\xd8\xfa\xe9\xf9G\xbe8\x1c\xbc\xc7~fP\x1d\x00*M\x9fb\xf3\'\xed8\xe5\x8c\xf0\xdfx\xb9m\xcd\xacH\x93"\x8f\x975\xc0\x89~\xae|\x11y\xbe\xd9C\xc7\xfd\xe3\x14\xb1q\xfb\xad\xff\x9b.Rq\xd6\x95\xbf\xfet\x93\x03V\xbb\x11\xd7\x05\xfc\xb2\\/\xb8\x9d\xfd\x01\xd1\xd7\xde6N\xccI\x14\xc9\xe1;\xee\x15\x94|3\xf6\xfeM\xb1\x1d\xe4dS\x87\xc9^&amp;7\xec\xbd\xb21l\xd5}y\xb3vy\xb1\xc9\x92\xad\x16\x03h8d\x8f\xa9f\x07\xc4\xba\x9c\xc0\xea\xa6^\xc2X\xd4v\x8d\x12\xc1\x88\xe48\xfb\x8e\xcd\xcf\xb4P\xa5\xeb:J^\x87(\x95f\x91\xa9\xed\xb7\x00 ]\xb9a\xc2\x83Y\xaa\x8c\x06\x90\xbe\xfcp\x8aQ"M\x99!\xaaz \xf7"\xfa\x92\xb2\x83i\xcb\x0ea\xff\xf6\x9e\xf7\xbb\x89%\x90P\xdb\xfe\xa1\xb2"e\xae&lt;\xea\xf2g\x03\xfaByG\xa3\x14%\xfa\x8f\xd9\xf0\x94?7-\x15\xd58\x91\xb8\xf8zN\x0e\n\xe9+\x1cv\xdd\x05J\xb4\\(\x7fJ\x9e:S~\x89\x15\x1bE\xce\x9a\x93.\xfd#_{\xa2+\xb7\xb6I8\x9c\x1c\x02BY\xe0\xf8\x18\x99\x85B"\x91\xf4\xad\xbe(*D\xc6!"\xf2.\xb8\xff\x91\xf8U\x92\x16\xe9=q\xebK\xc9\xb3\xfd+\x9ex\x89\x94%\x07h-\x1e/\xb9k\x8bx\xa3\x9aI6\xd7^\x8e\xf8\xd6H4#\xd5\x11\x1a\xac&gt;a\x9bG\xfe\x04\xae~E\xca\x12\xfc\x15\xc31\xa8\xd7\xe2\x13?\x8c-\x9b\x02\xfe\x15\x9d\xa3\xc9q._+\xa2Jj\xde\t5\xe1\xce\xbc\x0b\xcd=\xf8\x8f\xe3n\xb7\x0b\x03i\xa8\xdd\xf1\x1d\xb3\xe1)Q\x80\xaeK:\xcd\xf7c\xe8\xcaN\x89\xef\x80\x87L\xf6\xf3\xda\xc5\xf0\x8a\xc6{Z\x94\xa2\xe1n6cU\xa5\x97\xc4\xa8\x05X\xdf\xe0v\xd6\x17\xdeR\x8b2T\x18~\xf8\xa9\x9e\xcc-\x91\x8e\xdei*\xe1\xe4\xed\xaf{\xcf\xbf\xaa\xed\xc2\xb1\xb2\xb6\xf2\rn\xe7Ruk\xff\x8a\xae\xbbV\xf8!n\xce\x0e\x00f\xec\xfd\x9b\x888\x1d\x994#\xe8\xb1Rs\x06\x94\x95 \x87\xf9\x9b\x1a\xca\xc8w\xc0\x11R\xd6OUj\x90!\xc6\x8c\xf2\xa83z\xe5\x19\xeb\xeb\x86SO\xe2\x91\xc2CT\xe1&lt;"#u\xeb8n\xfao\xa3,\x13\xedLPm\xa1Uv\x9a2\x83\x8d+\x8e+\x18\xbe\xfa\x01_\xc2\xa4\x86\x04\xfb\x8c\x9b\xd3b\x9a7z\xfd\x13\xeb\x02/C\xe8\xc6\x10\xadf\x9f\xad*\x96\xf8\x12\xa9\x92\xd4g\xd1DbW\xef\xb5I\xcdY"\x00XqVEK*\xba\xe1\xbd\xee\x12\xdc\x15j\xe6?\xc0\xa9\xd7\xb6~$l5\xd5\x0c6]u]\x97\xa9&gt;.\x96F\x86\xae\xbc\x07\xe0\xaeXG\xd2i\xea\xd9^\xdc\x8b\xd2\xa9J\r\xd2\\\x06\xc1\x08\x80G\x04I\xaf\x90\xb8Qh^&lt;\x10\t\x0b\x1b%]\x13\x03J\xe4\xd1X\x1bw\xa5\xd9\xde/\xa4(\xd0`f\x84T\xf5M\xc88\x02\x11%\xcc\xdf-g\xcd\x89D\xc4\x96\rw\xdc\x06g\xf4\'F\xd6\xaacUD\x19\xf2)\xab\xb2\x84\x1a\x10_\xfc,\xd6\\\xdc\x85\xa6\xdb\xac\x8bf\x16F\x15\xfaV\xcc4\x92\x90\xa2\x15\xa3\x84U4\x9c\xb9\xf0\xe8W\x16Op\xd8\xaa\xfb\xe1ng\xea\xec_\xc8)\xba8\x1f\xa3\x04\x11\xe9\x99}rv\x0f\xf9\xeaO\x07\xd0x\xf8~\x87s\x15N3TW\xcbz\xb9\x80\xf4\xe5\xd9\x8e;\x9b\r\xa6\xa6\x80\xd0\xbe\x0b\xaf;$\xae\xd5w\x1b%\xe1\xf4\xee5\x97G\xec\x0e\'W\xed\x97\xe8x{\xad\x8fJB\x19\xdc\xe3ED\xfdsw&lt;\xf8\xd8\xf2\x93\x00P\xbc\x8ay\xea:\xfb\x9bZ1\xce\x82\xee?\xcc\x86+\x10\xf3\x93\x89l\xde\x15\xab\xf5\xd8(\x9c\xef\xfa\xe7\xee\x18vU\x8e(\x0e\xa9J\r2lM/f\xc9\xc9;\xde\xe4\xad;\xf5\x05\xa0Y\x02\xacR\x975Y\xaa\x8eq&gt;\x9e\xb9\xf2(\x9d6\x13&amp;\xa3\xa2\xf7MZT|\x99\xae\xe9\x88\x03|\xfe\x87l\xf3/B\x95n\xeb\xd6^\x84\xe6\xc8\xc1\xaa\x06j\xe6\x13\xa4*u\x92\xc2\xbd\x06-\xfb\xc39\xecU\x8a\x12\xfd\x01\\\xfc\xa8\xa2J3E\x08""\x8a-X[\xb6L&lt;\xd2\x94\x11_\x1b\x88\x9a\xbe)\x80s\xef\xc3.\x94\xa5\xca\x18\x00\xb2#\xc2\x04\xdf\x80\x14%\x06\x18\xb7\x8a\xeeU\xb1\xf3jk\x81\xd3\xb6\x18}\x98()\x11Q\x8c\x12\x00L\x8e\xd6\xac\x9dL\x95F\x1as\x07\x0c\xd9\x87\x17#\x9e\ty\x8aP\x7f\xd0\xae\xd3o\xc3:`\x00Y\xc5\xda&gt;\x0e&lt;\xc0\'\xcc\x03\x08i&gt;\xdf\xb4*!\xc9\xf5\xef\x18\xb8\xf4\xb6\xc4\x97\x12\xe2M\x01\xd5\x989\xcc\xa5\x7fp\xe3\x87a\x05n7\xf1d\x9f\x05\xd7\xd8\x1d8\xfc\x14\x05\x1b\xcd\xd2\x92K\xe2\xea\x12\xbb\xcb\x01\xfc\x01\x91\\\xcf\x95\xcf\xe0\xefBF\xae}\xa4\xc1\xca\xc9/G{\x87\xb5\x8a\xec\xa1\xec\x86DU\x9b\x15c\xf3u\xf7G\x1a\x10\x9f\xc5\xea\xe0\x1f\x15/`B"\xf2\rnw\xf8\x995\xbdoYV{\x0b\t\xaa\xee\xce;X|\xfc\xbb\xf3\xc9!-\x16\xec}`w!\xaf\x14\xf5:N9#{\xf5\xe0MWQ\xbd\xd7\xa67\xc66\x11\x91\n\x03H\x90\xaf\xcb\x1f\xc0\xe1\xa7 \x8a\x10/O\'\xbe\x86HI\x81\xc4\xd2\x91\xf3\x90V}\xe4ou\x9a\xd5\x82q\x92\x15\xeb\x8f4X\xfcz\xd1\xf1\xef]f\x18\x12^I\xf5\xb2\x92\xb6\xb6\xb8V\xdf\xad\x9a\xd6|\\:\xa1a?-y\xf1~g\x8cv\xdd\xae\xd8y5\xab\xca\x89\x0b\xf5t}\x07L\x94\xc5\xb9\xa3\xcdRe\x8c|DB3\xca\xf9\x070~\xf3\x8b\x0f\xd69D\xad\xbe*\x02QD\xcb\xd04R\x9aFD\xb4\xe1\nf\xecu\xda\xe9\xf1\\\xb8\x9c\xdf\xe4\x05\xaa\x1c\xb8\xfc\x0f\x008\xf8rd\xad:\x96\xddUaT(\x9dO\x10\xc0}\x89\x1cTE\xc0\x0c\x9f\xa4\x8b\x9d\xb55\x11\x95j\xb3D\xa0\xf3\x9aI\xab\xbd^z\xa3\x8a\xa5\x87]w,5\xc7\xf2v\xfb\x95\x17M\x96 o\x17\x87#\xb9jM\x96\xce\x95\xcb\x92\xe9\xa5\xfa\xaa\xd8y\xday\xb5\xa78b\xf9\x9d\xf1+\xeb\xcd\xc8\x9e\x13/]\xdf\x88[\x18\xb4\xec\x8f\xe8\x99\xe4\x84\xfd\xc2/\x00*uYcl\xc7\x13T\xaco\x83\xc1{\x00|\x03\x88h\xe59\x18\x91\xbfA!\xa9\x83\xea\xc8\xcc\x8d\xe2\xe5\xee$\xd5\xf8\xea\xc0\xafX\xf3\xf9\x00~\xfb\x1b\x14\xa8\xd9\xc3!\xa6\xc4q\xaf\x91k\x1fi\xcd\xd3,\x00\x08\x15W\x12\x15\xe8\xc6q\x92\xf8x\xbd\xfb\xac\x8bu\x07\xec\xc8Xq\xa4`\x15T\xf0\xed\xecK\x96\x83\xc6\xd9\xb2\x02x\xe0\x01\x16\xc5n\xa1\xd7\xdc+o\x00JR\x13\xc0\xe0\xe5w\x88\xb2\x03Xy\x0e\xa9J\r\xe4\x0b|\x19\xed\xe8\x0b\x04\x14\xe8nzA\xc5`5a\xc1\x91\x7fE\xbf\r,\xd8\x83\xe2\x8aw\xbdDD\x94\xc5\xf0\x9d`\x00\xae\x89m%ra\xe8\xd8\xee\x92\xc4\xb7\x1c\xaf\xa0\xb6\t\xe8\xe9?2U\x1ee`ID\xaf\xa0\xf6\x84\xaa\xdd\xd7\xb3\x0f\x00N\xbcBk\'%a=\xac\xbd\x80%\'~\x9c\xfb\x0b{\xef\xb3\x9b\x16\x8db\x96\xd0\x93a\xd5n\xeb\xd7_6\xa4M\x8c\x97\xb5\xea\x18\x99\xf8\x01\xe6\xcc\xd4c\xb0l\xa3\xa4k\xe2\xb1\xfbO\xc62~\xf3\x0bm\xa1\x97\x9d\xd9z\x03\x0e\x98\x1d\\DX\x07\xd4\x18\x93\xea\xde \xf3\xca\xafVU\xd1\xd8\xa8-D\x04\xe0\xf4\x1b\xb0\x0f\xd6\x1d\x9c8\xb2.-1\x9e\x02\xb6\xd1a\x8d\xde\x9b\xadw/\xa3\xb1\x05\xe3!s\xe5\xd1u\xd4\x04\xd5\xe88\xf5\xacy\x85!\xa29\x07\xff1$\x9f\xd0\x9e\x1bs\xd4\x98\xa8\x94*/\xf9ZMA{\xcc\xbe\xa4A\xd2\xd3\xc3Q2+\r\x92\xfb2Q\xd5\x8d\xbf\x9b8\xa6N_~xH\x8b\x05\xea\xce\xf1-\x97\xb5\xeaX\xa2\\\x17&gt;\xc2+E=\xc9d\xc9jK-\xb6\x04\x16\xea1z\xfd\x93~\x8bn8\x7f\x95\xb8PO\n\x0c\xbd\xf8\tF\xc5V\xab\xddO*\x1a`"\x959\xb1VRr2mF\x07&lt;~\xf3\x8b\xeb\xdf\xc1a\xac\xe7\x16ka\x8f\xe0\xfc\xdfr\xc1j\x1c{`WLO\x1d\xa6\xe3I\xe5S[\xe7\x8b\xaeG\xed\xfe\xa2\x1c\t\xf2u\x01\xc0\x86\xe6\t\xf3u\xb5\x1e\x0e\x929%\xa0`w\x87\'\x02\xe0\xda7\x00\xc8\xaf^\xaa\x8c\x17?c$\x9f\x8e&gt;7\xa2"I,h\x1b@\x10\x0b\xe9\x9b\xc8DG\xa9\xf2\x1dW\x12\xe55+w5T\xeb\xb1Q\xf6{\xbd\x13\x17VM\x93\x15\xeb\xdb|\xd4!\xe1\xf1\x08)\xa5;?e\xd2\t&gt;\xb3\xae(\x1b\xcfi5zo^~\x1a+\xce\xa0\\\x87\x15Dt\xe9\x1fH\xcd\xa1m\xeb9\t\xf3\xdb\xaf"\xc6(A\x94\x86\x92\xd5^v\x1aD\xa9D\xcf\xd51g\r\xf2\xcd\xd1N9\x15Q\xfbI\xa7\xd3\x97\x1f\xce\x9bk\x8c\x12\x8a~\xc0\x1f\xb4\xb6\xef\xae\xea\x18\xfe\x83\x14j4\x0b\x00\x8bR\x10?og\x8a\xe3\xb8I\xcf\xdc\xbb\x85\x14\xb6\x06\x95\xf2\x04\xbe\x00\x00\x8c\nhh(\xca*"\x85\x9b\xcc\xb1}\x9e\xbe\xfb/\x00K\xa4\x14\xb5b\x14w^\xd4\x0c\xed\xb9Q\xb4\xe6O\xdd\xf9V\xe6\xa2e\xdb/\x0f\xae1\xc1\xa2b\xed]H\xad\xee\x15\x00%\xc1\n\x97\x11\xa4\xc7_Y;\xccH\xd0\x885ss\x15q\xf9ISz\xb0\xdaS\xd4\x85\xf6\x8c^\x1c\x16kjn\xefR\xa5M\xf4\xa6#\x0e8\x1c\xa9\xd8y5O\xc6\x00\x8e\xbf\x84\xed\xfdt~\x85\xa6\xeez\xe7\x97\xb3=\t\x16\xde\x05\xa1\xc1\xf2\xb1?\xe5;\xae\xa4d\xb5&amp;\xefx#b\x86g\x00\x9cQfU\x08\x155\x1fu8Jz\xcb\x8ab\x80\xe4;\x9f5\xb8\xfax\xa9\x1cJ\xb5^"n7\xe4_\xd1}s \x11\xfa\xa9\xf3A\x00\x00 \x00IDAT\xb2V\x1d\xa3\xd9\x06\xd8|\x1c\xb4\x94\xfd\x9d\'\xb8\xa2q\x9aS\x97\x1e\xe4\xc2\x19\xb0*b\xeb)\xd2\xd1\xe7\xa8\xd2m\x9d\x81\xa5\xb1\x92\x08\\\nz)\x88\x88\xc5\t\x18\xb8\xf4v\xee\xdaS$\xa6\xfb\x81\x9f\x80-\xd7E~\xa6\xfc\x13\x11\xdd\x04\x05\xb0\xee\x92\xf6;\xe6\x91u@\x1d\x89\x0b\xf7\x92[w\x94\x05\x80\x0eI\xd48e\x14\x12\x18m\xba\xa5\x9f\x8a\x9d\xd7\x94\xef\xb0\xd2\xea\xd4\x1f\xe6\xba\xca\xa6\x8fnB\xafh\xfb[\xfbU#\x87\n=i\xdb\xab\xd1\xeb\x9f\x90p\xe7\xdb\xb7\x1cYt\xb6\x89\x88R\x97\x1e\xfc\x15\x88h\xa8\x8cF\x91\xa6s\xa3ehFD\xe37\xbf\x98\xb6\xeb\x1d\xcf)\xddg_\xdaq\x1b\x0e\x8b\nJ\xc4\xb5\xc4\x88TO\xda2C\xd2\x95\x1b\xea\xc1}\x9bk\xd0\xa7\x1d\x1b\xaf\xa2\x83&gt;\x91s\x07\xfc\\\xe2\xe9\x14l8Sg\xe3+XY\xd5\xc2C`\xfc\xe6\x17zrp\x19\xdan\x94\xd5\x83\x8b\x84\xdb4\xf3\x0e}\x1e\xb7\xe9\xf9\x9f\xa2\xb9E\x0b\x01\x10+\x8bd\x1c\x82e\xa7\x8c\xef)?\x03=\xe6\\\xd6x2\x0bIdD\xdc\x82\x0e\x93\xcf\x10\xa5\xcaQs"Qb\xfd\xb9\xf1\x03 \xb0P\xcf\xd0\x9e\x9b\x00\xfc\xc3\xf3\x88\xe7\n\xf7\xa2\xe3V\x90Jv\xf3\'\xce\xff\x8d\xd6\xe3\x8e\x19QHc\x89\xd0h\xe8^\x9b\xd5\xd2\x7f\x81\xb8\x15\xe4_\xce5\x17P\xbb\xdf6\xa2\x9c\x82d&gt;D\x04\xa0\xf3\xf4\xf3\xfd\x17\xdf4f\x10\xea_\xa1\xe1\x90=DQ\x96\x9e\x02\xf9\x96MSfp\xbb\x89\'\x89\xe8\x0e\xb0\xed&amp;W\xe6\xeb/\xe3\xea\xbf\xd0 x\xc4\n\x1f5CS\xb5\'rR\xbe\xe3*\x8a\x1ebR\xe6\xee\x86\xcd\x904\xda\x1c\x05\x14\xec\xee`\xd94`\xc9-\x87\x0eXV\xca4\xa2\xf4W\xca\x08#\x16\x84\xf6\xdct\x17p^F\x92\x81-\x0b\xb9\x9f\xc4\xd5\x01\xec{\x00\x99\r,\x00\xdf\xd5\xbf\xa1\xbcR\x91\x06L\x93\xb4\xef^\xdb\xa4B5\x9c{\xf6\x9d\xe5\\\xa1Gk\xc2\xfc\xe2\xc3\xb2W\xc0\xcd\x9f\xe8:\xf3\x82\xc6\x82\x8a`d0\x8f\x92\xad\x17\x17i2\xd7\xb0\xec2T\x18\x91\xae\x1cWpi\xd30\xdal\xdb\x83\xe1\xa9\xbe\xc3W?\xb0\x0c\x98b\x97\x06\xb0\xf9\x9a]+\xa9\xb7\x04\x91\x8b\xb0|\x02\x0b\xf5\xf8\xed\x03\xca\xb4[\x96\xb8POJV\x9b\x88&amp;m\x7f\xcd\xafF\x94\xa1\x02\x8fw\x84\x8b\xe8\xb7\xe8\x06s4:\xf8\x18\x00\x12\xe4s\xf4,\x0c\x170\xe7\xdar\x1dV\x90_9Y\xcf\r\x8d8W\x1e\xe7I\xb0\xa8\xb3~\xbbI\xa7\x92\x14\xe9\xa5\xe7\xd2\xa3\xd7?\x11\xeen\x14i:7[\xa8\xa3\x8c\xc9\xe5\x7f0q\xdb+\xb1\xb3\xd5\x08\xb7\xc5*\xe5t\xc8\xb8\x08\xcd\xd6w\x87]\x89"\x15vN\xa2_\x96\xdcU(\x18\xb89\xd3v\xc2\x89\xb0z"\xf6\xdbepn\xbe\n5\x92\xb4\'`)\x9d\x05\x12\x1aZ"C\xcb\x13$\xf9M\x94\xa2\x9b\xaeB\xb2\xef\xf4\x96\x8a\xc9!e\x8bnzp\x0b\x13\x89\x95\xb5\x95\xe0a\xb8wi1\xa2\x93|A\xb0\xf4Ve\x18\x008W\xa4O\xbc\x84*o\xdaL\x95\xc2\xbc\xa7\x84\x8d\xa3UcY3\x89)Y\xedv\x93N\xb1\xdc&amp;m{\x05\x80\xfc+\xda\\\x176\\\x01\xff\xbe2\x00\x93#\xd3\xa9`\xd5y\xd4\xee\xbf\x9d(;\xf9\x94M\x94\xbf\x9b|\x88P\x8f&amp;r\x91\xae3/\xfc\xf6\xc1\x94\x9d6\xe7\x0e\xf8\xc8s\xbb\xde7R\xdaF\xceg1{\x1f\xdd\xcfZh0\x98\xa4d\xeb\xc5\x0b\x8e~uH1x\xf9\x1d\xdd\xe3K\xd1\x90V\x06\x872\x94\xd5\xda\x8c\x1dP\xd0tg\\\xd1\xbb\xf4\xaf\xfa\xd1\xf9\xa2\xe3\xdf5\x04\xbd\x90\x9f\x06H\xbdz\xaa&amp;\x0f?\x81\xd0\x9e"\xe3\x18\x9e\x1c\x9a\xd8\xaba\xdb\x930mY6\xd5\x94\xb2\x07\x12\xa88\'\x0eWq\xf0\xc2/{\xee\xe3\x8b\xe0\xb9\xae\xbb\x84\x1d\xb79\xbb\xba\\\xa2a\xaaR\x97\x1eD\x94\x91(\xa3\xad\xba\x04\x16R\xee\xce\xfb-\xba1b\xcdC\xe9w\xdb\x18\xf7\xbe"M\xe7\xd6\xe8eq\x19\x1c\xb0\xe4\xd6\xaa\xf3v\x15\xfa\xf4[\x00\xc8\xcc\xe7&lt;\r\xa0\xfb\xecK\x86\x94\xcae\xb4\x9dp\xc2\xddE\xd0\x8b\x97u\xf1\xb3`\xc3\x99\x86d(\xec\x80\'l\xf9\xd3\xe1\xdb+_\x00`\xcd\x05\xb5\xfdb\x12\xa2\xdc\xcc\xbe\xda\x19\xe9\xa0u\xaa\xe7d&lt;\x8cX\xf3\xd0\x8cl\x9d\x08`\xef{\x96*&amp;zK\xb7\x9dxR\xaa\'\xbb\xfcYp&lt;\xc8.\xae\x80T\x84\xaea\xab\xee\xcb\xec"K\xe3\xa8\x18h\xb3Pq/{\x1f\xa0\xd1\xd0\xbd\x00:M;\'\x95\x86s\x10\x90\xa9\xd2\xc8x\xb9;IFUP$O\xdd\xa9\x06\xacU\xfe\xbf\x90\xd6\xce#+vi\n\x08e2\x84\xda\x08*\xd6\x97\xa2\x16\xab\xd8y\xf5g\xc7G\x90\xa4\xcbtG\xb5\xb3\xa2\xcd\xe6\x95i\xb7\xec\xa1\xb5\x05\x8c\x9f\xa7\xb3\xe6\xeb\xf2\x10\'{\x1bv\xa1z\x03w:/\xcd9/\x13\xfd\xd7HZ\xcb\xdd%0\x8a\xb8F=\xa6OpD\xf8m\xab\xb1G9\xb4\x08\x1c\t,\xd4\xc3\xd94\xdd\x95A\x00\x8d&amp;\r\x11\xc9\xcb|\xae\xbb\xe4\xe6\x17\'Nv[/\xeb\xb8\x89\x10X\xa8\'\x11\x11\x05\xb9\xb5\x84&gt;\xbas\xe0R2n3\xfex\xd3\x91\x07u_\x8b\x88(c\xc5\x11\x94\xb8\xba_\xce\xf6\xb5\xfan=\xfb\x17\xc6n|fH\xb6\x9e@\x90\xbb\x0b\xa0\x99hj\x12\xdb\xf9\xf8\xa6)3\xc4\xf1\x05\x08\xaa\xf3\x03 \xa2-\xd7Q\xad\xc7\x86\x18\x99Z\xe8/\x9f"\xfd\x17\xdf\xb4\xda"\x8a\xac\x9f\x03\xd0\xba\xb9\xeb$\xd9(+\xfe\xfc\x0b=\xb4\x1a{\xcc\xd0\xc64E\xa96K\xb6\xde\xc0\xf6[\x18\xbb\xf1\x99A=eJ\x87\xff\xf58\xc0\xfc\xc2\xf3a\xee\x1bR(\x8e\xec!\xeb\xbb\x05 y\xf1\xfe\x9c%\xb9\xa3\xf7\xd5pP\xd2\xf6e\x85\x97\xd2\xdaT\x8fy\x1a"&amp;\xb0\xf3\x0f6]\x0bg\\\xfd*R\xe1\x9c\x8fx\x9a\x8c@\xbb\x89\'\xb5\xd9\xbb\xceu\x94\x7f\xd3+\x15\x94C\xef\x86\xb7\x1b(\xd3n\x99\xbb\x8b\xe0Q\x18)\x17%\x8d\xcf\xf9\xbf\xb1\xfe2{\xdd\xb8}\xfd\xc3\'KN\xfetw\x114\xa2(\xde\xc06\x8f\xa5\xe4\xacU\r7?\xe8\xec\x80\x03C\xb3V\x1d\xab+\x07\x05\xa2\x85\xa8\x9c\xc9\xb9\x17\x0e#\xc6\x18n\x93\xaa\x96b\xf7=\xbc\x018\x15\xb2\xfe\x03HH\xc6\xfbh\xce0&lt;\x8e\xba&lt;\xca2&lt;\xdc\xd1F\xa3.zv"\xaa\xd6c\x03\x003TE\x05+\xf3\xa6Y\xbd\xdao\x96\xabr\xd0\xfa\xcf\xd0f\xfcq\x9f\xe0v\x92\xc2\xb1.\x9c4\xb2\xc7\xbd\xf3\x0f\xf5\xbd\xf8\xea\xdf&lt;|\x91\xc7,k\xe7f#\x0fQ&lt;mq\xbb~a"I\n\xeb\xf2]\tG\xe8\xb7[\xfe\xf4\x1f\xdez\xe7\x03\xc0\xe4\x1do\xc8\xaf\x1c\x80\x8eS\xceP\x9c\xd2&lt;\xe2\x1b%[-f\xe7\x9a\xb4\xc1\xcfk\x18\xe1\x95\x9f\x88\xf27\x98\xa1\xe1\x12w\x00\xe1\xae\xdc\x81Gp\x90Lq\t94\x9f\xb9\xf2\xac\x01Uw\xea\xce\xb7^)\xea&amp;-\xda[\x7fV:i;\xf1\xe4\xe5\xcf\xd0sC\x0c\x03\x12*hj\x89\x93\xbd\xcd\xea\xdf\xb0H,\x8e4\x0fV\xf1\xb0\xdc2ix\x1c\x87dH]z\x90n\'\x1f\xd5\x18\xeai\xae\x19C\xa2\r:\xaeZ\x9fz\xfd\xff\xde\x9d\xfcB\x15\xfb\x1e\x82(\x0b\x11-=\x05\x00=f_&amp;JY\xa2\xd5\xa2\x9es\xaf\xc8\x9e\x97\xa2\xde\xa0]\x14\xceU\x12\x01Xb\xd1\xc7\xab\xe4\xae2x\xa7n\xc8\x99\xf2\xe4+\xbb[\x1d;[k\xeb\xcdW!O\xebL\xe4t\x8d\xf5\x9c\xce\xa8\xd6cc\xdf\x85\xd7\xf5\xe7\xe3\x8cm}e\xdbM\x0cY\xe1\x18\xf1\xe8\xe6O\x14k&gt;\xdf\x94\xab\xea\xa9\xd6\x15:\x85)$\xb7\x99pBsV\xf1\xf2t""\xa9\xc0\xa52\x0c_\xfd W\xed\xc9\x9c\xae\xf1\xd2\xde\x11\xff\xef\xfc+\xfe\xe0\x82a\t\xe1\x12\xdb9pS\xf8m\r\x1d\xc0\xff\xd3&gt;\x82f\x92\x15\xeb\xa3;\x8f8&gt;\xd9\xdb:\xcb\xde)\xbb\xd5\x86\x89CI\t&amp;d\xd7U.YX=\x17\rMv\xe6-\x88h\xde\xa1\xcf3\xf6\xbcw\xf8\xca\xc1O\x06\xc0\xbaK\x9a\x8d\x1f\x15\xca\xa6H\xb6jcm\xb7\xbdD\xabE\x8ag9t\n\x11S5\xb0\x1e\x11u\xc2\xe6\x85\xc7bF\x1e\x16\xfc\xdb\x8c\x96\'g\xcdI\x07\x1f\x87e\xbb\xe9*f\x1f\xf8d\xfb7M\x99\xc1\xf7\x80\xf8y;\x1b~\xdd\xf0\xc4[H\xa8i&amp;\xaf\xab\x7f\xe9\xbb\xc1\xe0\xdd:sp\xa8\x199kN2&lt;\x0c\xb5i\xe4\x01 \xb64\x14\x9b\xfd\xa8m7\xe1\xec\xf1\xf9\x9f\x99\x01\x1f~\xfa\x1f\xf9!\xe1\x81l\x1a\xcei;\xf1\xa4C&amp;\xf2\x11\x81\x8c\x05@\xc9\xd6\x8b\xa5\xbe"\xdf\xb2\xa2+L\xfc\xfd\x04K\x99\xaf\x9e\xea\x08\x83\x07\x1e\xf3]"\xa8\xce\xde\xfb\x965\xf6o@\xec\xac\xad\xf7=P\xb0U\x06p\xf0\t\x1c\x0e\xca_\x84\x9d\x95\xb5\xea\xd8\x9b?%S\x02\x88\x9e\xb19\xcb\n\x02\x94\x7f\x82\x95:\xfd\xb7K\x9e\x12=$iQ\xfdc\xc4\xb0\xa2\x02\x08\xae1\xc1\xa8\x0c=\x9b\x08\x05xR\xb1\x9b\xe2&lt;\x0c\x89\x90\xb2\xbe\x7f\xae\x8e\xc6\x97J\x19;{\x10[\xcd\xa8;`\xe7\x8e\xdb\x00@\x01\xd5\xb4\xe4\x9a\xa2n\xbd\x81\xbbz\xcc\xb9|\xdb\xc4)f\x16\x87\xffY\xe1\x9dCM7\x18\xbc\x9b}\x95\xddIVP7\xb1\xbe\xbax\x0e-\x19\x16\xd7\x90%z\xcf\xc39:Kr\xc5\xc0\xc9\x1e\x8b\xdd\xe2\xa7\xa8\xbaS\x84\x94F\xc6/\xb1\x01\xa0\xfe\xa0]\x1a\xce\x92\xeaZR\x97\x1e\xe4\x9cR\xb1\x1f\xf2\xcb\xd1\x9e(\n\x91\xb7\xb5\xb5\x8c\xc7\xdf{\xad:\x8fr\x1dV\xb0\xf4\xa37&lt;\x1d\xb2\xe2\xaeT\xca\xc8i\x1b[\xb2M\xa4\xb6\xedJ\x01\xc0?wGk\xa9D\xb6WO\xbf\t+\xed\xee\xbbx\t\x1cR9\xf6\xcd\x1e:\xde\x92\x7f\x02\x11\xc5l)\xfbj\x1be\xda\xf2\xba0\xa4(1@U\xc1\xfe/\x00 \xe5\x88\xa6/\xf4/\x071J(&amp;\xb1\x8c\x0f\xf2tf\x1f\x129D\xf9U\xa2V\xdfm\x11S5`\x9f#\xa7m\\\xbd\xd7&amp;\x00\x9cC\x13\xb58\xbf\xba\x1aF\xa3Zq\xbd\xed\xc9/\xfe\xbf\xa87pg\x9a2\x83\xad\xff\x05\xf1\x9c\xb2T:\xb2P\xcf\xb9W\xac\x11\xc1\x9d\x08[\x1bw\x0cj\xce\xff6e\xa80\x02\x80\xe2\xec\xed\x15\x9b\x98\x86\xcdz\xa3\xb3K\xf0Dnm=\xee\x98-6e\xcf\xb9W\x88\xb2\xca$\x86t\xc8,Yr\x00(\xd6|\xfe\xcd\x9f \xca\xa4\xb4\xd4\x91\x8c\xbc\x0b.8\xfa\xb5F\xef\xcdD\xde\xaa.\x03\xe0\xcc;&lt;S_B\xad\x16\xf8\xe1\x1e\xadZ_n@\\\x07\xa7\xeb\x8c\x0bl\x01\xb6\xc5\x98#2\x15k\xc6\xde\xbf\x01\xe4\xad7\r\xc0b\r\xc6h\xb1J}\xb5\t\xe5K\x07\xb6\x12\x95\xc6\xb4D\x1e\xe5$N\x19\xe7\xd6\xa1\xff\xe2\x9b\xaf\x80o\x80\x84\xaf\x91\x02\xc15&amp;8\x89\x82\x85\x13$\xc4\x14\xf5\xe1\xd8\x1cS\x92\x9an\x90C\xff\xef\x88\x829R\xb4\xd9&lt;\xee\xb0\xd6\x8e\xdc\x05\xb2T\x19cD)R\x00 \nf\xa6\x12\x8e\xdd\xad\x9c\x9a4\x11\x11%\xadU_~\xdb+Ym\xeb\xa7H\x94\xa4\x86\xfd\x9am"a\xf8\x16\xce\xe2.8\xfa\x15\x00Q.\x07\xf9 C`%y\n4\x1fu(Ff9\xb9\xa1\x84\xf9\xba\xdaJ&gt;h\xd9\x1f\x1a.\xa4\xb1\x88\xda\xd6#\rAJ)\xd4|\xbc\x018k\xb2\x87+"\xbd\xb4&gt;\xf2\xe1\xab\x1fpL\x85\xfd\x01\xa4.=\xd8\xb4\xf2xQl\xe7h0*\xd8r\x1d\x00\xf2\xd5\x9b\xc6\xfe-\xdcd\x8eA\x83$\xbdq\x94\xf90\xd8S\xb3t\x9b\xa5\xc6fHD\xde\xa9\x1b\x8eX\xf3p\xf2\xf6\xd7\x00\xde\x01D\xc4#\xbe=u\xd7;\ts$\x87\x9e;\x8e\x11e\xd4L\x0c\x11A4\xf3\x89\x9a\xbe\xa9s`;\xd1\xc0\x12\x8a\xf4\x9e\x7f\xf5\x91A\x83E\xb6\xa3\t`\xe4\xdaGQ\xd37Q&gt;\x81\x8f\x14%l\x82P\x91m\xa14B\x9a\xcf\x7f\x12\xd6\xe3&amp;\xfdj\xd7\x1f\x1bI\xb2b}\xd4\xbe\xcb\xc2\xc1A\xa9\xd6K8\x13g\xa80\\G1\xd5\xd1z\xfcq\xc1\x8d\xca\xbb\xea&lt;\x00\xa4+7\xcc\xb9l&amp;\x15\x80\xdf|&lt;\xe2\xd2\x93?\x01\x18\x15\x1b`\xfde\x84w\x81:\xd9\xde\xd4\xe80,\x9a\x88\x90\xb2&gt;\x80\x88\xa9\x1a\x14l8K&gt;e\x92"\xbd\xb6\xdf\x82^\x</t>
        </is>
      </c>
      <c r="E142" t="inlineStr">
        <is>
          <t>&lt;class 'numpy.ndarray'&gt;</t>
        </is>
      </c>
    </row>
    <row r="143">
      <c r="A143" s="1" t="n">
        <v>141</v>
      </c>
      <c r="B143" t="inlineStr">
        <is>
          <t>steps_per_sec</t>
        </is>
      </c>
      <c r="C143" t="n">
        <v>2100</v>
      </c>
      <c r="D143" t="inlineStr">
        <is>
          <t>5.1431756</t>
        </is>
      </c>
      <c r="E143" t="inlineStr">
        <is>
          <t>&lt;class 'numpy.ndarray'&gt;</t>
        </is>
      </c>
    </row>
    <row r="144">
      <c r="A144" s="1" t="n">
        <v>142</v>
      </c>
      <c r="B144" t="inlineStr">
        <is>
          <t>Loss/localization_loss</t>
        </is>
      </c>
      <c r="C144" t="n">
        <v>2100</v>
      </c>
      <c r="D144" t="inlineStr">
        <is>
          <t>0.00555846</t>
        </is>
      </c>
      <c r="E144" t="inlineStr">
        <is>
          <t>&lt;class 'numpy.ndarray'&gt;</t>
        </is>
      </c>
    </row>
    <row r="145">
      <c r="A145" s="1" t="n">
        <v>143</v>
      </c>
      <c r="B145" t="inlineStr">
        <is>
          <t>Loss/classification_loss</t>
        </is>
      </c>
      <c r="C145" t="n">
        <v>2100</v>
      </c>
      <c r="D145" t="inlineStr">
        <is>
          <t>0.19839522</t>
        </is>
      </c>
      <c r="E145" t="inlineStr">
        <is>
          <t>&lt;class 'numpy.ndarray'&gt;</t>
        </is>
      </c>
    </row>
    <row r="146">
      <c r="A146" s="1" t="n">
        <v>144</v>
      </c>
      <c r="B146" t="inlineStr">
        <is>
          <t>Loss/regularization_loss</t>
        </is>
      </c>
      <c r="C146" t="n">
        <v>2100</v>
      </c>
      <c r="D146" t="inlineStr">
        <is>
          <t>0.032082845</t>
        </is>
      </c>
      <c r="E146" t="inlineStr">
        <is>
          <t>&lt;class 'numpy.ndarray'&gt;</t>
        </is>
      </c>
    </row>
    <row r="147">
      <c r="A147" s="1" t="n">
        <v>145</v>
      </c>
      <c r="B147" t="inlineStr">
        <is>
          <t>Loss/total_loss</t>
        </is>
      </c>
      <c r="C147" t="n">
        <v>2100</v>
      </c>
      <c r="D147" t="inlineStr">
        <is>
          <t>0.23603652</t>
        </is>
      </c>
      <c r="E147" t="inlineStr">
        <is>
          <t>&lt;class 'numpy.ndarray'&gt;</t>
        </is>
      </c>
    </row>
    <row r="148">
      <c r="A148" s="1" t="n">
        <v>146</v>
      </c>
      <c r="B148" t="inlineStr">
        <is>
          <t>learning_rate</t>
        </is>
      </c>
      <c r="C148" t="n">
        <v>2100</v>
      </c>
      <c r="D148" t="inlineStr">
        <is>
          <t>0.067360006</t>
        </is>
      </c>
      <c r="E148" t="inlineStr">
        <is>
          <t>&lt;class 'numpy.ndarray'&gt;</t>
        </is>
      </c>
    </row>
    <row r="149">
      <c r="A149" s="1" t="n">
        <v>147</v>
      </c>
      <c r="B149" t="inlineStr">
        <is>
          <t>train_input_images</t>
        </is>
      </c>
      <c r="C149" t="n">
        <v>2100</v>
      </c>
      <c r="D149" t="inlineStr">
        <is>
          <t>[b'640' b'640'
 b'\x89PNG\r\n\x1a\n\x00\x00\x00\rIHDR\x00\x00\x02\x80\x00\x00\x02\x80\x08\x02\x00\x00\x00\x83\xaf^t\x00\x00 \x00IDATx\x9c\xec\x9de`\xdc\xc6\xd6\x86_3333;\x8e9v\x1ct\xe2\x80\xc3\xcc\xccL\rs\x9a\x86\x1ah\xda4\x85\xa4m\xca\xcc\x9c23\xf7~ef\xbcmo\xe9|?\xb4\xbb^\x90\xb4b\xed\xdaz~\xb4\xf1\xae4\x9a\xdd\x95\xe6\xcc\x9c9\xe7=\x80\xca\x90\x03O~CN\xcf\xfa\x8d\xe8\x8ew\x9c\x1ff\xd0\xc9\tk\xf5\xca\x99\x04\xa4\xeb\xdd\x0f\xa5I\x1dC\xe4\xe4\xf6.\x1a\xbc\xcb\xe91]\x1c"\x02\xfc\xf5\xee\x85"\x84\xeb\xdd\x01\xcd\xf0\x04\xe2\xac\xff~\xe4\x0bj\x9az\xd1\xbbD\xc6\xdd\xae\x16v\x06\xb8\xa0m\xbb\xf3sRF\xa9\xdf/\x03V\x8a\xf4\xee\x80#yzw@aH\xc0p\xb3\xe8\xd0\xd3D\x04t\xd3\xa6K\xd2\xd0w\xd0$"\xf8\xb7\xe8\xd8\x01\x03\xa1\x04\xf5\x01\xb2\x11\xd2\x97\xe7\x90\xf5\x97\xbd%\xe4\xb90\x10\xcd\xbaK\xde\xb06\xc0A%\xb3x\x0e.\x19\xba\x1b\xa8|\xe8S\xe3g0\xe8\xb4&lt;\xf7#\xc5\xd6.uz\x18\x11\x01\xf1\xeawG:o\xfe\xc5\xff\x9c\xfa\xde\xfb\xbe.\x0fr\x9c\xf3C\xd8\xf1\x01\xc2\x94\xec\x88\x01\xfcw\\\xf3\xe1\xf0U7\n9\xb4u\xfe\x15\x8c\x8dH\xed\xb9V\xednub&lt;\x1d_\xb2[\x04s\x9d9o\xdf\xe3\n\xcd\x80\xbc\x94h\xc4\xc0\xc0@\x16\xb5\xe3\x0f\xebq\xd92i\xa71\xa3\xd3\x95\xcf\x18\xb3\x7f\x05`\xbe\xcc\xb3\x9f\x89^\xd4\x9amD\xb4J\x1d\xeb\xe4\x10\x91_\xfe4\xbb\x17\x8b\x86\xec\xb21\xc0\xf1\xc3\xd8N\r\x90s\xdd\xc7\xbe4\xdc\x172\x89\xd0\xbb\x03\x06l\xa4\x8e\xd1\xe3\xaa.\xb8\x13!\x8c\xd0\xfe\x1co\x04\x0b89\xc1\xf0\x82*\x84\x87\xd3\xe5\x965\x19\xbd\xd7[\xff\xc9\x9c\x18\xd9m\xa1:}s}d=\xf3\x15\xfd\xe7\x9d\xe6~7=\xacb^R\x8fU2\xda\xe7\xa2\xf0\xecg\xc6\x93\xd39\x102Vv\x15V^\xf8r\xe7\xdb\x05w\xa0P\xc01\xd9N\x8f8|\xd7\xf7?s\x8c\xf8a\xe5\xf3\x84\xf7\x86\x88\xda\x16\x9f\x11~\xbc\xeb\xe1\xad\xeb\xd5k\x84\xf8;y\xf8\xde|n\xbfy\xa7\x94\xe9\x11\xe7\xb4\xcc\x15\xc9\'"\xa0Z\xefnX\xe3g\x0c\xca\x9d\x07\x9f&amp;\xbd{\xe0N\x8c]\x7f{\xc5\x88}z\xf7BEF\xae\xb9\x19\t\xc3\x9d\x1e\xf6\xe0\xc7\x04\x14\xf0\x1f\xf35Q\xc9\xd0\xdd\xaco\xa56\x8b\xd8V$\xa2\x17\x7f\x11e9\\\xcb{\x94\xd8\xb0\x12\x80^f\xd8\xda\xfa&gt;\xf1\xb5\x14\x03&lt;n\xc3\x1dr\xec\xb7\xdb\xe3z\x06\xd8\xa0\x13\x911^\xef\x1e\xb8(\xd1\xdd\x17\xb3\xbf\x11\xd6\xaamG\x94\xc0\xb7Y\xc8Q\x11\x95\x0b\x04\x8f\xb3\xdd\x05^\xd9\xbf`:\xef\xfb\x91\x82Z\xf1\xa8\x17x9 C\xf0\x91\x1a#9\x18M:\xe4\x00\xf3\xfa\xbaK\xde\x10\xde\xc8\xb63\xefwi\x03l`\xa0&amp;.;`\xe9M\x80K%\xd5D\x00a\x17&gt;\xf8\xab\xaa\xd7\xa8\x1asPIO#\x00\xc07o\xaa\x82\xad\t Q\xdb\xcb\xb94l\x06\xd8\x8by=\xb1q%\xc7IA&lt;\xed\xa8\xd9Yw%\xb2+e\x8e\x1b\x08\x84e\x1bo\xd8JA\xe9\x07\x06\xce\xf0\xd3\xeb\xc2\xbf(5\x02\xfa6;\xae\xef\xfd\x0b\xa7\x1bz;\xaeG\xa0\x9c\x93\x1d\r\xf0]\xff\x11\xfb\x13\'\xbd\xfa{\xc7\xe9=g\\,\xa7?\x9d\x92\x08cbb \x04"JhX\xa1w/\xdc\x1e\xaf\xec\x89\x88\x18\xa8w/\xe4\x11\xd6\xba\xe9\xd4;v\xaf\x9d~\xf2_"Z}\xd1+\xba\xf4\x88\x8d.\xb8\xef\xa6p|\x9f\xa3\x01&amp;"\x04\xf4\x12\xde\xc2\x88\xd57\xb1:\xb1E\x10=\x98\xabo\x80\xaf\xe8\xd6\\\x12\x96d_\x03\x03\x1bB\xfb\x85\x96\xcf\xd5\xbb\x13\x9d\x830 Y\xf3\x8b\x86kp\x8d%\x87\x9f\xb3\xfc\xbb}\xc5\xf5\x1a\\\xd1\xc0\x9a)\xdb\xefW\xb6AV\x03,\xc6\x88F\xcb8\xd7y\xdf\xe0\xd5\xa8Tkz\xe1\xd2\xd2&lt;\x06\xaeD\x05\x90\xa2w\x1f\x0c$\x93\x85di\x8a\xb0\xa9\xd2\xaeg\xd1?r\xe7\x04\xd0p\xbd;\xa0\x1e,;\xb5\x8ep\x19\xe0\xf4^\xe7\x089\xfd\xf0]\xdf;\x9e+\xaf\xdb\x9d\x10\x17L\xd27V\xe4\xaeF\x15\x90\xa5w\x1f\x0c4#\rHS\xaa-\xf7\x1ds]\xbc\xe7_\x9b\xecY\xa5z\x97\xe02\xc0K\x8f&gt;/\xe4\xf4Cw|\xebxn\xd9\xf0\xbd\xeau\xd8\xd5\x08AT\x9b\x00Gy0\x10\rx\xcbI5\x9b\xb5\xe7\xac\xe4s\xcd\xe8\x9bon\xe0\x88\xe9\xce)\x1a\xbcK\x97,\x08\x83\xaeDlR\xa3\x1a\x92&gt;\x9d\x97\xe4\x91+\x8f\xbf\xa4\xea\x15\xb8]\xd0%\x92[P\xb5\xc3.\x87G\xe6\x04\xe7\x07E\r:\xf3\x1c\r[y\xc3\xb0\x957&lt;\xf9\xad\xc4/\xc8P\xdc\xee|$7\xad6\xffS\xb1\xf5\x90\x81X"\xab\x9c\xbbp\x89\xe8\x8a\xa7\xdc~h\xbb\xe8\xa1\xdf\xf4\xeeB\xa7&amp;e\xb4\xe3k\x07o\xff\x86\xe7\x0cn\x03\xdc\xc1\x05\xf7\xff\xdcs:glsW7\xc0B5\xa7\xc2\xfa\'\xd4\xaf\x00\xba\x13\xd1\x8b\xbfv\xb9\xefH*\xb9zw\xc0\xa0\xf3S\xda~.\x10\xc5\x7f\x8cyh\x0b\xd7\xa4G*\x11\x95\xd9g\x83\xde}\x80S}.\xf7\x85\xd5\xf8U\x8e\xdc\xcf3\xbd\x16b\x80\x9d^\xb4\x8b\x1b`\xd1\x14\r\xde\xa9w\x17d\xd2Ib\xd3\r\x0c\xba\x14o8\xa9\x87\xd8\xa5\xf0\xd0\xbb\x03\x00p\xcb\x1b\x8e\x06\x94\x88\xe8\xc6W%\xda\xe0QkoU\xaf\xb7\x06\x06\x06\x06\x06\x12)\x1c\xb4C\xef.\x18\xd8p\xdf\x07\xf6\xa6\xf7\xfc\xbb\xbe\'\xa2i;\x1e\x14\xdc\x86\xf7mo\xd1-o\x10\x90AD@\x88\x8a\xdd\xed\xf2\x18_\xae\xeb#!\xab\xa4B\xf9^\x18\xb8\x05\x1c\x1a\x08\x06]\x07\x0e\x1f\xb2\xc0D\xf6X"\xba\xf4\xd1?U\xec\x1f\xe0\x99% \xce\xc9\xc0@\'\xc2\xa5\xa6u1yG\xdd.}\xec/\xa0\x02HR\xb0O\x06\x06\x06n\xc1\xee\xeb?q\xb4\xc1\xef\t\xd8\xcae\x8e\\{\xf2uU\xbb\xb7\xef\x96/\x89H\x9d\x92\xb8\x06\xb2\xf0\xd7\xbb\x03.\x82\xdc\xdaj\xae\x11\x1ac`` \x01YZ\xd0\x16\x1a\xa7\x1c\xb7\xb3\xc13v?\xcc}xJ\xb7Q\x07\x98\xc3r\xfaoV\xa4\x03\xdcx\x1b\x81]j\x93#\xe9\xacDD\xb6)\xdc\x11\x03\xe9Ds\xbc.H\x91\xc7\x00\x00S\x88\xc6\xc0@&lt;JJ\x1bq\x874\xfbY\xbf\xb5\xe0\xe0S\x86\xb4C\x97\x86\x88$\xa75\x1b(\xcb\xeb\x7f\xb2g \xf4\x9f\x7f\xda\x98\xc0\n\x86\xd5\x00w\xd3\xba\x17\x06]\x9e\x9d\xd7~\xf4\xca\xefDDc\xce\xb9\xbd\xd7\xacK\xfa\xcd=\x15S\xb3\x04\x08&lt;\xef\xe6/&gt;!JkY\xa7w\x07\r\\\x00f"6\xf7\xbc\xc7\xf5\xee\x88\x01\xe0\xdf\x93\xdb\xd0\x1aic\x06\x9d\x8f \xa0T\xef&gt;\x18\xa8\x04{\x92\x98\x8bJ(\xfb\x17L\xaf\x1d\x7fX\xfb\xebzx\xa4\x02\x88\x8c\x8a\xd4\xfe\xd2\xee\x890\xcd\x16i\xfcq\xd6\xc3\x83+\xb5Q\xdd I\x03\x03=\xf8/\xf0\xaa\xde}0P\x9e\xf5\x97\xbd\xd50\xf9\x98\xde\xbd\xe0#\xdd\xc1\xf5_\xa8\x9fS\xa2\xa6k\xe8U\x19u\x8aT\xc5X\xca\x18\x18\x18\xb8\x03\x1e\x99\xe3\x11\xda_\xef^\x18tq\xe4\xc6~\xdb\x92\xa0hk\x9d\x18#\xa4Nw\xb8\xa2\x1d;\x07.!\x10\xe6\x82\xd8\xd6\x15\xf6i\xd2\xa9\x1b\\(;\x1cwJ\x8c\xa1\xd3@6\xfe-z\xf7\xa0\xcb\xe3\xfe5\xeay)R*\xb1J*)F\xd0\xa8\x81\x1a\xe8\xbb\xc8\x8b\xd1\xf5\xea\x1c\x84\xf5\x07\xaa\xf5\xee\x84\x81\x81(t\ti\x8c\xd5\xe0\x1a\x1e\x99\x13\x88H\xdf\xfd\xa0\xf4^\xeb\xfd\n\xa6\xe9\xd8\x01\x03\x03\td\xea\xdd\x01\x03\x03\x83\xae\x84\xcbya\x95A3)\x80h"\x9a\xb7\xff\t\xad.g\xa0*N\x16\xb8\x0f}bxu\\\x1f5\x83\xe4\r\xdc\x18\xe7\xd97S\xb6\xddg\x1b(\x1a\xa0^o\xd4D\xd7b\x07\xbeyS\xb3\xfanb{\xc7\x88\x115\x90\x05\x11U\x8e\xdc\xafZ\xf3^\xd7\xbeh\x18xE0\x82\xd1\xb4$\xdc\x156t\xfb\xcd;\x05\xc4\xe9\xdd\x0b\xfd!\xa2\xab\x9e\xd1y\x18\xf1\xe3x\xddH\xb45\x90E\xe5\xc8}\xa3\xd7\xddj\x08\xd7\x19\x18p\xa3\x82\x15\x8c\xe1\xabv\xb5\xf7\xa6\xcf\x01\xec\xbb\xe5K\x04\xf5Q\xfe\xd2\x8a\xf2\xc8\xe7\x8c\xd0^\x9az\x97\x98\xb0\xe9\xee\xc4\xc6\x95\xea\xb5\xef\x0c\x85\xe7b\xe9\x8a\xb6\xe6\x14o\xa9\x82\xd2\x06Z0h\xf1\xd5\x1e\x99.XS\xccp\xed\x18\xb84\xdc\x11\xb9\xf1\x1c\xaf\xdb\xf0\xc8\x17\xce\x97t/\xfcL@\x95\x98N\xe9\x00\x9b0\xb5\xc2\xe4\xf4\xdfr\xe1\x83\xffU\xa9q\x15\'\x0e\x0c\xbeyS"\xab\x16U\x8eR\xcf\xcd\xc8O\xfa\x9c\xbd\x8f\xb9\xacRX\xd7\xa0\x8c\xe7\xbd\xc3w}\x0fdh\xd6\x15wg\xcc9\xb7\xe9\xdd\x05\x03\xb5)\x1c\xb4\xe4j\xa7\x07=\xff\x13M\xdd~\xbf\x8c\xab\x84\xc98\xd7\xa5\x08\xd7\xbb\x03.LZOF\x06+\xa9\xb4}\x8f^}x\xf5\x0f\x17\xdf\x05\xd47S9\xdf\xc9\xfb\x91m#V\xdf\xa4\xe2\xf5SF\xab\xd8\xb8\x81\x81\xbbQ\xd0\xb6\xfd\xe2\x87\x7fw6+-Ug\xe5\x17\xaat\x83\x06:\xe3\x02e\xd4\xa2\x07\xe9\xdd\x03W&amp;\x9d\xef\xcd\xb0\xd6[\xdf\x94\xf6\x9c\xe7\x8998K|\xfb\x06\x06\x9d\x94\xb8v"\x1a\xbf\xf1N\x9eC\xfa\xce\xbd\xdc\x1dE!\xbe#\x02\xe2\x911^\xf1\x96\x0b\xdav(\xde&amp;\x0f\x1a\xf8\xbduD\xf18uC-Y2\x85D\xb4\xe3\x9a\x0f\xf5\xee\x86\x81\x81\x815\xee\xbbT\xf5Xw\xf2\r\x9b\x172\x95\xb0\xc7\x1a\x17\x80O\x1f\xa7\xe9\xe5\xdc\x82\xeec\x0e\xf9\xb3+\x95\xb8\xef\xcd\xaa;\x9eD\xf4\x972s\xbd*#\x9d\xb4\xb3\xa0kN\xa4\x81\xdb\x93l\xf3W\xecP\x9d\xbaa\xa00%\x08\xe8\xa5w\x1f\xdc\x05\x81\x02U\xc9@y\\\xed2\x85t\xdeS\x95h\xc4-\xf0\xd1\xbb\x03\xea\xd1\xbd\x13;\xdf\\\x8d\xf6\x157\xe8\xdd\x05\r0\xe6s\x9a\x12=~\xe3\x9d@\xf5\xec\xbd\x8f\xc2\xb3^\xef\xce\x188\'\xb1q%\x90\xe7\x9d3Y\xef\x8et*\xae|\xc6\xb4\x8dt\xfd\xcb\x9dy?\xc9@\x0e\x8f}EI\x8d\xab\xf4\xee\x85A\'$\x12\x91\x03\x91:F\x93k\x15\x10Qx\xc5|\xa3\xec\x8f\x81\xbe\x984\xe5\xe3\xda\x01,&lt;\xf44Y!\xbf\xf1\xcdW\xfc\xa7\x13\xe5\x96tJ\xd2\xf5\xee\x80\x81V\x1c\xbd\xe7G\xbd\xbb\xe0B\x10Q\xd1\xe0\x9d\x11\x95\x0b\xf4\xee\x88AW\xa4u\xc1\x15d\xcb\xca\x0b_\x06\xf0\xec\x0f\x8c\xe9\r&amp;\xa2\xbes/\x0f*\x9ei,\x85\r\\\x0fC\xeeP&lt;\xd3v&lt;\xa8w\x17\xf4\x82\'\xe6\xd9\x88\xc62\xd0\x9c\xd41\x16\xbb\xdb8\xe58\xcf\x81D\xf4\x03Q\xcf\xe9\x17\x9b\xd7\xc4\xfe\x9a\xf5QUB\xcb\xe6\x1a\x8f\x9e\x81\xe6(\\\x87m\xc4\xea\x9b\xd2{\xad\x07\x80\xb0Ve[\xd6\x17/"\xea7\xf7\x94\x16\x97J\x1aal\xf8;%\xa3\xf7\xfa\x90\xd29z\xf7\xa2\x93`\xb7\xf0\x15{\x96\xe8\xeb\xa9\x90a)\x9f\xce\x9d4\xa995\x08\xec\xadw\x1f\x0c\x9cS\xa7w\x07\x84BD\xd7\xbfLH\x18\xaeX\x8b\xc9#9\xde\x88\xd2:]\xcc-)\xae\x1a}@\xef&gt;(N\xae\xf6\x97t\xb0\xbe\x15\x02O\xdc|\xc5\x7f\xac\xce\x12\xa1d~\xa5\xde5[X1\x7f\x90N\x1c\x19\xae%\x85\x9d\xb0\xc6\xb6\x7fO\xbd{`\x00\xc0\xb3A\xf0\xa1\x9d\xc4;g\xc2\xc8\x9eR\x1d\xad\xe3\xef\xde\xb3\xb5\xbe3\xf7\x9c\x15w~\xe2\x88\x0e\x1b\xec\xfe\xc3Sl\xcdR#\x04Rq\x94\xf0+\xf8\xa8\x9f\x1c(t\xde\xe9f\x84\x0f\xd0\xbb\x07\xfaAD\xcb/xQ\xd2\xa9\xae\xa8\xfb\xdf\xbe\xe2z\xbd\xbb`\xa00\xe4\x80\x9c\x16\xd4\xe8\xa1\x81\x81\x81\x81\x14R\x9a\xd6\x00\xb1z\xf7\xa2s\xd24\xed"\xbd\xbb\xe0\xf6\x9cy\xd6\xd1\xfe\x8a6\xa2\xb7\xbde}n\xad\x1a\xfd4\xe8\xbc8+\xb2b\xd0\x15\xf0\xc8\x1c\xcf_\xf9\xb9\xb3\xe0/\xb0\x0c\xa7kP`\xf3WP\x1f\xd7/\xbb\xed^\xb0\x98_I\xabX\xe6\xc4O\x89z\xcd\xbaD\xf1N\x1a\xb89%\x08\xe6yl\x15w\xf8\xc7(\xdd\xa0\x81&amp;\xa4\xf6\\\xabw\x17\x1cIR\xbcE\xf7\xf5\x13\x12\x11|\x9b\xf4\xeeE\xa7\x82\xd5\x00{\xe7L\x1e\xb8\xf0\xaaSO\xfe+\xa1\x9d\xc9[\xefU\xaf\xb7\x06\x1a\xa2\x88\xa4\xab\t\xf7\x1ds\x0cL\\\xf3&lt;\x015z\xf7\xc2@_\xfc\x8d\xa2\xd6\nr\xdf\x07\xac\xf6W\xf4Rx\xe6\xee\xb3\xb6g\xb9M^\x83\x18\xca\xf5\xee\x80\x1ba\x1f\xfc&lt;x\xe95\xba\xf4C\x12\xc6\x1e\n\x1bD4b\xf5\xcdz\xf7\xa2s\x93\xa8r\xfb\x8a\xb8\x86\x8c\xf4h\xc5\xe0\xb7\xbe~\xf9\xac\x05\xbb:h\x98t\x01\x10\xe7\xd8\xce\xe8u\xb7j\xd2}U\xf1\xd5\xbb\x03n\x0c\x11ydN\xd0\xbb\x17\xd2(\xd0%\x0f\xd0=\xa8\x1a}P\xef.tn\xd4\xbd\xf3\x12\x1aV\x00U\xaa^B3:\x87K\xcd\xd9\xf27\xca\xe9\xb9\x00\x1e\xffJ\xfa\xd2\xd9\xa0\xf3b[\xc8\xcf\x10\x97\xee\x0c\xf8\xf5,h\xdb\xaew\'\xb4\xe6\x0b\x05\x863\xa7\xd3\xf9t\x00@\x10\xe0-\xfbZ\x80O\x0f\x05\x1aa\xa1\xb2x\xc8.uZ\x16M\xe7\xb01_\xf0\x1a\xe0Qk\xed\x17\xb2\xa5\xed\xe72\xff\xb8\xff#"\xa2\xdb\xde\xa2M\xa7\xdf\xe50\xde\x9d\x922\xbd;``\xa0+D\x14P8C\xef^h\x88W\xc3\xff\x88\xea\'\x1d\x93\xd5HH?\xde\xb7\x93c\xaa\x97\x98\xff\xadH!\xfa@\xae7\x12\x8d\x82e\xae\xc4\xda\x93\xaf;\xda\xce)\xdb\xef\xbf\xf7}"\xa2}\xb7|i}\xf0y7\x7f\xc1X\xd6W\x7f\xe7_9wb\x03\x1c\xf2^\xa7\xfdh\x06\x06\x02QP\t\xd2\t\x9eZ]H8\x11\xca7\x195\xe8\xdc\x1b?\x13\xa72\x13\xdf.\xe9J\tDt\xf3kr\x87\xb0\xd2\xf6s\x81\x12\x99\x8d\x18\x00x\xfdOv\xdb\xb9\xfd\xea\x0f2\xfbl\xe0:\x8b9l\xd7\xf5\x9fL\xdc|\xf7\xdf]\xcb\x00\x1b(@t\xf5b\xbd\xbb`\xe0\x06$w\xd2`N\x07\xfc{\xde\xf1\x0e\xc1\xaf\xa7\x98s$J\xbc^\xf14=\xf5\xad\xdc\xd1y\xca\xf6\xfb\x1f\xfa\x84\xe0Q\xcf}H\x1c\xeb\xab?\x10\x99-wa\xc7\xab1Cd\xf6\xc7}Yp\xe0I{\xc3\x191P\xc8\x89D4~\xe3\x9dP.\x8d\xd8\xa0\x8b0q\xf3\xddD\x8a\xca\xe9w=\x88\x08ic\xf5\xee\x85\x16(\xe2\x8fu}\x82\x103\x18I#\x103\xd8Mj\xb1E\x00\xd5@\x9a\xd8\xd3\x88h\xcey\x8f\x01\x08(\xb2\xda\xc5\x88k\xef\xb2\xe2\xfb\xd3v&gt;hc8\xbd\x05o\xde\x9b\x07\xd0\xc5\xe7\xb3(i\xa9\xd5]\x83N\x81q\x87\x18\x18\xd8\x926\x06\xbe\xcd\xa9=\xd7\x8e\\s\x8b\xde]q@\xb8UpJ\xfa8U|\xf8n\xce\x90\xa5\xd7J6\x9c\xddF\x1d\xb0\xb3\xbe\'\x1e\xfe]\xf1\x1e\x1a\xb8\x11\x07o\xffF\xd8\x81J\n}\x18\x18\x18\xe8O`\xd1L A\xef^\xb8\x1f\x1d\x8b\xd7\xa8A\xa2N\x9c\xb6\xe3\x01k\xeb[&gt;|\xafJ=4\xe8\\\x84\x10\x11\xe0\xa5w7\x0c\x0c\x0c:?\xae&gt;\xd9\x1f\xbb\xfev\xc9\x0ed\xc3\xf9l \x0c?\xeb?\x88h\xc2\xa6\xbb\x10;T\xaf\xde\x18H\xa3R\xef\x0e\x18\x18tB\xa4\x1a\xd1\ng\x06\xd8C\x81\xce\xe9F\xe1\x97\xc6\xacB!\xe2\xeb\x97\x03\x01z\xf7\xc2@\x1eK\x8f&lt;\xef^y\xc0\x99}6\xea\xdd\x05\x03\x0bazw\xc0\x85\x89lK\xea\xb1\x8a:\x02\xc5\x05a1\xbd\xdfvNC\xe5a,\xeb\r\x0c,\xf8"i\xa4j*\xa3\xaa\x081\x12\x11RF\xab\xd1\xb2+\xe1\x06\xf5\r\x8b\x06\xef$"\xc3\x83\xe2\x14\xf3Z\xd6\x89&amp;\x9aG\xd6\x04E\x9d\xcf~\xce\x0f\xd1\x07\x0f\x15\xea\xe5\x19\xf0\x10\xaew\x07\x0c\xf8\th\xd1\xe0"A\xc5\xb3\x80b\r.d\xa0\x19\xddF\xed7\xff\xd3\x88\xfe\xe0\xc3\'w\n\x8fe\xcdm\xdd\n\x94[\x0e\x88\xa8\\ \xefj\x19\xf2N7\xe8T\xbcK4w\xdf\xe3z\xf7\xc2@g\x8a\x8b\x86\xecJ\xefu\x8eW\xf6$\xb7X\xdeu\x16\xb2\xd5\xbfD\xb5\xfa\x97\xe8\x0c\xfc\xe6\x98\xdeKDD\xc7\xef\xff\xe5C\xa2\xeb_&amp;.\xb5\x13\xd1\x18a8\xf6\x18a\xfc2I\xd1\xbb\x03\x06]\x8f\xa5G\x9e?\xf1\xf0oz\xf7\x82\x0bA\xc5\xdd\x8c\xfd6\x97b\xe5\x85/\x03x\xf1W\x1b\x03\xac\xc2u4\x98uu\x0e\x0c\x87\x9c\x16\xd4M8\xd2o\xee)\xbd{a\xe0~\xf8xf\xb9i\rN3\x91mY}7\xf1\x1e!A\x02\x9a\xaf\xa6\x9e\x81@\x06,\xb8\xf2\xb6\xb7T2\xc0I*\xb4i \x9c\xae\xb6^t\x16\x89\x9d6\xd6%W\x02I]*\x16!\xdb%\x7f\x037\xa5\xbbrMU(\xd7\x94\x81z\x88\x88\xa8\xea1\xe58\x90\x06\xf8\xcb\xba`\xe2\x08Y\xa7w]\xb2\x81&lt;\xbd\xfb``\xd0U(\xd6&gt;\xc8P\xe6Tf\xdc\x86;\x94\xea\x89\x81\xcb`7\x97\x97[v,\xa2\xdb\x02 \xc6\xfa\x95\xc0\xa2\x992\xdb4\xd0\x1c_\xd7\x97\xac10\x90\x0c3B\xa9\x9a\xef\xe1\xc7[\xa4\xc8\xc0\x80A\x8d(\xf4jk\x07I\xe5\xc8}*\\\xc2\xc0-\x90X\xabMe8\xab\xa4\x1btzB\xb4\xbaP\xa9\x1b\xcea\xc3\x11\xd7\xaew\x1f\xdc\x88,\x01\xc7\x08\x8a\xb9S\x9a\x88\x19\xbb\x1eBd\x9b\x1e\x97vs\x02{\xeb\xdd\x03\x86p\x85\xda\xc9W\xa8\x1d\x03\x03ep;\xa3h\xe0\xb2\x08\x88\x99\x12\xa4&lt;\x13k\xfbg\x02S`X\x0eI=V\xf5\x9d{\xb9\xccF\x0c\x0c\x0c\\\x9f.\x14\x90\x06$\xea\xdd\x01\x03\xb7"\xa8\x0fb\x86\xf0\x1f\x12V&gt;\xcf\xfa\xcfg\x7f "\x8a\xad]*{\xb2\xd8\tb\xaa\xe5\xee\x88\xbb\x15F\xd2\xb3\x81\x1b\x90\xaa\\S\x86\xf0\x90\x81,\xe6\xed{\x82\xff\x80\xb4\x96sj\xc6\x1d\x16\xd5f\xe3\xe4\xe3Dt\xed\x8bd\xdc\x9f]\x89\xd4e\xc7^\xd0\xbb\x0f\x06\xaa\x10\xacD#9J4\xd2\xc5\x895\xb6\xe5:\x19\xb7\xbcA7\xbf\xce\x19\xd9\xce\xc8X^\xf4\xe0\x7f\xc56KDI=V\xc7\xd4,\x91\xd7\xbbNI\x86\x91\x80g\xe0N\x04\x15\xcf\x92\x9bY(\x8e0E\x17\xa9Z\x92\xa9f\xccB&gt;\x80}\xb7|\xa9Z\xfb\x06.E \x90?\xe6\x9c\xdb^\xf8\x85\xe6\xefw\xb2Jf#\x14\xa8\x12\x1bE\x9f7`k\x17\x90\xef/\xd0\xbb\x03\x06\xaab\xa9\xd2\x16\xaa\xc1\xc5\xb4\xd8\xe1\xf8\xef\xeb\x17\x03\x7fhp!3?\x01\x1fkx9\x85\x88\x1a\x04\xbc\x0f\xbc\xafF\xdb\x81E3\x8f\xdf\xff\x1c\x80\x95\xed\x1a\x89i\x1b\xda)\xf2\x90\xff\xf0\xff\x06\xbc\x1d\x14\x1c|\xf7\x9d\x1f\xfd\xfa\xeb\xaf\xacG\xf0\xfeF?\x03\xcf\x83\x9e\x14u\xc9\xc8\xc8(\xe0GQ\xa7h\xcf\x05\xf7\xfd,\xe3\xecLaY\x0c\xddd\\\xc2@_~2\xff\xc3\xd5G\xb0HE[\x0b\xeeb\xb1T\x8e\x84\xab\xd8vd\x9b\xc6\x16\xf1\x0f"\x17\xaej\xe7\x16(\xa2J\x98\xa3\xcdD\xde\x8d\xb8\xf6E\x99\x0f\x82\xb2\xe3\x9e\x81A\x97\xa6\x13\x04j\n\xc4\x08\x9f6000P\x10c6&amp;\x97\x04\xc4\x0f\xd3\xbb\x0f\x06\x06\x06\x06\x06\x06\x06:S\x06\xe4\xb8\x7fQ\x94N\xe6|N\xd6\xbb\x03\xae\xc5{DF\xe5`6\x84n\xfd\x1e\xbc\xe3\xdbN\xf7\x8c\xb8\t\xde=\xf4\xbbv\x98\xf3C\\\x0f\xbb5~\x97\xca\x8b\xef\xca\xa4\xe9\xdd\x01k\x9c\x15MS\x9a\xa8\xaaE\x1aJ\x96\x8a\x86\x88\x0e\xdd\xf1\xad\xde\xbdp\x8e\x7f\xc1t-/7\xe7\xbc\xc7\xb6\x9dQ%\x88\xd2@)F\xaf\xbbU\xef.\x18\x18\x18\x18\xc8\xa0\xcf\x9c\xcb\x8a\x87\xec\xd2\xbb\x17b\xd1\xc4\x8d\xe1\xdb,\xf5\xcc8\xd7\xf0{uz\xa1\\c\xd7\xd6\xa0\xab\xe3\xa5m^\xb8\x81\xe2\x14\xeb\xdd\x01\t\x14\xbd\xf3/\xbd\xf3\xaf\xe4\x10h\x0fa\x87\x85Km?\x05\xa8\x92z\xae\x81\x81\x81\x13\\az\xeb"\xb8\x94{\xd9\xa0\x13R8h\x07\x11\x01\xb5c\xd7\xdfND\xb7\xbdE@\x9d\x84vB\xca\xe6(\xde7nJ5\xbc\x96\x81\x81\x81\x81\x81\x81\xd2l\xbc\xfcm23`\xe1\x95\xcc?^\xf9\x9d\x80"\x00\r\x93\x8e\x89iL\xe0\xc2W\t"\x06hw-\x03\x83.O\x1c\x10#\xbb\x91l\x05:b \x88\x12\xbd;\xe0\xca\xb8J!\x9d}\xb7|i\xa59\xc3\x94Y\xac\x1a\xb1\xfa&amp;\xa0j\xcb\x95\xff\xc7\x18c\xdd:g``\xe0",&lt;\xf8T\xd3\xd4\x8bd4\xc0\x13%+\xca\xddm\xf8\xc6\x05Q:\xec\\f\t\xe5\xfex"\xac\xd53k\xa2\x92M\xc6\x0e\x05j\x94lP*\x99}6p\x99X\xa6\xca\x13\x11U\x8f=_\xe3^\xe9I\x94]\xfd\x15/\xeeC\xd5\x13\xa2\xd7\x8d\xc1K\xaf\r\xaf\x98\xafw/\xd4\xa5\xd8X\x1cH%N\xef\x0e0\xb8e\x82\x9a\xc6\x10\xd1\xcc\xddg\xf5\xee\x85B\xc4\x0cQe!\xe8\xd5\xa0|\x9b\xe2\xf0\x171\xb1\x08\xed\xa7fO\xdc\x8e`\x04\xf4\xd2\xbb\x0f\xcac\xf6y\xe4\xea\xdd\x11\x83\xce\x00\xcf\xec\xd5@e\xa2\xdaBJ\xb5\x0c\xc9qSt\x8b\xb0\xb3\xec\xfb\x02\x00\x02\xb9\x0ek[|\xc6r\xe4\xfe[\xbf\xd2\xac{n\x0e\xab\xbf\x8d\xf3Kv\x1d\xcc\xb7\x84! a\xa0\x00\xe5]\xa0\xdc\x9b"\xa8!3\x14\x15P8\x03icTh\xb9\x13\xa1\xd3"x\xdb\x99\xf7-f\xf5{\xee\xc5}N\xff-d\x8b\x96\x9d\x14\xc2\xe6\xd3\xef\xea\xdd\x85NF.P\xa8w\x1f\x0c\x0c\\\x18\xdf\xbc)J7\xd9]\xe9\x06\x19\xca\x8c\x87\xd9\x05`\xa9\xefdmS\xbb\x8f9\xc4u&amp;9\xa0b7;\'e\x1a^\xcb\x07\xf0\xd1\xeaZFn\xa4\x81\x81b\xb0\x16\xb9\xaa\xd4\xba\x17\x06ZamS\xbf"\x02\xd0\xbe\xe2zG\xfb\xea_8\xdd0\xc0\xd2\xf0\xc9\x9d\x02d\xf1\x1c\x10R:\xa7+\x15\x97300\x10\xc3\x84Mw\xf9\x17j*\x0e\xdc\xf9\xf0\xc8\x9c\x80\x98\xc1z\xf7\x82\x056\xb3\xda\x9d\xd5\xbe\xda\x1e\xd69\xc2\xda\xb5\xc1\xf8\xae\x0cL\xc4\xea\xdd\x01\x03\xf7#\xa1~E\xd5\xe8\x03n\x119\xe2\xb2\xb8\xf0\xaa\xb1\x8ck]\xdbo\xde)\xeb?-\xc7,:\xff\x19gmz\x0b\xb8\xaeq;\x19X0\x1c\x00\x06\x06\xdc\xe4\x0f\xdc\xdeU\x05\xffj\x15i\xe5\xa2\x87~;\xf1\xd0o\x8a4\xa5,%C\xf7X,\xebO\xce\xa6\x08D4l\xe5\r\xdat\xcc\xa0+\xd1\xe9KYt9\xd2\xf5\xee@\'\xc3\xcf\x08#\xef\x94DW/\xb6\x18`\xef\x9c\xc9\xfc\x07\xe7\r\xd8\xfa\xd6\xdf\xae\xb9\x8e\xc7\xd5\xcf\xd3\xb4\x1d\x0f\xea\xdd\x0b\x83NK\x90\xde\x1d0P\x13\xcf\x06%\xf45\r\x0c\xa4\xc0\x18\xe09{\x1fur\\\xec\xd0!\xcb\xae\xd5\xa4G\xa2!\xa2s.}S\xef^\x18\xe8\x86\x9f\xecZc5\xdc{\'\xa9\x01E3\xe45\xae\x069\xfa]:\x00HD\xd2H\xfd:\xa00e"\xf4\x1a#\xd4\xed\x8aA\xd7c\xf5\x89W\x89\x08\x19\xe3\xf5\xee\x884\xd2\x00\xdc\xfc\xba\x8b.\xcd\r\xb4!\xb6\xb4}\x8f\x9c\xf3\x8b\x06\xefD*#V\x10#,\x8aA\x17\x12\xa4\x95\'\xeb\xc2\x04\t+\xe2\x1bed\xd4\x19\xe8\x8a?&lt;\xb9\xc5@\xb4\x9f\xecz\xd6k}E\'h \x7f\xeb\xb2\xc3~\xe7\'y\xf7\xf5\x9f\x8cZ{\xcb\xe9\xa7h\xd4\x9a[\xb4\xcd\xda6P\x15\xdeqM\x01\xa2\xd4l\xdc\xa0\x0bRs\xc5\xd3\x04d\xe5\x0f\xdc\x0e`\xf2\xd6{\xf5\xeeO\xd7A%\x19\x1c\x03Ad#e\x14\x11M\xdd~\xbfQi\xc7\xbd\x08\xaf\x98\xdfg\xf6e\x1co\x86\x19%7\x0c\x0c\x0c\x04\xe0\xfa\x92\xf5\x9dze\xe8\x97?\xed\x17\xa2\xf8\xba\xe52\xdb9\xf5\xe4\xbf\x9f\xb1d\x14D\x00\xe9\x86\x97C\x152\xc6\x99\xb7f\x99\xaf7\xd5\xfaM\xff\x02C\xc5\xc2\xc0=\xf0\xcb\x9f\xb6\xf9\x8a\xff\xe8\xdd\x0bY\xb8p\xca\xb5d\xf2\xf4\xee\x00+j\xe8\xc6k\x88\xe3]BD\xcf\xfeH\x8a\x04&lt;;4\x1e\x02\x84\xfb\xe4NA\xd2\x08\xf9\x8dw%\xa2\x11?L\xf0\xc1i\x81\xc53\x01\xc0\xa7\x89#k\xd6U\xaa\xaf\x1b\x18\xb0\xe2\xee\xd6\xcb3k\xa2\xf3\x8f\x105\xc8\xea\x8fl\x95{\xa4\x00\xa6\x8f\xc3Y\xae\xc3\x88\xca\x94DT\xf7Ev\x1a\xa1\xcf\xfc@D\x14X4S\x85\xabe\xaa\xd0\xa6.h\x1d\xa9\xb4\xf4\xc8\xf3\x02\x8f\x9c\xbc\xed\xbe\xa5G\x9e\x03\xca\xb2\xfbm\x9e\xbf\xff\t\xc7\x032\xfbl\xe0\x11I\xdfw\xcb\x97\x17&gt;\xf8_\x89\xbd4\x10M\x95\xde\x1dpM\xca=\xb2&amp;\xe8\xdd\x07A$6\xaeb1\xb4\x01-f\x03\\\n\xdff\xc7\xb3\xea\'\x1e%\xa2\xe1+o\x04\xa2\x86,\xbb\xd6\xed\x97q\x80\xec\xec\x1b\xcdHq\xb58S\x1fG\x05\x90\x0f\x88\x12\x1aV\xe8\xd2\x1b7![\xcc\x8cO\xd9\xc0E\xbf\xd2a\xe7\xf2\xbc\x1d\xd1m\x01P\xae\xe8\x15\xf5"c\xe4\x9a\x9b\xf5\xee\x83\x81\x01\x1ffC[a\xf7\xfa\xf5/\xd3+\xbf\xf1\xad\x80\x89(o\xc06\xc0[\xd7D\xca.DA\xdbv\xc0\x97\x88\x1e\xff\xca\xb5\n\x0c{\x8aw\xee\xbb\xaf\x80j\x80\xf6\x97\xfc\x8f\xa2\xce\xb4\xdc\xd6-kO\xbe\x0e\xf82\x7f.9\xf2\\\xa7Vg4\xc6\xa6.\xcd\xbd\xef\xbb\xbc#:m\xacW\xce$\xbd;a\xe0\x14\x0f\xe6\x7f+\x8f\xbf\xacF\xeb\xbej4\xaa\x10)\xc2\xe4\x03\xf3\x01(W?\xd2\x83\xe3\xf5j\x85\xda\x17E\xa4\xa2\xadU f\x88y&amp;\xe15p\xd1U@\x8d\xa2\xed\x1b\xb8\x11\xc5V\xffU\x12\xd7\xd8\x82\xf5%"m\xa5\xd9\x8c\x92A\x06\x9d\x0e"z\xfb_\xa7\xcf3K\x99n\xc9\xe4\xf4\xdf\xac`k\xb2Q+\xc2"\xb5\xe7\xba\x1d\xd7|\x98\xd9g\x83J\xed\x1b\xa8F\x9c2\xdb~a\xad\xc2\xf4UD\xf3\xd0\'\x84\x90~j\xb4,\x92l\r\xb3b\x82]c\xda\xa1\r\x8a\xac\xd9\\?aI&amp;\x9d"[\xe7\xf1\xaf\x99m\x92r\xbd;bA\xc8\xd7\x9a\x8cPE\x06 \xefe\xc7^P\xe9\xc1n\x9c|\x9c\x88\x8e\xdd\xf7\xb3\x93\xe3\xbc\x1a\xad\xfe\x08S\xa3\'\x06\xa28t\xc7\xb7~\xf9S\x95h)\\\x89F\x0c\x0c\\\x84N\xa8\xe7\xd3\xdd3{\xa2\x00\xe3\x97\xa3\xea\xc3\xbc\xfe\xb2\xb7\xdc\xb3\xd8\x93\xfcuyH\xf5\xd8\xf3\x89HN\xb1\xc9\xbc\x01[ew\xc3\xa8\xc1\xecRd9?\xc4\xc0\xc0\xc0\x8680\x9b#\xfe-\xbc\x87\xa9\xe2\x13\x12B9\x90l\xf7\x92o\xfeT"2%\x86\xf2!8\x90\x87[\xd1\xb0z\xec\xf9B\x1b\xe9Z\x14&lt;\xf3=%6\xac\xec1\xf5B\xa9-\xc8\x8d\x9b\x0f+\x9f\x07\xff\x9e\xbc\x87\x08\twR\xa6*\xad\x03\xc1\xea4\xeb\xd6h_v\xcc-\xaa`e(\xd6R\xf4`\xc5\x9ar\x03\xb8bb\xa4\x93\xd8\xb0R\xf16\xf9ar"\x1e\xfa\xd4u\xb7\t\xf2\xe4,\xb3\xe4\x93\xd4c\x95\x8eWwa\x12\x89\xa8m\xf1\x19=w\x98\xbc{\xd8:\xa2\x1d\xf1\x8c\xad]\xc6\xdfF\xdd\x84\xa3\n\xf6\xc8|\xd9\x86N\x94\x1d\xae\x0b\xae\x95\xd4\xa8&amp;\x15\xae\x17\xf0\xef\xe3\xe9\xe2\xf9\xcaic\x01\xc0\xa3\x1e1C\x14l\xb5i\xeaE\xe6\xd1L\xfb\xf4_CG\x88\x93:\xa0\x94CA\xbap\xf0\xd2k\xb4\xee\x8e\xc2H\xf7l\x10Q\xeb\x82+\xd4\x98\x87\n%e\xd4\xa0%W#~\x18\x10\xe8\xd0\x8d\x8e\x11\xbcI\xfa\x1a\xdd@\x14!\x8a\xad\xfb\xbd{H=\xd3-\x96\xbc\x0ce\xae\xea\xb4\x97\xf8D\x1f\xbc\xe3[e\xfb\xa1=\xdb\xaf\xfe@\xef.\x18\xd8\x13\x01\xc4\xb8\x92d\xa8"e=\xcc\x82\x1bq\xed\x92\x9bHk9\x07\xa1\xfd\x95\xe8\x8c\x0c\xe2\xdag\xee9;v\xfd\xed@\x81m\x18\x9a\xa0\xa1\xadd\xa8\xb42\x97.\x94\xf0\xdeI\xd1\xd3\xe9\xa5\x15\xdd\xcc\xeb-WR\x8c\n\x1f \xb5\xc0I.\xc2\x07(\xdc\x193!\xa5sTj\xd9\x0e1Re\xca\xe6a\xca#c\xbc\x96SO\xfd\x96\\\x9d\x8a\xda\xec~\x9b\xe1\xd3\xe4\xf0z\xb6\xc0\x11\xc1;g\x92k\x8d\x1d\x12\x08\xec\xadw\x0f\xba8\x1c\x0e\x98\x80^\xdavC\x17\xba\x13\x91K%\xe9\xd6N8BD\xff\x08\xdbTJ\xeb\xb9\x0e\x91mjw\xc9\xc0\xc0\x05\tCP\x1f\xeb\xbf\xbd\xb2\'\xf9\x17\x8a\xad\x0b\x14\x07\xc4!\xacUF7\xdc\xc8\xdd\xa71\x9d"\xd3\xce@]j\x82Jf!u\x8c\xb2\x1b\x99\xd2\xc8\xec\xb3!\xbd\xd7zF\x81\xd2\xd0\xc0R\x81N\xb2hT,\xe7\xe7\xa1O\x88\x88\xea\'\x1dS5\xdc\xc3+{\xa2jm3:\x18\xa1D\x04\x14#b\x80\xd8A?\xb0h\xa6Q\xeb\x83\x17y7\x86\xb1\xb6vF\xc3\xe4\x0b\xa4\x9d\x18V&gt;O\xd9\x9e\xe8\xc2\xf1\x07~\x9d\xb4\xe5\x1e\xbf\xfci\xaeP5\x88\x88\x9a\xa6]\xf4N\xa7\x95\xec\xd0-\x87G0\xe1J7\xa8Rr\x87Bl;\xf3&gt;\x11\x89\xdfrO\x94\x11\xf4\xab\x8a\xb2&amp;\x11ISm\x8c\xaaZ\x84\x04\xe1\xd5\x00]\x07\x8dRY\x1e\xf9\\\xd6`T&gt;\xfc\xbc\x9f;\xedp\xa6\x0c\xbdf^"\xf4P\xbf\x9e\xb6\x7fw\x86\x89cA\xdb\x0e"\x02j]"\x14+P\x88\xcf\xbfR\xf5n\x18(A`\xd1\xccs.}\xd3\xd5\xe5\x89j\xc6\x1d\xd66\xb4\xca\x07\xc8\x05 \xcc\x1d\xa1\xfe\xbd\x1e9PC\xc9\xa1J\xa0\x84c\x1e**\xe2?k\xc2\xa6\xbb\x84\x1d\xa9\xef\xaa"\x02\x88t\xcc_\xefJ$\xea\xdd\x01\x97\xc7\xa3^v\x85`\xd7\x1ea\r\xb4\x80=\n\'\xb1a%\x10o;\xafr\xb9\xd4&gt;/\xc4\x0ee-l\xa9\x0ea\x80\xb7\xd9\x06\xbb\x02\xe1\xe6\x7f\xb8\xd1z"\x88\x88v^\xfb\x91\xde\xdd\x10\x88\x9bjq\xe8\xaf\x85\xdbo\xee)\xbd\xbb\xa0\x01\x01\xddF\xed\xdfr\xe5\xff\xc9hArY-\xc3rw\x01RGo\xbe\xe2?J5\x16\xa1\x84^\x8c\xddz7V\xf6\x0c\xd4\x16\xaf\x06\xa0\xd0\'w\x8ab\rJA\xf4\xca/\xb7u\xab\xcd\xfeq`o1\xe2\xa5\x9ag\xac39\xf8v\xa4\x8c\x8as&amp;\xb8a \x18\xfd\xb7$Y\xef\xc0\x94\xe65\x08\xe9\xe7\x0e\xfbyB\t)\x9dm\xb5\r$VW5\x15(\xe4x+\xd3\xbf`\x9a\xb2\x95`\xa4 \xc8\xadm\xa0*9\xca\xdc\x06&gt;\xb9SzL\xb9\xb0\xb4]Z\xd6&amp;\'\x8c\x01\x9e\xb2\xed&gt;\xf9M}BDD\x1bO\xbds\xfe]\xdfI5\xea\xda\xcb\xaf0\xf8zdN\xe8\x18\xf2\x04\x97\x8bIiZ\xa3\xf7l\xc3DA\xdb\x8e\x92\xa1{\\)W\xdb@&amp;)\x88\x18\xa8w\x1fT\xc7;g\xb2\x8cu\x05gD\xaaG\xe6\x84\x88n\x0b\x04\xb7\x93P3\xee\xfc\xd0\xb2\xb9R\xbba\xa0\x17\xe6*\xb7^\x9c:\xca\xae\xce\xc857\x13\x11RG\xcbo\x8a\xb1\xe5;\xae\xf90\xb5\xe7Z\xef\x9c\xc9\x12Z\x88\xaaZ\xe4\x1a\xb5\xd2\x84\x92\xder\x8e\xb9\x82\xaf@TK\xce\t\xed\x8f\xb0V\xc4\xbbcL\x99\x01+~"\xc4\xf9B\xfa"\xb8\x8f\x92\x8a\xca\xaeN\x94\x00/\x85p\xb9\x9e\xba\x97\xfeK\xf5\x13\x8f\xb9\x9e"\xa6l\x9c\x947\xe8$DT. \xa2\x8f\x89\xba\xf4\xce\xc2\xd5\xcf3&amp;\x982z\xadW\xe7\n\xd22\xc9TL\xd5\xbd\xfdm:\xf3\x9c\xa8\xb5\xbe\xd8\xcdE\xe1q\xe3\x85\x08o%"\xfd\xf2\xed\xdcL\xca5\xa1a\x05\x11\xb9\xd5\xf6?\'D\x14^1_\xef^(\x85\x80g$}\x1cB\xfa9SA\x97\x80\x91\xbc\xee\x96\x90\x19E\xd7o\x1e\xf5J\xb4\x12,s\xc7\xa8l\xd8^\xe1\xa14\x8c\x17\xfa\x90\x8a\x82\xa8\xae\xe7bM\x1c\xaew\x0f\x18\x02\xaex\x9a\x88h\xd7u\x1f\xeb\xdd\x13\rPb\xa0\x8c\x1aDD\xbeyS\x15hJ9\xcc1\x19\xe2\xc4\xa1\x8cze\x9d\x1d\xae1&lt;P\xd3^\xb8*\x16\x03\\\xda\xbeG5\x95\\\xa1\x1bB1~\xf9\xd3\x14\xbcl\xfe\xc0\xed@\x95p+\xfe\r\x11P\xa7`\x07\xcc\xe4Z\xc5hT\xa9\xd0\xbe\xbbSx\xc3+\xe6i`\x97@r\xf8k\x07~\xf9S;\xb6\x91L\xe8\x9c;\xc4\xfc\x82\xd1\xdd\x17\xeb\xdb\r\x03\x1e\xaa\xc7\x1eb{\xd9\x15\x02\xf7\xba.\xae2\xf4U\x8c\xdc\x07\x94\xaby\x85\x00$\x8fR\xb3}.\xea&amp;m\xb9\x17~=\x81\xe2\xd4\x9ek\xd9\x0ePl\xe2\x93?p\x1b\x90\x94\xda\xbc\xf6\xe6\xd7\xe9\xe4#\xff\x03\x00\x84\x02\xd5R\xdb\x8bW\xaac&lt;\x04\x14\xce\xf8\x84\x146\xc0y\x03\xb6*\xd5\x94\nT\xcc\xd8\xfd\xb0\xdc6\xc2[m}V\x81.\xf1\x0c\x8bE\xf7r J\x10Y\xb5P\xef.\x88&amp;\xab\xefF\xbd\xbb`\xe0b\xb8\x9aK\xcd\x9d)$\xa2\xf1\x1b\xef\x02\xd2\x81LD\x0f\x12p\x8a7\x10b\xf7\xd2\xa2CO\x0b\xbeb\x9c\x98\xee\xd9\x123\x84\xb1\xbe_)gB\x88\x08\t\xc3u_\x14r\xe0\x0f\x94\x01\x08.\x99-\xa7\x95\x8e\xf2\xe3qC\x11\xdc\xd7e6\x14\x84\xc2\x84\x9f&lt;\xf3\x83\x1b\xce\x1bl\xd9s\xc3\xa7zw\xc1\xa0\xf3\xd1\xe5J\x92k\x1f\x84\xe6\xba\x16\x8d\xe7\x00\x00 \x00IDAT\xda\x82\x9fB\xf1\xf9\xdb\xb4x\x95\\\xe1+\x88\x88\x94U\xd6\x8c\xa9^\xc2\x189\xd7F\xc1g,IA\xadumx\xf83\xcb\xfe\x17\xb9\xeaTI/R\x81T\xbd\xfb\xe0\xca\x04!y\xa4\xde}0p\x01&lt;\xb3&amp;J\x16\x83\x8d\xab\xeb\x04\xea\x13\xe9\x8c\xf3\x93\x88\x103Xr+\x9eY\x13\x95\xdd\x88z\xe1\x17\xf2\xc8\xe4/\x0e\x9a\xae\xe0\xe5\xf4#\x04\xf0UR\xa0Mh]\x10\xb1\xba\x13\x8ex\x9cw\xf3\x17D\xf4\x13\xd1\x0f]&lt;\x07\xc3\xfd\xf0q~\x88\xea\xd8\xbb\xeb\x0c\xba"e\xc3\xceu6\xd0\xf3\xc0\xb3\xf5\x9b[3\xee\xb0\xd4f5#\x8c\t\xaf{\xe4\x0b\xf9\xdb\xb7\t\x1eY\x134\xdd\xc5T&gt;\x0f\xa4\xd3 :&lt;5\xb5\xe7\xda\x05\x07\x9f\x12}\x1d\x8f\xfa.\x13\xfa\xce\x83\x9b\xadt\xcb\x87\xef%\xa2\xcb\x1e\xff[\xef\x8e\x88B\xc6\x06\x99\x81k\x13\xff=\x11\xd2\xc7\xe9\xdd\r]\x08\x89\xab[f.p\x94.\xec\x14.\xf9=\xc0\xbb\xc7\xcd\xaf\x93\xdb*0\x0b\'[\xa4\xfe\x89[\x10\x01\x94H:1J\xe5\xb8K\x03\xe59\xf3\x1c3\xe162\x8f\rD\xa0\x9ej\x81p\xd9\x1aG\xa4K}\xb6.\xb8B\x91\xdc\xe2q\x1b\xee\\~\xecE)gF\x0c\x08,\x9a)\xd2\x1f\xc5\xb3/kQ\x1d\x91\xef\xdete$K&gt;\x19\xb3xw\'\xa8\x13\xeaU\x01\xee\x10l\xd1\t\x90ce\xb4!\xa8\xf7\xe9\'\xff\xd5\xbb\x13\xf2I\x06\xb2\xb9\xad\x9a\xf2\xf5t\xdf\xf8\x8b\x88\x08ic\x80\nqgz6\x88Ip2\xf2\xee\r\x0c:\x1f\x01]\xc3qe\xe0\x9cT\xf84\xc9nD\xef\xd9\\\\;\x02{\x0fYv\x1d\xcb[\xfe-@\x85\x1a\x15\x14^\xfb\x1f\xa5\xf6\\\xd7w\xce\xe5bO4\x85_\x85\x0fP\xae/\xa1F&lt;\x8e\x81\x81B\xe4\x01\x1e@\x8d\xaa\xd7\x18\xbc\xf4\x1aEG\x00.\xd2\x95k\xca\xf5D\t;\x05z\xd5#R\x94\xb0\xfe@1\x90\xcf}\x84*5\x89\x03\x8bg"z\xb0H\x91\xa60\xab4\x12E\xa6\xc0\xdew\xbcC\x07o\xff\x06\xd1\xd2\x03\xaa\x15 \xcay\xdatX\xc5&lt;\xb6\xe0;\x91.\x04]!\xa2\xa7\xbfs\xfb\x1c\\\xadPQ\x95]-\x12G\x94\x0c\xdd\x1d[\xbb4\xbc\x92\x91\xdaVk\x91\x9a\xd5g\xe3#_\x88\xbd\x91\xe4;T%\'=\xcaD\xdd\xe8\xeb\xa4\xc6UD4a\xd3]\xea]"\xcd\x9c\xf3\xa7\xf4Z\xd3\xab\xc1j\xfbP/Y\x7f\xb7\x80\xc3\x1b\x9c8\xbc\xfb\x98C\xa2\x1aJ\xa8_ae\x83\xc1;o\x10\x04\x11\xf5\x9eu\xa9[\xe4\x18\x10\x11\xd0M\xef^\xc8!]\xef\x0e\x18\xa8Oh\x7f\xb5\xe5o\x87\xaf\xba\x91\x88\x10\xa0l\xfd`gI\x89)\xbah\x1a\xf2\x10\xe8^\x15\xbd\x14I\xfaL\xd5vk\xda\x1b\x88PM/[Kj\xb9\xf7\x92E\x06\x89\x04\xf5\x01&lt;\xb7_\xfd\x01#\x8b\xd8s\xfa\t\xab\xf7\xfc%=\x93zo\x01(\x8c\xf0\x92P\x06\xee\x88\xb7\xddt\xd6\xaf\xc0N\xcd^\x80\xd6\x8a\xea\x9a\x12\xaa\x0fYD$\xbeZZg\xa8\xe5e\xa0%EA\xc5\xb3\\[dX8\n\xf9\xa3|z\xd8\xfc\xd9!\xed\x1b\x1cZ6\xd7(\xf1\xdbe\x90U\xb5\xcc-\t\xe9\x07D\xbb\x85\xab\xc6ep\xbb0~c\x8a\xe0\x82\x84\xf4\xd5\xbb\x07jS\x02D\t&gt;\xd8z\xfa_U2t\xb7\xe9\x9f\xde=d\xe8\x93\x18\x18\x18\xb85\xc1@\xa5\xb43\xd3z\xaes\x19_\xaek\x96\tW&gt;\x11\xa6\xf3!M\x94@m\x14\x0f$\xc9\x06\xc2-\x7f\xf4\x9c~\xb19|)A\x9d*7F\xe2\xbf\x81\x01\x0b\xc2\xaa\xb8\xa6\xa8\xde\x0f\x13\xbe\x9dHj\xc6b\x83\x8d\xa0"wB\x86\x94\x84Zn\xdbx"\xaa\x1d\x7f\xd8\x99#\xa8\xdc\xfc\x0f\x19\x9b\x97~=\xa5\x9f\xcb\x8dg\xd6\x04\xf1\xfbL\xc2I\x05\x8a\x8d\xc2\xa8\x9d\x0e\xb7\xf6\x8d\'\x03IB\x8e\x1b\xb1\xfaf\xa7\xc7\xf4\x9eu\xa9\xec\xfe\x08b\xffm_\x13\x91\xca\x95f4\x0b\xfd\t\x17\x7fJ\x04B\xfa\xb9\xea\x1a\xcc\x85Hu\xa5\xfd\x1b\x1f\xab\xfc\x1f\x89\xa5\x1d\xf8\xf9\x90\tT\xf6i\xe2\xdf\xd8HnZm\xfeg\xbcO\xeed\xc0[R\x12\xa1fsm\xd5\xb1\xc4x\xaf\xb9\xf85\xbd\xfbb` \x9d\xa4\xc6U\x1a^-M\xc3k\xb9\x16VY!n\xa6\xf2m \n?\x00\xc2]=\xcc=Q4x\x17\xffa&gt;\xb9\x93\x99\x1c\xdc\xc6)\xc7\x89\xa8|\xf8\xde\x96\x19\'\xbb\xb22\xc6\x8c\xdd\x0f\x13\xd1\xe9\'\xff=\xfb\xb9\x1b\xa5\xcc\x1aO\xbe6\xb8\x93f\xaaW\xce$\xbd\xbb\xd0%`F\xda\xf4^\xe7\xe8\xdd\x11\xcdI\xed\xb9V\xef.hF|\xfd\xc4c\xf0\xeb\x89\xe8\xc1B\x13\xd2\xc3\x07\x10\x91\xb0\x02\xb4\xf1\x00\xe0\xdbDD\xd3v&gt;\xc8W&gt;\xc1\xc0\xa0s1o\xdf\xe3V\x7f\x95\x00\xc5@\x85\xb0G \x86M\x08HX\xdco\xf4\xe0\xfa\x89G\x85uP\x0e&gt;\xa2d\xdb\x93z\xacr\xd5($\x97\x861\xc0?hY\xd8\xcd\xc0\n\x7f\xf1\x99\xac\xc2\xab\xb23-{DV-\xbc\xfdm\x02j\xa4\x06;\xf8\t9(\xb1q%\xc2Z\x85kM&lt;\xf9-ye3\xb3lc\x05\xa6\r\xea\xed\x88\x1b\xc8\xe5\xc5_\xa8h\xf0\xce\x15\xc7_BH\xbf\xf6\xe5\xd7\xeb\xdb\x99Y{\x1e\t*\x9e\x05\x8fz\x85\xda\x93\xab\xb7\xd3\x99\t\xec]&gt;\xfc&lt;\xd9\xad\x94te7\xbe&lt;b\x87*\xd4\x90\xfd\xf0\x9a\xd4c\x15\x80\xd0\xb2\xb9fm9\xe1\xe4\x8b\x17\x8e\xc9\xa8\x1e{\xa8\xf7\xecKG\xac\xbeI\xe0\tA\xc5\xb3\x904\x02\x80\x91?\xa7\x11\n(\x9f;\xd2y\xa2==\xb3&amp;\xeaxu"\xf2/\x98\x1eZ&gt;WN#\xb7\xbd\xad\xcaB\xaar\xe4~9\xa7s\xe8\xe5\x19I\n\x16\xc2u\xb8f\xda\x18\x1d.\xcaJ\xeb\x82+\xdc\xc3\x06\xc4\xb7\xe7\xf4\xdf\xcc\xfd\xb62\xbe\xdf\x1eS/4\x07\x05\x88X\x9a\x1f\xbd\xf7\'"j]p\xc5\xc9G\xfe\xa7H7\xccD\x91\x8ds\xc6\x8dr\xf3\xc3\xf5\xee\x80\x81v\xf4\x99}\x99w\xced9-&lt;\xf81\t\\q&gt;\xfd=\xfdb\xf3Px2\xbar@\xf8\x98sns=\xc3\xe6\xcb\x91\xd0\xa8\x978\xb3\xcb\xb1\xf6\xe4\xeb\'\x1e\xfe]\xeb\xab\xfa5k}E.\xbcs\'\xbbE\x14\xf8\xb63\xef\x13\xd1\x9e\x1b&gt;\xe5x_\x19G\xee\xc2\x83OYi5\x0b%\xa1a\x05\x11!y\xa4Y\xb8[A\xb2\x01\xcb\xeaMb\xb6\xbe\xe6\x88\xaaQa\x8f\xbeK1+\xd2\x10\xd8[\xef&gt;\xb8\x0b\x85\xea\xa70uC@K\xfb\x8a\xeb\xed\x1f\xcf\xd0\xfekO\xbe\xce\xfc3\xac|\x9ey-\xc1\x13\x08\xa9J\xde\x84\x18\xaa\x004\xdb\xc8\xd0r\xb2\xf0\xd0\xd3b\xc7"\xb7\xc3\xfc\x83\n\xdf[tDz\x9dx\xf9(\'\x9f\x1b\xec\xe2\xaaUQ-3N\x02\x85\x1c\xab+6\xe3\x14;TBa\xdd\xd0\xf2\xb9\x82\xf5f3\xe1\xd9 \xb6}\x19h\x95\xb0dZR\x88\x86\x88\xa2\xba/R\xb6/V$k\x1ba^\xd4\xe9\xc7&gt;nD\xc4\x1f9R6\xec\\\xa5\xfaa\xa1v\xfc\x11F8\xba\xd7\xacK\xfec\xf7\xbb\xc4\x0e1\xff+\xd3\xf56\\Y#\x0fr\xd9n\xad\x04\xf6\xfb\xcd\xabQ\xe9.\xc9A\xd6\x8d\xc1\xc5\xaf&amp;\x1b\xacn!H\x03\xa5`\xcd+\xe7Z\xc4\'\xab\xd8\x11\x14\x88\xd1\xa1t\x1f\x02%\x96j!\xa2u\x97\xbc\xa1l_,l:\xfdn`\xd1\x0c\x95\x1a\xb7\xa3\xdb\xa8\xfdK\x8f&gt;\x7f\xc9\xa3\x7fvU\xb1\x11\xc5S\x862\x05\xaadpc\xad\xc7.(.RED\xc4\x13\xb0\x86FG\r^z\xad\xe3\xab\xdf\n\x9a\xf0\xe9\x18vP\x9a\xddo\x13\xd7{\xb2g\xabr\xca\xe3\xd6\xb9\x85\x13\xd7@/\xa2\xdcmr\xe7\x86\xf5\\e a\xd3A!d\xda$\x1e\xac\xcd\x95h\'\x90,RG;\xa6\x1b\xc4\xd6.\x95\xd5fp_\xebOt\xd53\xae\xe0\x99\x10X4I\xd5\x05\x80\xb6\x04q\xee\xc8L\xdc|\x8f\x82O\x10\x11!q\xb8\xd5\x0bN\x179a\x89\x8d+\xbb\xda\xa8%\x9fn\xcaT\xfe\xf2\xd2\xd2\t\xec\x94\x1cD\x0e\xd4\xbb\x0f*\xd19\xd2\xa5\x8a\x1c_b\x0c\xf0\xea\x8b^\xd1\xbe7\xea\xe0)c\xb7\xa2\x0c\xbe\xcdrb\xe8R{\xae\x95\xb7\x9f\'\x84\x02\xdew\x83\x800\xa0\x06\x08\xb5\x1d\xc7u\xc1u\x04\x04\xd5\xc4\xaf\xe7\xe9\xa7\xf4\x9c\x15\xc5\xd6.54\x18D\x12\xd5\x86\x98!\xce\x0fs\x15x\xf3\xcc\xe2,\xc9TE@\x9e\x80\xd6\xe4\xf8[\x0c\xa4\xb3\xf4\xe8\xf3l/g\x12\xd1_]w\xc7\xd7\x9a\x08d\x8e\x97\xd7\x02W\x91l\xcb\xb2Xu\xc5\xe9\x01\x0b\xaf\xbc\xff#\xe3\xd7\xecj\x98\xf4\xb4\xd5\xdeN\x8eW\xafi\x17\xc6\xafq\xf2q5\xa3\x90d\xc6\xb2YB\xc0J\x84kq\x88\'\xda\xf6OU\x06\xb2{\xde#\x91\xd3v\xe5\xc2\x00\x9d\x10\xa6\xa675\xec\xcew\x05\x0e\xd9\x9d~\xf2\xc4\xbf\xbe\xec\xe0{\x97\x9e\xb2\xe8\xbdO\xac"\xdaI\xcaDT.@X\x7fycZx\xc7?}UM\xfe\xc9\x02\xfc\x81,"r/\xddS\xd7\xc4\xd6\xa1\x9f8\xe2\xccs\xa4f\x9c\xb6\xf0\xfd\x03\xde\tP\\;\xe2\xda\xe5\xf6\xa5\x03\xcd\xe5]\xd2\xc7!\xaaM\xe49Q\xee\x91Gn`\xd0\x19\xa8\xb2\xfd\x93K\xff2\\\x91\x8b\x95\r\xdb\x9b\xd3\x7fsT\xd5\xa2\x00\xa9\xf1\x8f\xe7\xdf\xf9\x9d"=\x11\x9c?\xe6\xd7\x85\x93\x17\x94$\xc4&amp;\xbb+\xb4\xbf\xec\x14\xdb\\y\xa7\x0b#b\x00\x82\xfbZ\x95)\x94I\x95\xf3C\xf4\'P\xbc\xcd6\xd0\x86\x14\x00H\x16+\xeb\xa6\x1d\xc9=V\xdb\xae\xae\xa2\xd2{\xad\xd7\xad7\xda\x11\xc2\x1d\xb5\x9b\x07\xe4\x89\tuNW\xa4C\xbcD;?\x84\x1bie-\x8e\xdc\xfd\xc3\xcf\x86\x1du!R\x15T\x0ec\t\xc3\x91MYG\xb8c\xe4\xc0\xb4\x96u*\\\xc2e\t\xd2\xbb\x03\x02\x08\x1f\xa0w\x0f\xf4\xc0\x9bI!u\xddz\x97\xcb\x8e&gt;o\xb3c\x17\xdfNDA\xc5\xb3\x84\x9d\xed2\xd5\x8bu\x8be\tq\xf9\xc8#!\x011\x00\xfc\x06,\xbc\xd2v\xe5\x1a\xab\xe1\xde\x96\x81\xdb\x93\xae\x8e]w\x0b\n\xe1\xdf\xc2\xf1\x96\xab\x0c\xfd\xfd\xe7\x9fF\xe2\x08\xe1\xc7\x07\x14\xce\x10\xe6qQ/\x8f\xc8e\t\xd7\xbb\x03\x16\x04\x0e\xee\xaeL\'JR\xea\xa0\xb0v\xfc\x11S\xcc\x9d\xaf\xd0\x84\xe9\x86I\xc7T\xecQ\x97!\xd7\xedkrE\n\xf1\xa6\xca\xd7c\xca@|\xbb\xe9\x9fI\x02U\xb7\\\x14\x9f\xdc)\xdc\x9b.\x8a\xca\xfei\x96\xdf\x15\xdcW\ty\xbcN\x08\x11\t/7\xa2\xecu\x81j\xdb\xd7\x12\xd4\\!u\xee\xc2Y\xb5B\x0e\xca\xe8\xbd\xc1\xbf`\xba\xc4+\xf8\xb7\x88\xcdZ46n\xe5\xe3\x1fV1O\xe0\xafkG@\xe1\x8c\xde\xb3/-\x1f\xbeW\xf1&gt;\x89\xa7\xda\xc9\xfb\x99\xe3\xe5\x0b&gt;\xc7\xd5-\xb3\xba\xe1\x82\xf9\x0e\xd5\tQ\xda\xfaD\xa4\x9c\xad\xe5*\x19\x19\xd1g\xcee\xa6\x7f\xc6\x0fS\xe8Z\x1d\x0c\\t\x95\xd5_\xf1:Hs8\x13W\xf2\xc9\x9d\xa2MG\xb8\xa8\x9bp\x94\x88\xb6\x9dy\xdf\xe1\x9dr+1HU \xa2\x01\x0b\xaf4\xff\x95\x0eO\xa5\n\x05\x02\x00\xa2\x07)\xd9\x9aD\x18w\xba6\xb2z\xe9\x9a\\\xc5\xc0}\xb8\xe8\xa1\xdf\x10\xd2\x17\xa1\xfd\x1d\xde\x89R(\xedJY\tSw\x92\\!"\xe1\x89%\x0c\x15#\xce\xcb\xe8\xadF,\x8c\xf4\x89\xcb\x88\xd57Y,\xe2\xe0%\xd7(\xd4\x1f+\x02{!\xa8\x8f\xe5/\xc6\x00?\xfc\xa9\x04\x1b\xac\xb8R`,\x00\x04\xf5\xd1}\x89@D\xaf\xfd\x8f\\\xc0\xf1\x1bn\xfb\x00:\x9b1s\xa2UU\x86\xa8Al\xb3\x16[\xbc\x1a\xdd\xd3.&amp;J-\xb2\xde\xe5\x08\xd7\xbb\x03|\xf4\x9auIb\xc3J\xf6\xc8\xc0\xc86\xa0\xa4e\xc6I\xad\xfa\xd2\xd9v\xfe\xc5\xa6\xa5\x8f9\xe76"B\xfa8\xf5\xba$\x81\x92\xa1\xbb-\x16(\xa6f\x89\xda\x97\xdbq\xcd\x87\xba\x1b&lt;\x00@\xb8%\'{\xe1\xa1\xa7u\xed\t\x0f!\x9a\xe5\xcb\x15\x0e\xda1s\xcfY\x95\xb7\xde\x8b\xac\xf2\xe0\x15Q\x18.\xea?\xff\xb4\x94&gt;{\xd4\xebT\x81T\xd0\xaf\x19_\xbf\xdc\xbcM\xa3\xf6\xb6\xa3Ra\x9e\xfa</t>
        </is>
      </c>
      <c r="E149" t="inlineStr">
        <is>
          <t>&lt;class 'numpy.ndarray'&gt;</t>
        </is>
      </c>
    </row>
    <row r="150">
      <c r="A150" s="1" t="n">
        <v>148</v>
      </c>
      <c r="B150" t="inlineStr">
        <is>
          <t>steps_per_sec</t>
        </is>
      </c>
      <c r="C150" t="n">
        <v>2200</v>
      </c>
      <c r="D150" t="inlineStr">
        <is>
          <t>5.4081416</t>
        </is>
      </c>
      <c r="E150" t="inlineStr">
        <is>
          <t>&lt;class 'numpy.ndarray'&gt;</t>
        </is>
      </c>
    </row>
    <row r="151">
      <c r="A151" s="1" t="n">
        <v>149</v>
      </c>
      <c r="B151" t="inlineStr">
        <is>
          <t>Loss/localization_loss</t>
        </is>
      </c>
      <c r="C151" t="n">
        <v>2200</v>
      </c>
      <c r="D151" t="inlineStr">
        <is>
          <t>0.008476348</t>
        </is>
      </c>
      <c r="E151" t="inlineStr">
        <is>
          <t>&lt;class 'numpy.ndarray'&gt;</t>
        </is>
      </c>
    </row>
    <row r="152">
      <c r="A152" s="1" t="n">
        <v>150</v>
      </c>
      <c r="B152" t="inlineStr">
        <is>
          <t>Loss/classification_loss</t>
        </is>
      </c>
      <c r="C152" t="n">
        <v>2200</v>
      </c>
      <c r="D152" t="inlineStr">
        <is>
          <t>0.21866457</t>
        </is>
      </c>
      <c r="E152" t="inlineStr">
        <is>
          <t>&lt;class 'numpy.ndarray'&gt;</t>
        </is>
      </c>
    </row>
    <row r="153">
      <c r="A153" s="1" t="n">
        <v>151</v>
      </c>
      <c r="B153" t="inlineStr">
        <is>
          <t>Loss/regularization_loss</t>
        </is>
      </c>
      <c r="C153" t="n">
        <v>2200</v>
      </c>
      <c r="D153" t="inlineStr">
        <is>
          <t>0.03220403</t>
        </is>
      </c>
      <c r="E153" t="inlineStr">
        <is>
          <t>&lt;class 'numpy.ndarray'&gt;</t>
        </is>
      </c>
    </row>
    <row r="154">
      <c r="A154" s="1" t="n">
        <v>152</v>
      </c>
      <c r="B154" t="inlineStr">
        <is>
          <t>Loss/total_loss</t>
        </is>
      </c>
      <c r="C154" t="n">
        <v>2200</v>
      </c>
      <c r="D154" t="inlineStr">
        <is>
          <t>0.25934494</t>
        </is>
      </c>
      <c r="E154" t="inlineStr">
        <is>
          <t>&lt;class 'numpy.ndarray'&gt;</t>
        </is>
      </c>
    </row>
    <row r="155">
      <c r="A155" s="1" t="n">
        <v>153</v>
      </c>
      <c r="B155" t="inlineStr">
        <is>
          <t>learning_rate</t>
        </is>
      </c>
      <c r="C155" t="n">
        <v>2200</v>
      </c>
      <c r="D155" t="inlineStr">
        <is>
          <t>0.070520006</t>
        </is>
      </c>
      <c r="E155" t="inlineStr">
        <is>
          <t>&lt;class 'numpy.ndarray'&gt;</t>
        </is>
      </c>
    </row>
    <row r="156">
      <c r="A156" s="1" t="n">
        <v>154</v>
      </c>
      <c r="B156" t="inlineStr">
        <is>
          <t>train_input_images</t>
        </is>
      </c>
      <c r="C156" t="n">
        <v>2200</v>
      </c>
      <c r="D156" t="inlineStr">
        <is>
          <t>[b'640' b'640'
 b'\x89PNG\r\n\x1a\n\x00\x00\x00\rIHDR\x00\x00\x02\x80\x00\x00\x02\x80\x08\x02\x00\x00\x00\x83\xaf^t\x00\x00 \x00IDATx\x9c\xec\x9du\x80\x15U\x1b\xc6\xdfea\xc9\xa5\xbbc\xe9Z\xba\xbb\xbb\x9b\xa5\xbb\xbb\xbb\xbb\xbb\xbb\x04\x14\x90\x96\x94\x14\x04\x14\x03\x14\x14T@\x0cTT\x14\xfd\xf0\xf9\xfe8\xf7\xce\x9d83sf\xee\xdc{\xb7~\xff\xec\xde\x993g\xce\xd4\xc9\xf7}^*\xd6b\x01\x00\x00\x14R\x99\xcc`)/&lt;\xc5\xc0%\xd7M\x13\x1b\xf3\xce\xa7 J\xa6\xb3\xb3\x9ct\xbamW\xfe\x030\xff\xedg\x14T&gt;o\xbdi\x9d\xa6\x9d\x1a\xb2\xe2&amp;\xb7T\xec\xff\xd0"\xbd\x0b4\x9cAq*\xb0\xed\x8d\x86\xec!*V\xa3\xe7\xa6\x06\x83v\xe5\xac9\xc1\xe0\xa2&gt;\x7f\x83C\x9f\x81(\'\xdc\xa8\x12|#mOY\xdf\xbd\'\x91&lt;\x19\x11e(?\xdc}la\xeeY\xd6\x9c\xf9\x932\xb5\xbc\xfa\x13\x00\xb4\x19w\x98mLUr`\xa2\x82=\xf6\xde\xe2\x9c\xb4\xeb\x8c\xf7T\xa7\xf8\x02P]2\xa3\xed\xf8#Y\xab\x8eY\x7f\xee/\x00\x94\xae\t\xa5o&amp;\xed\xba\xf1\x1b\x88\x88\x82\xcaq/_F\x1c""JLDDET\xf9\x8fY\x7fWvg\x92\xcb\xcbID\x94\xb0\xba\xaa\xe4\x00\xcauX!m,\xd2l\xae|\xef\x9c\xfd\xdf\xd5\xea\xb3\x85R5\x94\x9d\xa1\x8cN\xa9R@\xc3\x99oP\xbc\xe5\x02\xa2\x10\x83\x8b\x89\x97\xb7\xb3f[\xea\x8e\x93\x8f\x13\x05\x19\x1c\xe5\r\xd7^\xc0&lt;\x91\x1fQ=A\x9fR\xb0\xd1\xcc\xee\xb3\xce\xfa\xedtN\x90\xd3\xd9\xec\x00P\x8a\xfa\xe6\xe9b8\xa1\xb5\x03]\x82HF\x83\x81\xbbf\xecyD\x94C$\xb1\xbc\x12\xdcu\xc3\xe0\xf3N\xce\xd2t\x9fuv\xc7ut\x9c|\x9c(n\xd7\x19\xef\xa9S\t4\xf9\xc6\xb0\xe6\x991k\xdf7D\xb9\xa4\x9fc7~*\xb5\x16\xda\xe6J{]\t\x0bt\'\xa2;\xaf\xf0\x00\xa8\xd8i5\x00\n\xad%O\xe0\xca$^\xe5L\x95FV\xee\xb2\xb6\xc1\xa0]\xe5:\xac \xca(\xcb\xa6$Q6\xe2\xb5\x8e\xb2\x8di\xeb\xf6\xdf\xfe\x1b\x107w\x84lc\x10\x11-;\xf6\x02@\x9f\x05\x97X\xd5\xd0e\xfaiY\x83\xa7&amp;E\x89\xfe\x00([\x1b"b\r\'\x00\xa2T\x14\\\xf1\xa5\xde\xc5flA\xc9\xead\xae&lt;J*O\xfa\xf2\xc3\xe4\xfb\xd7\x9d}U\xbb\xefV""*\xe4&gt;oFE\x0e\xc9\xeb\xba\xb7\x1bU^\xdcb\x9f~\x04\x00Y\xab\x8ea\xbb\x96\x1d\xffE\x99\xa6h\xd2\xf0&gt;\xba9&amp;\xaa1z\xdd\xc7\x00X\x8f\x07\xc0\x9dW\x81k\xeaR7\xd2\xdd\x15\xcf\xdb\xf7\xd9Y\xd2\x94\x19\xec\x87\xb3\xe4\xad7\xcd\x0fg\x89\xfc\xfc\xed\xc7\xee\x8e\xaf1\xad0cq\x90LB\xa9\x82\xca\x93\xacn\xdd~\x15D\xa5\xf5\xd2J\xc9\xe6\x1exBD\x94\xa6q\xe2\xc2=\xa5q\xad\x18\x99\x87\xae\xfcP\xb5\xe95P\xa8\xf1\xacO\xfe\xc1\x97\xac\xf1HY\x9f2\xb5,\xder!Q\xba\x07\xeefLq\xea\xe0\x8a\xae#s\xb6\x97\x97m\xcc\x86O\x0cJN!U\x88\x88\xa8\x04\xdb\xf2=\xf0\x10\x90wP&gt;\xfc\x1d\x00\xf2\xd4\x9d\xe2\xde\x90\x88\x88\xa4\x8e\x00\xdb\xf4\xb3^\x03\x9c\xb8\x86\xeb\x9fL-=\x1b))\xa5l\x00\xe0\xb9\xea\xa8\xd0Z\x94\xbaQ\xb1\x16\xf3\x89\x88=&amp;\x00D\xb9\x88\xa8D\xab\x85\xec\xd8\x9es/\xbc\xfd\t.=G\xaf\xb9\x17\x88h\xc6\x9eG\x9a\x8f\'7\x80i\xbb\xbeJ\x90\xbf+\xa7&lt;\x94\x96\x88\x88J\x11Q\xfc|]\xd9\xc6\xd7lW\xdcJSw&gt;\x94\x1fr\xea\x11\x9a\x8f&lt;h\xfaqr\x13t\x9c|\xfc\xe8\x17lc!JZ\x87\x88(}S\x83L\xd4di%\xfd{\xecK;U\x834\x04\x8f\xc5\x87\x04\x95\xf7i\xf6\xbf\x9b\xb4\n\x96j\x18\x87\xf1\xa2\xc5Jj\xef\xb0.\xd3O\xdb=#\x11\x15\xfcU\xbf\xc0\x00f\xee}\xecE\xe6\xb1\x88\x93\xa3\x9dH*\x00Dqw\\\x03\x80\x8c\x15G\x9a\xa6\xef\xbb\xe0\x12\xab\x88\x97\x9f\xf8\xf5\xdc\x13\xdd*[o{\xd2\xf0&gt;=\xe7\x9c\'*\xaaJ\x0c`\xf4\xba\x8f\x89\x8a\x95\xeb\xb8\x82r\xb4\x97\xefm&gt;\xf2\x00\x9b\xc6\xbc\xfe\x02\x95\xbb\xac\xd1+\xd8\xa5\xe78\xfb\xad\xfc\xa4\xb9\xe4{\xef\xbe\xf6\xec\xba\xf1\x9b\xd4\x9a\xe3\xe23\xcc{\xfb\x19Q*\xa9\x18\xee\x99\xf0\xe0\x05\x87\x9e\x13Q\xaa\x92\x03\x07.\xb9\xb6\xf9\xfd\x7f\x89(\xb4h\xef\x04\x05\xba\xa9\xce\xdby\xfai\x00\t\x0bt_}\xfaw\x8a[\x89m\x1c\xbd\xfe\xee\x07\xbfb\xe2\xd6\xfbDY\xdf\x009kN$\xa2\\\xb5&amp;f\xab6\x8e(\xbe\xea\xc2\xd9?Sw&lt;\xccXaD\xb3\x11\xfb\xa5\xedY*\x8f\xae\xd8y\xb5\xfbN&amp;\xd0\xb6\x7f\xc1a\x11\xda\xfb\x0c\xe0\xd2\x0f\xe8:\xf3L\x9f\x05\x97V\x9dz\xe9\xda\x9a\xb1\xf9k\x80\x88j\xf6\xdeL\xa4\xa8O\'m\xfb"{\xf5\xf1\xec\xc0\xef\xf5?\xdd\x7f\x80!+n\x02\xd8p\xfe\xef\xacU\xc7\xba{\x0f\x12\x19\xf27\x98\xae\xd8\x90\xaa\xe1\xde[\x10\x9c\x80\xf1\x01I\xd8\x9fl\xd5\xc6\n\x1e\x90,\xbc\xaf\xee&gt;W\xd7-\x16\x7f\x13\x94\xb3\x83\xeb\xbf\xc45\x03U\x06\x00Sv&lt;\x08\xd4\xd9\x9de\xfc\xe6\xcf}\x92o\x9c\n&gt;\xc96\x9a\xc1&amp;c\xf5\xa8\xdes\xa3`&gt;;\xae\x03@\xcd^\x9bu\xa6\xc2\xd2\x1a\x1f\xfe\xc07s \t\x0bt\'\xca/\xfd\x0c\x0e\x8b \xa2\x83w9\xe7\xfa\x17\x00\xc0\x9a\xe1\x0f_\x82\x12Vs}\xde)\xea\x03x\xec.^\xaf\xb9\x17\xd9?\x89\x0b\xf5\x94\x8e\x1d\xb2\xfc\x06ekKD\xd2\xd2\xe6\xb9\' *\x9e\xba\xf4 )M\xc4\x94\x13De\x89\x88\x8d\xc8\xdbO&lt;\xca\xb6K\xad\xbe\xac,%\xa4-\x1b\xce\xff\r\x80\xa8\x18\x115\x19\xb6\x0f\xc0\xec\xb7\xbe\x05\xf0\x13\xf0\x03\x00\xe0\xa3\xbf \xe5\xc3\xfe\xc9]gJpXG\xe5\xc5\xe5e{\xdb\x8c;"\xdes\x07\xf0\x07\x10\x1c\xd6\x11\x9e\xd9oN\x9a\xd3\x8f\xf0\xca\x9d\xe7\x86\x0b\xaf\x89\x88]&amp;\x11\x8dZ\xfb1\x1b\xca\xb3\xe1xh\x91\xde\t\x0bt/\xd0p\x86`\x01b\x89\xcc\xcc;\xf84P\xa7\x8e\x98r"P\xa7\x960\x9d\x19\xb2H\x16K\xa9e5X\x11\xafOmsD\x1e\x8b3\xf0\x1a\x00\x11\xf4\x8chT\x14\x06p\xe2!\xda\x8c;\xcc\xdb\x9bW\x95\xd8b\x19lP\x92\x88:L&gt;\xce\x9b\x11\xcdV\xb6\xfdr\xa3b$\xadC\xfc\x89\xa0\xe2\xca\x9f\xa1\xae\xbf\x99[\xc96&amp;\xd8q]\xef\x0e\x87\x86\x16\xe9\xcd\xfec\x0f\xe2\x0f\xf7\x139\xf3\x8d\xf4h2\x12\xa5.\xdej!\x80\x7f\xa5\xe7\x95\xa4&amp;\x11\x1d\xfb\x92%(&amp;=\xc4\xa2\xbc\xd9W\x00D\x99yg\xcf\xe6~\nA\xda\x1e\xab\xfb\xadH\xa4Sr"\xcaq\xee\t\x88Rs\xf7\xddy\x05\xa2t\xfa\xc7\xba\x98\xb1\xe7\x91i\x9a\x00\x92\xa1\xfcp6io\x08w\x99\xbc$\xfbS\xa8\xf1,\xd3\xb3\xdc\xfa#\xb2,\xc2\xf5Yp\t\xc0\xb7f\x15\x82\xac\xc6\x10\xac\n\xa2\x1b\x8e6\xc0\x96\x08q\xb0\xf9\x0f\xdcU\xc4"\x91\xae)\x80S_\x9b\x7fr\xee\xa7\x15\x9f\r}D\xf2\xfeQ\xff]\xc9Xa\x84\xb5r\n\xb3\xfe\xfc\xdf\xca\r\xea9\xcfe\xc7^h\x8f\xaa\xd8y5Q2\xb0eZ\r\x03\x96\\\x030v\xe3\xa7\xb2b\x87-9\xfa3\xa5\xf1\xd8\xe9\xe4\xac9\xa1\x92\xfe|x\xaaR\x03e\xbf\xe2H\xff\xfd\x0cP\x92Z\xe4\xbe\xc3i\xcb\x0ea\xdb\xa5\xbe\xd1\xa8u\x1fg\xa9&lt;z\xe4\x9a;\xecg\xf1\x96\x0b6^\xfc\x87\xd24\x8e\x93\xab\x03\xc9\x9fK\xaa\x86\x1f\xbeD\xb1\x16\x0b\xb4\xa7\xd6y\x04Y\xbe\x04\x86\xaf\xbeMD\x99*\x8e\x04\xf0\x10P-\x1e\xf3\xc9\xd8\x9ce\xd8r\xf4\xdb\x95:\xeb^o\xe2\xc2=\xe5S\xeb\xfa$T\xfd^\xf2\xeeO\x86\xe9=O3C\xf9\xe1\xeb\xce\xbe\xe2&amp;\xea&lt;\xed\x94\xc0\xa9\x9da\xdc\xa6\xcf\xfcv.\x0b$\xa8V\xac%\xe7e0f\xe0\x92kfI\x82\x89\x12\x02\xa8\xd0i\x15\x11\xb9\r\xe9\x9dB\xfd2\xc4\xa2!\xc3\xa5\x1f\x1cl5\xf38\x97U,\xd6\xd9\xf3!\x88\x8aEL9Y\xb8\xc9\x1c\x81\xe4\xd9\x89\x88(\xf1\xa2\xc3?X\xe9:\xa57M\xd1j\xcc!\xe1\xdc\xcc\xa9\xdeC1s\x9e\xb9\xf2\xa8\x8a\xae\xca\x82\x88h\xd2\xb6/d;\xc3\x82\xc3"f\xbd\xf5-\xb9Z\xa9\xacDD\x94O\x93e\x89\xff\x01\x94\xa8\x86z0\xe4\x1e5\xbaZ\xc1D\xd5S\x97\x1a\xa49VC\x92Z\xf2_R\x0b\x9a\xba\xf4 \xd5]\xd5vuG\xad\xfb\xf8\xf37 \x8a\xc7~f\xaa4j\xca\xf6\x07,\xd9\xbas\x7f\x8d\xdb\xf4Y\xd7\x99g\xcc\x0b\xe0"\xa8n\xff\xed\xbd\xe7\xbf_\xad\xc7\x06\xa9\xb1\xcfX\x91\xd3+\x9a\xb4\xf5\xbej\x0b\x00\x81q\xa1M\x00P\x96\xd6"){\xcd\xbb\xa8\xf7\x1eN\xd4\x94\xd99\xb2YL\x9fJ$\xd1\x9c\xfd\xdf\tg\x98F0\x9d\x81\x05\xa2m\xf6\xdd\x06Q&lt;\xd9mO\xe2\xf8)b\x89\xb1\xc4\xcc\x11y\xc9\xa0\x9c\x1d\x88\xc2\xf4vg\xac0\x02\x80|\xd0\xa6C\xb0\xf1\xeeRm\x96X.\x9a\x189j\x8c\x97\xfb\x9c\t&lt;E\xcf\xb4\xea\xcc\xbd\x8fY\xfa\x0e\x93\x8e\xb1-\xf5\x06\xec\xd0\xf8\x8f\x96T\xe59d\xf9\r\xd5\xec\xfdC\xbb\xaf\x8e\xb2\x95M\xa0\xda+\xad\xf2jHIDK\x8f\xbd\x08rY}\xe7v\xad$\xa5\xa8\xdfs\xee\x05u\xda4\x8d\xf5\xce^\xb5\xfbz\xe6l\x93\xbb\xce\xe4\xca]\xd7JE\xaa\xd7\x7f\x87\xf4\xff\xa2\xc3?P\xc2\xear\x87\xe0\xb8y:\x99\\\x15\x91\xb1\xe7\xae\x19B\x8b[O\xf5\xe7W\xaav[\xef\xc5\xd9\xadb\xd4\xc5\xac\xdbo\xbb\xe2wv\xbe!\xa4\xdc\x91:\xf2\x13Z\xb4w`\x0bPo\xc0\x0e\x7f\x9eNo\xa2%\x16\x95\xf7\x84\x97\xc4\xcc\x06\xd8\x18\x85\xa9m\xd1f\xf3\x94\x0e\xa3n\x13\xa7\x90*\xf0x\xf5\xf0\xf9\xf4_\xf3\xa5\x8b\xb6\xe3U\x86B\xf9g\xbf\xf5\xad\x99A]\xf0\x96\xcbo\xa4\x1fY*\x8f6&gt;\x85\x1ce\xe3W\xc8\xa0\x0f\xf1\xaf\xb2\xe4\x05\x1b\xcdR5\xc0*~\x04\xce~\'\xf02ei\xad\x93Iv\xf3c\x89\xd2\x96\x1d*9\xa4j\x8d\xb1m#/\xd2\xb9\'\x98\xbc\xfdKor36\xf4\xf3\x16\x99*H\xe4$G\x8d\xf1\xf2\x9f\xd5zl\x08TI"\x1fBs\x03\xb18N\xf1\x96\x0b-\xd5\x93\xb1\x04\x8e\xec\xedF\xae\xb9\xa3\x9a\xd4U\x10\xaf\xd2\xe0\xe57H\xcc2\x10\xc0\xca\x93\xbf\xe9\xed"J\xa9\x9a{\x04\xa0h\x14u\xccq\xe5x\xd9Zp\xc8\xd0\x8c\xbb45c\xcf#\xb7\x96E\xe2_\x81\xfa\x03vN\xda\xfa\xc5\x885w\xd8\xdeRm\x96L\xde\xfee\xa2\x82=\xcc\xf3O\\\xc3F\xa1\n7\x99\x13\x92\xaf\x0b\x11\x11\x85$/\xdeO\xb57b\xca\x89\xcd\x97\xfe\xc7\x9bK\x17e\xdfm\x10\x15\xb0}x,\x91\x94\xe4\xf5\xe4\x06\xfc\xb1DNt\xddO$\xb5\x83Xb\x08\x95\xba\xacq\xd0\xe8\x8e\x88&amp;n\xbd\xcf\xcd\x8d{\x16\x07\xcf\xab\xcdj\xe3\xc5\x7fL\x15m\\^\xb3\n\x8fC\x03\xcb\xde\x02\xee\xb3\x94`\xc6\xcc%Z/\xb2QT1\xb2\x1b\xb4\xee\xe9\xca\x0e\x95\xfe/\xdcTdu\x9fO\xc1F3m\x1f\xab$1Q\\\x8b\x87\xa4\xc9T\xc9\xc8\x07]\xc4C\xdd\xafdh\xa6\xb7\'\xf2L\xacU\xed\xb6\xee\x94\x98\xf9\xa48\xb9\xebLv6\xc3Xb(\x89jD\x9e/%\xb2\x90\xa3\xc6x+\r\xb0\xf9\x98\x89y\xce\x1c\xfe\x1c\x89\x0b\xf7$J/\xe5|\xec\x01\xf2\xd5w\t\xdd\xf9\xa6\x93\xeeq\xb6\x03\x90\xa3:\xe7\xbar\xd4\xe0+H[#I\xadRm\x96\x10\x15x\xe5\xf3\x97\x89#t\xccs\xab\xb7\xbf\x16\x0b\xa0\xc9\xb0\xb7l\x1f.~\x16\xee\xf6\xacUE\x153\xcc\xf3\x8f\xe3[\xd9&amp;\xbf\x90\xdb\x99lb\x15\x12\xa2\x141\xa7M\xaa\xd7\x7f\xc7\xaa\xd3\xbf\x07\xba\x14\x91\x8f;\xaf\xf0\xe9\xbf(\xdb~\xd9\xae\x0fL^\x854e\x06\xe7\xab?\xdd8\rQ\xf2:\xfd\xb6\xf1\xbc\x9e\xb2\xda.\xa1jf\x865\xf0v\xf2\t\xadMD\x1f\xfc\x8a\xacU\xc6\xd8+H\xb3\x11\xfb\xf3\xd6\x9b*\x10\x0b!\xaa\xa0k\x9a\xe7K\\\xe6~\x8d\x86\xec\xd1\xee\x1b\xbd\xfe\xae\xf4?SV\x89\xc5\x12\xef|\xea\xe7\n\x9d\xeb\x80\x1eK,Zb\x8cE}\xf7\xd9\xe7,v\xac\xe2\x12\xe5\xd3Hg\x10el\xce\xfen\xb9\xf4\xbf\x80\xf5\xd4R7Tm\xb06g\x9eH\xbd\x04[\xa2\xd5B\x95\xf2\xa5-\xb2\x8b\'\xad?p\xa7\xd7\xa7\xd3Asu\x96\x98\xba\xf3\xa1\xd60\xadv\xdf\xad\x02&amp;\xf1\xdeP\xf6\xfd\xefADLlD\xc5\x87\xbfG\xd2\x01A\xf7\xd9\xe7\xfc{B/:\xac\x01\xa5\x82\xcc\'0\x96Xb\x1cpK\r\x8b\xc6f \xa2\xacm\x88\xe2\xb8F\xb7\x1e\xa3!O\x87E\xbf\xcds*\x1e\\\xc9\xb0\xda\x93\xdc\xffg4JHt\xe2+\xd1\x06\xb8\xf3\xb4S\xbes\x8e\xb2\x86B9K\x98L-\xf5\xf6\x00HT\xa8\x87F\x93\xc4\x11\xc2(\x91\x0fm\x8f\x8f\xdc\x03\\\xe2$z\x93\xe7\xc9|wv\xdb\xb4\x1d\x7f$\xd0E\xd0\x90U\xc8\x9d\xda+\x94N\xedr\x9c\xe8\x91\xc7\xf3:\x87Xb\x89L\xa4/?\x0c\x80\xbbj\xb3\xa6A*\'{\xf5\xf1"\x01I|dE\x95\xab\xd6$\x83\x94D\xa5\x00\xb8\x9a\xb4\x04U\xad\x9e\xe8\xde\x7f\xd8v\xd5\xb7\xc3\xac[\xdca\x9c\xa3\xe2\xf2\xf7\xfeC\xbd\x01;\x0c\xc2X\xd9"\x85\xa3\xb9\xf1y\x00,&gt;\xf2\xa3pr\x11\xb1-\xbf\xb2\xfbf$\x1d\xa3\xfb\x82\xd5\xef\xfd\xc1\xe2vhq\xe6\xdb\xd7o\xe0\xb9\xd4\xec\xb5\xd9\x81\x93\xc6\x120r\x99\'\x89\xd2\x00h7\xe1\xdd\xc4\x85\x99\x95SQ\x81#\x8a\xe9\xef\xd2\xccH\x13\x11\x05\xa7,1\xe0/\xcf\xb7\xe7\x8c\xc2sIk\xe6\xc4\xa9\xec|\xfc^G,Va&lt;\xd5f e I\x82Df\x9a\x8f&lt;\xe0\xbb\xcc\x9b\x0e\xdf\xbf\xe5\xf2\xff\x84\xf4\xb0b\xe3\xa2G\x1a\x92\x14\xe9\xe5x\x9e[\xaf\xfc\xe7x\x9e\xb1\xc4\x120\xea\xf4\xdb\x16Z\xa4w\xcb\xd1o\x0b\x1f\x91Aw\x8fN\xdd7f\xc3\'\x8e\xaf\x07\x03\xb0\x1d\x02\xddva\xd2\x96\x19b\xef@\xef\x08\x0e\xc8j:\x94\x81\x90\x05\x10\xe9\xbd\xd9\'u\xe9A\x821_\xcdnWAG\xca#N\x9e:S\xfc|F\xa7)i\xe7 \xb1P\xa7\xb60Yr\x8a%\x96(D\x81\xfd\x1f\xa1\xfe\x00\xebV?Q\xd6{\xe1\xf4#D-\x91w##2k3rE\x0cD(\x95\x84\xde\xfe\x13\\\x95\xe3@\xf4\x06\nS\xd2:k\xcf\xfc)\x9a&lt;\xbd\xae\x03n@\x88\x8c\x8b\xc1\x01\xc3\t\xd7)N\xec\xb2\xe8\x83\xe3n\xd9\xb1Dv:L:\xa6\'Hk\x00\xab\x88\x85\x82\r\xf8\x05g-\x87\xf5\x9a\x99\xb2\x1d\x96;x\x16A\xdc\rpY\xed\xae?\xfd\xde\x1c\x02\x10\xa9F?zeT\xb0\xb0\xda\x16\xb4\x1a:O?\x9d\xae\xdc\xd0\x82\x02Q\xfcb\x89\x01\x14MQ\xa2\x7f\xa0\xcb\x10K,\xbe\xe4\x1b\xfdj=u\xe9\xc1\xec\x9f\xc8\x16\xb7\xd5?#\xb3\xf3Om\x9d%\x95\xda3\xca"E\x9dU\x1f\xf3\x07\xce+]\xc4\x97\x87z\x8c%2\x13\x90~j,\xb1D\x17\xe2\xba\x84,\xf2\xd5\x9f\xfeF^\xef\xc7\xaf\xaa\xeb\x11\x9b\xae\x89A~&gt;\x8a\x90Z\xa7\xdf6\xe9\xffH\xdd&gt;\x89N\xfc\xea\xb2\xf1\xe2?\x8d\x87\xees\xa4,Q\x97\xc83\xdd\x12K\xefy\x17\xf3\xd4\x9db\x9c&amp;q\xa1\x9e\x91\xfa\xab\x8c2p\xe2\x91\xc7\x123I_\xa8\xf1l\xa2`\n\xae \xff\xb4\xaat[\x17\x90!\x9a\xf2\x8c\xa5?\xf85\xf6k\x8f&lt;\xe4\xb1\xae\xf6l\x8ae7\xd0\xa2\xcd\xe6:]\x86\x98\x83\xd7\x0e\x0b\x89k\x12\xa5\xd8x\xf1\x1f\'\n\x13s\x89\xed\xc4\xc4b\x02\x80\x8f\xff\x82\xdco5y\xf1\xfem\xc6\x1d\xf6\xf5y\x93\x17S\x85\xfd17\xc4M[v\x88o\xca\xa2\x87\xe3\x8dP,Q\x8f\x98\x16qH\x1ec\x11\x807\x02\x03&gt;\x86cW\x11\xa9\x98\xb4\xf5\x8b\xd8\x068\x96rl\x80\x1b\xde|\x1e\x7f\xbff\xc1\xaf\xf5\xd8C&gt;/T,~\xa2L\xa0\x0b@\x94\xbaQ\x16\xbbr\xdc\x01\x04\x00Q8\x7f_\xd4\x08$\x97\xc6\xfb,\x1a\x0c\xdc\x15\xdb\x84\x08\xb2Fi\xea\x0f@\x8ag\x1a\xedpJ\x121\x060\xff\xedg\xe9\xcb\r\xa3D5~\x03\xdf5E\xcb\xaf\x8e~r\xbd\xe7\xbf\xef`n\xb1xC\x89V\x0b\x03q\xda\xf8\xcf\xa3t%\x9eE-,\x1a\xa3\xda\xa4\n\x11+\x03]\x84\xa8\x82r\xda?\xa4\n\x11YP\x08\x8ej\xa4\x95\x85I\x8dE\x97\x85\x87\x9ew\x9by\x86\xdc\xfe0\t\x0bt\xd7I\x18\x07\x80\xb3Mot#e\x83@\x97@\x10[\xda\x0b\x0e\xa1\x17\x1f\xdafH+\x9f#\xc9\x83\xf0\x9d\xcb5\x0b%1\x05\xf9s\x8c\x1c\x06t\xa9\x02]\x00\xcb\x0cYq3\xd0E\x88%\xd0\x1c\xfe\x9c\xb5\xbc\xe8&lt;\xfdt\xc5N\xab\rR\xb6\x1c\xfdv\x8c\xea\xda+IP\xbd\xe7F\xe3\x14\x95\xba\xac\xf1OQ\xbc%\xb8\xa26\xea\x91\x84\xaf\x1fq\xfe\x063|\x9a\xbf?9\xf4Y`?\x87\x94\x01=\xbb3\xb4\x1c\xfd\x0ew{\xf3\x11\x0e\xaa\x9fret\xfd\xca\xfas\x7f\xf16G:m\xf3X\x9cE$&lt;g\x1a\xb8i2,\x90\xce0Sv&lt;p&amp;\xa3\xc4\xe2Q\xf9,D/\x88V\x9d\x8f\x94\x91ET\xd9\xb9\x80\xb5\xbe\x8b\x99\xa8k\x9e\xed\xf4+!\xec\x91\x92\xb6I\xc3\xc1\x9c\xf0\xc9\xfe\xa5\x90#\x97?f\xfd\'\xfc\x1d\xce\xf9\x9a\'\x0b\xef\xebTV^P$\xd0\x05\x88%\xb2\xb2\xf5\xca\x7f\xac\x01\x9e{\xe0\x89N\x92H\xe2\xac\x96^\xfe#$o\x17^\x1aK!\xc1-\\W\xb4j\x80#\rm\xc7\x1f\t\xcai\'\x1es\xbc&lt;\x9d\x1d/\x8c\x0c[\xaa\x8a~\x8c\x15\x91\xb9\xf2h\xbf\x9d+\x8a\xe0\xe9\'u\x99~\xda\xca\x81i\xb5\x9bF\xac\xbe\xe3mq\xa2\x05\x15;\x1b\xcd\x89\xc6\xe2\x18\x9d\xa6\x9e\x0ct\x11\xbc#A\xb5@\x97\xc0O\xe4\xad7\xcd\x97\xa3=\x7f#\xcd\xbeX=p\xd5\xe9\xdf}Q\x1e7\x9c\xa8$\xa9J\x0e\x04\xf0\x8bo\xfba\xe2s\x92^\x0b\x9egmc\xfb\xd0O\xfe\x89:\x9dQ\x8d\x89\x9c\x16Y\xf4\xf1X\xec\x11mM\xc9\x02\xcf\xf4\xdd_K\xf5#\x80k/\xd4\xdf^\xa1\xc6\xb3\x88(\xbc\xf9\xbc\xc8\x19;\xdd9\xf2\x04\xba\x00\x8e`e\xd9\xc9P\x01\xcd\x11\xc2\x9b\xcf\x07P\xb2\xf5b_\x9f\xc8*z}\x02\x00{oE\x9d\xe6G\x9fv\x13\xde\xfd*\xd2L\xea\xd4\x1b\xb0\xc3\xe2\x11\xceD&gt;\xf5\x03\x91M\xd6\xd7\x16\xb1\xed\xab\xafH\x0f n\xeeN\x06)V\x9dz\t\xe0\xa5\xc9\xb7\xea\xd0\x1cud\x17\x04\xe6\x9a\xbdD\x1bK\x8a\x9c\xbc\x8d\x06!\xa2\x9d"\xadA\xbc\xe4\x00\x91\xd8\xa0\x01\xf6\xf3b\x84\xde\xe9R\x14\xf7&amp;nA\xd6\xf8\xf9\xbb\x9e\xf8\xca\xf8B\xf4tf\xb2{q^\x07h:\xfc\xad\xc0\x16\xc0;\xd2\x9b\'\x89\x8c8\x11\xea*\x16-\x00\n7\x99CDD\x89\x02\\\x14\xa2L\x95F\x12%\xf1M\xde\xa9=\xff:\x16\xd2.\x8c\x88\n7\x99\xedPn\x8e`i\t\\AP\xce\x0e\x8e\x94 (\x973\xf9Db|aP\x13b1}:w\xc3\x9cK\xbbo\xc8\xf2\x1b6Jp\xfc\x81X\xc7"Kk\x00\xb1VE\xb1\xc4\xe2&lt;\xf9\xeaOKP\xa0\x1b\xfb\x7f\xf7M\xfb=\xfd\x82\x8d\xfc\x12`.\x91\xa8\xc13\x80,U$\xbb\x15N+\xf5\xee}k\x17\x9b\xa9\xd2H\x00!y}j\n\xe4\x1f$\xb7\xe0|\xf2\xad\xa5\xdb.\xc9Xq\x84o\xcf\x9c\xcd\xfe2d`\x01\xe0\xecJ\xfc\xfc\xb7\x9f9\x98\x9b\r\xb6_U\xbf\xff}\xe6\xbf\xefvmWw\x0e|:\r\x90\xa8P\x0f\x9bG\xba\xa4-";\x99+\x8fb\xff\xf4_|5\xb0%\xf1+\x1ay\xb8\xe0\xdc\x11\x01)Hd\xa0\x90H\xa2H\xdf\xcfMj\xb1\x16(e\xeb,\xb9S\x96\x1c`\xeb\xc0X\x18)|6\xab\xe1s2T\x18\xce\xdd\x0e\xa0\\\x87\x15~.\x8c m\xc7\x1f\xd1\xfb.\x16\x1e\xfea\xec\xc6O\xb9\xbb\xb4\x87\x18\x7f\\7~3m\x83C\r\xf7:\x83l\x02/\x16\x07\xf0\xe7\xf2\xca\xb5\x9f#\x8b\tB\xa4\xa5@\xb6\xaac)u\xc3\xd2m\x97\x8a\xa4NY\xc2\xdf\rU\xack\x90\x06\xee:n`\t\x9f\xb5\xef\x9b@\x97\xc1[\xb4oZ\xb9\x8e\xf6\x1a`g\xac%\xf4\'l2\x03\xb8\xaf\xf7]\xe4l\xaf\xff\x91\xe6\xe7~M\x1d\xa7\x9c\xd0+\xc3\xa5\x1f\x8c\xbe\xbel\xd5\xc6\x19\xecu\x940\x7f\x9d\xc8\x80|\xe6I\xa2\x02\xb15\xaa\xef\xf0Jv?s\xe5Q\\\x87\xb9HH\xb1\x16\x0b\x02]\x84\xe8\rG\xbd\xa4z\x0f\xb9LX*\xae\x1bO\xb4\xc3a\xd3\xd0\x81K\xaey_\xfd=\x01\x1e\xdb\xcdd\xf6[\xdf\n\xa4\x12\x9dF*\xd5v\x89\xbdb\xf8\x88&gt;\xb1\x9a\xf3\xb1De\xb8\x02\xc2\xb9\x9d\xb5\x92\xd5\x9b\x1f\xb3\xc4\x07\xbf _\xfd\xe9\xde\xe7\x13\x8b!\xba\x13\x8c\xe9\xca\x0e\x8d\t\xfdh\x00\x8e\x04\x14\xb2\x85gQ\xf6\x19\xf0\xb7\xecn{\xb7:\x9b\xc3`_\xc5N\xab,\xe6\xe6\xeb\xfe\xba\xb9\xd3c\xb7Yg\xa5\xff\x8d}=\x04\xb0\x1c\xaf\x9a\xcb\xbf\xca\xa7\x13Z\xa4\xb7\xecyEj\x7f\x8ah\xe1O\x15\xc9\x98{\xe0\x896\xcen\x96*cD"\xdd~\t\x00\xf8\xf8o\'\xab\xda\x9c5\'x\x9b\x85\x17\xf2\x02\xd6\xf1\xc7*W\x80I^O Qv\xf9\x8f\x17@\xe3\xa1{}S\x1a\x89\x12&gt;\xce\xdf\x1c\xc7-h\xce}\x87\xf8\xf9\xba\x9a&amp;\x13\x94\x00\xb3\xd9\x0c\'\xa9e\xe7\xa8\xc0\xc0\x9deQL\x05\xa7-3D\xef\xe0t\xe5\xac\xc6\xea\xf1U\xb0\x87\x05\xef|\xefe\x0e\xb1\xab\xe0\x91\x91\xa2\xcd\xe6N\xdd\xf9\xf0\xb5\xf0w\x18\x1c\xd6\x91\xfd\xd3t\xf8[\x1d&amp;\x1d+\xd5f\xb1\xf17\xfc\x0bp\xebw\x87\xe3#\x95n\'\xb4\xd8\xec\xa6\x00/|^\x81&gt;\xf3/9V }D\xea\xca\x98GP\xfc\xfc]\xa7\xee|\x18\xe8bDBr\x89\x88\x1b\xc7\xc9\xd5Q\x7fg\x98^\xdc\x02\x03\x1a\r\xd9C\xd9\xdaZ=\xcaY\xaau\xdf\xe0\xcf\xd3\x01\xa0 \xc7t\xa4\x9d&amp;\xf0a!b\xf1\'\xa9\xf37pM\xc6\xd6\x1f\xb8\xd3\xd9\xac\x87\xad\xba\xe5l\x86D\xb4\xe0\xd0\xf3\xdfuZ\xf4B\x8d\xd5\xee\xb6\x00\xb8R\xa59j\x8c\x7f\x00\x1c\xb9\xa7o\x8a\xa2\xa4\xcf\xfcK\xd3w\x7f-^\xc8\xa6\xc3\xf7\x8b\'\x8e9\x8c\\\xfb\x11Q\x81/\x00\x8d\xaaQ2JR+\xea\xc7\xe8\x8e$r\xe8N\x91\x80(\xd4\xc7+\x05\xe1\xbe\xcc\\\x97E\x87\x7fp6\xc3\x18\x1bq2\x96HM\xbe\xfa\xd3\x1c\xcf3ix\x9f\x84\x05\xb9\x01\x89\xb3\x0e\\z]\xb5\xa9\xfb\xac\xb3za\xf5\x9e\xc2\x83\xd3e\xa4\x00J1\xd7\xe8\xb5\xc9\xef\xe7L!\x98\xaen\xff\xed\xd1E\xad\xd3\x19\x00p\r\xd6\xfc\xaf\xa5\xa5\x87/\x8a\x91\xac\x98+\xf4P\xcd\xde\x9b\x1d\xcf\xdc{\x12\xe4\xef\xd6n\xc2\xbb\xd2\xcf\xd2m\x97D\x92g\x11\x99\xf0\x95e\x83\xe4\x00\x1dK$\xc5\xc0\xdf\xc9T2\x93\xcb\xe4\xed_zW"g\xa8\xdb\x7f{\xa0\x8b\x10\tI\x1c\xe8\x02\xf8\x9a\x14\x94\xacn\xa0\xcb`D\xd4m{\xcaX[\xab\x8a%\x96XLI\xdb\xc4\xa0F\xf0\xe9\xb8\xc1_\xb3LQT\x06\x96\x88\xc2(sK\x13\x87\xcb\xf8U\x89(S\xc5\x91\xb6\xf2\xcfo\xeb\xa8\x18Hn\x8aW\xc9\xa9\xbc\x8a\xb7\xd4\x9aP\xc4b\x13/\xf5\xcc\xfb-\xbc\xecTID8\xf7\x04\xcf}\xd8\xfd\x8a\xd4\xe6\xdc\x01 I\xe1^Q\xa2\xb7kVH\xb9 x\xd4pJ\x96(\xddn)\xc5u\xac\xea\xf4\x1b\xb9jM\xac\xda}}\xe9\xb6K\xcc\xecGR\x8e\xdf\xfc\xf9\xaaS/\x0f\x7f\x8e=^(\x98\xc6bJ\x92"\xbd\x02]\x84X\x1cf\xc6\x9eG\x8e\xd7\xcfI\x8b\xf6\xd1\xdd\x97\xaa\x01\xc5\xafJYZ;{F\xe2Y\xea\xf0IZ\xc7\xf1SGR\x96\x1d{Q\xa4\xe9\\"\x02 \x89&lt;\x9b\x10Z[0\xf3$\x85\x03U\x17p\x96\xd6\x02EH\xde.\xa5\xdb-\r-b\xd2\xffm7\xe1\xdd:\xfd\xb6\xf9\xa7H\x01%&amp;Hp\xc4\x12\xf5\xf8\xe8U$\xef\x17\xfa\xd1J1\xa8\x9c\x9e\xf5\x8c\x7fh6"\xc6\xd8\xb1\x1e\xb9\x0f\xca\xd0\x9c\x88\x00\xbcuG\xff\x15LPm\xfb5\xf7\xde\xd4\r=\xdb\x13\xd5\xf8N\xd15\xf3\xc4\x14\x9a\xb8\xe5\xfe\x80\xc5\xd7\x1c-lT\x84\x85\x90Jn\x9a.(g{\x00\xe5:,\xf7qy\xa2\x14\x99Z\xa8:\xfeA9;D\x89\xa9\x1aqz\xce\xbd \xff\xd9{^\xac\x1eS\xa4%\x9e\xcf\xdc\xa0\xa5\xa9;\xd74Rv\xff\xe9t\xea\xe1\xaf\xf0\x82\x19[\xf8\xe9D\x91\x99\x06\x83v\x1b\xd4k\xc5[-d+\xac=\xe7\\\xd0I"\x85\xbf\x0e\x91\xd4\x86\x01\x88\xe8uDQ\x1a\x0e\xda\xedx\x9e\x91\xc7\xfc\xd51r\xb4\xf3N\x8d$}\xfa\xf2\xc34\x1b\x9d\x91\x1c\n4Y\x03]\x80\xa8G@\xbf\x8e\xe2\x81;\xb5\xf3h\xee\xa4\xb9jX,&gt;\xa20\xb9\xab~=oW\xc9c\'k\xd5\xb1\xd2\xc6\xf8\xf9\xbb\x9e\xfb\x0e*\xc7\x12u\x0c\xf0\xd0(\xa4\x9bcN\xf3\x91\x07\xa4\xff\x01\x8cXs\xc7\xd9\xfc\xf3\xd5\x9f\x1e\xc9\x1b\xe0\x011*&gt;\x9a4\x08\x88"a\xec\xa2\x13\xa9J\x0e\x0ct\x11\xa2\xb3\x96\xceG\x7fqb[\xc9+\x1f\x00y\xeaN\xf1k\x99b$\xf13\x94\x1fND\x99*\x8d2\x18~\x85\xd5\x9e\xa4\xdd\xab\x9f^-]\x19m\xf0G\xeb(\x1c\xc08\x16\x7f\x91-\xd0\x05\x881$\xac\xee\xef3\xe6hg8\xab\x1cHc\xdd\x92m\x16\xcbW\xf4\xfc\x86\xdf\xc6\x00\x15"V\xaa\xce\xeb{\x85\xda\xa8\xc9\x84-\xf7\n5\x9e\xa5\x98\x0c\x8c[\xc9\xdd\x00\x97U%&gt;\xf5u@\xc6p\xe1\xbe\xcc\xdc#,\xec\x87\x18jE\x9aF\x1f\xe1\xd6\xf8\xf9\xbb\xc6\xc9\xd5!\xd0\xa5\xb0O\x97\xe9\xa7\xedF\x89\xb6FpX\xcc\x8d=\x1eP\x82\x1c\x8eh\x9e\xa5u\x96*c\xdc\x96\x1f\\\xd4\x15\xa6\x1e\x00\x1c\x0f\xa8%\xcbY\x97@\xa9a\x00Xy\xf2\xb7\x80\x9c:\x12c\xe4\x18\x93\x91+\xf4\x18\xd5H\xe0\xc3\xbcs\xb4\'*U\xb2\xf5"\xd9\xa6\xc0\x07\t\xf0\x9a\x82~;\xd3\xcaS/\xfdv..\x91D\xa7%\x96\xa8B\xc6\n#\x04\xcc\x97\xa2\xbd\xc2\x8c8\xc9\xa5\xff\xa2\xa1\x05L,fd\xd1n\xd2\xbc\x04\xb6\xa3y\'^z\xf4g\xde+e(T\x99\xba\x91\xdd\xd3ERB\xf2\n\x05\xe7\xd1Ar\'S\xb4\xfa\xde\x7f\xa8\xcb\x8f\xff\xe2e\x0e\xce\x12\x92\xb7\x8b\xf3=\x9b\xc8-\xb3\xe5s\x92\xd7\xf3\xa5\xb2\x8d\xce\xc3\x8aW\x99\xbb\xd9\x176\x9b\xf6\x08|#\x97\xb6\tw\xf3\xce\x0fp\xf3e\xa0\xcb\x16\x1d\x88\xd2MH\x9aFJ9\xe5traX\x7f\x11\xed\xedc-\xcbZ%\r\xefC9\xdbK?\x01x)\xde\x19\xd8\xd8\xa5\x15;E\x83\xa9\xa3\xc8\x88r&amp;?\x94R5$"\xadJ\xbc8W\x7f\xe64\t\xbbn\x00\xc0\xd5\x9f\x1cl-\x84\xbcEx\x86Q\x96\xeb\n\xa3\x06XX\xe0\xc1\x17\x84\xe4\xed\xd2]\x16\x9e9\x16\xdb\xf8\xcb\x81\xcc\x1bt\xa2\x02\xcf~\xeb[\xc1\x0c\x8a\xb7\\\xd0{\xfe\xfb\xd9\xab\x8f#\xa2r\x1dV\x08\x9c\xb1\xb5`\x7f|\xcb\xe57\x96\x82/Eof\xed\xfbF\xb5\xa5\xd9\x88\xfd\x00\xfca\xeb\xe7\xd7\x11d.\xa1T\xe9\x9a\xfa\xb6\x14\xd1\x88\xde\xf3.r\xb7\xbbZ \x99\xc1\xd7\xf0\xd5\xb7\xf52\xd1m\xae\xe2UJ]z\x907\xc5\xb3JpXGG\x06\xaf\xba\x99\xc4\xaf\xea}\xe6\x96x\xfb\x13nIr\xf8\xb9\x18\xd1\x85\xe4\xf5\xb2V\x19\x13\xe8B\xf8\x8f\xed\xd7\xd0h\xc8\x1e_\xcc\xe7|\xfa/n\xff\xe9\xbf\xa9\x98\x88)\'|\x94s\x86\n#x\x9bK\xf6]`!\x1es\x91fs\xb5\x1b\xf7\xde\x8a"SU\x02!~\x19\x8e\x0e\xa7Tx\xe3\x87\x1dU\xf9C\x7fA\x91\xb7\xd6(&gt;%\xe3T\xf3\x90\xdd\xa1|\x9c#s\xab@\x97\x80(2\xcc\x90\x07\x9c\x8e\x93\x8f\x8b\'.\xd6b\xbe\xf4?\x00\xa2b&gt;(Q\xe4$\x95@\x9a\x02\xb6rN@\x94\xd1\xd6\x81\xde\x90\xce\xe9\x0c\xc3y^%)MM-\xba\xcd&lt;Cdl\xfdG\r\x07\xef&amp;\xca\xe7e\xf9b\x89\xc6\\\xfe\x11\x00\xd2\x95\xd3\xa8\xb8dk\x1b\xd8*\x1e\xc0\xa4m_\xf4r\xcb\x9f1/PK\x87;[\x98@Ee\x8eE\x17K\xd6hG\xbf\x00i\xf57b:,\x0eDJ\xb3d\xae\x10\xee?h\xee\xf6\xf6\xab\xd1\xb6\x1bh\xc3\xd6\xb1V\x9f-\xbe)K,Q\x9f\xa0\xf2\xe2\x11\xa9]\xc4\xad\xe8\x9b\xa2\x882\xf7\xe0\xd3\\\xb5&amp;\xb2\xff-~\x0b\x01p\x0b\xf6)\xe9\xcb\r#\xa2D\x85z\x04\xba \x91\tVE\xda\x88\xad\x1b\x83I\x90\xb6\xcc\x90\xb4e\x86X&lt;*9Q\x12"\x9a\xb8\xf5~4\x93\x80n4d\x0fw{\xf1\x96\x0bG\xae\xb9\x03\xa0d\x9b\xc5\x962,\xdej\xa1_\xc5\xe8\xad\x93\xb7\xde\xd4@\x17\x81\xcf\xa1\xcf\x10\xad\xcd\xfa\xe2\x19\xcbwD\xf2)\xcd\xf1\x9b?\x0ft\x11\x02M\xeaF\x91\xfc\x19\xf9\x9d$\xb5\x00T\xea\xb2&amp;\xd0\xe5\x88J\xb0^\xcb\xe9G\xf27\xc9\xbe\x871\x80!\xcbox]\xa8H*IV\xbc\xe5\x82z\xfdw0\x0bU\xbf#\xb2p\x10H\xaau\xdf`\xe3\xa8b-\x178^\x92\xc8Ox\xf3\xf9fI\no\xb8\xf0\xda\x1fE\x89%\x16\x1f\x11\xdeb~\xfb\x89G\xcdR\xe5\xd1\xf3\xee\n\x14\x11SN\x06"\xa8dB\xbb\x07*$o\xdc\xf3\xb4\x8e{1\xa6\xceVm\xacy\xaa\xe8\x1bB#jQ\xca\xe2&lt;\x81\x15|"\xb1\x14\xf3\x88\xa2\x92\x1a\xcc6%\x89O\xcfau\\\x1b\xc3t\xe6\x85\xe91\xe7\xbc\xd0\xad\x8c\x17\xd9\x82\xc9\x97\xa5\x04U\xfd\x7f\xd6{\xff96\x9dR\xb0\xf1,\xa7\xb2\xf2\'\xf1\xf2p\x16/\xcau\x14\xf0\xd4\x92\x93\xa1\x993\xa5\x89\xdap\x84b|\x01\x00\xca\xdc\xd2?\xe7\n4\xd1#\x94\x16\x111\xa5\x11;\x0c\xf2\xc21\xda\n\x9e5\xa32\xed\x96\xaa\xf65\x1e\xba\x8fH\x16\x8b0n%\x00\x94\xb2\x81_\n\x16\xf9\xa8\xdecC\xed\xbe[\xf5\xf6\x8e\xdd\xf8\xa9?\x0b\xe3\x08r\xf3l\xc7\xc9^}\xbc\xde\xae_\x00\x00m\xc7[\x96\xefx\xa3\xee\xe5\x94\x8dNK#\x91\xf5Z&lt;\xcb\x04\xcc\xa5;R\xe1\xb7\x9b\x06@k\t\x18\xfd\x98\xb9\xf7\xf1\xb4]_9\x91\x93M\xcf.\xae\xb5\xd1\xc3\x18p\xe7\xb9(\xb5t2\x10\xc5\x8d\xac\xb5D \xd1W*OY\xdf\x8f\xc5\x88b\xe4\xad7-Y\xb1\xbez{\x05\xdf\xb3a\xabn9W"#\x00P\xf2\xba1\xd3a\xd47D=\x17\xa9j=\xec\xac=GQ\xc4&gt;\xc0\xe4\x9e\x7fe*l\xf6H\xefq\x88\xf2Gl\x0f}\x14\xfe\x8d\xb1\r^d\xa7\xef\x82K2\xd7\xde\xa4\xd2\xf6\xc2Mf\xe7o0=\xd0/S\x14!^e\x95K\x12\x80\x94%\x07\x04\xaa8\xfe\'K\x951\x9f\xbf\x89A\x9fz\x9bq\x87\x03]\x84X\xac\xa12b\x8f\xb46\xed\xd1\x98K\xcfcP\x15!L\xe6V\x85\x1a\xcf\x0et!\x1c%Qu\xa2\x10"\n\xca\xe9U\x98&lt;\x7fu\x1eM\x9d\x89uq\xb4\x84\x16\x84A\x9a\x0c\xdb\xe7\xfe7q\xcc\xecb\x97\xef\xb8\xd2&lt;Q,\x01#\xf1\x8d\xdf4\xafeH\x15{y\x95P\xc4:\xb3GT\xd0\xeeu\x06\xd1P\x8c1\x84(:\xe5\x98\xd0\xdb\n.M\xe3\x05\xef|\xefPa\x8c\xc9\xee\xe5\xf1qswr)CY\'~\xbe\xae\x16\x8f\x08\xd6\xdd\xa3/S7f\xfd]\x83\x1cw\xdf\x8c\x89\rpt \xa0\xba\xfcV\x10\xf4\xb5\x0b\x96\x0b\x1bD\xb2~a\x8cv:\x90\xfc2"\xd9C\x89D$\x1b\xb8\xe4\xba,\xacz\xc9@\x96\xc5\x11\x92\xd5\x89\x99\x0f\xbb\xfe\xc0\x9d\xf2\x9f\xf9\x1b\xcc\xb0\x9aC\xcb\xd1o\xbb\xff\xcd,\x92\xbe\xc5\xa8\x83VO\x11K\xa0\xe84\xf5\x94\xf4\x7f\xe2\xc2=\x03X\x12_\xa0\xfc\xe4\xd3\xfa\xbf\x00\x1f\xfe\x1e\x13\xeb\x1cS\xc6m\xfcT4\x12I\xcc\xa4\xfb\xac\xb3\r\x06\xed\xd2\xdb{\xf8s\xdd\xb7j\xe7\x07\x98\xb5\xef\x1b\x9f\xaaCo\xbff\xf3\x9d\x9e\xbc\xfd\xcbf#\x0e8W\x10\x9f\xae\x85;\xe18\x91\xa8:\xe5h\xdfm\xa6\xe5h_i\xcb\x0e\x91\xffLR\xb8\x17\xcf7\x867\xb3\x94\xbc\xee\x13\'{9\x1c\x01\x8d!+n\xae&lt;\xf9\x9bs\xa7\x88%\xdaSL\xf3\x0f#vj\xd4\x9f\xa8\xfc\x8fS\xc4\xa4\x08\x02N\x03`\xd4\xba\x8f\xb9Q\x07J\xb6^lC\xf8\xd7o\x00\xf0B7CIz\xdf9\xad\xc6\xb1x\x0f\x8b\x1d\xf8\x98\x93\xf8k\xa0\xe9\xf0\xb7\xe2\xe4\xeah\xf5\xf4\x03\x97\\m\xfaq\x93\x00\x00 \x00IDATSm\xd1\t"\xc6!^\x9e\xce\xc61\x15\xac\xc0U&lt;\xf0\xad\x92@\x0c\xc77R0\xb1\xe8\x11\x19V\x82\x13i\xb6\xf8i\xaa A\x81n\xfe9Q\xe4\'\x03\xfbc\xc9\xf7\xf7\xe0\xddH\xda\xca\xfa\x83lmF\xac\xb9\xe3\x87\xf3\x88\xc5\r\xe4\x1bm\x010\x9d\x01[\xfc\xeeO\xa6\xb9\'*\xd8\xddZ\x8f*m\x13\x00u\xfbm\xd3nW\xcd;\xd5\xed\xbf\x9d(\xbe\xe7wL\xd1\x850%\x1a\tGD2\xb6]\xf9/\xd2\x0e\x0f\x1c"\x8fo\xb2\xcd\xb7\xf9\xfd\x7f\xa5\x96"\xac\xf6\xa4\xb3\xdf\x9a\xdfF\x03[\x96\xf2\x11+#\xf3P\xcdwdL#\x8b\x1f\xb0\xe9\xfd\x7f\xcf~\xcb\xeeB\xda\x81&lt;\xa9\x94\xa9;\x1f\xfa\xafhQ\x8a~\x8b\xae\x04\xba\x08&amp;&lt;\x03\xfe\x03j\xf4\xdad\xe5 \x91\xf1ea\xd3\x14:\x9fV\x0e\x95\xed\t\x80\xe4\xc5\xfa\xb9S\x86D\xfd\xaf1N\xa0\x0b\x10\x8b\tw^\x05\xb4\xd2OR\xcb\xf7\xe7ph\x86OK\xa2\x1a\xd2\xbf\x00\xcc%\xdb\x12\xd5\xf0\xdc\xea`m4\xaa|1\xb1\x01\x9e{\xe0\xc9\xa4m_H?\x01\x1c\xfe\x1c)J\xe8\x06\x16\x04P(j\x8a#Z\'\xea\x1b\x9a)i0h\xd7\x95\x1f\x01\xe0\xc8=?\xbc\xe5\xc9\x8c\xa2\x0b\x07\x95o5\xe6\x90Vv-K\x95\xd1\xbe-T\xa4\xa4dk\xdf\xa9=["\xa9y\x92\xa8\x8cA\xe5\x1e\xa8\xd9\xbb&lt;u\xa3\xaa\xab\xf1\x8c=\x8f\x14\xbf\xe3\x94\xa7\xd4&amp;\x81U\xe2\xe4\xea\x18\xe3\xdaWS\xbe\x06\xbe\x91\xdd\x94\xb5g_\x05\xb00"\x1c\xfd2\xf6\x11zC\x1c\xa2\x846\x96\x81\x9d\xa0\xb8\xfcG\xaf\xb9\x17(y]\x7f\x9c\xd6\xaesg,1\x83\x18\xed\xff\xe3_\xe21\xdb\x14s\x8d\x9a\x04\xd5\xfcQ\x9c\xc8@\xd6\xaa"\x81q\x8c\xb0\x13\xea+\xb8\x02o\xab\x03\x0b]K\x8f\xfel)\xfd\xad?bRs\x1e\x98\xd8\x7f\x12~\r$^\xd6(\xb8\xb2\xbe\xb4j\xa0\t\x0e\x8b *\x11\xe8R\xa4\x8f!#\x95*\xdd\xd6]\xff%F\\\xa9\x17\xb0\xb71C\xa0N\x1fC^Ek\xa4,1 Yx\xdf\xdb\x7f\xe2\xc6o\xa0\xd4\x8d\x88\x88\xa8\x90Cy[\x90[\xe2`\xa5\xeb\xd4{\xfe\xfb\x00j\xf5\xd9b\xf7d\t3V\x1ci\xf7\xd8H\xffb\x05\x95w4;\xa1\xb8\xc8\x00(C\xb3\xd4\xa5\x069z\xea\xe8B\x96\xd6\x86\xbb\x9d\x8c-\x08\x80(+Q\x98\xed\x1c\x9a\x8ft\xd0\xc1\xcf\'\xf0W\x1c\xb3\xb5\tDY\xa2\x04A\xe6I|@d\xaf\'}I\x08\x80\xe2-\x17j\xb6\'\x86\x8c\xfe\x8b\xafR\xf2\xba\xed\'\x1d\xf3{\xf1R(\x7f\xe6\x92\xcb\xdc\x08\x92\xaf\xfetGj\x8a\x03\x1fc\xd9\xb1\x17\xdehF\xfa\x87\xe0\xb0\x08\xe1\xb4\xa5\x15\xbfR9\x12#\xccd\xba\x8f}l\xb9jMr\xe2\\\xd1\x8a\xb5g\xfe4\xa8\x013W\x1e\x95\xb3\xe6\x04\x7f\x96\xc7\xc7\xf8\xc3\xea[\xaa\xc1T\x1bU\xff\xc4\xa2\xc1\xbb1\x92\x10\xc5&gt;\xfaK\xba\xff\xe1\xbe?] \xd1\x1f\x9a\xa4o\xdaw\xc1\xe5\xbc\\3\x01E\x10\xca|\x14\xa7BH\xde.\x16\xcf\xeb\x80oY\xefy\x17\xbd\xcf\xc4\x11\x98-e@b\x8a\x15n2\xbbT\x9b%D\\\xc3B\xbf\xb2\xf3\xba\xd1\xe5\xe7o0]$\x93\xe4\xc5\xfb9T\x9ch\xc5\xdfQ\xbc=\xa8\xdbo;Q\x0e\xe9g\xb3\x11\xfb\x03X\x18\x86\xaa\x01\x96\xff\x94I\xfe\taM\xcf\'McK\x99GN6\x9c\xff\xdb\xcb\x1c\xb6]\x85\xbfb\x12\xc7\x00:M=)\xdaUqMY\xdb\xa1\xbc\xd5\x88\xee\xfe"I\xe1^\x01&lt;\xbb\x1f{\xeb\xe5\xac\x17\xc3\xdc\x15\'A~\xab\x82\xd5\xd1\x0f\x93\xf9\xbd\xb9\x07\x9e\xf8\xec\xd4\xf6\xa6m\xbc\x0c\xb6h_\xf6\xa8\xfe@]I&gt;K\x00\x90+\xa5\xef\xfc\x803 \xf6\x86q\x9b&gt;\xd3;\xafS\xa70\xa6l{\x033\x88H\xc1\xe5\x1f\xa2v\xb7\xd2W\xf0\xa6\x9dM(\xddn\xa9@\xaat\xe5\x8cZ\xd0\xbcD\xc9\x8c\x8fo?\xf1\xa8\xf7\xafo\xa2\x82\x9c\x80\xd8^\x02@\xc7\xb2,\xa0\x84T)\xe9@\x9c\x16\x0f\x16n~\x92\x9a\xb2\xc0\xe3N.OFSt$\x90\x12\xbb\\-\x01\xf0%\xb5\x13V\xe7\x1e\xf7k\x14\x1f1\x1b0t\xc5\x87\x8e\xe4c0\xff\x1c\x8b#,=\xfa3QB\x03\rc9\x99*\x8d\xf2uy\xa2\x10\xe6\xd2\n\x8es\xe9\xb9P\xf7s\xe8Jg&gt;\xbfhO\xe5\xaek\x9f\x1a\xddO1}\x9c\x0c\xcd\xe5n\xe2\xdfE\xb5\x1a\xca\x898q\x81$y\xb1~\xb2^i:\xcd\xf2[~\xbdO\xb5\xf5\xd8C\x924\xdb\x8c=\x8f\xe2\xe5\xb1l\x1e\x11\x13H[f\xc8\xae\x0f\xf0\x1c\xc8Zu\x8cLo5\xa7\xf5\xf1}L\xd01V.\x1a\xa6nD\xc9L\xdd\x08\x83])c\x11$A\x81nn\x0f\xeb\xe4\x8a\x1d\x89j\xd4\xe8iIA\xc9\xe8$[.\xfd\xcf\xa1\xac\xfcFT\x13\x1c\xce\xe4\x8c\x88c\x9bqG\xe2\x9a\xd7\xddy\xa5\xb3:rR\x89\xc7Q\xad\xbd7\'\x8d\xbb2R\xeac{\xa1@\xa2;i\xf4\xd2=\xc2+g\xe4\x91\xa5K\x86\n\xc3\xed\x16\xc9\x87\xb0)\xb4\xef}\xf9b\xb4\x1a\xf3\x8e\xd5C\xfa.\xb8\xec\x83\x82Dj\x1c\x99-\x88\r\xa3\xa2f\xe8\xca\x0f{\xcd\xf5\xbde\x93q\xdc\x02Y\x14\xd2b-\xe6\xcbv\xa4\xf1Uy\xcc\xe8&gt;\xcbr\x04!"\xcaQ\xc3Q\xc3T\xdf\x08J\x84\x16\xe9-\x18U\xd0\x10\x87\xcd\xbfG\xae\xfd\xc8\xd9\x0c#=\xa9\xf5j\xb4;\xaf\xa4\xed\x89\x01X\x1aOD\x9e9UA\x13\xbc\x80b\xb2\xfe\x15\x0b\x11\x99\xebMj0x\t{\xf1\xach\x87\xac\xb8\xe9\xfa/]\xd3\xe0\xb0\x8eieJ\xc91\x838\xda\xb5L\xce\xf8/Yx_\xfb\xa7\xc8\xd4B(\x99F\x8b?p\x91e\xf5l\xb6=}\x02\xc5\x8b\x92\xa2\xbei\x8e\xad\xc7\x1e.\x1f\xb1R\xbc\x04\x13\xb7\xde\x17O,\x11V{\xb2\x85\xd4\xd9\xdb\xd98E,\x96\xd0\xa9\x8f\x8a\x884\x961Q,\xd7_\xfc\x11\xe5o\xac\x1f\xc6\'\x1c\x1bLo^\xc8\xbe\x0b.\x99%I\x1b@\r\x90\xe8\x87\x14\xe8&amp;\xe5\x9c\xfd\xdf\x11\x11Q\xf6\xf5\xe2\xe6\xecA\xe5\xfdY\xfb\xbc\xb0x\xaeT\xa5\x06\x1a\xec\r\xce\x1da\xc5\x07\xd7y\x1a\x0f\xdd\xebe\x0e\xad\xc6\xbc\xe3\xba\xff\x19\xc5\xfaOj\x02\xe3\xc8\xefs\xd26\xb1x\x80Z\x87+A\xfen\x82-+K\xa6\n\xcf\x1c\xd5H\xea\xc7\xaf8\xd8_\'\x8a\xb1d\xdc~\rU\xba\xad\x93or\xd7\xed*J\x11\x15$*\xeb\xb5\xfd|\x0c#Y1/F\xba\x02\xb4\x9fxT\xb5\xe5+\xdd\xef\x93\x1b\x0e\xd6;2\xb72\xdc\x9d\x8d\xb71\x8c(\x93u\xf7pG\x82\xaa\xda\xbc\x03\x00\xbc4\x87\x06\xd0~\xa2\x97Z+\x9ep\xd1G\xbf\x88\xea\xa3\r\x0f\x85\x1a\xcfVm)\xd0p\x86\xa5\x1c\x98H\xbd\xb6Y\xd2i\xa8\xca\x98\xe5\x17\xd7\xff\xa1\x05\x1e\t\xb7\xa9\xdb\xae\xea\xa6\x8cU\x85\xb4C\xd6\xd6d1n\xaci\x8e\xaa\xdfC\x96\xdf \xa2a\xabnqS\x03\x10\x99\x9cco\xf8\x9c\xfd\xdf\xc9\xfd\x12O&lt;\x8c}\xe2\x06\xa4k\x1a\xe8\x12\xf8\x96t\xe5\x86\xeayq\x18\xd3}\xd69\xc7\x0bc\x1fYP0=R\x96\x1c\xe0\xe5I~\x04Z\x8e~\xdb\xcbL$f\xecy\xe4\x9f\xf0\xc9\x81b\xd6\xbeo,\xa5\xd7\xd1\xb1\xf1S t\xef\x19\xb4\xf4\x83@\x17\xc1a\xba\xcf\xb6\xf9\x8d\xcf;\xf8\xd4\xd9\x92\x04\x9c^\xf3.R\xc6\x16\xfc\x10j\t\xaa\x01x\xe5\xe8\x94Fh\x91\xde\x8a\xdf\xfe\x88\xd8\x18\xa5\xa8\xdam=\xfb\xa7`\xa3Y\x1a\xc3\xd7\xb2\xea\xd4\x9a\xd5\xd0/\x01\x9d\x91\xa51\xf1\xa3\xdf\xeaW\x97\xe9\xa7\xd9?%[/\x9e\xfd\xd6\xb7\x81-\x8c\x7fqJ9&lt;\x16\xaf\xa8\xd0iU\xa0\x8b \x82}Ij\x9f\x90\xa3}\xa0K`\t\xcbfS\x8e\x93\xbd\xfax\xdef\x1dI\xcbX9n\x03\xc6m\xfaLj\x08\xad\xbbN\xa7?\xfe\x00W~R\x08\xd0\x18\x90\xb4h\x1f\x8b\xf9\x07\x1c\xa1\x90\x03:\xa4r\xac\x14\\\x92\xd4\xcaRe\xf4\x86\xf3\x7f\xab\x1d\xcc\xb4(tF}B\xcd^N\xb9\xb49C\xfa\xf2\xce\xba\xdc\xf8Ux\x04@PN\x9bM\x82\xb1\xe1\x82!b~\xe4b\x18\xf7\xad\x15{\xe3Uv\xf0\xbcQ\x0b_\x08\xc6M\xdb\xf5\x95\xde\xae\xa4\xe1}\xea\xf6\xdf\xee\xc8Y\xa2\xdf\xd8\xc9Y\xd8\xb05\xa1HR6\x95?x\xf9\x8d\xfc\r\x84\x16\xba\xd2\x94\x19,\xff\xf9\xde7\xd1\xf0I\xc4\xcd\xdd\xa9\xf3\xb4S\x81.\x850\x89k\x1a\xef\xef\xe4\xf0\xb5$\xf2\xee\xf0\xecg|\xff\xce\xd4\xe9\xb7\xcd\xe9,\xbd2\xff\xb1\xe4b\x00eHo\x7f\xe1M_S\x8d\x99\xc3\xb7l\xbe$y]\x9e\x9b\x86S\xf8(b\xa6\x03\xf7J\xe3\x9d\x1c\xd5\xe6\x90,\xdb*\xc6 ,\xbc\x1f\xc9\x8a\xf5\xe5F\x11\x11g\xd5\xa9\x97I\x8b\xf6\xa9\xd8i\xb5\xbd\xc3c*Q\xed{\xb3\xce\xb0U\xb7|\x1aN*8\xb7\x03V\xe8\x82^\x89^\x8c,\xf5Py\xa9z\x1a\xf8\xe6#\x0f8\xdb\x1c\xfa\x8c8\xfan\'9\x04g\x80V\x9f\xfe=Z\xdb\xa6\xf85f\xb61e\xda--\xda|\x9e\xf7\xf9\xb4\x1c\xfd6\x00\x87\xacP\xa35\xe9\xcb\x0f3M\xd3n\xc2\xbbD\xa1\x00\xbe\x14m\x80\xb5\xd3q):N&gt;Q\xb1\xb3`\x03\xac\xb2\xf9,(vT\xcc\xa5T\xdb%\x81.\x82Mj\xf7\xd9\x1a\xe8"\x18\x93\xddF\xbcKGp\xf7w\xb3\xbe\x02\x06.\xbd\xdev\xfc\x11\xd7\x16\x87\xf4\xce|N\xfa\xa6\xb5\xfb\x9a&lt;\xdc\xa9;\x1f\ngW\xc0&lt;I,^\xe3\xd4\xbc1g\xb4f\x12\xd9:\xa6"\xd2\x00\xc7\xcd\xdd\xa9`\xa3\x99\x162\r\xb1\xb0f\x93\xb7\x9e:\xf4\xe1\xb5\x17\x8a\'W#\x92\xad\x1d\x12\x15\xf5\xde\xbf\xd6wt\x9by\xc6J\xf2\x0c\x81\x8d)[o\xc0\x0e\x9f\xe5\x1dj\x9a\xc2\xff\x01\xf2\xe2\x0b,\xe9\xb1\xca\xab\xf9H\x8e\xfe\x8c4\x11%W\x8b\xb3\xf6mFr\xcc\xd6J\xec\x906:\x84\x02\xf4\x0f\x93\xb7\x7f\xa9\xdd\xc8^\xb9t\xe5\x86\x12Q\xbc&lt;\x9dE\x1ai\xafMy\xa2\xbb\x10\x87\x8e\x89\x9a\x9ez\\\xda|\xf5\xa7\x11%\xf5i\x91\xf4\xa8\xd6c\x83/\xb2\xb5\xe5r\x10\x05^\x0b\x00\xe5:h\xc3O\xe5!\xca\xaf\xda\xd4`\xe0.\xf5\xf4W\xa6\x16\x94\xdcPl=G\xb4\x92\xcd\x02P\xab\xcf\x96@\x97BF\x86\xe6\xa6\x0b=\x9c\xc5\xa0du\xdf\xba\xe3\xdb\xf5`m/9\n\x91\xaa\xa4ki@\xdb*&lt;\x8f\x94\x86B\x002W\x8eLa\x82,\x063\x06`)\x94\xf5\xbe\xdb\xd0\xd1\xf1\x88\xb6\xa4\x96\tT\x11\x11Q\xb6\xb6\xee\xff\xc2\xfc\xa6\x8f*\x18"\x10@\xe9vK{\xf3\x14D\xbd\xe1\xf4\xa3\xc8\xf8\xed\xf9\x18iI\xc6\x1b/\x05\xefE\xa4\xf5\xd0qQ\xf0\x19G\xbf\x88\\*\x8f\xacem;\xfe]\xed\xae\x1a\xbd6\r_}\x9b\x88F\xac\xb9\xe3n\x80\x15\xeaZ\xd1I\xe7D\x8b\x8e\xcf\xb4&gt;\x19\x9a;s\xe2,\xadt,\x00\x92;\x93?\x0f\x00K\x8f\xfel\xd2\x15V`&gt;\xd9\xe3(&amp;\xc6\x07\xec\xfd&lt;\xf3\xad\xde\x0b)\x0b\x16\x9e\xa4\xa6\x8f\xe4\xee#5?s+\x9d\xa0\xf2DD\x94]\xff\xb8\xf0\xfe\x8b\xae\xaa"\xba\xd8&amp;O\xdd)\xda\x068N\xae\x0e\x8ed\x1e\x8b\x01I\n\xf7\xdaw\xdb\xb8\xb2\x0e\xf7OI\x94$ Jg\xfd\xa84D\xb9\xed\xbb\xc7$\xad\x03\x80\xa8\xb8m\x97\x1eg\x01p\xf2k\xce\xa3\xd9v\x15\xe1\xcd\xe7K\xcf\x85UpI\n\xf7R\xa7\xf3\xa1\xa9p\xe0\xf1[W\xa9p\x13\xb5\xcc\x99\xb7\x98\x87\xf0S\xd0s\xee\x05\xfd\x9djMS\x7f\xb2\xe6\xbd?\xb2U\x1bg\x12VGA\xac,(\x0f\x00\xa9K\x0f\xd2\xdf\xcf\x1f\x01\x0fYq\x13\xc0\xc9\xaf\x9c\xf9\x0c\xdc\xa1o\x8aJ[\xcau\\\xf1\xc1\xaf\xd1\xb9\x17\x1f90\xb4KL\xe1so`\x03\xec\xb9\xab%\xc8\xdfM\x1d&lt;\xd1\x8aS?[\xd9\x8a\x04\xe4c\xcd\xea\x03\xcd\xd0\x96\x88\x8a4\x9dCD\xa7\xbeFP\xce\x0e\x90\xb1\xf6\xec+g\x0bQ\xaf\xff\x8eh+\xdfm\x85FC\xf6\xac&gt;\xfd\xbbj#\x7f\xdc"Bh-\xca \xdeh\x19\xe3o\xcf\x08\xf6\xa6e\xad:\xd6\x91\xdcj\xf6\xde,\x92\xcc\xaa\xb0k\x14Co\x9d)o\xbdi\xba}\x96\x8c-d\x8bO\xba\xde\xc3-F\x1d\xb4d\x81</t>
        </is>
      </c>
      <c r="E156" t="inlineStr">
        <is>
          <t>&lt;class 'numpy.ndarray'&gt;</t>
        </is>
      </c>
    </row>
    <row r="157">
      <c r="A157" s="1" t="n">
        <v>155</v>
      </c>
      <c r="B157" t="inlineStr">
        <is>
          <t>steps_per_sec</t>
        </is>
      </c>
      <c r="C157" t="n">
        <v>2300</v>
      </c>
      <c r="D157" t="inlineStr">
        <is>
          <t>5.287138</t>
        </is>
      </c>
      <c r="E157" t="inlineStr">
        <is>
          <t>&lt;class 'numpy.ndarray'&gt;</t>
        </is>
      </c>
    </row>
    <row r="158">
      <c r="A158" s="1" t="n">
        <v>156</v>
      </c>
      <c r="B158" t="inlineStr">
        <is>
          <t>Loss/localization_loss</t>
        </is>
      </c>
      <c r="C158" t="n">
        <v>2300</v>
      </c>
      <c r="D158" t="inlineStr">
        <is>
          <t>0.054826174</t>
        </is>
      </c>
      <c r="E158" t="inlineStr">
        <is>
          <t>&lt;class 'numpy.ndarray'&gt;</t>
        </is>
      </c>
    </row>
    <row r="159">
      <c r="A159" s="1" t="n">
        <v>157</v>
      </c>
      <c r="B159" t="inlineStr">
        <is>
          <t>Loss/classification_loss</t>
        </is>
      </c>
      <c r="C159" t="n">
        <v>2300</v>
      </c>
      <c r="D159" t="inlineStr">
        <is>
          <t>0.44762</t>
        </is>
      </c>
      <c r="E159" t="inlineStr">
        <is>
          <t>&lt;class 'numpy.ndarray'&gt;</t>
        </is>
      </c>
    </row>
    <row r="160">
      <c r="A160" s="1" t="n">
        <v>158</v>
      </c>
      <c r="B160" t="inlineStr">
        <is>
          <t>Loss/regularization_loss</t>
        </is>
      </c>
      <c r="C160" t="n">
        <v>2300</v>
      </c>
      <c r="D160" t="inlineStr">
        <is>
          <t>0.03236365</t>
        </is>
      </c>
      <c r="E160" t="inlineStr">
        <is>
          <t>&lt;class 'numpy.ndarray'&gt;</t>
        </is>
      </c>
    </row>
    <row r="161">
      <c r="A161" s="1" t="n">
        <v>159</v>
      </c>
      <c r="B161" t="inlineStr">
        <is>
          <t>Loss/total_loss</t>
        </is>
      </c>
      <c r="C161" t="n">
        <v>2300</v>
      </c>
      <c r="D161" t="inlineStr">
        <is>
          <t>0.5348098</t>
        </is>
      </c>
      <c r="E161" t="inlineStr">
        <is>
          <t>&lt;class 'numpy.ndarray'&gt;</t>
        </is>
      </c>
    </row>
    <row r="162">
      <c r="A162" s="1" t="n">
        <v>160</v>
      </c>
      <c r="B162" t="inlineStr">
        <is>
          <t>learning_rate</t>
        </is>
      </c>
      <c r="C162" t="n">
        <v>2300</v>
      </c>
      <c r="D162" t="inlineStr">
        <is>
          <t>0.073680006</t>
        </is>
      </c>
      <c r="E162" t="inlineStr">
        <is>
          <t>&lt;class 'numpy.ndarray'&gt;</t>
        </is>
      </c>
    </row>
    <row r="163">
      <c r="A163" s="1" t="n">
        <v>161</v>
      </c>
      <c r="B163" t="inlineStr">
        <is>
          <t>train_input_images</t>
        </is>
      </c>
      <c r="C163" t="n">
        <v>2300</v>
      </c>
      <c r="D163" t="inlineStr">
        <is>
          <t>[b'640' b'640'
 b'\x89PNG\r\n\x1a\n\x00\x00\x00\rIHDR\x00\x00\x02\x80\x00\x00\x02\x80\x08\x02\x00\x00\x00\x83\xaf^t\x00\x00\x1b7IDATx\x9c\xed\xddi\xbc%e} \xe0\x7f\xef+\xbd7\xbd/\xd0\xdd4M\x03\xdd\xecKo4M7\xfbN\xb3\x84E\x945\xb2\xc8\xbe/A\x14E\xa2\x01\x17tT\xb6\x180\x1a\x14P\x88\xc6\xb8e\xd4\x18\x970\x8ab\xc0\x89c&amp;\xd1\xa8\x8c\xfc\x9cd\x88at\xb4\xe6C\xddsn\x9ds\xaa\xce\xa9s\xee\xb9}/}\x9f\xe7C\xdf\xaa\xb7\xde\xed\xf6\x97\xff}\xab\xde%"\x86GS\x93V]\\\x9b0-"\x92$\x99\xba\xcf%\xe9E\x92$\xe9\x83$IV\x9f|O\xf5:\xe6\x9c\x14\x11\x11c\x1a\xebL\x92d\xc5\xd1w\xf6\xdeO&gt;\xa2\xb7\xd4Ngd2Nm\xde\xb7~u\xf2u\x9f\x1c\xc0\xd6\x01\x18\xa2nz\xf0\x07}(=+\r\xcc\xef\xfe\xcc\xaf"\r\xab\x95\x7f\xf3\x8c\xefCC\xfd\xa8\xb8\xc3\x00\xd0]\xc3\x0e\x8a\x88\x88\x99\xe9]\x8b\x084\xef\xe4\xe2g\xcb\x1bRv\xe8\xbcW\x00\xc0\x94\xbd\xde\xd8\xf7J\x9e\xfa\x81\xc1%\x00ls\xf3\xd6];\xd0]\xe8\xc0\x9c\x81\xee\x00\x00\xdb\xaf\xed\xf8\xc3\xe7\xfc\xf5\xd7\rt\x17\x00\xa0\xc1v\x1cz\x01\x00\x00`\xb0\x982\xd0\x1d\x00\x80\xd7\x82\xc1\xf3\xbez\xf0\xf4\x04\x00\xdaS\x1b\xc3\x1a\x97\xf0v`Y7z\xf2\x9a\xb7\xeeu\xef\x1f\xe8.\x00\xc0\xf6`\xe9@w\x00\x00*\xe6\xae\xbdf\xa0\xbb\xd0\xdf\x16\rt\x07\x00\x00\x00\x00\x00\xa85\xf9\x88x\x8d\xcd\xab\xda{\xa0;\x00\x00\x00\x00M,?\xf2\x8e\x81\xeeB\x9dQ\x03\xdd\x01\x00\xb6\x0f\x137\xf7\xb9\x8a\x03\xbb\xd0\x8d.X5\xd0\x1d\x00\x80\xed\xcc\x8e\xc7\x0ft\x0f\x00\xa0mM\xb7\x98\x18\xbb\xb1&gt;e\xca\x91\xfd\xd7\x95:\xcd\xa7q\xd5&lt;\xed\xc2H\xbd\xf3\x9e\x00@;&amp;\x1f^\xbd\x9c\xba\xf7%\x03\xd8\x91:K\xb7\xdc6\xd0]\x00\x80\xc1\xa7[\xc3\xc1\xa3.}t\xa0F\x96C`\x0f/\x00\xb6k\xe3W\x9eW"\xd7\x92\xc6\xa4\xd7\xd4K\xdd\x1d\xf2\x12w\xdc\xd6\xbd\x00`{\xb4"\xba\x1f\x14\xe7\x15=\x18\xb5\xcb9i[g\xdc\xf2t\xc4\xcc\xd7T0\x06\x80ml\xe4\xba\xeae6d\xfe\xf7\x8e\xc2g\x92$\xe7\xdd\xf5\xc5.\xf4\xaaM\xcf\xbd*\xd8\x030\xf4T#w\x92$I\x92D\xec\x91$\xc9\x1d\x8f\xfe\xa8\x9d::=\x19p\xfe\xd6\xb29\xc7\x1e\xd2a\x13\x000\xb8\xf4\xce\xb8\xee\xd3\x01\x7f\xdd{Y=\xa7K\xf5\xf4\xfc%\xf1\xf3\x9e\xbf\'\x00\xa0k\n?\xe5\xb6iB\xed\xed\xd4.U\xdb\x99\x95]\xa9\xe5\x86\x0f}_\xdc\x05`\xfb\xb3O\xb7*\xfa\xc8\xd7\xdb\n\x93\xb9\xd3\x9es$I\x12\x0b\xb6\xd6\xdc\x02@7Lk\xbbDf\xaeV\xdb\xa6\x1f\xd3y\xd9\xd8\xb9\x0fe\xab\xc5\xc7\xb5U&amp;\xa9}\xf3,\x00\x03\xd0-#\xdb-0g\xcd\xd5\xb5\t\xcb;o|\xf1\xe9\x9d\x97\xad\xb3\xd3\x19\x9d\x95\xab\x8b\xa93\xf6\x7fS\xf6\xf6\x9e\'~\x96\x9dV\xd6Y\x13\x00\xb0\xed\r/\x93\xe97\xadc\xdb\xec\xc6\xa4r\x11\xb1K\xa7$\xf5e\xdc\x0f\xc0\x90\xb7SD\xa4_@\xdb\x19\xcfuyO\xa8\xf2M\xb7=\xe8\x9cpXD\xbc\xe5\xcf\xff)\x9b\xd4^\r\x00\xd0wM\x03\xd8\xacf%g\x1e\xd7\x8d\xf6\xfb\xf0v\xbaQ\xe9C\tG.;\'\xff\xc1\xb4\xa3\xbb\xd6\x19\x00hWW\xbfe\x0e\x8f\x98\xd1\xe4\xf1\x89W?\xde\xbd\xb6\xdas\xfcU\x1f\xafM\x9880\xfd\x00`HZ\xd8\xbd\xaav\xc9\\\xef\xdf\xf3s\xa7?\xa8\xc92j}\xb9\xaaV4}:\xac|\x9f\xda\xd1\xde\xfc\xe7\x88\xbdrS\xcf\x7f\xdb\x97\xfa\xde\x15\x00\xb6{s\xfb\\\xc3\x8e\x11\xcb:(6\x80s\x86_\xfc}\x12\xe37\xe5&gt;Z|\xe8\xcd\ri+\x8a\xba\xda\x98~\xf2uO\xf4\xb5s\x00\x0c)\xdd\x0e\x87%\xe3z\xd9\xfd.""bq\xf5j\xd3\x05\x0f\xe4eh6\x9a_\xb4\xf1\xc6\xcc]:\xf3yD\xf5~feq\xd1\xd1\x97?VM\x9c\xb0\xc7\x05u\x95\x9c\xfdG\x9fM/6_\xf4Pza\xe9\x11\x00\xfd\xe4\xa0\xae\xd4\xb2\xe5\xe2G\xeaR\xd2\xd0u\xf5\xfd\xcfV\x12\x0e\xe8JC\xfd\xa0O\x9bW\x03@\xbe\x87\xbf\xf6\xbb\xe8\xa7\x91\xdc\xb0\x83\x1b\x92Z\xbf\xac\x1e\xb7\xf2\xbc\xec\xed\xde\xa7\xfcq\xd3\xec\xfd\xb3\x88hz\xcft\xe8\xba\xff\x96\x82\xff\xa5\xbe\xbf\xc6\x07\x80NMZuq\x1fk\xb8\xfc\xdd\xdf\xac\\\xce/\x93\x7f\xcd9\xf7\xf7\xb1\xc5:\xd5\xf8\xfa\xd5_\xe4\x06\xda\x03\xbb\xdb\x1c\x00\xb4eJ\x7fV\xbe{C\xca\x92\xca\xf6 \xcd\xdc\xf2\xd0\x0bu)\x17\xdf\xf3\x95\xcc]\xee\xa1\x0em\x1f\xc74o\xed\xb5\x99\xbbt\x97\xec\xd1E\x99\x9f\xff\xad\xcf\xc3\x00t\xd3\x94&amp;\xcfv=\xea\xcem\xd5\x8db\x9dl\x12R3\xe6^v\xf8\xed\xd5\xeb6^\xce\x8fX\xdb~\xbb\x00\xd0\xb6\x11\xc7]\xf1\xb1\xd2\x99\'\xe6\x0e\x16\xc7\xee\xf6\x86\xbc\xcc\xbb\x95\xac\xb4\x12\x1ds\xf2/\xddr[\xd9\xae\x15\x9a^\xb9XR\x9cgl\xe5bu\xcd\xc7`\x9bj\x01\xd0\xdc\xb4}.M\xc3X\xb9\xa1^\xdb\x87#e6\xe8XY\xbe\xcc\x87\xbf\xfcj\xcb&lt;\x7f\xfdOI\x99\xb9\xd3\x8d\xbfW\x89\xdft\xef\x96\xd5\xd6Ys\xf6\xfb\xda-\x02\xc0\xd05\x08\x97\xb1\xe6uidD|\xe6\x1f\xeb\xd3W\x9ftOq\x91\x88\x89\x9b#\x96\xc7\x98C\xb2\xeb}\x9b\x18\xb3\xe2\xf5m\xf53\xa7\xc1=.\xcc\xdc5\xdf\xcc\x0b\x80!,I\x92\x18vp\xc4\xb8\x88\xc9\x85\x99\xc6\x1d\xda\xb4\x8e\xfd\x9b&gt;\xad\x1a\x15S\x8el\x99\xe9;\xbfNb\xf1\x19\xed\xfeM\xf0jm\xfe\x9f\xb4W\xbc\x12&amp;+\x9f\x8d\x7f\x98W\xbc\xad.}\xf9\xa7\x83\xeeo\x1a\x00\xb6\x0f\xf3:+v\xe25\xe5\xcf]h\xd2Duc\x90\xfd*\x17]X\n\x9c$\xc9+\x95\xf7\xf0cW\xe4|\x96&gt;\xab\xb2\x07V\xd3.\x01@G\xde\xfb\xd9\xff\xdd\x98\xd80\xfek\xff\x0c\xc1\xd2\x07\x05\x96P\xff&gt;\xf9\x85\xdf\'\x111\xfb\xe0\xab\xb2\x89\xf7&gt;\xfd\xcb\xbcm@\x9aI\x92\xa4\xfa\x9bf\x7f\xe5\xad7&lt;Y\xb2\x86\xfb\x9ey\xb9\xad\x16\x01\x18\xa2r\xde\xac6=\xadh\xcf\x13\xee\xeeJ\xbb\xbb\x1e\xf5\xe6\xba\x94\xd3o~\xba\xa3\x9a\xa6D\xe4\xf6\xb9w\xa6\xd8\xb4}.\xed\xa0\xde5g\x17n\xf1\xf1\xfa\xb7~\xa1\x83\n\x01\xa0\xd7\xa6\x0b\x1f\x8c\x88\x9b\x1f\xfa\x87&amp;y\xaa\xe3\xc2$I\xca|\xc7\xed\x96?~\xf2\xe7\x85\xcf\x16\x9d\x16\xf3NiL\xae\xfe=\xd1j\xf7\xca\xac9\x8dIuC\xde\xdc\xda\xb2s\x9eG\xed\xf2\xba\x88H\xdf\x84\xbf\xf0;\x1f\x80\x01\xe8P\xf6X\xdfH\x92\xe4\x9e\'~\x16\x11\xe3v;\xef\xb3?*\x1b]\xea\xf6sN\xd5~[\xcd\xbeI\x9ey\xc5{\xbe\xd5n/s\xf4e\xe9\xed\xe8\r-2\xcc=)\xfd\x99\x86\xf9Vo\x9b\xfb\xe9\xc4b\x00\x86\x80\x13\xae\xfa\x8b\xa8\x1b\x01\xc7\xf0\xbc\x8cc\xf3\x12\xe7G\xc4E\xef\xf8\xafe\x1aJ\x92$bA\xab\\;\x96\xa9\xaaj\xc4\xb2\xb3\xab\xd7o|\xe7\xd7rr\xec\xb0\xa5\xa8\xec\xf1W}\xbc\x9a\xa9\xadF\x01\xa0\x94\xca2\xa4\x88\x18~\xe4\xa5\x7f\x16\x11\xd9]\x97{\xe3\xee\xec\x13\xb3)\x11\xd1$\x1c\x0e[rf\xabf\xb3\x9b&gt;N\xaf{\xb6\xd3\xa6\x9b\x0bJ\x8dkUm\x9dt\xef\xaa\xc6\x9d\xa5\xfbnq~\xf2\xc4\xcd\xe9\xcf\x97\x07\xdf\xd2j\x00\x06\x97\xc6\xb3\xf6\x8a\x16\xbc\x9e~\xf3\xa7;ja\xa7s\xdf\xf2\xf9\xcau\xc3[\xd9\xe21h\xb7\xadh\xbe\x90\xb7\xe42\xdf\xe1K\xce*\xd7\xdc\xc2r\xd9\x00\xa0!\x08\x9dr\xfd\x13u\x19F.;;&amp;l\x8a\x88Xxj\xe9o\x9c\xbb\x14&gt;8\xe2\x8e\x86\xb4\xc2\xf7\xbd\xe7\xbf\xedK\xe5\x9ak\xe1\xce\x8f\xfe\xb8&gt;i\xc7\xbac\x1bv\xed\xbd\x1c\xbb\xb1z\xf9\xed\x7f/\xfc\xd3\xa4\xd1\xbe\xa7\xfdI\'\x9d\x03`\xa8\x9b~L\x87\x05\xb3\xc1l|\xee\xfeYc\x8a\x0b7y\x14\x11\xab:\xeaP\xbe\x1d\xf6\xbc\xa8z=a\xf7\x0b\xaa\xd7\xb7&gt;\xf2b\x1ae\xcf\xbe\xe3\xafJWVxH\xc3 \xdc\xe3\x13\x80A\xaav\xbeUv\x088\xb7\xb0L\x8e\xb2/`\x8f\xba\xec\xd1\xc6\xc4\x8f\xfc]\x1a\xb7Z\xce\xc9*\xe5]\x9fz\xa9\xe7\xaa2\x87\xb9\x1b\xe67\x7f,\xf4\x02\xd0Zo\x14\x9c\xbf5I\x92tu\xd0\xbcu\xd7\xb6\x1a\x92\xb6\xd6r\x07\x8c3o\xfb\xcb\xca\xe5\x88\xef\xfc:9\xec\xa2\x87\xf2\xf3\xcdI\xa7\x80-n\xab\xf51\xbb69Yab\xcf\xcf\xf6\x96-\x1d\x98\xbd\x19\xbd\xfc\xdc\x88\x88\x18\x9fm3s\xdd\xee\x941\x00\x86\x9c\x9e\x10\xb2\xf6\x9c\xf7\xe7\x0e\xddnz\xf0\x071|M\xf5\xb6\xba+\xc5\xe5\xf7}\xa3n_\x8e$Ib\xd2\x96\xc5\x1bo\xaa)?\xe9\xf0\xf2])\x8c\xc1\xe5-&lt;5\xfd9jy\xba9F\xec\x7f\xfa}\xb7=\xf2b\xcf\xd3\xd9\'\xa6\xfd\xfc\xce\x7f$\x11\xd3\xf2k\x98qln\xf2\x8a\xa3\xef\xcc\xdc\x89\xaf\x00t\xd3\xe4$I\xe6\xaf\xbf\xae6\x12\xb7w\x00p\xd1\x0b\xd8]\x8e\xf8\xa3VE+g*\xcc;\xb9tk\xcbJwiF\xce\x83\x85\xa7U/\x0f8\xe3\xdd\x11\xb3z\x1f\xa5\x1f\xc2\xc7\x1cRM\x98\xb3\xe6\xea%\x9bo\x9b\xb2\xf7\x1b\xabu^v\xef7\x1a\xab\xdca\xd5E\x8d\x89\x00\xd0W[ox*\xbdx\xec[\xcd\xbft\xd6/\xf0\x8d\xde\xd7\xb6U\xf5_\x8b\xbf\xf0\xcfI\xc4\xa8\x0ez5u\xefK"VE\xec\x13\x0bNm\xb3\xe4Q\x1d4\x07\x00\xddS|\x0c\xc3\xc8e\xe7\xd4\xa5\xdc\xf8\xc0\xf3m\xd6\xbe\xba\xed\xfeDD\xedxz\xfd\xb9\x1f\xa8\x99#\xd6\x13\xaa\x8bO2n\xc71\x97\x7f\xb4\xa8\xdd\x8a\x9ew\xf5\xe3v\xcb\xd9e3\x97\xd9X\x004\xb1G\x07e\xb2\xef\x93\x1b\xc2L\xa9\xc3qO\xbb\xe9S\xb5\t\xfbGD\xc4\xc8\x1d\x0f\xb8\xa2\xb8\xd0\xaeMC\xda\x8a\x888\xeb\xf6\xcfD\xec\xd9\xaa\xf1\x15Q\xe9\xf6\xd7_.\x19#{g&gt;\x7f\xf1_\x1a\x8a\x8c\xdeP\xad0\x9d\xd8u\xd5\xfd\xcfFD\xcfaM\x00\xd0\xa1\x82yI\xa9\x85\x1bn(x2\xa1 =\xc7\xea\x93\xee\x89\x88\xff\xf6JMl\xbb\xec\xbe\xde\x8f\xacK\xb7\xdc\x1e\xbd\xc1\xbefK\xea\xca\xea\xa9\x91\xd1j\xd0Y\xfctj^\xe2\xec\xfcM\xa4+\xf6=\xb5w\xc3\x8dY\x07^\xd9$\'\x0041\xb1&gt;a\xfc\xa6\xca\xd5\xf0\x18\xb5\xaer\xbd\xb4\xa1`\xc1t\xe2\xfa\x80\xb7"\x938\xb51\x16\x9ep\xf5\xe3\xa5\xbb\xdaS\xf3\x82\r\xd7\x97/\xd2\xd2\x95\xef\xfd\xfb\x88\xd8\xf3\x84\xb7\xd7\xa5\xef\x7f\xfa\xbdw\x7f\xf2_7\xbc\xe1\x83\xe5\xaa)\xfc\xdf\x00\x806\xe5\xcfT\xea\t\xa81\xb9q\xa1\xd1\xf8\x86\x942\xc6\xa6\xcb\x90\xf2\xc6\xa9{ED\xc4\xde\x95\xa3#\xfa\xcf\xf2\xbc\xc49\x11+kS\xa6\xf4s7\x00\xd8\xce-\xaa^\xa5a\xef\x81\xbf\xf9\xbfu)\xf9z\x07\xc7\xa9\xd5\x9b.|\xb0 k\x8b}\xa3\x1a\x95\x99\xbb\xb4\xea\xc4\xbb{o\x16\x9f\x91\xfe|\xe6\x87I\xc4\xccj\xf2\x9c5W\xb7\xdbt\xea\xf2w\x7fs\xd2\xaa\x8b\xab\xb7\xdf{\xb5\xccw\xe2\x9c\x8d\xac\xa7\xed\xdbb+\x12\x00\x86\xaa\x99\xcd&gt;\xeeF\x8c\xcd\xdb-r\x9f\xcaE\xcdA\x0b;\x1fvK\xd4~\nM\xe3\xe8\x8d\x0f&lt;\x7f\xe1\xdd\x7f\x93[{5\xd0&gt;\xf7\x9f\xa5fB\x1dp\xc6}\xd9\xdb\x11K\xcf\x8a\x88\x18\xb9.?w\xc5\xe2Coj\x9e\xa1I\xbc\xaf&gt;2\x9f\x19\x80~\xd1\xb8\xd0\xa8V\xef\xda\xdc\x85\x87\x14M\xb9\xcawb;_v\xdb0nc\xeb&lt;\x19\x8b6\xdeX\x99h]\xab\xb2\xf8\xea\xfb\xbfi+\xc4vg\xabj\x00\xe81w\xed\xb5\xb9\xe97=\xf8\x832\xc5_\xca\x1b)\x0e_rfc\xe2G\x0b\xf7\xf1\x98\x11\xa3\xd6\x97Y\xdd\xfb\xee\xcf\xfc\xaaL\x97\x8al\xbe\xf8\xe1\x9e\xab\xfc\xbd;\x0e\xccK\xcc\x1a\xd1\xfc\xb1A3\x00-\xdc\xf0\xe1\xefW\xf6t\xacN\x9e\xaaYJ\xdbrm\xcf\xfb\xfe\xea\xdf\xb2)\x07\x9f\xf5\xde\xbc\x8c\xbb=\xfe\x9d\xfcz\xe6\xac\xb9\xa6\xa8\xf2\xfdO\xbf\xaf\xe8Q\x9d\xef\xe6\xbc\xc7\x9e\xd7$\xff\xd1\x97?\x16\xd9\xb3{\xe7o\x8d\x88]\x8fzsz\xd7V\xf8\xbc\xe5\xa1\x17""b\xcf\xec\xd6\x95\x00\xd0D\xdd\x9e\x15s\xb27_}\xa9\xf0\x0b\xe8\xdc\x9e\x9099j\xf7\xa5Zv\xf8\xedu9\x7f\\"\x92%I\xf1\xd1\x08\xa9\xda\xc0v\xdf3/G\xce\xb2\xa5\x9d\xd3\x1f\xc3vN\x07\xdc\xf5\xd1w\xd4.\xcd_\xb37\xfe\x9a;ED\xf6(\xc64\xc3~\xd5\x98\xdd\xa2x\xee\xdab\x00\x88\x88\x88\t{\\\x10\x99\xe0\xf1\xf0W\xff\xdf\xa2\x8d76Lrn0\xfe\xd0\xe2g-\xde\xcdf\xe4\x04\xdd\x1dV]t\xc7\xa3?\xca$T\xdeEO\xdc\x9c\xfe,16-&lt;\xaa\xa8\xba\x93e\x92$k\xcf\xb9\xbf\x92&lt;\xac(g\xb1\x9c\xe0j\xc6\x16\x00\xe5\xd5\x8c\x80W\x9d\xf4\x8e&gt;\x05\x8f\xd1\x1bJd\xda\xb9\xe8\xc1\xd2\xcd\xb75)\xd6\xdb\xb1\xb9\'\xd5\xa7\x14\x9aT\xa2?M\xdb\x8a\xa8\xdduk\xd7\x9a|;l\xae\xe6\x1c\xbf\xfb\xf9\xd9\'\x1f\xf8\xfc+\x9d5\r\xc0P\xf1\x9bL\xb0\xb9\xf4\xde\xbf\xebs}\xe9!H%N\t\x1c\x9bNc\x9e\x1a3\x8f+\xc8\xb1\xa2\xee\xfe=\xd5YW\x95\x85\xbfS\xf7\xb9\xa4\xa1T\xf5\xf0\xc4\x951\xe1\xb0\xd6\xdd\xc8\x9a|D\xfas\xc9\xe6[#\x964\xc9\x98$\xc9\xa1\x17&lt;\x90\xf7dqOH\x9eqLD\x1cy\xe9\x9f\xb5\xd7\x01\x00\x86\xb4\xd9\'\x16?\xcb\xbe\xad-&lt;\'\xb8nl\x9a\xdeN\xdf\xf7\xb2\x86\x8c\xe99\x10c2)\xfbf\xae\xd3UC\xcb\x1b+\xcc\xb1\xa8\xf7d\xdf\x1fU3g\x8e\xfb\xcd\x18\x13\xb1\xff\xcac\xef\xeaM\x98\xbf\xb56\xc3\x88\x88\xd8\xe7\xd4w\xd5\x97\x9bwJm7r^\\\x03@I\xf5\'\xf2\xb6\xb2\xa8u\x96\x06\xb9\xe1\xf3\xba\x0f&gt;W\xb9\x9c\x98\x9b\xed\x1f+\xb7\xef|\xea\x17]ht\xca\x91-\xbb\x141;"\xf26\xbb\x8e\x88%\x9f~!i\xff\xfd\xfc\xd86\xf3\x030DL:&lt;F\xac\xcdL~^]\xaeXv\x9a\xd5\xecv\n\xa6\xc6\xd4\xdd\xbf\xf0\xfb\x12\x81m\xa7\x9e\xd7\xce1r\xdd\x82\xf5M\xce`\xa8V\xdel?\xeaL(\x1d\x9e\xf7|U\x1a\xb0\xd3l\x97\xbc\xebo#\xa2\xd5\xac\xe6Y\x11\x111#L\xc2\x02\xa0\xa5j\xa8\xb8\xf5\x91\x17#v\xc9F\x8es\xef\xfc|_j\xbe\xa0`\xfb\xc9\xd4\x92\xa6\xf3\xadR\xb7\xfd\xe9\x0f\xcb5\xb5S\xf1\xa3\xdd#"\xbb\xabs\xaa\xbb\x01\xf2\xc4k\xfag\xab/\x00\xb6{e\x02\xd2\xfcu\xd7u\xa9\xda\xea\x08uTD\xc4\x84M\xe9\x92\xa7\xad7&lt;\x95\xcd\xb4\xe2\xe8\xb7\x14U{\xf8\x1b\xff4s\xb7w;M\xf7z\xc3[\xbf\xf0\xa1/\xbf\xda$\x7f\xc39\n\xb3\x8b\xaa\xaa+;v\xc5\x1b\x9a7\r\x005\xc1\xe3\x9c;&gt;\xd7\x95:\xf7\xd9Z3})\x9d\xcd\xb4\xc3\x9e\x17\x95(:;"b\xe1\xa9\x11\xf1\xe87\x9bG\xd0\x19\x95\x8b\xd5M2e\x7f\xbb\xdfUV\x00\x97\xe8F\x8f\xa3/{\xac1\xf1c\xcf\xe6\xd4PS\xed\xc2\xea\xc6\x96\x1d.\x82\x02`\x88\x18\x9d\xfe\xa8\x0bNs\x0e\xee\xf0,\xbf\x8c}Z&lt;\x9fsR\xab\x1av,z\x90n\xa6\xd1\x90&lt;c\xcf\xca1\x85cv}}c\x91\xca\xbf\xbb7mtb\xab^\xf5\xe6\x9c\xb7.\x7f\xebl\x00h-I\x92\xd3n\xfatAH\xeb\x07\x05\xcbs\x93r\x83\xd4J?W\xd6&amp;\x8f\xcafH/f\x1f|U%-\xf7\xf0\xa2\xde\xc4\xf2\xbfx\x92$=\xa1=3\xadz\xfd\xeb\xffKm\xae\x9e\x10\xfeX\xe1\x81\x13\x00\x0cm\xe9Q\x07I\x92dw&lt;n\xc3\xb0\x83\x9b&lt;\x1c\xbe\xe4\xac\x9a\xa0^\xd9K\xb2QO\x9e\x11k\x9b\xb7v\xca\xf5OD%\x00\xdf\xf5\xf1\x7fI\x13\x17m\xbc1"\x16n(8$q\xf6\t\xcd\xeb\xacv\xe0\xfd\x7f\xfd\x7f"\xa2v\xaf\xab\xdc\t\xd2=~k\xaa3\x00}\xb0C\xcc;9bI\xef\xc6O\xd5\xd5&gt;\xe5khmt\xe6zV\xe3\xe3\xb6F\xde\xd9\xa0\x9e$\xc9\x93\xcf7\x96\x9dR\xad\xf3\x8a\xf7|+]\x8c;j\xf9\xeb\x1a\xb2\xcd\x8c\x88\x98zT\xf3\xd6\x17l\xb8\xbe`\x06\xd6\xbc\x98vT\x8b\xbe\xb6\xfd\x9f\t\xc0\x10\xd5\xf3"\xb76&amp;\xf5\x1e\x91\x94\xa6\xef~\xdc]5\x85\x9a\x8e\x83k\x1d\x94\x9bZ2\x00/\xddr[\xf4\x06\xe0\xc9\x11\x11\x0bO\x8d\x11k""b\x97j\xb6+\xde\xfb\xed\xdc\xe2o\xfd\xd8\xffl\xa7\xf5\xfc=\xabK\xff\xad`\x06\x16\x00M,j\xdc\xacqR\xde\x982\xab~\x08\xdb__\x8ew&lt;\xbe\xe8Iq\x8b\xe9\xd9\x12\xf3k\x13\xabo\x95\xc7EL\xfa\xd6\xbf\xf5\x94\x9d\xbc\xd7\x1fV\xd2W$I\xf2\xd8\xb7\xea?\x81\x7f\xfd\x97\x95\xdb\x05\xa7f\x1f5\xb6\x9e\xdb\x9f$I\xd6\x9c}\x7fc:\x00\x947\xba\xf9\xe3\xb21\xb8\x0b\xafd\xf7\xea\xb8d\xcfR\xe6I\x87\xf7\xe9/\x86\x91\xeb\xea\xea\xbc\xf9\xa1\x7f\xa8\xde\x1et\xe6{"b\xf3E\x0fw^?\x00CI\xee$\xe1|;\x1fvK]\xca\xa4\xd5\xe9VS\xe9\xe1\x04\x85\x0b\x87\xb2F,=\xbb\xe0I\xedy\x7f\xe9g\xda\x1a\x07D\xac\xde\xef\xb4{\xcb\xb4\xd2\xe8\xd9WjB\xef\xdd\x9f\xfc\xd7\xd6ef\xd5\x0c\xc4\x9f\xffm\xb3\xe0m\x13J\x00JI\x92$bX\xcc;\xb9\xd5\x12\xa0&amp;\xc7\x0bN\x891\xb9\xc7\x00\x1f\xd0\xf7\xee5\xba\xe1C\xdfk\x99\'\xfd-\xce\xbb\xeb\x8bM\x9e6\x98\x1d\xa3\xd6\xd7-\x89\xbe\xee\x83\xcf\x95\t\xa8I\x92\x14\xcf\x97n\xbe}4\x00C\xd5\xe7~\x9cDL\xeb\xa8\xe8\x82\x88\xf8\xe6\xaf\x9a\xc4\xa7\xe6\x9b]\xe4\xf8y\xabhW=\x16\xe9\xf1\xef\xd6\xe7\xdc\xe3\xf8\xb75/\x9b$I\xd1\xbe\x95\x85F\xaf\xcf\xde}\xfa\x85\xc6\xee\xed\x91\xd6\xbc\xe5\xe2G\xda\xab\x19\x80!.3\xc2\xdb\xef\xc2\xa6\xc7\'4w\xec\x15\x7f\x1e\xfd\xfb\x02vz\xe6\xfa\xc0\xc2\\sO\xceM~\xf2\xf9\xa6{\x8cL\xec\xdd\x18\xe4o\x7f\x99\xc9\xb6\xe3q5\xd9&amp;lj\xdeE\x00(\xab\x12\x96&amp;W\x12\xf6,\xc8\x10\x113k_\xa8\xe6,\xb3\xe9c\x00\xeey\x1f\xdezK\x90\xea\xfb\xde\xe2H\x9c\xb1\xf1\xfc\x0f\xf7\\\x8dX\x139\x9d\xac~\xb4\x1e\x15E\x16\x9d\x16\xb5\xc3\xee\xbc\x13\x17:{\x91\x00\xc0\x90\xf4\xaeO\xbd\x94\xbdm?\x82\xae\xa8\\\xcc\x8d\xa8\x9f!\xdc\xb1\xa5[no\\\xec\xb4\xe2\xe8;#"baMj\xdd\xeeZ\xad7\x97\xee\x93\xcc\xae^\xf9\xbbi\x02@)9\x11w\xc1\xd6\x88\xe8\xf9\x82;|M\xbb\x15.;\xfc\xf6\xcc]\xf9S\r\xaa\x96\xb7\xca\xd0\xfbi\xf9\x987}\xb4U\xe6L\xb4.\xde\x083\xd7\xcc\x03\xdeT\x9b0/}\x01p\xd4e\x8fF\xc4\xb7\xff=\xf7/\x15\x9bo\x00PN6\x00\x7f\xf0K\xff\xf9\x8b\xee}\xc4\x9du\xd0\x95\x95\xfa\xf7\xe8\xa8\x82\x91-sT\x96?\x15[pj\xe6\xa6\x1a\x8cW\xd4fZ\\\xa23\xcb\xae\xfb\xe0s\x8d\xa9\x99\xa9\xe3;\xc5\xec\x13#"f\x1c[\xa26\x00\x88\x191\xe7\xa4\xbc\xfd\xb0z\x14\xbf\x94\xce\x1e5\xb8\xb8DC\x8b\xda\xe9U\xb7M:\xbc\xe7b\xf2\x11}\xae\xab\xfa\x8b\xf4\xee\xb7\xf5?,\xff\x05\xa03I\x92L\xdb\xf7\xd2\x9e\x9b\xb1\x1b3O\xd2\xb3\x16V5\x94\x98\xd6\xe1\x01J\x85\xb2Kig\xf6,#\x1e\xd1\xf6;\xf0N\xa4\x83\xd7\x1c#\xb2_\xb5/\xa8\xcc\x12\xb7\xdb\x06\x00]0n\xe5y\xe9E\xf3\xed\x8e\xf3L\xa9\xb9\x1b]\xbf\x1dG\xe6\rm\xb3s\xfd\xbaa\xb7\xcaE\xef\xd4\xad\xe6\xbf\xc2\xa6\x0b\x1e\xecF\xbb\x13"\xe2\xa4k?\x11\x11\x87\x9e\xff@\xed\xa3\xbdb\xdc\xa1\x05\xc7(\x01@\x8f\t\xe9\x8f\xcb\xee\xfdFD\xc4\xb4\xa3+\xe9-\xa6Dm\xbe\xe8\xa1n\xf6b|\xcdB\xdb\xc16\xd0L\x92d\xf2\xea?\xacM\x9b\x1d\x111\xe6\x90\xcam\xcb\x19d\x00\x10\x11\x95 7\xeb\xc0+o|\xe0\xf9\x867\xb1sr\x8bD\xc4\xc4=/\xec\xe7~ED\xbc\xee\xcd\x9f+\x9buj\xabsy[)\x11\xec\xe7e\x0f!\xae\xa6f\x8eT\xaa\xf1\xf6O\xfc\xb4\x8f]\x02`{\x96\x89%\x13\x8a\x82\xd0-\x0f\xbf\xd0?\x8dO(H\xafNW\x1eW\xb2\xa2~\x1a+\xcf\xd8\xff\xf2\xf4\xe2\xde\xa7\x7f\x99\xdb\xdc\xe97?\xdd\x1f\xed\x02\xb0\xfd\xab\x0b]\r\x91,\x7fs\xa8L\xb6\xb6\x97\x18%I\x92$\xc9\xa6\x0b\x1f\xec\xe77\xcc\xe3+\x17\x93\x9b\xe5\xca1\xbdu\x96\x02#\x96\x9e\xd5qY\x00\x86\x9c\xcf\xffs\xce\x9b\xd5^]\xda\xdc\xaaj\xdb~\xd9-\xde]2c\xe1\x86\x1b\x1a\xd2\x96G\xa4\xa7\x17O\xca\xdd\xf0\xb2\xe1\xb7X\xd1\x98\x07\x00\n%I\x92]\xcfZ\xac\xd4\xae\xcb}Pn\xcf\xacn\xff5\xd0`F7*\x11\x8c\x01h%I\x92\x9d\x0f\xbbe[6\xd7\xcf-\xb4\xb1\xdd\xc7\x95\xef\xfb\xfb\xa6\xcfw\x9du\xe0\x95}\xec\xcd`\x9b\xc8\r\xc0`\xb1\xf1\xfc\x0fW6\x7f\xce\xf1\xf6\xc7\x7f\xd2\x1f\x8d^u\xff\xb3\xfdQ\xed\xb67n\xb7\xc63\x91j\xac=\xe7\xfem\xd3\x13\x00^c\xd2)Q\x03\xdd\x8b\x06#\xd6v\xf9`\x83\xce\x0f/\x1a\xd1\x90bo\r\x00\xfa\xec\xd7=\xd1wi\x17\xeb\x1c\x8c\x11\x1d\x00\xb6{\x9d\x06\xe0\xbd\xba\xdc\x8f6\x8c.H\xdf="\x1e\xfe\xda\xef\xcaW\xd4jY\x17\x00t\xdb\xe3\xdfMF,;\xbbr7\xf6\xe5A\x16{\nN\xf0\xed\xa6\x89{l\x8b\r\xc2\x00\xd8&gt;\xcc/\x1a\xa5uw\xbf\xc9A0\x16\xec\xe7\x11v\xef\x06\xda\x00P\xc6\xbcS\xda\xc9]v{H\x00\xa0P\xeb\x81\xe9\xfc\xb6\xc2s\x19;w\xbbB\x00x\r\xea\xeaJ\xa4\x05e2\x8d\\vN\x97\x9a\x8b\xaf\xfc|\xc0\xdfl\x03@\xfb\x1aC\xef\x1f\xdc\xfaL\xef\xcd\xa8\xf5}\xacm\x9b\x19\x04\xdf\x98\xb3\nOr\x04\x80\x1e/V\x96\x02\xe7\xc5\xb0\xb6\x0f;z-\x98\xb2\xcdZ\x1ad\x7f\x16\x000h\x1cv\xd1CE\xf3\xaa&amp;\xeeqA{u\r;\xb8\x0b\x1djaV\xd1\x83q+\xcf\xebnK\xd9\xd89w\xed5\xedW0\xb3\xdd\xf7\x07\x00\x0c)\x0bc\xfc\xa6\xf4\xaa\x1ar\x92$\x899\'F\xc4\xf0%gFD\x0c_SP\xb6\xf3\xa3s#b\xfa~\x97\xf5\xa5x\xa3\xdd\x8eyk}R\xd1\xdf\x04\xf3N\xee\xb9\x98{r\xdd\x93\x07\xbf\xf2\x9b\xba\x94g_I"\xe2\x7f%I\xc4n%{\xb2\xf2\xd8\x86\x9e\x00@V\x1at\x93$\x89\xe9G\xbf\xf3\xa9_d\x13\x07\x87A\xf21\xb5\xfc1\x85Sko\xc7v\xb9#\x00l7\xd6\x9d\xfb\x81\x88\xb8\xbarBQ:)\xfa\xd4\x1b\x9f\x8a\x88-\x17?\xd2\x10\x8c\xa7\x94\xaexX\xe1\x93\xe9\xc7\xb4\xdd\xcbm\xa5\xf6\xf7\xad\x1f\xe2?\xfa\xcd\xd6\x7f\x9a\x8c]\xd1\xe2\x88$\x00\xc8\xc6\x9bI\xd5\x94\xec\xbb\xe8\x12\xa3\xe1\x92[s\x0co\xbfw\xdd3\xe6\x90\xf6\xf2/\xd8\x1a5\xff9\xd9o\xcf\xfbGd\xe7\x87\x8f\x8a\x88\x05\x1bnHo\x06\xd3\xcb\x03\x00\x06\xb7\x97\x1ab\xc6\x82\xf5\xd7\xa7\x17e\xc2\xc9 \x0f9\xb7&gt;\xf2b\xe6n\xc7\xe6\x99\x1b\x7f\x97#.\xf9H\xf6\xf6\x89\xefW3\x8c)\xace\xd1\xe9\xa5{\x07\xc0P6\xee\xd0\xec\xdd\'\xbf\xb7\xad\x03j\x1a\xf6\x96\x1fyG\xce\xb3\xc9G\xf4_\x8b\x113{\x93F\xac\xcd&lt;\x9f\xb9\xfe\xdc\x0f\xd4\xe6\x8c\xad7&lt;\x19\xb1:M\xf9I\xf5\xc3yD\xc4\xc8\x88\xb9\x8d\xf5\x0f\xf2\xbfK\x00\x18\x0cz\xe3P5l&lt;\xf3\xc3\x9c\xf8\xd1\xed\xa0R\x1f\xb7\xba\xa4\xe7uqoo\'m\xe9\x99\x1b5zC\x92\x89\x9dI\x92\xdc\xfd\x89\x9fV3\xefw\xda\x9fdkI2ny\xf8\x85J\xf2\xbe\xd9\xe2\xe9o\xb1\xdb1o\xf9\x8fJ\xca;\x9e\xf8Yf\x94\x1c\x11\xe3\xbb\xff\xfb\x0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b0\r\xfd\x7f\x92\xcfHYv\x1bX?\x00\x00\x00\x00IEND\xaeB`\x82']</t>
        </is>
      </c>
      <c r="E163" t="inlineStr">
        <is>
          <t>&lt;class 'numpy.ndarray'&gt;</t>
        </is>
      </c>
    </row>
    <row r="164">
      <c r="A164" s="1" t="n">
        <v>162</v>
      </c>
      <c r="B164" t="inlineStr">
        <is>
          <t>steps_per_sec</t>
        </is>
      </c>
      <c r="C164" t="n">
        <v>2400</v>
      </c>
      <c r="D164" t="inlineStr">
        <is>
          <t>5.3978596</t>
        </is>
      </c>
      <c r="E164" t="inlineStr">
        <is>
          <t>&lt;class 'numpy.ndarray'&gt;</t>
        </is>
      </c>
    </row>
    <row r="165">
      <c r="A165" s="1" t="n">
        <v>163</v>
      </c>
      <c r="B165" t="inlineStr">
        <is>
          <t>Loss/localization_loss</t>
        </is>
      </c>
      <c r="C165" t="n">
        <v>2400</v>
      </c>
      <c r="D165" t="inlineStr">
        <is>
          <t>0.047492284</t>
        </is>
      </c>
      <c r="E165" t="inlineStr">
        <is>
          <t>&lt;class 'numpy.ndarray'&gt;</t>
        </is>
      </c>
    </row>
    <row r="166">
      <c r="A166" s="1" t="n">
        <v>164</v>
      </c>
      <c r="B166" t="inlineStr">
        <is>
          <t>Loss/classification_loss</t>
        </is>
      </c>
      <c r="C166" t="n">
        <v>2400</v>
      </c>
      <c r="D166" t="inlineStr">
        <is>
          <t>0.385471</t>
        </is>
      </c>
      <c r="E166" t="inlineStr">
        <is>
          <t>&lt;class 'numpy.ndarray'&gt;</t>
        </is>
      </c>
    </row>
    <row r="167">
      <c r="A167" s="1" t="n">
        <v>165</v>
      </c>
      <c r="B167" t="inlineStr">
        <is>
          <t>Loss/regularization_loss</t>
        </is>
      </c>
      <c r="C167" t="n">
        <v>2400</v>
      </c>
      <c r="D167" t="inlineStr">
        <is>
          <t>0.032555606</t>
        </is>
      </c>
      <c r="E167" t="inlineStr">
        <is>
          <t>&lt;class 'numpy.ndarray'&gt;</t>
        </is>
      </c>
    </row>
    <row r="168">
      <c r="A168" s="1" t="n">
        <v>166</v>
      </c>
      <c r="B168" t="inlineStr">
        <is>
          <t>Loss/total_loss</t>
        </is>
      </c>
      <c r="C168" t="n">
        <v>2400</v>
      </c>
      <c r="D168" t="inlineStr">
        <is>
          <t>0.4655189</t>
        </is>
      </c>
      <c r="E168" t="inlineStr">
        <is>
          <t>&lt;class 'numpy.ndarray'&gt;</t>
        </is>
      </c>
    </row>
    <row r="169">
      <c r="A169" s="1" t="n">
        <v>167</v>
      </c>
      <c r="B169" t="inlineStr">
        <is>
          <t>learning_rate</t>
        </is>
      </c>
      <c r="C169" t="n">
        <v>2400</v>
      </c>
      <c r="D169" t="inlineStr">
        <is>
          <t>0.076840006</t>
        </is>
      </c>
      <c r="E169" t="inlineStr">
        <is>
          <t>&lt;class 'numpy.ndarray'&gt;</t>
        </is>
      </c>
    </row>
    <row r="170">
      <c r="A170" s="1" t="n">
        <v>168</v>
      </c>
      <c r="B170" t="inlineStr">
        <is>
          <t>train_input_images</t>
        </is>
      </c>
      <c r="C170" t="n">
        <v>2400</v>
      </c>
      <c r="D170" t="inlineStr">
        <is>
          <t>[b'640' b'640'
 b'\x89PNG\r\n\x1a\n\x00\x00\x00\rIHDR\x00\x00\x02\x80\x00\x00\x02\x80\x08\x02\x00\x00\x00\x83\xaf^t\x00\x00\x1b7IDATx\x9c\xed\xddy\xbceE} \xf0_\xef+\xbd7\xbdw\x03\xddM\xd3\xcd\xd2\xec[o4M\xb35{\xd3,\xca\xa6\xac#\x8bl";"\xb8\xe0\x16@%Jd\x8b\x01b\x06\x05T\xc6\xc4\xb8%j\x8c`\x18E1\xe0\xc4q\xe2hF\x19\xf98q\x0c1:z\xe6\x8f\xbb\xbcs\xef=\xe7\xdes\x97\xc7{\xbc\xf7\xfd\xfe\xd1\xafNU\x9d\xaaz\xfd\xcf\xef\xd59u\xaa"bd45e\xf5E\xb5\x193""I\x92\xe9\xfb\\\\J$IR*H\x92d\xcf\xad\xef\xad\xa6c\xdeI\x11\x111\xae\xb1\xcd$IVn\xb9\xad\xefz\xea\x91}w\xedxz\xaa\xe2\xf4\xe6c\xebW[\xaf\xf9\xd4\x00\xf6\x0e\xc00u\xfd\xfd\xdf\xef\xe2\xee9\xa5\xc0|\xf7\xe7~\x19\xa5\xb0Z\xf97\xcb\xc4.:\xeaG\xf9\x03\x06\x80\xde\x1aqPDD\xcc.]\xb5\x88@\x0b\xb6\xe6\x97\xadh\xc8\xd9\xae\xf3Q\x01\x00\xd3\xf6zS\xf7\x8d&lt;\xf9}\x93K\x00x\xd5-X\xf7\x96\x81\x1eB\x07\xe6\r\xf4\x00\x00\x18\xba\x86\xf0\x8b\xcf\x85\xeb\xaf\x19\xe8!\x00@\x83!\x1cz\x01\x00\x00`\xb0\x986\xd0\x03\x00\x80\x81S\xfc)\xf4\xe0y^=xF\x02\x00\xedi\xdc(\xa3\xeb\xa8\xb6\xbc\x9b\x91\x0c\x19\xeb\xce\xfe\xe3\x81\x1e\x02\x00\x83^\x92$\x0f?]\x8e\xc4C,\x10\xf6\xce\xb2\x81\x1e\x00\x00C\xd0\xd8Tz\x8f\xe2\xb7\xcd_{u\xcf\x872\xc8,\x19\xe8\x01\x00\xc0\x80zML\xcd\xff\xe3\xb50H\x00(*I\x92\xd2.\xd3\x8f}gPG\xb8\xd7\xc4_\t\x00\x0ca\xd3z\xdb\\\xfa\xdc\xc3\xde\xb6\\\xb1w\xff4\x0b\x00\xafq&amp;\x97\x000X\xac8\xea\xd6\x81\x1eB\x9d1\x03=\x00\x00\x86\x86\xc9\x9b\xbbn\xe2\xc0\x1e\x0c\xa3\x07V\x0f\xf4\x00\x00`\x88\xd9\xfe\xf8\x81\x1e\x01\x00\xb4\xad\xe9\x16\x13\xe37\xd6\xe7L;\xaa\xff\x86R\xa7\xf9{\xdf\x9a\xd2\x1e\xcc\xd4;\x1f\t\x00\xb4c\xea\x11\xd5\xe4\xf4\xbd/\x1e\xc0\x81\xd4Yv\xf8\xcd\x03=\x04\x00\x18|\x86\xc0tp\x18\xec\xe1\x05\xc0\x906q\xd7s\x0b\xd4Z\xda\xef\xe3\xe8_\xdbeen\xffj\x8f\x02\x80\xa1he\xf4~j\xbb\xa0\xa7\xad\x01\xc0\xf04z]5\x99\x0e\xd5\xff\xad\xa3\xb0=\xe7\xc0+z0\xa4\xf6=\xf7\x9b\xd7\xfc\xf3s\x00\x86\xbej\xa0\xfd\xeb\x7f\xeeM\xdc\xaa6\xb8\xdf\xa9wV3o}\xf8\x87\xed\xb4\xd1\xe9\xc9\x80\x0b\xb7\x15\xad9\xfe\x90\x0e\xbb\x00\x80\x9e\xa8\xc4\xcb\x85\xdd&gt;\x9d\xee[q\xdd\xd5\x01\x7f\xbd{H&gt;\xafG\xed\x00@?\xe8\xe4\x14\x84\x19G\xe7\x14L\xaa\xbd\x9c\xde\xe1\x98\nK*\xb2\nw\xed\xef\xde\x01\xa0+\xf91,\xbbrDDL\xe9Q\xe7\xfbt|g\x92$_\xfcqy0I\x92|\xfc\x1bmM\x9d3\x97=\x17\xb1s\xa77\x02@\x8d\x19m\xdf\x91Z\xab\xd5\xb6\x99\xc7t~o\xec\x94\xbe\xa8\xfe\xdd\xf0J\xd1? J\xb7O\xe8b\x00\x00\xd03\xa3\xdb\xbda\xde\x9a\xabj3Vt\xde\xf9\x0e\xa7u|kz\xe2\x9e$I\xecxz\xc7\xed\xa4/g\xed\xff\xe6\x8e\x87\x04\x00\x83\xc7\xc8"\x95~\xdbz\n;\xb71k\xd4\xb23\x0b\xcc}\x9d\x92\x04\xc0\xc0\xdb1"Jo@\xdbYo\xdc\xe3=\xa1\xda\x7f\xe5\\\xd8\xa4\xc3"\xe2\xf6?\xff\x1f\xe9\xac\xf6Z\x00\x80\xee5\r`s\x9a\xdd9\xfb\xb8^\xf4\xdf\xc5\xd3\xe9F\x85\x0f%\x1c\xbd\xfc\xac\xec\x82\x19[\xaa\xc9\xb6\x96\x9e\x01@\x0f\xf44\xf0\x8c\x8c\x98Um\xf6\xae\xa7^\xae[ }\xe2U\x8f\xf5\xae\xaf\xf6\x1c\x7f\xe5_\xd4fL\x1e\x98q\x000,-\xee]S\xe9/p\xf6/\xff\xdc\xf1u\xd5\xacR\\\xff]\xa1\xe8\xbe\xb2i\xe9\x88vGVL\xbb\xeb\x9f\xf7\xca\xcc=\xef]_\xee~(\x00\x0cy\xf3\xbbna\xfb\x88\xe5E\xea\x95\x02\xf0\xa4\xdd\xceO_\xf6\\\xa9\xd9\xe6\x8b\xb6^\xfcC\x12\x137e\x16\xedp\xe8\r\ry+\xf3\x86\xda\x98\xbf\xf5\x9a\xc7\x8b\r\x13\x00"\xa2\xf7\xe10;\xae7\xf4\xd2\xd6~\x17;TS\x9b\xce\xbf/\xab\xc2\xe2j\x17\x8dop\x97l\xbc.uUZ\xf9&lt;\xaaz=\xbb\xf2q\xd1\x96\xcb\x1e\xa9fN\xda\xfd\xfc\xba\x0e\xce|\xdb_\x96\x12\x9b/|\xa0\x94\xf0\x9e\x18\x80~r\xd0n\xc7\xbd\xb3\xfbV\x0e\xbf\xe8\xa1\xba\x9cR\xe8\xba\xea\x9eg+\x19\x07t\xdfKt\xb6wf\x0b]m^\r\x00\xd9\x1e\xfc\xfa\xef\xa3i\xb8\xaa\xce)\xdbnz\xc4\xc1\rY\xad\x1fVO\xd8\xf5\xdc\xf4\xe5\xde\'\xbf\xafi\xf5\xfa\x8f\x88z\x13wgn\xc9l-\xa7\xf1\xee\x1f\xe3\x03@\x83\x82!m\xca\xea\x8b\xba\xec\xe8\xb2\xbb\x9f\xae$\x17\x16\xa9\xbf\xe6\xac{\xba\xec\xb1N\xf57\xfd\xda\xcf3\x7f\xe5\x03{\xdb\x1d\x00\xb4eZ\x7f6\xbe[C\xce\xd2\xca\xf6 \xcd\xdc\xf8\xc0\x0bu9\x17\xbd\xf7\xab\xa9\xab\xccC\x1d\xda&gt;\x8ei\xc1\xda\xb7\xa4\xaeJ\xbbd\x8f\xcd\xab\xfc\xfc\xef\xbc\x1e\x06\xa0\x97\xa65)\xdb\xe5\xe8\xdb^\xada\xe4\xebd\x93\x90\x9a9\xf7\xf2#n\xa9\xa6\xdbx\xa6=jm\xfb\xfd\x02@\xdbF\x1dw\xf9\'\nW\x9e\x9c9Y\x1c\xbf\xea\x8dY\x95Wu&lt;\xa6\xaae\x87\xdf\xdcu\x1b3+\x89\xa5\xf9u\xc6W\x12{\xd6\xbc\x0cNm\xaa\x05\x00\x19f\xecsI;\xcb\xac\xda&gt;\x1c)\xb5A\xc7\xae\xc5\xef\xf9\xd8W~\xd3~G\xd9\x1a\x7f\xaf\x02\xbf\xe9\xde\xed\xf6\xb2\xe6\xcc\x0f\xb7{\x0b\x00\xc3\xd7 \xfc\x8c5kH\xa3#\xe2s\xff\xd4\xe6P\'o\x8eX\x11\xe3\x0eI\x7f\xef\xdb\xaf&amp;\xef~A\xea\xaa\xf9f^\x00\x0ccI\x92\xc4\x88\x83#&amp;DL\xcd\xad4\xe1\xd0\xa6m\xec\xdf\xb4\xb4jLL;\xaae\xa5o\xbf\xd2\x83\xbf\x06~\xd2\xde\x9f\x14\x85\xc2d[\x7f\xa6|\xe5\xa7\x83\xeeo\x1a\x00\x86\x86\x05\x9d\xddv\xe2\xd5\xad\xcf]\x18\xb7\xcb\x1bZuqP%\xb1_%\xd1\xab\xf3\x04gDD\x8cY7~e\xc6k\xe93*{`5\x1d\x12\x00t\xe4C\x7f\xf9\x7f\x1a3\x1b\xe6\x7f+\xeaKg\x1c\x9dU-\xa5\xf0A\x81\x05\xd4?O~\xe1\x0fID\xcc=\xf8\xcat\xe6\x9d\x9f\xfdE\xd66 E\xa5\x7f\x97m\xd7&gt;Q\xf0\xae\xbb\x9ez\xb9\xe3\x1e\x01\x18F2B\xe6\x98\xf5M\xea\xefq\xc2\x1d\x99\x8dT\xda)\xbapi\x97\xa3\xdf^\x97s\xda\r\x9f-xo\xadi\x11\x99c\xee[)6c\x9fK:hw\xcd\x99\xb9[|\xbc\xe1\x1d_\xec\xa0A\x00\xe8\xb3\xe9\x82\xfb#\xe2\x86\x07\xfe\xb1\x9bF\x92$Yu\xcc\xed=\x1aQ\x9f\xf7=\xf1\xb3\xdc\xb2%\xa7\xc6\x82\x933GRJ\xb4\xda\xbd2m^cV\xdd\x947\xb3\xb5\xf4\x9a\xe71;\x9f\x1d\x11\xa5\'\xe1/\xfc\xde\x0b`\x00:\xb4s\xed\xe5\x1e-oH\x92\xe4\x94\xeb\x9eL\xe7\xd4\xed\xe7\\R\xfbn5\xfd$y\xf6\xe5\x1f|\xa6\x8d\x01\xe6\xe9\xe6\xd3\xdb\xb1\x1bZT\x98\x7fR\xe9g)\xcc\xb7z\xda\xdcO\'\x16\x030\x0c\x9cp\xe5\x7f.Vq|V\xe6\xc2\x88\xb8\xf0=\x7f[\xe4\xfe$I"\x16\xb5\xaa\xb5}\xb1\xc1\x94\x8dZ~f5\xfd\xa6\xf7\x7f=\xa3\xc6v\x87\xe7\xdd{\xfc\x95\x7fQ\xad\xd4V\xa7\x00PH\xe53\xa4\x88\x18y\xd4%\x7f\x16\x11\xe9]\x97\xeb\xde\x10\x8f]qN\xea*7\x1c\x8eX\xfa\xfaV\xdd\xa67}\x9cYW\xb6\xe3\xa6\x1br\xee\x9a\xd0\xaa\xd9:\xa5\xbd\xab\x1aw\x96\xee\xde\x0e\xd9\xd9\x937\x97~\xbe&lt;\xf8&gt;\xad\x06`piX\x845m\xcc\x8a\xb3{\xda\xc3\x8e\xe7\xdc\xfe\x85J\xba\xe1\xa9l\xfe\x1c\xb4\xd7V6\xff\x90\xb7\xe0g\xbe#\x97\x9eQ\xac\xbb\xc5\xc5\xaa\x01@C\x10:\xf9\xad\x8f\xd7U\x18\xbd\xfc\xcc\x98\xb4)"b\xf1)\x85\xdfq\xee\x9c[p\xe4\xad\ry\xb9\xcf{\xcf{\xd7\x97\x8bu\xd7\xc2m\x8f\xfe\xa8&gt;k\xfb\xbac\x1bv\xe9K\x8e\xdfXM~\xebWI\xf1\xbd8\xf6=\xf5\x8f:\x19\x1c\x00t(\x1d\xcc&amp;f\xee\x9f5.\xff\xe6&amp;E\x11\xb1\xba\xa3\x01e\xdbn\x8f\x0b\xab\xe9I\xbb\x9d_M\xdf\xf4\xd0\x8b\xa5({\xe6\xad\x7fU\xb8\xb1\xa5\x11\x91$\xc9M\x0f\xbdXW0\x08\xf7\xf8\x04\xe05\xa2o\n8\xbfY\xb5zE\x1f\xc0\x1e}\xe9\xc3\x8d\x99\x1f\xff\xfbR\xdcj\xb9&amp;\xab\x90\x0f|\xfa\xa5r\xaa\xb2\x86\xb9\x17\x16\xd6]W\x8f\xb2h\xe7L\x0b\x00\x86\xb7\xbe(\xb8p[9\xb1`kD\xb4\x9a\x92\xb6\xd6r\x07\x8c\xd7\xdf\xfc_*\xc9Q\xdf~%9\xec\xc2\x07\xb2\xeb\xcd;1"r\x97&gt;\xe5\xa8li\x99ir\xf9g{\x9f-\x1d\x98\xbe\xa8,I\x9bX\xbaL\xedFR\xd2\xee\x921\x00\x86\x9dr\x08Yw\xceG2\x8b\xaf\xbf\xff\xfb1rM\xf5\xb2\xba+\xc5ew}\xb3\xee|\x85$Ib\xca\xe1;l\xbc\xbe\xe6\xfe)G\x14\x1fJn\x0c.n\xf1)\xa5\x9f\xd5\xd5d\xfb\x9fv\xd7\xcd\xd5\xe7\xc3sO,\x8d\xf3\xdb\xff\x96\x94w~n4\xeb\xd8\xcc\xec\x95[nK]\x89\xaf\x00\xf4\xbb\xf6\x0e\x00\xce{\x00\xbb\xf3\x91okuk\xe5L\x85\xf2\x14\xbc\x88\xe5\x85\x874+\xa3`\xf1\xa9\xd5\xe4\x01\xa7\xdf\x1d1\xa7\xafh\xe61\x11\x11\xe3\x0e\xa9f\xcc[s\xd5\xd2\xcd7O\xdb\xfbM\xd56/\xbd\xf3\x9b\x8dMn\xb7\xfa\xc2\xc6L\x00\xe8\xd6\xb6k\xcb;^=\xf2L\xf37\x9d\xf5\x1f\xf8F\xfd\x97\xc4\xd1\xf8\xb6\xf8\x8b?N"\xc6t0\xaa\xe9{_\x1c\xb1:b\x9fXtJ\x9bw\x1e\xddAw\x00\xd0;\xf9\xc70\x8c^~V]\xceu\xf7=\xdff\xeb{\xb6=\x9e\x88\xa8\x9dO\xaf\xaf\x7fH^\n\xd5\xf9\'\x19\xb7\xe3\x98\xcb\x1e\xcd\xeb\xb7\xa2\xfc\xac~\xc2\xaa\x8c]63Y\x8d\x05@\x13\xbbwpO\xfayrC\x98)t8\xee\xa9\xd7\x7f\xba6c\xff\x88\x88\x18\xbd\xfd\x01\x97\xb7\xbcw\xa7\xc3n\xcc\xca^\x19\x11g\xdc\xf2\xb9\x02\x9bW\xaf\x8c\xca\xb0\xbf\xf1r\xc1\x18\xd9\xb7\xf2\xf9K\xff\xb3\xe1\x96\xb1\x1b\xaa\r\x96\x16v]y\xcf\xb3\x11Q&gt;\xac\t\x00:\x94\xb3.\xa9d\xf1\x86ksJ&amp;\xe5\xe4g\xd8\xf3\xa4\xf7F\xc4\x7f\xfduMl\xbb\xf4\xae\xbe\x97\xac\xcb\x0e\xbf%\xaf\xc1\xca\n\xe4\xd1\xd1j\xd2\x99_:=+sn\xf6&amp;\xd2\x15\xfb\x9e\xd2\xb7\xe1\xc6\x9c\x03\xafhR\x13\x00\x9a\x98\\\x9f1qS%52\xc6\xac\xab\xa4\x975\xdc\x98\xb3\x9c\xb8&gt;\xe0\xadLeNo\x8c\x85\'\\\xf5X\xe1\xa1\x96[^\xb4\xe1\xad\xc5oi\xe9\x8a\x0f\xfdCD\xecq\xc2\xbb\xeb\xf2\xf7?\xed\xce;&gt;\xf5/\x1b\xdexo\xb1fr\xff7\x00\xa0M\xd9+\x95\xca\x015\xa66~h4\xb1\xa3n\xc6\x97&gt;C\xca\x9a\xa7\xee\x15\x11\x11{W\x8e\x8e\xe8?+\xb22\xe7E\xecZ\x9b3\xad\x9f\x87\x01\xc0\x10\xb7\xa4\x9a*\x85\xbd\xfb\xfe\xe6?\xear\xb2\xf5M\x8eK\xf6\xdct\xc1\xfd9U\xeb\xf7\x8dj\xa9\xc8\xda\xa5\xd5\'\xde\xd1w\xb1\xc3\xe9\xa5\x9fO\xfd \x89\x98]\xcd\x9e\xb7\xe6\xaav\xbb.\xb9\xec\xee\xa7\xa7\xac\xbe\xa8z\xf9\xdd\xdf\x14yO\x9c\xb1\x91\xf5\x8c}[lE\x02\xc0p5\xbb\xd9\xcb\xdd\x88\xf1Y\xbbE\xeeSI\xd4\x1c\xb4PZ\x18\x95~\x15Z\x8a\xa3\xd7\xdd\xf7\xfc\x05w\xfcMf\xeb\xd5@\xfb\xdc\xbf\x17Z\tu\xc0\xe9w\xa5/G-;#"b\xf4\xba\xec\xda\x15;\x1cz}\xf3\nM\xe2}\xb5\xc8zf\x00\xfaE\xe3\x87F\xb5\xfa\xbe\xcd]|H\xde\x92\xabl\'\xb6\xf3f\xb7\xb8;&gt;\xf9\xd3\xb6\xea/\xd9x]e\xa1u\xad\xca\xc7W\xdf\xfbm[!\xb67[U\x03@\xd9\xfc\xb5o\xc9\xcc\xbf\xfe\xfe\xef\x17\xb9\xfd\xa5\xac\x99\xe2\xc8\xa5\xafo\xcc|4w\x1f\x8fY1f}\xcb\xaf{\xbb?\xf6`\xf3E\x0f\x96S\xd9{w\x1c\x98\x95\x996\xaay\xb1I3\x00-\\\xfb\xb1\xefU\xf6t\xac.\x9e\xaa\xf9\x94\xb6\xe5\xb7=\x1f\xfe\xab\x7fM\xe7\x1c|\xc6\x87\xb2*\xaez\xec\xdb\xd9\xed\xcc[su^\xe3\xfb\x9fvWf~\x92$\xfb\x9e\xf2\x81t\xcew2\x9ec/\xa8Vnla\xcbe\x8fD\xfa\xec\xde\x85\xdb"b\x97\xa3\xdf\xde\xe4\x96&lt;7&gt;\xf0BDD\xec\x91\xde\xba\x12\x00\x9a\xa8\xdb\xb3b^\xfa\xe2k/\xe5\xbe\x01\x9d_\x0e\x99SS\xa5c"b\xf9\x11\xb7\xd4\xd5\xfcQ\x81H\x96$\xf9G#\x94\xd4\x06\xb6\xbb\x9ez92&gt;[\xda\xa9\xf4c\xc4N\xa5\t\xf7\x82\xbe\x92\x05\'G\xc4\x98\x9d\x9b?fo\xfc5w\x8c\x88\xf4Q\x8c\xa5\n\xfbUcv\x8b\xdb3\xbf-\x06\x80\x88\x88\x98\xb4\xfb\xf9\x91\n\x1e\x0f~\xed\xff-\xd9x]\xc3"\xe7\x06\x13\x0f\xcd/k\xf1l6%#\xe8n\xb7\xfa\xc2[\x1f\xfea*\xa3\xf2,z\xf2\xe6\xd2\xcf\x02s\xd3\xdc\xa3\x8a\xd2\x07\xf7\xae=\xeb\x9eJ\xf6\x88\xbc\x9a\xf92\x82\xab\x15[\x00\x14W3\x03^}\xd2{\xba\n\x1ec7\x14\xa8\xb4S^\xc1\xb2\xcd77\xb9\xado`\xf3O\xaa\xcf\xc95\xa5\xc0x\x9a\xf6\x15\x1112\x95\xde\xa5\xa6\xdev\x9b\xab5\'\xeev^\xba\xe4#_\xf8ug]\x030\\\xfc6\x15l.\xb9\xf3\xef\xbbn\xaft\x08R\x81S\x02\xc7o\x8c\x88\x88\xe91\xfb\xb8\x9c\x1a+\xeb\xae?\xf8\xb9_\x96S\x95\x0f\x7f\xa7\xefsq\xc3]\xd5\xc3\x13w\x8dI\x87\xb5\x1eF\xda\xd4#K?\x97n\xbe)bi\x93\x8aI\x92\x1cz\xfe}Y%;\x94C\xf2\xacc"\xe2\xa8K\xfe\xac\xbd\x01\x000\xac\xcd=1\xbf,\xfd\xb46\xf7\x9c\xe0\xba\xb9i\xe9r\xe6\xbe\x976T,\x9d\x031.\x95\xb3o*]\xfajhEc\x83\x19\x96\xf4\x9d\xec\xfb\xc3j\xe5\xd4q\xbf)\xe3"\xf6\xdf\xf5\xd8w\xf6e,\xdcV[aTD\xecS\xbb\xc2+"b\xc1\xc9\xb5\xc3\xc8xp\r\x00\x05\xd5\x9f\xc8\xdb\xca\x92\xd6U\x1a\xa4\xe3\xd6\xaf*\xe9k\xee}\xae\x927\xb9\xb1ZD\xfcS\xe5\xf2\xfdO\xfe\xbc\xcbN#"\xa6\x1d\xd5\xac\xb4lnDdmv\x1d\x11K?\xf3B\xd2\xfe\xf3\xf9\xf1m\xd6\x07`\x98\x98rD\x8cZ\x9bZ\xfc\xbcg\xb1\xdb\xd2\xcb\xac\xe6\xb6sc\xb6\x17\xfeP \xb0\xedX~\xec\x1c\xa3\xd7-Z\xdf\xe4\x0c\x86\xea|\xba\xd9~\xd4\xa9P:2\xab|u)`\x97\xaa]\xfc\x81\xbf\x8b\x88V\xab\x9a\xe7DD\xc4\xac\xb0\x08\x0b\x80\x96\xaa\xa1\xe2\xa6\x87^\x8c\xd89\x1d9\xce\xb9\xed\x0b\xdd\xb4|~\xc3\xf6\x93\x95C\x03c\xfd9\x1f-\x12\xa2n\xfe\xd3\x1f\x14\xebj\xc7\xfc\xa2\xdd""\xbd\xabsu$\xc5Z.\xe4\xc4\xab\xfbe\xab/\x00\x86\xbe"\x01i\xe1\xbak\xbao\xb66gLD\xc4\xa4M\xa5O\x9e\xb6]\xfbd\xba\xe6\xca-\xb7\xe75{\xc4\x9b\xfe4u\xb5w\xc1\xae\xeb\xbc\xf1\x1d_\xfc\x93\xaf\xfc\xa6I\xfd\x86s\x14\xe6\xe65Uw\xef\xf8\x95ol\xde5\x00\xd4\x04\x8f\xb3n\xfd|O\xda\xdcg[\xcd\xf2\xa5\xd2j\xa6\xed\xf6\xb8\xb0\xb1\xc7\x06s#"\x16\x9f\x12\x11\x0f?\xdd&lt;\x82\xce\xaa$\xf6lR)\xdd\xd7\xef\xdb\xdf\xbar\xcb\xa5\x8f4f~\xe2\xd9\x8c\x16j\x9a]\\\xdd\xd8\xb2\xc3\x8f\xa0\x00\x18&amp;\xc6\x96~\xd4\x05\xa7y\x07wx\x96_\xca&gt;-\xca\xe7\x9d\xd4\xaa\x85\xeds\xf2\xf3\xb6\xcd\x9a\xb5G\xe5\x98\xc2q\xbb\xbc\xa1\xae,\xb5}\xf4nM;\x9d\xdcjT}5\x17\xac\xcb\xde:\x1b\x00ZK\x92\xe4\xd4\xeb?S}G\xdb\xefr&gt;\xcf\xed\xec|\x85\xf4F\x98\xb591\xf7\xe0++y\x99\x87\x17\xf5e\x16\xef4I\x92rhO-\xab^\xff\x86\x8f\xd6\xd6*\x87\xf0Gr\x0f\x9c\x00`x+\x1du\x90$Iz\xc7\xe36\x8c8\xb8I\xe1\xc8\xa5g\xd4\\W\xf6\x92lT\x8e\x7f\xa3\xd66\xef\xed\xe4\xb7&gt;^MO\xdf\xfb\xe2\x98}\xdc\x01\xaf\xbb\xbbt\xb9xC\xce!\x89sOh\xdefu\x00\x7f\xfc\xd7\xff7"j\xf7\xba\xca\\ ]\xf6;K\x9d\x01\xe8\xc2v\xb1`k\xc4\xd2\xbem\xa7\xaa_\xfb\x14o\xa1\xb5\xb1\xa9\xf4\x9c\xc6\xe2\xf6g\xde\xfb5\xbdkZ\xb5\xf4\xf2\x0f&gt;S\xfa\x18w\xcc\x8a\xb3\x1b\xaa\xcd\x8e\x88\x98~t\xf3\xde\x17mxk\xce\n\xac\x051\xe3\xe8\x16\xc3l\xfb?\x13\x80a\xaa\xfc \xb76&amp;\xcd\xab\xab\xb4\xdbq\xef\xac\xb9n:\x0f\xaeuPfn\xc1\x00\xbc\xec\xf0\x9b#w\x99\xf1\xce\xd5\xd4\xe5\x1f\xfaV\xe6\xed\xef\xf8\xc4?\xb7\xd3{\xee\x9e\xd5\xc5X\x81\x05@\x13K\x1a7k\x9c\xf2\xc4\xf3\xcd\xc3a\xfd\x14\xb6\xbf\xde\x1co\x7f|\xd3\xe2\xccuX\xa5\xb3%\x16\xd6fV\x9f*O\x88\x98\xf2\xcc\xbf\x96G;u\xaf\xffT\xc9_\x99$\xc9#\xcf\xd4\xbf\x02\xff\xc6/*\x97\x8bNiy"rf\xe6\x9a3\xefi\xcc\x07\x80\xe2\xc66/.\x1a\x83{\xf0Hv\xaftsm\xddY\xfe\x94y\xca\x11]\xfd\xc50z]]\x9b7&lt;\xf0\x8f\xd5\xcb\x83^\xff\xc1\x88\xd8|\xe1\x83\x9d\xb7\x0f\xc0p\x92\xb9H8\xdbN\x87\xddX\x973e\xcf\xd2VS\xa5\xc3\t\xf2&gt;\x1c\xaa1j\xd9\x999%\xb5\xe7\xfd\x95^\xd3\xd68 b\xcf\xfdN\xbd\xb3H/\x8d\x9e\xfduM\xe8\xbd\xe3S\xff\xd2\xfa\x9e95\x13\xf1\xe7\x7f\xd7\xf6T\x18\x00\xea%I\x121"\x16lm\xf5\tP\x93\xe3\x05\xa7\xc5\xb8\xccc\x80\x0f\xe8~x\x8d\xae\xfd\x93\xef\xb6\xacS\xfa-\xce}\xe7\x97\x9a\x946\x98\x1bc\xd6\xd7}\x12}\xcd\xbd\xcf\x15\t\xa8I\x92\xe4\xaf\x97n\xbe}4\x00\xc3\xd5\xe7\x7f\x94\xe4oj\xd1\xdc\xa2\x88x\xfa\x97M\xe2S\xf3\xcd.2\xfc\xacU\xb4\xab\x1e\x8b\xf4\xd8w\xeak\xee~\xfc\xbb\xda\xed\xae\xb5\xb1\xeb\xd3W\x9fy\xa1qx\xbbGD\x92$\x87_\xf4P\xef{\x07`\x08K\xcd\xf0\xf6\xbb\xa0\xe1\xf8\x84\xe2\x8e\xbd\xfc\xcf\xa3\x7f\x1f\xc0\xceL\xa5\x0f\xcc\xad5\x7fkf\xf6\x13\xcf\x97\x16X\xe5,l\x9e\xdc\xb71\xc8\xdf\xfd"\xf5+l\x7f\\M\xb5I\x9bZ\x8e\x12\x00\n\xa9\x84\xcc\xa9\x95\x8c=r*D\xc4\xec\xda\x07\xaa\x19\x9f\xd9t\x19\x80\xcb\xcf\xc3[o\tR}\xde\x9b\x1f\x89S6\x9e\xf7\xb1rj\xd4\x9a\xc8\x18d\xf5\xa5\xf5\x98\xc8\xb3\xe4\xd4\xa8\x9dvg}\n\xd5\xd9\x83\x04\x00\x86\xa5\x0f|\xfa\xa5\xf4e\xfb\x11\xb4\xb2}G)j\xd6\xae\x10\xee\xd8\xb2\xc3oi\xfc\xd8i\xe5\x96\xdb""bqMn\xdd\xeeZ\xad7\x97\xeeJ\xdf\xff\xcf\xe4\xec\xdd4\x01\xa0\x90\x8c\x88\xbbh[D\x94\xdf\xe0\x8e\\\xd3n\x83\xcb\x8f\xb8%uU\xfcT\x83\xaa\x15\xad*\xf4\xbdZ&gt;\xe6\xcd\x8f\xb6\xaa\x9c\x8a\xd6\xf9\x1baf\x9a}\xc0\x9bk3\x16\x94\x1e\x00\x1c}\xe9\xc3\x11\xf1\xad_e\xfe\xa5b\xf3\r\x00\x8aI\x07\xe0{\xbf\xfc\xef?\xef\xddK\xdc9\x07]Qi\x7f\xf7\x8e\x1a\x18\xdd\xb2F\xe5\xf3\xa7|\x8bNI]T\x83\xf1\xca\xdaJ;\x14\x18\xcc\xf2k\xee}\xae17\xb5t|\xc7\x98{bD\xc4\xacc\x0b\xb4\x06\x001+\xe6\x9d\x94\xb5\x1fVY\xfeC\xe9\xf4Q\x83;\x14\xe8hI;\xa3\xea\xb5)G\x94\x13S\x8f\xec\xba\xad\xea/\xd2\xb7\xdf\xd6\x7f\xf7\xf9/\x00\x9dI\x92d\xc6\xbe\x97\x94/\xc6oL\x95\x94\xceZX\xddp\xc7\x8c\x0e\x0fP\xca\x95\xfe\x94vv\xf93\xe2Qm?\x03\xefDi\xf2\x9aaT\xfa\xad\xf6\xf9\x95U\xe2v\xdb\x00\xa0\x07&amp;\xeczn)\x91\x8e+\xc5b\xcc\xb4\x9a\xab\xb1\xf5\xdbq\xa4\x9e\xd06;\xd7\xaf\x17VU\x12}K\xb7\x9a\xff\n\x9b\xce\xbf\xbf\x17\xfdN\x8a\x88\x93\xde\xf2\xc9\x888\xf4\xbc\xfbj\x8b\xf6\x8a\t\x87\xe6\x1c\xa3\x04\x00e\x93J?.\xbd\xf3\x9b\x11\x113\xb6T\xf2[,\x89\xda|\xe1\x03\xbd\x1c\xc5\xc4\x9a\x0fm_\x0b\x13\xcd\xb9\x11\x11\xe3\x0e\xa9\\\xb6\\A\x06\x00\x11Q\trs\x0e\xbc\xe2\xba\xfb\x9eox\x12[\x7f\na\xd5\xe4=.\xe8\xe7qED\x9c\xfd\xf6\xcf\x17\xad:\xbd\xd5\xb9\xbc\xad\x14\x08\xf6\x0b2k\xa6\x8eT\xaa\xf1\xeeO\xfe\xb4\xcb!\x010\x94\xa5\xc2\xc9\xa4\xbc t\xe3\x83/\xf4C\xcf\x8b\x0b\x14M(\xd8V?\xcd\x95g\xed\x7fY)q\xe7g\x7f\x91Y\xe1\xb4\x1b&gt;\xdb\x1f\xfd\x020\xf4\xd5\x85\xae\x86H\x96\xbd9T\xaaZg\x9f\x18\xbd\n&amp;V\x12S\x9b\xd5\xca0\xb3u\x95\x1c\xa3\x96\x9d\xd1\xf1\xbd\x00\x0c;_\xf8q9\x9af\xcf#{\xb4\xb9\xd5\x00\xc9\xdf]2e\xf1\x86k\x1b\xf2VD\x94N/\x9e\x92\xb9\xe1e\xc3\xff\xd5\xca\xc6:\x00\x90+I\x92\xf4\xf7\xac\xf9\n\xed\xba\xdc\x85b{f\xf5\xfb_\x03\xb3z\xd1\x88`\x0c@+I\x92\xect\xd8\x8d\xaffw\xfd\xdcC\x1b\xdb}\\\xf1\xe1\x7fhZ\xbe\xcb\x9c\x03\xaf\xe8r4\xaf\x85\x85\xdc\x00\x0c\x84\x8d\xe7}\xac\xb2\xf9s\x86w?\xf6\x93\xfe\xe8\xf4\xca{\x9e\xed\x8ff_}\x13V5\x9e\x89Tc\xedY\xf7\xbc:#\x01\xe05&amp;I\x92\xc18K\x1b\xb5\xb6\xc7\x07\x1bt~x\xd1\xa8\x86\x1c{k\x00\xd0\xb5W\xca\xd1wY\x0f\xdb\x1c\x8c\x11\x1d\x00\x86\xbcN\x03\xf0^=\x1eG\x1b\xc6\xe6\xe4\xef\x16\x11\x0f~\xfd\xf7\xc5\x1bj\xf5Y\x17\x00\xf4\x83Q\xcb\xcf\xac$\xc7\xbf&lt;\xc8bO\xce\t\xbe\xbd4y\xf7Wc\x830\x00\x86\x86\x85y\xb3\xb4\xde\xee79\x08\xe6\x82\xfd&lt;\xc3\xee\xdb@\x1b\x00\x8aXpr;\xb5\x8bn\x0f\t\x00\xe4j=1]\xd8Vx.b\xa7^7\x08\x00\xafA=\xfd\x12iQ\x91J\xa3\x97\x9f\xd5\xbcB\xf1\xf1|\xf5g\x03\xfed\x1b\x00\xda\xd7\x18\xea^w\xd3S}\x17c\xd6w\xd9\xda\xee\xc7\xbf+"\xfe\xb6p\x98,\xb5\xf0\xe8\xb7\xda\x0e\xab\x83\xe0\x1dsZ\xeeI\x8e\x00P\xf6b\xe5S\xe0\xac\x18\xd6\xedaG\xed\xc6\xc5J\xfd~=diZ\x7f6^c\x90\xfdY\x00\xc0\xa0q\xd8\x85\x0f\xe4\xad\xab\x9a\xbc\xfb\xf9\xed\xb55\xe2\xe0\xc6\xbc\x8f~\xe9\x95\xe8e\x1c\x9a\x93W0a\xd7s{\xd4EYz\xcc\xf3\xd7^\xdd~\x03\xb3\xdb}~\x00\xc0\xb0\xb28&amp;n*\xa5r\xc3\xe4\xc859\xf7v~tnD\xcc\xdc\xef\xd2nno\xb4\xea\x98w\xd4ge\xfdM\x10\x11\xb1`k91\x7fk]\xc9\xfd_\xfdm]\xce\xb3\xbfN"\xe2\x7f\'I\xc4\xaa\x82#\xd9\xf5\xd8\x86\x91\x00@Z)\xe8&amp;I\x123\xb7\xbc\xff\xc9\x9f\x0f\xf4p\x1a\r\x92\x97\xa9\xc5\x8f)\x9c^{9\xbe\xc7\x03\x01`\xc8Xw\xceG"\xe2\xaa\xa2\'\x14M+\xdc\xf0\x88\xdc\x92\x99\xc7\x14n\xe4\xd5V\xfb\x18\xa0~\x8a\xff\xf0\xd3\xad\x9f\xa5\x8f_\xd9\xe2\x88$\x00H\xc7\x9b\x8eO\x1f\xcax\x85|\xd1\xfb\xbe\xd6\x907\xb2\xd3\xf6{a\xdc!\xed\xd5_\xb4-j\xfes\xd2\xef\x9e\xf7\x8fH\xaf\x0f\x1f\x13\x11\x8b6\\[\xba\xb0\xea\n\x80\xa2^\xea.fd\x86\x9c9\x07]\x111\xae\x9bf{\xe5\xa6\x87^L]m\xdf\xbcr\xe3\xefr\xe4\xc5\x1fO_&gt;\xfe\xbdj\x85\xfc\xdfn\xc9i\x85G\x07\xc0p6\xe1\xd0\xf4\xd5\xa7\xbe[\x8e1;\x1f\xf9\xb6\x8e\x9blk"X\xaa\xbc\xe2\xa8[3\xca\xa6\x1e\xd9\xf1\x18Z\xf6\x181\xbb/k\xd4\xdaT\xf9\xec\xf5\xe7|\xa4\xb6fl\xbb\xf6\x89\x88=K9?\xa9\xbe8\x8f\x88\x18\x1d1\xbf\xb1}Sa\x00Z\xea\x8bC\xd5\xb0\xf1\xd4\x0f2\xe2G\xaf\x83J}\xdc\xea\x91\xf2\xe3\xe2\xbe\xd1N9\xbc\xbc6j\xec\x86$\x15;\x93$\xb9\xe3\x93?\xadV\xde\xef\xd4?J\xb7\x92\xa4\xdc\xf8\xe0\x0b\x95\xec}\xd3\xb7\x97~\x8bU\xc7\xdc\xfeo\x95\x9c\xf7&lt;\xfe\xbfR\xb3\xe4\x88\x98\xd8\xfb\xdf\x0f\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W\xd1\xff\x07\x88\xb64\xdf\x81\x8b\x82\xd1\x00\x00\x00\x00IEND\xaeB`\x82']</t>
        </is>
      </c>
      <c r="E170" t="inlineStr">
        <is>
          <t>&lt;class 'numpy.ndarray'&gt;</t>
        </is>
      </c>
    </row>
    <row r="171">
      <c r="A171" s="1" t="n">
        <v>169</v>
      </c>
      <c r="B171" t="inlineStr">
        <is>
          <t>steps_per_sec</t>
        </is>
      </c>
      <c r="C171" t="n">
        <v>2500</v>
      </c>
      <c r="D171" t="inlineStr">
        <is>
          <t>5.3683085</t>
        </is>
      </c>
      <c r="E171" t="inlineStr">
        <is>
          <t>&lt;class 'numpy.ndarray'&gt;</t>
        </is>
      </c>
    </row>
    <row r="172">
      <c r="A172" s="1" t="n">
        <v>170</v>
      </c>
      <c r="B172" t="inlineStr">
        <is>
          <t>Loss/localization_loss</t>
        </is>
      </c>
      <c r="C172" t="n">
        <v>2500</v>
      </c>
      <c r="D172" t="inlineStr">
        <is>
          <t>0.0065479134</t>
        </is>
      </c>
      <c r="E172" t="inlineStr">
        <is>
          <t>&lt;class 'numpy.ndarray'&gt;</t>
        </is>
      </c>
    </row>
    <row r="173">
      <c r="A173" s="1" t="n">
        <v>171</v>
      </c>
      <c r="B173" t="inlineStr">
        <is>
          <t>Loss/classification_loss</t>
        </is>
      </c>
      <c r="C173" t="n">
        <v>2500</v>
      </c>
      <c r="D173" t="inlineStr">
        <is>
          <t>0.2519068</t>
        </is>
      </c>
      <c r="E173" t="inlineStr">
        <is>
          <t>&lt;class 'numpy.ndarray'&gt;</t>
        </is>
      </c>
    </row>
    <row r="174">
      <c r="A174" s="1" t="n">
        <v>172</v>
      </c>
      <c r="B174" t="inlineStr">
        <is>
          <t>Loss/regularization_loss</t>
        </is>
      </c>
      <c r="C174" t="n">
        <v>2500</v>
      </c>
      <c r="D174" t="inlineStr">
        <is>
          <t>0.03277499</t>
        </is>
      </c>
      <c r="E174" t="inlineStr">
        <is>
          <t>&lt;class 'numpy.ndarray'&gt;</t>
        </is>
      </c>
    </row>
    <row r="175">
      <c r="A175" s="1" t="n">
        <v>173</v>
      </c>
      <c r="B175" t="inlineStr">
        <is>
          <t>Loss/total_loss</t>
        </is>
      </c>
      <c r="C175" t="n">
        <v>2500</v>
      </c>
      <c r="D175" t="inlineStr">
        <is>
          <t>0.29122972</t>
        </is>
      </c>
      <c r="E175" t="inlineStr">
        <is>
          <t>&lt;class 'numpy.ndarray'&gt;</t>
        </is>
      </c>
    </row>
    <row r="176">
      <c r="A176" s="1" t="n">
        <v>174</v>
      </c>
      <c r="B176" t="inlineStr">
        <is>
          <t>learning_rate</t>
        </is>
      </c>
      <c r="C176" t="n">
        <v>2500</v>
      </c>
      <c r="D176" t="inlineStr">
        <is>
          <t>0.08</t>
        </is>
      </c>
      <c r="E176" t="inlineStr">
        <is>
          <t>&lt;class 'numpy.ndarray'&gt;</t>
        </is>
      </c>
    </row>
    <row r="177">
      <c r="A177" s="1" t="n">
        <v>175</v>
      </c>
      <c r="B177" t="inlineStr">
        <is>
          <t>train_input_images</t>
        </is>
      </c>
      <c r="C177" t="n">
        <v>2500</v>
      </c>
      <c r="D177" t="inlineStr">
        <is>
          <t>[b'640' b'640'
 b'\x89PNG\r\n\x1a\n\x00\x00\x00\rIHDR\x00\x00\x02\x80\x00\x00\x02\x80\x08\x02\x00\x00\x00\x83\xaf^t\x00\x00 \x00IDATx\x9c\xec\x9du`\xdcF\xf6\xc7\x9f\x99\xed533\xc5\x14;\x8e\xe3\xc4q\x98\x99\x99\x99\x1af\xa66i\x9a\xb4i\xd2&amp;\xa5\xb4M\x99)eff\x86+\xc3]\xaft\xfd\xb5w\x85\xf7\xfbC\xab]\xc1H\x9a\x11\xec\xaem}\xfeH\xd6\xd2H\x9a\xd5J\x03o\xde\xfb&gt;\x00\xf0G\xc4\xaf\x10\x81\x02DDD\x800\x80L\x9a\xf2\xca\x84\x03\xa4k\x14I\x1a\x96P\xbf\x0c\x11\x01\xba\xf2\x9bB\xe5\xd7]z\xe49$U~\xea\xf6{\xf9\x8f\x0e\x95\x8b8\xbfQP\x0f\x00\x00(\x84\xf8!\x88\x08a\xbd$\x05\xfc\xf3\xa7 \xe2\x95\xcf\xb8/\xf4#bp\xf1t\xc2\xa9d\x97;\xfe\xc0/\x88\x08\x81\xdd\x01\x00\xfc\x9a\xea\'\x1c\x06\x88\xe1\x0b\x03\x00@t\xbf\x8d\x97\xbd-;O\x96\xec{\x95r{\xe7\xec{\x84\xf0M\xa2\xfaAT_\xd9V\x7f\x95\xefN\xa4l\xc8n\xc9\x16\xe4\x11]\xad\xd3|\x9ab\x00\x91\xae\xbd\xd5\xa3\x0e\x00\xf8CPw\x9aj\xa0\x0c\xc8\x9e\x00\x90\xc4\xf2U\\\xc4\xe9:\x8a\x8e\xc0f\x0bO\xceH`\xe14\x0f^-\xca\x83\xd7\xf2-\x88\r\x8e\x8d\x8d&gt;\x08\xbd\x9a\x12\xa2\x06Q\x99\xca\xe1\xfb\x11q\xe5\xb1\x97\x01\xf2\x00\xa2\x01\x82\xcc\xa8\xa7\x9c\xda\x82~[\xf9\xca8;\xa7\xb7\xfe\xc0\xbb\xdeG\x80jW?\xaaY\xdb\x8f\xf9\xbduc\x0f\x01\xc0\xf3?\x88\xca\xbf\x87\x88\x88\xbf"\xb6\xce\xb9\x04\x00\x00\xaa\xf8^-A|\x9a\x00\x00x\xe8s\xc2\xb5\x04\x15\x08\x81\xc4a\xb2\x8d\x00P.&lt;\xea\xc9o\xd5nr\xcb\xac\x13\x0f}&amp;\xda&gt;a\xd3]\xaes*|\xc5P\xd7\xa7\xba\xb1\x87n}SR\xcc\x01P\xcf}\xca\xed\xbd\x19\x92\x87\xcb\x8f\x0f*\x9a\xae\xd9\xe8p\x15\xee3\xffr\xe1\xc6\xc2\xfe\xdb\xb2[7\x00$\xf0\xe3\x86t\xf1y\xaaTO\x99\x04\x89C]g\x9e\xb4\xf5\x1e\xf5\n\xd8x\x00G\xed"oW\xc1\xfb\x04\x17\xcf\xf0v\x15\xcc\x01\x11!c\x8c\xb7kaC\r\xd7\x14^\xf4\xd0\xaf4\xc5\x04M\xad\x1f\xfb\xa5*$\x7fGW-\x00\x88\x80\xa4a\x103@ZV\xdc\xab!"@\xb0R\xc5\x00\xd2\x94.Y5\xf2\x1c\xe9\xa6\xa0\x1e\x900D\xf0\xb7_\xb7i\xc7\x00\xf2DeBZJ\x06\xed\xec\xb7\xe0\n\xee\xaf\xc1\xcb\xae\x91_\xd4y+\xb2\xc77L8\xec\xda\x18Z6\x8b\xfb\x9c\xde}\rD\xf5S\xaa\x95\xa0\xe6\x00\x00\xab/zu\xca\xb63\x82/R\xc2m\x0f(\x98"\xeb#\xd3kF\x1f\x90\x9d)TP,\xc0u\xf2\x90\xd2\x99O}\x87\x88\x08\x89\xc3\x00"\xc4\x874\x02\x04!\xe2_\xaa}0y\xc4\xe0\xd7\x04\x10\xa2\xfe\xd5\xe8\x887\xe3$6\xe6\x12i\xe9\xd9}v\xa2\xe9\xf1\x8a\x95\x1a9\xb8i\xcaQ\xa5]&gt;{\x87m\xa4p?U\xffEWR\xfefq\x9d\x97""@\x01@y\\\xdd\x12\xd6\xcbI&amp;R\xe0n\xdf\x95&amp;\xd3\xceI&lt;?O%s\xfay\xf5\xca\x97I.\x87\x88?"\x02\xc4\x03\xa4\x00@X\xd9lD\x1c\xba\xe2:\xbeT6\xff!\x12 \x9a\xff\x9c,?/\x7f\xd3\x84}\x7f&lt;@\x17\x80,\x00Xw\xf2\r\xf7\xe6\xec\t\x92\x03\xff\x83(8C\xb0\xb0z\x00p\xf3\xeb\x18S\xbd\x10\x00 k\xdc\xcac/+\\\xd7Md\xe5&lt;~\x80R.\xb4|8OB&amp;\x05\x00 w\x12d\x8eS*\xd18\xf9\x02\xf0\xef\x86\x88\xfc\xd7\'\x0f\x80\x04\xe4\xbb\xba\x7f\x1b\x9b\xb6E;\xea\xb7\xc2\xbc]\x01\x1bV\xc2{i\x97\x01\x00\x80\xfb&gt;\xc1\x07?\xd3\xf9\xa4\xc6uf\xee\xb3\r@\xe8-\xb8\x1en\xda\x8e\xfb\x16\x1e|R\xb8}\xe3\xa5o\t\xee@8\xe9l\x0e\xd9\xcc@&gt;\x05\xcc\x11\x14\x06\x88\xe8#\xbc\xe8\xea\x8b^\x95\xd4\x04\xa0\x06\x00r{o\x9a\xb6\xe3&gt;~sWn|\xb3\xfe\x927\x01\xf2!g\x02\xa4\x8dv\xd6\xa9|N\xb7\xa9\x17\x92*\xe6:\x1b\x00\xc0\x02\xf1\xf7R\xe1\x0b\xc4#w\x7f\x0f\x00!%3\x95\xca\x8c\xdbp\x07\xa4\x8f\x06\xa8\xe47\xd4\xa9\x9e2Mh\x15\xb7\xb1i[ b\xf7\x19\x17y\xbb\x166\xed\x94\x7f".:\xf4\xb4E\xa3\xbc\xf3\xee\xfc\xe7\xcb\xffAn\xe6\xe73$\x906\xe6P\x1c(\xb5\x93S\xa3\xedL\xe4\x9c\xe3&amp;\x8f\xe0l\xcb\xf3\xcfy\x1c\x11/\xb8\xf7G~\x7f\xd4\x7f\x11!\xb45\xaaj&gt;@\x8c\xeb\x901\xebn\x85\x88&gt;*\xbf\x1d"\x02ta\xaeo\xee$\xed2a\xadJ{\x16\x1cx\x82\xf9\x8a&gt;FJ\xd3J\xeb/\xa2\xcf\xc5\xcc|\xb2Z\xd6k\x96iG\xb3@}T{\xe7\xb2\tC!y\x84)g\n*\xf2\xa4\xcb\x9e\r#o\xfc\x8e\x9a\xabw\x88\xf8\x1e\xff\x1e\xd2\xbf\x90\x94\x1e\xd7\xa6\xd2(\xfeSj\xc7V~\x163!{\xbc\xc2\xae\x8a\xc6\xc9\x17\x88\xb78de\xb4&lt;\xbd\xe5\xc4\r\xe6\xfe\x97,\xa9r\x7f\x8e\\}\x13@.w\xda\xb7\xfe\xc0&gt;\xf3.\x17_%\x17\x11\x1b\'q\xb5\xaaK\xec\xb2\x9c\xe1\xba\x8e\x01\xae\x81HF\x8f\xb5\xfe\xf9ShV\xf8\x02\n\xa6\xae\xb8\xe0\x05\x000\xec\x15\xaf\x84\xba\x97\x96\x9b\xf0\xf29\n{\n\xcd\xaaJ\xdb\xa4\xc1\xa2\xf3""@\xb9E\'\xb7Q"\xa4T\xd1\ne\xd3^\x88\xe6\x1c\x82\xa25\x8a\x89)\x1f\xb6\xd7\xa0\xb3\x80\x95T\x8a\xff\x94\x98\x8eE\x13\xd9\x92A;\xf9\x8f\xca3\xc5\xf8\xc1\xaa\x97+\xd0=?\xf8D\xd4\xef\x8a\x82\x88\\\xb6h7\xc1-\x92\x99:\xd7O\x07\x16N\x05\x00\xbaI\xbc\x84\x02\x80z\xa7\x0f9\x19i\x9bk\xe9L\xe8\xdd\xbfiO~\xc1\x99\x1f\x14\xf6T\x9bT\x179\x11\xdaEX\xf1\xeff\xfe9\xad\xa2\xc8\xdb\x15\xb0i?tx\x83\n##W\xdft\xed\x8b&amp;\xdc\xb2\xcc\x1e\xeb\x8c\x9fD\x93G\xbfd\xa8\xeayw\xfe\x93\xff\xa88y\x92?.\xe1\xe5s\x10\xf1\xf5\xdf]\xdbu6Od_b*\x12H\x86b\xdd\x01`i\xae\xfa\xb8\x86/\x88H\xfa^:\\\xdc\xcd\xc7~\x81m\xac\xc4\x9e\xeb\xcb\x895\xf1\\\x02\xef\x16\x1b\n\x10\xd1\xed\x8b\xa4\xe0\x1cK\x13d\xa6\xddn\x064K\xcb\x04\xd0\xcc\x12\xf4\xa9\x04d\xf5\x9a{)\xa4\x8d\xe2\xff\xacT.)\xd5v\x18\xb4\xf4t\xe9\xe0\xddJ_\'\xadyux\xf9l\x9a\x1a bJW\x0f,7\xd2\x93&lt;d\xf9\xb5\xfc\xe7 kE-:\x10&gt;1j\xb1\xe9\x80\xf4[p\xca\xdbU\xb01FJ\xd3J\xaau\xdc\xec\t\xda\xfdkxo\xa52O|#\xd4\xc0r2f\xdd\xadTU\xb4\x16\xa5\xc5Q\xde\x99+e$@\x14@\xf9\xd5\xcf\t\xbfZ\xb1\x95\xcd\xae\xda\x84\xdb\x15plc\x03\x00v\xf0\x89\xcfc\x8f\xcfl\x94\xb9\xea\x195\xb1\x0b\x1d\x10\xfb\xe0\xb4\xe6\xd5DK\xafu\x17\xa52c\x06\xb70\\#\xc9\xa9*\x15Z:\xab\xcd\xdbH\xa9\xc3\xcf\xb4`n\xfd{\xce:i\xd2\xa5\xbdK\x8a\xb7+ \xc0!S\xb3\xb1\xb1\xf1\x1e15*:\x0462L\xedN*\xc5\x0b\x9f.\x97(\xa1lE\xa2\x91\x0b\xe4\xf5\xd9\xacQ"\xba?\xe8\x0e\xd1\xf1]\xd8\xdc\xe8\xd4\xc9\xed\xb5I\x87\xb2\xb4O\xe1\x1b\xe6\x13\x1b\x1bZ\xda\xfc\xa8\x9d\x96\x14\x81\xa8\x91\r\r9\x13\x01\xc0%\xfe\xa0\x8a)J\x84\x860\xfa\x1c\xc7\x0f\xd1.C\xc6W";\xdb,*K\xcef\xfa\x80\xd8\xd8\xd8\xd8x\x97\x12s\x07\\\xbe3|3\xe0Z\xcca{\x1e\x81\x01\xd5\x11\xfd\x0c_y\x83\xe7/jccc\xe3Q\xb8\xfe)\xbf\xef\x16\xb3\xcf)\x8f\x95\xecl\xd6\xf9G\xac\xba\x91\xb2d\xf7\xe9\xc7\xa9;`\xef\xcf\xd7\xad\x00\x11\xe9E-|\x07\xdf\x19\xc3\xb5e\xd8\xd5`\x18\xd9\x7f\xd3\x17\xc4\xed\xf6\xcfgcCC\x99\xd3\xa4\xdc\xc6P\xcck$\xc3?\xb3E\x7f\xc0\xb1\xd5\xed\x88\xb2\x88\x84Y\x04\x01\x04Z|\tK\xb0[\xf06N\xa3v\x11\x1b\x9b\x0e\x0e"\x02\x84Y\x9a\x9d\xe6\x90[\xdd\xc2\x1c\xb4\xf2\x1aIi\xcbM\xb9/y\xcf\x12I\x19\xd9\xb6\xcfocccc\xc3\x00S8\x90\x88\xa4\xb6\xd5\x19W\x0e\xdf\xef\xe1+""d\x11\xc5U|\xdaSQ\xebg\xf5p\xfe\x0f[\xa9\xd1\xc6\xc6\x86\x92\xac\xf1m`\xa6\xd5!A\xc4\x03\xb7~\xad\xb0\x93I\x8eXE\xd8\x8b\xb6&amp;\x06\xcf\xa0\x87\xf0\xde\xb6.A\xc7\xa6}\xbb\xbb;\xbc]\x01\x9b6\x8c\x0f\xa5\x9a\xd9|\xf9;\xa6\x9eO)\xb1D\xb5\xa9W\xd1FE\xe1\xd2WI\xf5v\x05llll\xda2U#\xcf\xf1v\x15\xd8\xf0\xe1^\xca\xa85\xf2\xcag\xfe\xf6\xb1\x0c\xca\x1e&amp;\xc7\xdb\x15\xb0\xb1\xb1\xb1\xf1m\xb4\xba@+2\x8a\x94\x08&gt;\x9b\x16\xe0\xe4{\xe8Nj\xd4&gt;\xb0 \xf1\x9f\x8d\x0e\x12\x86R\x14\x8a\xb7\xbc\x1a\xdeB\xbf\xdf\t=\xf6j\x8b\r\x03\x9d\\\x9f\xea\xc7\x1f\xee&lt;\xee&lt;\xd1N\xeb\xf5f%\xc1Ev\xd6\x01\x1b\x1b\xaf3|%m\x80\xbe\x8d\x04\x1f6\xe3\xd9x\x9b\xda\xb1\xe7\xaa\xec\xb5\x1f\x1d\x1b\x9b\xb6O\'\xed"d\x84\xaeR\xc9\x90=\xc1\x84\xbat4Bz\xda\xad\xa8\x8d\x12q\x87\xef\xfa\xd7\x8e\xd3\x1f\xd1\xea\x1b\xa7\x8c\xb0\xb6:6\x1d\x05\x0b\xc3\xd3-b\xcf\xf5\x9fz\xbb\n^\xa7=%5\xf1\x10v\xefk\xa3L\x823!\x01"z\xc3\xcd\xb5\xed\xb5\xc26&amp;Q\xd5\x96\x1b\xa6|oW\xc0\xc3\xd8\x99\x86\x8d\xc0\x05\x82v\xb4g\xc6\x86\x82]\xd7~2v\xfdm\x00AS\xb6\x9d\x810\xb5\xd4\xb0m\xb9\xb9\xb4\x98\xc0fo\xd7\xc081\x16\x9e;c\xac\xc2\x0e;\xae\xa9\xad`\xfb\x10\xd9\xd8X@d\xa7y|N!\xcd\xd4@%Z\x05\xda+Q\xde\xae\x80\xe5\xd8\xa3+j\xea\xbd]\x01\xef\xf0\xec\xbf\xcdxB\xd2\xc7(\xec\xa81\xe1\xe466m\x91G\xbe@D\x84\x18\xcb}\x9b}\x0cj!\x9e\xa0\x1e\xed9\x06\xc3\xc6\x10\x91\xde\xae\x80\xc7h\xfb\t\x18"\xfax\xbb\x06662\xe2;/\xb5\'@6\x1e%}LB\xfd2\xd6\x83r{o\xb6\xa2.\xaa\xd8&gt;G666\xbe\xc1\xd7v?mc\x06\x88\x08q\x83\xbc]\x0bm\x02\x0b\xa7&amp;5\x9e5`\xf1U\xde\xae\x88\x8dI\x04v\xf7v\r\xda.m/\xef\xb8\xefS\xf5\xf2/\x1a}*\xbfB\x0c\x00\xb0\xf7\x86\xcf\x08%\x129\x19\x1d\x87\xa9\x15\xb3\xf1"\x1eQ\xc7\x0cm\xf5\xc4U\xa8\xb9\xfee\x1c\xb3\xeeV\xe2.\x0f\xdb\x87\x9a\xa7\x1f\xb7\xe2\xb4\xb6\x95\xcb\xc6\xc6\xd7h\xa0{-\x1b,\xaf\x08\x80\x1d\xea`\xe3E\xa2\xab\x16(\xed\xf2p\xd7\xd54\xe5B\xd2\xe6rH\x1b\xe5\xc9j\xb8\t\xea\xe1\x9d\xeb\xda\xd8\xb4{\x9a\xa7Y2\xdc\xf6%\xf2 \x93\x98\x04\xd7\x05\xb3\x1f\xcd\xe9\xe7\xec\xc9DG#\xd8\xec\x13\x16\x98}BVhC\xf0\x11\xf1\x99\x7f\xd9\x0f\xbc\x8d\x8dg)\x1f\xba\xd7\xdbUP\x87\xd6-s\xd8\x8a\xeb\xcd\xbe\xb4\xed\x9b\xa3\x1b\xd3{2\xcf\x10\xab\x1e%\xefe2\x15"\xadc\x07\x127\xbf\xf6\x7f\xd2\x0e\xb5n\xdc!\xd5\x0b\x14\xfci[\xb0\r\xd1F\x1f{\xa3&lt;\xf0\x0f\xfb\xb1\xd1\xcb\xf4\x9d\x0fx\xbb\nj\xd8kZ\xbeL^\x1f\xcf{,[\xcb\xf8\x8dwx\xbb\ndT^\x04\xe5]\xf9\xcc+&gt;\xb9\x13\xd9\xca\xdb\xf8*_"\xd6O8\xec\xedZ\xd8\xd8\xd8XH\x9bW/\xb9\xed-\xabGx\x11O\xfd\xd3\xe8%\xd2\x9b\xd7\xd8#Q\x1b\x9bvO\xa8\xb7+@E\xaf9\x97z\xbb\n\x1d\na\x8e\x9d\x1a\x80&lt;\xafU\xc4\x03\xf87\x01\x04\x9a}\xd2\x14\xd6\x03\xc4\xddm\x94\xdd\xfb\x92\x08\xf1v\x05\xda.\xb6\xe2P\x1b\xe1\xe0\xed\xdf\x9a-Ni+\x03\xb7a\x82\x8a\xa6\xd9o/#A\xc6O1\xef\xec\xc7\xb9\x0f\x15\xc3\xf6\x19?[\xdbe\xc3\xa5o\x99v\xae\x00K\xa4\xdd\xed\xa1RGC\xf7\x9c5\n\x00 \xac\x15 \\\xa5\xd0\x89\x87\xffo\xd8Y\xd7\x83\x7f7\xbdW\xb1\x82"oW\xa0\xc3\xe2g;\xa6\xc9\x88\xa0(\xa3\x92\x03\x94\xb5{\xce\x01\x80\x97\xb4\xc2\xfa\xdb\x17\xc5\xde\xae\x80\x8d\x8d\x1a\xf1m\xca$\x9b\xcb2\xa5V\xd2\xc4\xf7g\xbadf\xcb:\xa6\xf26D\n\xfbm3\x90\xf2\xdd71az\xeac$\xf9@\xec\x93\x99\xd8sJ\x1b\x1bsI\xa0-\x18\xdaSi\xcf\xd5\xcfbf\xcb:\xfb\xe5\xf4\x0cU\xa3\xce\xf1v\x15|\x85N#\xf6\x13\xb7\x0b\xb5\xe4\xbc\n\xf3zs\xdb\'Y\xf4W{H\x1bjc\xe3qnxYG\xfb\xd5\x05\xa0\xb3\xf9U\xb1\xb1QC\xc1\xfd\xc7\'Vj\x8a!~\xb0\xb7\xeb`cc\xe3\x9b(\x8b\x03#\xe2\x88U7z\xb2.6666m\x9d\xdb\xdf\xf6\x05\xd3\x8b\r\x00@\xb9\xb7+\xa0\x81\x96\x99.\xc6\xb2+\xd38\xcbtL\x1c\x14e\xfc\x97\x9d\xff&lt;@\xae\xd5U\xb1\xb1i\xe3\x84\x83\xa7\xd7\xad\xc3\x8b\x06l\xf7\xe0\xe5l\x088mb\xbe\xb1\n\xd51\xb1n\xe8\xe0\x13\xf4[p\xca\xdbU\xb0\xb1\x11\xa2\xe2[\xeee\xaey\xde\x93\xedp\x9c\x07\xaf%\xa7]y\xfc\xe9\xa4l\xc8n\xee\x03"N\xdc|\x17\xfb\tTr@\x96\xea\xabR\xc7#&lt;\xab\xe7zo\xd7\xc1\x87\x18\xbe\xf2\x06\x08\xef-\xdc\xd2\x9eG\x871\x03\xbc]\x03\x1bO\xe2S}\xbf\xc7\xac\x9e\xa6\x0b\xd4\xb47\x82J\x06\xedR\xde\xd9C\xd5Q3\x8d\xb0\xcd\xbf\x1b\x83\xc7r\x87\x07\x11\x17\x1dz\xda\xdb\xb5\xf0\x1d\xf2Zf^,\xde\xe2\xe7\x9d\x8a\xd8\xd8\xb4e\xea\xc6\xaa\xa7\xd0\xb0\xf1\rf\xef}\x18\x11\x952r \x0f\xe3Y\xdb\xe9\xd2i@\xf3\xd1{\x7f4\xf7\x94\xf9}\xb7T\x8d\xf4\xe5p\x9dvn$\xb7\xb1i\x97\xc8s* \xe2\xdb\x7f\xa2\xf0O\x8fV\xc8\x86H\xd1\x80\xed\x88\x08)#\x89{\xc7o\xbc\x03\x11/{\xfc\x7f\xc2\x8d\x88\x18\\&lt;\xdd#\xb5\xf3\x01\x12\x87\xd9B\x98\x1d\x896\x9f(\xc2\xa6\xed\x10\xed\x9d\xcb\xc6\r\xf2\xc8ed\xea\xb3\n\x190mT\x91\xe4\x1a\xf3\xef\xe63\xea\x01\x96"\x94\xcd*\xf4Z-l\x00l+\xb4\x8da|j\xfd\xd5\xc9\xb0\x15\xd7\x03dYqf\xad\xf6\xd9a\xc5E\xd5A\xc4\xd8\xda\xc5\x9e\xbfn\xbb\xa4\xda\xdb\x15\xb0\xb1\xb1\xb1i\xdf\xd4y\xbb\x02f\x92\xd4eE\x07\x98\xb6\xd9\xe8\'\xc3\xa4\xf3\xa4\xdb\xcf\x99\xb9\x98q?}*\t\x9d\xe9.\x8a\xb1f\x9f\xd0F\x0f\x05\xfd\xb6z\xbb\n\x00\x00\xf9}\xb7x\xbb\nDR\xef|\xd7n\x18m\xc8\xc8\xf34T{\xbe\x126D\xe6\xee\x7f\x14\xfc\x9a\x8c\x9c!\xae\xf3\x12\xb3*c\xd3\x1e!&amp;\xabv&lt;\xf2\x05z8\x8f\xc8K\xbf\xe0\xcek&gt;6x\x92\xa7\xbeS\xe9\xe7\xbc\x9b\x14\xce\x8e\x8e\xb11J$\x04\xf7\xb0\xe0\xb4\xed\xca\xdcd\x00B\xa2\xa1!\xcb\xafUh"\xcd\xc5K\x1e16\x96 \xf7\xdb\xc8V*z\xcf\x07\n=V\xc2\x10\xd3\xaaC\x87)\xc6\xb3\x95\x17\xbel\xfc$6m\x08r\x08S{$\x1b\xc0\xdf\x95\xe7\xdcD\xf6\xdd\xf8\xb9\xe9\xe7l7\xc4\xd5\xb5\xb3\xf9\xab\xed\xd3g\x1a7\xbe\xaa\xd0c\x05v\xb7W\x82dx?G\xf2\xe0e\xd7x\xbb\n&gt;\x8d\xbeD\xa7\xe9\x906\xca\xe4\x8a\xd8\xb4\x13"V\x1d{y\xc0\xa2\xab4J\x89\xd5\xafll(9\xfb\xe6/\x89\xe9\xa4\xaez\xd6\x9b\xbdoX\xd9\xecag]\xaf\xef\xd8\x91\xabo2\xb1&amp;\xf6(\xa4-\x81\x88\x00\x89\xd4\xc5\xb9\x89\xaf-\xb5\xaf\x8b\xa8\xbe\xde\xae\x81\x87@\xc4n\xd3\x8ey\xbb\x1666\x9e\xc5\xed\xb5@\x92\x0b\xecX\x84z\xbb\x02m\x84\x8e\x11\xe0k"r\xd7-zjL\xab\x85OS\nP\x01\x89\xc3\x18\x8f\xca\xb4\xa4.\xed\x9d\'\xbf\xed\xa8/\xafm\x81\xf3a\xec&gt;\x85\x9e\xd0K\xc5\xa2W6*$5\x9e\x05\xf1C\x8a\x07\xee0\xe5l\xb1u\x8b\xdb\xaf\xeec\x1e@\xa3\xb7\xeb`ccc\xd3\x86\x08\xa2q\xf7\xf5-\xcf\xf2\xa6)G\xbd]\x05\x9d \xe2\xe1\xbb\xbf\xf7v-l\xbc\x85L\xb7\xcf\xc6\xc6\xb7\x89\xac\x9cK_x\xf2\xb63\xd6\xd5\xa4}\x12R2\x13 \xdf\xdb\xb5h\x13T{\xbb\x02\xde%\xc0\xdb\x15\xb0\xa1#w\xd2\x8a\xa3/z\xbb\x126\x96\x13P0\xd5\xb3\x17\x8c\x94m\x91\xca\xc7"\xa2\xb15\xbbvKz\xfb\xd2\xda\xed\xe2\x95\xab"\xa2\x1e+k\xaa4\x07F\xe9\xe0\xdd\xe6T\xc8\xdb\xd8\x0b?L\\\xfe\xc4\x1f\x9e\xb8L\xf6\xf8\x8e\xf0\xbb\xc4\xd4,\xf4v\x15\xc4\x90\xfc\xb4; Q\x9d\xe6{\xbb\n\xed\x04;\xc7\xb2\x12qJ;\xa8\x1b\xbez\xb3\xaa\xa2BR\xe3\n\x0f\\\xc5\xc6\'\xc9\xf1v\x05&lt;\xc4\xb4\x1d\xf7y\xfc\x9a\xbe\xb5\x1e\x07\x00\x900\xd4\xdb5\xb0\xd1\x89R\xd4\xb6\xc3\x93\x95h7\xa4v[\xe5\xed*x\x12[\x9d\xd8\xc6\xc6F\x88Yb\xfb6\x1d\x99T_\x0ex\xa8\xf2\xae/OD\xc5\\;\x82\xc8\xc6G\x98\xbc\xf5\x1eoW\xc1\xc6\xa6]a0\xa4\xbd\xbc\xed\xcc\xcc|9\x1e\xc9\xf6\xd7\xb5\xf10\x0e\xea\x92nw\x96yg?fAMlt\xb2\xf2\x98\xadP\xad\x07\x8f&amp;\x03\xb1\x94Y{\x1eJj&lt;\xcb\xdb\xb50\x8b\xec\xf5\x97\xbcIQ\xcc\xb8\nO\x83\xe13\xd8\xd8x\x88\x9b_\xf7\xba\x8bY\x89\xb7+`\xd3~PIA\x13\xa2\x12\xa1\xf4\xd6\x1fh\xf1\\S\xe7Sn\x96h\x86\xf5t\x16\xfd\xe5\x18(/A\'[\x96\xc2~\xe9\x02\xf6C8"\x06-=\xad\xf7X*:\x82\x07\xaf\x8dM\xbb\xa3\xe3d\xeb\xf1 ]&amp;\x1eQ6\rUDT0\xc4h{\x926\xd1\x88\xa7v[\xed\xfa\x8c\x88\xad\xb3O\x02\x04\toij\xd3*g\x07\x9c8LA\xd52:\xb8x\xba\xae\x8bK\x13r\x9c|\xf4w]\xe7\xb1i3\x84\x94\xcc\xf4v\x15l\xda5A=\xa6\xed\xb8\xdf\xdb\x95h3$y\xbb\x02m\x02O\xe4\xf6B\x9e\x9a\xd1\x07\xe4\x1bU\'\xc1U\xff\xd1\x1aj\x0c\\r5e\x1dh\xab\x0b\x00\xe0\x8f\x88\xa4\xb4Zrc\xb8\xf7\x93\xa3\xd9t\x00\xa2\xda\xc4\x98[\x1f\xd6\t\xff\xad\xbd\xf85\xc1_\xda\xaf\xaa\xfaM\xb6\xb3\x0c\xa8\x123 \xa5ieV\xcbz\x00 \x9a\x8e\x13\x1a\x96y\xb8Fm\x01O\xd8U\x84\x1d\xed\xcf\xfc\x13|\xd9\xe3\xff\xa3\xe8\x80\x01RGA\xce\x04\x0fTRF\x17\x9a\x9b#\xab\xb9=\xec\xb3\xb1\x04\xbb\xe9g%\xbe~\xa9\xf0\xcf\xc2\xfe\xdbH\xa5D\xeeA\x1a79ahF\x8f\xb5\xc6+\xd6N\x08+\x9b\r\x01\xcd\xae?\x8b\x07\xeeT\x17\t\xfb\xc2\xcbOp\x07^B\xf0\xefF\xeck\x11\x11\xa0\x93\xd6\xb8\xb2\x1e\xc0\x01\x90m}-\xd5\t\x06(\'m\xb7\x13Y\xdax\x88\xe8\xea\x05\xde\xaeB\x1bf\xfc\xc6;4\xcb\xd8\xa3\x1c&amp;\x8a\xc5\xedr\x84\xd7*b\xa3\x85\xb4\xf7M\x1c\x16\\2C\xb8\xcb[\x15c\xc13QU\xf6\x1c\xdaF\x82\xb3\x95[v\xe4\xf9\xa9\xdb\xef\xf5nU:\x06\xb6,|\x87\xa3\x8a\xa9tJ\xd3J\x8b\xeaa\x11\xaf\xfc\xea\xea\x80+\x00\x00B{\xbe\xf3\x97\xb3\xd3m#\xbd\xaf\x8d/B\xe9\x01\xd0\xa6\x89\xeb\xbc\xc4\xdbU\xb0Qd\xdf\x8d\x9f{\xbb\n\xbe\x88J\xe4h\x1a@y\xcb\xac\x13|\x9f\x17e\xf6\xa5\xd3\xcd&gt;\xa1\x9c\x8c\x1e3.2px\x96\xee#\x8dt\x96|\x07\x9c\x04P\x14Z6\x0b\x00\xea\xc6\x1e\xd2}6_\xe0?\x88\x9dF\x9e\xed\xedZ\xb4E\xcc\x9da\xe4w\xe0&lt;\x01\x1dxa\xcb\xbbD\xf7\xe7\xfe_v\xfe\xf3\xde\xad\x88\x8f\x12V6\x9b\xb49\x04\x11\xe3\xea\x96t\x1aq6@\x19\x00\xb4YUwS\xc6\r\xb9\xc5\x03w\x00\xd4\x99q*Z~\xa7q\xbcjK\xd8\x12\x1f2\xa82p\xdb\x98\x00\xe3K\xa4\x7f\xe4\xdd\xd6(\xf3v\x05lhI\xf6v\x05\xbcH(\x00\x00\x84y\xf8\xaa\xc9\x8dg!"\xab\xd5\xdd\n\x92\xba\xac0|\x0e\xc5\xccQ\x1d\x18\x8f\x0e\xe9,\xa6=}\x17\xa6D\xb6\xf2\x18\xbc\x8eF~\xfb\xfa\xf5}\x17\x0f\xf4@\xbe\x99C\x83=\xf5o\xfb"\xa5\x89\x98\xdc\xa9\xc8\xd3\xf5hg\x84\xf7b&lt;\xc0\xf7\xf2\xdfux\xc6\xac\xbb\xcd\x13\x97\ti\xf1\xc4Ul&lt;H\xa8\xe7/\xf9\x1d\x85!\xc8W\x03\xc8*\xbd]\x01ka\xb0\xd1\x054{\xe5\xe1i\x8f\xb0\x85f\x95\r\xd9cQ=\xda;\xf6$U\x88\\}6\x91\xe2\xa8H\xf3+\xd2\x81!:w\xf8\x916\x9a\xc9\xea\x8b^\xb5\xfa\x126,\xd4z\xbb\x026\x8c\xa4\x8c\xe0\xfe\xf7\xcb\x9b\xe4\xd5z\xd8\x18\xc7G\x86\x05&amp;(\x07DV\xce3~\x92\x8e\x83\xf5\x93\xb9XB:\x01\x1b\x93(\xf5v\x05\xcc \xb0\xbb\xb7k`.J\xad\x18\x8d\xe7\x04CN\xe5\xa8\xaa\xf9]&amp;\x9e\x0f\x00\xba\xd2D\xfaf\xd6K\xab\xf3]\xfaH?\xe7\xb3\x04\x00\x04\x1a&lt;\xc5\xd5\xcf\xb5\x0fGQ\x0fagx\xb5\xb1\xf1\x04!\xa5\xe4\xb4\x07\xc9\x82D\x99\x88\x18^&gt;\x87\xe5\xac\xb6\xfd\x9f\x86poW\xc0\xd7\xf9\x8c1\xbcBA\xa2\x12\x80j\x01\xabX!\xdc\xc6\xc6\xa7\xc8\xed\xb0\x865\xbb\xbdh\xdb\xec\xbe\xee\x1f\xf2\x8d4+\xeb\x88\x18V6\xcb\xfc\n\xd9\xd8\xb0\x11\x04\x89\xc3\xbc]\x07\x1b\xb3Y\x7f\xf2\r\x96\xe2\x1e\xb4\x92\xa5\x8f6\xef\\\xc1\x1eXAW\xc3\xa8E\xd7\x7f\xd3\xe5\xef\x98S\x93\xf6\x83\xc1\xf4M\xe1\x15\xc3\xf6\xd1\xba\xb6E\xf6\xd5*\x91\x0ePo\xac&gt;6\xbe\x0f\x8d3\x94\x85\xec8\xfd\x11E\xa9\x14\xee\xa9\x16\xa7\xa0\xb5\xbdIl\x080\xc5\xf3\xb9H\x06\x886\xb9"\xd6bH\xe5\'\xb3e\xbd\x89\x02I\xedE6\xc4\x04\x12\xea\x97\x9d~^z7\xde\xfe\xb3m\xdc\x9f\xda1\xe7R\x97\xcdQ\xde\xe5\xe5\x1e\xc5FD\xca\xc8\xe9;\x1fP\xde\xedO\xfd\xf2\xda1\xfd6m\x89ToW\xc0\xc6\xc6\xc6F\x93N!|\xea\x17\x1b\xaf\x12\xe0\x9a\x12\xc9\xdd85\xbc\n\xc3\xcafo\xb8\xf4-=\x17M\x18\xaa\xe7\xa86A\xc2\x10\xeb\xafQm\xfd%lll:0\xe4v\xcc\xab\xabo\xed\x8f\x17\x7f\xc6\xef\x19\x0c\x89"y\xac\x86\tGL\xaf\x8f\xb7\xb1\x9d\xc6m\x00hW\xc8\xcc\xc1\x1b\x96|3\xd7\x98\xed\x95\x08u\xd2\xbb\xaf\xb1\xe0\xac\x8a\x96\xe1\xb0r\xdb\x03\xb9\r\x11;\x08\x11\xc7\xae\xbf\xcd\xb0\x1f\x8a\x8d\x8d\x8d\x1e\x1c\xb5\x8b\xbc]\x05\x83PG\xab\x87\xf7\xb6\xb2\x1a6\x00\x00E\x03v\x98w2\xdfT\x0bn_\x0cZz\x1a\x11\xf5j \x07\x80\x7f7\x80\x12\x93\xebd\x03!\xde\xae\x80\xb9x \x1f\xa5\x8du\x98\xa5M\xa8\x92\x11\xd5\xc6\xa7\xa8\xb0\r\x1b\xc6\xa11\xa8\xa6X^\x0b7\x92\x04\x0fv\xdaN\x8b\xb0\xd5\x1bl|\x92v\xec\xf9\xe1;\xe4N$me\x13\xa1,\xec\xbfm\xf5\xf1WL\xa9\x8e\x8d&amp;\x1e\x8b\x1f\xd0\x17)\xd4\xd1I\xed\xb6*\xb3e\xbd\xb7k\xd1\x16\xf0\x84\xfb\x1b=\xba2K\xc6\x0e2\xbb\x1a\xed\x85\x88&gt;\xde\xae\x01+y\xde\xae\x80\x1b\xeb\xa7\xb3\xf6\n\xa6".\xf1O\xdf\x8a\xe8\x8a\xac\x9c\x07\x10d\\\x9bTLGO&amp;\xd8\x91AD\x80$o\xd7\xc2\x89\xb1&amp;\xcf\xd3\xe9\xa8\xdb8&gt;\x17\xfb\x87\x88\x88\xd8FS\xe7r\x95\xa7\xf7C\xccn\xddhi}lX\xc9\xf2v\x05: \xb6v\x12\x00$\xb6\x17}Sy\x169\x1bV\xbc\xedE\xe1\xbbZ\x8f\xf4\x12\x84\x9d-\xacE\xbbD\xdf\xb8;\xb8x:"\xd2\xa5s\xd1\x83\xad\x7f\xdb\x01Q\xd1s\xd7\xc2\x88\xabN\x83\x81cm\xda\x1da\xbdL&lt;\x97I\xe7\xf1\xb4\xcb\xaa\x7f\xfe\x14\xdb\xa3\xcaC \xe2\xcc\xdd\x0f\xb1\x1e\xd5k\xee\xa5\x888\xec\xac\xeb\xad\xa8\x92\x8d\x8d\x11\xb2[7x\xbb\n6m\x92\x8c\x1e\xebH\x9b\x1d\x1e\xae\x86\xd7ADH\x1e\xee\xd9k\xe6z\xf6r&gt;\x03\xbf\xf6\xc0\x86\xa3v\x11"6O;nE\x95\xda2\xb1\xde\xae\x80\r\x8cXuc;\xce\xf3\xda\x96\xa7&amp;vR/\xcf\xc0\x90C\x9a\x89\xca\xe1\xfb-:s[~\xaa\x8d\xe2\xf0\xd2um\x0fg\x1b\x8b\xc8\x05\xc8\xf7v\x1d(\xa9d=\xa0\xdb\xd4\x0b\xad\xa8\x87o\x13\xe5\xed\nt\x10\n\xb5\xa2L\xadj\xb4;r\x07\xec\x19\x8a\xbc]\x01}\xd8o\xbeY\xd8&gt;_6:1\xdc:\xdb\xcf\x9e6\xfd\x17^i\xea\xfaw\xa0\xadb\xe6C\xdc\xf4\x1a\x02\xd40\x1f\x16o4L\xb3x\xe0N\xfa\x8b\x01t\x95n\x0bn1X\x01:",8g\xa0O\xb5;}\xe7_\xee\xed*\xd8\xd8\xd8XJ\x19?T\xf2\xad\xf8U\xdf\xc7\xc1\x7f\xb0*8:\xb9\xf1,\xba\x82l\xf2+\x14\xd0\xfa\xc7\xc6T/\x1c\xbe\xf2\x86ag]\x0fI&gt;\x1b\x0c\xe0\xfbx;\x90\xc3\xc6\xc6*l\xc1\x00m\x10\xb1\xcf\xfc\xcb\x13\x1b\x96{\xbb"m\x93\xe2\x81rU\xee\x00/\xd4\xc3k\x14#"[([T?\xcb*\xe3\xeb,:\xf4\xb4l\x9b\xd2T\xbe\x96\xfb\xaf~\xc2a\xcb\xaac\xd3\xee\xe9H\xb1\xce\x8e\x81\xde\xae\x81NBJf\x82_\x93\xb7k\xd1V\x91\xcc\x17\x0b\xbdS\x0b\x0f\xb2\xf5\xca\xf7]\x9f\x11\x11RG2\x1d.^\x9d\n\x0e,\x9a\xe6)\xab\xb5\xcf\x10\xd8\x1d\x00\x88\xb9\x13P\x81\x07?c\x1c\xe5\xd8x\x95\x9f\x11!s\xacw\xeb0p\xf1\xd5\n+\xc1\xde\xf5\xe5\xf4\xa1U\x1e\x9b\xf6GGH~ \x18d\xf8w3\xe6\xee\xe1;\xa9\xb8\xd8\x97\xdb\xd5\xe0f\x1e\x84\xd9\xad\x7f\xfe\xe4\xf9\x07\x9e\x00\x80\xf3\xcf\xfc \xda\x91&gt;F\xd2\xe9\x16\r\xd8q\xfd\xcb\xc8\xe5\xd1raj%}\x99\x04oW\xa0\xed\x91\xd8\xb0\\\xf8\x84\xd4O8\x8c\x88\x00\xf5\x12\xe1\x14D\x84\xf0^\xdd\xa7\x0b\xe3!;\x8c*\xa7c\x00\x00\x14\xf4\xdbji2\x95\xf7:\xd0{\xea\xcb\x84\xf5\x02\xe8\xe4\xedJX\x81\xef\xdb\xd8u\xac\x8b\xab\xad|\xcf\xd9\xf7\x88\x8eJ\xb8R\x9d\xa47kg\x0b_w\xf2\raG\xfb\x1b\xe9\x1d6\xbd\x1bn\x98x\xc4\xacS\xd9\xc8a\xf1g4\x01D\xbc\xf1U\xbb\xe9W\'\x10\x00\x0e\xdf\xf5/\xf5B\xc1\xc53L\xbdhDp\x89\xb9\'\xb4\x91#\xb28\x95\x02T{0\x03R\x9bC%\xbbx\x84\x19ne&gt;a\xe6\n)\x9d\t\xe0\x07\x00\xa5\x83w\xa9F\xfa7\\\xfa\xd8\x7f\x05\x9dk\x0e\x84\xf4T(\x99\xe0*\xb6\xe0\xe0\x93\x16T\xb9\x8dR\xa5\xfb\x99\xb1\xd4\xa8`\xf6\xc9\xad\xf0\xfc\xb7\xb1i_Xh-43\xe6\xcc\xcb \xa2\xf5\rJ\x17\x85\xed~\xac\'\x1a\xb9\xfa&amp;#\xf5@\xc4\xa1+\xae#\xee\xfaC0\xeb=\xf9\xc8oT\x1dIDo\xae|D\xe5\\#\xb5\xf2QRF\xb2\xab\x9a\x1b\\\x1do\x03\x8b\xeb\x8f}\xe5\xfbS[\x82OC\xdb\xc4\x92d_\xaf\xfc\xea\xfb\xbf`\x9bA#\x0b)\xdf\x013%\x01\xac\xd6,q\xd6\xd1\x97\xa4q\xb7A=X.\xc1Ll\xedb\x05\x9d\x97b\xa3Y%\xd2F\xb1$\x0c1\x1d&amp;\xe3D\xc0\xd2\xc3\xcf\xe5\xf4\xa2M\x07V6d7\xfd\xa9\x85f\xe7\xbb\xde\xa3}E_\xfd\xb5\x1d/\t\xb7\xcbU\x1b\x1bK\xc9\x9c\xba\xfd\xde\xd1ko!\xed\xf2\x95\xd4\x996\xe6\x11\xac\xdd\xed!\xe2\xa85\xc4\x07\xc2\x08%\x96+\'\'\x8f\x10\xfe\xa5\xb7\x89\x97f\xe8\xec5\xe7\x12\x9d\xf5\xf1\x11\x92\x86\xfd\x9f\x05\x1d\x9e\xc4\xeb*\xb2r\x1e\xa9T\xc9M\xaf!@h\xc9 \xc1\x82b\xfc\x10\xee\x90\x98\xea\x85\xd4W\x8b\xf3\xb6\xfbk\x07&amp;q\xa8\xae\xc3\x18c\xc4\xfd\xbb\xe9\xba\x8a\x11t&amp;\x1d2\xf7U\xea9\xfb\xa4\x89g\xb3\xf1}r\xbcqQaB\xec6\x97\xc0\xa0\x04\xa0L\xb2\xa9\xd7\x9cK\xbdR\x15]\xf8#\xa2\xb9\xe9\n\xe2\xeb\x97J:\xe0\x81\x8b\xafV(\x9b\x07\x00\x88X7\xf6\x90\xf3\xef&gt;\x9b\xf9\x19p\xfb\x0f{\xa3\x80R\xfd\xd4[\x9e\xd5&gt;4\xa7\x0f)\x99i\xea\xf9\x98\x8c|n\xae|\xc6\x8b\xc6\x9bH\xef]\x9a\x15\xf5\xaa\xaakP\xdbP\xc08\x12\xf4p\x8c\x93\x91\x94\xb1\x1e\'\xa2\x0f\xe3\x01]\x00\xfc!\xb4\'e\xe9\x80\x82)\x8c\xe7\xd7\xa4B\xd2\x01\xcf\xde\xfb\xb0B\xc9\x10\x88\x1f\xcc\xf7\xb8]\x00\xe0\x8a\xa7\xfe\xb2\xd0\xd5\xa0\xed\xe1\xcb\xe3\xd1J\xcf\xfcFO|\xa3~\x95,\xfe\x831\xc9C\xd3\xf4"4V\xf1,\xc6*\xf9BJ\n\xfbo7~\x92\xeb^\xb2\xdf}fd#\x9a\x0c\xa7\xef\xf4_\xeee\xe3LE/\xa1\xdcI\x8a\'\x0eh6\xa5~m\x9bD\xb7"f\xc3\x04\xcd\x00\x9bP\x80D\x86\x95l\xa7z\x86i\xb4\xcc&lt;!\xe9\x80\x7fB$\xa6\x9f\x9b\xb6\xe3\xbe\x90\x92\x19\xc2\x1e\xb7e\xe6\xc5\x88\xf8\xe0\xa7v\x07\xec\xfb\x04C\xce\x04e\x7f@3H\x1ea\x0f\xc5:\x1a\xd9\xad\x1bh\xdc\x86:"\x83\x97]\x83\x88\xad\xb3\x89\xab\x9e\\\x04m\x84\xdePZ\xe6Dl\x00\xa0\xcb\rAO`&gt;"\xc6u^\xaaUJ\xc3\x1c\x17\xd9\x89\xb8\x0e\xca\xc0W\x88\xe0\xdf\x8dBX#\x8a\x8b\xca\xf7\x16\xd7&lt;\x8fD\xe4\x96\xa5\x99\xbb\x1f\\v\xbe\xb34\xe7KY4`\x07"\x06\x17Og\xba\xe2\xe8\xb5\xb7\x9aV{\xefA\xd9\xd3\x0c^v\x8d\xd55\xa1\x04\x11\xe5\xeb/\xa6\xe1\xd7\xd4{\xdee\x12\xd7\r\x1bz\xfc\xf2&amp;{\xbb\n6\xa6\x92\xdd\xba\x01\x11\xe7\xee\x7f\xd4\xdb\x15Q\xc1e\x8f23r`\xf5E\xaf\xd2-\xb3Q:?\x97\x1b\xa9\x0c\x05~\xe6)\xe5\xc6\xcb\xd6b5\x06=\xa1e\xb3\x84\xb1\xbfB\xa2\xab\x16HK\xc7\x0e:\xf6\xc0/\xdc\xde\xd8\xda\xc5\xdc\xb6\xc6I\x178j\x16\xb1T2Q\xecF`\xe3!\x90\xcdW\xce\xc6\xa3\xa4w_#0LZ6N\xb21\x1b\xcd\x9e\xc6\xbb\xc1\x85\xac\xb3^}\xce\x14R\x8bz\xd1\x80\xed\xba\xfd2Hx@\xc9$\xcf\xfaK\x10X\x7f\xc9\x9b\xe4\xf9\xafs\x12,\x1b\x19\x84\xf4D\xc4/D\x93\xbfT\xc8\x1a\xef\xc1*\x1b\'\x97\xa5\xb0\x83\xa5p\x8a\xd8f\xe3[\t\xa6\x1c5\x8b\xa8g\xa8\xc4\x011\xd1\xc5\xcc\x94\x18\xfa\xf6\xa1\xf7i\xd4\xb7?\xa9\xcb\n\xdb\xa1\xc9\xc6g\xc8\x18\xab\xdbG@\xc7ZTT\xa7\xf9\x88\xb8\xf5\xca\xf7\xbd5\xfc\x0c,\x9c\xe6l\xbe3\xc7\xa9\x14\xab\x1b{\xae\xb9\xd7\xed:\xe5\xa8R\x07|\xc5S\x7f\x11\x0fYr\xf8Y\xc1_E\xe6\xd6\xa7\x8d#\\\x9d\xc9\xf1V%\xc8D\xf7\xd7}hB\xfd2-\x1b\xa9,!7\x03*\x82t6\xbe\x89\xc3\xdb\x15h\xff\x98\x18\xac\xe9i\x8d\xf5\x84\x86e\x0f~\xc6\xd6\x01\xff\x9f\xdb\xeeJ\xe3\xcb\xda\x05\xa0B_\xdd\x0cB!;\xc5\x1c\xde\xa0:\t\xd6\xe0\xe8\xbd?v\x1a\xb1\x9f\xf5\x8a\xed\x97h\x95}5\xa3\x0f\xfa\xbe\xc7J@\xc1T\x1dG\xcd?\xf0D\xcb\xcc\x13\xa6W\xc6\x10^\x08Gf\xc1\xbf\x1b"6\xb4\xc9,\x9f\x199\xbd6y\xbb\x0e\xbeK\x8d\xaf%\xa0FD\x88\x1f\xe2\xedZ\x80\xa6\xa5K\xc7\xbcY\x0c\xd7\xf8:\x94\x0b\x98\x10\xbf\xfb\x95\x05^\xa6\xdb\xae\xfa\x80\xd8\xfb\xfeG\xfb\x86\x94\x1b\xbei\xd6\x12Y9\xcf3\xd5\x1b\xb8D)x\xda\xcd;\x7f\xfa\xee\x8d\x12\xe0\xfb9N\xda\x03\xdc\x8b\xd3\xd6\x13\x16\xf5\x9ew\x99\xd1\x88\xb2\xf6F\xcc\x00\xdf\xf3E\x94\x0c\x08\xd4\x8d\x96\xfc\x04.\xb2\xafr\x99RW\xa2x6B[\xf9Od\xe1\x88\xb8\xceK\xf4\x9c\x16\x00\xa0\xc4ir\xa4\x90\'\xf3A6^\xf66a\xfa\x1b\xde\xab\xdf\x82S\x00\x00\x90A\\S\xa7\x9f(\x9b\n\xab\xd1\xdb\x03)1\xd2}y\x14\xe2}\xa4^\x02\xc6\xe4c\xdb\x0b\xa8\x10\xefgcc-\x89\r\xcb\x8d\x1c\x9e\xdfw\x8bY51\x13n\xed6m\xb4\xc1\xd3T\x0e\xdf\x071\x03\x10\xb1\xe7\xec\x93\x00!\x94"S\xb9\xbd\x95\x8cB\x94)\x1fB\xe4\x1d\xf0#_\xe0\xd4\xed\xf7B\xf2\x08\x82+_d\xdfO\xf9b[O\xbd\x87\x88fg2V\xc69\x8a\xa2\xf5.,\x1f\xb6\x97\xff\x98Zk\xf6\n:5\x11w\xbe\xeb\x13=\xf4\xab\xff\xe7\x13\xd5\xb0!an\x94v\x83\xdc\xdf\xd0\x1e&amp;\xb6\x0f\x8c*\xfe\x04\x15M3\xa5\x1efc\xee\xc0\xdc\'r\x11\x02\x00"\xd2D\x19\xee\xbf\xf9\xcb[\xde\x90\xf7\xc2\x88\x88\x90:\x12\xa0\x14 \x04\xb2\'\x00\xe4\x08w\x9d|\xe47\x00\x00\x08\xd4\x1b\x1d\xae\x1b\xcf\xf8\x8d\x9b\xe5\t\xd1\x997\x15\x18\xcfq\xe9-\xdaElL\x1b\xf3\xd87\x93yg?\xe6\xed*\xd8\xf8\x10\x11&gt;\xe7&amp;JAT\xa7\xf9\xb4\xa1\x02\xf2W]1\xbd\xaeu\xd4\x02\x04!\xe2\xee\xeb\xfeAy\x00\xb9\x07F|\xe6_\xb8\xfa\xa2W\t}\xb3\x9bj\xf9\xd9,\x10\xce\xd4\x8d\xbet4jNU,$"\xa2\xaf9g\xf8,\xcf\xfd`O\xd4|\x91\xb4\xe6\xd5\xde\xae\x82O\xd3\xe0\xed\xa8\xdf\x8e@\xd0\x94mg\xbc]\x07j\xe2\x06\x03D3\xf6"iJ}\xb0\x84\x981\xab\xd5\x00\x00 \x00IDAT\xe2\x81;\xac\xaa\xb6\x1a\xa1\x1e\x97"\xd7 \xaaj&gt;]A+e \xdb\x17\xb2\xb1\x9d\x8d\x1e|\xce/\xbd\x9d\xe3\xf60\x02\xde\x95\xc9\x8b\x99n\x85x\xd5M.e\x847\xafNE$k6!D\xa4\xd2yH\x1a\xa6]F\xf6\x90\xc4\xd7/\xbd\xf3]iw\xfb\x0f\xc4\xe2\x81;\x0e\xdd\xf1\xdd\xe2\xf3\x9e\t+\x9f\xcdT[\x1b\x1b}T\x0e\xdf\xd7^d:&lt;\xc15/\xb8\x07.\xc2\x97\xb7\xdb\xb4c\xde\xad\x98\x8dnHA\xa5\xba\x03\xec\xe2\x06\x1b\xa9\x8a&gt;\x18EV\xcd29J\x08\x83\xd0\xd6\xd2\xc1\xbb\xc5\x1b\xb3!{\x82\xbe\xd3\x9d\xf9\x10\xf3\xfbl\xd1\x1c[4L8\xac:\x93\x88W\xd8\x1e\xeb\x12\xd6\x7f\xe2[\x95\xb9\x88C\xbb\xa266\xc6\xb8\xfa9/M\x85c\x07z\xe7\xba:H\x1f\xfd\xe2\xcfx\xfb\xdb\x88\x88\xb3\xf6&lt;t\xc5S\x7f}L2Y}m\x1b\x15\xda\x05\x99\x88\x08\xd0\xe0\xedjP\xe2;^\xfef\x0bw\x84\xf6\x8c\xa9\xd1\x90\xf6]z\xe49}\xd6&lt;D\xcc\xebc\x91\xab\xb9\x92\xeew\xf0\x90\xe5\xd7\n\xfe\xd4\xb7dk\x94\xf6e\xf9\xf4j\x02\xe0\xb4Q9\xbd6\x02\x00\xa3\xf6\xa7\x14D\xd4\xf2\xe4g8\x7f\xcd\xe8\x83F*c\x11\x1f\xe8WJH\xd2\\*z_\xb6\xc5\xe4\xda\xdbp\x88c\xba%y.\xd3\x012,\xbe\xbe\xa5zr\xac)\x81\x85\x896=\xad\xc3e\x192\xbf\xdf\x90\x16\xadC\xaa\xb8t\xbf\x00\xd0&lt;\xed8\xbf\xb1N\xf3J\xdd\xa7_\xc4Z9\x9b\xb6\x80\xe0=J\x1e\xce\x7fRz\x1e\x8c\xeb\xc6\xe4\x1b&gt;\x03\xe5\x90\xc8\xa7\xdeq\x13\xf4v\xb4p\x00\xc0\x8e\xd3\x1f)u\xba\xb2\xf2\t\xd6t\xc0&gt;u\xdb\xbd\r"\x1e{\xe0\x17\x95\x02&gt;\xb6&amp;\x9f\xe9\xed\nP\x939\xd6g\xe4jYW\xd3\x85Ff\xceh\x91\x90\xde}\x8di\xd5\xb1\x01\xf05\xa70e*&lt;\xd27x\x12o\xddySRP\x18\x82\xd8\xef6O?Ny\x94g*\xd9\xe1@DU\xc7\xabx\x1dY\'\xef\xf9\xc0\xf4_\xab\xad\x98\xafi0+\x93\xa0E8=o3\xba\xaf\xe5Z+;\xed\xa8\xf7\xf0\x9d\xd5\x906J\x06\x84\xf7\x92m\xf4J\xfa \x87G\xae\xa2\xe6BK7\xf1U&lt;\xd0\xa4\x1a\xda0\xe3\xd5e\xa1v\x88\x92\x1f\x93\x1c6?g!\x88\xa8\xb0\x84\xcc\x1au\xc6\x9c\xa7\xc1\x8d\tA\xcc\x05\xbe0uh\xcb\x10\x13\x02\xfa\n~\xf9\xe4\xb1\x9dY\xc2\xfdf\xf4\x1c\x9e\x9c1\x07\xd4\x8d=d\x9d+\x83\xa4\xeb\xfd7\xcb\x9dy\xe5WDD\x88\xe8\rq\x83\\\x1b\xf3\xfal\t,\xf4M}$\x1b\x01!%3\r\x9e!\xd0\xb7d\xb0\xaa\xad&lt;y\xb8)F?DTp\xcfN\xe1\xcc\t\x88\x18T4=\xb6v\xb1\xe1Ky\xae\x83\xf4\xa65\xcc\xbf\xc9\x0b\x17\xf5&gt;\x1eHkM`\xd1\xa1\xa7\xbdr]\xef\xc2?\xdb\xa1\x96\x9e\xdf\xc5\xf4\x9d\xf7\xb3\x1e\xfe\xce_\xf6T\xd8\x9bT\xeb=\xd0\x04\xc7\n\x0fb\xb5\xeb\x99ab\xfaC\xd68\x88\x1d\xa4R\xe4}\xb5\xf7$\x1a\x00\x101\xaa\xd3&lt;\xb3kf\xd3\xc6\xf8\xdd\xf5\x9c\xc4\x0eR\xb5uU)\xef\x12\xf1\x9b9\r\xb4\xc6\x18\xb4\xdb\xd4\x0b\xcd\xb8\x8aoq\xd5\xb3\x96vo\xb1:\x8c\xcfB~\xb1\xc4\'\xab\xc3!\x19^5\xe6\xf5\xd9\xec\x9d\x8a\x00\x8cYw\xab\xd8\xf7\xb8\xfd\x13[gp\xc6\x19\x08P\xc3\x92XByz\x9a3\xb1\xa0\xdfV\x95#;\xf6k\xd6v\xe5\x97\x85X\xf2-\xbeG\x84\xf0\xde\xbe\xb625x\xd95\xde\xae\x82)d\xb1\x14f\xb0O\x08\xbb\xde\xf0\x8a94\x87&lt;\xfe\x8dh\x19\xebc\xbb\x036\x83\x1c\x8f\\E;j\x05\x00 \xaao\xf5\xa8\x03\x16\xd7D7I\x9e\xf7\x96*\x1a\xb0\x9d\xb4\x99\xcd\x9b:\xaa\xd3|D\x9c\xb4\xe5n\xf5b\x888{\xef\xc3\x00\xa9L\'w\x1d\xab\xe3(\x1b\x9f\x85)\xd8\xe1\xf5\xdf\xd5~}\xb1\xe9%\x14 \xdaS\xf6d=O\xb2\xafq\xc7;Lo\x16}\x1a\xe6Da\x07\xfc5\xa2fv\x9c{?BD\xfcK\xf0k~`w\xc0\x1d\x02\xc7\x00o\xd7\xc0k\xcc\xda\xf3\xd0\xe6+\xde5|\x9a|\xad7$\x08\x002z\xac5v\x15/\xe4`\x0f(\x98\xca\x12\x8afm\xd0Z\xcf\xd9\'-=\x7f\x9b\xe3\x9f\x88}\x17\\!x\xf6\x9c\xce\x86\x8b\xce\xe5:`\xa9Gw\xe7q\x87,\xabK\xc5\xfa\x93o*\xed\xf3\xe5\xfe\xe3\xb1\xaf-\xe9\xdenxYb~\xe6\x06\xdf\xaa\xa4\x8f\x91t\xb7\xebN\xbe!\xd9b\xe3\xb3Ph\x0e\xdb(\xa2.\x80e&lt;y\x86\x0f\x9a\xfd\x95\xb4\xaeD\x18|\xf3\xb7\x9cz\xcf\xc8\xe1\x92\x9a\xdc\xfbq\x1bj\x86t\xe7a\xa4\x0f\xff\x0bg\x97\xbea\x85\xc1=X\x9c\xf6#h\xcf\xf5\x9f*\x14\xf4\xb3\xc0\xd1\xac\x12\xa0\xabdS\xc3\x84#\xd4\x87S\'\xc9\x0e\xeeAYP\xda\xfd""\xe2{\x88j\xdf=\xb0;W\xcc\x95fj\xca\xf6{]\xc7\x86\x96\xcd\xa2\xad\xa4\x8d\x18n\xe5\x86\xaa\xbdc\xc7"Ud\x1b\x8f\xd1\x1e\xecx\xd6\xe0\xf0\xb1\x81\xbfKLQ\xd3\x14Q\xa4\xa5\xcb\xe8&amp;\xa9\xcb\n\x9d\xd5\th\xe6\xfe\xff\xde\xb7\xee\x92W ,\xbd\xebxxN?\xaf}\x08]\xbc\x96\xd4\xfd\xca\xc5_j\xb5\xcaE\xc47\xfe+*\xf0#\x7f\xe0\xbd\x1f\xd9\xbf\xb2N\xb8\x04\xf2\xde\x14\xe2a\x13vH\x1fmYE&lt;\xcd\xbe\x1b?\xf7\xc6eU\xe7\xd3\xc1J\xca\x94\xedI\xf9D7\xa2)\x1d"\x1eW\x95\x8d\xf3MBKg\xf9\xc2\xc8x\xdf\x8d\x9f\x03\x94{\xeb\xea\xc1\xc5\xd3\xbdui\x01V\x04\xf8\xba\x9c\xb6\x14\xef\xed\xb4\x1d\xf7)u\xc0\x88\xf8\x8b\xc6\xc8@(Z\x12\xe1:\xea\xe0m\xdf\x18\xafz\xc7\xc5\xc7\xc6\xf2V\xe3\xef\xed\nP\x12\xd62\xf3bcg\xa0\x97\xf8\xe0I\x18j\xec\x8a.\xf47\xf1G\xee\xfe\xde\xa4:hb\\XJ\xbf4\x8a\xf7P}\xfe3\xc7z\xaa\x1a\xed\x9e\x86\xa4\xc6\x15\xfc\x0c\xc7\xa3,&lt;\xf8$@\xadJ\x01\x95\x0e\x18\x11\xa9SS\x04\x88\x8f\xb2\xb1\n\x9f\x08\x84\x8d\xac\x9ck\x99\xa9\xdc\x97\xe0mw\x00\xf5\x10D\xbb\xa8\xa3\xb0\xca\x1e\xc8|\xf5\x986\xe1\xf2\x16\x01P\xeckq/\xbeA\x8e\xf7.]\xe4\xbdK\xd3 \xef\x90\xd4\xdf\x0e3\x9c\n\x13\xa8\xd3\x13\xd1%2Zq\xc1\x0bt\xa7\xd3\x90\xabS\xef\x80g\xee~H\xf1\xc8\xe4\x11\xae\x8f\x1b.}\xcb\xee}\xcd\xc2\xb7RRd\xb6\xac\xf3v\x15|\x00\x1d}a\xbc\x81d\xc9\xce\xce&gt;!\xac|\xb6\xfe\x93x\x08\xd6|\x12Fi\x9ds\x89V\x11/8\x81\x13p\x8f\xde&lt;\xc1\xb8\r\xb7;\xbd\x04"\xfb"\xa2\x87\xaf.\xc0\x82\x154\x0f\x7f\x97D\x15\xcbS\x83\xb9=\\v\xebF\xf5\x0e8\xacL\xbb\x05\xd8s\xfd\xa7\\\xe1\xfbt\xfa\x1e\x9a\x9dY\xb5\xed\x12X8\r\x02\xbb\x7f\x85\x18Y\xe9+BHvD\x87\xa9P\xae\xb49\xa8J1L\xca-#v\xa0p$\x0e\x00quKt\x9d\x88\xde\xa0R\xaf\xba\xb7\xe2\x07D\xe5n\xa0\x91\xa1F^\x82\xc5)\x97\x8a.\x93\xce\x17\xfceP\x9d\xd4\',p$r\x94v\xd0w\x99\x11\x95s\xd5\x0bX1\xbf\xd42A3\x9c\x01\xa03\xa4\x8etnM\x1a\xaez\x90\x8d\x02\xdc\xadl\x9a\xd2\x0e\xe5\xdc\xbcJ#\xf8Q*\x06WV\x0c\xdbg\xecZ*\x81^\n\x83\xcd\xac\xf1L\x17\xb8\xe5\r\x1f24\x1d\xb9\xc7\x84u\xe2\t\x9b\xee\x04\x00\x03\xe3N\x97CJ\x14j\xa7|7J\xe9\x90\xdd\x16\x9d\xf9\xe8}?I\x9b\xdd\xb0V\x83\xe7DY\xf8/\x1b\x96/E\x1b\xc8)\xd2\xf6\xa9\x1f\x7f\x9e\x91\x0e8\xbc|\x8em|6\x13\xeeVN\xdc|\x97\xd7j\x10\xda\xda^\xd4\xfet\x91:J6\x1b\xcb\xce\xe8nP\x19\xc3t\x98T\xf1\x14\xd1~i\xd3Fy\xe6\xc5\xe6\xae\xd2(\x9a\xab\xe9?\x15\x8b (\x1bQ\x9d\xe6\x83\x95\x9e\x92=f^l\xd9,\xb3\x0b\xbb\xab\xb39\xd1\xc3\x11\x95skF\xd3\xc8\xeaY\x95\xea\x80H\xf3\xb4c&gt;\x12\xda\x97\xd4e\x85B\xef\xab\xad+\xa0\xdc[\xb7\x95\xb4\xd6&gt;\x06\xcbX\xa6\x0c\xa2\xfbs\x9f\x12\x1a\x96YW%\x12\x1eL\xdb\x998\xcc\xe3\xe6\x14ILB\x9a\xf1e\x92G\xbe\xf0\xee\xf8\xd4\xc7\xbdr\xa0n,/\xbd\xa46\xe1\xa3\x9a\xc0\xcd\xdc\xa3\xec\xb7\xd2V\xf1\x91\xc4\x85y\xfc\xc8\xa6\xc4\xe3\x97\xce\x864\xa3A\x8f\xfe\xf9S\x9c\x9f"\xfa\xf0\xcd\xac\xd1\x18\xb0\xaa\x91\xe7\xb0\x1f$\x97^\x89\xba\xfc\xc9?\xe5\x1d\xf0\xee\xeb\xfe\xa1p\x868H\x1e\x01\x106y\xdb\x19\xae\xe4\xa9\xa7\xff\x96\xf5\x1a&gt;\xbbX\xe0\xdbPw\xc0\xe9\x00\xf1\t\xf5\xcb\x00\x00r\'\xe9q\xb2m+d\x8c\x01\x88\xf4\x91\xb1\xaan\x10Q\xdc\x7f8&lt;\xfb\x93\xd5\x86\x94\xcc$\xad\x80V\xb3\x9c\xc4Z\xfdH\'\x8e\x81\x06O\x90\xda\xb4\xca\x94\x8ax\x1b\xb73f\xefy\x97)\x17\xb3(\x18A\xef\x88M\xe4\xc1$|g\xd9T\xd3\xcd&amp;\x14\xd2\xc7\x94\r\xdd\xe3\xfa\xfb\xf1oP)\xce\xfe?\x88B\xab\xb8\xa7L\xbb\xc5\x99-\xebn}S\xd5\x16\x1d\xd1\x07\xa0N\xb2\xfd\x85\x9f\x94\xfa\x8b\xb6\x95\xe6\xceW\x08\xd0\xb5\xe4\xa3\xee\x96b\x05\xd5\x90=\xc1\xac\xd4\xdc&gt;M\xd6\xb8\xc2\xfe\xdb\xcc8Q\xbas\xf6\xc0E\xf7F\xf4\xd1(n\xfe\xa4\x9f\xd8\xdf\x17\xb2\xac\xc0\xb1\xb6\xf5\xfa:l%1\xce\x1c\xca\xe3\xdb\xf9bXd_\x88\xee\x0f\x90\xa6)\xd9o\x84\xc0\xc2iz\xa7P\xd5\x86.\x1c\xa7\x96\xc7S77\xbe\xaa\x7f\x89\x14\x11!\xd0sn\xd8\xe7\xdc\xf2U\xf3\xb4\xe3\x8a\xfd0\xb1c\xb61\x8bo\x11\xe7\x9f\xf38\x00\x98\xa1*l\x15\xdc\x0f\xbf\xf0\xe0\x93\x904L\xb0\xd9Z\xb7\x17y\x1d\x00\x80o#\x1c\xaae\x1d\x00]t_h\xd6\x9e\x87\xa8]g;\xabZ\xaa\xd3 \xa8;\xfduS\x9aVZ\xda\xc2z\x00\xde:\xe7\x9d\xbc\xf1\x1eD\x97g\x93\x90\xe8\xfe\xad\xb35c\xab$X\x1d\xfd\x95`\xcaY\x10q\xc7\xe9\x8f q(i\\Uf\xca%\x04(\x9a\x94\x10Q\xb7\xd9\xfc\x92\xc7\xfe\xeb\xbd\x90\xeedD\x1c\xbb\xfe6\xa5\xde\xb7\xce\xc2\x9c\x19\x1d\x93\x94\x11\\&amp;\x9c\xc0\xc2\xa9\xce-\xe1\xbd}O.*\x13\x1c\x03e\x1e\x13\xe6\xbc\xb1z\x89\x06\x08\xb7\xa2U\x1a\xbd\xf6\x16\xc8\x9e\xa0U\x8a[3\x8e\xe0\xcd&gt;\xda\xbfWa\xffmtFu\x07E\x19\x1f\x875*7G\xbbHx/=\x15\xf1\x10l\xfdq\x8f\x19\x9c\xc2\x1aCtPT\xa7\xf9\xbe\xbf\xa8\xcf\xe1\\#\xf3I\xda\xd0\xf4q\xd7\xb5\x9f \xe2\xe6+\xde\xb5\xe7\xbeV#m\xbb\x0f\xde\xf6\xcd\xb3\xff\xb6\xef5G\x98j;\x15\x00\x90\xe2\x0e\x833\x8b\xe0\x16\xb3\xfb\xf50\x08\xe9Y2h\x97\xa9\xe7d\xe6\xe6\xd7\x91b`\xe1\xc4:\xa7b)a\xbd\x10Q#\xe7LD\x1fDT\x1d\xbeX\x9d\xf9G\x950\xb6\xc1\xc1\xe6\xcb\xdf\x01\x88\x01\x00.\x13%\r\x93\xb7\x9eQ\xb0\xb5H\xf3\xfc\x88q\t1\xaa\xdc:\x8dd\xe1\xc5\x03w\n\xfe\xd2\xa8\xf0\x05\xf7\xfe\xa8^\xa0mc\x89&lt;\x88\x9d\xaa\xae\xdd\x12M\x92\xdb-\xf4\x86C\xa3n2\xd8\xcd}\xc6\x15\x86\xe9H\x1be\xceyr\'*\xecp\x18&lt;\xb1\xdb\x05\xd4ITl\xddb\xcac=;\xdc\xf6\xb8V\x06\xf5@\xc4\n\xe2;/\x05\xffn\x00\xc0\x92c\xc3\x01P%\xdeR\x05\x86\xa2\xa8i\xa9\x1ay\xb6\xeb\xb3\xe6l\xec\xe4\xa3\xbf[]\x1f\x1bH\x19\xe9!\xef\xc8\x0eC\x18\x84\xf5\x1a\xb8\xf8j\xf9\x8e\x0b\xef\xfb\t\xa0\x02 \xc0SF\xe9\xb6\xedx,@\xdd\n\xaa\xdb\x8f\xd4\xb7=\xcf\x93\xc5n\\\xceV\x9eL[\xb0h\x99\x13\xfa\xecq\x1aT\xd7\xf2\x0b\n\xfam\xd3\xb1L\xfe\xcc\xf7Jby\x9e\x13\xb5\xd0\xf6\x06\ndpz\xb0\x02\xf5\xbc@m\xe1\x99\xa7\xc2\xa5\x16\\3\xfa\x80W\x15\xc8\xdb\x03\xd5\xdc\xd3\xbc\xe3\xf4G\xc4\xdd\x9dF\xec\x87\xf4\xd1K\x8f&lt;g}M\xaa\xbc\</t>
        </is>
      </c>
      <c r="E177" t="inlineStr">
        <is>
          <t>&lt;class 'numpy.ndarray'&gt;</t>
        </is>
      </c>
    </row>
    <row r="178">
      <c r="A178" s="1" t="n">
        <v>176</v>
      </c>
      <c r="B178" t="inlineStr">
        <is>
          <t>steps_per_sec</t>
        </is>
      </c>
      <c r="C178" t="n">
        <v>2600</v>
      </c>
      <c r="D178" t="inlineStr">
        <is>
          <t>5.3690243</t>
        </is>
      </c>
      <c r="E178" t="inlineStr">
        <is>
          <t>&lt;class 'numpy.ndarray'&gt;</t>
        </is>
      </c>
    </row>
    <row r="179">
      <c r="A179" s="1" t="n">
        <v>177</v>
      </c>
      <c r="B179" t="inlineStr">
        <is>
          <t>Loss/localization_loss</t>
        </is>
      </c>
      <c r="C179" t="n">
        <v>2600</v>
      </c>
      <c r="D179" t="inlineStr">
        <is>
          <t>0.03583498</t>
        </is>
      </c>
      <c r="E179" t="inlineStr">
        <is>
          <t>&lt;class 'numpy.ndarray'&gt;</t>
        </is>
      </c>
    </row>
    <row r="180">
      <c r="A180" s="1" t="n">
        <v>178</v>
      </c>
      <c r="B180" t="inlineStr">
        <is>
          <t>Loss/classification_loss</t>
        </is>
      </c>
      <c r="C180" t="n">
        <v>2600</v>
      </c>
      <c r="D180" t="inlineStr">
        <is>
          <t>0.48500147</t>
        </is>
      </c>
      <c r="E180" t="inlineStr">
        <is>
          <t>&lt;class 'numpy.ndarray'&gt;</t>
        </is>
      </c>
    </row>
    <row r="181">
      <c r="A181" s="1" t="n">
        <v>179</v>
      </c>
      <c r="B181" t="inlineStr">
        <is>
          <t>Loss/regularization_loss</t>
        </is>
      </c>
      <c r="C181" t="n">
        <v>2600</v>
      </c>
      <c r="D181" t="inlineStr">
        <is>
          <t>0.033001624</t>
        </is>
      </c>
      <c r="E181" t="inlineStr">
        <is>
          <t>&lt;class 'numpy.ndarray'&gt;</t>
        </is>
      </c>
    </row>
    <row r="182">
      <c r="A182" s="1" t="n">
        <v>180</v>
      </c>
      <c r="B182" t="inlineStr">
        <is>
          <t>Loss/total_loss</t>
        </is>
      </c>
      <c r="C182" t="n">
        <v>2600</v>
      </c>
      <c r="D182" t="inlineStr">
        <is>
          <t>0.5538381</t>
        </is>
      </c>
      <c r="E182" t="inlineStr">
        <is>
          <t>&lt;class 'numpy.ndarray'&gt;</t>
        </is>
      </c>
    </row>
    <row r="183">
      <c r="A183" s="1" t="n">
        <v>181</v>
      </c>
      <c r="B183" t="inlineStr">
        <is>
          <t>learning_rate</t>
        </is>
      </c>
      <c r="C183" t="n">
        <v>2600</v>
      </c>
      <c r="D183" t="inlineStr">
        <is>
          <t>0.079999976</t>
        </is>
      </c>
      <c r="E183" t="inlineStr">
        <is>
          <t>&lt;class 'numpy.ndarray'&gt;</t>
        </is>
      </c>
    </row>
    <row r="184">
      <c r="A184" s="1" t="n">
        <v>182</v>
      </c>
      <c r="B184" t="inlineStr">
        <is>
          <t>train_input_images</t>
        </is>
      </c>
      <c r="C184" t="n">
        <v>2600</v>
      </c>
      <c r="D184" t="inlineStr">
        <is>
          <t>[b'640' b'640'
 b'\x89PNG\r\n\x1a\n\x00\x00\x00\rIHDR\x00\x00\x02\x80\x00\x00\x02\x80\x08\x02\x00\x00\x00\x83\xaf^t\x00\x00 \x00IDATx\x9c\xec\x9du@\x14\xcf\xfb\xc7\x1f@\x04$T$D$E\xa4EJ\xda\x06\x03P\x11\x0b\xc5\xee\x04\xec.\xec\xc2\xc0\xee\xee\xee\xee\xee\xee\xee\x8e\x8f\xf51\x9e\xdf\x1fs\xb7\xb7w\xb7\xbb\xb7\xbb\xb7w\xe0\xe7\xfb{\xfd\xa3\xec\xcd\xce\xcc\xee\xce\xce\xcc\xce&lt;\xcf\xfb\x01\x10N\x87\xf1G\x91F\x8f\x99\x17Ed\xa2;\n\x07u\xac\xd6q\x89\xa9O\x0b\xddd_\xaa\xfd\xb8#\xf4\xcb\xef0\xe1\x98n\n\x12FP\xca8D\xfc\x8d8\xe7\xe0\x8f\xb7\x88\x88h\x11\xd0F\xf3i\xe6\x95\x11\xf1\x15\xaa"\xfb\xb5`\xfc\xa85O\xb4\xacX\xe1\xe0\x8e\x00&gt;Zf\xc2\x9f\xfa}7\xa9]\r"b\xdd\xde\x1b\x00\xa0\xd7\xec\xcb\x88\xf8\x82\xba@1\x18kLAJ\xdc\xffT\x9bRT\tk0\xa9\xdb\xb4s\x1c\t\x8aEug\xbb\xcf.\x15\xfa\xdc\x97\xdf\x87N\xd9\'\xb4\xa8E&gt;\x00\x7f\xe5#\xa5\x00\nQ\xff\xef&gt;\xe3\x02\x80\x1d@\x88\x16E\xf0\xe2\x0b\xbd\x95\xf2\xa3\xd1\xc0m`R^l\x81n\xf3\x0e\xff\xac\xdaq\xb1\xd8\xd3\xff\x87\xa8\xdey\xe9\xf4\xdd\x9f\x11\xf13b\x89*\x03\xc11\x05\x00Z\x8c\xd87f\xdd\xb3\x80Z\xa3\xc08\xa6J\xdb\x05\xd4[y\xe4\x15\xbaV\xec\x0bP \xb7k\xadC\xe8\xbdP\xd7)\xa7\x01L\x94~\xae\xd5m\xb5\xb8|\xa9^;\xb9\xc7Z\t\xaa)=!\x00\x855&amp;\x9aw\xf8g\xea\x80\xad\x1c\t&lt;\xe2\x06!\xe2/\xc4N\x13\x8f\x8fX\xf5\xe8\xe8k\x1c\xb8\xe8\x16\xfd\x9e\xf6\x99{U\xfb\xba\xb6\x1a\xb9\x7f\xd8\xf2\xfb\xda\xe4P2~\x10\xbdV\xeb.\xf3\xed\x9e\xce|b\x18\xaed\xbf\x19F\xb5\x1fwD\x8bJ\x95m;\xf6\xf0\xfe\'\xd8}\xc6\x05-2\x11\xc6\x9a\x8b\x8a\xab8\xf1\x0e\x1b\xf6\xdf\x02\x10n\xe1O\x9f\x8bX\xd8\x84v\xd1i\x1d^#"\xe2\x0fD(\\M\xb2L\x1d\xeb\xf4_pC\xc4y&gt;\t\xc3\xcb\xd4\x19{\x13\x11\x11\xcf|D\xc8\x17\xadE%\xec5%0\x070\xd7\x94\xc6\x08\xecj\x82m\x92\x16\xd5\x80\xb0\x86\x93\xb6\xddfo\xe1\xf65\x19\x0eZVI\x9fz&amp;#\xe7\xac\xb8\x12\xf3\x97j&amp;\xeeD\xda\x04\xe5\x7f\x82\xd9\x07\xbe\xabt&amp;~I#\x92\xd2W\xae\xbf\x82\xdd\xa6\x9d\x0b\xaa;&gt;\xa6\xe9\x0c\xea\xa7\xbd\x8f\xb0y\xd6\x9e\xc4\xf4\x15&lt;3G\xc4\xd1k\x9fZ\xf8\xb7\xe9\xa8\x87\xcf\x9e"\t\x92dS\xa7\xe7:\xd5~\x95\x8eU\xe9v"3\xb6\x8a\xfb\x86\xd8{\xce\x15m*\'\x11\x1a\xdfyV\x8aFv\x1b\xb7\xe1\x05\xfb\xef\xee\xbb\x1e(Z\xd2\xc5\xafx\xe89\x82Ad\x91\xd0\xce\xd3\xf7\xfc\x93\xd2k=@i\x80R\x00\xee\xa2+@h\x9e\xb5\xe7\xd0sm?\x98\xce}\xc6\xdf\x88\xf5\xfbn\xb6\x8f\xc8\x10\xf2\xda\xdb\x06\xd4\x1a\xc5&lt;\x00\x03\x98\xf9\xb4\x14_!\xe7z\xc9=\xd6m\xbc\x86\xd9[\xde\x88\xcfD )\xbd\xd6\x93K(\x19?Xv\xc8(\x1a\xc0To\x15 T\xeb\xb8$k\xc5\x03D4\xf1j.U\x9en\x95\xfa\t&gt;\xc7*~\xd6\xbe\xaf\xfd\xe6]?\xfb\x19kw_c\xeaM\x96\x85,\xa5\xaa\x92 \xd6\\Dp\xae\xff\x10\xf1\x07\xa2\xe8\x81\x90\x07\xf9\x00\x1c\x18\x7f(Sg,\x14\xab\xa3\xb3r\x19\xd8\xf3\x10\x11q\xea\xce\x0f/\x11\xd3\xa7\x9c\xd1g\xd1\xfa\xc0\xac\x02\x00\x00\xb8\xbf@\xac\xd3s=\x00d\xe4\x9cU\x9f\xcd\xf7\x9dw-0y\xec\x8e\xbbX2~PX\xc3I\xb1\xcdf\xd0\xfa\x99|B\xca\x0b\xa2g;`\xe1M]\\\x13\xc5\xee\x07X0\xb0\xbd\xf6\xf9doy\xc35\x00k\xc3\x94\x1d\x1f\x82R\xc6\x03XH\x9c\xaf\x10&lt;\xe2\x06\xee\xb8\'\xf5\x85Q\x18F\xdd\xf8\x83\'\xdf\xe1\xa1\x17\x18\x99\x96\x13\xdddZ\xd9\x86\x93\x99\xd2\x91\x17\xbexL\xb3\x19\xf9J6I\x1d\xb0\xadxlO\x007]\xd5J\x1a|\xc18\x96\xfa\xe3\xf0KE\xcb~\xc3\xd2P\xd8\xd6\xb4\x11\xf1\x80\xa4\xcb\xad\xa20\xa3\xfe\xf7\x07\x11\x11\xc9\xb4\xba\xf3\xa4\x93\xe4\xa2f\xee\xfb\xaa\xd7\xea\x18Ek\xf9\xd6\x19\x96h\x9c\xcf\xb3\x89\x96\xb5Xv\x1a\x0f\xbf\xc4u\x97\xf1\xdc?\xc8gAH\n\x98Gw\xef\x1a\xc3\xc8\xdd8\xf5\x01\xd7\\D]/B\xa8b]C\xaf\xc5\x99V\x00\xf0\x00\xfb\x9a\xe4\x92\xaf\xfd\xa2Z\x82\xb63u\xa9\xd8\xf3P\x82\xcaD\xa5\xe5\x90\xff\xd4\xed\xbd\xa1\xe3\xc4\xe3\x83\x16\xdfF\xc4g\xf2f\xff\x05\xb1pp\xc7bQ\xdd\xc1\xbc2\x80]\\\xfb\x85Z\x16\xe7\x974\x92\xe4|\xe1\xab\xac\x08\xaf\xea\xc3\xb4\xccS\x0f\xf4\x9dw\xed\xc8+\x1c\xbf\xf1\xa5T\x03p1\xf9\x7f\xcc\xc8]Xy\x0e\xed\xc33$\xc9Z\x04\x06\xee\x8dv?\xd4a\xef\xdfw\xde\xb5^\xb3/;\xc6\xf4\x80\xa2\xb5\xc1\xa2\nK\xab5\x07\x80~\xf3\xaf#\xe2\xb4]\x9f\xa0`U\x80b\x05|[\xd5\xcc\\\xa5\xbb\x8a5\xcf\xdas\xfe\x1f\x04(#&gt;\x0b\x9bD\xea\xbf\xd4@\x85\x88a\r&amp;1&amp;o=\xea\xa0}D&amp;@\xa8\xb9_+\xdaa\x0fD\xdcx-\xd7\x06`\xb7J\xfd\x10\xf1\x1b\xadq\xdb\x84u]w\x19\xc1=\x15\x00h\xf3\nl2d\xa7\xdejU\xb7\xf7\x06-\x07\xe0b\xd1\xdd\r\xdc\x1biW\x8b|\xadG\x1f\x04\x87\xe4vc\x0fs.\xf30a#v\xfd\xcd0\x92\xed\x17\xd7\n}\x03\x93\xc7\xb4\x1a\xb9\xbfXt\x0f\x91\x99\xe7a\x92{\xac\x9d\xb4\xed\x1d\xf9,+\xd7b\xd6\xa1\xe7\x98&gt;\xf5\xccK\xc4]\xf7\x11\x1c\x92\xbd\xaa\x0fED\xb0\xa8,O\x9e\xef\t""\x96k1+Wj\xbb\xf4\x94\xc4\x1fd\x9d\'\x9d\x9c\xbc\xed]\xa1\xa0\x0e\xb4c\xde\x12\xe6\x0f\xb4\xcd\xd4Qk\xc8\xcd\xc3\xcf\x88\t]\x97\xe7\xf9O\x1d\n\xf1+\xb5t&lt;\xe4\xffq\xa0\xee\xc8\x8a\xb3\xb9\xf9\x01T\xa9\xf5&lt;]f_p\xd8\xf2\xfb\x0b\x8e\xfc\x1a\xb8\xf0\x96k\x85\xbe\x8c)\x86-\xbf\xef\x9b8|\xab|kx\xc0\xc2\x9b\x00e\x8bEw/Qe\xa0\xcej\xe5\xf8\x01\x11\x11\xdb\x8c9$Iv\xb5\xbb\xaf\xa5\r\x18\xcel\xc9\x82R\xc6=\xa1\x92\x99V\x90\xa4h-\xe1\x1e\xe7\xa6\xee\xfc\x88\xca\xc8\xd7\xcdt\x8b\x91Gc\xaaD\xdb\xb2]\x85\x9c*\xfb\x94\xf7\xaa&gt;\x0c\xc0J\xeb\x8aX\x00\x00\xb8\xa5\xeac\xcf\x0c\xa0t\xed\xd1\xdbn#\x9bM\r"\x1e\x7f\x8bP\xa0\xd2\x7f\xcd\xe8\xc6\xa4\x1c\xd9\xa8\xdaz\x0b\x01|\xc9\xb1\x0e\xe3\x8f\rYz\xd7\xbf\xe6H\xb6\x93\xce|DD\x8ci6C_\xb5T%\xa4\xde\x04\xf9\x96\xc4\xdf\x01\xf5B\xf5\x98\xa90\xf4x\x80h\xe6\xab\xc56\xd9\xdfL\xd0;\xf9]8\xa8\xf5\xfe\xa5v\xd8\xea4wc\xcf\xa6\xe42g\xed\xff\xda~\xdc\xd1\xee\xd3\xcfWl5\x97\x9e 1}\x05\xd8&amp;\xb9V\xec7i\xeb\xdb\x01\x0bo"b\xd1\xc8L\xdd\xd5\xc7\xadR\xff!K\xef"\xe2\x1d\xc4Be:h&gt;\x81\x1fT\x9b\xdez\x8b\xebi\xee{,K\x96\x8b}\x87\x02\x83HR\x99[\xac\xd3y\x0fT#2-\x07 \x0c\x00\xc6o|\xb9Sw\xfb\x17P\xec)\xe2w\xbe\xdf\x19\xc5N\xbe\xc7\x89[\xdet\x9ax\xdc\xc4\xab\x99up\xa7\xbd\x8f\xb0pPGm\x8a7\xf1j&gt;k\xdf\xd7\xe1+\x1f\x9a\xfb\xb7\xd6\xcf.x\xdf\xb9\xd7\x90\xd8\xbe2\xc11O\xfa\xab!\xd7\xf5\x05\x11\\\x1a\xd0\x8fw\x9fqa\xefcT6\x00T\xa2b\xeb\xb9l?\xfd?\x8c\xc8\x9a\x90M\xa2\x99OK\xeau\x8eJ\x9b\x96\xdb\xf5\xd2D\xd1\xda\x89\xe9+\x8e\xbe\xe6\xfa\xb6\x11\x8cK\xf9&gt;\xd4-h3Z\x9a\xef\xb0\xbc\x8a\xf5\xc5o\xea\xdd\xb8zWb\x06\xe0\x07\x00R\xda\xbe\xaa\xe1\x10\xd9\x8d\x94~\xf6\x93\xe4[ \x9e\xd4\xa5\xf5\x9dwM\xbal]\xa5\xcbJ\x1dcRa\xce\xed\xd2\x92\xea\xcf.c\xeaY\xe2\xb8\x95G\x86\x84\xcam\xe6\xd3\xab\xb7\xf3\x1e\xee\xb8\x8b`\x15\x0fP\x10 \xbf\xb8&lt;\x0b\x95\xe9@r\x0b\xa85J\xda\xda\xd2\x08\xa0\x9b\xb0\x9a\xfb\xb7\x1e\xbf\xf1%{b{\xdf\xc4\x11:\xabI\xae1k\xff\xd7\x87\x88P\xb4\xb6\xca\xf1\xd5\x17p\xdfc\xa1vFy\x90\x88i\xbb?\x07&amp;\x8f\xc9\xedj0Rz\xdf\x13\xdc\xfd@\x87\xaf\xb0\xd0mD\xc6\xaf\x97m\xb7e\xef\xf5\xf2\xd3RU\xd5\xa2\xf2mZ\x7f\xd1s\xd6%\x89\xf2\xcd\x9b\x98\xe5/\xd5\x8c\xb2\xa4`\x1f\x80\xb9qG\xc4A\x8bo\xab\x1c\xcdW\xb2\xc9\xa0\xc5\xb7\x0b\x96i\x0f6\x89\x00%\xe3;,\xaa\xd7g#G.\x96\xa5\xdbN\xd8\xf4\xea\xc8Kl?\xee\xa8\xc0\n(S&lt;\xe5\xf2\x0f,Um\x08\xfd\x98Mh\x17ri\xaf%\x1e\x96\x8aH\x9a\x9b\n\x8ePD\x83\x89\x8d\xba\xab\xd5\xa5\xef\xb8\xf6\x12\xf5\x1c\xfdtY=\x9eX\x92\xcaP+\xe6;\xef\xa3\xdce\xd0\x86g\x16C\x96\xde}G\xb3\xbbN\x1d\xb0\xb5\xe5\x88}Sw~\xb4\x0e\xe9\xa4\x9b:\x03\x00drz\'\xe7yLT\xfd2E\xa2\xee\xa0\xe5)E\xb6\xb9\xcf\xbe\'\x88\x88W\xff\xcd\x13\xf3TF\xe2;,*Qy\x80\x8e2\x1f+\xd4x\x02@\xdd\x03E\x8bQ\x83\x19\x83&gt;s\xaf\xd23]p\xf4\xb7$\xf9JD\xa8\xb4\xd9\x95\xaa6\x04\xf2\xc5\xa4\r\xde\xa1t\x1f\x1d\x05\xfb3\x90\x13\xa7l\x7fO\xfe\xb4\nl\xb7\xf9\x06&gt;D\xbc\x85\xe8Yu08\xa6\x00\x94\x89h4U\xe3#/\x14\xd4\xe1\x05""n\xe5p\x85\xd4H\xa1j\x9d\xb2O\x80U&lt;c%\x11\xb1\xd7\xec\xcb\x00\x01\xe2\xf3\xcfK\x18{6Q\x19\x80\xb7\xdf\xc1\xfdOq\xef#\xec6\xfd|n\xd7N\xc6\xe2\xe38u\xe7\xc7~\xf3\xafSn\xe6\xfc\xce3(/7\xe4\x99\xb0\xe9\x15\x19\xc2\x01\xfc\x01\xec\x11\xb1V\xb7\xd5\x95\xdb\xce/\x12\xd2Yg\xb5\xfe\x0f\x10\xac)\x81f;\xc7\x9c\x9d\x1f\x8d&lt;\xd2\xa8?M\xbd[\x1c{\xa3\xbf\x11\xcb\xd4\xbb9\x7fW\xda\x13\xef\x04\xb9\x05\xda\xc8\x9b"e\xdc\xae\xd1\x17&lt;\x17@\xc4?\xe4}1\x8a\x96\xda\xcb\xceZ\x8bsM\x01\n\xa8\xf4&lt;\xce\xe5{k_\xa7@\xfa\xe7\xef{\xc4\xa2\x11:\xdc\xf2\x14\x885@\x90\xa4\x19\x9au\x9cp,\xbe\xc3\xa26c\x0e!\xe2o\xc4r\xcdE\x1b.\x9a\x8c\xdb\xf0b\xe4\xea\xc7DM\x89\xba\x81\xd7~\xa1a\x89\xc6\x00\x00\xe0\x17Ro\x02\x1f\xbb*b\xf0\xa5\x8b\xb5\x97\x9b\x7f\xe8m\xa5\x8fD\xb9\x86I\x94\x8fx\x1a\xf6\xdf\xaa4\x7f\x92\xc8\xcb\x9e\x83\x12U\x06\x84\xd4\x9b \xce\xf9g\xdc\x86\x17\x1c\xc2,e\xea\x8c+\x1c,\xdb\x1e&amp;\xc2#\x00Ee\xbfYWW\xacy\xba6\x14Q4#\xda\xfb\x90\xfc\x87\xe90\xe1\x18"f\xadx\xa0\xaf\x02\xe9zg\x85 \x7f\xb9\xe7\xbc\xa7k#V=\x92\xb5\xff\x02\x95tT\xb9\\A&gt;K\x88\xb0\x0f\xcf\xe87\xffz\x9d\x9e\xeb\xa4\xcay\xc5Y\x04(\xabM\xad(&gt; &gt;Bl9b\x9f\x04\xd5\xcaZ\xf1`\xef#\xcc\xde\xfa\xf6\x05\xe2\x86\xab\x08\xe0%A\xa6y\x17\xd3\xcam\xe7\x97I\x19\xd7b\xc4&gt;\t{\xa2\x1dwe\x0f\xe6\x13b|\xfbE\xf2\xc3\x05Y\\\x8d\xd5\xd1fj\xc6E@\xad\xd1\xa4bl\xfeHj\xd8\x0c]v\x8f3\x81=\x80\xa1\x045\xe3\x82\x9au\xb1n\xb9\x05&amp;\x8f!\xd7EYl\x95\xa93NG\xca\x0c\x8a\x95d)\x8d\xbc\xe4\xd7\xa8\x90T4\x8bh&lt;U\xd3\xcd\x97\x80\xce\xd9\'\xa0pu\xdd\xe4]F\xc2\xee27\xf0\x89m6c\xda\xaeO\xb9R\xb4b\xe2\xc5\x13\xbb\x9a\xf2\xb1*\x8f\xefL\x87\x0bJm\xec\xd9t\xdc\x86\x17.\x15\xfa\x0eZ|{\xdfc&lt;\xf1V\xb2\x97\x8e\xac\x96\x89&gt;\x97\xce\xa0\xc5\xb7\xd9$b\xc4\xe0^y\x80\xb9_\xebu\x97\x11\x11\xe7\x1f\xfe)Y\xbey\x13\x87\xe4\xe6\xc3\xf7\x865\x9c\xc4\xe1\xe6(\x82#/\x11\x11\x87.\xbb\x97\xd7\xbe0H\x8b9\xce\xaf\x1dO\xdb\xf5\xe9\xf0K\x81m\xb4x\x8a\x98j\xb1aVq\xc8\xd2\xbb\xc1u\x89[E1\xee\xb4\xfe5G\xdaGd\x02@\x01\xbfV\xf2\xceH\xb6\x0b\x98\xd2k\xbdT\xab\xb5\x94V\xc0\xf9/\xb9\xbcy6|\xd5\xa3W\x12\xec&lt;\xb9j_\x13u\xae\xfdB\xeb\x90Nyc\x0f\xfeoD\x8c\x97Z\x85VsDI\xc3\x16\xd4\xdd\x8c_\x85);&gt;,9)\xd4]\xd0\xfb\xd4\x07\xd9\x1b\xe7\x974R\xc2\xc9\xa2\xbc\x8b`%\xbe\xc3"\xb6\x9f\xdc+\x0f\xa0F\xdf\xaf\x88^\xd5\x87JU+\x1a\xc5\xea|\x95\xad\x85\xea\xe9\xf1\xe4\x12.\xd4\xad\xb4gXo7\x02\x00C\x8f\xc6Z8D\x89\\\xe5\xd0\x11\xa5k\x8fF\xdav57KN\xe2\xe6\x9b\x12\x0c3\xcd\x87\xef\xad\xd4F\x8cKwTZN\xff\x057z\xce\xbc4t\xd9=\x80@\x9eg\xbd\x97?\xd0\x80Z\xa3\x01\xc07q\x04jr\xc1\xe2\x8f\x7f\xcd\x91\xf2\xcc9-\x90\xcd*JR\x1c\x1bv\xe1\x19\xa4\x1a\x9c\xc6\xc9|\xf0,\x1e\xdbS\x9a:\xd1\xb8\xfaSw\xb3\x13IL\xab\xa4\x079]\x07w\xdc\xe5;\xeb\x15A\xaf\xd9\x97G\xady\x12\xd3tzH\xbd\x89"N\xd7\xa9\xac\x10\x9d\x84\xae\xcb]+2+.\xb0S\xe8\xc6\x1fD\xc4\xfb,\x83e\xb9\xe6\xb3\xc0\xa5\x01\x98W\xbe\xfe\x9bo\xb7F\xcc\xe8\x10\xf1\xe4\xfb\xbck\x80F\xb0\x95J\xe3C[\n\xc6\x03\x00\xd8$\xc64\x9bA\xfb\x94).I\xde\xd4\x00&lt;`\xe1M\xb5\x8d\xbd@\x00\xcf\xa4\x8c\x95\x00\xa5$)+/P\xa6\xceX\x00\x03\xbd\x15g\xe6\xd32}\xea\x99\x9e\xb3.\x95m8\x19\x11\xef!\x82e\x15\xbe\';\xd5+\x1a\xd9-\xb4~\xf6-!rW\xd4\x03\xddt\x1d\xa1@\xa5\xd8\xe63o\xfc\xc1\x1a]\x96\x89\xbc\x00u\xf2\x97\xd3\x98\xe45\xa2\xe4\x82At\xd4\x95\xf1uW\xd6\xff\x14\xc3\x96\xdf\xbf\xf6K\xcc\xcdDD\xba\x01\xcdqe[\xad\xc2\xc1\x1d\x8d=\x9bJTGU\x8e\xc8e\xe1\xb2\xb7\xbe\xd5Q\x11"0\xe3\x0c[\x87\x88\xdcS\xea\xa6Cw\xd5\xed\xbd\x11\x00B\xeaM@v?\x9f\xc0\xe4\xb1\xb1\xcdfR\xe6\x8dU;.\xd6\xb4)\xe6\xb7\xf6\x12~F\x8ci:\xc3\xc4\xab\xb9\x8at\x8cW\xf5a\xd6\xc1:\xf4,Pb\xd7}\xec8\xf18\xef\xe4\x9a\x83\xb5IK\x91\x90\xce`\x18i\x1f\x9eq\xf2\xbd\xa2Y\x8fZ\xf3d\xfe\xe1\x9f5\xba,\x0bL\x1e\xe3Z\xb1\x9f$\x96{\xd4\xc3{\x81\xc8\x10\xf7\xad@%D\\\x7f\x05\x01H\x18\r\x9dGd\xfb\xcfa\'\xdf\x97*E\xee3\xdbd\x96\x83\x9e\xb3.!o\xad\xab\xfb\xb4~p\xce\xc1\x1f\x9d\xb2Oh\x19\xa2G\x14:\xb63w\xa8\x9d\xc7\x06`\xbe.Uy\x96\x9f\x88\x88\xf8\x1cq\xd5y\x917\xb3\xf1 %\x7f\x8a\xd3\x1f\xf5\xf1P,\xfc\xdb\xf0k\x06\\\x0b\x99\x85\xcat\xa8\xdey\xa9\xb4\x15\xbb\xf0\x15\x01\xec\xd8~E%\x99\xc5\x82\xea\t\xb2\xb7\xbe\xa56\xc2Q\x83\xff\xa4a\xa56\xf3\xc8\xe5\xbfF\xac\xdd\x9d+\x88\xdf[\xa5\x1b\x15\xb4\xec\x14\xfa&amp;\x0e\xa7~=\xfa\nG\xae~\xccqz\xae\x11\xd3t\xba&gt;wt\xa6lW\x8c\xba\x8b\x8f\xa3K\x85&gt;\x8f\x95\x14\xbae\x1fpn\x95\xfa\x81\x9b\xb6\x16\xa1\x1d\'\x1e\xa7\xca\x9a\xb2\xfd=\x89s\xa9D\xf1\x14\xb0\xabY2~\xf0\xdaK\xf8\xff\xa1C\xf9\x92/\x86i\xd76\xe2\x03\xe2DQ1\x94|\x12\x863\xbe\xa8\xea\x0c]v\x8fz\xa0o\x11\xbdk\xe8M\xd8]\xcf\xc1K\n-&lt;\xf6\'\x8f\x88.\xd5\xca\\\xddl\xd8n\xda\x01\x91\x1a#Z\xe3(\xe2\x9c\x82e\xda\xd3\x83]\xf6\x9f\xcf\':\xa4\xd1\xa0\xc5\xb7\x996kK[\x06\xb4\x05\x93r\xcf\xf45+r\xa9\xa0\xd0M\xca\x03\xf30\n\xc3\x9b\x88\x1c\x82\x9d\x00`\x1f\x91!\x7fe\xcc8\x92\x01?\xa95\xcf\xaaCP\x16C\xd6HS\xddB\xd9bPfN;W\xb9\xed|M\xa7\xeb\x80\xb8\xf6\x0b\xc7mx\x11Tw&lt;\xf3\xbd(T\xb5\xfb\x8c\x0b\xea\x8a0\xbaCP\x93\xb2\xf0o#\xf7\xf6\x11Ch\xfdl\x95\x8f\x89\x8f\x88\xea\x83\x87]x\xfa\xa5\xef\x1a\x96Mr\x15_\x80\x92,?\x15\xd6\xd8\xc4\xa5\x85\xba\x933\xf6\xfc\xc3\xf4\xbbV{\x07\x1ae\xee\xc3\x1aN\xa2*\xb0\xf0\xd8\x1fm\xcab\xa1(\xd3\xf2\xb2s\xee\n\xa7\xe76n\xaa\xda\x9cVq\xba)\xa8h\x8b\xe1{\xc1\xb9\x9e\x849:Dv\xa3b\x936\x19\xb2\x8bo\xa0I\xb7T\t\xeb \x16c\x9f\x84,0\x8c2\xf6l\xdas\xe6\xc5bQ\xdd\x95\x7f\x15hJ\xad\x8a\xc6\x91\x8c\x15\xbb\xb2\xe9C\x97\xdd\x03\x13\xcd\x9b5\x00\x10\xd6`\x12G\xf0\xdc|%\x9b\xe4\xb1\xb9\x05\x00H\xfd\xf4\xa9\t cl\xf0\xf2-g\x8f\\\xfdXo_\xc0\x0eQ\xdd\xa8\x0e\xf4\xf0\x0b^\xf7}\xe6\xde/mF\x1f\x14SX\x91\x84\xfe\x0bnl\xbb\x83s\x0e|\xbfD\xdbV\xab\xdd}\rSj\xf6\xadS\xcb\xb8\xfa}7\xc5\xb5[\xe8\xc2\x12\xd7A\xd7\x90\xe0\x94\x12d\xe4\x90\xcca\xfe\xc7\x87\xe1+\x1f*\xcf\x9f\xf4\xaf\x1cdL+\x9d\xc1\x08\xael\xc3I*\xea\xbe\x02(V\x87\xe4\xfcE\xf9n\xdb\x85\xa7\xe7\xc5nB\x8f\xf4\x9b\x7f]\x0f\xa5\xc4\xb5[\x80H\xf6\xce$Sa\xb3\x0e\xe9D\x9e\xdd\x90\xa5w5\x9aGxV\x1d\x9c\xab\xcb`|\xbd\xfe\xa2\x9bL\xeb\x9c}B\x9b\x92Z\x8d&lt; k\xd2\x85DH\xf0\x16\x0c\xa85\x1a\xc0_\xfd\x87s\x9f\xe9\xef\x88c\x8d.\xcb\xe4/\x8e\x0bcF\xc1\xf5&amp;H\xf5f\xf9$d\x9dz\x8f\xeb\xaf`\xadn\xab\xe5\xc7\xc4\x88{4\x1b\xb6\x1b\x11g\x1f\xf8\xae}\x95\x14\xe4\xec\xfa\x88Jq\xb5\xe8\x14\xe6\xb9\xfa\xa7=\xdb\xe8\x96\x0c\x02n\xba\x0f"\xf6\x9esE`iA\xb3\x0f|?\xf3\x89\x18\xf8\xe4\x03\xda\xa7\x9b0\xf7!\x97\x06*\xdf\xd0\x02\xab!\x15\x1c\xfb\x8e|\x97\xe6,\x03\xda\xee}$\xab\xbfm\xd9\xae\xe5[\xce\x16Z\x89\xab\xff*\xdd\x8a%\'s\xe1n,9\xc9\xf5 \x0cK4b\xd8\xec\xe7\x8b\x99\xe2);\xd7\xa7\xff\xf0?=\x00\x17\xae\x86\x92\x87\xc55\x8aft\x1bE\xc4\xba\xbd7\xf0\xcc\xc3\xa9\\\xaf\xa72\xfbJ\xe5\xe5b\xd3\xf2\x88\xf8\t\x11\xa0`\xdfy\xd7\xc8\xb3\xe3#\x8cL\xd4O\x17\x1fG\xb5\xcfM\x06\xf2\x95l"\xf5\x04\xd4\x95\xe37r\x15\x03\x17\xdd\x02(]\xa3\xcb\xf2\x02J\xd1E\xe5\xf0^\x99\xa8\xdfw\x93\xacI[\xf0\xb6\x9a\xa4\xe1_s\x14\xa3\xd6\x18\x12}@9[n\xca\xde\xa6\xb1\xeb\x9f3\xe4\xe2X\x87h\x13]\xfc\xa6\xed\x9b\xd5d\xe8.\xe5.:\x00\xc4\xbe\xb3d\xb6]2~\x10w2a.\xcfy\x01\x12t\x85"m\xf0\x0e\xfe\xe7\xa6O9#\xf4n\xb6\x1eu\xe0\xf0K\xbc\xa3|\xd6S\xc4\xa7\x88\x82\xf4%\x88\x96\x16\x9d2u\xc6\xf2?\x9d7\xe2W\x84\x04\xd1l\xd8\xee\xd2\xb5G{\xc4\rZv\x1a\x87\xaf|\xc8\xb6_\xc2FT\xda\xb4\xbc0\x1d)\xe0\xd7\xaaT5]\xf8\xe7\xc9\xb2\x8f\xef\xb0()c%\xfd\xd0\xd8\xf5\xcfE\\l\xa3A\xdb\xc9]\xcaW\x92#\xec\x04o\x8c\xa2%\xc8D\x14\x136\xbd\x926\xc3%\'Dv\xfdr\x0c\\*\xf4\x91;\x91\xe2\x07T\x84\x14\x04\xa5`\x97\xee=f\\P\xfc\xa9y\xd54h\xe7=\x9c\xba\xe3\x83\xc6gMY\x06I\x18\xd9\x8c\x05\xebr-fQk3\x88\xb8\xe3.{\xdd\x04H\xc5\x15m1b\x9f\xe4NJH\xdc\x13\xe4,&lt;\xfa\x9b\xd4\x99D\\VO\x8c\x88\x9d\'\x9d\x94\xa0\xe0\x82U\xe9\x9dR\xfb\xf1G\x01`\xe4\xea\'&lt;\xdf\xd9\xce\xd9\':\x8c\x17\x12\xfa\xb3\x83&lt;Ph`\xf2\x98\xec-o\xf4\xf6\t\xab\r\\\x1d\xb7&amp;\xc7J\xdaY|\xbf\xf6\xce~BD\\\x7f\x05\x11Q\x1bc.3\xdf\x96\xa8F\xa3\x81\xdb\x84\xacs\xe6W3S\x0c\x14]\x1f\xadpmH]\xc2\xa9\xf7\xe2FP_\x80\xe0\xd8f3w\xdeCD\x94B,\xe2\xbf\xc3\xea\x0b\xe8\x93\x90\xa5\xf8\xbbh\xed\x1a\x9d\x97\x1dx&amp;\xd14\xc5\xa4\xfc\xa4m\xef$\xc8Gb\x9c\x00\x82!_\x0cg\x9a\x12\xea\x87\xf6?A\xb0\xaf)\xbaT\xd2t\xa3\x9bL3\xf7om\xe2\xd5&lt;2-\x87\xfa\xa9XtwEwa_s\xd9iZ\x9f\xc3\x11\xf1L\x1e\x1a\xa4L\x9d\xb1\xe7\xfeAD,\xc0\x19\xb0v\xd2\xd6\xb7\xf2\xd7\x87\x7f\xac:\xdb\xc1K\xee\xf0N,\xc37q\xf8\xd2S\x08\xd65\xa8\xab\xe0\xbfB\xc0\xcd\x9e\x87\x12\xb5L\x1a\xca]\x8a\xff\xf4\xdd\x9f\xc9\x91\x13\xef\xb0\xef\xbck\x8d\x06n\xa3\'\x9ew\xf8\'[\x05JT\x19\x00.\xf5y(\x7f)\x04\x8c\xfd\x92FR\xb7H\xe8\xac\x88\x9c5u\xc7\x07\xdegP\x9aDN\xf5\x1a\xf4\xdb,?\xea.\xf12\x91tP\xbbh\xccC\xa9&amp;\r\x94\x94^\xebQ\xb6\xa6\xc4\x17\xb2\xf8\xf1\x02Q\xfb\xd5\x82\x92\xf1\x83Z\x0c\xdf\xbb\xea\xbc\xea0\xac\xb0\xd6qi\x00\x96l\x8b?\xfeP\xa4\x06\x80)\x80\x1f\x98V\x90\x0b,\xbbq/7\x99z\xb7X|\\\x17c[\x08\xa9y\xda\xe0\x9d\x00\xe0V\xa9\xbf\xcaw\x9e0\x1c\xeb\xe8w\xe6W\x9cq\xdb\x89\'q\xed\x16\xa88,5\x1f\xbeW\xa3\xe9\xc3\x03D(X\x95O\xfeQMdk\x03Y+\x1e\x8a\xae\xa4.(\xe0\xcb\xb4V)\x11Qi9{\x1e\xe2\x9c\x83?8\xd2\xac\xbe\xc0\xd0\x92#\x1aM\xd5f\xfd\xf66\xfb\xdc1\xa6\xd9\x0c\xf2 f\xee\xfb\n\x10\xdcd\xc8N\xf2\xe7\xee\x87(\x93\x1c\xa0Q\xb5\xe3b\xeau\x1e\xbd\xee\x1998z\xedSDT6\xfcf\xc0\xc8#\r\xcc\x197\xf5X\xb9\xfa\x13m\xc2\xba\x08:\xc5&amp;\xac\x8b&lt;N\xb9\x0b\xa2\x94\xc1Li\xfd\x98*\xe4\xf6\x92\xefH\x11yR;\xbe%\xe3\x06\x91#_\x11o\xca~\xd2\xb4=\xe4\\\x9f\x9c\xb2\xee\xb2\x86\x0e\xb0\xe5\xc8\xfd\x88\x08.\x8a\xad\xa2\x85\xc7\xfe \x8b\xa9\x13\x9fj\xd3#s\x08A\xbe0\x15\xd6p\x92\x1e\x04f\xc1&amp;Q\xc4I\xaac\x17\xa2Sl\xaf\x84\xae\xcb#\x1bO\xe5\x9d\x87\xa7\xa0U\xebF\x03\xb7\xfd+\xf3\xf1\x95\xc0H8*m\x9am\xd9\xaeC\x96\xde\xa5_\x02\xb5\x80\x93\xd2k=\x8f\x10\x0b\xa5\xcd|Z\x02\x94\x01p\xd1\xd8\xef\x93.\x80=f\xb5)\xd8\x89v~-$\xf6D\xad\xb1\x8ao:TC\xa7\xc6\x85]R\xef\xd9\x973s\xce\n\xd60wH\x1e\xb6\xfc\xbe\xbck\xa0\xee|\xf8\xc8\xd5\x8f5\xdal#\xe2\xcas\xbcfB=g\xca\x02%\xf6_p\x03L\xcb\x0b\xab\xe1_\x8c\'\xd9\x92\xb7\x0f\xcf`Mb+\xa6\xc7\xe0&amp;\xb8\xee\x04\xb6\x01\x18\x00^(\x89\x89\x86\x9e\xfb\x8c\x1b\xaf!8$\xab%\xf4\xa1\xbf\xceti\xe8\xe0\xba\xe3\xc3S\xa7\x00DhQ\xc7\xd26\xa1\xeacm\xde\nwx\xfc-2n.\x90Ex\x8e;\xccBar\xd6BY\x9c=\x03\xd7\x8a}\xe9w\xf8=\xa2\xc60V\x9bo(\xd2\xb3\x99\xfe\xcd;\xa40E\xd1\xbf\x88\x05+\xb5\xba\xad&gt;\xf6\x06\xf9\xc4\xe1\xd2\x86)\xdb\xdf\xb7P\r\r\xc1\xe6!\xa3@}\x00&amp;pD\xf1\xab\xd0jN\xd1\xc8n\xf4#53W\tR\x7f\xac\xd6i\x89t~\xa2A\xe0T\x97\xfac\xe0\xa2[\x88h\xea-\x93\x83\tJ\x19w\xf63\xb6\x1c\xb1\x8fu-\xce\xb4B\xda\x90\x9d\xeb.c\xd3\xa1\xbb[\x0c\xdf;a\xd3+\xc6u9\x8a\xd8\xe63\x11q\xd7}\xb6\x17\xc0e\xf1\t\x04p\x92\xfde\x15\xb7\xe3.\x82\r\xcf\xed\x9f\\\x0bVX3s\xd57Y\xc0Dm\xa0\xab\xdbh\xb6r\x9c}\xe0\xfb[D\xca\x11\xc5\xb6lWA\x85\xfd\xe0\xdf\r\x15\xaeN\x8a\xf0\xae\x91\xa59\xb1v\x88\xea\x1cu\x86k\x03b\xbb\xf4\x08QE\xb6\xbeL\x9d\xb1Z\xe8\xbcrA\xd6\x99\x95\x0e\x19DB\xfeXA\x99\xb4\x1c\xb1\x8f\xde\x17M\xdf\xfdY\xe9g\xb7T6\xdb\xdd\xff\x05\xaav\\\xcc-\x85\x946x\xc7\xcc\xbd_B\xea+\x042\xbdk\x0c\xa3\x8d\x8b\x00&amp;\xe5U\x02\xe0\xaa\xeb`\x94\xa82\xd0\xbf\xa6\xaa\xec+\xb5\xb5\xbf\xfc\x0cs#\'\xbf\x1e}\x95;\xaf\xc0\x18\xf9J\x89*\x91\x8ds\xae\xfe\x8b\xe2$C\xf9\xf3\x1eq\xffS\xe5+\xe7\x11\x9a\x86m\x00\xe6\x88Y!\x7f\x90D/\xb3\xe0\xa1\xe7x\xf5\xa7HW\xdd\xc6\x83\xb6\xdbG\xb0\xcf\xd0\xc5Q\xb4\x16\xf5_\xca"\xe3!k\xb7\x18F\xc9\x8e\x13\xaaw\xd2\xa4Mc\x18\xc5\xf1\xa3W\xf5\xa1\x9d\xb3O\x0c\\t\xeb\x85&lt;\xc3S&lt;\xb4O\xb3V&lt;@\xd9\xc6\xad7\xd8\xd7\xd2\x98\x9e/f\x15\x01JkLC\xeay\xe9\xbb\x9e^\x1b\xcf\xaa\x83o\xa1*B3)Um\x88\xb2\x0b\xacOX\x83Il\x92\xc5\xa4\x88\x88F\xfc\x17u\xc4\x11H\n\x9a\xb8\xf95e\xfd\xcb\xc7jW3\x1c[\xa4\x9c\x94k1\xeb\xe4{\x9c{\xf0\x87\x83\xf2\x8c\xf9\x1eb\xb7i\xe7\xa4\x8d\xba\xe6\x974\x92\x042W\xb3\x1f\x0c\x01(\xcc!\xcf\xa4N\x91\x90\xce\xf4\xb6qW\xb5y\xe8:\x14\x18/\xb4\x18it*IkAn\xda\x13\xdaM[~\x86\xe1E\xab\xd3s\x1du\xf0\xad\xda\x0b\x98\x91s\x16e\x91\xb0U0\xe3P{u\x8c\xe9\xa9?QI\xdex\'t]^\xa6\xce8\xc5\x87\x91N\xb0A\xc43\x9fh\xf7\xd1\\s\x88\xca\xf8\xf6\x8b\xd8\x06\xe0\xf6\xe3\x8e\xb0\x9dE\x12|@\x04\xda\xf8\x9d9\xed\x9c\xf0:\x1b\x8e^\xfb\x94\xcf\xf8$\x9a\xae\x93O\x91\xea\xd1\x8c,H\xebW\xc8\'\x9d\xfe\xa8t\xe1\x97\xbf#\xb84\x08\xa85Z\x88\x11\x87\x12TV\x8f\x10C\xebg\xf38#\x80:%\xaa\t\xdb\xe2\xb6\x18\xbc\xaa\x0f\xbd\xa5il\xdbt]V\xf4cD\xb0\xae!I\xb9\xc4\xcen\xd0\xe2\xdbJG\x9d\xea!\xe2G\xc4\xd7\xca-m\xf7\x03\x14\xe7M\xbe\x91f\xd5I\xbc&amp;\xc6o|\tPH\xdd\xb6\xe0\x95\xac\xeb\x11\xa5\x99U\xa0\xd2\xc2c\x7fT\xd4k\x191poD\xbf.\x8e\x08\xc4B\x89\x96\xb7\x8ab\xd1\xdd\rK4\xd2&gt;CRCj\xa1\x88\x8d\xbes\xafR]\xb6\xa9w\x0b0\xe6\xfa\x90\x8dJ\x9b\xc6\xe9&gt;\xc7\xb5\xb0\xa4\xce\xe1\x97J\x8dDy\xbf&lt;OH\xe5#\xe2\xf3\xbc\xb3\xdaA\x03\x19Z{\xb1E\xc7\xfe \x83\x9d\xb6\x1f\x80G@\xed\xd1\x93\xe5\x01\x15\xe2;,R\x18X\t\xde\xd3\xd4\x93\xc3\x08\r{\x008\xf6\x06\x91\xebA\xd8%\t\xd9O\x15\x89\xbap\x89O\xc2p\x8e\xf4\x04\x9b\xb0\xae\xeaC\xef\x1c\x15Og\x03\xd5\x88\x81T\xcaw\xca\'j\xdcEP\xa1HH\xe7\x1a\x9d\xa5\x13\xebW\x83\x92\xce\xefB\xb3\xa7/\x18\xd8&gt;{\xcb\x9b\xfb\xcak\x9e\xeb.\xe1\xe2\x13\xf8G~!{\x1f\xe3g\xc4\x13oQ\xdc&amp;Y\xd9\xd4\xc9(,r\xad)\xed\x1e\xea{!z\x91\\\x12t\xd9il?\xee\xe8O)\xfcJ\xa9\xcbq\x8cQ\xc4\xfc\x99\xb1\xf7\x0b9\xb8\xed\x8eR\xb3\xf1\x88\x1b\xa8eq \x97\x06&lt;\xf9\x0e\xdb\x8f?\xea]#K\x9c\xa7\xbf\x12f\x15\x00\x82\xc10\xb2\xdd\xd8\xc3\xf2G\xe3\xa6\xe1\x94\xe2uU^%m\xeb\xa0\x06\xca\'\xbeZ\x12\x98&lt;VVCW\rn\x08\x0f\x11\xed\xc2\xd3\x01@\xecw\xa7\x118\xf1\xd7\xcfR\xe9\xc1-"\xd3rH=\xd5\x14\x02r?bzB\x97\xe5\xd4\xff\x87\xaf|\xd8r\xe4~\x9d\x16\xb7\xf7\x11\xa2\xb2//8p\x88$\xea0$I\x9e!\x88\xa6U\xc2\xfe\xbe\x17\xf0m\xa5\xa5\xc8\x11\x1f\x8aFf\x8a{\xe7\xd5\x07\xe0\x1f\x9c\x99\xd8\x84uQ?\x05\x11\x17\x1c\xfd-4\xa0\xa6\x8e:)\x95\xfc\x11\x11\xdc\x95\x04\xcc2\xa7\x9dCD\xc6\xe8:\x07\x9e\xcaNy\xa5\xabx\x93\xcc\xe8\xae\xcb\xe6Y\xf4\x8a\xb3\xe8\\\xbe\xf7\xe8u\xcf\x10\xb1P\x90\xb6\x0e\x94\x8c\x83\xd0\'\xeaH\x91\x84\xf9\x87\x89\x08\xbfd\xfb2$\xe0#\xe1\xe8kt*\xd7K\xb4\x1d\xb8\xa9O\x0b\xb7J\xfd\x12\xd3Wx\xc4\r\n\xad?\xf1%\xd3\xb50B\t\xf4\xf7\x9b\x7f\x1d\x11\xf7&lt;\x92\xfaiZTFD\xba9g\xd3a\xbb\xf9\xd8y\xa8c\\\xaa)\xa9\xaa\xb9\x7fk\x1e\xc9E\x14aA\x96\xcd}\x13\x87;\x97\xef-\\,Z6\rm&gt;|/\xa9\'\xbdMZ\x04\xb4y\xc1\xbe\x9e\xe1T\xae\xd7c\xc4{\x88\xc1u\'\x08\xaf\xb6\x0c\xa1/\xa3\x1e^^Z#\xb4\x02\xb0\x00\x08\x17\xbdD\xf7\xdf\xe0\x1fDD\xf4\xe7\x8eO\n\x00\x0eQ\xdd\x86\xaf\xd4\xb9\xffCR\xc6\xaa\x99\xfb\xber\xce\x89\x14\xf8$\x0c\xcfZ\xf1\x80\xfc\x7f\xcf#\xd5\xa1T\xb1&amp;\xcc"/pS\xf5\x0cD\xc4\xbd\x82\xbb\x1b\x07y{\x12\xd3\x83\xf0\x81\x18L!b\x07U\xab}O\xab@V\x11T\x00\x93\x02~\xad\x9a\x0c\xd9)\xd4-A\x1bz\xcd\xba\x84\x88-Um\xe8\xf4\x01\xb9E\xd1M\xa6\x03\xb8\x12}\x1c3\x1f.?K\xfey\xaa\xf4J\xbb\x1f \xd2\xa6w\x1eq\x83$T\xadi?\xee\x08\xbd\xd0E|\\\xc5\\\x1b\x0e[~_m\xee\\\xc8\xc4\xab\x19@ @A\xb0\xa8L\x8c\xdey\x0e\xc0\x00\xd0c\xe6\xc5\x82e\xda+\x1d2\xaf\xec\\\xae\xb7\xfc\x0f;m4.\x92{\xacE\xc4\xdbJ\xd5p\t\xa85*\xa6\xd9\x0cs\xbf\xd6\x00\xae#W?\xceES&gt;:\xeb\xafP&amp;\x05\x82\xe35\x11G^s\xff\xd6\xe0X\'\xac\xc1\xa4V#\x0fd\xe4\x9c\xa5\x7f\x1c\xd7\xee\xbe\x06\xd5\x04\xd1\x00\x00\xa0\xb0\x92/\x84\x16\xebIB\x07\xd4\x8b\xdf\xf47\x00#b\xe56\xf3i\xbf\xb8\x07\xa5\x8c\xaf\xd7g\xa3NK\xcf\x83PwC\x83\xe6A`\xf2X!~\xc4\x9c8\xd77e\x0b\xf7X\xb8zP\xdd\xf1&lt;\xb3\xa9\xd4z\xde\x01\xb9\xb9\xd6=Tb\xd1qz\xe0XV\xbb\x89\n\xad\xe6\xa8\x8f\xc1B\x97.\xc9Y\x8d\x06n\x17t\x96@\x82W\x9d\xc7\xd6\xa3\x0f*\xe4x,\xe3\x0c\xdcS\x05\xad\x96{V\x1d\\0\xb0\xbd 3o\x81\x14\x01(\xed\x974B-.\xb2&gt;\xf8\x89H\x85b%&gt;\x04\x9f\xb5\xeeJ\xa8&amp;qD\xc9J\xc5\xb3V\xb75&lt;\\\xf8EaZA\xad5j\xa0J\xdb\x05,\xc9\x94\xa6\x05T\x86{\x1e\xe6\xf6\x86\x9fs=\xf9\xa5)\xd4c\xf2\x95lR\xb5\xe3\xe2\x89\x9b_\x03\x98I\xa3\xea\xa5\rV\x94;o\x18\xcf(\x96\xaa\x98\x94\'\xd7\xf8Xf\xb5N\xb6\xde\x95\x9e\x88U`\xbb\xd5\x17Pa\xab\xe8P{\xdfcT\xd9\x80\'\x8c^\xfbT~\x920\xbb\xa7\xc6\x83v\xf0\xd4\xc3\x97\xe1\xd2 g\xe7G\t6&gt;8\xa1\xae\xcb:\xa4\x93\xfaq\xdf\xc4\x11:-]o\x1c{\x83\xfb\x9fh\xbe\xf9}\xe6(\x0c\xb9G\xady\xc2\x9a\x8e\x84i\x93\xacv\xce\xf5\x01B\xb5\xcf$\xa6\xd9\x0c\xf9\x1f\xde\xf4&amp;\xfb\x0e\x11 \x0c\xc0\xc3\xb9|o\x8e\x0cT\xa4\xff\t\xf2\xbd"\xfeX&amp;t]\xae9\x95$\x18F\x01\x94\x06\xc8_\xbe\xe5\xecj\x1d\x97\xb4\x1eu\x80\xff\xa9\xc5c{\xe5+)\xce\x13\x9c\x1f\x06\x91\xcd\x86\xed6\xe3\xd4\xf7\x01\x00\xb0\xa8\x02\x05*\x01\x80o\xe2\x08\x85\xde\x8b\x04\x94\xa6,\x8c.|\x95=\xca\x94^\xeb\xb5\xc9\xf1\xa7b\x14t\xd0\x9cZ"2s\xce\n\x1a\x80\x19\xe91\xf3\xe2\xdcC\xff\xaa\x1c\xac\xd0jN\xe9\xda\xa3\xf5\x11\xf7\xd0\xb5\xe1W\xc4\x91k\x9eP\xf2O*\x14\x8d\xcct\x8c\xe9\xc1\xf4K\x10\xd3\xc1\xbf\x8c\xc1K\x94\xac\x03X\xad\xd8L+\\\xfc\x8a\xb7\x11i\x1a;\x16\xd5;/U\xef\x91\x10\xb1\\s\rQ\xbc$a\xcc\xbag\x88x\xec5\xea\xd8\xc2Y\x19\xb9z\x89\x96m\x9e7\x16Z\xbc_|\xa7\xdd\x94&lt;\x0b\x1f\x9f\x85j\x9d\x96\x90\xc4\x8c\x9222:M&lt;\xc1\xb3\xba\xe1\xa9\x937\\\xc51\xeb\x9e\xe9~\x1d\xc9\x9bn\x1d\x03P&lt;g\xe7G\xe5\x9b[\x96[J\x86\x08\xf0\xd2\xd1\xda\x8bT\xf7\xd8$\x84\xa7N\x9e\xb1\xf7\x0by\xcb%\xd9\x17h2d\xa74\x02\xd4.\r\x94\xb4\x12\xd5XrBv\x9f=\xe2\x06\x1e}\x85\x15[\xcd\x91\xa0P\x06\xc2\x89\xc2v.}\xedyh\x9b\x81A$\xf9\x88\xe7\xb7\xb5\xa9\xca\xbe\'\xfa\xe9\xc8T)\x1e\xdbs\xfe\x91_d\x85\x99\xf0\x12\xb1N\xcfu\n\xbf\t\x1e\xfe\x84\xff\x016+one\xe4\x9ceLv\xf09\xa2,\xb0\xbc\xd2hg\x13\xd6\xa5\xdf\xfc\xeb\xe0\x98\x02\xe0H\xb9\x16\xbeG\x04\x00#\x0f\xf1\x81S5c\x10I\xd590Y\x17r\xf4\xcc "\x99\x91\xcb\xe5\xd0\xb5\x11\'\xe1U\x1c\x9d\xb8\xf6\x0b\xa1H\xc2\xb6\xdb\x1a_\x16\x9e\xa6\xd1&gt;\xb6a]\x01\x97\xae\x98\xb1\x00\x00 \x00IDAT\xec\xc1\xbc\x12\n\xec\x9f\xc3\x1aN\xe2\xfa9\xa0\xd6\xa8M78ki\x18\xb5\xee2\x1e|\x86O\x11O\xbc\xd3\xb9\xbb0\xc1)\xb6\x97\xca\x11\xfa\xcdU\x1e\x9e\x19)DO?M\xc5S^$\x86|\xe2\xa2hIB\xd7\x15\xb4y\x86\xb6\x90|\x9ag\xed\xd1&gt;+\x00\xcfF\x83\xb6G7\x9d^\x85)65Ug\x12C\xa6f\xe6j\xf54\xd2Q\\\xd7\xa1\xdd;\x8c?v[\xd9\x8e&amp;\xa4\xfeDDt\xaf\xd4_\xa7\xe5r#\xb0aH\xf3qO\x15z\xea=\xdeF\xb4,\xddV\x92l\xf5@\xbb\xb1\x87y\xa7u\x9f\xb1\xf7K|\xfbE`\x14\xcdmLNm\xba\xcb5\x9b\x18\x90?#\r\x0b\x12\x88(\xd3s-\x92\xa0\xd3I\x15\xbd\'\x9c\xb5\xff\x9b\xee\nR\xc6\x10\x11\x034\x9a \t\xa6\x10\xf9\x07\x11\xa18%p\x94\xff\xf8\x1b\xc55\n)\xd4~\xc1\x91_\x1aW\x05\xca\xb5\x98\xb5\xfe\n\x16\x97\x0fI\xa4\x14\x0e!\n\xa1Dp/\x18\xf6_ \xd3\xf8:\xf3\x11UDquI1\x95\xbf+\xb7\x9dO\xaa\xb1\xf5\x16\xaf+\'"\x82\x9b\xaec\xdfy\xd7\xa4\xaa\x93\xec\xd5\xd2q\xccm\xb1\xd1\x0e\x18X,\xff0UW\x8d\x11\x83MB|\x87E7\x11\x1b\rR\xdf\x17\xb7"\x05\x8dX\xf5\x08\xf5\x11\xe9E\x0b\x8cc4\xdag.8\xf2\xeb\xeaO\xe5\xfboV\xb1b\xeb\xb9:\xac\x15/&lt;\xf9~FX\xc6\xd1\xba\'\xed\xb0\xab\xd9b\xc4&gt;m\xc4\xb4s\x0b\xdeV\x8a\x81\xa7\xe5\x1f\xa4\xc79]6\x0b\x07u\xbc\xfc\x1d\x11\x91\xbb%\xb4\x1a\xb9\xdfK`\xc4-5)\x0f\xc9p.\xd7\x9b&gt;\x00\xa7\x0e\xd8\xaa\xa3\x82d\xfaB\x86\x91\x86%\x1a\x03\x14r\x8c\xee\x81\xf2\xef{\tA\xc4\xcd\xf2\xcf\xc5\xf3\xff\xe0\xd9\xcf\xb8\x92\xb6\xb13i\xdb;\xd7\x8a\x12G^\xaf\xd4z\x1e"\x1e\x7f\xab0!"e\xad\xb9\xa8tiEB;\xaf\xd7\xa4A\xcdH\xa1\x97\xea\x02U4\xcc|Z\x12\x8d\xcd\xedw\xb0\xcd\x98C\xb9,\xb1\x96/F9\xfaB8\xe7(\xe5"\xd4\xefH#\xd1M\xa6K54rb\xe5_s\xa4TyQ\x1bW=g]\x92$\xc37\xb2;\xc0\xe0E\xe3_k\xd4{Y\xdc\xc6\xdc\xc5\xec."%a\x96:`+\xd5c\xbaW\x1e@\xeeF\xb5\x8eK\xb82p\xa9\x7f\xfa#:Du\xe3J\x93\x0b\xf8{\xc4\r\xa2\xfe\xd0e\\\xc5\xff-:O:y\xfd7""-&gt;\x8d*s\x0f\xfe\xa0:z6E3\xed\x10l\x8f\xad\x11S\xef\xe6\xf4\xd1w\xe7=\xf4KR\xefX|\x19\xce\x14\x08UD\x99:c{\xcf\xbe\xdcr\xc4\xfe\xcb?\xf0\t\xe2?2\xaf$\xc9xJ\x02\xca\x01\x80&lt;\xf0\x03\x1d\xcd\xe7s\xaa\x042B\xac\xe7&amp;l~M\xa2\xe0\xd4\xeb\xb3\x91\x94%\x0ftAGx\xab\xe8=\xe7\n\xc9.\xba\xe9t\xc6\xeaR\xd7V\xa7\xe7\xba\x1a\x9d\x97u\x9etR\x9bX`\x12\xe3\x96\x8a\x88\xc2\xba\xa1\xa2\xb5\xb5\xb4\xdf\xf9;)\x18\x956MDD3F\xc6o|\x89,\xa6\xc8f&gt;-Hk)\xae\xb6\x83\xa0g\xb6\xdf\xc1.\x93O\x91\xff\x93*\x05\xd4\x1am\x1b\xd6u\x9b\xfc\xad\xad\xd1E\x83\xc4\xca\xb9\x7f0}\xcai\xd1\x15x \xb3q\x95\xd2\xeet\xd2\xb6w(\x93\xd3\x02\x00\xe88\xf1\xb8\x84\x99\xff\x07\x18\xb8\xe8\x96\xe8s\xcd\xfdZ#\xe2\xe9\x8f\xcc\x9d\xb8up\'a\x1d=\x8d\x98f3\xa0\x80\x86\xa8\xa9:Be|\n\xad\x9f\xdd&lt;k\x8f\x8a\xcd\xf6\xe5\xef\x98\xb3\xf3\xa3\xc0\x8c\x0b\x06\xa5\x8cc,h\xfa\x9e\x7f\xb2V&lt;8\xfe\x16\xd7^\xc2~\xf3\xaf\xf7\x9d{U\x8b\xeak\x16w\xa3l}\xf8.;[k\x88\x9e\xc7D\x89:=\xd7\x81u\r"\xd8B\xdeA\xc9\xbe\xc1\xb6\xd0Do\x19~\xce\x17M\xfdz\xe3\x0fZ\xf8\xb7^x\xec\xf7\x86\xab\x98\x17t^\x08\x06\xee\x8d\xce\xfdC\xaf9[\x8c\x1a\xbf\x0e\x13\x8e\xd9Gd\xf8&amp;\x0eGb\x90\xa5ULo\x15B\x10\xf1\x17b\xd1\x08\xf59Q\x1e\xc0.\t\xa0\xa8t\xd9\xe5#\xa6@o\x98\x1a\x8cO\xe2p\xd2Z\xe6\xca\xc3\xcc\x8d\\\xfd\xb8D\x95\x01\xd2\x95\xae\x11\x99\xa2Bx\xea\x94"\xa1\x9d\xc9\xff\x11\xf1\'\xa2o\xe2\x88\xda\xdd\x15fD.\xe5\xfbh\xcaJ\xbc\xe1\xae\x91G\x9a\x94o)\rDl5\xf2\x00\xf9\x7f\x8f\x99\x17%\xcf?\xf7)\x92\x80\x88\xa14\xa5~\xde\xf8\xb0\xdd\xf0\xe4\xeek\xf9\xa8\xd6\x90G\xc6l\xdd\xea\xa6\x88\x87\x8d($ \xb1e\x15\x1d\xb5\x04&gt;\xa8\x0c\xc0\x8ci\xfck\x8e\x02G\x01&gt;\x0b\xab\xcf3\xe6V 1}\xe5\x86\xab\xc8\x14\xc7\x89\x11\xd5\x1dF-(\xc1\xe4r\xcd\x82Ee-Bl\x15\x05\x00\xb7\x8a\xfd\x10\xb1\xdb\xf4\xf3b3Q\xa6n\xef\r\xd4\xe3aT^=\xfe\x96\xfe\xfcJ\x9bx7\x1f\xb1\xea\x118\xa6\x00\x94\x85"&lt;\xa3\xe8\xe4&gt;\xae\x15\xfb\xee~\x80%\xe3\x07\x03@\xb3a\xbb\x87,\xb9\xeb^Y\xb2Q\x81\x98\x1dQ\x14\x8b\xee\x0e\xe0\x1e\xd5dZp\xdd\t\xd6!\x9d$\xd9\x8as\xa9\xd0\xe7)\xa2o\xa2f\xf1Nub\x9a\xcd\x90\xd0)\xa8\xe7\xacK\x88\xd8)\xfb\x04\xcb\xef2O\x00\xea\xaa\xb7\xdf\xc1q\xecq\xab$\x87\xea\x17.\xff\xa0\xf7\x11%\x01\xdc\x01\xc2\xe9v\xbc\xba\xae\x89K\x85\xbe\xdc1a\xb4\xc6\xab\xe7\xcc\x8bR\xbb\x1e9\xd5\xee\xbeFB\xf9\x11Q\x04^\xfe\x81\xf4\x00bl$e\xac\xbc)\x8b\xd9\xe0\x01\x00P\xa8\xea;D\xf5x\x8e=g^DD\xf7\xca\xbc\xac\xe76\xdf@F\xf7\x8a);&gt;\xd0\xdfq\x9e\xb2\xf9\xe1\xa9S&gt;\xcbO\x11\xb1\xa9T,\xaa;\xd3\xd4Y\x93\xe0(\r\xcb\x80\xb6\x1a\x07`5\x8cI\x0cu\xc6\xdf\xe8AJh:\x8b\x02h=\xea\x00\xef\xfa\xe4V\xb8@\x15M\xd3pj\xd1[\x86M\x02\xcd\xa1\\[\x8c\x95\x9f\x90\xa9Z\x02\x1b\xa6\xfbe\xe2^\xb9\x7f\xadn:\xb5t%\x04*\xffY\x8a\xfe\x87w\x8d,\x8dr\xed\x84\xe8&amp;\xd3\x1f\xaa\x88\xfa\n\x0c\x88\xcd\x81Sl/d\xe2;b\xdb1\x877^S\xdd\xae\x17\x01Q\x12&gt;\xff\x05s9\xd0\x8aY\xc5\xfb\xb2\x96\xc0\x1a*.}\xea\x99\x0b_\xc4}\xc1H\x8bk\xda\xe0\x9d\xf2\xff;\x03\x14\x01\x000\x8e\x1d\xb3\xeeY\x0c\xe3n\xcb_G\xb1\xe4j\x1d\x97H\x18&amp;\xd6\xab\xfaP^=c\xd1\xdaY+\x1e0j\xda\xdc\xe3s\xbaD\x14\t\xed|N&gt;\xb8\xc9G\x82\xb2\x88x_\xad\xf4\xe7\xb2*\x89\x17\xe2W\tG\x86\x88U\xda-\xd0pN\xfert?\xc8\x17\xa2\xeeI\\\xbb\x85e\x1bN\x02\x80\x19{\xfe\x11}Wc\x9b\xcd\x108\x00\x03\x80\t\x9b\xcf\xe1\x84M\xaf\x10\xb1N\x8fu`R\x9e_VJ\xd6\x8e\xfe5G\x1e\xa2\xdd\x17\x1e\xa7\xebN\\\x88\x15\xe7\xf2}\xdc\xe8\xce\x0e\xee\xa9\x9diZ\xfd\xd2s\x92\x16\xb2\x80\xed\x1b\xabXtw\x15\xc7\x8f\x94^\xeb\x1f!\xea:H\xbb\x8a\xa2\x8a\nA)\xe3*\xf13L\x8dh4\x05\x11\xc73E\x90\xd6\x8e"\xe0\x90\x0c\xf6\xb5\x18\x07`D\xdc\xfbX\xc2.)\x17\xda\xa2\n\xdd\xa6\x9f\xff\xc3\xad\xea\x02\xd0q\xe2q\xea\xf2\xbbL&gt;\xc5d=[Hg\x15d\xa1@%\xda\'\x8bn\x84\xae$\xa2HHg\xce\xdf\xbd\x01\x0c\x01\x8a9\xc6\xf4\xb0\x08h\x13Z\x7f\xa2\xfc\x05q\xd5\xbeh\xfa(\xa3)-\xb3%&amp;u\xfa\xee\x07\xba\x1f\x83\r\xa3\xa8X&amp;\xd4\xb1\xc8\xc69\x1b\xaf\xa9j\xc7.&gt;\x8e\xfb\x1es\xd7G\xc3B\x85\xfa{\xcd\xfd\n\x00\xc0\xa85O\xe8\xe95\xad\xb82\x7f\xd4"\xe2\xb2\xd3\xa4\xe6\xa6=f\\\xa0t-\xc4\xe0\x982v\xfds\xf1\xa7+p;\xff\x0f\xbeRr\x01\xe2\xa0tP\xca8\xd5\x1e\xc0\xbc\xf2\xac\xfd\xdf\xb2\xb7\xbe\xe5U\x1a-r\xeb\x7f\x17kY&lt;pA;\x01\xe6\xfe\xad7]\xd7\xab\x90\x906\xd4\xea\xb6\x065jr\x8a\xa2S\xf6\x89\xee\xd3\xcf\xab\xbf\xa2\xe36\xbe4.\xd5\x14\x8c\xa2\xe3\xda/T\r\xdf\xc4J\xb0\xf6q~DS\xb5\xe3b\x8di\x16\x1d\xc7I\xdb\xdeiHd\x15G\xbf\x0f\xa3\xd7&gt;\x95p\xb9\xe6?\xcc\x84M\xaf\xb6\xdf\xc1C\xcf\x95t\x1c\x95)\x8b\x88\xd9[\xde\x10-\xe2\x9a\x99\xabL\xbd[T\xef\xb4\xd4\xc4\xab\xf9\xcc}_\xb5\xaf\x80\xf2\x80!\x86\xd2\xb5\xc7\x90\xd3\xaf\xfc\xa0\xbe8\x95\x96j\r\xdcu\xeb\xbf\xc7\x88_\xd2\x08\xf6n\xca\xbcN\xcfu\r\xfam\x0e\xad?\xf1\xccG\x99\x07\x1dm\xd8\x93\xa1\xfevk2\x821\xd9\xa9\xac\xa0\xcb\xbd\xa2\x8eL\xf1n\x01"\xb4y\x16\xe2\xc8W\xb2\xc93DD\\~\x9a\xb5\\\xea\xa2\xd4\xe5\x18\x8b\xc7\xf6D\x99\x83l\x11\x00\xa7\xba\xbd7\xa4O93d\xe9\xddbQ\xddW\x9c\x95\xe8B\nW\x03SQ\x1a\xa2y\x99\xf0FS\x82y\x0b5\xff\x8d\x90\x9d\xcbi\xbb&gt;I\x9e\xb3\x85\x7f\xeb\xec-o\x16\x1d\xfbs\xfc\r\xf9\xe0s\xe0\xd8\x1fr)\xdfg\xe35\xd6\x86\x18\x98&lt;\x06\x11\xf9\xce\r\xb5\xc6&amp;\xac+\xed/\xd3&gt;s\xaeh\xd4\x10\xb5,\xddVmS@\x1d+\xb5\xdeJ\xd9\x9a\xd1\xa2\n\xd3N\xc7\xff4\xc4\xb2\x03\x11w?\xc0!K\xef2\xa6)\x12*\x0b\x02\x7f\xe5_D\xc4\xc2\xc1\x1d\xa1X\x1dD&lt;\xf5\x01\x0f\xbf@\xed\xb7\xf9\xb5\x1f\x80\x01\xc0\xbdr\x7f\xb6@\xdd!\xf5&amp;""\x80\x8f\xe8\xcc\xa5\x85\\i\xe7\xec\x93G_\xe3\xbcC\xff\xaa5Z\x05\xf9\xbd\x9a\x91\x83\xbf\x14\xbf\x86\xc8~c\x94\x04pH\xfe\x86\xf8\x8a\x96[J\xaf\xf5\xec\xf6\xa1\xac\x91\x15\xe4\xc7%\xb4\xa0\xd4LL\xd3\x19\xf7\xd4\xa6 *t\x9bv\x8e\xb1\xce\xd4\xf5\xf6\x98y\xb1\x80o\xcb\xf6\xe3\x8e\x80k\xc3\x93\xefe\x07\xad\x83\xb9\x963yR\xb7\xf7\xc6\xcam\xe6\x03\x98i\x9f\x15\x85_\xd2H\x95\xcdM\x00\x00\xb0\xf3K\x1a\x01\xd65x\xee\xf7\xff?\\t\xce&gt;q\xf0\x19\x1a\xb8K\x10*\\\x1d3\x9f\x96\xe5[\xcc\xd6$\xcf\xe9\x0fn\r\xd7]FDLJ_\xc9\x92\xc6\x83\xb4\xd4\x9d\xf70}\xea\x99\xe1+\x1f\xaa\x87:\x16\x8e9\x80uh\xfd\xec\x83\xcf\x94\xdf\x96|1\x888\xef0]U\x98\xed\xc3K0\xfb\x1e#\x1d\xe5\x1fK,?C\x94\xb9\x04\t\x86kt%\xfc\x1bGtG\xaaSn+\x8f\xe9\xebT\xae\x97a\tfU\xc2\xc8\xc69\x1b\xaeb\x9f\xb9Wc\x9a\xce\x90\xab\x10\x9b\xac:\x8f\x888`\xe1M-\xab\xb2\x83\xf6\xc5&amp;H\x87\x9c\t\xe6\xe8a$\xf3\xc7\xb9\xef#.\xe3\xf4\x07|\x80h\x1d\xdci\xf6\xfeo\xc6\x9eM\xc9P\xea\x18\xd3\x03e_\xf0J\xac\xbd\xa8\xd2\xa4\x83\x00\n(\xc6c\xa5\xf5\xd8`\x95\x90GH\xd3\x8e\x10\xca\x92\x93D\xc1\xbe\x84\xb8\xd3\xf5\x0c\xfd\x92W\x9cE(^\xd71\xa6\xc7\x91WH6\xeb\x9b\x0e\xdd%I)\x15Z\xce\x0ek\x90\xadv\xd8E\xa3\xdb\x12\xb1\xff\xa2\xfc\xad\xe5A\xd5L\x10Q=X\x93]\xd9\xf4\xe6Y{\x00\xbcjw_\xa3}\x9d\xf5J\x9d\x9e\xeb\xfa\xce\xbb\x96\xdcc\x1d\xe4\x8b\xc9\xed\xba\xc8p\x8c\xe9\xd1g\xeeU\x802\xba*\x80\xd7\xaa\x88\x15\x801\xf7Vn\x89*\x03\xe9\x8d\xb8\xc9\x90\x9d\x90?\xb6A\xbf\xcd\xe2LH\x88\xf3\xe2\xb5_\xb2\x17@\xf5\xe7\xc2"\\\xe24R\x1a\x00\xa8H\x8eL\x03\xb0\xbfU\xe9v&lt;&gt;\xa3\x05\x11\xcas\xaf\xa8r\xdb\xf92\xf1?\x1dS\xc0\xb7\x15\xff\xc4\xf489\x9c\t\x8b\x90fP2nP\xdf\xb9\nq\xb7\xd6\xa3\x0el\xb9\xa9\xed\xa8\xc6\xfe\xbc\x04\x13Pk\xb4z\xe6\xbe\x89#\x14\xf9\x9b\xe5\x8eS\xac\n\x88x\xf2\x1d\x02\x18D7\x9dn\\\xaa\xa9\x86\x0f\x1d\x83\xc8\rW\xb1\xd3\xc4\xe3\xce\xe5{\xcb=\x18\x03\xa8+Z~\x86v\xd3\\\x1b\xa8\x8d\xbfx\xf0\xb96wU\xbc\xf9\x98\x9eY}\x01\x95\xef\t\t\xe9\x96\xbfT\xb5!\x88x\x0fQ\x8a/\n\x00\xc8W,\xaa\xbb\xca\xa1E\xc7\xf1\x81r\x18.F\xe8\xf2\xdd\x89\xe9+\x00\xdc\x01\xc2.\xff`\x8b\xcd\x1c\x04\xe0*\x89\x81\x85^\x89k\xb7\x90\xb2@h3\xfa`nW\x07\x00\xa0R\x9by\x88x\xf2}^\x99}s\xb3\xfe\n""\xa5\x9b\xb1\xf8\x04\xae\x15eG\xbdM\x1e\xbb\xe5\xe2W}i\xc0\xba\xa5\x02\x98\x03\xc0\x92\x93\xf4\x0e</t>
        </is>
      </c>
      <c r="E184" t="inlineStr">
        <is>
          <t>&lt;class 'numpy.ndarray'&gt;</t>
        </is>
      </c>
    </row>
    <row r="185">
      <c r="A185" s="1" t="n">
        <v>183</v>
      </c>
      <c r="B185" t="inlineStr">
        <is>
          <t>steps_per_sec</t>
        </is>
      </c>
      <c r="C185" t="n">
        <v>2700</v>
      </c>
      <c r="D185" t="inlineStr">
        <is>
          <t>5.3791714</t>
        </is>
      </c>
      <c r="E185" t="inlineStr">
        <is>
          <t>&lt;class 'numpy.ndarray'&gt;</t>
        </is>
      </c>
    </row>
    <row r="186">
      <c r="A186" s="1" t="n">
        <v>184</v>
      </c>
      <c r="B186" t="inlineStr">
        <is>
          <t>Loss/localization_loss</t>
        </is>
      </c>
      <c r="C186" t="n">
        <v>2700</v>
      </c>
      <c r="D186" t="inlineStr">
        <is>
          <t>0.01744183</t>
        </is>
      </c>
      <c r="E186" t="inlineStr">
        <is>
          <t>&lt;class 'numpy.ndarray'&gt;</t>
        </is>
      </c>
    </row>
    <row r="187">
      <c r="A187" s="1" t="n">
        <v>185</v>
      </c>
      <c r="B187" t="inlineStr">
        <is>
          <t>Loss/classification_loss</t>
        </is>
      </c>
      <c r="C187" t="n">
        <v>2700</v>
      </c>
      <c r="D187" t="inlineStr">
        <is>
          <t>0.5180206</t>
        </is>
      </c>
      <c r="E187" t="inlineStr">
        <is>
          <t>&lt;class 'numpy.ndarray'&gt;</t>
        </is>
      </c>
    </row>
    <row r="188">
      <c r="A188" s="1" t="n">
        <v>186</v>
      </c>
      <c r="B188" t="inlineStr">
        <is>
          <t>Loss/regularization_loss</t>
        </is>
      </c>
      <c r="C188" t="n">
        <v>2700</v>
      </c>
      <c r="D188" t="inlineStr">
        <is>
          <t>0.033266388</t>
        </is>
      </c>
      <c r="E188" t="inlineStr">
        <is>
          <t>&lt;class 'numpy.ndarray'&gt;</t>
        </is>
      </c>
    </row>
    <row r="189">
      <c r="A189" s="1" t="n">
        <v>187</v>
      </c>
      <c r="B189" t="inlineStr">
        <is>
          <t>Loss/total_loss</t>
        </is>
      </c>
      <c r="C189" t="n">
        <v>2700</v>
      </c>
      <c r="D189" t="inlineStr">
        <is>
          <t>0.56872874</t>
        </is>
      </c>
      <c r="E189" t="inlineStr">
        <is>
          <t>&lt;class 'numpy.ndarray'&gt;</t>
        </is>
      </c>
    </row>
    <row r="190">
      <c r="A190" s="1" t="n">
        <v>188</v>
      </c>
      <c r="B190" t="inlineStr">
        <is>
          <t>learning_rate</t>
        </is>
      </c>
      <c r="C190" t="n">
        <v>2700</v>
      </c>
      <c r="D190" t="inlineStr">
        <is>
          <t>0.07999991</t>
        </is>
      </c>
      <c r="E190" t="inlineStr">
        <is>
          <t>&lt;class 'numpy.ndarray'&gt;</t>
        </is>
      </c>
    </row>
    <row r="191">
      <c r="A191" s="1" t="n">
        <v>189</v>
      </c>
      <c r="B191" t="inlineStr">
        <is>
          <t>train_input_images</t>
        </is>
      </c>
      <c r="C191" t="n">
        <v>2700</v>
      </c>
      <c r="D191" t="inlineStr">
        <is>
          <t>[b'640' b'640'
 b'\x89PNG\r\n\x1a\n\x00\x00\x00\rIHDR\x00\x00\x02\x80\x00\x00\x02\x80\x08\x02\x00\x00\x00\x83\xaf^t\x00\x00 \x00IDATx\x9c\xec\x9de`\x14W\x17\x86O\x02\t\x10,D\x08\x10B\x12\x12\x08AB xBp\r\x0e\xc1\xdd\xdd\xdd\xdd\xdd\xdd\x1d\x8a\xbb\xbbkq\x87\xb6\x94\x02\x85"mi\x8b\xbc\xdf\x8f\xd9\x9d\x9d\x1d\x9f\xd9\xd9\xdd\xc0\xc7\xf3\x870{\xe7\xce\xdd\xd9\x99+\xe7\x9e\xf3\x1e"\r\xa4\x9c\xb6\xf3\x95\xd4g\x05\xebM\x8b\xac1\xfe\x87\x1f\xa1\xa5\xc2\xefh&amp;&lt;n\x04\xb9\x17\xe3\x1d,T\x7f\x06\xa0\xed\xceg)7\xc4\xb8Fi\xa6\xd7\xdc+\x89B\x1b9\xf4\x92.E\n5\x98\xe1\xd0+~U\xe4\xad5\xc9\xd9M\xf8N\x02\xa5\xf3\xb4\xb3\xcen\xc2\xff\x0bA\xf2\x1f\xff\xc2\xeb\xe5\x03\xeb\x08\x8ad6\xb05\x0e!\x89\xea\x92)\xedq\xf9\x14\xb9Z\x1bR\xcf\xb6\xdbz\xa7&gt;I\x8a\x1b\xd2\x80\x04Cn\xab\xffe\xa8i\xfa#y\xa9\xa9\xd2\xd3\xc7\xff{\x02f\xef{\xe7\xec6|\xc7\xa1x\xe7\xef4g\xff{\xf1\xcf\x82\xeb9\xb6-\xdfQGD\xb5\xb1\xcen\x82\xd3H\x15\xd9\x96\xf9#k\xf9\xa1\x06V\xabu\xe5j U\xba\xad#Jgc%_\x00;}\x85\xc4Y\x0cX";\xf1\xf6~C$sv\x03\xbe#B\x9d\x01\xdbm\xacA\xcb\xdb\x11n\xe3\xb5l$\xa4\xcc \xe76\xc0\xae\xd8\xda\x0b\'X\xee\x18\xda\xff\xb6\x1cs\xf8\x03@\xe4m`\x9d\x1aHV\xd2\xd8\xfa2\x15\xef\x1bYc\xbc\xb1ur\xabWQ&amp;B\xeeC\xbfj\xf2\'\xc7uZ\xadx\x81\x9b\x9f\xbe\x0f\xc0\xdf\xb1\xa2z\xcf\x8d\xcen\x821t\x9fuI\xe3\x19\xbe\x15:\xac\xe4N\xa7T\x0f\xc0~\x1a/\xa4\x93b\xcd\xe6;\xe6B\xa2\x14\xac7\xcd\x89WWO\xf8\x82#\xff\xa4-\xd4\x95s$\x9b\xb3\x9a\xe2`Z\x8d=\x92\x00VT\x1e\xc6U\xe5k\\UV\x94l\xb5\x88\x02\xeb\n\x0e\x17\xd0]aL\xe39\xbe\x05\xba0\x7f\xbb\x864T\x7fb\xe2,\x8d\x14\x86\xf9\xef|\xfbd\t,\xd1\x8f\xf3\xdf\x82Nk\x88\xb3\x01\xd0m\xe6\x05g\xb7B\x14\x97\xe9\xbb^[\x0f+\xdf\x11c\xedE\xb4\x19\x7f\x8c(\xb9T\x81\xd8\xa6\xf3\xd2G\xf7\x90\xaf\xe4\x833\x86\xb1/F\\t\xc3\x15l\xb8b\xaf\xc6\xbbeml\xa7\x9a\x89\x88(\xb1=+\xe7\x92\xb3\xfd\xe4S\xb6x\x03\xb8\x875\xe5\x1d)\xdbv\xd9\xe6\xeb\xa2\xb7=\xaft59\xdaM&lt;I\x94Kw3\xe4H[U\xea\x13\x00\xde\xf9:\xd9\xe5\xa2\xdf\xd1\x8f\xab\xb3\x1b\x90P\x88\xef\xbb\x85\xfd\xbbt\xeb\xc5\xcek\xc8wt\x11Va\x98|\x81m\xb7\x98M\xc1,\xd2E&lt;`\xc6\xd8\xb69\x06\x00\xf6\x1a)\xfdk*\x971\x8e\xec\x95F\x02\x88n4K\xeb\x89\x13\xb6\xfc&amp;e\x0f/\xdbv\xe9\xda\x0b J\xbf\xf4\xc4\'\xbd\xed\n\xbe\xfdE\xec\xc1\xf0\xaf%&lt;\xe6\x1a\xd2@\xa6\xa2\xa3\xcfP\x7f\xd0N\xbd\xcd\x90\'\xb5\xd4\x07KN|\xb4\xcf\x15\xbfc\x18{\x1f\xe2\x87\x1f\xf1\ro\xbd\xd9Fag7\xe0\x1b#\xad\xa3/8\xf7\xe0_-F\x1f\xdau\x1f\xf9\xebL\x91,\xe4Qj\xca\xf6\x97\x0el\x94a\xb8\x875\xb5\xdb\xd4A\xd2\xae`\x0f*tXI)\xcb2\x7f{\xe5\xeb\xa8\xfeD\xcf\xbc\xed\xa5&gt;za\x9aW)?s9\xab\x8e!""\x7f\xb1\x0f\x85\xbb\xecQ\x00\x8a6\x9d\xab\xba\x8df\x02\xeb\x9ex\x8e~\x8bnh&gt;\xf1;\x86\x91\xc6\xd9\r\x10\xa1\xf7\xfc\x1f\x9d\xdd\x84\xefh\xc7\xb1K\x14g2{\xdf;\x97\xcc\xf5\x89(CL\xcf\xbe\x0b\xaf\xeb\xa8!y\xceVF7\xea\xdb&amp;\xf7\x8e;(\xa2}=\x9a\xa00\x1b6D\x87U+\x1a\r\xdd\x932w\x1b\xed5\x9b\xf1\xad\xac\xe6,\xbfB\xdd\xce\xbe\x06\x80%b+\xf2\x8cE{\x07\x97\x1c\xc0;\xb8\xef\x11F\xad{\x12\x1e7\x82]so\xb9\xf1U\x9aj\xbe\xf3\x1d\x95|\xbd\xf6H{\x00\x80(\x87\xc3.\x97\xa5\xf5\xb8\xa3\xdc\xff\xdf\x05f\xed}\x0b &lt;n\x04Q\xb2\xe6\xa3\x0f\x89\x9e\xf6\x04\x98\xb1\xe7\x8d#\x1a\xf8\x7fC\xf1\x16\x0b\x882\xaa(\x98\xc1\xeeM\xd1K\xd7\x19\xe7\xff\x06&gt;\x00\xc3V=\xd0~\xb6\xfa\x98ly\xac\xb6\x9f\x13\x856&lt;\xfd\n\xa3\xd6=\x11+)\xe2\x86\xc6tF\x85\x1b\xce\x1c\xb1\xe6\x11s\xe4\xf0/\xc8Qy\x94AmK\xd8$\x8aqv\x0b\xbe\xe3\x04\x00\xb4\x1a{\xc4\x19W\x96s\xcc,Xo\x1aQ"\x875\xc5\xf1L\xda\xfa\x9c&amp;l~\xc6\x9b\xfb\x00\xb8\xfa\x01\xfb\x1e)L\x88\x00\xfc\x97@\'M\xce\xf6rT\x8a\x9f\xf9\x86I\x14\xda\x08\xc0\x94\xed/\x01\xd4\xe9ok\x9c\xa2&gt;\x06-\xbd\xadX&amp;\xa6\xc9\x9c\x8a\x9dV\x95m\xb7L\xf4\xd3n\xb3.\x1a\xdd\xa8o\x92`g7@\x91\x84h\xfdv\x16\x8ak\xdcM\xd7\x12V\x7f.\xef\xe1\xf1\r\xf0+ b|\xf8\xf1\x1f|\xd5\xdf\xdc#g\xcb\xef\xe6\x14g\xe2[\x99(1Q\x12\xfb\x859\x19\x02\x80\xe4\xb9\x9c\xb5K\xf2\xdd)\xf7;\xdf\xf9\x0eQ\x89\x96\x0b\r\x0c--\xddf\x89-\xa7g)7\x84\xc8\x8b&lt;+\x18\xd5\x1e9\xdccu\x9e\x18P\xdb\xd0v|cp\xcd\xe3j\xcc\xe9\x8e"A\xa8\xebe%r1\xff\x1d\xe4\xc4v\xd8\x81\x0c\xe9\xa3{\xa8\xd9\xfbw\x16e\xda.MH.&lt;\thi\xfe}\x03\xf8[\xa0D\x8b\x85\xc9\xb2\xb7 \x9fJDD\xa9\xca\xd9\xe5\x1a^q\x06V\xf6\xab\xaeg.eD\x9b\x04\xf9\xbc\xa6I\x12\xde\xcc\xd9mH\x80\x84\x10\x91\xf6\x85x&gt;\xe3\x1b\xf2\xed\xe3\x974{sg\xb7A\x0esx\xa4a\xd4\xb5Y\t2!p\xec7\x10\xe5qv+\xbeiR\x97\'\xca\xcb\xd7\xa8WO\xf3\xd1\x87\xb6\xde\x94|pW\x9e\xc5\xda\x8b\xd8x\x15\xcf\x01\x00\xed&amp;\x9d$\xa26\xe3\x8f\xe9\xbc\x98j\x16\x1e\xfdW\xff\xc9nz\xd7\xbeD\x01\xb1}:L9m\xd4\x9b\\\xb2\xd5"C\xea\x19\xbd\xfe\xa7\x847\'\xd0BP\xddX~\x88\x91q\x02\x1a\x89\x8br\xfe\x13\xa0X\x1c\xc0\xe5\xbf\x98\x9b\xa9FM\xf3;*H]\x9e\x88\xe2:\xcbK\x87F\xda\xdb\xe3f\xfa\xee?\xc8\xaf\x9a\x9e`6\xc3H\xaa\xeb,\xa3\x9c\x13\xf9\x98\xd7\x12\xfc\xb1!eD\x9b\x05G\xfea\xfe\xae\xddo\xab\x9d\xae\xfe\xffE\xd2\x12:Od\xb6T\xa5\xfa\xf7\x97\xb0b\xf5y\x10Q\xbfE7\xb2U\x1cNDD\xee:\xafj\x1c\xc5\x9b/\xe0\x1dq\x0bkB\x94\xca\x96:\x1f\x00\x1e9Z\xdaR\x83\x90\x93/\x00(\xfb\xbe}\x1d$P+\xbd\x8f\xf5`,N\xee\xea\xe3\n\xd5g\x12\x17\xea\xd7\xce\xfc\x0e\x97\xea=7\x12y\xc9\x97\xf1\xce\xd7I\x98g\xf3\xff\x83 g]\x98\xed\xb7sU\xb5\xca\xb2\xf3\x1cxc\xee\xf0\x01$\xe4\xb0\x8b\xaf\x94\xfe\x8bo\xb2\x7f+L\xaf\xf2\xd7\x99\xd2u\xc6\xf9\xd2\xade6w\xf9\xce\x90c6\xfcL\x94So\xdbB\xf5\x9e(N\xc3!{*t\\il\x9d\xf6\xe0\xf2\x9f\xf8\x04\xfc\x01\xec\xba\x97\x80\xc6\xe0\xf5\x97aJ\x84\x92L\xd3\x0c\xce.\xa9\x1bEY}\x0e\xa9r\xb7\xb5&gt;&amp;&amp;\xba\xe9\xa3*n\x98\xe1\xd2\x9f\t\xe8\'\xf8\x06h?\xf9\x94\xe07\xfa\x06\x19\xbd\xfe\'\xf2(e=\xd5H\x9a\x90;\x1fv\x00^r\xdc$\xdfv\xf9/\xcbj\x8a\x88t\xffjzso\x07\xe9\xbb\xdcW\xca\xfa\xcb \x19Q="\xd2i\x85\xcb\x18\x1f\xdbl\x9e\xc6\x05\x84\xbbw~#\x14t\x13\x17%7\xd1U\x8e\xa7\x01\x95\xdb\x97\x84\x983\xe0\xb1\xb37\xbc\xa3jO\x96\x7f\x08\xa3\x1b\xcf\xfe\xba\xcd\xef\xff\x07\x14i8\xd3\xc1*o\xb6P\xb0\xdet\xa3\xaa\x8a\x8a\x9flTU\xf6@h\xda,T\x7f\x86]u\x82\xd3\x15\xe9^\xbc\x05\xdf$\xc9m\x8f_\xe1n\xf6\xb8\xae\x1a\xbc\xf3wv\xd6\xa5e\x08\xd4w\xda\x81\'P\x9fF4\xb4\xcc`\x03\x83w?\x02]f\x9c7\xaa6k\xc2\xf4\x9e\xa8l\xc3\x01\x10\\\x8a\xaf\xca\x94\xf0\xf0\x11\x1c\xc9n\xdf\x0b\x8adU\xe2\xb3\xec\xe4g\xa9\x8f\xee\xa9\xeeG\x8cM\xf3\xfc\xffB\xfa\x1ajJ]\xfb\x17\x93\xb7\xbd(\xa5K\xfa\x7f\xdbm\xcd#A\xf6J\xdf\x9aj\x8a\x9d\x86\xc3c\xbf\x01@\xca\x08\xae ]jf\xf4u\xcb\xda\xc46Wm\x85\x1d\x87\x84D\x10\xf3O\x02\x9b\xc7\xa7*\xc7\n\x05;\x9f\x0c5\x01\xa8\xd5+\xce\x18\x9f\xc0n\xa5Z\x84Y\x80\x128#\xd7&gt;.\xdcp&amp;\xa5(ch\xad\x9c\x1d\x8d\x94et\xfc\x94\x00\xca\xb4]j`\x83\x0c\'q\x16\xbb\xa6\xbdJ(p~\x85\x145z\xfd \x9e\xfc i\tJ%\xd9\xcf$\to\xc6{\x00\xbe\xcb\x82\x1a\x0b\xc7\xe5P@\x8a2\x8d\x86\xee\xb1\xa5\xf2,\xe5\x86H~&amp;\x96[\xe5\x1bF\xb4\x1f\xe3\xe9\x10Xb\xf8\xca\xb5[NDDn\xc2s\xaa\xf5\xd8`l\xcb\xd4\x91\x06@\xc9\x96\xea}\x86\xed\xe57\xf8\x1d\x96\xc0\xe2\xfd\x88&lt;\x0c\x0c\xfdt\x0bk\xd2w\xc1\xb5b\xcdyI\xb9#\x8d\xaa?\x01\xf1\xff\xa1\xf8\x18Yc\xbcR\x11?\xf2\xad,oDi&lt;l\xefS\x80\xa8\x10\xf3\xdf\x1dw\xbe\x0f\xc0\xc6\xc3u\xa4e\x0f&amp;\r\xd7\x1fWf\xaeG\x7fNR[\xa87\xd0N9\xd0\xf4\x93\xaf6?/Q\xb1f\xf3\xc4M\x9eq\x9dW\xf7\x9ewUj\xf2R\xb0\xfe\xf4tE\xba\x1b\xde&gt;"\xaa\xd2m\xfd\xc5\xf7\xdf\xe4\xdbe\xa0\x916A((\xe5\xaf;\xd5N\x92\x0b\xab\xcf\xcb\'\xb2\xb4\x86\xf5\xabr)b\x8f\xc6X\xf0,og\x95\xbel\xf6\xac\xdcVf\xed}k\xfeS\xb0O\x94\xa9N@\xb1\xbe\xd2\xa7\xaa\xd1\xaaT\xde\xe4\xb2\x0c\x0c^\x15\xc52ei\xa0J\xd7u\xb6\x9c\xee$\xc2\x89\x92\rZv\xc7\x96\xf8I\x1d4\x1d\xb1_\xf7\xb9\x8f\xbeN\x1b\xa4#\x91\xdch\xef4\xed\xec\xad\xcfN\xb9}Y\xc8\xbb\x92r)\xeb\xa70\xa4\xcc \xeb\x8f\x13\xdc\xdeC\xd9\xb6\xe2\x82\xc3Z\xb0\xa7\xbau\xea\xf2ZJ\xab\x1e\x1d\x05\x14k6\xdf\xe4P\xfd\xf5P\xbe\xc3\ng7\xc1\xf9\xc8G\xdc\xc9\xee\x11\xe4g\x13Z\x90\xa5\xc7\xd1\xf3\x0c|\x15\x9bJY\xca\r\xd1\xaf\xb7\xf0\x7f@\xb9\xf6\xcb\x9d\xdd\x84\x84\x81b\xb2\x80\xae3/\x88\x7f \x9e\x86=\xd00\xedh\x95ZW\x1e\xa5\xcc\x7f\xf9\tc\xdb\xabv_oLc\x14P\xad\x97$\x91\xbb^\x91\xd8f\xf3T\x96,\xdadnH\x99A\x85\xf5\xb8\xfe\xa7P\x92GP\xa0\xf9\xa8\x83r\x1f[}\xf7\xbc\x9c\xbfs|\x97\xb9\xf8\x8a\x88\xa86V\xea#\xf9\xa1\xd1-\xac\t\xb7\xa4y\x0cf\xa3\xf0\xd3\x1b\xd3&gt;\x03\xc8\x9a\x10D\x0b\x9c\xces\xe0\xd8o_\xc1\\\xe7+\xc65\x9a\xc8\xcf\xd9\x8d\x90 u\x9ev\xbe\x05\xba0\x7f\xb7\x1e\xa7,\xa7%L\xe6\x1aQm\x9c\xd3\'\xcb\xfa\x97M\xe9\xabS\xf2\xd2J\x85\nQb#w\x10}\xcc7\\/6\x99\x04e\th3\xfeX\xa9V\x8c\xeb\xac\xee\xb0\xf2\xef\x18\x80\xf8;\xe5^\xec\x03\x00 \xb0D?u\xd5dc\x06\xe0\xa1+\xef\x1b\xda:{\xc2_\xac\xa8\x977\xf7?\xfc\x8bs;\xa2o9\x91\xdf\xff!\xc6I\x03\x9a\x10s\x89$\n\x88\xed\xc3\xfc\xf1\xe3?\xa8\xdce\xadH\x894r\xa9\x1a\xaat[W\xab\xcf\x16[\x9bf\x1bg^!\xa6\xf1\x1c\x83*\xe3K\'\xb6\x9bt\xb2\xf1\xb0\xbd\x06Un(\xfe\xb5\xea\xf4\xdfn\x9c\x8f^\xae\x1dw\x90&gt;\xba\x87A\xd3\xa9d\x94!\xe1\x08\xf1;\x8d\x8a\x9dV\x19WY\xce1\x1b~6\xafh\xd5Z\x83\x9a\x8e\xd8\x7f\x0f\x10\x04\xb3\x89o\x1b\x0100O\x8c\x83\xa97hg\x92lr\xf2\xec\x81\xc5U\xceZ\xbec\x0c\xc1\xa5\x062\x1e\x9dE\x1a\xce\xa2\xb4U\x9d\xdd\x1c\x1d\xa8\x8b\xf9\xb37\xeb.\xc9\xf5\xc8%Z,\xb4\xeb\xd5\x13gm\x1c\xd3\xc4\xa6\xc15K\xb9\xa1Y\xcb\x0fk3\xe1\xb8QM2\x88\xfcb\x07\xd5G\x81G\x02 \xcaD\x94\xc2\x90\xd6\x9c~e_\x01\x10\xa7\x9bI\x9c\x81\xb8\xe4Nt\xe3\xd9\xbak\x94r$y\x05\xa4-\xd8Uw\xb5\x0c\x89\xb3&amp;\x94`-\xf3w\xd4\x90\xff\xf8%\xc0\xc4bH\x89I\xdd\xfc\xf4\x7f\xf8\x04&amp;\x10l\xd2!\xd6\n\xf3\x8e\xa4\x8f\xee1~\xd3\xafz\xceO\x91\xab\xb5\xd1M\xfa\x9aI\x14mk\r\xc9Kg\x8c\xedmDSx8\xdd\xfbL9\xcf\x81\x06\xfc\xaa)\x8d\x916\x8d\xf4\xb3\xf6\xbe\xf5+\xe44\xcd\x1d\xfb\x10e\xc3\xb99\x0ck\xc5\xb7C\x10\xe7o;\xab\xcd$`\x1a\x0c\xdee{%3\xf6\xbc\xb1\xbd\x12;\xe0"r\xcc\xf8\x10\xc1$i\xf2v \xdf*J\xa2\x93\xda\xf1-\xd0\x85(+\xf3w`\xf1~9\xab\x8c\x11\xbbzq\xc1!\xb1\xe0\xb0\x94em_\x94\x00\xb0e:\xff5!|J\xfc\xaa\xe6\x8d\x9f\xc4\xfe\x0f\x80;\xc7\xff\xc5\xb1\x18%:\xa80\xa5\xf8?\x91\xb3\xb0/\xdfV\xfe\x83\x80b}\xcc9(\xbff\x12\x9c\x81T6\xa1\xa7\xa1.)N\xa7b\xa7U_K~\xc6H\x00\xa3\xd6=!"\xa2\xd0\xe8\xc6\xb3E\x17vb\n\x7f|}\x8fu\x97\x10\xdfw\x0b\x00m\xeeK.E\x84w\xaa`\xbdi\x1aj\xf8\xa6\x99\xba\xf3\x95\xa3/\x99\xb8h\xf3Q\x07\x7f\xd6\xb2)HI\x8bK\x7f&amp;6?\xe5\xa2\xd7\xbd&lt;S\xf1\xbe_\x91\xf0d\xef\xf9?:\xbb\tvg\xea\x8e\xdf\xa7\xefzm@E\xdab\xea\x9cA\x86\x1a\x8a\xfe4\x82\xa5\x88\xbe$\x86\xff\xa7\xc8\xe6\r\xb2\x15V\xaaZ1K#\x00\xfb\xfa\xc1\xfd\xf8\x0f\x1bT\xa0\xcd\xf6X\xb3\xd7&amp;\xde\x11\x00\x941\xde\xb8\xa6\xa9 \x81\xb9\xe4T\xed\xbe\x9e\xf5\x7f.T\xdf0-x\xa7\xa1\xdaP\x9f\xb9\xf4@\xbb6\xc4H\xbc\xe2\xea\x0fr\x82\xc2\x8e\x11q\xe4r\x18\xbc\x1d\x1e\\O_\x1b\x12\xce\xae\xfc\x0b{\xb6d\xffc\xfc\r\xc8\xa7\x0b\xab\xd4e\x8d\xfd\x1a\xf0\xf5#\'\x8ap\xf1=\x8a5\x9b/S\xc0(\x94u\x91S\x97S[W\x9b\xf1\xca\x01?B\xaat]\'*`\xa6\x13\x93\x98\x91\xab\xbc\x93\xb3c\x10\xca\x86\x11\x91\xdd\xe3V-\xc1\xcd\t\x04\x03\xfd\xde%\xf7k\xb5\xc8\x8bj!U9"\xa2 \xe5D\x0e\xe2\'&amp;,&lt;\x9d\xdd\x00.vI\r\xbb\xe8\xd8\x7f\x1f\x13\xcc\x00lov\xde\xd5\xf6M\x9f\x005{\xf3\x17-v%\xe1zh\xabH\xcd\x92@\x00\xb0\xfc\xd4\x17;^ CLO\n\xaak\xd4\x00\x9c\xad\xe2\x88\x7f\x81v\x13O\x08\xa4\x80\x9d@\xdaB]\x9d\xdd\x04G\xa0\xe3k\xea\xd2\xfap,i*r\xfe\x93W\xb2\x98\x04\xe7\xfe\x80T\xccq\xce*\xa3\xf5\xb6I\t\xc3\xe7^\xfeZ\r&lt;A\x067\xc0\x9a\x1es.\x131\xd2\xa1&amp;\x19\xac\xb6\x13N\xac&lt;km&lt;\x13M\xc9 \xe2A\x92\x80\xf1\xaaH\x14\x991\xb6\xb7\xc2&gt;\xb4\xd6y\xa1g\xf9\xbd\x0f\xff_f\'\xdf\x0c)"\xf48/\'\xaa\xd2M\xb5V\xaa\x7fMFD\t@|\xdf-\x1a/$\xee\x08^\xa0\xee\xd4\xe6\xa3\x0fi\xaaH EIR\x11\xc6\xdf\x1cy\x9c\x11%\x99P5\\l"+\xfbW\xfe:S\xa5\x8b%h\xc5f\x16\xf9\xf0SG\x93\xb4\x04;A\x1f\xba\xf2&gt;\xa5\xa9\xb8\xfb\x01\xea\xf4\xdf\xce\x99\xb8{8K\xb2\xdfh\x92N\xd8\xfcLM\xb9\xe1\xab\x1fj\xad\xbabG\x03\x03\xb8\x9d\x8e=\xe4\xcf\x12\x96\xe7]\x9d\xfe\xdb\xf5\xa9\xc7\xe7\xd3\x92\x926\xf9\xc0\xa5\xb7ui\x9f\x06\xeb\x0cYa\xc5\xf7-\xb8^x\xcb\xfb\x9e\x19L\xd3\xed\xaf\x84\x8c\xb1\xbd}m\x8e\x98t\x16\x915\xc6\xeb\xf3\xdaO\xb0Y7\xea\x0e\xd8\xee\xc0\xabip\xae\xa9\xd6c\xa3\xfd\xda\xa1\x1e\x15\t\x8eL\xb8\x875a\x86\xd8\xee\xb3.\x89\x16(\xdat.;\x0c\xd7\xe9\xbf\x8d\xfbQ\xb6\x8a\xc3mm\xe8W\x89j\xd7\xc5\xef\xf0I\xeb\xec\x06\xf0H"\xd5\x93\xac\xbd\x08\x00\xe4W\xcd\xe2\x87$\xb6\x88\xe4\xe0+\x1c\xf6L\x14o&gt;\xdf\xc1\x9b\x13B\xf2\xd5\x9el} \x1be\xaa\xed\x90+\xdb\x18\xf6\xea\xd0`p;!\xb7\xfb\xe0\x1eK\x14!&lt;\xdcz\xdc1\xd7\xd0\x86\xc2\xe3s\xf6\xbfWs\xc5\xe3\xff\xafB\xb5\t\xc7GI\r\xa6\x07#Y\t\xa5\x82a\xec\x18\xec\x1f\xd3\x8b=\xda\x7f\xf1\xcd\x93/\x9d\xf0}\xc5\xa5\xf7\xbe!\x0e\xfe\xc4\xb9\xab\xae\xd1B?\x8fD\xa1\x8d\x12^\x10\x94\x02?\'$\x0f&gt;E\x86\xaf~\xd8b\xf4a\xd3\x7f\xccc+_\xf0\xc8\xb7`\x17\xa2d\xcc\xdf\xf1}\xb7\x92WE\x12\xc1M4a\xb0s)\xd5z1\x80\xf0\xb8\x91E\x9b\xceM\x1d\xd9\xce~\x17\xba\x07\xa4/\xd2\xc3~\xf5\x7f=\xc8OD\x8c\x8a\t6\x91\xa7\xe6D\xa20c\xeb\xb43\xc6\x18\xdc\x00\x03\xf5M\xed\xcbG\xd6\xbc\x9cF\xb4\xdf`II\x9c\x0c\r[o\xf2\xfb\xd0\xeb\xff\xe1{r!3Fk8\x98\xe0\x8b\xb74\x1a\xbaG|G@\xc476\xa1l\x1c0\xcf\xcf}]c\xb0g\xde\xf6\x86\xb7G+\xd9\xcb\xb4]*v\xdc\xe4(\x9f&amp;o\x07\x076F\xa4\x19\xfb\x1fk\xbb\xb3]f\x9c\'"\xbb=\xb2\xdf\xd1C\xcf\xb9W\xbc\xf3wrv+4\x92\xb2\x8c\xedu\xb8e5F\x0ee\xcfC\xdc\xfcd\xe7\xc8B\x83`:\xc4w\x12\x1db\xbfE7Z\x8f;z\xfc\xb9\xe9\xd3\x81Ko3\xe5\xb7\xdc\x10\x96/\xf4\x15\xadl\xec\x8c\x9b!O\xa3n\xcc\x9d\xaa\x05\xf5\xb9\xda\xec\xcd\xc9\x17_\xd3\n\x98\x8fL\xd3\xb3\x96\x1fFDD\x85\xe4k\xb8\xf9\x11\x00b\x9b\xce\xe5\x8b*\xa4PL\xec\xa3\xcc\xf8\xcd\xcf\x88\xd2\x08\x8f\xbf\xffz\xef\xf8\xff#~\x94\xb6\x8a\xba\xbc\x87\t(%\\\x9b\xf1\xc75\x04\xf3I\xd0\xc7 \x19\x8d6\x13\x8e\x03 J\x994{sC*\xb4\x1b\xc9\x95\xc2"rS\xfa\xea\xec\x7fj\xf7\xdb\xcaq\xc82&lt;\xe3\x8b\x90\x84\xb0\xf5\xe3#\x1f\x07,I\x02\x88T\xb4\x9f\x93D`\x89~\xbe\x05uff\x0b.%\'\'P\xa3\xd7\x0f\xfa\xaa\xb5\x0b\x19\xe3\xd9\xb7\xa3v\xbfm\x04@\x85,\xb8\xc8\x10h\xc6\xffO\x00\xc0\'H\xc6o\xd8B\xbd\x81;\xcc\x7fr\x1e\xd9L\xb5\x97\x9f\xfe&gt;\x00\x7f-\xf8(\x960\xe7\x1cLXx\xe7\xefd\xbb\xb2\xe9\xdc\x83\x7f\xf1\x8eT\xe8\xb8R\xaf\x03\x81\xc2T\xd8\xe9\x94j\xb5\x98\x1dM\xdbO:)\xb6Y\xe0G\xe9\xaa\x13Q\xba"\xdd\x99n\x08\xd6P\xa6:vma\x86\x98\x9eDY\xecz\x89o\x95\xa1+\xeeW\xea\xb2\xa6\xdd\xc4\x93\xc2\x1bX\x7f\xd0N#\xd6\xa0\xc93\x16\xb5\x87H~\x02\x82y\xc8\xcf\xbd\x01\xff\x90his\xef#\x17\xd5\xc3HH2(\xa6\xc9+\xdbnY\xf6J\xa34\xb6\xd9\xc4\xff\xabc\xe4\xd7N\xc1(\x8eBu\x82\x84\xb3K\x9d\xc1\x11\xf9\xbe\x00&lt;\xfd\xf6\xec7\xc9K\x91`4\xbd\xf6/\x04!7\x9606\x00\xb7\xbf@\x88c\xdb\xed\x00\xfc\x95\xec:\xae\x0ej\x88m\xd4\x1b\xb8\x93\xcd\x15+\xc67\x19\xa0h0"O8s\xa8rW\xb1\xf0\xdfT\xe5\x14\x8dB\xe9\x8at\xdfr\xc3\xf4\xe6H\xc5\x1b|\xad\xb8\xda\x9c\xf8H/\x19bz\xea\x93\'Kp\xa4\xaf\xe1\x93\xbf\xb3\x93\xba\x18\x95\xdb\xa5.\x0e\xd6^\xdfq\x07\x00\xec-0\xe9\x14D\x86S\xa0\xcf\xfck"ES\x94\x11-\xfc\xf5\x0e\xc0\xd2\xda\x84\xe93\x15\xefk\xb3\xe4\xeaW\xb0\xf7\xefT\xec\xd5\xc3\xd8]\x94\xa9\xff\xe2\x9b\xa1e\x07\x1b\xe3Y\x9a\xb8\xa8\x01\x95\x10%\xd0\x84\xf3\xdf\xd1\x8aW\x1cQ\xea\x84\xed\xb4\xcc\xb8(\x079\xd8\xdb\x16\x80\x7f\xd1^\xca\xe5\xbe\x12RF\xb4\x99\xb4\xf59I\x0c\xc0bc\xaa\xabT\xc9\xe2-\x16\x88\\\xe0\xab\xc9\xb7\xe3o\xcf\xca]\xa5\x85\x18\x13\xe8\xde\x04\'=Ob#\xea3&amp;\xd7\xb8\nR\xb1\x9bD\x95:\xdb\xaa\xcb}\xe29\xba\xcd\xbc`\xbb7\x89]h:\xf2\x80\xec\x06\xb3\xed\xc8&amp;\xd2"_\xfb\xa6cK)T\xd7K\xa0\xaf\x8a=h5\xf6\x88\xb3\x9b \xc2\x885\x8f\x99?R\xe7i\x97\xd0\x04t\xber\x12\xa9\x19\x80\xd3Du8\xf6L\xaa\xa0\xf5\xf6\xd8w8\x14j0\x03\x80\x81rlm\'\x9c0\xaa\xaa\xffod\xfb\x10\xcf\n\xa6W\x80\x17\xca\x1b .V\xe1\xd8\xd0\x9d\xa4%\x00\xd4\x19\xb0\x9d(\xbf\xbe\n\xa6\xee\xf8]6\x9f\x1d\x03k\xbd\x91\x1f\x8c\x89\x88\xba\xcd\xba\xa8\xa3\x19=\xe6\\\x16\xd5\x1cp\xa2=\xadl;e\x0bg\x86\x18[\x17aQ\xf1\x93\xcb\xb7_q\xf0\'PR)\xc9\x85\xacv^\x16h\xc3+\xaa#\xfb\xa3D\xc5O\x96(\xe5\x00_\xdco\x13\xd11\xb5\xc9\xf0}\xdc2i\x0bu-\xd2pVT\xfc\xa4\xbf\xd4.\x97\xbfCG\x9fa\xebM\x83o\x8eD\xf4\xa9\x9dQ\xaf\xf2\xf1\xf5\xe4]\x90E|{\xcb\xea\xa7\xb4\xfe]\xa5\x92=)\xcc\xbc\xd8D\x89\x02$\x85\x082\x97\x1a\x08@\xfd\xe8[\xb6\xdd2\xa2\xec*\x0b\xf3\xf1\xab\xaa\xc6\xc1\x12\x80r\x9e)\xb1\xb3n}F\x8a\x88\xd65{or\xe2\xce1\x11\x95m\xb7\xec\xe0Op\xa0\xad\x86!YB\x08\x90`\x98\xbc\xed\x05Q\xa8L\x81\xf7@B\xc8\xb8\x95\xf0I\x96\xa3\x85\xb6\x13\x92\x16\x17\x1dP\xff\x12\x1b6\xb6\xdd\x02y\xc5\x11\x11Q&amp;n\xe1\xaf(O\xb3Q\x9cy\x05\n\xd2\x93\xc3\xd1FrW\x1fgx\x9dQ|]\xc2\x04K\x90\xfd/\xa1=\xd2\xac\xf5\xb8\xa3\xa2\x93,\x97\xcc\xf5W\x9e5~f\xda\xd6\x14\xda\xa8\x96r\xed\x96\xdb\xb0\xa1h?\'\xbd\xbc\xd6\xf3w\x03\x03\r\xb5\x06\xabx\xd9G\xe8&lt;a\xe2\x93*w[\xe1\xd1\xbd\x8f\x8c|P{\xce\xbdb`m\xdf4\x8cy)XtE\xdb|\xd4A\xb6\\\xc9\x96\x0b\x05\xe7\xe6\x07p\x07\xd0"D\xff\x1dM\x04\x92[\xac\x03.\xb3O\xa3h\xd27\x8dv\xcb_\xe7igEGD\x8f\x1c-;L&gt;\xa5x\xba\x1e\xd1\x1f-\x8fE\xa2\xd0F\t\xd3\x1b0\xa4\xcc\xa0\x87\x00\xd3\x89\xe88\xfd\x0f\x11\xd1\xbe\x82D\xe9\x92\x19(\xb9\x90\xa4x\xc2v\x86\xd2\xcc\'\xe0\x03X\xa9B\x8b\x0f$\xe7\x01\x0ev|\xab\xbe\xc3\x1dzO\xbe`~\x8b\xc4]g^0}\xcc\x17\xe7a\xe2s,\x9a\xe1;\xee8\xb9\x07\xcfW{2QdBVm\xeb1\xe72\x91\xb7\xb3[!Nl\xd3\xb9\xcen\x02\x11\xd1\x95\xbfMO\x11\xdf\x9c\x99\xba\xbc\xa3\x9a\xc0\xd7\xf8T\xcb\x91\xa7\xfc\x17@[&lt;\x8c\xe3\xbe\xa1\x93\xa9;`\x87\xe5?\xbeU\x00\x9c\xfe]F\xfcVn\xfd}\xe5/\xeb\xdd\x1d\xdf\xca\xeb/\xe3\x81`\xf3,\xe1\x11a\xdf\xf9\x90\xe4\xbe2\x11Q\xe1\x863\x89R\xb4\x1ew,&lt;n$e\xaa\xbd\xfe\xb2\xb0\xe3\xb6K\xea\xf8\xffWT\xfa\xfex\x08\x96\xbf9\x89\xa8\x84`\xd5\x9b\xd7\x1c\x1d\x0e\xe0\x81]\xf6}\x95\x1d&gt;D\x01`\xd1\xcaOx0\x02&amp;\x00$\xfcu\x12\x8a&gt;3\x87&lt;\x95\xbb\xae\x1d\xba\xf2\xbe}*\x97\xdbkk;\xe1\xb8}.\xeaX:N=\xe3\xec&amp;\xb0x%\x88L\x1d\x1e&amp;\xcd\x01\xee\xcc\xdd\xfcV\x04\xd9^\xfd\xa2c\xffy\xe4hY\xa9\xcb\x9aL\xc5\xfb\xd9^\x9b$^ql\xbe\r}$\xce\xd2\xb8@\xdd\xa9\x06\xb5\xc6\x9at\xd5\x89\xa2\x00(E/$en\xfb\xc2#\xff\x08-7R\xbb\x1b\xab\xce}\xf7\xf4\xd1J"\x95sA\x00KN|\xe2\x8d\xc1\xc5\x9b/ \x8a\xca]}\\t\xa3YL^\xdb\x9a\xbd7\x03\xf8\x00\xac\xbbd\xcboa\x17G\x87\x84\xf6l\x14on\x15\x97\xc5\xb8b\x01X}\x1e\xeeaMy\x85\x01\x9cx\x81\x902\x83\x1e\xf3\xbfEV\x92#\x93\x01\r\xd5\xce\xe9W\t\xe3V3AnI\x8a;\xfc\xc2\xd9\xe7\x1f\xfa[\xea3\xee\xca\xc6jV\x05\x80\xd2;B0\xc8\x0e\x18\xb4\\\xf3\xabJD\xd5{\xfe\x10\x1e7\x82{X\xfa\xd5\xf5P\xaa\xd11&gt;S\xc25A\x92\\U\xc7J\x14NBDD\x85e\xaa\xcbQy\xd4\x885\x8f\x14\xaf*}\t\x95x\x02 \xff\x9a\xa2\x9f\x01\xb0\x987Uc\x96xs\x9c&lt;\xc8\xd8\x8d\xbf\xa8\x98Oh\xc5X;d~\xa2p\xc9\x0f\x13\x99\\\x0b\x95~M_\xb3\x13\xa2g\xde\xf8Ib\xfb\xc19\x882p3\x01\x7f[Ip\r\xde\xe5anQ\xbfE7x\x07g\xeey\x13\\j`\xa0`\x82\x0e\xe0\xcck\x84\xc7\x8d\xf4-`\x11U\xceT\xbc\xaf\xb0f[\x92\xa6w\x99~N\xf7\xb9\xd6x\x1aT\x8fM\x00\xc8Ye4s\xabsTV\x16j\xec\xb3@LXF\x17A%\xfbk&gt;\'G\xe5\xd1g\xff\xd0:sa4\xa2Es&amp;+\x0eN\x8eAn\xa4\x11\xe0FD\xb5\xfbm\x8dm\xaa*\x1fH\xba\xc2\xdd)\xb9R^\n\xa5\x95}x\xdcH"\x1f\xb3\x85_C"w\x0e9\x84\x87\xfa.\xbc\xae\xab*\x169\x9f\xaf\xa4\xe1\xcd\x8b5\x9bo\xfb\x92\x02@\xdeZ\x13\x89&lt;\x1a\x0f\xdb\x0b\xe0\xab\x8c\xa5\xf6\xae$\x16\x14\xfe\xad\xe2\xc5\xfc#\x1c\x80\xc5\x86\xe4\x04H&amp;\x00\xf2\xbe\xf4\x8e\xa1H\xa3Y\xc2,\x8d\x9aq\x17\xf3\xb3\xf1\x8e\xb3\xb5\xda\x04\x00o\t\xa4\x03\xcf&lt;\xed+uYC\x94\xc4\xfc(\x1a#J\xd1l\xe4\x01\x15\xa52\xca}\x18\xdbl\xde\xb4\x9d\xaf\xcc\xffK\xd9c\xcee\x00\x8d\x86\xed]{\x01\x941\xde\xe6\x16\x9aI\x18\x8biN\xca\x07e"\xaa\x8f\x8b\x8a\x9fdxv\xb0\xab\x7fC\xc6"1z\xfdO\x99K\x0f\x8a\xef\xbbUw\xfdb\xbb\xa44\xf7\xe0\x9fD\x05\xc9\xa7\xb2\xeej\x15p)B\x81\xb6\xca\xeb\x1f\xfc\t)#\xdaP\x86\x9a\x8b\x8e\xfe\x0b \xa6\xc9\xd7\x91\x16\x97G\xa9\xd6\t1\xe1\x84}\xc9Ps\xc4\x9aG2\xa3\xef\x8d\x8f\xaaF\x17\x00\'_:r\xa8\x8e\x00\x90\xad\xa2\xad\x9d\xbb\x14\x00\x88\xf2\xda\xa9r\'\x93\xae\xbar\x19\x03\xb0\x9f^\x85\xe2\xda\xc6\x19\xbb\xec|#\x92\xed\x92\x932\xf3\xaf\x8c\xf1{\x1e@\xb8\\N\x11\xd1\xda\xd6\x8b\xca\xe1\xa6\xa5\xb0\xb1\x86D\x13\xbd\xe7\xff\x08\xe0\xe83\xfbu4\xfeR\x0f\xee&lt;A\xc6\x1e.)r\xe9\xbd\xf3\xe9k\x14o\xbe\x00`#&gt;m#m\x15\x15\xcb&amp;6\xf6\xeekL\xe4\x9e\xe0\xbc\xc6lY\xa4\xfe\n\x00(\xd1r\xe1[\xf3\xaf6j\xdd\x13f\x85\x11\xd3xv\xfa"=\x004\x1e\xb6\xaf\xb7\x9at\x8d\x81u\xfeu\xecZ9e\xee6\xf6\xaa\xda\xa7rB]\xf7k\xc0\xdf\x86\xb4E\x19c\xfb\xe8w\x12&amp;"\xa2\x88jZ#\x98u%\x7f\x14\x90\xbb\xfa\xb8\xaa\xdd\xd6\x1bR\x95\x05\xb7\xac\x8dE\x8fs\xe3\x01R\xe7ig\xa3\xc9h\xffc\x90_55%\xc3\xe3F\x02x"\xe6S\x938\x0b\xb7\xa9\x06\xceD\\\xcc\x19\x9f\xdc\xf3Y\x07\x92\xe7\xaf;u\xf0\xf2\xbbR\xa7\xa5\x8ch#\x9f\x87R+N3\xcaY\x82\xc1D\xeej\xea\xc8v\xe3~x*\xf2\x10+\xba-xVh2b\xbf\xba/\xc5\x7f!?\x01\x81%\x04&gt;h\x01\xb5\x01\xc8h\xbfe\xab8\xdc#GKJ[\x85\\\x8b(]\xf1;\xca\xfc\xa3\xf1i\xe4%\x8b\r.5\xc0\x1c\x9a\xc8\x8dh7\xa67\xfc\x1a\xc8`\xf6\xa5\xf8\x8ecHN\x14y\xe6\x15\xacBT\x88(YI\xf6\xcf\x0c\xd1=\x8d\xbaXPI#\xc2\xd6M\x8bZu%\x01\x14i4K\xdf\x85\xd4\xe7\x03\x01\xf0Y\xfc\xcd\xd7+\x83\xa5L\x12"Zs\x1e&lt;\x05G\xd3\xe0\xe1QR\xf4\x9c\xe8\xc6\xb3\xeb\x0e\xd8N\xbeU\xa4\x16\xd0e\xda,\xddt\rD\x05\xf8\x1f\xb8\xc5\x8a\x8fI&gt;\x95)\x85\xc1\x96m\xad\x14\xa8;MmQe\xf5+\x9f\x1c\x95G\xe9\x9b\xba\xdd\x07t8I1\xc91E\x97\x92\xd9*\x0e\xaf\xd5g\xb3\xe4\x99\x19j\x18\x93\x89\xd6\xa3\x94G\x8e\x96\x06\xd4\xe3@\\C\x1aJ\x7f(\xe3U\x94\x9d\x12\xd91GB\xa7ig\xf3\xd5\x99b\xbf\xfa\xd5\xd3b\xf4![N\xffE\xea\xc9\xb7\xab\n\xbd\x12\xb9\xab\x8fW]6\x11\x11\x91w%\x03\xf2(\xdb;\xdd\xa7{\xec\x86+\x00\xa0\xc694\xa1\xb0\xe8\xd8\x7f\xea\x97\x0b\x00^\xdb}\x89\xe6m\xbd\xb4\xb2\x8b\xbdW\x94\xa3\xcf 6\x94\xda\xc1M,}\r\x89\x01)M\x8d^?\x18\x7f9{\xa1F\xf3\xcb\x833\x00\xdb=\x11z\xee\xea\xe3^\x02\x05\xeaNK\x9a\xbd9\x7f@\xcdP3MT\x07\x89\xdb\xee\xe9\x91\xa3\xa5\xe8\x1e\xb9V\x8e&lt;\x85\x96\xae\xcd(\x92+\x17\xb1\x0b^\xf2\x1f\x8fZ\xf7\xc41\xed\xb0\x13q\x9dWS\xf2\xd2\xf7\x9cg1N\x08\xc6\xeaB\xf5\xa7\x0f]y\x7f\xfa\xee?\x1e\x1a\xe1M\t e\xee6\x06\xa6\x94\x10\xe0\x11Tr\x80\x9d\x13\xfc\x18\x8a\xdd\xf3\x1dj\x84\xf7\xcc\xb5\x9d\xa8/e\x87\xdd\xfbz\xdbHs\xf65\xfe\x800\x87A\xae\x84\xf0\xca\xc9\xe0\x9d\xaf\x93\x1aO}.\xc5[,\x00P\xa9\x8b\xf6\xac^\x81u\xa4\x95\xc9\xc5\x19\xba\xf2&gt;\xf3\x92\x1f\xff\r\xe5\xda-g\x8f\x9fym\xbe\xab\x12\xae\xc8\xbd\xe7]UQ\xbdY\xb4\\\xddf\x8a\xad8!0\x91O\xcd\xde\x9bb\x9b\xa9r\xf5\x17\xe5\xe4K(\xe5\xa2\xb7\xe0S\xa0s\xd5\xeeFo\xb0\xd9\x82G\xa9\x93/\x11Va\xb8\xf5\xce\x97Z\xb2U\x1cns\x0b\xb4=\xfc\x06v\x1dz\xc2cT\xc0\xa8\x88\xd8\xa3f}\xb0\x1b\x88u\x07l\x9f\xb1\xfb\x0f\x87^\xdbXe\xd0\x8c\xb1\xbd\x85A\x84\xd6\x86G/"\x1f\xf3\xdf\xd9E\xac\xb2f\xb6\xdeD\x86\xe8\x9er\x93k\x97"v\xb5}\xb1\xe8\x080\xd5@\x9a\x8aN\xd1J\xdc\xff\x18:\xd3E\xb8\x16\x99\xb2\xe3\xf7\x01Kn\xed\x7fb\xf5\ne\xab8\\a)\x9c\xa2\x8c\x83\xdf\xba\n\x1dW\x02h&gt;\xea\x90O\xfe\xce\xa6CJ\xce\xf6\xb7\xbf\xc8\xa8\x98}G\x1d\x82\x19\xc3\xa0ew\x0c\xab\xdc\xe1\xf93:M=c\xee\xc1$;+1\xe4\xd6^\xde\xf9\xd4*\\\xd6\xee\xb7U\xf1\xad\t,\xd1\x7f\x1e\'n"cl\x1f\x95\x95+2z\xfdOv\n\xd2m=\xee\xa8R\x91\xec\xe6\xb0UG\xe2;f\xc3\xcf_q\x0f0u\xc7\xef\x8d\x87\xed5\xff\xcf\x14Y\x9f&amp;\xaf\xc5\xe2gz\x94S\x97\x1f\xba\xf2~\x99\xb6K+u^c\xf6\xc5\xe0\xf7\xdd\x1b\xafb\xdf#\x14\xac7\x9ds\xccJA\xa2p\xc3\x99\x00\xec\x99\\\xc1\x84\xfd\xe2\x10t!\xa5Z\xa5\xf9&gt;\xd4\xe9\xbf\x8d\x9bq\xef\x11\xd4\xfa\xc7\xf5\x9ew\x15\xe0\xc7JU\xed\xbe\x9e(J\xfe\x9d\xd19\x00\x07\x18\x15\xed\xe6\xb0X\xf3\xf4I\xc3\x9b9\xeaZ\x9a\xc9Rn\x88\x1d\x85\xe4&lt;\xcb\x0be\xe0\x9aJFC\xf2\\\x93"\x8do\x8f\xcdd\x88\xe9\xb9\xe2\x0c\x00\xcc\xd8\xf3F\xdd\x19I\x04\x7fH!\x17\x00\x1aYc\x82J\xb7\x89\xe0R\x03\x0e\xfd\x92\x80\x16\x94F\x90\x83\x88(\xb8\xbe\x8a\x92y\x89\xc81+1\xe73|\xf5C\xc8\x06\xed1\xda\xe5\x89B\x1bR\xa2\x18\x81\xde:\x11QH\xe9A\xef\x01\xf2\xadLn\xb1I\xb37\xe7L\x96\xf9\xb3\xcb\xca]\xd7~\x02l\xe94K\xb6\\H.\x9a\x845xD\x0e]y\x9f(\x9dJ\xdf4!w\x00\x00\x9b\xaeA*\xeb2\x1f\xa5\xf1/\xa8d\xffU\xe70k\xef[\xc1\'\xa9\xf5\xc5K\x9cx\x0e"\x020\xef\xe0_\x00\xc8S\xd5\xf2\x02\xfacp\x1d\xa79\xa5\x9e\x902\x83E\x8f\xb3\xb7\x94\xb5"\xaa_\xb8d\x8c\xed\xddd\xf8&gt;\xad\xc6\xc3\xaf\x9d\xd9\xfb\xdeiJ\xe9\xbd\xf8\xf8\xc7\x92\xad\x16\xd9\xaf=F\xc1\x8c\x82\x0b\x8e\xfcC\xc6\x98\x94\xc5I\x96\xdd*\xed\xa3\x8d\xf1&amp;\x8e\xc5J\xc32o\xadI\xfc\xcf3\xd6""\x07+^5\x19\xb1\x9f\x92\xdb\x9e\x1dU&lt;\x8f\xafs\x00\x07\xf1\x12I\x8a\x91\x7f-r)\x92\xa3\xf2\xa8\xa2MlM\x88\xd1m\xd6E\x9b\xce\xf7\xac \xbam\xc3\xcdpr\xeb3T\xe4]\xd79\t\x18\xbc\xfc.\x80y\xd2\xaa\x1aV\xa8\xb6\xd0\xb2\x03p\xa9V\xac\xa4Cf[\xf2\x0f\x02\xd8}\x1f\xea\x93\x1e~\x04^\xd9\xa5_p%J*\x88DrU\xbf}\xa8"_\x88\x9e\x9f\xf2W@T\xc6O\x8e$\xc5\xbe\x9e\xde\xd3\x10\x82\x88\x82\xef\x01\xc9s\xb5\x92-\xe6\xc9\x15\xfeMW\xa4\xbb\x9d[e\x0c\xccO\xd9`\xf0.\xeb\xc3j\x02 \xf5\xab\xde\x1e\xfaY\xeef\xae\xbd\x08JWMw\xe5NBT\x03\xd1v\xece\xa9^z\xf2\xf3;\xeb\xc5FX\x85a\xeaN\xd5\xa7\xab\xaa\xb4\x90\xf7/\xda\x0b\xc0{@:1\x83JqD\x17M\xed2\x96\xeb\xffq\xbbE\xfb\xb9\xe1\x11\x11\xd5\x1f\xb43\xac\xc20\x81\xcayR\x89(#m\xd2\x92\xb5\xfbm\x1d\xbf\xe9\xd7\xb6\x13\x8e\xcb=\xd9^z\xb3\x0eq\x00\x00 \x00IDATq\x94\xa1\x86\xb1r\xc1O\x81\x02u\xa7\xc9\x84\xe1\xea&amp;s\xa9\x81\xf3\x0e\xfe\xd5n\xd2I\xeb\xc3\x9e\xb3\xf7\xbfWs:\x802m\x97J\x7f\x9e&lt;]a\x87\xf5\xf8y\xc2\xe3F\xda,\xf0\x99\xd0pw\xc9\xdc@\xcc\x00\xa3\x80G\x8e\x16\xca\x85\x120\xe6\xb9\x946\x81\x94\xb8\xce\xab\xb5_\xca\xbe\xbb\x9e\xd6;z\xdf\xb1B4\xf0\x04\xc0\xaas8\xf8\x93i\xc8\xc8[k\x920\xa1\xc5\xd2\x93\x9f\xfd\nw\xb3:$\x9b\xc0\x8d\xcb\x85w\x9c\xc1h\xf3uu\x13v\xffZ\xb7&gt;\x8b&amp;\xfc\xc9+\xa5\x95o\x17\xc4t\x95\xeb\r\xdc\xa9\xb7\xbaD\x82\xdc\x9f\x9aT\xb1\x88\xa8\x90w\xfeN\xbc\x11\xbd\xd7\xbc\xab\x00\xc6l\xf8Yo\xab\xcc\x88\xa5w\xcc_w*e\xac\x95\xab\xea\x18[+\xe7\xe2RX\x85SXb"\x1a\xb6\xea\xc1\x90\x15\xf7\xd8C-\xc7\x1e\xa1T\xe5\x94N\x0cT\xf8&lt;IqA\xbc\x99\x06]{\xe1\xa23cl\xef\x9a\xbd7\xa9\xaf\xc1h\x12\x9c\xa6\x15\xc3\xbeG\xa0\xa0\xba\xda\xce\xc9PC\x9f\x8auH\x99A\x00xs\xd0\xb9\x07\xff\x14\x8fkH\x90B\xd9\xbb\xef\xb3\xcf\x95|6!.i%\xec\x1f\xc9\xa4f\x93\xed&amp;\x9eP~A\xb4\xf3\xb5\xcf~\xb4\xe2\x1f\xd3\xcb\x94\xd7H\x1b\xbcD8\xe6\x88\xbet\xd5O\xfd\xae\xce\x94\xa5o\x1fZ\xaf\x9a\xa4x\xc4a\x9eZ\x13\xd5\x06#\xa6\xab.\xa5k\x91\x10`5\xbf\x88\xf2\xa87\x812p#m\x18\'F[L\x91\xcaf\x7f!\xbe\x95\xc9S}&gt;f\xde&amp;\x87_\x8e\xca\xa3\xd5\xb7\xad\xd5\xb8\xa3D\xf9\x82K\x0e8\xa7"3\x07\x00\x85t\x17\xa9\x15\x87pm0\xf7\xcd3O{c\xab\xfd\x8e\x16"j\xf4\xfa!\xa3\xb5f\xe1_@@1\xc3\x9cu\xedM\x11\x93\xbf\'\x11Q\x83\xc1\xbb\xd5\x9c\x12Zv\xb0\xa8\x13\x96\xca\x17\xb9\xd9\xc8\x03rr1Z\xd0\xa0\xa8\xf3\x7f\xcc\xe4m/\xc8\xa4\xd3\xcew\x07\xf6\x8a\xea\xe8\x8c\x16\xd9\x99\t\x9b\x9fE\xc5\x0b\xf6\xea\r\xc3\x00g\x9f\x12-\x17\xe6\xa95\xd1\xd6Z\xd2V5\xbfr:w\x83\xf4\x0c\xc0D\x00~s\xcc\x06\xa4z\x1d\x9fD\xd1j\xbfB\xda*\xba\x9b\xc3\xe3\xf6\x17\x00\x18\xb8\xf4\xb6Q\x15\xdaH\xe6\xd2\x83\x9c\xdd\x04\'P\xb9\xeb\xba\xda\xfd\x94\xd3\x87\x8cZ\xf7\x84\x97q/\xe10~\xd3\xaf\xdc\xff\x86\x96\x15w\xdcc\xa8\xd3\x7f\xbbT\xbc\xbbWT\xc7,\xe5\x86\xc8])\xb8&gt;Q\x18\xf3\xbe\'\x96\x90\x07v\x185{k\x98\x04\x0c^v\xd7\x011)v\x85\xb9\xed{\x1e&amp;(\xd7\x8d\xcc\xf5\x89\xf2\xdd\xfc$\xb09\'\xd1\xa9\xa0fv%\xd5j\xe0\xd5\xc0#\x9d\x8bN5\x8aN\x12Hz\xcc\xfbH\x1cgP\xf6{bG_\xed+\x06O\xd1\xa3+\xcf\x82\xc83g\x15\xd9en\xda\xaa\x19bz\xf9\x16\xe8bl\xea\x0b\x00\x19c{+Z\x95\xf3\xab\x93\x1eT\xb3\xa15x\xf9\xdd\xed\xb7\x1d\xe4\x0c\x95\xa7\xa6\x8a\xe9\x9a\xafas\x0b\x95\x00\xf8\xdd\x99\xbe`\x91DD\xe4\xa1\x18D\xdbu\xc6y@u\xbc@\x82&amp;\xd3?r\xfdOzui\xbfs\x90W\x9c_\xe1n\xb68WjAS\x88\xf37\x0b\xdb\xd9\xca(\xff\xdb\x8f`"*\xd4`\x06/U\x0e\x93\x9c\xe7\x13\xc0U\xb2N\xe0t\x9ev\x16@\xd6rC5\x9d\x95\xa7\xd6DV\xee\xb5z\xcf\x8d\x8a\xe5\xfd\nwK\x1d\xd9\x8e\xf9;\xae\x93z\x87\x0bvu\x1e\x0c\xa0\xe9\x88\xfdJ\xe5\xd3\x18\xe7O\x9b\x82\xdcb\x87\xae\xbcO\x94\xadt\xeb%\ne\r\x91D\xe6\xe3\xab\\D3rS\x9c\x0c1=\x99\xbb\xf7u\'\x01\xf4\xa9\xbc\xec\xe4g}\xa7\x9a\x1f\x1e5\x9d\xbe\xc1\xc4u^\xad\xe5\xd1\xcd\xf2u\xffF\xea\t\xd4\xb8\xfb.A\xfa\xe8\x1e\x8e\x97;\xcdSs\x82\x83\xaf\xe8\x00X#3;\x00\xbfqj\xfc\x82U\xa8\x86K\xe6\x06\x8f\x80I[\x9f;\xab5\xfa\x10\xbe\xf6\x80b\xa4M\x92D\xa1\x16=\xfaq?&lt;\x95)Z\xa0\xde4\x00*\xdc\x8eD`U?\xfb.\xb8^\xb0\xdetf\xfaY\xba\xcd\x12\x19\xd3\x07/FP\x1f\xddf^|\x01\xcc\xd8\xfdGD\xb5q\x00\xd4\r\xb1j\xfd\xd5{\xcd\xbb\xea\x9e\xadiX\x85a\xbf\x9a\xee\xbcl\x96i\x11\xdc\x88\x92f\x8c5\xed\x14&amp;\xc9\xc6\x13\xb2(\xa4\xb16\x13\xfb\x9f\xe81\xe0\xdb\x8c\xbe \x049\xe2:\xaf\x16\xdc\x13Ul\xbc\x8a\xbe\x0b\xaf\xd7\xe9\xbf\x8d\xf9\xef\x8f\xff@Q\xba\xd98\x02\x01\xac\xb9\x90\xa0\x0cz\xce\xa7\xfe\xa0]\xca\x85\xd4\xc1\xd8\xb1\xcc\x99\xa6\x88\x88\xdaO&gt;eT\xe5\x8e@:\xe5L\x8a\\\xad\x89B\xa5&gt;\r\x8f\x1bi\x9f\x06\x11\x00\x05\xeb\xa0\xd1\xb4\x9dp\\\xa1\x84\x03\x837x\x14&amp;\n%\xca$\xea`\xa6\xb5U\x9fL\xbd\xb0|\xd4\xaf\xca\xae3\xeb\x9e\x07\x90T\xed\xb7=M\xb2\xfd\x08\xaa{\xe8\x17\x10\xe5\xbc\xf5\x19\xd6\xa6`\x7f\x1b\x1d\xa0\xee\x01\xc5\x9a\xcdg\x86\xbau\x97p\xf8)\xc6n\xfcE\xee\x84\xd4\xe5\xb9\xbfEP\xc9\x01\xb2cdX\x8a\\\xad\x89Rh\xdd\xdd\x9f\xbe\xeb5\xd3\xa4\x0f6\xfb\xc1\xa9\x16B\xb2\x0bu\xfao\x03\xe0\x1a\xd2p\x8e\xba\x88,.\xac\xef\xdb\xfa\xcb\x80\x88\xf0\xb8\xd3\xc9\xf4\xd2\xf4n&amp;\xf4\x1dD\x00\x94\xd2\xc9i\xca\x84\xf0R\xb7\xd9\x99T)#\xf4\xe5H\xd6\x1f\x12\xed\\\xec=w_|\xec?}sk\xbb\xb3\xe4\xf8\xc7N\xd3\xce\x12Qt\xe3\xd9\xc2O\xfb/\xbe\xa9\xa9\xb6*]\xd7=\x06\\C\x1b\x1aa\x8e\xf3\xa3t\xd5\x1d\x96\xe33\xa2\xdaX\xfbU\x1e\xd3d\x8e\xd1\x9eA\x01DI\x15E\xc6\x87\xaf~\xc8\xd3\xdc\x98\xb5\xef\x9dL\xf9\xd9\xfb\xde\x01\xd8uO\xdb\xcb\x10Va\x98\xed\x8b\xb0\xec\x95F\x02\xa0t\xd5%&gt;\xd7\x16\xbdm\x13i\xabj\xbd\x03\x0c&gt;\x05\x185\xec|\xb6\xf5&amp;\xf9\xed!\xe7\x99*w[\xd6J\xb1\xe9\xda\xb7\xbf\\\x0e)=\x88(\x95|\x88Z\x9e\x9a\x13\r\x12K\xf04\xa2\x12\x0b\x8b\x8f\xfd\xa7\xf9\x9c\x8c\xf1G\x9e\xda\xfbg\xd5jo\xb3\x13r)\xae\x19\x97:\xc9D#%[&amp;8M\xb8\xb0\n\xc3\xaa\xf5\xd8 \xfd\xb9\xe6\xe4k\xe7\xde\xa0\xe1\x90\xdd-F\x1f"\x8aJ\x95\xbb\xad-m\xb3\x1b\x91\xc2Cj&lt;H\x19\xea\x0f\xdeu\xfb\x0b\x02Kh\xc8a\xd2}\xf6\xa5\xf7b\x9dr\xc2Q)r\ri\xd8x\xd8\xde\x0b\xeftZ\x92\x01\xb4\x9bxR\xb9\x9cR%Y\xcb\x0f\x155\xde6\x1e\xb6\x97\xc8[\x97\x91\xdcx%\x13)\xcawXQ\xbb\xdfV["Rj\xf4\xdat\xe5/P"\xb9\x04\x1e\xe9\x8b\xf4 \x17\xb5)MY\xb2srE;v\xa7\xc0\x01\x88*\xe4\x18\xbfC!O\x9a\xa8\x0e&lt;\x05M\xbep\x84}\xc9\xdb{\xfe\x8f\xfcc~F\xaa\x91+\xc5\x19j\xd0\x12\xb03\xda\xb4i%M\xf0\t\x0fM\xdbZ\xe9t_&amp;QhC\n\xb4\x87w\x92Q$\x060t\xe5}M\xe7d\xab8\x82\xb7\xb2\xc9\x10\xdd\xb3\xff\xe2\x9b\xb7&gt;\'\x88\xde\xb0L\x9b\xa57?!m\xa1\xae\x00\xb2\xc8;\xd6\x89m\xc9\xb7\x9bx\xc2\xae=\xfb\xeas\x8e\xb9K\xa9\x95\x8b\xd8\x9fT\x91j\xa7\xad\x00\x1a\x0eQ\x152KD\xeb.2?\xd0\xb7\xe6\x8b\x9b\xb5\xfc\xd0\xf0\xb8\x11\n\xb1\xef\n\xd8C&gt;\xbd\x00\xfbF\x84\x95\x97\xd4V,T\x7f\x86\xb1\nz\xf2\x14j0c\xda\xceW\x0e\xb8\x90\x16\x87Y\xc3\t\xd2P\x96\xf9\x91\xaavg\xd7\xa0\x19\x89\x88\x92\x96\x10Ue\xb2\'j4W\x1d\x88\xa4)2Ap\xfe-\x00\xb0\xee\xd9jh?\xf9\x94\xd6Y9\'\x9b\x98\xa7\xa6\x13\xc9\xe4^!g\xab\xe1\xd1g\xc15\x00.\x99\x1b(\xa6\xd7\x16\x0f\xbeL\x143b\xcd\xa3\xa1+\xef\x13\xf9*E\x9a%\xd0m\xaa\x99{\xdfV\xeb\xb1A\xfd\xdemH\x19\xa7G\x1b\xe7\xd5|\xc6\xd7\x9b\x03\xce\x8aBi\x0bve\xffS\xa0^\x82\x15\xc1\xf0\xfa\xe6\x8c\r\x0e\xc15\x9a\xc8_\xc7y\x1b\xafBs\x0c\xc8\xe0\xe5w\xb9Z\x19\xb1M\xe7\x91G\xa9\x06\x83we.=Pu\x1d\xb9lYn\xda\x80e\x7f%ixsg4@\x9c\xb9\x07\xfe&lt;+\xaa\x18\x95\xb4x\xa2\xd0F\xba\xaa\xccn[\x8bD\x89\xa0\x80x\xf7\xb0\xa6\x82\xe3\xe9\xd9t@;\xef\xa2\xf7\xfc\x1f\x89r+\x0e\x8aBLqA\xad\xd4\xc6\x9c\x00\x8c\x16\xab\xd2\xce\xbdOe\xcaT\xbb\\\xbb\xe59\xab\xf0\xb59\x93\xe74\x89\xda\'Pg\x07\xa2\\U\xc7\x082\xa4\xda8\x1bp\xb4\x9d\xf3;_\'\x1e\xca\x86\xa5\xef\xb0\xa8K\xd8j7R\x97\xf3)\xd0\xd9\xd8\x98\xc2b\xcd\xe6\x8b\x1a\x90\x03\x8a\xf5\x19\xbe\xfa!\x11\xd9\xe2\xe4\x92\xa5\xdc\x90\x045\xd1\xdbu\x0f?\xebj\x8f\xea,\x1c\x06p\xe3#~\x11\xd8lS\xe5n;l\xd5\x83m\xb7\xb46&gt;\xb1\xf0P\x8f\xd9\x97\x991\xf8\'u\xb7"&lt;n\x84\xd9b&amp;g\x0b\xa9\xd5gK\x8a\\\x12\xb2!\xc1\xf5)Y\xc9\x902\x83\x89r\xab\xb9"Q\x16u\xc5\x8c%-\xd7\x03 \xba\xd1,g\xb4\xe1;\t\x9c\x88\xae3/\x08\x8ff\xaf4Jw\x8d\x00\xee\xaa\xed\x94&lt;U\xd7\x9a7MT\x07}\xedaxd\xf7~;\x15y\xd8\x9e\xac\xd0)\xb8s\x1d\\mO\x97(\xbe\x86c\xfa\xdc\x83?K\xfd\x0c\x1cUt\xdf\xca\xb2\x95g\x92\xfe\xd4\xd1L\xd8\xf2\x9b\xd9=\xd8\x9f\x9dX\x14\xa8;U\xd5\xc9&gt;\x95d?\x0e\xa7\xd4\xe5\r\t\x8f\xdbv\x0b\xbb\xee\xe1\x90\xd8\x9d\xcf^i\xa4\xc65\xb7\xf8\x90\xd9`\xf0.\x00\xaf\xd5\xbdcU\xba\xae\xb3\xddC\xe7\xe8\xaf\x0e\xf5\xf1\xc9T\xbco\xee\xea\xe3\xa4&gt;\xf5\xcc\xd3\x9e\xd7\x92\xa1+\xefW\xe9\xb6\xce\xfe\xedRO(\x00Gmo\',\x12\xacH5\xfb\x16\x14\xaa?=K\xb9!\x94\x86\x9b\xbd[1\x81\x8a$E\x1a\xcdb"\xdc\x14K\x86U\x18\xae\xc1\xd9\x90\x93\x98\'\xa0\x98\xc6l\x9e\xda1\xdc\xa9v\xc2\xe6g\x00\x9a\x0c\xdfgl\xb5\x1a\xb0N\xcf\x14\xc1\xc8Us\xe9&gt;\xfb\xd2\xee\xfb\xf6zEK\xb4Xx\xfc9\x84\xe6D"*\xd7n\xb9O\xfe\xce\x82\xc3vJ6I+\xcf\xa2P\xfd\xe9\xfd\x17\xdf\xd4\xe9\x18\x9c\xc1\xf2 n\xbd\x89\xdc\xd5\xc7\x11yQ\xc6x\x83Z\xc7\xba\x82\'\xc8\xc4;f\x8bM\xf3Q\x07\x85\x1f\x02\x18\xb1\xe6\x91r%\xfe59\x03\xb0\xdf\xd5\x0f\xdcGN\xadz\xe8{\x00@T\xfcd\xfbx\xb5h\x06\xc0\xa2\xa3\xff:\xbb\x15rd\x88\xee\xe9\xec&amp;\x18Bv\xe3To\xa5^\xb1(\x89\xe3DD\x06\x8bk\xba\xc5&gt;\x03\x92dk&amp;\xf06\xb7a\xc3"}u\x00\xab\xcfK\xf5\xe4V\x0b\x98\x1c\x95%\x97\xda\xf5\x06\xee\x90\xfaH\x8b\x18\xaaqA}.E\xf2\xd5\x9eR\xa5k\x82\x9a\xd7\xaaF(#W\xa6\xedR\xfe\x08\xe4S\x89\x02\xeb\xb6\x9dp\xdc\xf6Uf\xfe:S\xb5\xa4\xfab\x96b\x8e$\x9b\xae\xe4$Y\x892\xcc\xda\xfb\x96;N\xe8S5i6\xf2\x80\xf0`\xe6\xd2\x83\xa6\xed|u\xe0\t\x92%\xd0\x8cc\x968\xb1\xd1\xeb\x7f\x12\x9b\xbed"\xef8\xc5ZRD\xb4&gt;\xf2\x14D\xd9k\xf4\xdaD\x94\xd2\xf2L\xfaT\x06 \xd3#|\xd5\xe8\xf5\tH0|\x0b\xaa\xce&amp;v\xdfG\xe6\xd2\x83\x1a\x0f\xdb\xc7\xfai\xd7\xe8\xf5\xc3\xce\xbb\xa6\xe7\xb0\xf1\xb0}2YP\xeb\r\xdca\xf0\xad\xf0\xad"\xbag\xc7u\xfe\xd2\x8a\x06\xcbPp\xfdVc\x8f\x8a\x1c\x97\x0f?Kkd\xd0\x91\tW\xb9\x888"r\xe2\x9a\xe4\xc2[\x91\xfby\xf1=\x16\x1c\xf9Gm\x15\xb1\xcd\xe61\x03p\xce*\xa3\xe5\xad\xf93\xf6\xbc\x81Z]C)B*vZ\xa5\xf1\x94p]\x17r\x17\xae\xe3\xadq@@\xb7\x11\x9e\xfd\xe9\xaa1\xff6\x19\xbe\xef]B\xca\xf6#C\x11\xf1M\xcd\x90\n\x1d\x15\x7f\xfa\xf0r\xed\x96\x9b\xfeL]\x9e\xe9,\xf2\xd4\x9cx\xf2%&gt;\xd9dR\xd6\xec&gt;\xe6P\xec\xa2\xc5\xed@|\xb8\x1bC\x8a\xf1E\xda2~:\x04K\xf7=x\xf9\xdd\x1c\x95G\t|_\x9c \xaf\xed\x10\xf8n\xb3}\x17^\xcfVq\x84\x8ce\xfe\xc7\x0f\x86\xad\x01\xd4kMg\xab8\xc2\xfc\xa7S&lt;6\x18\xc4uif\xee}+&lt;\xd8|\xd4\xc1\xfcu\xa6\x12\x91\xa8\xd8\x83\x08i\xf2v`\xc6\xe0\xa8\xda\x93\xe5\xcf\x01\xb0\xfd\x8e\xadR\x7f\x9aNI\x9e\xb3\xa5\xc6\x8b$\x03@\x94?\xa1w\xbb\x1c$]\x8aD\xf0\x94\xfc$\xa0v\x97\x19\xe7\rh\x8dN\xe4\xc5\xb7\xd3\x11Q\x84\xf4^)\xc3\xc4-\xb</t>
        </is>
      </c>
      <c r="E191" t="inlineStr">
        <is>
          <t>&lt;class 'numpy.ndarray'&gt;</t>
        </is>
      </c>
    </row>
    <row r="192">
      <c r="A192" s="1" t="n">
        <v>190</v>
      </c>
      <c r="B192" t="inlineStr">
        <is>
          <t>steps_per_sec</t>
        </is>
      </c>
      <c r="C192" t="n">
        <v>2800</v>
      </c>
      <c r="D192" t="inlineStr">
        <is>
          <t>5.376147</t>
        </is>
      </c>
      <c r="E192" t="inlineStr">
        <is>
          <t>&lt;class 'numpy.ndarray'&gt;</t>
        </is>
      </c>
    </row>
    <row r="193">
      <c r="A193" s="1" t="n">
        <v>191</v>
      </c>
      <c r="B193" t="inlineStr">
        <is>
          <t>Loss/localization_loss</t>
        </is>
      </c>
      <c r="C193" t="n">
        <v>2800</v>
      </c>
      <c r="D193" t="inlineStr">
        <is>
          <t>0.039632197</t>
        </is>
      </c>
      <c r="E193" t="inlineStr">
        <is>
          <t>&lt;class 'numpy.ndarray'&gt;</t>
        </is>
      </c>
    </row>
    <row r="194">
      <c r="A194" s="1" t="n">
        <v>192</v>
      </c>
      <c r="B194" t="inlineStr">
        <is>
          <t>Loss/classification_loss</t>
        </is>
      </c>
      <c r="C194" t="n">
        <v>2800</v>
      </c>
      <c r="D194" t="inlineStr">
        <is>
          <t>0.44886008</t>
        </is>
      </c>
      <c r="E194" t="inlineStr">
        <is>
          <t>&lt;class 'numpy.ndarray'&gt;</t>
        </is>
      </c>
    </row>
    <row r="195">
      <c r="A195" s="1" t="n">
        <v>193</v>
      </c>
      <c r="B195" t="inlineStr">
        <is>
          <t>Loss/regularization_loss</t>
        </is>
      </c>
      <c r="C195" t="n">
        <v>2800</v>
      </c>
      <c r="D195" t="inlineStr">
        <is>
          <t>0.033441536</t>
        </is>
      </c>
      <c r="E195" t="inlineStr">
        <is>
          <t>&lt;class 'numpy.ndarray'&gt;</t>
        </is>
      </c>
    </row>
    <row r="196">
      <c r="A196" s="1" t="n">
        <v>194</v>
      </c>
      <c r="B196" t="inlineStr">
        <is>
          <t>Loss/total_loss</t>
        </is>
      </c>
      <c r="C196" t="n">
        <v>2800</v>
      </c>
      <c r="D196" t="inlineStr">
        <is>
          <t>0.5219338</t>
        </is>
      </c>
      <c r="E196" t="inlineStr">
        <is>
          <t>&lt;class 'numpy.ndarray'&gt;</t>
        </is>
      </c>
    </row>
    <row r="197">
      <c r="A197" s="1" t="n">
        <v>195</v>
      </c>
      <c r="B197" t="inlineStr">
        <is>
          <t>learning_rate</t>
        </is>
      </c>
      <c r="C197" t="n">
        <v>2800</v>
      </c>
      <c r="D197" t="inlineStr">
        <is>
          <t>0.0799998</t>
        </is>
      </c>
      <c r="E197" t="inlineStr">
        <is>
          <t>&lt;class 'numpy.ndarray'&gt;</t>
        </is>
      </c>
    </row>
    <row r="198">
      <c r="A198" s="1" t="n">
        <v>196</v>
      </c>
      <c r="B198" t="inlineStr">
        <is>
          <t>train_input_images</t>
        </is>
      </c>
      <c r="C198" t="n">
        <v>2800</v>
      </c>
      <c r="D198" t="inlineStr">
        <is>
          <t>[b'640' b'640'
 b'\x89PNG\r\n\x1a\n\x00\x00\x00\rIHDR\x00\x00\x02\x80\x00\x00\x02\x80\x08\x02\x00\x00\x00\x83\xaf^t\x00\x00 \x00IDATx\x9c\xec\x9du\xa0\x15E\x17\xc0\x0f\xf1\xe8\xeeG&gt;\xba\xbb\xbb\xbb\xbb\xbb\xbb\xbbA\xba\xbbK\x1aEJ@@\xbaTBQ@\x14\x91\xb0\x10\x83\xfcH\xf5|\x7f\xec\xbd{gwgfg\xe3\xc6\x83\xf9\xfd\xf1\xde\xdd\xd9\x89\xb35y\xe6\x1c\x00\x00D\x04\x88\x06\x0c\x10\x11\x11Ygm\xd0b\xf4\xc7\xdeB\x01\x00j\xf6\xde\xa4+\xce\xfb\xd3#\xd2\xe1\xdbJH\x11\x96lm\'\x1c\x02\x805\xa7^\x93r"\xe2\xa8\xb5\xd7u!\xba\x84\xc6\xac\x00\xa0v\xbf-\xefm\xbbCDH\xab\xc6D\xc4\x12\xad\x16\x1a\xeeF\x0e]H\xaaR\x83\x96\x1dy\xea;\x8eR\xca(\xb9\x91\x86C&gt;\xf4\x1d\xc4\xa9\xac\x93\xf07\xe2\xf7\xf0U\xdfP\x1f\n"FT\x1a\x95\xae\xfc\x08N)\xa8\x05 \x9b\x88l\x9c\xd7C\x9c\xaa=\xd6;\xcfD\x84\xb5\xa7\xdf\x04\xa6\xa0H\x81\xbb\x1f\xafD"\t(je\x9d\xbd\xe6D\xd6Y" \x83\x83\xa2\x12\xad=\xfd\xe6\'\xa2\xb5C\xc4f#\xf7*\xf9#"\xa4i\xc2J\xb9\xe3Ko\x1c\x9a`\xc9\x8a\xf5##\xe7o8C\x890u\xc7=c\xfc\x99\x1f\xfd\xaa\x1c&gt;\xf4$/Dd\x9b\x8e\xd5\xf2\xa9\xbfs\xd6\x9e\x0c\x90\x88R\xeby\x85\xdf\xfb-.&lt;\xf0\xb7&gt;m\xfaf\x7fq\xb3\xd5\x85\x1b{\x0f\x001}7\n\x00\x00\x12\x17\xeaMM\xce\xcaD\xf2V\x12\x9aO94\xa5\x92HB\x8e\xdcu\xa7r\xbe\x96\t\x9b~@D\x80\\\x00\xc5\xe7\xee\xfb\xc3p\xbe\xa8&gt; y=\xf2\x08\x11;O;\x0eP\x18 \x91&gt;f\xeaF\xa7\xefS\xca\xa5\n\xb3\xf2\xf8\x0b\xef\xcf\xf4\xdf\xfe\xa34-\x05\xd4\xf8d\x92\x81\x8b/\x96i\xb7\x94r%\xf1\xabB\xbc\xaa\x00\x99\x01b+\x01\x137\xdf\x02\x80|\rf\xb0d\xf0e\x1b\xb7\n"\x02\xc4!\xc7\xcad\xfc$E\xfa\xa8\xbfc\xe6\xecx\xf86\x02D-\xd5v\t\x19y\xf8\xaao\x88\x14\xe9\x00\xe0\xeb\x97\xf8\x98\xdd\x06S\xc3%\x12\x1d\xa1\xf9\xaa\x84\xa6T\x12Ip)h#M\xfa\xf2#\x82\xf89\xe5\xae;\x95&lt;\xfc\xf4\xaeg\xbc\x1e7OW50G\xadI\xf4\xc4\xb1+\x01\x00@j\x00\x00\xc8\xc8)\xe5\x07\xefp\xdc\x1b\x10W\xd7\x06\xb7\x18\xbd/C\xc5Q\x88\x98\xa5\xdaxV3L\x06\x9e\xfb\xd3\xe4\x8e)\xd1.?\xa3E\x8b^\xb6\xc3\xe4#\x86\xd0x\xc4oC\xbfG\xe2\x94\xdc\xc1\x16\xc0&amp;~\xfd6\xc7\xbd\xff\xbd\xff2\x97H\xde9\x06,\xba\xc0\xf9b\xf7\xdd\xf0\x9cj&gt;j\x1f\'\x93\xd0\xec\xde&amp;-\xd2\xd7Y\x06\x85\x01`\xfbeD\xc4\xdcu\xa7&lt;B|N\x8c\xadw~\x8d\x88\x98\xb0`O\xe5\x90\x18v\xc7\xd6\xe5\xc2\xb99\xf5\x07\xed\x10\x91#]\xf9\xe1\xc6\xc0\xd0\xbc\xe7\x91\x08\xce\r\xec\xbf\xf0\x8b\r\xe7\xfe\x0b\xa40\x91\x85\xea=\xdf\xb7\x91J\xbe\xab\x12\t\x07\xf6:n\x82\xea\xca\xff\x10\xfa\x84\x12\xd7\xd2\x0e\xfe\x00 \xb31V\xe9\xb6K\x7fb\x8fGE\x98\xb9\xeb\xb7g\xba\x99g\xc8L&amp;\xaf\xddo\x0b@N2\xe7n3N\x02\x14NUj\x90I\xd6\xb1+Ax#\x00(\xdfq\xe5\x90e_r"\xbar\xdb\x052\x89\xe3\xbc\x14\x039\xfc\x90\xa7 \xe1N\x12O\xdf\xf9\x8b[rH$\x12\x89Ml\xd4\xfe\xcf\xddm\xa7cU\xe4\x9fW$\xa46x\xa4\xf0\xe1\xa5\x06#\xa2W6\xd1\xda\xd9\x92\xd6\xd2\xeek\x8e.\x9c?\x89\xedo\xca\xb6_\x16\xf8B\xdfF\x12\t\xc7\xcc\xeen\xc1!\xd4?v\x85D5\xec\xa5{\xf3\x96\xdd\x07\xc9;K\xae:\xefQ\xd7#\x93\x15\xed\x07\xec\x0f\xfe\xf0m\xec1\xeb4#\xcb\xc4\xde\x1fY\xa8\xfa\xd5V\x99\xff\xf1\x9f\xe2\x91\xb7_\xc6ug\xfe\xd1\x05\xf2\xab-\xc7\x95\x9a\xb5E\xc4\x07\xb2\xee\x90\xbcu\xbcm=\x03\x89$0 "$\xacn/\xed\xce\xaf\xf5{f\x16\x1d|\xa8\x1e\xe6\xa97\xd5\x90B\x88\xc5\x87\x1e\x8bD\xeb5\xf7\x9cY\x94\xd4\xca\xa4\xab\xac\x1d\x82K\xa0\xee\x7fv\xc1\xb5vIdG~\xd1\x92\xb7\x04D\xec0\xf9S\x1b\t\xa3ei\xab~\x06\xad\xc7\x1d\x00\x00b\xa14\xaf\x1b\xa2A\x9c\xdc\x9d\x11\xb1\xff\xa2\x0b\xae\xe4\xe6:\x89\x0b\xf3\xf6\xe3r\x89pK\x86\xac\xd5\xc7\xbb\x92O\xa5\xaek\\\xc9G\x12I\x89\\M\x9a[\xaf\xbdD\x12\x1a$\xad\x13\xbc\xb2\x93Y\xfa\xf8_F\xaa\x9a"\x90\xb4\x18\xadh\xb0k4\xd7\x04\xe6\t$\x12\x89D\xe2:\xb1*\x82`\xdf\x96\xa6\x06\xf5\xe1\x15\x84\xb0r\xce\xa5(\xd1z\x11?\x82\x99\x84i\x9c\xcb\xf0.\x10\xb9\x061!Fr\xdd\xb1\xbc\x99\x12\x89\xc4\x11\'~A\x80T.f\x98\xb7\xfet\x17sS\xb1T\xd9)v\xac\\ q-w\xf2\t\x19B\xaa\xcd\xc8\\ul\xb0E\xb0\xc0\xd0\xe5_\x05[\x04\x89D\xf2v\xa1X\x12\xb6\x9eN\xbf[\xb4\xcf\xfc\xcff\xd8\xdf4\x19!\xbeu\xa7x\xcb\x85vK\ti\xba35\xc6}\xc4\xc9\xdd\xc5\xa5\xd2\xa2\xb0N\xa4-7\xcc\xa5"$\x12\x89D\xc2%f\x8e\x8e\xa6[lC\x0c\xfdL`\x80)\xd3~\x99\x7f\xc6\x91\xfa\xfd\xa0~\x1a\xadf\xa96\xce\x1f\xd9J\xde"\x9cxU\x91H$\x8e\xc8\xc5\x08\x8f\x11\x98\xe2]lx\xbaL;\xeeVV$!5\x91+\x91H$\x92\xb7\x81\x81K.\x05\xaf\xf0\x94\xca\xbf 4oQJZ\x8b\x9f\xa2~\xe1\xa6s\xfc#\x8a$4\x88_\x8d}.E\xe0\xc4\x90H$\x12\x00P\xf7\xae4\x19\xbe\xcb\x1fm\xa4\x1cVJ\xf8\x1c\xfa\xd1\xf3\x86t\x9az,\xb8\x92|xE\xbe\xab\x12\x89\xc4\xcfT\xefEqx"[JIP\xf0\x93\x95\xec\xa6#v\xdbH\xd5h\xe8N\x17e\x08Y^\xc8\x8f]"\t\x12\xd9\x00\xa0\\\x87\xe5\x9c\x18\xb21\x8etd\xaa\x12\xa2\x9b\x7f\xd4\x01.\x8b\xe0\xba\xa9\xd0\xe1\x8a\rs\x89D"\xa1\xa3\xba\x9d\xaf\xdac=\xeb\xec\xdbD\xac\x9c\x9d\x82-\x82_\xa0=\xa9$A\x90C"\x91H$\x82x}\xf0ec\x9cw\xd3|G`)\x12l\x01$\x91\xb8\x03\x17y%\x17\xa1\xeb\xf4\x93\xc1\x16A"\x91\x00\x00\x00"\xce\xd9\xfb \xd8R\xb8L\xa3!\xef\xc4\xea\x1d\x95\x96c\xf6\x07[\x04*)\xdd\xcc,\x92\xedk\xf7\x07RO["\x91HB\x0cD\xdcqYp\x00\x17\xdb\x1f\xa5G\xf6\xe1\xe3\xf6K\x91[\xfe\xb7\x81\x8c\xad\x82-\x81D\xe2g\xc6n\xf8\x8ee\xa2R\xadF\x0b4\x9a\xa99\x91\xaeY\x00\x04{7qQs\xaa\\\xc7\x15nee\x8a\xb1\xb9E\xc4\x86C&gt;t\xb7\x94\xb5\xa7_;\xcc!\xb2w\x0b$\x12\xc9\xdb\xc6\x8d\xffd\xad$\x89\x94\x8c\xdfx\xd3O9\xcb\xa6Z"\x91\x04\x87\x1e\x02\x0e\x03\x02\xcf\x95\x17\xf4:\xb1f\x9fM"\xc9e\x95\x1ax\xf25\x98\x11l\x11\xe8\x90/C\xdd\x01\xdb\xa8q~z7^\x98\xa8\x99\xdb\x00\xc0\xd1{\xef\xc4\xc5J$\x91\x82\xccA)U\xb6\x916\xf8\xf4n\xa8\xdd\xb4B\xea\xaf\xbb\xfe|\xa0\xd9kN2\x062^\xa1\x82\xfa\x80\xb0\xb2\xa6\xf9\x9f}\x10j7\xf6-A~\xe6\x12Id v\xa5`K\x10b$\xac\x11l\t\x02\x8a\xd5\x9az\xd1\'\x8f\x00\xe2\xfaG\x96` \xdf\x7f\x89D\xa2\xf2\xd17\xf6\xbb\xae\x19+\x8dvQ\x92w\x9cJ]\xd7\x04[\x04A\n\x99Gq\x8f\x82\x8dg\x05\xb28?\x11\xac\x01\xa2\x1c\x98J$~"\xf6\xa2\x83\x0f\xc5b\xe6\x01\xf6\xa7\x88\x88\xb5\xfanqO*\x89M\xd2\x95\x1f\x1el\x11\x82H&gt;\x91H\x91\xae9\x89t\x02K$\x12\x1bXt\xc9\xe7\x1a\x19i\x81\xc9\xd5_\xefm\xbbc&lt;\xfd\xc2lG\xe9\xbbVm5\x18\xfc\x01@\xc2`K\x11Yy\xd7\xde\x16\x89D"\xe1\x90N$\x92\xac7\xdfF\x92\xeb\x8e\xaf\xbd\xf1\xfbS\x96/\x92D"y\x17\xa1\xce\x81\xcb\nQ\x12X\x8a\x05[\x80P\'F\xf6\x0e\xeef8z\xdd\xb7\xeef(\x91Df\xc2\x1b\x05\xa5\xd82\xed\x96\x06\xa5\xdcHHN\xfe\xe95\xa7\x9c\x1a\x84\x92HX\xc8&gt;\xb1D\xe2\x17\x86\xaf\xfa\x06\x9c}`\xe5\x03h\xdd0\xf0\x0cX|1\xd8"\xb8\x06i\xdd,d\xab\xd4\xb4\xe5\x86\x05[\x04I\x00H\xe0^V\xf1W\x9dx\xe9^n\x12I\x80\x89]\t \x871\x98a=?\xaf\xf7\x87\xa2?\xe5\xe2\x87\x14\x8a\xbc\x89\xfc.\x04$!\xc2;\xf8"\xfd\xef\xdd\xbbd\x89\xc4\x1a,75\xba\xf0\x93\xbfF\xb2oi\xebEU`\x876\xbc\x129\x94\xc4\x16B\x9ah\x12Ida\xe2\xe6[\xc9\x8b\x0fP~\xbf\x83}\x11\x89\xc4\nQJ\xad8\xf6?\xf5h\xe7\xd7\xfaF\x9ae,W"\x91\xbc\x05\xdc\x89lm\xa4l\xd4%\x92HG!\x80\xb0`\xcb\x10\x08\x14\xf3\xfa\x12\x893R\x04[\x00&amp;\x88\x08\xf1\xab\x05[\n\x89\xe4\xdd\xe3\xf8/\xbe\xceo\xe5nk\x83(I$\xc2\xea\x88!2\x8f0\x84\xecd\x85\x06\xf1\x1d\xa6\x0f\x91\xc7\x14x1R\x97\x19\x12\xe0\x12%\x12\x89\x08\xf9!im\'\xe9\xe3\xe4\xee\xe2\x96(\xa1\xc3\xeek.V\x91E\xdd\xcbJ\xe2\xe3\xc3+&amp;\xcf\x88\xd2\xce\xf9a\x14\xf8\xd178t\xc5\x15KI\xa46\xbbD\xe2?\x82\xe3\x9a\xd0.1\xef9\xeb\x8f\xbb\xdf\x9dO\xd7\xd4\xe5\x0c\x01\x00R[\x8b\x9e\xd6\x1f2H\xecc|\xcdBd8+\x91H\xfc\x8e\xe9\xd7\x1e3G\xc7\xc0H\x12z\xc4\x0e\xb6\x00&amp;&lt;B\xec\xb7\xf0\x8b`K!q\x1d\xbdmNw\tH\x03\x9f\xcd\xffEH$\x91\x8c\xa8\xd4\xd0)\xdb\xefr\xd2\xbc\xba\xb1\xce?\xc2\x84"\xd9jL \x8e^\x04K\x0cA\x12E)!R\x99\xd6\xe9\xbf5\x00\xc2H\x1c\x91\xa4\x16q\xf0\x87_\x8b\x8a\x12%\x8a_\xf3\x07\x00\x80\xef\xfd]\x80\x9c\'\x90\xbc%$-\xda7\xd8"\xf8\x97\x0c\x15F\xa6.mGY\xe3\x8f\xc8\xf1\x91\x07\xcb\xab\x95\x1f\xb9\x199\xee\xbc5\xd2W\x18\x11l\x11$\x12I\xa8\x12"\x9d\xca/\x1e\x05W\x8c\xe8A-]\xe2&gt;\x9d\xa6\x1c\r\xb6\x08\x91\x9d"\x16\xe3\x07h\n\xfa\xf2\xb3\x90\xa8\xb2$\x12\xabD\x05H\xa5\x0b\xaa?hGPD\t\x0c\x88\x08\xa9\x1b\xdbI\x15z\x84\xa6T!\x0b"F\x16\xdf\xc9\x81|\xb2=\xe7\x9c\rXY\x12\x89DB\xa7\xf7\xbc\xf3\xacS)K\x0et\xb1\xa0o\xff\x95\r\xa7D"\x91H\xb4\xa4*5(\xd8"\xb8I\xdf\xf9\x9f\x07[\x04\x89\x97T\r\x82-\x81D"\x91H\x14\x82\xe4\x8aX"\x89\x14\xa4);4\xd8"\x84:\x99\xaa\x8c\x05\x00H\xdf&lt;\xd8\x82H$\xef\x00y\xebO\x0f\xb6\x08~\'\x80\xeb\x7f\xfa\xe5\x7fI(p\xe6\x81\xf7\x05\x88U1\xa8\x82D\x02\xe2\xe7\xeb\x1el\x11$\x12\xff\xc3\xf2Z\xf8\xcd\xab\x80.g6\x1f\xb57\x90\xc5i\x89c\xda46\xa3\x8a\x97\xbe\x99i\xd6\x8d\x87}$.G\xa4sV\x13\x9aD\xc9\xd4:\xd8"H$\x12\xc9;A\x10\xd4_c\xe5\xec\xb4\xe7:\xbd\xb1\xfc\x8d\xdb\x88\x9a\xb6\xf4\xb1su6\xb4\x1f\xbe\xe1l\xe7i\xc7\x05%\x94\x84&gt;\xef\x9a\xae{\x81F3Y\xa7\xa8\xf6\xf8\x10q\xcd\xc9W\xfe\x94H"\xf1\x1b\x87\xef\xe8\xdd\xfd*\xbck\x9f\xbd\x9f\x98\xbd\xfb\xbe\xabw2\xb1H$\xf9\xec$B\xa4i\x12l\t&lt;\xcc\xff\xf8O\xb1\x88\xa1\xeb\x12Q"\x11e\xc7\x97\xbe\n:(\x8b(S?\xf8)\xf0\x85\xbe\xc5&lt;\x92-\xee[\x8d\xecQ)t\x9bq2\xd8"H$\xef4\xf1\x82-\x80$\xd2#\xdb3\x89D\x12ZP\x1d\xa2M\xddq\x0f\x11\x01r\x87eo\x1f\x14\xa9(D-\xed\xb7\xac\xd3\xfb-\xe7\x80\xf2660a\xb4\xc0\xf0@K\x11\\\xa2\x96\x82\xb7\xf3\xe1\xba\x83\xbc3\x92HL\xdc\xbc]\x01\x12\xb1\xcfg\xf0G\xa1\x19*\x8e\xf2G\xb6:\xfa/\xfc\xe2\xa3o\xe4\xc7\x19Y\x99\xbc\xf5v\xb0E !\x97!\x03\xe0P\xc8\x06\xd4\xce\xca[E\xa96K\x82-\x82D\x12\x89\xc9\x1f\xc8\xc2\x1a\r\xdd\x19\xc8\xe2\\\xe7\xe7w\xbbk\x9f\xb0@\xcf`\x8b\xe0\x94Qk\xaf\x07[\x04\x1f\xfd\x16H\xf3p\x12\xc9\xdb\x0egF(^\xben\x81\x94$\xc0D\xcd\xd2\xc6O9\x97\xef\xb8\xd2O9\x87*\xc5\x04\xe3-:\xf8P\xf9\xf1\xc3[\xddYq\xd7&amp;y\xe8 \xediH\xdeY2\xeb\x03\xd2\x86\xca\xe6\x84\xc8G\xaa\x866\x12\x95j\xb3\xd8uAT"\xd1\xc2X\xfc\xfc\x8ej\xe1\x10\xbf\xd2\xc1K/\x07\xa6\xa0\x19;\x7f\tLA\xee\x91\xd5j\x82\x0b\x8fC\xfaYK$\xa2\xcc\xdd\xf7G\xb0E\x90HXx\x963\x11\xf1\xc6\x7f\xb2\xce}+1_G?\xf6\xb3\xfe\xd1\xdfgw\xb6B\xbc\x1f&amp;\x91\xf8\x8fD\x00\x10\x8c\x9dB\x01\xf2\xfb\xedo\xde5\xe3\x88\xba\xba\x12\x11!\xac,+2\xcb\xa6X\xb0(\xddV\xea\x01\xb9\xcc\xdf\xb2\xed\x94H\xdc\xa5\xde\xc0\xed\xc1\x16!8L\xfb\xe0\'\x88fa\xc7\xd4]\xbb\xb5O`4\xc9\x03\x80\xae=\x0e\xeejn\xaf\xb9\xe7x\xa7c\x943\x86\r\n\xd4$s\xe4\'7\x00\xc5F:\x7f\xf0z\xea7\x84\x98\x15\xfc&amp;\x92D"\x91H$\xef0\xefm\xbb\x13l\x11$\x92\x10\xa0\xc9\xf0\xdd\xe2\x91cd\xef \x97^\x8cd\xae:v\xf8\xca\xaf\xfd]J\xc04c\xb3V\x1f\x1f\x98\x82D\x18\xb1\xfaj\xb0Ex\x17\x88\x1bl\x01$\x92w\x12D|\x82\x08\xc9\xeb\x05[\x10W\x88\x13l\x01\xa8\x94\x0c\xb6\x00\x91\x18\xd9\xe1\x93H$o3\x88tGIT.&lt;\xc6\xfc\r\x99~\xc4$\x01\x83\xe6Z\xb8D\x10\xe4\x90\x10\xe4\xaa3%\xd8"DbdgK\xf2\x0eR\xc0\xdd\xecZ\x8c\xde\xe7n\x86\x91\x97\xde|\x05\x1f\x89\xe4\x9dAm\\e++y\xc7\xc9\x1el\x01\x84\x89R*\xd8\x12\xf0\x98\xbd\xe7w\x17rIQ\xdf\x85L\xdc&amp;`\xb5\xa4\xac\x8e\x83HH\xdd|\x91y\xb8\xb7\xc0X\xa9D\xe2*\xb1+\x05[\x82\x10\xa4p\xb0\x05p\x81\x90\xd4~*\x14l\x01\xcc\xf9\xfae\x08\xb5j|\x92\x17\xef\x1f\x8cb3r\xce\xe5k0=`rH$\xfeE\xbc\x87\xebJ_8s\xd5\xb1\xce3yK\x89\xef\xbf\xac+w[+\x1c7\x91\xff\xc4\x08Q2\xb4\x08\xb6\x04\xceHQ?Q\xa1^d\xc0\xd0\x15W\x82%\x8bm\x10\xb1F\xef\x8d\xc1\x96B"\t,\x88\x98\xb7\xfe4\xf3x\xc9\xeb\xb1\xe7\x7f\xde~\x97g\xef&amp;C\x96\x7f\x15l\x11\xcc\t\xa99R\x89m\x8c\xcfq\x9ec\xcb\xb8\xf2\xdd\x90\x84&gt;\xb1\xfd\x96s\x16\xbf\xe5,\t\x04\x17\x9fD\x82\xfa\xabdk?\xba\xaf\xf0\x13\xbd\xe6H\xcd;\x95(\xeb\xce\xfc\xe3\xa7\xace\x03,y\xb7\xf8\xf0JH\xbc\xf1\xb3w\xdf\x0f\xb6\x08\x04\xf1\xaa\x06\xa6\x9cH\xd1^J ]3\xcb\rCt\xa6Y\xec\xc8N\x87\xc9G4\xc7QE,\xb6F\xf3\xfe\xc8\xed\xb68\x12I\xc0\xe94\xf5\x98[YE\xc9\xd4\x8ay.mS\xdb\xd9N\xd9~\x97\x1f\x01\x11\x0b5\x99\xed\xae\x02N\x9a\xb2\xc3\\\xccM\xf2.b\xc5\x00\xb8\xbbt\x99~"XE\xfb\x1bK6\t$\x92\xc8\xc1O\xfaw:jp\xe4\xb0\x0b"\x9a:_Z\xb0\xff\xaf\xc0\x08\xe3\x0fd\xa5\x13p\xde2\xe3\x8b\t\x83-\x80{\xa4n\x14l\t$\x12\xff\x115\xa47\xd7\x12\xf84\x87\xc5\xda\xa7\x94\x9e\xff\x89j\x96\xef\xb4\xd2/\x12\xb9A\xd5\x1e\xeb\xa9\xe1\x88H\xee\xc1\xe84\xe5h\x80\x04\x92\xb8\x8dq\x18\xa7\x1cf\xaf91H\x12\x85\ns\xf7&gt;\x08\xb6\x08\x12Ih\x10\xfa\xa3\xae\xe8Y\xdby~\t\xad\x1e\x05\x18\xd6,\x82\xb9\xe3q\x00\x88\xa84Z\x17\x12\'w\x17g\xf2\x08\x11\xfa\x0f=\x92\xb2\xe4\xf0\x13\xce\xbdM^,(;n\xdd"\x86{\xafM&gt;\xf5\x97|\x15%\xef\x16\xbeJ?~\xb5Rm\x96\xc4\xcf\xd7=\xa8\xe2\x00@\x12w\xb3\xebh\x185F\xcb\xd2\xd6F&gt;\t\n\xf4pC\x1c\x1e1st\x04\x00\x80\xf8u\x07l\xf3wYo\x19\xaeT\xdc\xd7^\xdb\xcc$S\xe51\xceK\x97H$\xef.\xce5\x1d\xfe"\x92\'+\xda\xcf\xb1Dn\x91\xc6\xb5n\xb5a\xcc\xcd\xd3A#\x10\x10 B\xfdU\xa1\xf3\xaa\xb7{\x1c\xf0\xf4\xad\xbe:\x89D"ar\xf0\x07f\xf5\xe7\xb0\xde\xe7\xe4l\x91\xac\xea/{"}z/\xb4\xaax\xe7\x9d\x9b\x01\x8b.\x1a\xc22\xe8\x03R5\x14\xce/\x9fy\x94w\x95Z}6\x0b\xc5KR\xdb\xcf\x82\x04\x93\xa9;\xee\xe5\xac=9\xd8RH$o!Y\xcd\xa3\xd8!\x91\xf7Gb\xff\xe4o\x85\x84\xd5{\x11N\x87\x82&gt;\xa0\xbc\x89\x18/oW\'9L\xd9~\x97f\xa6\xca\xe5\xe9\xfa\x90\xa2T\x9b%\x81/\xd4\x8a\t\xcfH@Z\xfa\xce:W\xb4\xa3c\x02\xa4u#\x1f7)\xd6b~\xb0E\x90H\\"I\xe1&gt;\xe4\xa1\xd2\x8cYj\xcc\x92\x14\xe9\xeb\xb2L!I\x96j\xe3\xf37\x9c\xe19\x88V\xc6\x18!aA\xe9\xb0\xc5\x06E\x03_\xa4\x8b}5D\xa4\xfa\x18\x10\x1da\xbf\xf3|g\xfdY\xb4\x9d\xf0\x89?$\x91H\xfc\x8e`\xd5\x137\x0fs$\x175sk\xa1\x92\x12\xd7\x12\x8a\x16_\xc8\x9e\xd4#\xc4\x037-~\xa8\xd6\x1d\x1a"b\xea2CXgC\xc4\x1c\x98\x96&lt;\xfc\xd3\xf9\x1b\xce\x0c\x8c\x1c\xe2\x14h\xc4\x13i\xc7\x97\x81\xb8\xc9\x88\xe8\xca\xd4+"\x16n:\xc7y&gt;\x12\x00 ,a\x99\xe2\xa7\xe9=\x89\xc4\xcf \xe2\x98\xf57\x82W~R\xfbIcV\xb0\x990n\x15cX\x9b\xf1\x96;\xd1\xfd\x17~a\xaf\xfc\xe8Y}\xfa\xd8\xb1sw\xa6\xc6at\x8c\x9c/\xe2F8\xce\xe1-\x04\x11\x01bp\xa3\xa4\x0f\x90(\x91\x87KO\xb1L\xbbe\x00\x00P&lt;\xc8\xa2H$\x91\x98\xe4\xf54\x87\xd6G\x8a\xaeb\xb2\x96\x1c%\x93g\xc0-&gt;m\x98\xa4H\x1f\xf3H\\\n6\x9e\xc5\x8fP\xa1\xf3*\x87E\xe8 \x97\xb5~\x08\xf6bv \xc9Y\xfb=\xf5\xf7\x98u\x01\xea\x1a\x96\xeb\xb0\x02\xb8&gt;4\x9b\x8d\xdcC\x1e\x96\xef\xb8\xc2i\x91\x19\x85\x14\xe9C\x9c\x8a]V\x07[\x04\x89\xe4\xdd\xc1\xf6\xa0\xd3\x0f\\{\x83\xbf\n\xb4L\x1eU\xe4\x94\xf5Y\x11&gt;\xff\xdb_\xcd[\xee\xbaS\\\xc9g\xfc\xc6\x9b\xae\xe4\x13I(@\r\xe5\xac\x05\xf8\x1f!\x05\xc3\x00\xdb.\xae\xd9gS\xc0\xca"\t\xban\xa3J\xe8H"\x91X#E\x89\x01\xed\'\x1d\x0eXq\x01\xfaTh6\xf1c\xe5\xec\x14\xd9?\xd4\x1a\xbd6\x86\xec% b\xaaR\x83]\xcc\x8du\x8a\x1c\x19K\x82\x08"\xfe\x11\xaao\xa3D"\xa1\x12]\xfdu\xea7k_\xef\xa3\xc0~\xed\x88\x08\x90)\xae\xc5\xedC\xeb\xcf\xfc3d\xf9W~j&amp;o\x06\xcf-\x8cX\xb9\xe1\x00\x90\xbc\xb8+\x16\x16\xa5o\xe9w\x02\x96\x15t\x89Db\x8d~\x0b&gt;\xd7\x07\x85\xf3|\x98,&lt;\xf0\xb7\x1f\xa5\tI\xf8K\xc8\xa6\x8d\x9cx\xeb;y\xebmQ\x99\x84\xa9\xd3\x7f\xabH\xb4\x15G\xff\xe7z\xd1*\xd23\x9d\xa9\x07\xb0\x14%\x06\x06F\x0e\x7f\xf0\xf8]\x7f\xb8\x12\xc9;I\x8f\xd9g8g\xab\xf7z_s\x9c\xb0\x86\xeb\x02T\xed\xb1^\xa4i\xb1\xdd\xfc\x04\xc5\xae\x85Eb\x9b\xc6\x08\x8d\xd67\xcc\x7fYW\x08a\x9f]!\xc8\xa1\x1fC\xe1}\x90Hl\x11\x1a\xd5YH`r+\xdcp\xb4\xcew\xb1p\x80i\xc8\xb3\x98X\xf6\xfc\xcd3\x8e\xe8=\xf7\x9c?\xfa\x1c\x91\x8c o\n\x88\x04$\xc8\xefw\x87%\x12\x89\xc4)\xc3V~\xed\x8fl\x03\xd0\x9f\x88\x92\xa9\xd5\x96\x0bd)\x16\x96*\xf9\xd3\xa7\xf4Sq*\x1b\x82Jr\x0b\x89\xce=\xfb6p/R\xf6\x1asX\x8a]\xa1\x93\xcb\x9b\xd9"\x11\xa8e\xd2\x96\x1f\x05\x12\x99\xcf\x9dH$\x91\x04\x9ay\n\x11B`&lt;\x9d7\xd8\x02\x98\x90\xa5\xea8\x88N\xb1U\tVV7\x11\x11 \xb5\xabr\xa9\xd9\xfa\x97\x86C&gt;\xb4\x9d\x16\x11\x93\x17\x1f\x00\x00\x00\x99s\xd6\x9e\x1c\x89\x16\x83\xa3em[\xa6\xdd2Z_\x8a\xc7\xff\x18WW\xa4\xd9\\~\xc2\x00\xdf\x96\xe7\x88\x90\xb6\xa9+Y\xe9\x9a\xdeS\xf71i\x91\xbe\x88\xf8\xbb\xe7YK\x13(\x92\xb7\x0b7\xbe\xd5\x903\xc8.N\xdar\xc3\xb2T\x1b\x1fl)&lt;4\x1d\xb1\x9b&lt;\x0c\x8c\xe5\xc5\xc8C~\xdd\xb1ZM\xbb[L\xbb\x89\x87Ts\x86w\x82\xdc\xc0\xeb/9\xf2R^`a\x9blz\xb3T\x1bO8w\xf10y\xeb\xed\xc8\xd2\xe5\x92H\x84(\xdfi\xa5\xce\xb2\x8f\x02\xcd\xf1\x0e\x85\x89\x9bo9*\x9e\xe6\xb7 \x04H\x10\xc4\xb2\x7fC\x04\x80\x8d\xe7eE\xe3\xe3\t\xe2\x94\xedwu\x81~j\x80C\x8f\xbc\xd9kN\xf4\x1d\xc5\xaed\x88\x90\xcc\x8dR\xe2\xba\x91\x89\x032\xb6\x12y\xa0\xef\xc0\xe3\x96H$\xae\x11\x03\x11\x01\x8ah\xc2\x12\xd5\x0c\x920\x1e\x92\x15\xeb\xa7\xfe\x1e\xba\xe2J\x10%\x11\xc4X\xed\x1e\xbd\xe7\x1b-u\x99~"\x18B\x11\xa4of\x0c+\xd6b\x81.\xc4\x9e\x15\xb3Phr\x02 \x83\xfa43V\x1e\xad=\x93;\xf0\xc2H$\xa1C6\xc1xO\xdf\xe1\x0f#w\xdd)Y\xabO0\x86w\x99v\xdcX_\xfc\xcf\xeb\xd5q\xe4\x9ak\x01\x90\x8dKX\xa4\xa8\xce\x10\xf1!"@,",\xb6ro\x11\xf1\xf4}\xe7\x97 \xfa\x92\x13\x988\x9b\xa2\xc1\x9aY\xf1\xe3\xa6&amp;\xe7\xac8\xfa?\x7f\xbf$\xca\xdc\xb2\xe0|\x86\xdcw$y{\xf0\xe7\xa7\x15\xfe+"@r\xbf\xe5\x1f\x1a\xa4kV\xb9\xeb\x9a\xe7\xd6o\xe3\xd4\x1d\xf7\xa8;&gt;#E\x8b\xc8&amp;\x83?2%W\x07\xb5g\xb2#\xa2\xc8\xfa\xa2\x13v]\xc5\xbeF\x0b3v\xc8)\x14+e\x037\xca\n,q\x8c\x13\xe3\x16\xb8\xf4\xd4\xf7|7\x7fA\x7f\xff\xd5G\xbf\xfa\xc4\xcb\x8bO"\xf57"\x91\xb8\x84\x99\x96J\xf6\x89\x9b\x9c-\x12[\xc7O\r\x98.[\x11\x7f\x00\x7fs{\xf4\x88\xb8\xf5\xa2\xb0\xa8I\xeb\x88\xc6t\x9f\xe0o\xf0\xe0\x0c\x8f\x1c&gt;n[\xc9\xc3\x88\x84\t\x00`\xfd\xd9\x7f\x9c\xc8\xc0$}s\xbfd+DA\xf2\xc0\xdf\x9d\xc2#w\xc8.\x16\xd6\x1f\xf4\x81.\xc2}\xe2\xe9\xbf\x1b\x0b\xff\x12\x89\x84$\xa2\xa5\xf6\xb8(\xf1\xdb\xdal\xe4\x9c=\xbf;\x17\xc7\x1d\x12[]\x8d\xe6oAfR\xa8\xe9\x9c\xfc\rg\xdaK\x0b\x00W_\xd3\x1b`\x0bu\xb1\x85\x1eL\x14\xfe\xe9\xc7\xde\x15\x04"\xac\x10+r\xb4,mY\xa7L!\x8b\x08z\x93\xe3X\x80d\x00\x90\xae\xfcp\xea\xb9\x93\xbf\xa2\x0e0\\\xbel\x80%o\x0b\x16\xf7#\x02\x00"\x96n\xb7\x14\x11w~\x8d\xde\xea\xc6\x8fv\x97\xdeE\xe2W\x0b\xb6\x04\xae\x93\xd2\xdd\x8aR\xa9y\xdbO:\x02\x00\xb5\xfbn!Oe\xac&lt;\x86\x9b45\xdf&gt;\x89\xd6\x97mTAaD\xa2Y\xc7\xc4\xce\xb3[\x14n:\x87&lt;\x14\xbc\x1c^\xb4D\xf6\r\xa5\xed\xbaJi\x80\xb5\xc4\xbd\xef\r\\{\xfa\x8dl\x80%\x91\x9bl5&amp;XM\x92\xa7\xde4\xf5\xf30\xf5?\xba\xef\x86\xc9\x17\xd2|\xd4&gt;\xab\x02\x04\x86\xde\xf3\xce\xfb#[\xea:\xe5\xc0\xc5\x17\xfdQV\xe8\xe0nEY\xa7\xffVn\x1d\xcd$J&amp;\x13\x8f\xf7E[\xcc7\x84\x15\xb6&amp;\x9c\x9f\x07\xa9\xce\xd6\xb9\x93\n\xc5J\xa1\xf3\x93\x9d\xcc\x92\xe1\x8b\xbc\xf5\xa7\x01@\xf1\x96z\xddoA\xc8\';x\xd9\x97\xfc\x98!\xa0\xbd(\x91\x04\x84\xfa\x83v\x00\x84\x9d\xff\x13!J)\xf2#i3\xe1\x93\x9f\x89\x1a\'ZV\x0bSm+\x8f=\xf7\x83\xa4\xfe\xe5g7\xabW\xcf\xce\x8a=\xd7\xfd\xde\x91OP@\xda\xe6};\xa9\xd8y\xb5y$\x1a\x88\xf8\x84\xfb2\xdf\xf8/@\xe3\xcb\xc3w|\x05\x9d f\xa1\xff\xe3\x89\xe7\xf2\xb4\x8aD\x12\xa2 \xc3\xf6[\x9c\xdc\x9d\xed\rD"/\x05\x9b\xcc\x16\x89\x167\x8f5\xcf\xc1\x00\xb1\xa4\xb9\xabP\x06\x11\xab\xf7z?Q\xc1^~~\xcf\xd38H\xeb\xfe.\x83\xf7\xb6\xdd1\x06\xfa\xe3\x0e\xe8\xf2T\xab\x94\x9dW\xd4p\xca&amp;\xe0ug\xfc\xa3\xf2&amp;\x91\x04\x0cE\xa9\xe5\x07\xeeG\x95\xa7\xde4\xd6)\xb3\x05\x1b\r\xe9+\x8c\xb0)\xa5\x7f\x11t1d\x9fJ]\xd6\xd8HU\xab\xeff\xd7%\xa12u\xc7=\xabI\xec=\xca\xc2M\xe7\x84TG\xcd\xb10\xean"\xa1\xd5b/\xb1\xcc\xa3\xb8J\xd9\xf6\xcb\x8c\x81\xfck\xcf\xc4^Jwu\x06H\x95$1\x19\xf2\xc4\xacJywz\xfc\x92\xb7\x9c&gt;\xf3\xce#\xe2%\xc6v:D\x9c\xfa\xc1O\xba\xc0\x88J\xa3\xc9\x08\xa6\rp\x91\xe6\xf3,\xd6P!\x04\xe970\x7f\xc3\x19\x02)2\x8bd[\xad\xe7\x06\x81XID\xb2\xd2\xc1\xa9\x98\\4hl\xb5\xfa\x9b\xb5\xeb7{\t\x19\xc4\x0b\xcb\xd6\x1e \xa6\xc3\\\xb4\xc2\xd86;Z\x1c\x00r\xd6\x9e\xcc\x89aoz\xc3x\xaf\xb2\xd5\x98H\x8d\xe9\x12\xa9\xfc\x99\xb9\x86v\x13\x0f\xf1#\x9c0\xa8C7\x1a\xba\xd3\xf3c\xc8\xce\x16\xa3CTqD"\xb1J4N\x9dH=\xa5\xb6\xb5K\x8f&lt;9rW\xd7\x00\xe7\xb2R4s\xcf\x86m\xd8\x9et\xdd f\x85\x9c\xb5\xdf\xb3\x9e,\xbd\xd1\x9a|dGy\x01\x12\x16\xe8i&lt;\x15\'w\x17\xd3\x84\xcep\xc5\xe2\xb1[d\xb5\x9a\x00)\x9b\x97\xdc"\x95\xf5\xeda\x1e\x1f\x9a\xca\xf7\xbb\xf0\xc0\xdf\x96\x12\xdf\x15\xbc\x8a\xc4\xb5,J\xe5\xe3\x01Q\xbdt\x9fu\x1aB`#\x96D\xe2")X/t\xcf\xd9g\xf8\x83\x0c}\x1f\x151q\xa1\xde\xfe\x11\xd2\n\xb1*\xfa3\xf7p\x8b\xf1c\x10\xb77~\xcc\x1c\x1d]\x16\x07\xc2O\xfd\xa6{|q\x012r\x12\xe4\xa97\xd5\xcd\xf2\x19\x1e\x15Y\x84d\xed\x19G\xf9g4\xfb\x10\x18\x9a\x8d\xdcC\xf5)\xb9\xec\xc8Sv\xa2\x08\xe7\xe5\x0eX|Q}\x1c\xb1su6F \x1f\x96\xab\x0f\x8e\xea6\x8d\xa9h\xbd\xf7[\xdc\xff\xbdZz\x80vgI$\x81\x80\xf5]\x9d\xffS\x1d\xd4\x1a\xbe\x96\x0c\xcd\xd5\xb4\xe8\xf5\xd0\xe9\x8d\x9c\xddR\xd1W_\xe3_~\xae\x91\xab\xf5\x10\x99\xec\x15b\xd3\xe7&lt;Q\xabv_O\r\xdfp\xf6_\x81\xbc\xad\xb6\xeb\xfe%Y\xd1~\xe6\x91B\x838yx\x03n*\xbb\xae\x06\xae\x13P\xa0\x91-\xab#)\xeb\xb7\x1c\xbb\xff\xca\x0b\xad\x9c\xf1l:\xe7f\xc1mS\xf5\x0b\xd5~\xef9\xc5\xaa\xe0\xdf\xfc%\x92\x10D\xf9\xae\x8cM\x0b9%\x157oW\xee\\t|\x00\x18\xb0\xe8b\x9d\xfe[-\x15=`\xd1\x85\x14%\x06\x12\x01NT@M\xe88\xe5\xa8\xf3LX~\xd1\x15:\x99\x15\xd1}\xd6i\x9a\x0b9\x15\xcb\x93\x99!Mp\xcc\x89\xe47\x8d\xb1\xe1\xdc\x7f\xe5:\xae0\x8d\xf6\xd17\xc1\x1c\xa9{?\xb7\x80\x9a\xb8\xf1C\x13\xebt\x91^"y\xa7\x88\xd9\xd6\xab\x1caP\xadJ\xa7\x8b\xaa=\xab\xa0\xaa2\xa6\xa0\xe6\xder\xcc\xc7n\n\xcb\x86m\xfd\xc3\xa6\x01EW0m\xa1\x01\xc0\xc9jq\xb4,m\x04\xea\xd0\x82f\x11,\x80\x88\x00\t\xd9\xa7l\xaa5]x\xe4\xb9\x8a\xa4E\xfaZJ\xb8\xea\xf8\x0b\xd38\x1f\x7f\x87-\xc7|l\x98\xb7\xd73p\xf1%C\x18\xc5\xceh\xdc\xbcV\xf7\x9b\xf9\xda\xb9\xcf\xfeB\xf6\x9cJh\xcd\x88H$\x12\xbf\xa2S\x80\xccl\\\xdf5\xad\xdc\x11\x11 /\x00\xcb\x8b\x0bu\xe1\xe7\x9d\xe6\x83\xaf\x0c\xb74au\xab\x99P\xa7\xbek\xf7\xdbb\x0c\x04\x00\x8bZr\xc1\xc2\x95\x8da)\xa9\xa1\xdf\xbc\xc2\xf0R\x83M\x13#bD\xa5Qf\xb1\xf4\xbdRK\x88\x7fY\xee\x92\xa4p\x1fj\xf8\x1b\x011H\xaf!\xad\xc6\x1epM&amp;6\xac\x95\x1d\x89\xe4m@\xf9\xfe\xffaX\xb7\xd7\xa1\xb3\xbbkL\xc2\xec\xb9\'\xaeIn^\n\x05&amp;n\x0e\xb4w&amp;\xbfa\xc1\x03D\xca\x92\x03\xcd#y\xc8dC\x14?\xd9\xef\x14\x80\xa1\x1a\xed\xdeL\xb8:.w\x11w\x1b`\xce\xe7Y\xb2\xf5"W\x8a \xa55\x8a\x8d\x88\x00\xd9dW["\x11\xa5T\x9b%\x9c\xf5]+\x83\xe0\x92\x9c\xb3\xdf\x05\xbc\x9bo\n\xdf\xccl\xc0\xb1:3\xecQ\x9a\x1d\xb3\xfe\x86\xeb\xa2\x00\xc0\xea\x93\xafB\xedyA\xc2\xea\x88x\xfd\x1f\xbaT\xddf\x9c\xd4\x19sP@D\x08o\xd4\x8f\xeb\xc4w\xfe\xc7\x7f\x8a\x94\xef\xfc\x86\xb4\x10^\x82A\xc4ko4&gt;\x7f\xe2\xe7\xeb\xce\x8aL\xb5\xb3A\x10\xc7\xad\r\xbeu\x07l\x87\x0c\xcd\x03\xf6b\xe8\n:\xe8\xd7\x1d\x86\x12I\xb0\xa0\xb6\xac/,NA?%"\xf8\xdf\x84\x13e\x8a2w\xdd)~.\xd4\x0f\x98i~\x16l2;U\xc9A\xc6\xf0\xf3\x7f\xea\x9e\x05}\xd1]\x18\xfd\xfd\xfc\xfco\xdb\x95\x1d\xcf\xd7\x90\xff05\xec`B\x94R\xfc\xf3\xe4\xcb\x8f\x88\x00\x89 \xac\xac\xa3\x12\xb9\xcc\xdd\xfb@[\x9c\xde\x10\xa3\x8b\xb4\x19\x7f\xd0\xdd\x0c;L\xfe\x94u*U)\xca\xcb,\x91\xbc\xd3&lt;b4\xae\xe2\r\xf0\xa2\x83\x0f\x11\x11\xd24V\x0e\x97\x1ey\xfa\xcc\xb4\x9b\x9c\xae\x99m\x81]QiV\x88\x9a\xb9\r\xe7\xac\xbf;\xfb\xd1\xb2\xf0J\xe7\x92_\xa9\xa3\x05w\xd4\xf0\r&amp;P\x96\xa2\xf50g\xb9\xa9\xfbG\xb58Z(\xf5\x1fg\x1f\xd8|\xb8\x82o\x85\xc0\x12\xb2\x10\xefm\xbb\xe3\xca{\xf8\xfey\xbf\x8f \xf35\x98\xee\xef"$\x92\xb7\x10\xdf\x17\x9e\xbc\x9e.\xdc\xb4\x01\xdew\x03y\xab\xbf&gt;\xfc\xd8\x8b7#\xa7y\x94\x90\xc1\xc6\xdcx\xaf\xb9\xe7\x00\x00 63F\xda&amp;\x8c\x139\xac\x96\x05\x00\x10\xb3\x82\x9dT\x81\x86\xfb\xbeE-\x1d\x08\x11\x92\xd5\xb5\x9a\x82:\x1eU?\xbdm\x17\x8d\xdf\xa0\xe8\xe2\xc5\x82\xfd\x7f\x11Gq\xa7l\xbfkU6S&gt;\xb9\x85\xd5{\xbd\xcf:\x9b\xaf\x81\x88%W\x89\xe4]\x84\xf9\x19_\xff\xc7\xd7\x00/;\xf2TSe\'\xad\xedm\x98\xcd\x14v\xa2\x96\x0e\xd4\xd2Q\x04\x00\x00$1+.\xb4lS;\xbc9?\xb1\x93w\x9fy\xaa\xe7\x9c\xb3\x87o\x8b\xe6_\xaa\xed\x12D\xe4\xfb\x94\xccRm\x9c5\xf9\xac\xf3\xf5K\xff\xbe-n\x99$Kh\xc5\xc9\xa3\xe9SFD\x88[\x05\x006\x7f\xa1\x89\xa9\x1a\x1b1\xce7l&lt;\x8f\xdf[yy.=\xf1\xf4\xa4\x05_\xb9PS\x05\x085y$\x12G&lt;\xa4\xbf\xd0\t\xb4\xe6[\xe3\xd05\xb2\xcc\x16\x86\xbd\xc4\xdfvQ0&amp;\x89\xad\xc1Y\xb0\x11\xbe\'\x00\x001st\xb4T\x1b\na\xb0\x97T\xb4\xf9|\xf1\xd4\xb1sw\x16\x10\xa6\x80%\x89,a\xdb5r\xa96\x8b\xc5o\xa3\xeb.}l\xf3\xe9]\xf5\x85I_\xa0\xd1,?\x95\xa2\xf3^p\x8br\xf9\x9e][B\xd3\xc8\x19Z\xb8"\x95\rf\xec\xfce\xdc\xfb\xdf\x07\xabt\x89$\x98\xa8\x8dn\xff\x85_\x98\x9a20\xa6\xf5\x93T\xb6Kl?\xe9\xb0\xd5&lt;\xb9\xdbx\xc2\x00`\xe6G\xbf\xf2s\x08/\xed\xdb\x84:c\xe7/\xabN\xbc\xb4*\x83\x19\xba\xc9\x8c\x18\x96\xee\xbc\x1ca8\x87\xafX@\x12\'w\x97LU\xc6v|\x8f\xae\xb5\xa4v\xce\xfc\xf7P^\xf9+\xe7\xcc\xf6|y9 C`\x8b\x93H\x02B\xcf\xd9g-\xc5\x0fZ\r\xce\xeb\x95G\xa1\x07\xa7m\xfa\'\xa2[\x8a\xbb_&lt;B\x804z1\xc2\x1bi\x0e\xa3\x95\xd9v\xc9\x8f\xf7\x87~\xf3\xb5\xeb\xfa\x8a\xe9P\x93$z\x82\xa3\xdb\x1c\x14\x04nH"K\x19R\xadU\'-\xda\x0f\x94\xcd\xe8\x1amD\x8d\xa56\x83$i\xc9SE\x9b\xcfS&lt;!R\x91\x1d)\x89D\xa2\xa7p\xd3\xb9\xf4\x13\xd1\\V\x8a\xe96\xe3$\x84\x95s7O&gt;7\xfeS\xab&lt;O5\xda}\xd6i\xb5\x1eTLSY\xaa\x16i\xf3\x84\x1e\xb8\xb3p1\xdf\xca\xca7V\xceN\x1d\xdfs\xa8\xfd\xce\xd4\xc5\xf3\xeb\x1d\x13\xce&lt;G*\x13\x13]y\xc5\x0bMW~8\xdf\xaaZ\xa3\xa1\x1f\xd9\xbaj\xba}1\x0e\x15\xbb\xac\xceXy\x8c\xf3;l\xd5.\xa9D"\t\x18\xc14\xf2\xac\xd0l\xe4^c`\xc3!\x1f\x02\xc0\xd7/\xc5\xd7\xcb\x01\x11\xd3\x95\x1b\x9e\xbb\xeeTH\\\x8bj\\\x02\x00\xdc\xf5\x89\xbb\xea\xf8\x0b\x88_-0\xcdv\x99\xf6\xcb\xdc\xde\x0cJ\xf7\xe1\xb1\xf2\xb8o+;\xad\xc4\x08We\xf0\x11:\xbd\x1fD\xe4\x18\xc7f\xbd\x90\x88\xf8\xdc\xca%,\xfe\xe4\x91\r\xd9$\x12\tA\xc2\x1a\xc1\x96 4\x88RJ\xd9c\xf3\x00\x11"Z\x9a\xc5N\nP\x04\x00\x002\x1b\xcf\xd9S\x15\x89\x91\xbd\x03"\xb6\x1e\xe7\xdd\x8b\x92\xaa\xc1j\xfa"q\xd1H\xb2\x17H\xef\xad:H\x00\x00 \x00IDAT\x80\x18\xe5\xed\xa5\xfb\xf0\n\xb3\x9dp\xa00\x18\x12hE\x8d:|\xd57\xeaA\x93a\xbb\xb4qK\x04F$\x85\x87\x86\xdbX\xb0\xf1l?\x97)\xba\x87\x90j\xb2F"y\xab \xeb\x02S\x92\x15\xeb7\x87\xb0\xe9\xe37\x82\xb8\xc3\xd8G\xec\xdc\x9e-"kN\xbe\xba\xf2\x1cc\xe4\xe8`\'\x97D5u\x01\x91\xa8\xd9\xb0\x8d\xbb\xd7hht\xf3+\xe1\x1f^\x89Lm\xb0\xbf1\xde\n]\x08"\x8eX}\xd5y)\xcb&gt;}\xe6,\x0f\x83\x8b\xf1\xb4M\xd5\x9f,\xc7\x12\x12I\xa4D\xfd\x08\xe3\xe7\xeb\xce\xb2\xcf\xa7\xc6\x114\xe4T\xb9\xeb\xdan3O\xd1\xcf\xc5\xabjYDaR\x14\x1f\xe0\xbf\xcc\x15\x82^\xa1\x17j2\'\xb8\x02\x904\x1b\xb9\'\xd8"@\xd6\xea\xe3\xc9\xd6WgS\xb3@\xe3Y\x82\x8f\xec\xa1\xea\xdaK\x8c\x82\x8dg/w\xda\xd2\x04\x1b\xbd\x13\xb3\xa2\x8cxa\xa69\t\xdd\xe4\x08\x87{\x99\x12:K.\x91\x84\x18\xe3\xde\xff&gt;\xe8-\n\x00\xb0\xbf|=s\xad\x0f\xafK\xb6^l5\x89$\x12\xa1\x1f\xfe\xa6nl\x8c\x00\x00a\xd9\xda\x03\xe4FD\x80\x88l\xd5\'\x18\xb2\xc9`\xf5C\xd8\xff=B\xaa\x86\x86\xe0D\xa6\xd2Z*\xc5*\xa9\xcb\x0c\x01\x00\x80x\x90\xaa\x81@\xf4|n\x95\x9b\xb6\xdc0]\x88\xba\x19}\xc4\xea\xabt\xc7\x12\x89\x88U\xb0\xc0\xd8)\x93HB\x87\xca\xdd\xd6\xa6,10s\xd5\xb1N2\xb1\xe2\xed.8h/\x901\xc4IQ\x8f\x1e\x1ed\x12\x96j\xb3D=@\xc4\x9e\xb3\xcf\x90\x87\x01\x93#4zi4\xd24\xd17\xc0q*\x13\xa7\xb3\x01@\xfc|\xddS\x94\x18\xc0pY\xed&amp;\xe4\x9b\x167oW\x00P\x9fW\xca\x12\x9e\xcf\xa4|\xa7\x95\xa4\xe1\x94i\x1f\xfc\xc4\xcb1z\xd9\xb0l\xed\x8c\xc1\x88\x08P\xe2\xa3o(S\xca\xc9\x8b\xf5\x07\x00\x08+g|d?\xd2\xa7\xa0s\xc6\xca\xd9\x91\xf3|\xdf \x02d\xe1\t\xa9\xa5X\x8b\x05D\xe6\x00&lt;\xeb\xe5\xc1\xd7\xa3\x94H\x82C\xe4RQq\x02"\xba\xd9K\xf0\xeetB\xc4\x19;\x7fymv\x0f\xcbu\\\xe1\xe4&gt;k\xd3\xa6{G\x1e\x99\x01\xa6\x85\x87\xc1\xcb\xbedi]\xb5\x18\xbd\x0f\x11\xd3W\x18Q\xa5\xfb:g\xf7-\x9e`\xbc\xa1\xcb\xbfb\x9dB\xc4\x95\xc7\x9e\xfb\x8e\xbd\xc3SD4\xb6O[/\xe0\xf8\x8d7\x01\xe01"\xc3dl\x1eDl2|\xb7\xb1\x14\x8ex\xca\xfd\xc9U\xe7=]x\x91f\xf38F-\x10\xf1\xeak^\xb6\xa3\xd7}\xcb9\xeb\n\x88\xc8\xd7\xfczW\xbf\x0bI\xe4\xa4\xc9\xf0]\xe6\x91\x18,\xff\xf4\x19D/\xe3\xa20\x0e\x88\x1b\xa8\x82\x12W\xe9\xbeN\x17$\xd0\x83IN\x0b47I\x8d\x88\xaaC\xa1j=6\xf0-\xdaO\xda\xf2\xa3i\x86\xc1 \x1f\x00\x84\x9blru\x0140t\xc5\x15\xf2T\xb5\x1e\x1b\xdc\xedk\nfU\xad\xe7\x06{{a/&gt;Q{\x12\xf18\x92\xffa1\xe7\xd9\xbb\xef#b\xd9\xf6\xcbu\xe1\xf5\x07\xed@\xc4\xe6\xa3\xf6QS\x01g\x1f\x7f`\x88]\td\xfb*y\x07a\xbd\xf4-\xc7\xee_t\xf0\xa1zH\xb8\xbd\xb3\xe4a\x9e\x19Y\xfcc\x1b\xb5\xf6\xba\x95\x12C\x0eD\xa4\x1a6\xaa\xdac}\xc0eq\x93\x1e\xb3N\xff\xc9\xd8o\x9a\xab\x8e\xde\x85\xf3\xd1{N\xebV\xb5\xe9\xbd\x85\xd8y\xda\xf1\x9a\xbd7)f\xbc\xa8\xc3\xe2@\xc2*W\t\xf7\xfa\xb3\xd2\x84\xab\xd2^x\x84\x000p\xc9\xa5\xa9;\xee\x89\xe7\xcf\xb9RD4.\xd3\xf2\x93\x18\x88\xc3H\x9e\xa9j\x8f\xf5\x1b\xce\xfd\xc7\xc9\xf3i\x00\x1eA\x02\x9e\x11\x12\x89$\x92\xd1x\xd8G\x9d\xa6\x1eS\x0f\xff&amp;&gt;\xa1\xec5\'\x06C"=\xa6F\x98]\xa7B\xa7U\xfe\xc985"\xd6\xec\xb3I0\xf6\xa2\x83\x0f\x01\n\xb3\xcf\xbbi\xb2\xc3\x14KN\x0e\xea\xf6\xdf\xe6\xba\x00\xcaT3"\xdeG4\xb8\xf6\xcb\xf7\x0f"\xcb\xf02\x93hV&amp;xbZ\xdb\xd3\xdcs\x8e\x05;\xaff\xadc\xca"\xcd\xe6\xd9\xc8*S\x15Gj\x1f\xa6\xc4\xcd\xd3\xd5\xaf\xf9\xd3\xf1\xe7\xf6\n\x89\xc4e&amp;o\xbdM\x0eCIe\x1f#\x88\xd8z\xdc\x01\xda\x99&lt;\xd6\xf6\xc2\xa7\xd1k\xa8\x9a\x11\xb0If!\xdc\xb6\xe8d\x99P\x9f\x8bKY?X%_}\xad\x8c\x1d}\xaft\xec\\\x9d\xbd\x03J\xa6\xe3j\xda\xfd,\xe4\x92D\x9c\x1eRp8r\x17\x01\xe0/D\xeaX\xd6\x9c\xa8\xf4=\x8aV\xc8\x0c\x90\xc0\x7f&amp;\xc9$\x92H\x83\xbe\xea\xe1\xba\x1bKW~\x84\x0bEj\xdc\x1d\xf2\t\xf3X\xffp\xbaq0\x98\xb0\xbc\x1e\xb5\x9dx(\xc0\x92D^\xf8*\xfaF\x131j\xa3\xeb\x9b\xce5\xb3\xf8\xd6z\xdcAK~uD\x16\xb6w~\xed\xfb\xb8*u]\x03\x00\xbd\xe7\x9e\xb3\xddy\xb2\xdf\xeb\x8aZ\x1a\x11+w[\xab\x0b\xceRm\xdc\x80\xc5\x17\xad\xca`|\x9f\x13\x16\xeciU\xa2\xf9\xfb\xff\x02\xc8\xa5\xa4\xd6\x9d\xd2(\xa9\xb1H\xdf\xdcj\x89\x12IH\x93\xbf!O\xc7\xc7\t\xc5[. \x0f\x83\xb8\x1a\x17\x14(s\xb3\x19L\xab\x0f\xaa\xde\x96\x07\xea\xdd3:l\'I[\x96\xb2\xec\xf7.\xf0=\xe2\xec=\xbfs"|\xf5\xdc\x1f\xafbL\xe7YT\xea\xb2\xc6\x10\x96\xd6O\xdbd\x111g\xed\xc9\xa6\xba\xd3\x9c\xcd\xcd\t\xf2\xf7\xa0\x86\x17o\xb9\xd0\xa1l\x12\xc9[\x89\x90!\xd93\x0f\x8c\xdfdh\xcd\x06Gv\xbc\xb5^,\x8b\xe9\xb2Z-\xa8\x03\x7f\x05\xd4\x05G\xeb\xe1l\x07\x12t\xa6\x7f\xf83\xf8\x7f:\x9d\x93\x7f\xf1\x96\x0b\x92\x14\xe9\x03\x89\xf5F@\x9dP\xa3\xf7F\xbb\xf6\xd5\xb3\\z\x8a\xe2\x9b\x9d\\\xa4l\xfb\xe5\x90\xb4\x8ei4\xf2N\xe6\xa97Mw\x96o\x0eL\xe9v\xa7\x11\xe8\x08\xb2\x9f\x97\xa8ih\x89$\xd4\xd9\xf8\x99\xf6-g\xaa\x0eZ\xf6A\xf6vc\xd3\xce3\x1b\xa5\xbai&lt;\xec#w\xb3\x8d&lt;\xc4\xb0\x9bPt\xba\xd8hw\x82\xca\xc2\x03\x7f\xdb\x95\xc4_ "@F}h\x9a&amp;\x962I\\\xa8\xb71p\xf1\'\x8f VEmA\xd6\xf8E0I\xf4\xb2\xe0m}\x19\xea#FrQ\xb7\x14\xa7(&gt;\xe0\x9d\x9a9\x93\xbcC4\x1b\xb9\xe7\x17\xc6V\x8d\xe5G\xffWL;\x87\xacP\xab\xeff\xff\xc8\x92\xd4?\xd9\xbaC\x89\xd6\x8b\x14/\xeb\xe4\x16,7H#28\x08\x0c\xf1\xf2v\x13\x8e\x9b\x82&lt;01\xe7\xe4*\x83\x96\\\x0eXY&gt;\x0c\x0e3\\#~5\x00\x9e\x06/\xf9a\xba\xd2\x0eY\xcd\xa4\xe9\x88\xdd3v\xfe\xa2K\x95\xaf\xc1t\xf5w\xbf\x85_X\x95\xa1\xde\x80\xed\xfc\x08\xd1\xb3z\xec\x7f\xbd\xf2TM\t\x94\xade\x12\xc9\xdb\xc3\xc1[\x9e\xa6\xf7\x17C\x03\xac\x84O\xd9~\xd7OE\xa7-7\\0\xe6\xe9\xdfC\xa2\xf3\xab\xde\x9fb-\xe6\xebN\xe9,\x15\xcc\xd8\xf9\x0b\'\x9f\xae\xd3O\x00D\xd3\x04Y\x1c\xd9\x84\x02\xddg\x9d\x16\x8f\xdck\x8e~\xc3\xab8\x9d\xa7\x1d\xb7\x9d\xd6\x16\xbe\x15\x81^s\xcf%,`Y\xc9\xa8l\x87\xe5\x00\xc5\x8f\xfd$\xba\xff8\xa2\xd2(\x00\x00H`\xb5 *\x88x\xe0\x07,\xd7a\x05?\x0e\xa4mJ\x1a\x17\x9b\xff\xf1\x9f\xa6\xd9\xea\xaf%\xae\xc7\xde\xe7K\xeb}\x82\xd4\xa5\x87\x08\xc64\x94k\xf0\x92$\x91D.\x94\xe57\x95"\xcd\xe6z\x1d\xdc2\xa9\xd4e\xb5\xef Y]V4\xaa\'"\'}\xf6\xf0\xd2\x83]\x9fz\xf2\x99\x0b\xb0\xa8\xd5\xf2\xc8=Ij\xf4\xda\xe8VV\x91\x82 \xce\x1f\x9e\xbe\x8f6\x1aQ\x87 b\xdb\t\x9f\x98F;x\xcbw[\x16\x7f\xf2(w\xdd) r\xaf\x12\xf2\xccM\x88\xdcj\xa5U[~\xf4\x7f\xa61UX\x16o\xd6\x9f\xf9G&lt;\x133\xd2\x1b\x83\x14Q\x155\xc3\xc5\x9f&lt;\xa2\xf6i:\x13\xb6\n$\x92\xc8A\x8c\x1c\x1d\xc4\xab\xc5.\xd3Ox\x7ff\xa5~\'\n\xae\x9b\xc5\xf0G\xc5m\xa3\xc3\xee\x0e\x84CSkdl\xc9r\xd1\xea\xcf\x86-&amp;\xc7\xfc\xb2 \xc2+\x7fo\x01\xf9\x01\x00bW4\x8b\xe6\xe3\xb9\xa7-ajM\xb7\x1a\xbb\xdfw\xa0\xd9=\xcf{.\xb1rv\x9c\xbb\xef\x0f~\xd1\x8d\x86\xec\x14\x19\x9ds"\xa8\xa7\x10\xf1\x11b\xd6\xea\xe3\xf9YY\x80\xd0\x08\xf3m$\x83\x12@\x18\xfdf\xa4,\xe6\x9a\x0c\x12\x89_\x89\x95\xb3S\xe0\x0bE\x9a\x19\xc2\x90!G@J\xc9#b\x08\xda\xaf\x90\xf5W\xfdA\x1f\x98E\xf7\xf8\xc0Yt\xf0!\xe9\xc0\x87\xcfw\xc2\xdd\x82\x7f\x04\xaax/\x99\x04\xf3\xb4M\xc9\xd6\x8b\xe3\xe5\x13_\x02\xe7\x90\xcb\x8dL`\xd1\'\x8f\x94\x1f\x88H\xaaM%.\xd4\x9b\xdfv\x0e^\xf6\xa5i\xe6\x88H.\xe2\x1aQ\xbc\x07\xb6\x13\xd8\xb0\x9e\xa8`/\xd38v\x89\xa9kq_!\xdec_\xfb\xeek!\xb1V%\x91\x98\x80\x88kN\xbd\xd6\x05*\xdeW\xb4\xa4r\\T\x01\xf5\xd7\xb6K\xd8\xc3\xca\xc2\xa1\xeb "K\x8f\xc3\xcaP2\x1e_}\x97\x95\xd5\x89_(No\xb4\xc46/&lt;\xa2%5Xd\xc2S\xe1W\xee\x95\x8a\xe7#\x80\xa0\xcf\t\xe6)\xef\xd9\xc2\xf1\xf3\xeb\\\xc9jV\xd0\xd7\x9e~cG:\xae\x9f\x03A\xc2K\x0f\x01Hm\x08NA\x89\n\xc0\xde\xed\x93H\xb8\xc0t\xde\x1f\x94\x0f\x13\x11\xf7\xdfT/\xc7\xc4\xbb\xf6\x9aS\xaf\xa3\xd3\xbc\x1c\xda"\x8dK\xf9\xb0\xf1*T\xe7\xad\xcf\xeb4H$\x91\x03\xc1z\xc7\x0f3\x9c\xb6w\x9e\xd0\xb9\xf1\x1fz\xdd\x8f\xbb\x05\xc3[\xb05\x98\x86\x0fu$)\xd2\xc7\x8d\xe2\x98|\xfd\xd2\xf2\x13\x9c\xb5\xeb7Zp~\xb2/e\n\xf9\xe6d\xaba\xd3l\xb8\xeaVVG\x86\x8a#\xa9\xe1\r\x06\x9b\x0e\xe85\xfc\xe7\xc6\xeb\xed\xdcm\x86z\xafT\xf7\xf5:\xac\x9a\xac\xd2\xa1S\x97\xab\xddo\x8b&gt;F\x92\xda\xeaO\xc2h\xb6[\xf68= "@\x18\x19\xb2\xd8;\xc47\xc2\x1f\x9dK$\x91\x1bD\x04\x88\x02&lt;\xd3T6t2\x9d\xaaq\xb6\x1c\xb3\xdf&lt;\x92\x01r9\xca^\xb9\xdb/\x87\xe8\xcc\xd5s\xc7-\x04\xeb\x9e\xe4\xaa3\xc5\x15;P\xdb/;\x1dD\xba\x01sMTP\xb6\xc7\x0c\x9fTT\x8e\xfdd\xebzS\xab\x8b\xb8\xfa\xbdv\x81\xda\x08^\xc8\xdd\'U\xbb\xaf\xa7!\x1f\xc8\xed\x1f b\x9fy\x9f\x81\xc0\xb3\x10\x17\x0f\x11_#\xf6\x9ew\x1eb\x96W\xbd&gt;\xb8\xbd9P"\t\x08qrwQ^\xfd+/\xac\x7f\x9f\xf1\xc9\xcd\x8bo\xa7\xe1\x8e\x9c\xb5\xf5\xde\xcb\xfd\x07c\xf4\x19XR\xb8\xeeM\xc1\x95I\x056\xec\xc5\xe9\x94%\x06*?\xea\xf4\xdb\xca\x8a\xe3\xe9\x83\xa6\xb6\xea#\xc4\x04B\x81\xc8C\xbc\xbc\xdd\xcc\xd6 \xe8\x84eoo\x16%\x9aY\x047 \x06\xca\xfc\xd9{DT\xe6\xe1\x958\xec\xc8\xbcu}\xabvoB\xa0#(\x91\xd8\xc2\xadww\xe8\x8a+\x8a\x1bv{L\xddq\xcf\xb0\xc6\x19\x03\x92\xd7\xb3\x98\x8d\xcbSg\n\x9e[\x14V\xce\x1f\x99\xab\\\xff\xc7\xf2\x83\x18\xb3\xfe\x86.\xc4\xd6\xd3\x8c\xa8\xd3\x7f+rM\xfe\xda&amp;\x905c\xd6\xea\x13\xac\x16\xddq\xcaQ\x87\n\xb4~\xba@N\xb6\xe1\xa5\x87@XY\x97\xca\xd1\xd8\x1e\xe7\x18p\xb64B\xe5\x9cm5\xf6\x80\xc7\xc3\x8a%\x9f\x8f\x12\x89\xc4u\xd4\xf1\xb7\x91.\xd3N\x14j2[=D\xc4\xc0\xce\x15G@`\x1b\x8f}7\xd0T\x9f\x85*\xcf\xc9_\xe9#\x8c\xf5g\xff\xe5l\xdavN\xf3Q{\xed$#\x06R\xee\x13\xa7\x12\xfb\x9c\xc90Q\x7f\x0f\x13\xd5t\xfa\xf4\xc3\x1b9J\x1e\xa9\xc8Te\x8c[Y]x\x84\x000p\xf1%_\x90\xd8\x96}\xc5\xeb\x94D"\x011\xcb\xf2\xe9\x86\xae\xb8\x12\x9asG\xe7\xfe\xc4LU\xc6X\x95-Q\xa1^\xd6\x9d+\x00\x00D\xcd\xdc\xc6\x18h\xa2B\x15\xa7\x12gK\x86\x16\xfa\xac\xc0\xea\x93to\x89o%\xe9+\x8cl&lt;l\x97P\xd4t\xcd\xfc\'F\xd1\xe6\xf3\x04cZS\xd2\x8e\xe6k\xa2\xc4\xf5\xc2\xcaw\\i\xa1Dvg\xaed\xeb\xc5\x00 \xae{\x08\x00\xfd\x17~\x91\xbb\xdeT\xca\t\xdb\xdb\xe5%\x92\xc8\x8b\xa2\xdf/\xf0\xcd[4\xc7\x9a\x96bd1IaR\xf57\xe3\xc9_C\xb1\x016\x83\xeeQ\xea7\xdf\xdd+\x82\x88\xdc\x01\x999\xe6\xf5oj\xabc,\xfb;F\\\xde;\x1e\xc3\xe1d~Z\'\x89\x17\xd1\xf4oW\x9f|\xa5\xfc\xb8\x8fhI\xe5\xdb\t\xe9+\xf0\xdcl\xff\xa6_H\xa6\x0c\xe2;O=&amp;\xdcN;\xdfU\xc8\xa4\xfbL\xcb;\x0c\xd7\x9d\xf1\xec\x1f\xe3\xc8o\xd4l\x0f\xcd\xfe\xbaD\xe2\x14\xcf\xa7\x9e\xaa\x017V\xc9\xc0\x08\xc3\xc2k\\)K\xac\x9c\x1d\x83+\x89\x1dR</t>
        </is>
      </c>
      <c r="E198" t="inlineStr">
        <is>
          <t>&lt;class 'numpy.ndarray'&gt;</t>
        </is>
      </c>
    </row>
    <row r="199">
      <c r="A199" s="1" t="n">
        <v>197</v>
      </c>
      <c r="B199" t="inlineStr">
        <is>
          <t>steps_per_sec</t>
        </is>
      </c>
      <c r="C199" t="n">
        <v>2900</v>
      </c>
      <c r="D199" t="inlineStr">
        <is>
          <t>5.3534536</t>
        </is>
      </c>
      <c r="E199" t="inlineStr">
        <is>
          <t>&lt;class 'numpy.ndarray'&gt;</t>
        </is>
      </c>
    </row>
    <row r="200">
      <c r="A200" s="1" t="n">
        <v>198</v>
      </c>
      <c r="B200" t="inlineStr">
        <is>
          <t>Loss/localization_loss</t>
        </is>
      </c>
      <c r="C200" t="n">
        <v>2900</v>
      </c>
      <c r="D200" t="inlineStr">
        <is>
          <t>0.0048869727</t>
        </is>
      </c>
      <c r="E200" t="inlineStr">
        <is>
          <t>&lt;class 'numpy.ndarray'&gt;</t>
        </is>
      </c>
    </row>
    <row r="201">
      <c r="A201" s="1" t="n">
        <v>199</v>
      </c>
      <c r="B201" t="inlineStr">
        <is>
          <t>Loss/classification_loss</t>
        </is>
      </c>
      <c r="C201" t="n">
        <v>2900</v>
      </c>
      <c r="D201" t="inlineStr">
        <is>
          <t>0.21686701</t>
        </is>
      </c>
      <c r="E201" t="inlineStr">
        <is>
          <t>&lt;class 'numpy.ndarray'&gt;</t>
        </is>
      </c>
    </row>
    <row r="202">
      <c r="A202" s="1" t="n">
        <v>200</v>
      </c>
      <c r="B202" t="inlineStr">
        <is>
          <t>Loss/regularization_loss</t>
        </is>
      </c>
      <c r="C202" t="n">
        <v>2900</v>
      </c>
      <c r="D202" t="inlineStr">
        <is>
          <t>0.03358025</t>
        </is>
      </c>
      <c r="E202" t="inlineStr">
        <is>
          <t>&lt;class 'numpy.ndarray'&gt;</t>
        </is>
      </c>
    </row>
    <row r="203">
      <c r="A203" s="1" t="n">
        <v>201</v>
      </c>
      <c r="B203" t="inlineStr">
        <is>
          <t>Loss/total_loss</t>
        </is>
      </c>
      <c r="C203" t="n">
        <v>2900</v>
      </c>
      <c r="D203" t="inlineStr">
        <is>
          <t>0.25533423</t>
        </is>
      </c>
      <c r="E203" t="inlineStr">
        <is>
          <t>&lt;class 'numpy.ndarray'&gt;</t>
        </is>
      </c>
    </row>
    <row r="204">
      <c r="A204" s="1" t="n">
        <v>202</v>
      </c>
      <c r="B204" t="inlineStr">
        <is>
          <t>learning_rate</t>
        </is>
      </c>
      <c r="C204" t="n">
        <v>2900</v>
      </c>
      <c r="D204" t="inlineStr">
        <is>
          <t>0.07999964</t>
        </is>
      </c>
      <c r="E204" t="inlineStr">
        <is>
          <t>&lt;class 'numpy.ndarray'&gt;</t>
        </is>
      </c>
    </row>
    <row r="205">
      <c r="A205" s="1" t="n">
        <v>203</v>
      </c>
      <c r="B205" t="inlineStr">
        <is>
          <t>train_input_images</t>
        </is>
      </c>
      <c r="C205" t="n">
        <v>2900</v>
      </c>
      <c r="D205" t="inlineStr">
        <is>
          <t>[b'640' b'640'
 b'\x89PNG\r\n\x1a\n\x00\x00\x00\rIHDR\x00\x00\x02\x80\x00\x00\x02\x80\x08\x02\x00\x00\x00\x83\xaf^t\x00\x00 \x00IDATx\x9c\xec\x9de\x80\xd4V\x17\x86\x0f\xb2\xb8-.\x0b,\xee\x0e\x8b\xc3\xe2\xee\xee\xee\xeen\xc5\xdd\xdd\xdd\xdd\x8b\x17/^\xb4H\xa1\x14\xf8\x80\xb6\x94\x16iiK\xdf\xefGff3\xd1\x1b\x9b\xcc.y~\xc0l\xe6\xca\x99\xe4\xe6\xea\x11\xa2\xf0\xc3\xdd\xcf\xb0\xa6\xe0\xec\xd6\x14\xeb\xe0\xe0\xa0\xce[\x80(\r\xf7\x19\x00\x80\xddw\x85oz\xbc&lt;\x9d\xe1\rE+\xedsI\x8d\x93\xd9\xf3\xe9)\xf7+L#Z\xfbI\'\xd9R\xc60X\xd3\xd2\x13\x7f\x0e_uOS\x16\x00\xddg\x9e\x97\xfc*~\xbe.D4e\xc7\x8bZ}\xb7\x00 JbP&lt;"J_~x\xad\xbe[\x8c\x97\xa3\x95\x80\xcc\xad(]\x13\xafK\xd1J\x13%\xb6E\x18\x16r\xd9-\x80\x83\x83\x06f\x1fxS\xb4\xf9&lt;\xbb\xa5`&amp;nE\xa2"v\x0b\xa1\xce\xee;\xe89\xfb[\xee37\xb8\xf6\x99\x7fE\x9cL0\x00\xd7\xec\xb3\xd9\xb7b\xfa;\x15\xbb\xac\xceXq\x94J\xa2\x14u\xd2\x97\x1f\xe1\x13q&lt;\x14&amp;\xa2\xd9\xfb\x7fMUr\x80\xe7\x12\x80\x11\xab\xbfOX\xa0;Q\xc8\xd8\x8d\x8f\x19\x0b\n\xcc\xdf\xcd$\x91\xd2\x98T\x8e\x04r\x93*\x98&lt;\xdf\x8a\xe0d\xb3[\x00\x07?$F\x82|]\xed\x96A\x03\xf3\x0e\xffn\xb7\x08jD)ND\x05\x1b\xce\xf0\xf4M\\?\x15)C3AB\x88P.\xd8o;\xbb\xbcu\xa7~\xf3\xd2,\xd9b\xc4\xc9\xd5\xc1\xfbJ2\x93J6\x19\x00O\xf9O$m#}\xe5\xb0\xdf\xba\xae3\xce\x01\xe8=\xf7\xb2\xe0z\xbez\xd3,m\x1b\xb7\xff\x91,\xbc\x10\x80\x83\x0f\xfd\xb4M\xfa\x1d\x00\xaat[g\xb7\x14\x0e\x0e\x11\x99\x92\xad\x17\xf1\xc7]\xf7\xe5\x82Sv\xbc\x10\'\xae\xd6s\x03y\x0f\xc3F\xaa\xae?h\xa7\x91\xecF\xf0\xc9J(M\xc2\x82\xdd-\xaeB\x1bu\xfao#"\xa2\xa4D\xd1}S#\xaf\x9d\xe4\xfed\xd3l,y\xb1~a\x7f\xa4mT\xb2\xf5"\xeec\xa2\x82=J\xb7]b\x8bH\x0e\x0e\xe1\x98\xbd\xf7\x9c9\xac%\x00\x88\x9c\xa1\xb9b\x92\xf8I\n\xf7\xf2\xf4\xaa\xfb\xbe\xe7\x1eDN_\x08\xe7`&amp;\x9c\xc2M\x01S\xca\xe2m\xa7\x07\x1b/\xcd\xd9%vpp\xf8\x12)\xd0`\x06%\xa8,\xf9U\xb4,\xad\x88(~\xde.Y\xaa|%X\xfe\xb2t\x97\xf6u\xa9\xf9m\xaa\xf7\x0b\x02\x00Q\x809e\xc5\xad(?\x00\x174\xa7\n\x07\x07\x07\x07\xff\x04&lt;]h1\xc3V\xdc\xf5\x8c\xbe3\xf6\xbcf-4Y-\x7f[\xd3\xc4\xcc\xde.Rz\xe1\t\xb71\xf2\x99Z\x9a*\t|[\x9d\x1e\x06-\xbd\xa95\x0b\xd7\xb4\xcc\xd3\xf3rp\x88`$\xaf\xad\xdc\x99\xda\xd9\xd5\x86K\x93\x18\xbf\xe3\x17`\xc0\xe2\x1b\xe2\xeb\x85\x9b\xcc\t[\xfb\x067\xd6Rd"\x7f\x1b\x80M\'Z\xd6\xd6DE\xd8~fT\xc3\xb5\xa52\\\x82\xcf\x08\xd1\x94Z\xe3\xfes"\xcf\xa7\xf6\x93N\x1ez\x14\xc1\xdb\x98\x83-\xf8\x9d\x05K\xbf\x85\xd7\x14\xbe\x8d\xf0]\xadYt\x99v\xc6n\x11d\xe1\xfa\xc1?\x80\xd3\xaf\x90\xb9\xf2\x98\'&lt;\xad\xab\xdb\xff\x80(\xa1\x8e\x02\xad\x90\xd3\xbf\x88[q\xc9\x89?\x13\x16\xb0G\xf1j\xc57\x7f\xfbL\xb5J\x80\x89\x0f\xb7\xf1\xf0}n\xc5\x02U\xbc\x0c\xa9\xff\xf7%40\x87\xf0E\xb9\x8e+\xec\x16\xc1!|\xf3\x14X}\xf63\x80EG\xdf\xeb* k\x8clm\xe9\x0b\x19\x80m\xe5\t\xd3\x1dNkM\xe5I\xcd*\xe8\xa1\xa3\x81\xe5\xe0\xa0\x1d?5|t0\x17\xe6\xd5\x89\x8bRm\x16\x07\x97\x19j\x910jdVO"E\x85\xce\xabr\xd6\x9ah\xae(\x06\xf95b\x8fI1\xca\x84}\x8e\\\\w1\x00Z\x8c&gt;l\x82&lt;\x0e\x9aH\x1c\xd2\xd3n\x11\x1c\x1c4\xe3W3}6GH\x91\xb5\x0e\xc0~\xcbs\xf9\x9bo\xc0\x0c\xc6$M`o\xaa\xf7\xda\x08 \xadm\xf3\x18\x05\x02\x8d\x17a\xa2\xd1Q\xe6\xcac\x9c\x95\x80\rT\xe8\xb4\x92\xa8\x90\xddR\xf8\x1d\xa1\xed\x96\x9a^f\xe1&amp;\xb3M/\xd3!b\xb3\xee""\x8b&lt;j\xd9\x8bU\x96\xa6\xd1u\xea\x00*\xbb\xf3tI\x9b\xa0\x8a\xbe\xc2\x1d\x1c\x1cl!\x8f\xdd\x0288\x10\x91\xf7\x1e\xa3Eh\x19\x9f\x00\xe4\xad;\xd5:Y\xb4R\xb9\xebZ\xb9\xafV\x9f\xfb\xcf\x0f\x1dSp\x91\x1b\xe4\x18\xbc\xec\x16QrK\x05\xe81\xeb\x82u\x85\xc7\xb2\xaeh\x07\x07+1n_\x11\x11\xf8\x11\x00\xd0l\xe4\x01x\xf3E\xfa6\x8fd\xb7\x00\xe1\x1bw\xcb\x89o\xb7 ^$-\xdc\xbb\xcd\xf8cv\xd5^\xa6\xddR\xce\xb7\xa5]\x0288\xf8\x11\xb1r\xb4g\xefg+vYm\xa90\xf6\xc2u\x97qsw\xe2]\xcb,\x18\x86s\xd4\x18o\x9b|&gt;\'F\xf6\xb6&gt;\xa9\'\xc2\xce\xfc\x00\xe4\xa93\xd9\xecR\x0b\x9b]\xa0O)\xd7q\x85`K }\xb9\xe1v\t\xf3e\xb1\xed\x86\xdd[12\x8e\xfa\xbeX\xe4\xc2\x8b\xca\xb1G\x14b6b\xf0\x1e\x00p\xef?\xb9_\x17x\xfa\xa5\xf7j8vy\x9f\xca\xa7\x1f\x83\x86+\xbeQ\xce\xf0\xaf\x05\xa2\x83\xb5\x04V\x15\\\x98\xbc\xfd\xb9-\x82|q\xf8\xe1q\xc8\x97\xcc\xbe\xefQ\xba\x8d\x13N\x84\x8e\xff\x84\xdes/\x17m\xc6\x85(\x96wR\x91\xa8\xba\xf7\x8e\xb4\x83\x83\x83f\xc4\xef\x8e\xf36\xf9\x8a\xc8\xc5\x9c{\xed?\x9c\xfb\xd9\xebY,\xff\xe6o\xbb$\xb1\x91\x9d7\xdd7!R1\xf5\xd4\xc1\x8d\x9d1\xd8\xc1\xc1!\xfc\x12$\xd9sU\xee\xba\xc6\xf7\xa2|\xc9\x00\xc8e\x8d\xbf\x82\xd0\xf0\x15\xa43rq\xce \x12\x00\xa5k\xca]\x03\xd0]\xa8\xa8\xc9m\x93\xe6\x83\x08\xdf\x8a\xeb{\xc2\x91\xe3b\x07\x07\x075\xfa.\xb8j\xb7\x08\x0eQ3U\x1ae\xb7\x0c~@\xe4\xe2\xde:2.\xff\xb4\xe36=\x99\xbe\xfb\x95\xa4E\xc3W\x1b~\xf8\xb2\x06\xe0\xd4\r(E\x1d\xbb\x85\x10\x92\xb5\xeaX\xbbEpp\x08wD)NDi\xcb\x0c\xb1[\x8e/\x9e\x94\xf5\xf8\x7f\r\xd6\x1ew,\x02\x10\xdavI\xee\xda\x93\xd2\x95\x1b\xc6\xfd9m\xd7K\xb9\x90\xa5\xc9\x8a\xf6q\x7f\x0c\xf9\xa2V\xc0\xca?0\xb8\xec0_\n\xe3\xf0E\x12\x87\x1f4\xc9\xc1\x08q\xdc\x1f\x9cM-\xff\xa2L\xbbev\x8b`\x03\xf3\x0f\xff\xfe\x02\xa8\xd6s\x03Q\x1c\xce]B\xdf\xf9W\xc4\xc98\x15\xcdB\x8df\x11%\x0b*5P&lt;\x00\x8fX\xfd\xbd\xafE\xf7\x15IBz%\xc8\xd7U\xee[\xfb&amp;\x1f\xd9m\xaa\xd7F\xd2M\xd9\xf1\xc2n\x19\x1c" a\xefR\xd5\x1e\xebm\x94\xc309$\xd6F1\xcbj,$\xbf\xc2wY\xaa|eD&gt;Y\x12V\xb3\xa4X\xff\xa6\xf5\xd8\xa3\x00\xde\x03\x14\xdc\xe4\xd0#\x96\xe5l&amp;\xce~Q\x12\xdf\xc9\xed@y\xf6\xdesn\xb8\x02\x05\xec\x16\xc0!\x9c\x11\x11\x16\xc4r]\xf3\xdc\x83\xbf\x99VG\x9c\n\xa6\x15\xc5#&lt;\x8c\x1f\x89u\xc4\xc6\xe1\xe2\xe8\xc9\xf1\x8b\xfb\x01\xb5\x9bp\\a(\xbd\xf2\x07\n4\x98A\x94\xa6F\xefM\xc3W\xdd\xfb\xb2\x07`\xa7g\x0f\x07D\x94\xd6\x98\xcbn\x01\x1c\xac"\xb2\xe4\xd5\x02\r\xa6\xeb-\xb0\xb0\\\xbf\xfc%\xf5\xceVc\xf2\x0b\xc9\xf8\xb0J\xb6^T\xb5\xc7z\xe5\xe7\xfb%&lt;\xe2y\x87\xde\xda-\x82\x03\x13\x00\xf4zrNa\xb2(\x0e\x0e&gt;\xe0\x91WG\x1c\x95D\x9d\xbb\xdd\x02:H\xa0&gt;\x94F+\xad\x9aX\xf2\x11\x8fX%\x7f$\x9c\xa8\xba\xf9\xbfD\x8di\xbb^\x1a\xc9\xfe7p\xe2\x19\x86\xaf\xbag\x96&lt;\x0e\x16\x93\xc5n\x01\xc2\t\xa9J\x0e\xb0[\x04\x07\x179kN\xd0\x9d\xf7\xbdWG\x1c\xc2]\xbc\xfb9&lt;\r\xc0I\x0b\xf7&amp;\x8ag^yA\xe6\x15e\x15\x9e\xa7\xd3h\xe8^\xe5\xd9\xd2\xc2#\xefj\xf4\xde\xc42\x00\xab=\xf1\x18\x96\xfd\x1a\x0b\x99\xb8\xf5\xa7\xf0\xd2\x8c\x1d\x1c\x1cL!\xba\xdd\x02h\xc0\xd3\xedV\xeb\xb9\xc1sq\xd4\xda\x07\xde\xddqb\x035\xa41(\xa1/\t/=\xf5\xee;\x00\xb0\xe1\x12\x88\xe2\xf1\x9e\x940${\xcd\xde\x9b\xf7\xde\x03Q\n\xd5\x01Xu\x94\n/wFH\x94\x12;o\xa1p\xd39v\xcb\xe1\xe0\xe0\x10\x91I\xaa/\xdb\xa6+\xc2u\xcf\xa2\xa3\xef\x05\xbd\xb3\x9b\x88o&gt;a\xc10\xa3\x14\xa9\xe9\x17\xbd\xd5\x01HV\xa4\x8f{\xb1\x9e\x15\x00Q\\\xcf\xb7\xb1sv\xa0x\x95B\x1a\xcf\x9ew\xf8m\xd7\xe9g\x89"\xc5\xce\xd9\xc1\xf8\x00\\)\\\xba{\x8b\xab\x9e\xc4\xda\xfa+\xda,\x80\x83\x83\x83?\xc3u\xbe\xf3\x0f\xff\xfe\x18Xv\xf2/~\xd7\xdc~\xe2I\xbb\xa5c\x02@~\x8djhy\xeb\x99\x10\x14=z\xd66\xca\t\x00X\x11c\xfb3\xd0`\xf0.\xde\x858\xa2$\x81DD\x14p\xf17P\xea\x06\x99*\x8d\x9e\xb1\xf7\xb5\xc2\x00\xfc*\x9c.p\x1d\x1c\xfc\x8e\xa2:\xf3e\xab\xe68H\xfbr\x11\xf7\xcb[\xae\xf9O\xa7\xacd\xeb\xc5I[\xa1\xf3*\xed\xc5\xfa\xfb\x9a\xde\x1d\xe3HL\xda\xc6\xc3\xf6)\xe7\xed9\xfbb\x8b\xd1\x87j\xf4\xdeD\x14\x7f\xf0\xd2\x9b\x1b.\xc9\xae\x80\xa3fja\xba\xe4\x0e\x0e\xd2\xc4.OD\xe3\xb7&lt;5\xb8\xdb\x94\xb0`w\xb9\xaf\xd2\x97\x0f\x0b\xd0\xdb`\xf0.\x0b\xb6\xb5\xac\x825\xb0\xf9\x17\xcb\'\xde\xb3\x1c\xb5\xf6\x81\x8d\x928p\xdc\xfe\x87\xe9\x84/S\xc5Q\xe2\xe0\xb2\x97~\xc7\xc2#\xef\x14\xf3\xf9\xafN\xe6\x95w\xc8\\y\x8c\xf8:\xbf\xbb9\xf4\x08D\xc9\xf3\xd4\x99r\xf6g4\x1fuPn\x00\xae\xddo\xab\x0f\x05\xb7\x91\x98\xb6\xd4\x1a\\f\xa8-\xf5\xfa3\x00n\xffch\\\\|\xec\x03cE:\n/\xd7q\x85\x8e\\\xe1\x89\xbd\xf7T\xce\x9c\x1cl%\x13Q\xea\xf3\xbf\xd8\xf8\x80\xd8\x8e\xee\x12VclE\xaf\x01JYWpq\xc0\xa2\x1b\xaa\x07\x9f\xca\xc5\xc6\xcf\xd7\xa5\xe1\x90\xdd,\x02XA\x99v\xcb\xbc\xfdu\xf0u\xe5\xc2\\\x7f\xc4\xce\xa5t\x00\x0c\x80\x02J\xcaW\xa2\xe4\xdd,"Q\xa2\xe5B\xbbEp\x08\xc3\x80c\x03\xc3\xc4,\x0b\x80\xa8\x90m\x02\xf8\x80\xcdW\x9d\x01\xd8\x7fi&lt;l\xaf\xdd"\x90X\xa7W\x9a(%\xf4\x95^\xb2\xf5"\xa2\x0c\xcai\xea\x0f\xda\xa5\x9c\xc0}\x86\x9aQ1U^\xdf\xc6n\x12\xa8\xacG^{A~\xe8\rn\xbc\xf8\xf8Gq\x11MG\x1c\xf0\x8d\xac\xfe\xc3\xf9_\x9d\xee\xc8\xc1\x853698\x14\xb1\xb6\xf8\xe0&amp;\xc6\xcb\xc8\\y4\x80\xbb\x9fM\x7f]sw\x9dq\xaeD+\xb65Y\xec\xf2u\xfao\xab\xd4u\xcd\xd1\x1f\xe1\x99\x8e4\x1d\xb1\xbfV\x9f-\x14\xadt\xe4\x0c\xcd\xe5F\xdf\x7f\x9d^\x86G\xb2"}\xd4\x13)\x90\xa6\x91I\x8288\x98CN\xbb\x05\xf0\x01z\x15\xde|\x8c\xdee\xa2\x83*\xee]\xdcR\xbcky}9\x83\xae\xd6s\x83`d\x1d\xb4\xf4\xa6\xf2\x9e3\x80\xe3?\x81\x88:L:Y\xb6\xc3r\x9f\x89\x1a\xbe\x10?\xc4\xe2-\x17\xd8"\x89\x83\x15D\xe4en\x97ig\xec\x16\xc1d\x00\xf8\xd2\x19\xd0\x91\'\x966\x8e\xc0\x88\xd8\xf8|\xeam\xdf\xb3I\x0b\xe0#`\xabBu6\xd5\xe1V@\xe7\xa9\xa7\xb9\x9c\xab\xcf\xfd\'\x17E\xd8\x01\x80\x11\x1fs\x0e\xfeM\x96l\xd5\xc6YQn\x8e\x1aN\x9b!j1\xfa\x90\xdd"\xd8F\xae\xda\x93\x18Re\xb2\\\x8e\x08\x8d\xd53\x98cO1`\xf1\r\xe6\xe4Y\x16\x1f\xff\xc82\xf4n\xbb\x1e\xf1&amp;^\x96\x11\xaf\xd2\xf4\xdd\xaf\xec\x16\xc2\xc1R\xecQ\x8cwp\x08\x03@\x9c\\\x1d\xed\x96\xc2\x85\x9f/\xcd\xa7\xec\xfc\x9fa\xdfF\xc9\xd2Zh\x97\x92Sa\xf4\xb5\xac\xd2\x08K\xde\xbaSs\xd7\x9el\xb7\x14\x0eV!\xff&amp;\xa6\xf7\xa9\x1c\x0e_2;n:]3\x11\xd1\xb5\x0f\xa8\xd8y\xb5\xddR8\xf8\x11\x81\x05\xba\xf3&amp;.\x8e\x9b\x04\xeb\xd0\xe9IW\xcf\xb42f\x19\x8a\x1e\x1a?o\x17\x8a\xa70\x93\xce\xb9\xf4\xc4\x9fR\xd7UL3\x00PP}\xcd"9D\x00\xc4m\xb1\xe3\xe4S\xb6Hb\x12\xd9|&lt;\x0fm?\xf1d\xaeZ,\xbb\xf7\xf6\xe3\xd1\xa2\x92\xe3\xd4\x0bgRe\x16\x85\x89h\xc3%t\x08\xdfo\x93\x03\x91\xb7\xbf?\xa2(\n)\xd7]\xe4\xde q\xfcu%M\xa0\xed\xdf9\xef\xdd\x97\n?\x9c\x11G\xe2\x90^\xb6Hb\x0e\xb1\xcb\xfb\xb8\xc2O\x80\xcc\xb4\xd7\xbf\xc8]{\x92\xca\xc4?M#\x8a\xaa\xe0[\xc3\xe1\x8b$R81\xd9\xb0\x8c\xfb\x00w\xdc\xd6{\xdee\xdd\x85l\xbe\xaa&lt;\xc4f\xd5]\xb2?\x91\xbc\x8e\xdd\x128\xf0\xb0#\x12\xbb\xef9\xf2#\xea\r\xdca\xb7\x14\x0e\x0e\x0e~\n\x93.E\xbcJ&gt;\x91\xc5:\x02J\xf9\x93\xc2\x88\xce\xc3\t\x07\x07\x01\x1b/\xfbO\xabv\xd0D\x88\x86\xb4A\r,\x13\xc3A@&gt;_V\xc6\xf9\xb4i7\xe1\xb8r2\x00\x94\xb6\xb1\x05\xf5\'\xaafA\xa1\xd2\x0c]q\x87b\x97\xf3\xbef\xcf\xd2\xdeQ\x1fu0\x8bH\xe9\x9b\xd9-\x82\x83V\xd2\xc4\xcb\xdb\x99\xeb\x01\x9a\x0cW\t?\xe5\x8dc\xe6\x17\xf1\xc8\xc3\x92\x08@\xc4p|T\xd8n\x01\x88\x88\xcauX\xee\x0c\xc0\x0e\x0e_2z{\x80\xb8\x94\xf8K8\xbb\xb1\xd8e\xec\x97\x8a\x92\x86\x98\x0fh4t\x8f\xa9\xe5%3\xb549\x94\xc2\xd6:8XM\x96*\x12\x01\n\xbf8\xa2\x87\x8a.\x05P\xf2\xda&gt;\x97#\xe23{\xff\xaf)\x8a\xf7\xd3\x90!f\x99\xf0fb\x9b\xdan\x01"\x08\x81f\x17\xe8\xcc\xfb\x1cl\'\x9e\xe8\x8a\xff\x060\xf6\r?\x03\xddg]\x10\\t\x0e\x92\xac\xc0}W}\xb3\xb6q\xf0K\x9c\xf7\xcaoq\x1e\x8d\x83\xdf\xe0x\x1c4\x9d4\xbe\x9d\xd6$\xf7UE\x0e\x14 x\xae\xef\xe4}\xe9\xdd\xf9\xd7\xe9\xe5\xbdQ\n\xae\xee7\xa4\xa8k\xb7\x04\x0e\x0e6\x11\xa5\x04\xc5*\xa7\x9e\xcc\xbf\xd9u\x9b\xeb\x90\x95#a\x9b\x03\x80\xd9\xfb\x7f\xf5AE\xf6"u+\xe3V\xf0\xb9\x18\n\xf8\x8d!\xb9\x92\x0f3\x07\x87/\x8d\x84&amp;\x94\xe18\xf0s`\xa3p\x93\xd9/#\xd8\xeeZ\xf4\xacm$\xd7\x97\x03\x97|\xe7{axD:\xfa\xa3\xfa\x8d\xf6\xf9Vg\xc6B\x8df\xfa\xb6F\x93\xe9!:$sppp\xd0\x82m\xbaT\x17\xdexu\xf8E\x9b\xcd\xb3K\x12\xd3x\x13\x9e\x95\x14\xfe\xf1\xad\xe4+N\xff\xad\xeb^e\x92R\x99\x11\x92\xa8PO\x1d"i\xc7\xd1 s0\x9b\xa0\x06\xf9\xeaM\xb5[\x08\x1f\x92\xa0\xb2\xdd\x128D\x14\x1c-A\x0f\xd1\xb2\xb4\xb6[\x04\x07\x07\x07\xf3\x89\x9c\xa1\xb9\xdd"8\x90\xeb\xc0"\xb0\xaa\xddb\xf8\x13\xe1\x7f\x00\xce\xd7u\xfaY\xbbe`"G\x8d\xf1v\x8b\xe0\x10\x11\xb1\xc4\xfb\x9d\xc5$\xa8bny&gt;\xec\xc4r\xf9\xaa\xa2\x08IN\x00\x96:\x86\xdbt%\x9c\rg)r\xd7\xf6\xdf@lG\x9e\xa8\xde\xcd\x1cV\xbc{\xfe6)\x01P\xb3\xf7f\xc5$\xe2\xe0Y\x06\xc9V\xa9\xeb\x1a\xb3\xcbtp "zc\xea\xfb\x95\xba\xf4`\xa9\x176\xba\x89U8\xe8\xc5t7\x0caL\xdf\xf3Z\xec.c\xdb\r\xff\xea\xbaU\x91\xf0\xb4\x1c?_\x17\xdf\xcb\xa1\x97l\x16\r\xc0\xfe3\x06\xc7\xcd\xdd\x89\x13&amp;e\x89\xferi\xd4\xa5\x95\xf2\x14\xdfh\xe8^c\xa29XA\xf8\x1b9\xec\xf5\xc35u\xe7\xff\x84A^\xa3\x95\xb2O\x9c\x08Mxp\xb1\xa9\xd0O:h\x86a \xd4\x12\xb1\x84\x8d\x9es\xbe\xcdUk\xa2\xe9\xc5ZG\xfe\x06\xd3\xd5\x92\x08,F\xa2P\xea\x86\xca\xf7v\xf9\xa9O\xad\xbe\xfa\xda\xa0`\x0eVS\xa1\xd3*\xbbE\xb0\x99\xa4E\xfa\x00\x903\x11LZ\xb8\xb7o\xc5\x89\xb0\x14k1\xdf\x87\xcb\x92\xa2\xdf\xfd\x89\xf5\x17\xf5U\x17\xa0\xf4\xa5s\x08\xed`\x94`\x13\x8e\xfd\xb8U~\xf4\xacm\xe4\x12\xbc\xf5\xa7m\x00\x07S\x89h~n\xa7\xee\xfc\x9f\xb9\x05\x16j&lt;K1\x18v\x80/}\xe6\x97l\xbd\xc8gu)\x11\xab\x9c\xcf:\x84\xd1\xeb\x1e\x0eZz\x93\x88\xfa-\xbc\xe6\x9b\x1a\x1d\x98\xf0\xc1\xe6\xf0\x89g\xe6\x94\xdfq\xf2)\xa2\xe4\xfe&lt;\x86\x01Xs^F\xbc\xe4\xb5\x01\xf4_x\xdd\x89\x8b\xec\xe0\xf7\x14f\rZ\xaa4\xa6z\x01\xe01P\xb1\xf3j\xf9$_b\xfc\x95\xc2M\xe7\xd8-\x82\x83\x83&lt;7\xfe\x0c\x1b\xcf\xfa\xcc\xbf\x92\xb9\xb2\xff\xc7\xa8\xb1PK\xc2\xc1!\x9c\xe2\x9e\xe8\xc7\xb0[\x10?\xc3\x9c\xc3\xf5hf\x14\x12\xe1\xe0\xd6j\xb9kO\xb6[\x90pL\x97ig\xbc\xfe\x8e\x10\xf1\x99e\x08\xa1$5\xed\x96\xc1\xef\xf8\xcd\x8f7&lt;\xbe0\xd2m\xb8\xa4\xffY\xb8\x07`g\xfbG\x05\x00\x8b\x8f}\xb0[\x8a\x08\x81?o\x96:\xf8\x8c$\x85{9-A7\xcf\x9c[\xe7/\xe8\xde\xda\xc9\x9f\xb2\xc4\x00\x00\t\xf2uMV\xa4\x8fr\xd2\x0c\xe5G\xe8\xad%\xc2\x10\xd5\x94R\x16|\xfd\x07Q\xc6;\xff8\xaf\x8f\x83\x83\x83\x1f\x12\xb98\xef\x8f\x88\xa6E\xe5?\x8cY\xf7\xc8n\x11\xfc\x91\x9a\xbd7[7/\x9f\xbd\xffW\x00\xab\xce~\x9e\xb1\xe7\xb5EUDH\x84\xd1\x03\x1d\x1c\x1c,!]S\xbb%p\xf8r\xc9\\y\x8c_\xb9F\xb0\x1a\x9f\xfeRcw6\xd8DI\xd8\xe91\xfb"\x99w\x9b\xa6\xecxaJ9\x0e\x11\x92t\xe5\x86\x8fZ\xfb\xc0n)\x1c\x1cl#Z\x96V\x92\xd7\xa3dlaq\xcd\xb6(\xc1\x055\x1by\xc0GU\x018\xff\x0b\xbey\xe95\x92-;\xf5\xc9G\xd5G4\xb2X\\\xbe9\xc7-\x02\xbe\x9c\x89\xad&gt;\xfca\xee\x7f\xf2\x85\xf3\x8c\xecD\xbe\x01\xd8\x16\x9b\xcf\x97X\xd6\xfe\x03\x01\x9c\xfa\x9f\xdf\xb5\xed\x9c5\xc3\x93\x17&amp;\x07\x17\xfd\x17]\x97\xf9\xa6\xb0\x95\xd5\xc66\\\x82\xef\\\n\x84C8_\xa7\xd9\xed\x15\xc2\xf6\x19\x809\xc4.G\x14\xd7n!\xf40v\xe3c\xbbE\xb0\x97\xf8\xe2K\xe7~1\xd4&amp;\x83\xcb\x0e\xddw\x1f\x9f\xfc\xb3aG*f\xb7\x04~\x8b\xe3\xe5\xd5$z\xcc\xbe\x18\x1e\xdd\x0e\xdbA!\xbb\x05p\xf8r\xf1\x83\xb9Wj\xa2H\xec\xa9+u]\xc3 s\x14\xa2\xccFd\x8a8\x0c^v\xcbn\x11\x1c\xcc%\x8e\xdd\x028\x84#\xd2\xd8-@8 v\xce\x0eDy\xed\x96"|\xc0\x1dk\xda-\x85\x83\x83\tXr\xe8\xeb&amp;_\xe3aN4\xa4/\x9dT%\x07\xda-B8\xa3v\xdf\xad\xfc?\xe3\xe7\rG\xb1\xe3\xc2\x19Q26gu2\x1a\xbe\t\xaao\xb7\x04\x0e\xbe\xc6\x94\xad\xad|\xf5\xa6\x1a/\xc4\xc1!\x1c\x01\x80(\x87\x19%%2\xa3\x10\t\x00T\xef\xb9\xd1\x84\x82b\x94!*jB9z\xd9{\xcf\xf4\x95\xb4?z\xc1,@)\xeb\x11\x11\x05VawV\xee\xa0\x89\xb6\x13\x8e\xdb-\x82\x90\xb2\xed\x97\xf3\xff\x9c\xb8\xf5\'\xbb$\xf1\x1f\x9c\xe3\x18\x07UZ\x8e9l\xb7\x08|\x92[\\~,\x8b\xcb\xf75\xff\x01\xa6\xf7u\t\xf2w5\xa3\x98\xd4\r(\xb2\xa3\xfde\tA\xa5\xfc}\xa3\xcf\x0ft=\xfc\x8e8\xb9:\xda-\x82\x83\x1f\x12Y_\xb6*\xdd\xd7QB\xd3\x83\xd1\xa6tT)5\x01 K\x15\xff\x8c\x91\x13\xa7\xbc\xdd\x1288880\x91\xb4H\xef76\xcd\x1a\xfb-\xbcF\x94Rk\xae\xf1\x9b\x7f\x94\xbalLe2R1\xa2l\x86J\xf8\x92\xe8=\xefr\xfdA;M)\xaa\xdd\x84\x13\xa6\x94\xe3\xe0\xe0@Dyo\xfe\xe5\xec\x01\x847\xb8\xb33\x9f\xa3w\xbbHb\xacm:b\xbf\x11I\xe2\xe7\xedLD\x9b\xafB\xe1t\xb3\xe3\x94ot\x94\xec\xf6?\x93P\xbfp~G^\x7f\xdc\xe7{\x0c\x00(\xdc\xc4\x89\xb4\xec\xf0%c\x8aZ\x8dC\xc4&amp;\xf7\xda\x0b \x8a\xa9#\xe77\xff\xd3\xecO\xadj\x8f\rl\t\xe3\x03\xe80\xe9\x94\x0e\xa9\xbe(\x00\xf8\xe3\x91\xf6\xff\x00Fg{\x9a\x1aPP\xa9\x81\xbc\x83\xcfh\x07\x1f\xa2n\xff\xed\xba\x04\xd4\x89?Nv\xec\xc6\x1f\xbc*:8\xd8B\xb6j\xe3\x88\x12s\x9f\x032\xb7"\xa2\x07\x92\xefB\x8a:\x92\xd9S\x97\x1ed\xe4\xf5\xd1\x91\x979}^\x00\xbd\xe6^\xd2!\x95\xff\x91\xb3\xc9\xf0}v\xcb\xe0k\xf2\x00\x88\x9b\xa7\x93j:\x00\xe2\r\x13yC\x94(\x12\r\xe8K\xb1w\xf2_\xdb5g\x00vp\x13\xcfn\x01|\xca\xcdOa-\x7f\xf5\xb9\xffH\xe3\xbb\x10+g\xfb\xfe\x8b\xae\x13\xe56]0#\xd4\xe9\xbf}\xcf]\xac\xbd`\x96e\x94?\xe08\x9e\x93\x01@\xbc&lt;\x9d\x19\x13\xd7\xee\xb7M|q\xeb\xf5/\xa4\xf7\xb7%\x88\x87\n\xaaGA\xce\xd8\x1c\xfe\xd1\xb3;\xfa\xc5\xb2\xe9\x8a\\\x83\xcfC\x94\x8f(\x8fj\t\xe37?5W$Ml\xbe\n\x00\xb9\xebL&gt;\xfb\xdays#0\xa9\x1br\xff\x03`\xf3R\xad\xc1q\xa8\x83o\xc8Ti\xb43\xbe:8\xb0\x11\xfb\x1f\xe7eq\xd0\xce\xfc\xc3\xbf\xc7\xcc\xd1\xcen)\x1c\xfc\x0f\x00\xdc\xb9\x17\xc7\x81\x07N\xff\xa2D\xf2\xa2}\xed\x16\x81\x05\x89\x185\x11\x85\xd4v\x0b\xe0\xe0\xe0\xe0`\r\x83\x96\xde\xb4[\x04\x131;\x9c@\x92\x9a\xe1d\xb7\xc0\xd9pvp`e\xe2\xd6\x9f.\xff\xa1\xff\xbd\xceQc\xbc\x89\xc2888H\xd3e\xda\x19_U\x95@\xe1\xbb\xc4\x85z\xfaJ\x8c/\x14]Z\xcdV\x07\xcf\x0e\x97\xf1\x92\xf9\x98kj\x91\xa4p/\xb3\x8az\x03\xb4\x9bx\x82\x12T1\xab\xc0pK\x94\x12vK\x10\x91i3\xfe\x18\xef\x05\xc8i\xa7(\x0e\xb28\xee\x03\xed%&amp;q\xae\xbf\xe3W\xb6[\x12\x07\x1e\xc9j5\x18\xbc\xbbt\xdb%\x16\x14\x1d`\x86\xa7wK\xc3\xd3y\x133{\xdbdE\xfa\x98\\h\xda\xc6&amp;\x17\x18\xa1a\xd79\xff\x92\xf8\x82\xa6\x14\xd6\xf4D\x0e.j\xf6\xd9lz\x99iC\x87\x98^\xe6\x17B\xf9N+\x1f\x00\x00\xc2\x95\xb1L\xf6\xacU\xbf\xb2\xa2\xdc@g\xcb\xdb,\x00\xe4\xa9;\xc5n)\xc2\'&amp;;\xaf\xf7\xc7`d\x0e\x11\x89p\xa1=\x90\xa9\xd2\xa8p!\xa7\x83:A\xa5\x06\xd9-\x82\n\'\x9e\xd9\xdc\xd4N\xbe\xf8\xb2\xdaz\x84~\xb7u\xb8\xb2+\xa0\xbb\xb2\xd89;P*6w\xc7\xe9\x9a\xea\xae\xc5\x81\x88(M#\xe6\xa4\xf1\x89\x82$\xbf\x98\xb6\xeb\xa5\x15\xab\xea/\x8d\xdf\xc2s\x07\xd2y\xeai\x9f\xd5\x15\x87\x88\xfe4|\xb3\x82\xcb\x0e5C\x18\x07\x07\x7fd\xddE\xe8\xd6\xfbx\xec\xf5r9\xe6\xf5\xfeFd\xbew-v\xac\x9f\xa1F\'J\x18N=\x9d\r[y\xb7@\x83\xe9vK\xa1\x93\xcdW\xd1\x8e9\xf4\xbbIQ\x84\r\xe3DA\x97\xc2\xb8\xd3p\x7f\xf4\xc6\xf5%\xe0\xd5\xbd\xc6\xab4z\xddC\xb5\x1cl\nY\xc9j\xe9\x16\xc9\xc1*\xe2U\xd2\x91\xe9\xcc+\xd1\x00\x9c\xa6\xa1\t\xc2x\x97HA\r\x88\n\x9b]\xac\x83"\xb15\x84\xf4U\x99\x87Y1M\x9b\xb2\xe3E\x84\xde\x9f4\x99\x11\xab\xbe7V\x80\r\xaf_\xc3!\xbb\x89tvL\x11\x8c\xe6\xa3\x0e\xb2\xb5v\x13\xfci\xe4\xae=I\xf1\xfb\xb4\xc6\xab\x08\xef|\xfd\xd8\x7f{\x9e&amp;\xc6\x82\x12:D@T\xfb\x0e\x1d\xfa~\x93\xb7?\xd7+\x8e\x83\x83\xcf0\xc7\xc1\x05\x80e\xa7&gt;\xe9\xcb\xfb\xbb\xf0\xed+\xaa\x908S\xa5Q\xb1suP,Os\xf4x\x87\x08D\x04\x9e~e\xb2[\x00\xa3$\x91\xfbBu\x006\xb4\x96MQ\xd7QI\xf5!I\xfc\xe5\xbc\xe1\xcbB\xd7\xb0\x17\xd4\x80seP\xac\xf9&lt;\xcf\xb5\x91k\xee+\xe4pv\x95\x1c\xfc\x8b\x18e\x18\x12%7\xa3\xa6@3\n\xf11\x89}[[H\xcfC\x8f\x9c\x0e\xc2v\xb2\xdb-\x80\x03\x13\x95\xba\xae\xd1\xeaK\x08@\xea\xd22\xc6\x08\xa9\xea9\xc3\xf3\x17H\x94\x8c-\x0c\x96\x90\xb0`w\x03\xb9\xf3\x1a\xac=\x1c\x13\xb5\xa4\x19\x1a&lt;b\xc2|h\xc8\xee\x86I&gt;u\xe7\xfdw0\xc2k\x80(\x91\xddR\xf8\x8e[\x7f\xe3\x89\xf6\x01\x18@\xc6\x8a\xa3\xac\x93\xca\xc1\x1c\x92\xd4 "\x00\xeb.\x9a\xde\xaa\xb3\x99Z\x9a\x15\x04[[|\x9aF\xe9\xcb\x0f\xb7\xb6\n\x06\x9e\x02y\xebN5\xa1\xa0\xed\xdfyu\x01%[-\xccZ\xf5\xab\x8d\x97\xb9\xae!\x80\xbd\x1c\x00\xb1\x8cDh\x8a\\\\\x7f^E\x16\x1cy\xc7}h&lt;l\xafEU8\xb0\xc0EGW\xe0\xe0\xc3p?\x87\x03@\x94\x9e-mA\x85\xaeJ\xd2\xed\x0e7\x00\x1b\xb3w\x8fc o\xc4\xc4\xeaS\x9bw@\xa2\x82=\xcc*\xad\xfd\xc4\x13D\xb4\xe3f\xb8\x7fStS\xab\xef\x16\xbbE`\xa5b\xe7\xd5&gt;\xaa)[\xb5q\x00:+z\xb7\x8f\x9b\xa7\x93k\xcf-iM\x1f\x89\xe5\x10\x1e\x88\x95\xa3=\xf7A\xb9\xfd\xc8\x91\xb5\xeaXS\xc5\xf1_b\xe7\xec\xe0\xec3\x99ML\xabo)\x80V_}mn\x99\x1d\'\x9f2\xb7@\x7f!^%\xa2\xa8!Mf\x1b.(\x84b\x84\x1a\x17G\r?1\xd9\x0f\xaa\x9f\xb3\xe6\x04Jm\xba\x89\x1b+\x16y\xe9tppp0H\xb5\x1e\x1b\xec\x16\xc1D\xf8A\xa2\x12\xd8%\x84\x1f\x11\xad\xb4\x19\xa5\x047\x91\xfb&amp;\xb0\x80\x91#z\x87/\x8d`\xbb\x050\x91T\n\xb6\x03\x0e\x0e6`\xa3\xd9}\xa2\xea\x9b.;\xbb/\xde$\xa9q\xcab\xf7\xc3Q\xff\xb1l\x7f\x86i\xe7\'%\x9b\x83\\\xc3\xf4\x9e{\xd97\x15El\xee3&lt;\xd3\x0bo\xbe\xb8\xd7\xd8\x9f\xf6\x8d\x19\xcf\xa7\xf5\x93$\xc4\xb4\xc0\xae\x0e\xde\xc4\xc9[o\xea\xeas\x9f\xed\x16\xc3\xc1\xc1lr\xd5\x9aD\x14b\xb7\x14_\x04&gt;\x19\x8d,\x1ff\xd8\xe1\xcc\x8d\xf4\xe66\xf9\x90\xa9\xcb\xb4\xb3\xe6\x16(Ef\xeb\xab\x90#\xa3}U\xebC\x7f\x00\x8f\x08A\x06\xa2\xa4v\xcb\xe0\xbf\x04\xc44\xa2\xd5\xac\x86?-\x0b\x1ctr\xf6\xb5\xe6\x878f\xfd#+$\xf1g\xae}p\x9a\xba\x83$\x8e#w\x07%\x82\x01|\xf7\x97\xd3}8H\x90\xae\xdc0+\x8b\xcfbe\xe1&gt;&amp;\x8az\x12\x07\xc34\x1by@\xe1\xdbI\xdb\x9e\xf9L\x12;\x91W\xe8q\x08\x7fhu\xd6\xa3\xb5p\x8bJv\x88\x108\xe3\x96\x83\x8986\xd0\x0e\x96\xc2\x16\xee\xccB\x92\xd7\x11\x84\rV\x1b\xbf#\xd2*\'\xbc\x90\xc3n\x01\xbe\x00\xd25\xb5[\x02\x1b\xc8Qc\x82\xdd"\x84W\xe2\xe6\xe9\xa47k\xd2\x18\xd9\xda\x9a)\x8a=\xa4\xb2[\x00\xed\x88#\x12\xa6m,\xf3,"Q\xefy\x975\x850\xe4\xd3w\xfe\x15#K\xd5\xb8\xb9;\xea\xcek\x0b\x00&gt;\x86\xdf\xa5y|)C\x05^\xa0\xf8\n\x9dV\xf9L\x16\x9bIP\xd9\x96jk\xf5\xd9\xd2b\xcca\xc3\xc5\xa4\x04\xe03+\x00Sp6\xb4B\xdb-eI\x16)\xbd\xf4\xfcL\xc7\x0cF\xab7S\x07\x1b\x89A\t\xabi\xcd\x037V\x08\xe4\x87L\xde\xfe\xdc\xff~\xaf\x86pR\xc6\x9d\xb3;\x18Aw\\B\x01\r\x06\xef\xf2\xb3F\xa8B\xaa\x92\x03\xc2\x97\xc0\x0e\x11\x91\x0c\xc3V\xde\xb5\xbe\x96\xa2Di\x00d\xa9b\xad\x03\xa8\x98\xcdG\x1d"JNTPC\xa6$\xe1\xde\xcd$\x80a+\xee\xd8-\x857\x89k\xd8-\x81\x98\xd8v\x0b\xe0w\x00\xa0\xa8%\xed\x96\xc2\x1e\x96\x9d\xfa\xd4l\xe4A\xbb\xa5\x88 \x98\xe3\xe5\xdf\xc1Zr\xda-\x80&lt;\xf1\xf2t\xe6&gt;\x00 Jf\xaf0"\xf2\xa9\x05\x99p\xfc\x1f98h\xe3O\x80\x17H\xcd(\xb1r\xb67^H\xa2B\xa6\x85@\xf09\xba"L;\xf8\x07\xe2p\x11\x91\x15\xd3\xc7!*l\xae\x04\x7f\xdcX\xc4}\xe8\xbb\xe0*\xf0\xd2\xcf\xf6\xa6\xae\x11\xfd\xa3\x98\xe0g\x1f\t"\x8f\xdc\x1d+\xd0`F\xa5\xaek|,L\x84$i\x91\xdev\x8b\x10\xa1\x88\x19)\x12\xfd\xb8IW\xd6\xfc\xe2K9s\x9a\xb0\xbc\xc8\x96=\xfc\xc6\xc6~a\xb7\x00\x0e\xfa\x89\x12%j\xf1\x96\x0b\xec\x96\xc2\x8d\xff\x1d\xa9\x86o\xce\xfe\xec\xdc\xccpJ^\xbb\x05\xf0G\x00\x14h8\xc3n)\xfc\x16\r\x01a\x1d\xbeP\xc6mz\xf2e\xda]8\x18\xe6Kq\xc5\xe7LC%\xa9?h\xa7s[\xbe\x1cr\xd5\x9eD\x14\xcfn)\xbep\xcc\x88\xdf\x14\x98\xbf\x9b\xf1B\xfc\x03\xc7*\xf7\x8b\xa0Z\xcf\r\'\x9f\xeb\x1fi\xa2ei\xddp\xc8n\x13\xe5\xf1\x13\x0e=B\xffE\xd7\xed\x96\xc2\xc1\xc1/\x88_\xb9\xdbZK\xfd\x0br\xeb\x80\xf4\xe5\x87[W\x85\x83\x0f\xf0\x81\n\xbe\xc3\x97AL\xbb\x05p\x13\xdf\x1e\xabq6\x02\xed\x16\xe0\x0b\xc1\xfe\xfb\x9c\xd7\xfb\xcf\xa2F\xca\x92\xdd\\\nj`\xa4X\x07\xdb9\xfb3\x00\x04dne\xb7 \x0e\x0e\xc6p\xbb:Ys\x1eD)\xec\x95E+\xf9\xebO#\n"\n\xf2U\x85\xc1\xbe\xaaH\x82j=7\x06\x97\x1d*\xf3\xa5\xbf\xf8\xac\xad;`\x87\t\xa5D\xcd\xd4\x92(M\xcd&gt;\x9b\x01\xcc\xdck\xbfJ\xb0\x83Q\xa2\x87\xdaXy\xd4L-m\xac\xdd\xc1\x81\x85pw\x14\xed1\xf5\xf49\xc9\x89\x8a\xd8T\xb5\x04\x0b\xbe\xfec\xfbwz\x9e\x1d\x006\x1d7\x9f\xeb\xc1m\xbb\x81s?{\x1c`\xa5\xf3u\xf5_01\xb2\xb7\xa5\x14u\xed\x96\xc2\xc1!\x02\x90\xda\xdc\xe2\x0e&gt;\x0cg#\xb4\x85\xf8\x85\x87\xd4\xdc\xe0\xa1#\x7f\xa2\x82\xbe0\x13\x8f\x92\xb1\xb9\xe6&lt;\xed\'\x9e\xf8U\xbf\xd2f,]\xb9\xec%\xae\xdd\x02\xb8\xc8Xa\xa4\x0fk\x0b\x87\x0e\xd0\x1d\x1clb\xc6\x9e\xd7\x92\xd7\x01\x10%\xf0\xad,\x11\x8c\\\xfa\xb2qC\xef\xeas\xff\xc5\xcbk\xd7f\x80/\xf0\x97\xc1)"\x91\xach\x1f\xbbE\xd0\xc3\xfdpbKS\xba\xcd\x92p!\xa7C8b\xdc\xa6\'\x9e\xcf\xad\xc7\x1d%"\x8aV\x8a\x88Z}u\x84(\x8fMB\x85+\xa2\x94\xc8Ys\xa2`\xdd\xf9\xed[\xfd]J\xf1\x16\xf3\x01\\\xfa\xddy\xd3\xbdY}\xee?\xbbE\xf0+\x12\xdb-\x00\x13e\xda/\xa3D\xd5\x89\xa8b\x97\xd52\xafDRn\xca\xf9Ox\x18\xdb\xbe\xc4\x018m#\xbb%\x08\xaf\xb4\x18}\x98(D\xf2\xab\x90\xc6\xb3\x892\x08.\x02 \n\x04P\xa1\xf3*\xd5\xc2\x01\x10\xc50.dxg\xf8\xaa{C\x96\xdf&amp;*\xc8wB\xd7g\xfe\x15\x03Ef\x15\xef?\x7f\x89/\xbe\x00\x00=\xe7|kj\x91L\xd1 \xaa\xf5\xdc\xc8\xdd\xfdB\x8dfR\xacr\xa6\n\x10A\xe1\x85)$"\x00\xa5Z/\x96&lt;S\xc9_\x7f\xda\xf4\xdd\xaf\xdc_\xc5\x17\xe4r\x1a\xbd?P\xb2\xd5"\xbbE0L\xac\xb2\xb6T\xab\xd0\x80%O\nW\x9c\xfe\x87\x92\xd7\x06\xf0J&gt;c\xb6j\xe3\xb8\x0f\x96\xc7\xeb\x8d]&gt;A\xbe\xae\xd6Va2i\xcd)\xa5\xccP\x00\x14\xa9\x18\xffb`\x81\xeeD\xe4?z\xd1\xd6Ro\xe0\x0e\x1ft\xbe5z1\xfa\x98M\x05\xa0J\xf7\xf5D\xe9\xad\x15(\\\x92\xd0\xa2r\xdd\x03p\x02\x8b\xca\xd7J\xe4\x0c\xcd\xec\x16\xc1A\'\xe1}&amp;w\xeb\xef0\xf9M\xf9-\xaf\x99\n1j=\x15\'\x97\x9f\x87lO\xc0\x98\xae`\xc3\x19\xd2\x01\xd1#0e\xdb/\xb3[\x04\x87\xf0\x82\xc9\x8a\xa9\x12\xa4\xa8cK\'\xce\xefy\x8d0`\xf1\rJ\xe3\xec$\x87KR\x97\x1a\xe4n{\x05\xb9\xc5\x80\xf12\x9b\x0c\xdfg\xbc\x10Uj\xf4\x96\\\xe1\x18R\xd2\x8c\x9f\xaf\x0b\xc5(\xa3f\xc3\x93\x8f(\xba\x91Z\xa4\x08\xbf\x118\xb4\x91\x8f(\xa9\x0f\xab\xb3\xd7F&gt;\x92\te\x18\x89\x94\x1c\xa7|\xd8\xe7\xb8\x15\x8d\xcbb\x1b\x89\xaaY:@\x06\xe6\xef&amp;\x8e\x05f5\xa3\xd7=4\xf1G\x05dn\x95\xb6\xcc\x10\x03\x05\xf8\xcc-\x83\x83\x17\xd7?\x00\xc0W\x1b~0\xb3\xd0\x80Rf\x96\xa6\x85\xca\xdd\xd6\x1a,!M\xe8`\x85o\x01L\xd8\xf2\xd4`\x15\xd2\x04\x94"JdI\xc9~E\xc3!{,\xae\xc1\xdc\xc9QV\xfdYc\x97WOc-\x11I\x89#\x8d\xdd\x02\xf8?\xfc\xc5\x87\xb6\xae\x04\xc0\xb1\xa7\xfe\xb9\x91\x1b~\xcd\xde\xf8\x8b*\xd9H\xbd\xdcY\x8c\xcc\x00\xac\xa7+s\x1f\xee\xe8_\xd21\xe8K\xdac\xe4\xf2\xc8\xf0O\x0bWD\xb3[\x00\x7f a5\xb9o\\\r\xdd\xd9\xfa\xb3\x0b\x9bTo,\xc2\xfe\x80\xcd\xc9\xeb\xd8,@\xc4$\xa4T\xeb\xc5\xba2\xe6\xd4\xb1A\x92\xb3\xe6D\x00\'\x9fC\xbf\xca\x92L3H]Zia\xea#b\x95%\x8ajn\x91\xf5\x06\xee\xec9[V\xf9w\xe3e\t\x05R\xa2\x8c\xe6\xca E\xe2\x12\xfe\x13\x1b\xd8_IID\xc3V\xdc\xb5\xba\x9aD\x85z\x8e\\s\xdfx9\x85\x1a\xcf"\n Jn\xbc(S\xe8:\xe3\x9c\xbd\x02\xdc\xf9\xd7?\xd7|\xd6!4\x8c\x89\xf0\xf45d\xaf\x12\x86\xf2\xad3\xb0\xe3\x00\x00 \x00IDATXX\xbc\xe5\x02\x99\x03Q\xfa\x19X|\xec\x83)2\xa8r\xf3\x93\xcb\xc1S\x8c\xec\x8c\x1a\xd4\x11\xc4_\xe1\x9d\x7f!i\x98\xb4\xe4\xf8G\x83\xf6\x9c\xdc-\x15\\l\xf5\xd5\xd7\xd1\xb2\xb66R\xac\x83,\x89\x0b\xf5\xb4[\x04!\x00\xa6\xecxa\xbc\x1cn\xc0\x8b\x99\xa3\x9d\xf1\xa2L!M\xe8`\xb9n\xcbW\x02\x0c!\xa2\xba\x03\xb6\xdb(\x83Y4\x1aj\xecd\xc7qe\xaaN\xb0\xe4U\xe9\xb19\xa0\x14\x11\x05\x95\x1a\x08\xc0\xe5\x7f\xc3z\xfa.\xb8\xaa\xdf\xba\xcf\xdb\xb6\xd0?\x91\x9b1\'\x0e\xe9I\x89d\xb7*-\xc0Q\x980\x95\xf6\x93NV\xeb\xb9\xc1\x96\xaa\xe3\xe7\xed\xa2\x9a\xe6\xce\xbf\xb0@\xeb\x8f#JqS7:\xb4\xbf\xfc\xf6E\xf2JT\x8d\x88.\xfd\x0e\xe3j#\xd6\x90LS\xea&lt;u&amp;\x1b\xa9\xcc\x94\x19\x9eI\xf8\xc8\x1a0S\xa5Q\xee\x8f,\x8b\xa4L\xd1\xb2\xb4VN\xc1W\x0e\xea&gt;\xf3|\x8e\x9a\x13\xb8\xe1\xd0g\x030\x11\x8dZ\xfb@\xd7\x00\x9c&lt;G\x8d\t\x06\xabNUr\x80\xc1\x12T\xc9_\x7f\x9a\xf8\xe2\x81\x87(\xdb~\xb9\xd5U\x87[\xa2\x97\x0e\xefVz\x16\xe3G\x11B\xcce\xd7m\x14n2[9\r\xd7C\xa5.=\xc87"I\n\x1016\xa2G\xaf{h\xb7\x08\x11\x99\x8a]V3\xa4\xe2\xcf\x99b\x10e \x8ag\x95@\xf2\x9cz\xa1\xde\x9e\x93\x84\xf4\x12\\\xf9\x04n&amp;\x9a\xcf\x1a\xa1\xc27\xaa\xfd\x98\x89\x0cY~\xdbx!\x82s\xf2\x88\xa4\x8b\xcb\x8e\xcf\xc3Q\xf9\x1b1\xd5\x95\xa4f\xed\xe7\xe2w\xe0\xcc+\x1bF\xc1\xea\xbd6~\x04\x8cn\xde:\xf85\xb9\xed\x16\xc0\xd7\xf0V\xf6\x92D\x96\xbc\xdaj\xec\x11J\xdd\x90\xb1\x8a3\xaf\xc17\xdb\xcbSw\n%\xa8\xcc*\x1f\x13\xe68\xbd\xf2FV\x11\xdd\x9fHI\xa9\xea\x1b/%\x93\xf1",&amp;&gt;QQ\xbbe\xb0\x14\x93u\x05-\x85\x1b\x83?\xf8|\xa7\xa4|\xa7\x95\xbb\xef\x84\'\x8f\x98\xab\xce~\xd6\xbae\x12\x8e~\x9d\xb9t\x9a\xf2\x8d&gt;\x8f\xc1CW\xdc1]\x98p@\xa4b/\xd9\x9bJ\xe4b\x1d&amp;\x9d&lt;\xfc\x83\xfb\xdd\x89g\xa6\x8f\x81\xc3?\xb0\x89\x91\xb2\x1e\xe3"\xa7|\xa7\x95&amp;9\xbe-h|\x14\xcfTi\xb4a1T\xf1?\xfb\x90\x14\xc5\xfa\xf1\xfe\n\x9a\xbe\xfb\x15\x8b?t\x07\x131\xe6?\xdd\x02\xa2\x14\'\x8a\x17\xae]R\xab\x9eJ\x12\xd1G\x80\x88b\xe7\xec`\xb94~\xc6\xf9_1l\xa5\x1e\x0b\x85\xdb\xff\xe8n\x0f9\xd5\x12\xe426\xef\x0f"*d \xbb\x12\xfd\x16^\xbb\xf0\xab\xb6\x1f^\xa2\xe5B\xd3\xaa\x8fRBk\x0e\x00\xec\xe6\xc8&gt;x\xcd\x13\x16\xec\xee}\x94\x96\xd9\xd2\xea\x941\xe4\xd2\xfa\xeb\xc7\xba\xefT\x1a"R6\xcc\xfdj\xc3\x0f\x93\xb7?\x8f\x18\xc7~\xf6\xe0\xb7\x1e\xb5\x824o\xdd\xc4\xcc\xde\x16@\xc4X\xf1\xe8\x1bb+u\xb1\xdb\xf8\xd82R\x16\xefo\xb7\x08B\x00L\xde\xfe\x9c-\xad\xd4Yl\xcc\xb2\x96F0\x1c\xb0\xe8\xba5\x05\xc7Q\xfa2^\xc5\xacU\xbf\xcaYs\xa2\x95\x9evb$\t\xe9\xe5\xe33\xc1\x02\rf\xf8\xb2\xbap\xc3\xf8\xcd?\xb6\x18}\xc8\x82\x82\xfd\xc5\xb8\xd6\xc7\xf4\x9e{\xd9\xc75\xcaY\x0f\xaf\xff\x16D9\x98\x8b\x89LD\x14\xbf\xf2?\x00Q\x01s$\xf3\x11\xa9\n7\x99#VZ\x1e\xb2\xec\x96o\x9d\xbc\x12\xf3X\xf2e\x92\xbb\xe1\x90\xdd\x82K\xfe\xb3\xd7\x92\xb1\xe2H\xcf\xe7X9\xda\xf7b\x0fC\x17\xb5\xa4%\x02\xc9\xae\xd9L0\xf8\x01\xf0\x83\xf4\x9dg\n\x97\xa7\xc6\x17\xa7d`\tQ3\xb5$"\xa2$6\xcb\x11\xde\xf0DO3\xce\x9as\xffQ\xf2\xda\xaa\xc9\xce\xbc\x92\xddMb\x8f\xe0\xe6\xd9\xbc\xf5\x9f&gt;Q\x13!\x8d\xbd\xd42cdk\xc3Eev\xf0\x13~\xb2\xe9h\xa3\xeb\x8cs\x9b\xaf\xaa\xd7\xdbd\xc4~\xa2,D\x143{\xdbs\xbf\xf8L\xce\xa4D\x85\xd9S\x83\x87\xa1j\x13U\'\x8ae\xa8\x04""\xdap\t\x00v\xdf\xf1\xe1c\xcdUk\x92\xef*\xb3\x89\xfa\x83v\x85\xeb\x83@\x01\x83\x96\xde\xd4\x98\xc3\xaaS%Mp\x8f\xe0\xfaG\x86\xa7\x10#T\xf6\xab\xc8\xc5s\xd6\x9c\xa8\xad\xe2\xe0\xc6\xda\xd2\xfb\x944U\xba\xaf\xa3\xb4\xea\x12&amp;.\xd4\x93(\xaf\xf5\xf280\x92\xe7\xfa\x07\x1c\xff\xc9\xdc.\x85u\x87\xd6?\xbb\xb2\xc2Mfk\x15\xcc\xf8\x00\x1cX\xa0\x9b\xa7\x84W@\xb5\x9e\x1b\xc4\xf6WZHn\xca@\xee\xc0\'\x939\x93,\x07\x83\x04V5^\xc6\x89\xe7\x18\xbf\xf9G5\xa7%\xe1I\xfb}\xdc\xa6\'\xe1\xaae\x16\x06\xd0b\xcca\xbb\xc5\x90\xc1W\x9b\x04\\\x7f\xd2e\xda\x19\x13\xcb\xccU\x8bef\x19\xeb\xea{&lt;2\xbb\xc1$,\xc8\x16\xac&gt;IM"\xaa7p\x87i\x15\x07\xd57\xd29\x7f\x80,\x06\xfdS\x1a\x04\xc0\xdb\xf0\xf4R[I\xa5\xaek\xbe\xb0\x01\xd8\x16\xf3\xa4\x98D\xb9\xec\xa87"\x90\xbf\xfet\xc6\x94\\3NWn\xb8\xa5\xf2(\xd0u\xc69\x00\xba\xd5\xf4\xb2V\xfd\xca\\y\xec\x82{\x10&gt;18\xf1\'\x12T!\xa2t\xe5\x86\x99X$s\xcf\x9c\xee#\x90\xb9\xf2\x18\xee\x8f\x02\rgp\x19/\xbe\xf1\x1aw\xdf\t\x86\xe1\xc45D\xe5\xa8\xab\x0f\'\x0e\t\xf3U&lt;m\xd7K\xd6_\xc2\x03\xc0\xe9\x97\xb6\x0e7\x0b\xbe\xfeC\xf6\xbb\xe8\xa1\xbe\x93\xc3\x8d}\xa3\xaf!uq\xffD*\xaa\x8f\xaay\x86&amp;\xfcb\xcf\xdc\x0fqGn\xf1)\xbc\x1a\x83\x89\n\\{o@\x00fG\x10\xfeM!\xae\x7fg9\x8be\xc6coc(\x12\xdf\xda\xf3.\x91X\x0c\xd84\x92\xf1\xfaG\x10\xc5\xc8Vm\xec\x82\xaf\xff\xc8Pa\x849\xa5\xcaGC\x8f\x99\xbd]\xb9\x0e\x1e\x0f\x94\x99j\xf6\xd9\xcc}*\xd2t\x0e\x00\x85&gt;Gag\xfb=@\xf1+)K\x94\xb4H\x1f\xde_\xea&gt;\xa6\xee\x8bj\xd9t\xc5\xee\xc5\x1e$\x02&lt;Q\xab\xb1G\x88r\x0fX|\xc3\xea\xda5\xd8\x9b;\x18\xc3\x7fu\xf1\x03J\x85\x97=\x8f\x9a}6\x03\xa0X\xe5\xec\x16D\x1a\x00\x94\xc65p\xbe\x03\xa2dl\xae\xb5\x84|\xf5\xa6r\xe5\xe46\xe6\xce\xda\x14\x1a\r\xddk\xbca\x18\xdeT\x13\xf6\x8d|"\xa5o\xa6\xb5\x93\xdcu\x1b\x94\xa8\xfa\xeas\xff\xb9\xa4\nj`\xc6\xf9\xb4\xd0W\xf9\xf5\x0f \xa2\xddw5\x19#\x98\xcf\x16\x86y\xcf\xe9\x97\xae\x07$\x98\x88T\xee\xb6v\xe2\xb6g&amp;\n\xf3\xdd_\\hH\xcb\xd1\x16\xfd\x9b(\xa1\x96\xd6\xc9\xf9\xd5\xfaB\xed|$\xc9^}\x9c\xbe\xad\x82\xec\xd5MSZ6\x1d\x0bf\xe5\xe1\x1eOW&gt;\xff\xf0\xefv\xcb"\xcd[\x80\xa2j\xf6\xa2\xc0g\xd9\xa9O*\xa6\xa2&gt;\xa4\xc1\xe0]c7&gt;6\\L\x16\x00W\xb5o\x06\xcc;\xf4\x16@\xa4\xf4M\x15\xd2\x04\x97\x1d*\x08a\xd2`\xb0\xd0\xdeI\x84u!O|p\x98\xcan,\x94\xddm\xcc\xc2@\xacr\xdc\x9b5i\xfbso\x87\x1e&amp;\x0e4\x91&amp;m{F\xb1\xcbk\xcc%\xa5\xc2\xb2\xef{\xf3\x87\xf1H\xe9\x9b\x99^\xa6\x7f`\xb9C\xf3\xb6\x13\x8e\xdb;\xcdtc\x8b\xb7\x97`;*\xb5\x85B\x9e\x018J\xc6\x16\x96\xd5R\xf8\xc8\x13\xa3ow\x99\xf6\xcb(\xad\x92\x03\x9c\xf0\xc2\xca3\xff|2ckd\xe5\xe9\x7f\x88\x12j\xcd\xc5=\xeb\x96c\x0e\x87\x17UA\x00Zw\xc5S\x95\x1cp\xf3\x93\x86;\x1c\\v(K\xb2X9\xdaI-\xea\x94\x1e\x81\xc2^\xb41\xe2\x12\x11\xc5*\x9b\xa4p\xaf\xd5\xe7\xfe3\xa1\xbc\x9a}6\x97\xeb\xb8\xc2\x84\x82\x1c\xd4HV\xb4\xaf\xcf\xc2\xb1\x85\x11\xa9\x98\xfcw\x91\x89\xa8\xf3\xd4\xd3~\xac\xa7\x16\x9d(\x91\x7fLG,\xc1u\xe7\xe3\xb3;\xbbO\xaa\xedIE+\xad]\xa8\xf0\x8d\xa5:\xa8U\xbb\xaf\x07\xb0\xfc\xd4\'\x1dyO&lt;\xe7\xde\xb2x\xc3V\xde\xb5\xcc\xe5\x85\x1e\x00\x10\xa5\x13_\xf7v\xf1\xcb\xc4\x0b`\xf97\x7f\x9b!\x94\x18\x91\x9b\xf4\xc8\xc5\xe5\x92\xe6\xaa5\x91?\x00\xf7\x9a{\xc9\x1a\x91"\x14\xa9\xed\x16\xe0\x0b\xc5\x8fG_\x17%[-\xb2[\x04\xab\xd0\x15\xe87|\xac\x9f\x84\x04\x94*\xd6|\xbe\xddB\x18e\xd0\xd2\x9bC\x96\xdd\nm\xb7T\xfcU\xb4,\xad\x18\x0b\xd9x\x19\xe1C\xd90f\x19M\xc9\xaf}\xb0\xb0\'\xc9Tq\x94g{\x0c\x80\xe2Nd\xfc\xeb\x1f!\xc0"\xa9\xfc\x85\xc6\xc3\xf6\xdaY}@);k\x0f\x9f\xdc\xf9\x17\xb1r\xb6\xb7[\n}d\xb0[\x00\x07\xd3\xc9@\xb1\xfdT\x13\x8d\x89\x18e\xd8\xd7\x8b7\xfe\x04\x801\xeb\x1f}\x0f\x00\xa8\xd1{\x93r\xfa\xb2\x1d\x96\x1b\x1cB\xc2\xed\x08\xe4q\xbf\x9a\x98sY\x938\xa4\xe7_\x00\x80\t[\x9e\x8aSG\xcb\xd2Z8\xf0z\x06\xe0\xe4u|(\xb6P\x85M\x13!fI\xe1@D\xc7\x9f\x19o\xfaV\x84\xcfLl\xf8\x9d\x94\x8cF\xee4\x1e\x87\xf0\x85v=\xa38\x15\x14\xbeLWV\xc9R\x16\xc0\xa2c\xef%G\x88AK\xa4\x9d\xdc\x99\xbb\x86\x0b*9\x90(u\xac\x1c\xc2\x99\xf7\xda\x0b\x18\xb8\xf8\x86\x0f\x14\\\xf4\x92\x80\xa2\x97&amp;\xa2\x11\xab\xbf\xe7\xdd\x90`\xef4A\xfb\xbe\x97\xba\xb3\x00\x00\x8f!\x93E|\xfd\x18\x9c\xfbO\xa3\x988W\xb2q\xda\x05\x80(\x95]\xb5\xdb\x07\xeb\xd2\xb0\xcf\xfc+KN|4\xbd\xfa\xbf\x80\xd1\xeb\x1e~\x0e\xaf\xd3\xed/\x02\xc0G\xb6\x13Z\xc9Sg\x8a\xe0J\xa1\xc6\xb3\xec\x10D\x9a\x86Cv\x030\x10S(Pvp\xe0/\xd4\x04D*\xb6\xfc\x9b\xbf\xad\xee\x93{\xcd\xbd4c\xcf\xebu\x17A\tM\xf0X\xc7\x8a\xb6\xf8f\xb9\xfa-\xbcF\x94\xa2\\\xc7\x15\xf2\xb7K\xe9\x0eo\xb9fu\x9bw\x8ePyt\x9by\xbe\\\x07#\x9ae\x9aU\x1cMd\xd4\xda\x07\n\xdf&amp;*\xd4S\xee\xab\xc8\xacf\x9aA\x00\x9e\x9b;L\xa6mLD\x0f\x81\xfc\xf5\xa7\xe9\x08\x1d\xe8\xe0Kl\x9c\x19\xb3c\xe2\xb2\xcf\x14*w[\xabO\xa4Qk\x1f\x00\x98\xb2\xe3\x85\'o\xd3\x11\xfb\x17\x1f\x17\x9dR\x02\x00\xd6_\xf4*\x1f\x80\\|\xb0/\x8de\xa7&gt;%.\xd4\x93(\xbe\xd7\x00\x9c\xb4\x16?\x8d\xc2\x00&lt;p\xc9w\x12\x85&amp;\xacFD\xaa\xde9, \xb6\xcfkTD2\x9c{\x16\xb7\xef\xb1/\x8d(\x99\x14\x8dR\xe44#\xb4\x98\x0e\x03 J\xa9A&amp;6\xd2\x84\x0e6\xbd\xcc\xde\xf3\x14B"\xa6\xe0+\xf0\x0b,L\xd2\x977\xc9_\x8f\x83U\xf8\xdc"\xc00!\xda\x17\xe5\xbbn\x8b\x87\xed"\nCE\xbf\x85\xd7&lt;\xe9\x06J:\xe5\x08\xac\x12~\xdavt\xa2\x02D\xf9%\xbf\x8b\x9b\xa7\x13{A\xd9\xab\x8f\xdfu\x1bD\xb4\xe7.o\x00\xf6f\xd3\x15\xd9\xbbZ\xad\xc7\x06\xa9RCbfo\xe7\xfb\xe10A\xbe\xae&gt;\xaeQ\x85\xf3\xbe\x8b\x99e.1m\xaaW\xc9\x99\x0e\x11\x11%\xf2[\xe7J\xd6!j\xd6Y\x88\x82&amp;n5\xd3\xf7\x8d\x7f`\x8b\xc7o\x07=\x14o\xb9 f\xf6v\xa2\xcb\xc1\xdc\x82X\x0e\xb5R\xc3M\x90\xda?\xb8\x00\x7f\xa9\x1b\x98T\x9ek\xc6&amp;{\xa0\x1b\xb5\xe4S\xd9[j\xf2\x89\xa4\xd4cu\xf0\x11\x9e\xb0\x97\xf6x{n7\xe1\xb8\xe2\xf7\x12Q9[\x8f=\x1a\xbe\xb5L\x1d\x1c\xc2\x1b\xd9\xaa\x8d\x95\xb4\xf0\xfeSa\xec\r\x1b\x80\x03\n6\xf4WW\xaf\xcc\xa4-3\xc4\xd4\xf2$\x15?\xbdH\x12\xd2\xeb\xc2\xaf:\xe64:)\xd1r\x81E%K\x13/Og\xdd\xe1P"\x16\xd1\x88\xa8\xcd\xb8\xa3v\x8b\xa1\x81\xa6#\xf6[\xb7\xf5qBQ\xafg\xc3%\x86\x17 \x01\xbb3\n\x07\x870\xb2V\x1d\xeb\x8e\xa9g\x1al\xf1\x01U\xd8sW\xba\xd9\xab\x8d\xbf\xfc\x01#\xa9d\t\x1c\x7f\x01\x14\xc9D\xa3\xf0h\x9as\xc4\xab\x94\xa2\xb8fg\x1d\xd6\x01`\xd5\xd9\xcf\xe2\x9b\xd9f\xfc1\x8bj\xbc\xf2\xce\xb7{\xb7\x85\x9b\xcei\xab\xf2c\xe2*~\xeb\xbfT\xec\xb2\xda\xd2\xb9\x92&amp;*vYmn\x81U\xba\xaf\xb3\xf4\xd7)\x97\xcc\xf2\x96\x1a\x0b\xa6\xed+\x94\xdc\x8a9X\xcb\xc4m\xcf&gt;\x03\xa3\xd7=\x14}\x13lAm\xd2\xc7\x96\xecpZ\xd3\xbc\xf7"\xcc\xf3F\xbf\x85\xd7\x18\x07\xe0\xdb\x7f\xcb\xbcV\xc1M2</t>
        </is>
      </c>
      <c r="E205" t="inlineStr">
        <is>
          <t>&lt;class 'numpy.ndarray'&gt;</t>
        </is>
      </c>
    </row>
    <row r="206">
      <c r="A206" s="1" t="n">
        <v>204</v>
      </c>
      <c r="B206" t="inlineStr">
        <is>
          <t>steps_per_sec</t>
        </is>
      </c>
      <c r="C206" t="n">
        <v>3000</v>
      </c>
      <c r="D206" t="inlineStr">
        <is>
          <t>5.3774276</t>
        </is>
      </c>
      <c r="E206" t="inlineStr">
        <is>
          <t>&lt;class 'numpy.ndarray'&gt;</t>
        </is>
      </c>
    </row>
    <row r="207">
      <c r="A207" s="1" t="n">
        <v>205</v>
      </c>
      <c r="B207" t="inlineStr">
        <is>
          <t>Loss/localization_loss</t>
        </is>
      </c>
      <c r="C207" t="n">
        <v>3000</v>
      </c>
      <c r="D207" t="inlineStr">
        <is>
          <t>0.006216345</t>
        </is>
      </c>
      <c r="E207" t="inlineStr">
        <is>
          <t>&lt;class 'numpy.ndarray'&gt;</t>
        </is>
      </c>
    </row>
    <row r="208">
      <c r="A208" s="1" t="n">
        <v>206</v>
      </c>
      <c r="B208" t="inlineStr">
        <is>
          <t>Loss/classification_loss</t>
        </is>
      </c>
      <c r="C208" t="n">
        <v>3000</v>
      </c>
      <c r="D208" t="inlineStr">
        <is>
          <t>0.20891245</t>
        </is>
      </c>
      <c r="E208" t="inlineStr">
        <is>
          <t>&lt;class 'numpy.ndarray'&gt;</t>
        </is>
      </c>
    </row>
    <row r="209">
      <c r="A209" s="1" t="n">
        <v>207</v>
      </c>
      <c r="B209" t="inlineStr">
        <is>
          <t>Loss/regularization_loss</t>
        </is>
      </c>
      <c r="C209" t="n">
        <v>3000</v>
      </c>
      <c r="D209" t="inlineStr">
        <is>
          <t>0.033988427</t>
        </is>
      </c>
      <c r="E209" t="inlineStr">
        <is>
          <t>&lt;class 'numpy.ndarray'&gt;</t>
        </is>
      </c>
    </row>
    <row r="210">
      <c r="A210" s="1" t="n">
        <v>208</v>
      </c>
      <c r="B210" t="inlineStr">
        <is>
          <t>Loss/total_loss</t>
        </is>
      </c>
      <c r="C210" t="n">
        <v>3000</v>
      </c>
      <c r="D210" t="inlineStr">
        <is>
          <t>0.24911723</t>
        </is>
      </c>
      <c r="E210" t="inlineStr">
        <is>
          <t>&lt;class 'numpy.ndarray'&gt;</t>
        </is>
      </c>
    </row>
    <row r="211">
      <c r="A211" s="1" t="n">
        <v>209</v>
      </c>
      <c r="B211" t="inlineStr">
        <is>
          <t>learning_rate</t>
        </is>
      </c>
      <c r="C211" t="n">
        <v>3000</v>
      </c>
      <c r="D211" t="inlineStr">
        <is>
          <t>0.07999944</t>
        </is>
      </c>
      <c r="E211" t="inlineStr">
        <is>
          <t>&lt;class 'numpy.ndarray'&gt;</t>
        </is>
      </c>
    </row>
    <row r="212">
      <c r="A212" s="1" t="n">
        <v>210</v>
      </c>
      <c r="B212" t="inlineStr">
        <is>
          <t>train_input_images</t>
        </is>
      </c>
      <c r="C212" t="n">
        <v>3000</v>
      </c>
      <c r="D212" t="inlineStr">
        <is>
          <t>[b'640' b'640'
 b'\x89PNG\r\n\x1a\n\x00\x00\x00\rIHDR\x00\x00\x02\x80\x00\x00\x02\x80\x08\x02\x00\x00\x00\x83\xaf^t\x00\x00 \x00IDATx\x9c\xed\xddu\xdc\x14\xc5\x1f\xc0\xf1/\xdd\xdd!\x9d\xd2\r"\x8d\n\x02\x12\x82\x8a\x804*\x8a\xa0\x18\xd8\xd8\xa2\x82\xd8\n6*\xb6\xd8-vw\xb7bw\xfd\xec\x9a\xdf\x1f{\xb77\xbb;\xbb;{wO\xfay\xff\xa1\x1b3\xb3s\xf7\xf0\xda\xb9\xd9\x9d\xf9\x8e\x88\xb4?\xff\xbe\x9fEWq\xd8\'J\x89\xb5g\x7fT"UE\xca9\xbb\xbb\x1dq\x9b\x88\x88\xf4M\x9dn0\xc1M\xa9\x94\xba\xea\x19\xf5\xca\x1fJd\xa0\xb3\xab\x94r6\xdc\x04\xfa\x86/\x81\xbb{\xcd\xf3Jej8\xc8\xf9\xdf\x82\x93\x1f\x8c\xa8d\xc4\xb5\x9c\xed\xb3\xee\xfc\xde\x98\xe5\xc1OC\xbe\x8az\xe3".\xe7Zr\xc6S6\xc9\x8c\xb6$\xf9+\x88\xd4\xcb\xfaBI\xa9d\x15\x03\x00X{\xf4K\xcf\x1dV)%\xd2\xe0\x9a\xe7M\xb7\xddF\x93\xdc4\x8f\x7f\x9dJ\xb0\xfb\x91\xb7\xc7\xde\xa3\x83\r\xe1\xc7\xde\x16Q\xa4\xbevv\x90/\xfb\xado*\xb7M}\xed/%"\x8f}eh\xc5\x95R\x0bW=$"\xadF\x1e\xee\xab\xd2\xa1\x17\xbd\x16]C\xb3\xbaV\xedn\xe9\x96\xaf\x06\xb8\xf5\xc8\xc3\xf3^&amp;\x00\x94&lt;\x9fE\xde\x01+w\x9e\xe7l\x14\xca\x8d\xb2\xb1\xe1X\xab\xe9\x92nS}\x1db\xa9\xbb\xa3RJ\xaa\x8c\xcc\xb2\x86\x15\x86X&amp;\xa4\x91pd\xf5=t\x10\xa9\x9e\xff\xaa\x00\x00\xc2\xf5K\x94\xda\xe6\xe6\xee\xa6\x19&gt;o\x9d\x88\xd4\xee\xbd\xf8\xc6WT\x8d\x1e{\xa6\xcfWvS\x0e\x9eu\xae\xb7\xc0\n"2p\xf7\xb3lj\xb2d\xed\x93\xbe\x8b\xbaE\xb5\xdd\xee\xa8j]\x17\xda\x14\x12\xaf\xd6\x0e\xf9)\x07\x00P:\x8c\xde\xf3\x12w\xbbv\xef\xc5\xbev1\xd0L\xb6\x14\x91\xfe\xd3\xcf\xb0)y\xfa\x91\xb7\x87\x9d:\xe0\xdc\xe7\xb5\xbd\xca\xfa\xa9\xaa]\x16\xc4\x96\\\xbb\xd7\xe2\xb0S\xb9w^\xf5\x06\x98\xae0\x00\xa0\xa0\xecw\xe6\xd3\xd1\t\xb4F\xa8Uf\xc8U\xbcVv\xadW;\xeb\x02S\xc6\xec\xb3!:\x81}\xab\xf9\xcc\x8f\x86\x94J\xa9\xdfi\x80\x01\x00\xf9\xd6?\xfat\xd6M\xce\xecc\xef\xc9.cv\x86\xcf_\x1fv*/\x9d`w\xfb\xb2\xc7\xff\xcd\xb14\x00\x00\x8aJ\x9f\xa2\xae@\x8c\xc6\xdb\x1c\x108V\xe3&lt;\xdf\xac\xad\x12(z\xca\x16\x00\xa0\x90\x1c\xbc\xee\xe5\xa2\xaeB\x02\xd1\x1d\xd9\xd1\x8b.\x0e\x1ck\xe5\xfco\xe4\xc2\x8b\x12^j\xc0\x1e\xc7\xdc\x9d0K\xb1R-\xfcT\xa5\x02\xbcl\xb9\xc1\x05X8\x00\x94V\x1d\xc7\x1eS\xd4U\x10\x11\x192\xe7\xfc\xb0S]&amp;\x9cP\x88\x15\xa9\x9b\xdf\xe2\xdc\x91\\\x15:\xcc\xceo\xc9\x00\x80R\x85\xd1Fy\xa4\x94\xaa\xd2e\xbev`\xe0\xc97|Z\x10\x17\xdaq\xc9\x95\x05Q,\x00\xa0\xc0\xfd\xa2\xb5\xbbn\x08\x8e\xff\x92V\xce\xff\xf2\xf8\xfb#\xdd\xf7\xedW\xa3\xfb"\xe7\xc8\x9c\xe3\xee\x95\xe6S\xf3U\xbe\xa6k\x01\x94\x99X\xdd\xbe\xfb\x16u\x15\x00\xa0\xa4QJ\x95k7\xb3\xa8kQ\xf4\x1a\x0eX\x96\xc7\xd2\xb4\x18^5\xdd#\'^\xfb\xd1\x8f\xc5\xe6\x19\x83\x1ee\x0c\x00\x80"\xb3\xf1Y5~\xe9\xc6\xdc\xcb\xd1\x03g*\xa5f\x1e}\xa7{|\xd9\xd9\xcf\xe6\xbd\xc1\xcb\xba@\xdfb\x15\xc5\xd0\x8a\x0b_-\xea*\x00@1\xd5\xbd\xa8+P\xac\xd4q\xb7\x94F\xb6\x9a\xa6\'\xca\xb1\xc1\x1b\xbb\xef\x15\xb1G,)\xa5\x1e\xf9R]\xf9T\xf1m\x80\x01\xe0\xbf\xe2\xfe\x8f\xf2r/.\xc8\x19/\xf9V\xb1\xe3\x9c\x02*\xd9m\x80+v\xd2.\xd1x\x92u\x01M\xf4\xa2\x82\x85\x87g\xecay\x81\xe2\xdc\xf7\x05\x80\xff\xa4f\x051P\xa8\xd8)\xe8\x88]\x93\x0e\xb8N\x05\xd8d&lt;\xe8\xfc\x97\x84\xd6\x11\x00J\xa3N\xe6\xc3\xcd\xa7\xf9n\xfa\x9f\xc4\xb6\x01e\xb7\xc9S\x95\x8a@l\xec\xeb&lt;)\x9f\xcbX\xa7\xc2\xcc\x05\x00(5\xda\x15PK\xb0\xed\x1e\xe7\x15D\xb1\x85#\xc71S\x05\xae\xcc6"r\xf9\x134\xe1\x00P0\xb6\xe4\xe3n^r{ZM\x07\x1fX\xd4U(\x9d\x92\xfd\x93(\x90Y\xd1\x00P\x8c\xdd\xfe\xb6\x1a6\xf7\x02\xe3\xa9\x8f\x8aM\x9bZ\xf8\xad{\xc9\xfd=\x01\x00(1\xf4\xc6\x86e\xe7sS\xa3\xa8+\x00\x00(\xe9Z\xecRt\xd7\xaeWt\x97F\xc9p\xd2u\x1f\x17u\x15\x00\x00\x05\x89\'\x01\x9a\n\x89RG\x7fu%|\xb5G\x00(`kn\xf9\xaa\xa8\xab\xe0jWpE\xcf?qsf\xa7\xee8\xfd\xd4\xd4Cn*\xb8\xeb\x16\x139\xfe\xc8\xe07\n\x00\xe4\xa4ho\xa3\xf7m)\xc2\xab\xb7~\xed\xaf\xffz\x13R\xb2\x1a\xd1\x92U[\x00(l\xf9\xbbK\x86D\x0bA\t\xd7b\xf8\x8a\xac\xf3\xd2\x06\x03(\xc5Z\x16u\x05\x02\x9a\xee\\\xd45(r\x03\x8b\xba\x02\x00\x00$P\xd3x\xb4r\xe7y\x85\\\x8f\xe2o\xd1)\x0f\x17u\x15,\xf5)\xea\n\x00@^U\xe8\xb0G.\xd97&lt;i~0x\xe9c\x7f\xe7R\xac\xa5\xfe\xd3\xcf0\x1c\xad6:\xc7by\xdaY\x8c4\x99""\xf5\xfb\xedW\xd4\xf5\x00\x80\xbci+\x15\x86\x16\xe5\xf5+\x8f\xb0N\xda0\xe4\xb8w\x92L\xab\xdd,\x8aj\xeb\xdb\xaf\xd5ko\xebj\x94Z\x05\xfa\x83#_\x85\xf3\xab\x08@\xc9\xf6\xb7R"\xd2g\xda\xea\xa2\xaeH\x11\xe3n\x1e\xd0$&gt;\t\x00 /\xa6\xad\xd8\x94\xd9\xa97^\xa4\xb7E\xa6\x01\xb6\xa5o5-\xf4T\xf5\xedl\x0b)x\xf3O|\xa0\xa8\xab\x10\xafz\xb7EE]\x05\x00@\x81*S\xac\x97\xf8}\xfe\xe7\xd2\xd2m\xcd\xf9-u)\xd3k\xe7S\xc3OV+\xbcz\x00\x00\x8a\x11o\x9c\xac|\xd3_co]\x90\x17\x02\x00\xa0\x98i5\xf2\xf0\xc2\xbc\xdcOJI\xf1{\t\xdd|\xe8\xc1Eu\xe9\x7f\x8d_E\xe8\xef\x9e2\x05Y\x17\x00(n\n\xfc\xadm6\xab!E\x05\xb3,;8\xfb\xba\x14\x00\xc3J&gt;\xde\x1a\xe6\xde\x1e\xcf=\xfe\xbe\x1cK(je}\xfb\xc5\xed7\n\x00\xe4\x9f7&lt;EU\xfd\x147\xc1\xa2\xd3\xb5\xa8+\x00\x00(`J\xa9\xe3\xaf\xfe\xb0\xa8k\xf1_\xd5xR\xbeK,\x19\x91\xb4\xf9m\x07\x00"\x95\x86\xdb\xa7-\xf9\x8f:s\xd7\xa0\xa8+P:\xa4BK*\xf3K\xf1\xea\x85^\x1f\x00(&lt;\x95r\xc8[#o\xb5\xc8Y\xa3A\xfb\x17\xe6\xe5\n\xe6iA\x85\xf8$\xc5X\xde\xbb\xb3W?G\xff\x18@\xe9\x12v\xa3\xe4y`\x98\x8f\xffc\xdfL\xf5\xee\x85\x1f\xf4#\x97\x1f\x82\x00\x80\x92\xa4\\QW\x00"6?\xfb\x1aN,\x94\x8a\x00@i\xf4\xe2\xaf\xc5\xa2\x07\x19\xb6j\x13"\xcc8\xea\x8e"\xbc:Oe\x00\x94Ze\xdb\xce(\xd0\xf2C\x06\xd7dNm\xfe4\xeb;l-\xfb\xa4\xb7\xbd\xa5.|\xe8\x0f\x11\x19\xbftc\xfaX\xbbl\xaf[R\xe5\xd8\x98\xf5\x9crJ\xbej\x02\x00(x\rv\xf2\xeew\xd6\xb6\xb5\xc8\x1b\xad\xa7G\x96\xd2-\xe6*\xf5\xc6\x1b\x0f+\xa5\x8ag\x17*t\xf9\x07\xbb\x00\xd1\xc5\xf3C\x01\x00b\x0c\x99}\xbe\xbek\xbc\x9b7\x19\xbc&lt;6M\x88\x86"r\xdb[V\xe9\x17\xaf~\xcc\xba\xd8(\xdb\xedu\xa9U\xba\xd6\xbb\')\x95\xb5\xf9\xb2\xd0\xa5\xa8+\x00\x00\xb0\xf0\xe4\xb7\x05\xda\x93\xab\xec\xdb\xbf\xf8\x91\xbf\xa4Q\xf1\x1c\xd1\xd37i\x86+\x9f\xce\xfe\xab\xcb\xba\x03\xfd\xc0\xc7\x99\x8cuz\xef\x93u\x05\x00\x00"!3h\x8f\xde\xf0\x8e&gt;\xcdw\xd6\xca\xbb\x12\x15i&lt;\xdad\x9b\xe5\xc6\xe3"\xf2\xc8\x97QM\xc2\xa8E\x17\xeb\xbb\xcf\xfeX\x18\x0f`\xbbM&lt;9\xefe:\xef\xa1\xf3\xc2\xbe\x11\xe5y5\x00\x14S\xfdv=\xbdp.\xf4IN-A}}g\xf6\xb1\xf7&amp;\xcd\xef\xb4C\x15;\xce\xce\xa1\x0e\xf1\xae}\xc1\xee3V\x1f-"\xd2t\xe7\xac/\xf4v\xe0\xcb|\xee\xa7b\xdd\xd0\xf2;\x00\x00\xf2f\xd4\xc2\x8b\xe3\x13\xa59\xe3\xa1v=\xec\xd6\xe0\xf11\xfbl\x08\xcf\xd79\xfc\x94\x8f\xd5\x12ue\xda\x14\xec\xa8\xef,\xfcV\xb0-\x93\xf9iDa\xca{\xd3\xfb\x16m9\x80\x12\xaf\xca\xc8\xdc\xcb\x88\xb8\xbd^\xf2\xc8_""e\x07\xebi^\xf9\xc3\xfa\xeeYmTz\x92\x92yh\x8f\xf1\xd2\x97&gt;\xf6wD\x91y\x89\x02v\xcc\x95\xef\x05\x0f\xae\xbd\xfd[\x91\xe6\xf6\x85\xb8Z\x8e84\x8b\\R\xea\xfa\x94[\r=\xc4\xd9\x98}\xec=E[\x13\x00(A\xda\x87\x9d\xd8\xed\xf0[\xf3\xd5N$-g\xe5\x15\xef\x9a\xb2\x0c\nI\xee~\x84\xad\x13]%wE\xdb\x8e\x96\xb2V\x1c\x00\xfe3ZE\xcf\xdfM=yv\xef\xf2J\xa9\x93\xaf\xffD\xa4UV\x17\xeb\'"\xc15\xdb]\xdf\xa5\xafr\xf0\xba\x97\xd3\x17\xed\x97\xd5\x85\x00\x00(0\xe9F\xb1\xb5\x88l=\xfe\x04\xcb\\\x95;\xcf\xb3IV\xaf\xdf\x12\xf7*\xbe\x068a5\xad\x0c\xd8\xfdLw\xdb\xbd\xe2!\xeb^1^1\xa7:\xd4\xd8&gt;\xfb\xbc\x05\xc2\x13\xcf\xab\xcf\xb4\xd5a\xe9\xdanwTx!\xad,\xbe\x93\x9e\t*\x95D\x9d&gt;Lg\x02\xf0_\x94y\xb7\xba\xfa\xe6/\xb3+\xe2\x85_\xa2\xee\xddW?\xa7\x94R\xdf\x14\xe4s\xce\xc9\xcb\xaf\xd7w\x95&amp;},\x8b\xe8\x10aO\xaaK1\xfb\xf1n\x00\x80b\xaf\xc1\x80e\xe3\x96\\\xe54\x87\xe7\xdf\xf7s^z\xc0\x0bNz\xb0b\xa79\xee\xae\xafL\xbd\xf5\xed2\xe1\x84\xb0h\x94\x97?\xa1\x94RW=\x13U\x9f\xc1\xb3\xce\xc9\xbd\xb6\xf95l\xde\xba\x88\xb3\xc6\xd1a\x85\x8f\xf7\xca\x00`V\xbb\xd7b\xdb\xa4\xb5\xc6\xf8\x0edwo\rtI\xf3f\xd2\xf2\xebf\x1e\xed\t\x12\xe2^\xeb\x91/\x9d+v\x0b.\x08\xf1^q\x8d\x11m\xa1\xa9o_\xff Y|\xa82mv\x17\x91\xaa]\x17\xe4X\xad\xb0*\x01\x00\xbc*\x0f/\xcc\xab\xed\xb0\xf7\xe5\xdb\xef}Y\xd2\\J\xa9n\x13ORJ\x95k73Q.\xc7\xf1W\x7f(""u&amp;-\xbf.,\x8d\x88\xbc\xaf\xd4\xf3?\'\x9e\x9b\x14\xdb\xc6\xd4\xef\xbf\x9f}\x9d#4\x1fz\xb0\xf9D\xab\xdd|\x07\xee\xfd\xd0\xb6\xd9\xbb\xf4\xb1\x7f2;\xcd\xa6\x8aH\xd5.\x81\x06\xd8"HH\x95\xad\xe7[^\x11\x00\x90\xf2q\xde\xfa(u\xf3TNP/w\xab\xf1\xa0\x03L\x1d\xe8fa9M\xaf\x81uM\xd2\xa7\xaa\x88\xc8&gt;\xa7?\xe1D\x14I\xd4o\xeb8\xf6\x98\x88\xabk{U\xec\xcbL\xa90\xc4\xbb_3q\t\xf9\xd1!\xfat\x83\x01K\x83\x07\x87\xcd\xbd ,\xfd\x19\xb7\x7f\xfb\xfa_\xf4\x8c\x01\xfc\xe75\x1b\x12\xd2\xaf\xb2\xd0~\x87\xa3\xf3X\x13#_\xdb9\xf3\xe8\xbb|Gv\x8f^%&gt;\xf0\xe4\xdcx\t\x11\x99q\xd4\x1d\xe1\xedn\x85\xe8\xea\x15\xd0C\xf5,&lt;\xfcy\x81T#\xc1\xab\x8a\xf2\xdb&amp;-\xbc\xcd\xe8#\x92f\x01\x80\xd2 \xbb\x96\xc3\xb7\x8ea\xc1\xf15o\xc5\xa7\xb5\xfb=P\x87W~\xcf}\x9aS|\xe8\x0f\xcb2\x1b\x1b\x97\xbbh\x18\xbd\x00Tf!\xa6F\x03\r\xcbrd\xa9\xd2\xf0\xbc\x15\x05\x00\xa5I\xf0\x86&gt;\xf5\x90M\x0f}\x16{\x97o\x90\xcbEG,\xb8\xd02\xa5\xb1\xc555B\xfd\x9d\xffUH\xb2\xc4B\xf4\x84\xab\x1a\xdd\xf7\x8c\xaeU\xf0\xe0\xb8\xfd\xae\xb2\xbfz\x8e\xf2\xf5+d\xc0\xf43Ed\xa4\xf5_$\xac&amp;z}v9\xf4fa\x04\x16\x00\xc4\xa82\xb2\xdd\xf6\x11\x91\x19\xac(\xa5Z\x0c\xcf2\x8eq\xcf)\xa7D\x97\x1ch\xed\xea8\xff\xdb\xeb\xd4G\xa2K\xde\xef\xcc\xa7m\x1eA\'\xd4F|\rp\xb5\xd1""\xd21\xaf]\xf3\xe4/\x8cs+\xd9\x19\xe6\x96\xde+g_\\\xc4Z\x8d\xf9\xecF\x03@\xa9UyD\x16\x99\xfaL[\x93\xf5\x05\xed\xdb*\xb7\r\x9ey\xf4\x9d\xd1\xb9\x8c\xb1\xfbw;\xfc\xb6\xe0\xc1\x03\xcey&gt;\xba2\xd1\x17\n\xeb\x97;G\x1a\x0e\\&amp;\xd26"{v\x96\x9e\xf5L\xb0VC\xe7hc\x9dZ\xeej_\x9a\xaf\xfe\xf4V\x01\xa0\xb0\xf9\xee\xc2?[\xdf\x88\xf7;\xe3\xa9\xbcWf\xde\x89\x0f\xe4\xbd\xcc\xec8\x0fQ\xc3h\xadWg\xfd`\x9e.\xdeW\xdb.\x9f\xa72\r\xfc\xbf!j\x8f\x8dHYp\xd5\x88U\xae\xdd\xac"\xbc:\x00\x14\x94\x9eSN\r\x1e\xcc\xff\r\xb7\xe1Ny.0\tg\xc8\x98\xfe\xa1\xaau[\x18\x9b+\xe4K\xa8\x1by\xb6R\x16\xd5\xf3\x15\xb5\xeba\xb7x\xcf\xd7\x08f\xa9\xd3\xdb\x1f69\x8b\xd9\xd5\xc6\x02\xdbm\x7fTt\x8c-\xa3-\xc6o#\xf3G\xaf\xac\x1f~\xcd;\x07\xa9\xcd\xe8#\x93^\x0e\x00\xfe\x8b\n\xb73\x94\xd3P\xafX\xaf\xff\xadD\xca\x88H\xd4ZI\xcd\xa6\x86\x9d\t&gt;\xc2]{\xdb7\xf9\xab]\xfcE\r\xfcS\x87\xfd\xbe6g\xef\x11W~\x0bC5\xb6\xda%"A\x98\xd0\xfa7\xf3\x84\xfbp\x97\x04\x06\x80\xd2\xa9\xf9\xd0CD\xa4\xd5\x88\xc3\xb2\xc8\x1b\xd5\x12\xc4\xc5N\xaa\xd1\xc30\xc0\xb8A\x7fC&lt;\x87h\xdd&amp;\x9e\x14\x8c\xc8\x98\xc8\xac\x95w\xf9\x8e\xb4\xdd\xce\xdc!\xeb9\xe5\x94&lt;\xfe\xf8\x88\xeee\x86_\xa8\x96\xf3\xbfc\xae|?\x1f\xb5h;\xf7\xf8\xfbr\xc9\x1f6\xee\xcc{\xb0I.\x97H3&lt;\x06\x00\x80\xd2i\xc0\xf43\n\xfa\x12\xdam\xba\xa3M\xfa\x83\xd7\xbd\xec=\xd0\xe8\xf1o\xfc\xcb\x1cM9\xe8\x06g\xa3Z\xd7\xb0\x87\xcc\x95C\x8e\xa7,?\xf7\x05\xd3\xe1\x06\xc5d\xfe\xb1\x88\x88t\xcdK)\xc6\xc9]Y|\xc6\x90,\x15\xa3\xf2\x94\x8f\xe9\xa9Gk3\x8a\xd8\x1d\x00J9\xab\'\xc0ZS\xdd0Y\xf1Y\r\xbdv}\x98\xbe\xef7\xdd\xf6@\xb7\r\x98\xb6b\x931q\xd7\x89\'}\x1a7\xb0\xd9\x7f(5\xbf(\xd5\xcf\xab\xde}\x91\x88\x9c\x7f\xdf\xcf\xd9\xd78\xc4]\xef\xdb\xb4y\xf5\xf5\x9d\xbc\xfc\x14\x98\xb0\xf4j\x11\xb9\xf1\x95\x04+4\xefs\xfa\x13\xbe#\xa3\xf7\xbc\xc4\x98\xb2B\x87\xf8\t\xd9\xdd\'\xaf\xfa\xce\xe6\x83\x10\xca\x03@\xa9\xd5dr\xa1]\xca\xbe\xe58\xf2\xb2\xb7D$d\xf9\xf7\x9e\x81\x91J\xd2b\xf8\n\xe3\x93m\x91\x96\xc7m\xfc@D\x1e\xfb\xdaw\xe9\xf8\xb0S"r\xffG\xee\x8c\xa3\xe8\xe1W\xe1*\x0e\x0b;s\xe6\x9d\xdf\xf9\x8e,;\xfbYc\xca\xed\xf6\xba4\xfa"\xd1\xc3\xb6E\xc4;\xb8\xda\xafv\xefT\xb0I\xdf\xa7\xfb7\xee\xc3\xfedN\xe0\x06\xef\x8c\xec\x07\x03\x00\x1c\xbdv&gt;U\x0f\xd4\xd0u\xa7\x93"\x12\xe7n\xa7\xfd\xaf\xcd.\xe3\x81\xe7\xbf\x98\x97\n\xecq\xcc\xdd""e\x06E\xa4\xc9L\xf9m\xb0\x93Hc\xa5\xd4\xf8\xa5\x1bE\xaa\xe5\xa5\x02\xb1\xda\xef\xb02:A\xfd\xe4/\xce\xf3\xc4\x19\xbc\xa6\x8f\xea\xaa\x95\xde\xe8\xaf\xa7+6\xcf\xed\x01\xa0X*\x84\xbb\xe4\xde\xa7=\x1aq\xb6~\xbf\xfc\xac\xd9W\x00\xca\xe9o\x7f\x7fP\xaa\xfb\xa4UEU\x95Z=\xf7VJ\r\r_h\xa8 t\x18\xb3\xd2w\xe4\xf0K\xde0%L\xf8\x02BW}\xbb\x88\x93\xe5\xdb3\x0f\x18@)\xf5V\x91\xf5Q2\xef\x98\x93\xfe\x02PJ\xdd\xf1n K\x93)\xf3O\xdcl\x93WD\x96\x9e\xf5\x8c\xe5\xb5\x96\x9d\xfd\xacRJd+\x11\x11\xa9_ ?V\xea\x8d\xcb\x7f\x99\xe1\x94\xf6\xfa\\\xbc_\xfe\xfa\xcd\xbfm=\xfex_\xe2\xc5\xab\x1f\xf3e\xd4\xcf\x1e{\x956$\xbb\xdex\xfd\xec\x81\xe7\xbf8~\xe9Fo\x8e\xdaY\xd7\xb9V\xcf\xbd\xb3\xcb\x0b\x00%\xd5\xab\x7f:\xb7\xdd\x1e"2p\xf7\xb3\x8a\xaa\x1a\xeep!{\x87]\xfczf\xc73\x96g\xab\xa4E\x19\xc3OF\xa7\x17\xa9\xea\xee\xea!\xc6l\x0b\xb1\x18|\xb4\xfd^N\xfc\r\xff\xd0\xee\x9a=\xf62\xa6\xf7\xfe@\xf1,\xe1\xdcl\xc8\xc1\xce\x074\xc48k\x90\n\xa9\x11\x1d\xb3\xd3\xe6s)\xa5\xd2o\xf7EZ\xee\xe6\xfc\xbf\xd5\xc8\xc3c3\x02@\xe9\xd6G\xdfYp\xd2\x83\x07\x9eg\x9c\x93\xe3\xb7\xf3\xc17\x16L}\x0c\xc6/\xdd(uv\xcc\xbd\x9c\xf4\xa0\xe8\xee\xf6Yr\xe9\xfb\x0e\x0fL\xfc\xdd\xef\x8c\xa7M\tk\x99\x0e\xca\x8c\xa3\xee(\xe7}\x12\xebV\xa6n\xdf}g\x1cug\xb6\xf5\xaa\xe5\xbe\xcd\r\x96\xec\xaa\xd8qNd!\xd9/\x1d\xb1w\xbao\xed\xaa\xdbw\xdf\xacK\x03\x80\x12\xaav\xc1\x14\x9b\x9fI\xab\x89\xf4\xdbu\xed\xa8\x85\x17\xe7\xa5\xa8,\xc2\x83$\xf2\xfa\xdf\xf1\x8dz\xff\xdd\xd6&amp;+\xb4\xe2\xd0\x88\x936\xfd\xf8&amp;\x83M\xcb\t{\xe9\x03\xb3/\x7fBI\xc8\xc2VY\xfej\xa96\x9a\xd1[\x00J3\xe3\xea\xb9\x13\xb5\xc1\xc9\xb3\x8f\xbd7\xdf\xd7li\x9f4dZ\x91Y\xf3\xa1\x07{3oo\x9f7\xc8w\xf7\x8f\x9d\x05\x14\x96\xd1w\xca\xbeQ\xd9\xf8lh\xca\x95W\xbc\xdbcr^\x07\x82U\x1an\\3*\x11\xa5\xd4\x8c\xa3\x8d\x1d\xf1v""\xd5FEd4\xce\xde\x0e|W=\x82i\x00\xa0\xa4\xd2\x1a\xad:\xfa\xfd\xee\x80s\x9e\xf3t\x88[\xef\x9e\xa8\xd8\x93\xae\xfb8\xe7\xaa\x85i\'I:U\xf3N\xb8\xbf\xfd\x0eG\xe7~\xd5A3\xcfN\xbf\x07\x8dY\x9e\xa8\xca\xd6\xf3s\xbf\\\xc1H\xf6\xb0\xbd\xf16\x07X~\xcf\x0f}f\x19\xe1\xa4\x9e}\x05\\N\xfc\x13\x00(m\x8e\xb8\xf4MgC\xef\x9cU\xe88\xdb\tx\x14\x08\xfd("R\xb1\xd3\x1cw\xbb\xd9\xb6\x07\xc5^\xa2L\x9b\x19\xb9\xd7\xd3\x15\xd6$,\x0f\xbc\xab\x9e\xe5\xcc\xf1\x8d\xcc\xf5\x9f\xf2oT\xff\xbb\x8em)\r\'&gt;\xfb\x93a\x1cVt\xbf?\xb5UqX\x9963\xf4\x81ie\xdb\xda\xfe\xdb\xe0/\x08\xa0\xd4\xa98L\x92\xde\xdd\x0cCs[\x87\xa5\r\x0f\xc8\\\x80\x82K\xf5\xf9\xec\x1b\x88\xa7\x18\xe6\xea\xe7\xcc\xdf\x8c\xfb\x8d\x85}uN\x00\x8d\xe2\xd0l(\xa5\x1a\x0f: \xfc\xbc?\x08\x89\xf3\x91\x9d\x9a\xf7\x9az\x9a\xb1\xc0\xc0\xb1&gt;g\xdf\xfd\xa3\xa1\xec\xc6\x932\xdb\xe9\x01\xcfY\xbcS\xcfL\x93k\xb1k\xe0d\xf3\xa4\xa5\x01@q1r\xc1E\xc1\x83\xd3\x8f\xbc\xdd\xbe\x04\xa5\x94\xcd\xf2\xba\xae\xb0(\xc1\xdd&amp;z\x02o\xd9?\xc7.\xd7n\x96\xbe&amp;R*\xe4\xe4V\xd3\xa2s\xd9\xcc\x18\x0e2\x8e32\xea=mu\xf0\xe0\xe3\xdep\x98J\xa9\xb7\xf5\xeec\xcd\x1d\x9c\xff\xbf\xf4[x\xcb\xddj7I\xd0\xb4\x97\xb3Kf\x15\x953\xe2\xa2\xe3\xf6\xbb\xca\xeeB\x00\x00/\xfd\xde:\xe3\xa8;c\x97\x0c\x8aQ{L\xec\xb5,\x9a\x90\x0e\xd9\xado\x1f*\xb3&gt;|\x0c_\xdd.z\xf8O\x9b\\\x8f|\x91\xb7\xfen\xb9v3\xed\x12\xf64\x1e\x1d\xb5(j\x04\xf8\x98\xc5\x1bDD[\xcd\xb7\x93u\xbd\x82z\xd9\'u^^\xfc\x18\xf8\xbb\x9f|\xc3\xa7\xbb\x1d~\xab?u\xe8B\x1dM\xf2\xfbR\x03\x00\x8a\x81r\xdb\xda\xa5k\x15\x9b\xa2\xc0\x06a\xb5\x97\x02~\xae\x1b]\xf8wJ-8)\xbc\xdfl\x9a\x9d\xec\x14h\xb1RB\x94a\xe6\xd8\x93\xf5\xa5\xfe\x84\x84%\x85\xb4\xb5Z\xcd\x95R"\x8d\xf4]7\x14\xa5\xedH\xe9\x16\xbbxvCF\xf0\x99\xde\x1c[\xbf\x8a\x06\x00\xf8\x845`\xbb\'y\xa6mPuT.\xed\xee\xc9\xd7\x7f\x12q\xb6\xd5\xc8\xc3\xf4\xdd\x1c\x1bK\xa3z}\x97\xe4\xa5\x1cw\xcd"\xaf\x9a"\xb2\xed\x1e\xe7Y\x14\xd0\xcc\xdd:\xc7\xf8\xd6V$\xeb\xf5\x8b\xdc?P\xaf\x9d=o\x8ektO\xcd%\xbb\xf0\xc1\xdfc\x0b\xf9\xc5\xb4D1\x00\x94r\x13\xf7\xbfv\xdd\xe6\xdf|K\xd9\xb4\x1ee\x19#\xb0O\xc2\xf49j\x11&lt;\xa4\xdf\xac\x8f\xb8\xe4M\xef\xc9\xa6R\x0c\xac\xbe\xf9\xcb\xac\xf2\xf9?\xec\x9c\xe32\x93\xb3\x9dO=d\xf6\xf9\x89J\x8c\x0e\xaall\xf6\xf6&gt;-\x15\xb2\xaa\xd1\xa0\xfd\x13]+\xa9\xd6\x91a)i\x92\x01\x94f+\xafx7Ir\x7f\xa0\xab\x83/x\xc9\x98\xee\xf9\x9fU\xf5n\xde9\x9d\x95GH\xfa\x96\x9a\xaf&gt;\xa2HG\x11\xd9w\xed\x93\x91i\x1ay\xf6\x1a\xd8\xbe\x1b\xb6\xd3,&gt;I\xac\xba\xd1k3d\x19\xfa\xd1\xff\xaa\xb5j&amp;8\xc66\xb3\xce\xc9\xaeL\x11\x11\xa9\xf8\xea\x1fn\xbbX#x\xfa\x92G\xfe\xca\xae\xdc3n\xff\xd6\xd9\xd0\xdb\xdd\xbfh\x83\x01\xfc7\r\x9f\xbf\xde"U\xcd\xb0\xf1A[\r=\xc4\xdd\xce\xee\xb9t\xd3\xc1\x07\xda${\xe9\xd7\xb0\xdb\xb4\xd5\x88\xdfH=s.\xc1\x8e\xdd\x12In\xa0\xca\x1d\x97\\\x19\x96\xa6\\\xbb\x9cV\xf4{\'\xa4\xcd\xbb\xf4\xb1\x7f\xee\xdd\xa2|\x8b:\xd8\xd8\xf4ZT#\xfab\xe8\xdf\x0e\x00J\x11\'\x16\xf1\xc2U\x0f\xf9\x06\'\x0f\x9dsA\xdc\xe3\xbe&gt;\x91gED\xa4\xe9\x94\x9c+\xe8\x17\xberN\x85\x9c\xca\xd5\'\xad\x06\xa8\xac\xdeM\xceZy\x97\xb6\xd7\xcd\xb2"\x07\x9c\xf3\x9ceJ\xaf\x816\x89\x8c5w\x0f\xfa^\x87\xe7A\xa3\x896\xa9z{\'\x1c\x7f\x1a\xa8$O\x9e\x01\x94Z\xe9!\xa9u\xf5;\xdd\xb4\x15\xc9\x86#\x05\xc3V\x8c\xdfo\xa31\xa5\x88,\t\xaey\x97\xbe\xcf\xde\xf2F\xbe\xee\xb6\xb5-\xd3\x85\xc5r\xd2\x0e\x96\x97V\xd3m\xca\x11\x91\xe0\xe0\xe4\x13\xaf\xfd\xc8\xbe&amp;""\x15"VS\x08,n\x91\xfe\x95c\xdfJ\xe9\xa19\xacs\xa5FP\xcf;\xf1\x01\'\x97}\x1c\xablX\xcf\x19\x03\x80\x12\xac\xc1\x80\xa5"\xb2\xe8\x94\x87E\x06\xb8\x07G,\xb80\xbd\xd9\xdf\x94\xa90&lt;\xf2e\xa1\xf5{j\r\x9eu\xae\xb3u\xcd\xf3\xe6\x96\xd8f)\x85\xd1\x8b.q\xb7\xdbnwd0A\xed^\xc6a\xcc\xb6\xcaw\xd8\xc3\xa9\xc3\xdd\xef\xa7jr\xc8\xfaW\x94R=&amp;\x9f""\xaf\xfd\x15S=w\x91\xe0fC\x0e\x12\x91\x13\xae\xd9\xa2\x9dL0N\xad\xe3\x98c\xec\x13\x8b\xf4\x8eM1x\x8fs\xaf|\xdaP\xf9z\xfd\xf252\x00\x00\x8a\xa1\xe6\xd3\xf6:\xed\xd1\xe0\xe1\xac\x1e\xfa\x05\x06\xe0x\x9f@n=\xfexw\xfb\x9fl\xca/\x17\x16E+\x18\xa0\xb8p\xdc\xf1N\xd1&lt;,\xbd\xf3\xdd\x98_\x03\xfb\x9f\xf3\x9cH\x8d\xf8\xdf\r\xe9n\xfd\x93\xdfy\xd2\xdc\xfbaj\xd7\x17\x9e,\x91v\xdb\x9b\x97\xc1\xb8\xed-\xedZe\xf4X\x98\xd5})oz\x95\'\xcf\x00J\xa9\xd4\xdd\xb9\xd6\x0e\xee\x91\xfa\xfd\xf6sO\xd9\x973|\x9e&gt;2\xcb0\x0e\xd6\xb1b\xfd+\xc1\x83\x167\xd9&gt;I"s\xf5\x10\x91\x99G\xdf\xa9E\t\xf6\xe4M\x07\ticS\x96\x7f\x89\xc3\x9cm33t\xb0\xf1\xd2\xb3\x9e\x89\xcc\x9a\x8f\xc1\xd5\x01J\xa9\xd4P\xb8\xc8%\x84-\x9d~\xeb\xd7;,\xbe&lt;\xf7r4\xf5\xf3Z\x1a\x00\x14\'a\xeb\n\xe4\xd2\x93s\xf3&gt;\xfd\xbd[H\xff&lt;F\x10l\xb7\xfdQ\xeev0\xb4\xa1\xfd\xab_\x11\xe98\xd6\xff4\xf5]\xa5\x8e\xba\xfc\xed\xd4N\xf9!V\xeb\xfc\x88\xecu\xea\xa3\x16\xdfX\x13\xfb\x8a\xf9.\xd4m\xe2\xc9"b\\{\xa0n\x9f}\x83\x07\xfbL[\x13Q`\xd5.\x0b\xd2\x9b\xed\xe2.\xde\xcd\xad\xc3\t\xd7l\xf1\xac\xc6\xd8bW\x11\xb9\xf9u\xf5\xe6\xbf\x99\x0f\x9eh\xcdc\x1bO\xff\x10\xb3\xee\x05\x00\x94\\\xf9\x0fR\xa1\xaf\xa2\x13l\xe0\xdf\xcb\xf9N:\xd3\xbf\xf0\xbb\xf3\x11ZZf\xbf\xf5\xcd\x84\x15(\xb3M\xd8\x19\xfb\xf1b\xd1\xed\x87M\xeb\x12\x96\xe6\x9e\x0f\x13\xfdr\xea)"N\xf0,{\xd7&lt;\xaf\xdcq\xf26&amp;,\xbbZ\xdf\x8d\x98\x1f\x15k\xbb=/\xcd:/\x00\x14_\xe9\xfeJ\x0b\xa92\xd2=x\xef\x87\xfe\xfb\xec\x8c\xa3|\r^\x8c\xfc\rcv\xd4\x15\x91FQk\xea\xc5s\x1a\x8f\xe0G\xb3\xc9\xb5\xdf\x19OG\xa4y\xfe\x7fY\x7f\xd8\xcc\xca\xb8\xb1m\x9b\xf3\x97\xfaB\xa9CL\x8f\xf1}\x86\xcd\x8d\x9bBV~\x88\xbby\xdc\xc6\x0f"\x12\xeez\xd8-\xee\xf6\xeeG\xde\xee\x14\xdb\xc4n*vB\xb9\xcf\xcf\x06\x80\x92c\xf6\xb1\xf7\x88\xd4\x12\x91=\x8e\xb9\'&lt;U=\x9b\xa2\x1e\xfa,\xe6\xd9\xa3~\xb6\xfb\xa4U\x965Lj\xeb\xf1\'\x14P\xc9\t%\x8b\xa8\\\xa1\xc3\xec\x83\xd7\xbd|\xda\xa6/\xd2\x07\xe2\x1fK\x0c5\xaf\xd0 "}\x13]Z\xa4l\xf0P\xf0O\xe9\xcc\xa4\xba\xe4\x91\xbf*v\x9cc,E)\xe5.\xfa\x1bQ\x8eO\xf4\xa3\xf2L\xd0\xab\xadv\xf1\x9d\xd2F\xe9\x03@\t\x14\xbc?\xae\xba\xe1\xd3\x1c_\xb6}\x92[v\x8b\xab\xe7\x16p#7\x1f(u\xfe\xfd\xbf\xd8\xa4TJ\x89T\x08_{q\xab`\x96\x15\x17\xbe\xeal\xfcO\xa9\xca[\xcf\xbb\xeeE%"}\x02\xeb\n;3q\xf3h\xd1\xaa\x87|Gry$\x9e&gt;U\'\xb6\x9c\xd8\xabt\x9f\x9c\xf9\xa1Vl~Z\x01@&gt;D\xde\x01\x9d\xd17\xfe\xee\x91\xd6K\x8b/\xf6\x99\x1f\xf2\xf7,\xba\xdexw3\xf8\xd4\xd7\xf6-\xa3g\xd2\x8bY\xc2\xdf\x1f\t\x16N\x0e\x96\xfc\xc0\'\xce\x91\x86\xc6\xf4\x0bN\xda\x1c\xc8b\xbc\\\xd5\xa7\xbe\xb7\xa8\xf3V\xd3\xe2\xd3D\xe9#\xdeQ\xdc\xde\xba\x95\x0f\xa4\xcf\xc8qd\xd6\xce\x07\xdf\xe8llx"PH\xd3\x9d\xb3.\x16\x00\x8a\x92\xc5m\xb1\x95;1Iw\xe3+\x96\xf7SO\x83\xf7\xd2o\x99\\\x9d\xc7\x1dgWB\xbc\x047\xf7\x06;%m\t\x82\xe1\xbdr\xf4\xa9\xd6\x1ae*\xa3\xbd\x94\x15\x91\x96\xc3\x0f5\xe6\xbd\xdci\x81\xca\r\x16\x11\xb7{\xed\x96\xd3"$W\xd6\x86\xcf[\xbfE)\x11\xa9\xd9s/\x11\x91\xe6\xd3D\xda\xdag\xdfn\xcfLX\x12\xa9\xbe]tb\xa5\x94\xd4\x1a\x13z\xba\xc6\xf6\xf6\xd7\x05\x80\x12\xe0\x07\xa5*vL\x85\xb6\xf8\xc9\xd82\x85\xc4D\xfc\xca\xaa\x19\xb3zy\x9c\xa3\xf6;\x98\xa3=\x14\xa8\\\xfas\x87]\xf4\xba\xe5\x03\xde`\xc71\xbe+\x19&gt;`\xdb\xe8\xec\xbb~\x10\xe9\xac\x1f\xf9;n\xdaU\xfaO\x9f\xcb\x0c\xdd\x96\xc6O\xd1C{\xe0|\xf8%o\xb8\xdb\x8bV=$\xb5\xc7\xe6p9\x00(\x8e:j\xdbe\xfc\'\x9bLI\xd6\xd2T\xcb,o\x17\x1c5\x93\x88~\xff\r\x112\x91\xa6\xdc\xb6\xe9\xad\xb6N\xe5\x87\xcd]\xd7i\xc7c\xa3\xcb\xca|\xcc\x06\x13\xdc\xb5r\x1f\xfb*\xc9g\xaf;\xcef$s\x82\x02ED\xe4*S\x80\xc6\xec\x8a\xca&gt;{3\xffc\xde\xec\xae~\xf3\xeb\x89s1\xf7\x17@\xa9\xa5\x94\xd2\xe7Y\x06\xefw\xe9#1\xe1|G\xcc/\xbc!\xa9\xc6\x9br&amp;tF\\\xca\xc6\xdb,\xf7\xf5\xf94\x81u\x0e\xd2\x85$m\t\x8e\xde\xf0\x8ee\xcatd.\x83\x88\xa5,\x92Zs\xeb\xd7\xf6\x89\x17\xaf~\xccwd\xe0\xeeg9\x1b\x8f}\xed\xff\x1e\xee\xdbb\xf8f:\x8fK\xc5\x1c\xfdR{H\xee~\x93zDR\x11\xf9\xcd\xe2\xbb}\xf9w\'M\x9d%g&lt;\xa5\xff-:$\x8bJ\r\x00\xc5\x8e\xa97\xd9b\xd7\xccv\xa5\xe1\xb1E\xd4\xedk\x88\xc7\xe4\xae\xba\x13\xbc\xc9\xd6\xeb\xb7\xa4R\xa79\x96\xf5\x8b0i\xf9\xf5\xfa\xaeUKY\xd6}N\x1b\x8c\x9a\x99\x19tV\xa7\xf7&gt;a\xa5\x9d}\xd7\x0f[\r[\x11q\x85!\xb3\xcf\x0b\x1e4\x97\xd6rW\xdf\x819\xc7\xdd\x1bQ\xb2\x884O\xaf\xa9\xec\xc4\xbb\xc8\xaa\x9bh\xf8\xa9\xe1\xda~\xef\xcb\x9c\r\xa5\xd4\xd6\xe3O\xf0\x95\x7f\xf4\x86w\x9e\xf8\xd6&amp;\xf4GG\xb7\xd96RJ\xb9\xff\xae2%4\x9a\xf4o\xb2\x8fS%Ib\x00(\t\x9cnPD\xffo\xfd\xe6\xdf\xdc\xed:}\xf6\xd1O9\xe9\x9d\xf6\xf5\xaag\xfcymBIDW,,|fPpeY]*{\x85!\xee\xee\xc4\x03\xae{\xe3\x9ft\x96\xcc\xaa\x82\x9eE\x02.\x7f\xfc\xdfd5\xd6t\xda\xd1v\xe8Y\xd8G\x9b{\xfc\xfdZ\xe8\xc7\x1e6Y\x82\x0e\xbb\xf8u\xd3\xe1Z"r\xfdK1\xef\x80\xbdl\xa3\x8f\x15\x90\xf0\xc5\xa1\x01\xa0\x84\xd2\x02c\x85\x89\xb8\xdd_\xfbBN\xaf\xee\x8c\xa1"\xf5\xcbe\xd1\xe7\xfb\xd8:Kl\xe1\xceZ~\x85i\xf9y/\\\xf6\xf8\xbfM\xb7M\xc5\x9fz\xcbT\xc3\xdc^\x97VwJ\xd8\xed\xf0[E\xe4\x7f\xe1C\xbd~\x8d\xb9J\x1f\x11y\xfck%R)s\xac\xf2\x88\x88\x0c\xd9U\x9bw\xc3\x00J&lt;\xe7F\xf6\xc8\x97\x99\x1bnz]#m@V \xbc\x91\x9e7\xba\xe4\xb4z"\x03\x9d\xadSo\xfa\xdc.\x8bG\xefi\xab\x83g\xef\xfdP\xd5\xefo\x98"e\xf4h\xe8\xd2\xc2\xdd\xf4\x9d\xc6\xdbx\x02^6\x18\xb0L)%\x8d\'\xd9\xdf\xf1O\xdd\xf4E\xd7\x9dN\xb4L\x9c\xbbr\xedg\xe5^Hzvo-\x91\xd66\xbf\xbdrQ\xa6\xcd\xee\xc6\xe3\xbeo8\xf8\xe8\x82F\x17@\xa9\x92\xb9\xa9U\x1d\xe9l?\xf0\xb1\x12\x91\xdeSW\xfbF\xca\x88H\xcb\x11\xf1\xd3LO\xba\xfe\x13\x11\xd9fV\xe8\xa2{Q\xaa\x8d\xd2o\xb2/\xfeb{\xc3\xdd\xf8l&amp;e\xf3!\x16\x0b\x086\xd8\xc9\xf3\x86;\x92[\xa5\x87&gt;\x8b\xaa\x8f\xf3\xc1S\xe9\xc3\xe7\xbcj\x1f\xd0\x1c\xb9\xe2p\xf3\xc3a+\x868\x15F\xadR\xbf\xa8\x96\x9f\xf7B\xd6\xd7\n\x93y\xc6^yx\xee\xa59_W\xc4\xcbx\x00(\xa9\xe2\xeekME\x06\xb8\x03zmn\x82\xc6\x05t\xf5\xd5\x03]\xa7\xdc\xf8YD9\x15:\xcc\x8e\xbd\x96\xa4_X\x06+\xb6\xc71w\xbb52fTJY.5\x9f\xfb\xad\xdf)\xe1\xe4t\x0b\xedZ}\xcbW\xb1y\x1f\xfa&lt;s\xf5\xca\x9d\xe7E\'vV\x14\xf6U\xf89\x8b\xb5"\xec\xdf\xa9\'\x92\xe7\xb5\x81\x9bM\xcdgi\x00P\xb4\xd6\xdc\xfau0\xa2\x82~\x17\xde\xfcIf{\xffs\x9e+\x9cZ\xcd8\xea\x0e}\xb7\xcb\x84\x04Ot\x13\x041\xce\x8c\xb1\xca\x98r\xd0\x8d\xbe#\xadG\x1e.\x99i0\x19\x93\x96_\x17V\xfe\xbc\x13\xee\xf7\x1dYx\xf2\x83kn\xf9*\xeb\xe6\xadn\x9f}g\xad\xbck\xf2\x81\xd7\xdf\xf0r|\tv1R\xfa\xb9[\xfd\xa7\x9f\x11\x9e\xac[\xf8\xa9&gt;a\'\xaau]\xe8l\xac\xdb\xfc\xab{0vh\xb7h\x7f\xbbM\xaf\xf9\xdf\xf7\xbb\xff\xf6&gt;\xf0~\xba\x9eSN\x8d-\x16\x00\x8a\xb3\xb2\xbe\xbb\xb6R\xcaY\x04\xd0(\xa4!\xe9\xaemW:\xe9\xba\x8f\xd7o\xfeM_\x970I\xf3\xd3\xcd6q\xf9T\xd8\x8dE\xa7&lt;\xec\xbdD\xb5\xb0\x1c#\x17^\x14,\xbcNow\x14\xb73\r\xa9\x8f\xb3\xf8\x8f\x88\xe1\x15x\xbf\xdd\xd6\xea\xbbS\x0f\xb9\xc9\xdd\x0e\x94\xdc\xc8\xddr\x87P\xe5\xc5\x94\x03o\xb0If\xf756\xd2w,\xbfyw\xaa\x92/\xef\xbbJ\r\x9eu\xaeRJ\xa4\x9dM9"\xf2\xa0\xf7\xd9~\x9f]\xfc\xeb#\xbdk\x1e\x14\xd6\xcd\xbe\xb6\x00P\x1c\x9dq\xfb\xb7\xab\xd2O\x83ozU\x89\xf4J\x9d\xa86:\x988\xe2~\x17\xfb\x86\xb8L\x9b\x19b\xeaJ\x1a9\xaf\x12\xf5\xcb5\x18\xb0\xac\xcd\xe8#\xdc\xddz\xfd\x96\xd8\x94c\xaapc\x11\t\x8b\xc5\xa1\x94\xb2\x7f\xd49\xff\xa4\xcdJ\xa9i+n\x8e\xb8\xf4\xaa\x1b&gt;u\xd78\xca\xa3*]\xe6\xeb\xbb\xee\xcf\x85^SO\xd3\x8f\xf7\xdb\xf5t\xa5\x94o\xb6\x92\x8f\xfe(^)\xd5y\xdcq\xfa\xdc\xb3\xb8\x16.5\x9f\xf8\x83\x88d5w\x90\xba\xe3\xb4}\xd3*\xc8\xe9E2\x8c\x97\xf3\x05\xe0t\xb7\x9bn{\xe063\xcf\x8e\xac\x1e\x00\x94\x00[\x8bskk&lt;9\x8b\xcc\xdat\xcc@&lt;K\x11\x11i2xy\xc2"\x9b\xfd\xa8\x94\x1b\x15\xd2\xe1\x84\xf5x0r0\x94O\xd8rL\x9e\x1b}\xa3I\x9es\xde \x9aI\xfbXz\xdft\xec&gt;W$\xca[\xa0\xca\x87\x8c\x97\xfe7d\xd2\xd1\xe2\xd5\x8fK\xdc\xec\xafQ\x8b.\x0e\x8f\x9e\x16Pw\\\xd4\xd9\xfa\x13$\xdd\xd6\xfe\xe2\xbd\xa8\xaf\x01\xde;5\x11\xbc\xb5\xb9\x1c\x00(\x19\xd2\x8b\xcc\x1c\x1a\xd9KSJ\x1d|\xc1K\xa63mD\xc4s+t\xda\xef\x06\x13\xfa{\x9f\xd3\xc66cN\x82\x93\xae\xfbx\xd9\xd9\xcfF\xa7\x94T\x04\xcdKDd\xb4\xb6\xde\x8e\xef\x12*\xa4]\t\n_\xd9\xbe\x8f\xb7\xe4^O\x7f\x1f_f\xb5n\x0b}G\xce\xb9\xfbG\x9bj\xb8|\x97\xc8&lt;\x0cO\x9e7s\xb0\xea\xa8\xd4F\xc8\xea\x1a\x11\x05\x8e\xdd\xd7\xf03\xe2\xf6w\x82\xef,2Z\x8f:\xdc\xee\xfb\xafz\xd1\xc3\x7f\xfa\xca\tf\x0c/\xaaA\\\xf9\x00P\xc2\x19o\x7f\xde\xf8\xcf\xfdD\xa4z\xb7E\x05T\x81z\xfd\x96\xe4\xbc\x9c\xadO\x19\xcb\xe6\xf9\xe6\xd7\xbdw\xff\xfa\x13\x1e\xfe\\\xcf\xd8[\xaa{\x9e\xd5\xfb\x1e\x0e\x8b$\x1f\xbe[5\xb3\xa6\x85\x1bT9Lpp\x93\xe1s5\x9c\x18zJ\xe3\x0b0i\x14V\x9f\xf0\x92\xcdODR\x02!N\x8d\r\xb0s|\xcd\xad\x1a\xb4\xd9\xcc\x00\x00 \x00IDAT_\xfb\xbej\x00(\xc1\xd6\x84\xcc\x84\x99|\xe0\xf5\xc6\xe3Y\x88\x9b\xf0\x13\xb5\x90{b\xe9F:\xac=\xa8\xdae\x81\xe9p\x1d\x11\x19\xb3x\x83\x9b\xf7\xc8K\xdfJ/|[6\xa2\xb4D&gt;\r\xed\xc6\xd9\xe8\x1bv"\x7f\xa3\x90\x9a\x8b\xc8\xc2U\x0fm\x95\x0e4-\xd23a\t5\x9d\xca\x04\x9e($\n\xd7\xdc\xc4\xb2\x07\xbc\xf2\x8awE\xa4\xe7\xce\x8c\x82\x06P\x92)\xa5|\xeb1\x04\x17\x85\xd5\xef\x80\xbd\xbd#}\xc2\x92eT\x1a\x9e\xcb\xda\xc0\x93\xb5\xe5\x16\xdc\xf2soxf\x1fk\x9e\x18\x93\x19|\xd4$\xf3:&lt;6\xb8\xd5\x94\x83R\xaf~W\\\xf8\xaaH\xd5\x1a=\xf6\xcc\xb1z\x11&gt;L\xfe\xd9\xafxJ\xcd;\xf1\x01\xdf\xc1}N\x7fb\xe9\x99O\xe7\xa9R\x1e{\x9f\xf6h\xd3\xc1\xa1\xa3\xbe\xdd\xbf]\x85\x8e\xb3\xa5\xde\xf8`\x82Sn\xfc\xec\'\xa5\x8e\xdb\xf8\xa1\xfd{\x04\x00(\xa9nzU\xe9O\x0b\x93\xde\xf5\xd23OB)\xa5\xdc\xc1S\xce]\xb5\xfb\xa4\xcc\xea\xeba\xcd\x95R\xea\xee\xf7-FQY\x9d\xed\xe2\x0e\xb5\xd59}}g\x84\xb6H\x13\xf7x\x83\x01K#\xca\x8f6\xfb\xd8{\x95R\xbb\x1cz\xb3\xb7\x1a\x15c3:\xe9\xd3\xd1@=:\x8cYy\xce=?I\xe4b\t\xe2\xed,\xfe\x182~*\xf4GL\xf9!"\xb2\xef\xda\'#\xea\x16\xe6m\xa5D\x068\xdb\x87^\xf4ZH\xfa\xa8\xc1\xd8)\xda+\xea\xefR%T\nK\x0b\x00%^\xa0{\xd7:i\x03\xec\x0e\xa1\n\x1d\x04\xe4u\xef\x87J\xe2\xa6$9\xb9nzU)\xa5\x86\xcc9?"\xe5\xce\x07\xfb\xa3g\xf8F2\xeb\x05&amp;\xfahy\xec~}oQ\x94q\xae\xf0\x87JU\xea4W?\xf2\xc47\x86\xe7\x13#\x17\xf8\xe77+\xa5f\x1e}\xa7\xb3\xed\x9eUJM?\xe26i\xb9\xdb\t\xd7l1\xd6\xe1#\xe5\xfc\x14k""\xcf\xa7\xa3h\x1d{\xd5\xfb\xb1\x95wu\x1ew\\\xed^\x8bCN\xd2\x9a\x02@\xda\xc8\x85\x17\x05\x0f\x9a\x1a\x1e\xfd\xd6\xe9_Fw\xd7\xc3n\xf1\x1eh\xab\x94r#"\x1dp\xee\xf3\xbe\xf4o\'m\x05[O\x0f\x1cnlJ\xdb\xd2\xbeX\x1bK\xcex\xcax\xbc\\;}JOC\xcb\xd2\xae|Z\xf9\x9a\xe1F\x03\xf7\xd7wC\xda\xfb\xae\x96\xbf\x03\x94R\xfa\xf2|J)\xfd\x0b\xb1,d\xd8\xbcu\xf3O\xdal\x93R\xd2\x81\xa8zL&gt;E\x9fW}\xe1C\x7f\x84$o*\x12|\x08\x11\xf1\x86\xd8\xdfZ\xbf\xef\xfd\x08\xc7_\xfd\xa1]5\x01\xa0dh\x93\xde(\x97 S\x95\x91\xce:B+\xd6\xe7\x1atBo\'\xaexJ\x7fX\x1a\xff\x08\xd7\x15\xb5j^:x\x96\x89\xfe\xc3\xa2\xd6\x0b\xdaj\x10\xa7\xdf\xfa\xb5\x1b\x13[\x97]\x17\xd9\xcd5\xf5\x90M\x16\xc9\xdb\xf5\xda9\xf4\xa5\xbb\xbf\xd8Zc\xbaO^%uv\x14\x11\xdf2\xc6"R\xb1\xe3\x1c}\xf7\xb1\xaf\x94q\x1eWj\xa3\xc9\x14\xe3U\xeez/\xf3\x91\xc3\x06\xeb=\xf5]\xe6a\x83\xb3\xbc\x87\xbf\x9eI^\xe7?\xfe\xb5z\xd7\x9f\xa6\x06\xaf\x87\x01\x94\x12g\xdd\xf9\xbdH\xfb\xac\xb3?\xf1\xad\x12\xa9\xed\xee*\xed\x8d`\xb4\xfb?\xca\xdcC\x87\xcd[\x97\xf0\x96\xda\xdcY~@\xbbhF\x8b\xe1+,Kq\xc6\xd3\xba\xbeQJjl\x7f\xc7;\xe6f#\xa0Z\xe0\xb8\x7fr\xaa\xdbT8\xff\xd5\x03b\xe4\xbd\t\xd1\x9b\xa5#.}3p\xbevd\xee\xfe\x96W\xb1\x99\xab-\xce7)-\x82\x9f\xd78\xcb\xc8T@\x97\xf2\xed\xf7\xd0\xf7\xddU\xb6\x9c\x8f\xd9\x7f\xb7\xb5\xb4\xc1\x00`\xe0\x8ec\xf2\xdd%\x1f\xfa,\xd3H\xdc\x1f\xe8\x1e9\x82\xaf9\xdd\xa2,\x83P\x8a\xc8\x95O\xab\xc0C\xe9\xcc\xac\'\xe3\xc01\xdf\x9bQ\xa5\x94\xef\xf9\xaa\x8f\'\x86v\xa3\x89\x86\x14\rvr\xae\xf2\xfc\xcf\xbek\xb52\x97Xu\x94Rj\xdc~W\x89\xc8\x81\xe7\xbf\xa8\x94\xb2Y\x80\xc1uX\xccj\x86\x1d\x82\x87\xf68\xe6\xee,\x16g\xcc:}\xf2\xd1s\xa1)i}\x01\x94`\xda\xa4O\x87\xb1\x0f\xd4*\xf5\xff\x06;\xe5r-\xd3\xfb\xd4\xd0!9\xc6\xc9\xa0"\x15\x8c)\xc36\xbc:J\xe6%b\xab\xb0\xeb\xd6\xec\xb1\x97\xbf\xf0\xdac\xaf\x7fI\xbd\x15~\xbb7F\xaa\x8ah\x1b\xa2\xc3\x17\xfb2\xde\xf8\x8agw\xe0\xeeg:\x1b\xdf\xa6\x939\x91\xa4\x86\xce9_\xac\x1e\xeaV\xdb\xe5\xd0[BN\x89H\xad\xe8\xec\xde\xfekY\xef\xc9l\x1e\x9f\x1cu\xf9\xdb\x11_T\xf8\xc7\xa9\x11]O\x00()2c\x88.N\xc5\x05lz\x909\xf0d\x86\xf1\xde\x17&gt;\xfa&amp;&amp;\xa3}\xac\x86\xb8\xb5\xf6z\xe4e\rZ\xa7\x92\x8f\x7fm;\xf4)xp\xd2\xf2\xeb\xe2\x06\x84\xf7\xce\x1c\xad6\xda\xfe\xf1o\xd6U\x12\x91tt\x11\xb3k_H\xe5\xda\x92\xc9\xde\xcc\xb2p\xffA-\x98\x97\xe3I\x8b0[""M\xcd/\x9e7&gt;k\xbeh\xe7q\xc7Y\x15\x0b\x00\xc5\xcd\xcf\xe9\xfb\xe6\x8b\xbf:\x1b\x99E^#\xc61\xb9A\'\xfe\x08\xa4\x19\xbf\xf4j\xc3\xb3\xc1\xf0(\x92\xdf\xc7w\xda\xac\x0cv\xde\x0e6\xdd9\xd8\x00\x9b\xa6\xc0\xfa{\xde\xf5\xfb\xef7l\xde\xba\xb2mg\x1a3\x0e\x99s\xfe\x19\xb7\x7f\xeb\x1e\xbf\xf9uOU\xcf\xbb\xf7\x7f\xe9\xcd\xadE\xc4]H \xb2\xaf\x19\xc5\x99\xf3s\xfc\xd5\x1fJ\xbd\xf1J\xa9\xab\x9f\x0b&gt;\t\xc8pg(\xad\xb9\xf5k_9\xce\xc0\xa5\xfb?\xf2\xfc9N\xbe\xfe\x93\xc8\x8b\xc7\x0c#\x8fz\xf0[vpz\xcb8@\xddJ\xa2\x7f\x06\x17&gt;\xf4\x87H\xd3\xac\xaf\x05\x00E\xcf\xb7p\x82.\xf77v=&amp;\x9fb\x93\xc5|\xbc\xae3\x9aW\xf6&lt;\xe5\xe1\xfa\xfd\xf6\xf3\x9e\xeb\xb7\xe3\x92+c\xafn\xb4\xf1\x99\xa8j\xbbsgE:\x8a\xf4\x96j\xa3_\xff;\xf1\xebF\'\xbd\xfbK\xc5\xf1\xa3R\xfa\xd3\xef\xbdN}DB&gt;x\xbf]\xd7\xba\xdb\xdf(\xb5\xe2\xc2W\x1b\x0cX\xeaIYk\x8c\x04~\n\x98d\x82\xab\x0c\x99\x9d\x99K\xad\x94\xfa(O?}\x1c\xce\xa3\xf22mv\xf7\xfd\x99\xf4\xc7\xc8\xcf\xfd\xe4\xff%\xd4n\xfb\xa3\xf4\xc4G^\xf6V cU\x11i6\xe4\xa0`\x81"R\xa9\xd3\x9c\xb8\'"\x00P\x1aU\xeb\xba\xd0{\xef\xaetz\xa0\x13\x16\xf4\xb5\x9b\xa5\x953\xb5W\x7fw\xe8\x9f6\x93\xe6\x19P\xfd\xd0gJD\x16\xafy&lt;\xfb8\xc0\x95GX&amp;t&gt;\xe0\xac\x95w[=wM\xe9\xde\xd0;\xbb\xd7.W\xe6\xeca\x17\xbf\xdef\xf4\x91N\xb2M\xaf)\xa5\x94;\xe1\xb5|\x87=\x94R"\xf5\xf7^\xfd\x98\xa7\xa8\x96\xa9QT\x9f\x06^\x9c\xeb/n\xf5\xe6\xd0\x18\xcf\xf2\xac;\xbf\x0f\xa9\x97\xe1Yt.\xc2\xbf\x04\xcf\xcb\x88\xfd\xe2"e\xf2\x1a\x18\xc0\x7f\x9a{\x13\\\xff\xe0\xef\xc3\xe6\xae\xf3\x9d]\xb4\xea\xa1\x90|]\xf5\x9d\xef\xe2\xee\xa4\xde\xc9B\x9d\xdc\x11Cy\xf7\xc2\xcf\xfe\x8eZ\x18\xdf\x08\xa9\xb4\xca\xe9\\\xdd\xb3XIP)\xe5{%l\xd9\xc68\xf3\xb0\x8deF\x16R\xdf\xbb\xdb.\xf2"\xee\x1cq\xd9n\xafK\xc3\x8a\xb5\xacpX\xb2\xa1\xe1Q\xcf\x94R\xb9\x04\x15\x07\x80\xe2\xcb\xf8`\xd0\xab\xbb\xa7\x9fZq\x98~\xae\xef.\xa77\x18\xb0\xd47\xd9t\xf2\xf2\xeb;\xed\xe8\x1b)c\x98\xd53z\xd1%\x17&lt;\xf0K\xd2\n\xbb:\xedxl\xf0`\xe8\x1c\x98*#\xa3\xcaJ/\xde7\xe7\xb8{\x03c}\xdd2\xdd!T]\x82\t\x94R\xdd\'\x9d\x1c[\x99\xb0\xb3ko\xfb&amp;\xaaz!\xb4W\xd1\x19\xe9W\xfbF\x1d\x9d\xff\x19\xe3_\x8a\xb4z\xe5\x8f\xd0\xbc\xf5\xfa\xea3\xc1*\xbb\x93\xb9\xbd\xc7=\xce\xbf\xef\xe7\xf0\x9a\x88\x88\x1c\xbc\xeee_\xf3\x1f\xfc\xc6\xbc\xef\xb9\xf39l\r\x00\x8a\x8df;\xa76j\xed\xe06H&gt;\x81\xc7\x95\xf5\x9c1\\\xe3\xf6\xbbJ\xa4\xa1H\r7~\xe4\xec\xc0\x9a\xb5AM\xb7=(\xbc\x89\xd2\x1alo\x93\x1f\x96\xa5\xc3\x98c|G\x9c\x94\xce\x10\xad\xc8\xb6\xb0\xa9\x9b\xfek\xeb\xc7\x9bz\xac\xcd\x96#\x0e5\xa6q;\xb8\xfa\xd5\xb5\x06\xb2\xaf/\xa5\xaeW\xd8\xc3\xf6\xc0`c;\xfe\x1f\rF\xa6\xc1k\xfa\xcb\xe9r\xbe\xc4\xef(%"\x9b?Q"2\xf7\xf8\xfb\x9c\xe3\xfa\xeb\xdb\xa4\xb4\xf50\xfc\xa1O\x01\xa0\xc4sn\xac\xb1\xa1-r|\xa8\xa8\x94Zu\xc3\xa7\xb1\xd9\xe3#\xfe\x07FS\xef\xb3\xe6\xf1\x88\xe4U\xba\xcc\xf7\xd5\xed\xd5?c&gt;Hz\xecw\xff\xd0\xdes\x80R\xca7\xeeW)\x95*Gk \x95R\x0bO~p\xcc&gt;\x1b\xa2+\x10\x15\x9a\xdbyumZg"\x11}0T\xa4\xbaRc\xfb\xb0s\xd5\xba\xa5\x02}K\xa3I\xf6\x97\xfe"\xf9+[\xe3S\xf4\x87?\xe7\xd5/\x80\xd2\xc2\xa2\x89\xed\xa8m\x1b\x02b\x88\xc8\xe2\xd5\x8f\xb5\x19}D\xec\xb5\xee\xdd\xa2\xe6\x9f\xb4\xd9\xd7\xc1\xfa\xdeP\x81\xc0"\x07\xdaZu\x05j\xc4\xfc\x0b\x9d\xe9=\xc6^`\x94\xdac\xdd\xc4\x07_\xf0\x92\x88\xdc\xfev\xe2\x11\xd4A\xf9\x1dj\x14,-j8[\xf3\xd0)d&gt;ko\xfbF\x1aM\xdci\xffkR\xfbuw\xf4E\xe5t\x86\x8fE\x17r\xcf\x07\xb4\xac\x00\xfe\x1b\x9c\x990\xd1b{\x8df\xcd\xa6NZ~]\xf8\xe9&gt;\x16\x8dJ\x8b\xaa]\x17\xd8\\J)e\x18\x93\xd5`\x82\xb6\xb3\xb5M9\xd1vZvMl\x9a\tK\xaf\x16\x7f\x0b\xd7\',q\xd8\xa0\xf1\x9f\xfc\xdfL5\x11\x89\x1eY\x1d\xcd\xf7U\xaf\xb9\xe5\xab\xe6\xfe\x08h\xb6y\xcd\xc7k\xee\xe0n\x1e\xbc\xee\xe5\xd8\xec!o\x9d3N\xb9\xf1\xb3\x88\xb35\xbagV\x8ff\x144\x80\x12\xcfw#\xb3\xe9\xf9\xf9\x8e\xf7\xdb\xf5t_\x82\x86\x03\x97\xf9\x8e\xf4\x98\xbcj\xc7}C\'\xef\xae\xba\xe1S\x91~\xa25\xa83\xd2Sr+o=/\xdd\xednd\xc8iz\n\xaa\xaf\xa1\xbb\xed\xec\xf3\xc2.j\xcf\xf8=L\xb0h\x95}\xfa\xefvF\xba\xa8\xf2"[\xb9\xc7\x7f\x0b}\xe8]\xd6\xf8\xe7\x08o{\x06:\xa7\xc6\xed\xb7\xd1=\xe4[Q82{(\'\xcb/!\xffT\x92\x16h\x1c\xb6\xed\x18\xb5\xe8bw\xbbz\xb7Ea\xc9\xe8.\x03(\r|\x83\x83lt\x1ak\x18x\x1cm\xf7#\xef\xd0\xaf\xe8\xdd\xee8l\xde:\xdf)}%;_\x7f1\xba\xb6\'^\xf7q\xf0\xe0\xfa\xcd\xbf\xd9\xe45\xcad\xa9;."Y?CH\x93\xcc\xc8\xde\n\x1df\xefu\xea\xa3a%\x07\x17]\xa8\xd0a\xb6\x88\xccZy\x97^\xe1\xf5\x0f\xfe\x1e6Yh\xeb\xf1\'D\xd4-\xd6\xf3\xffS"\xb2\xe6\x96\xaf\x8c\xd5\xf3\xfd\x0b\x194\xc3\x10\xd1\xfa\xa8\xcb\xdf6\xe6u\xfc\x91\x1e\x86\xf6\xc8\x17V\xdf\x7f\xb3m\xb3\x1f\xc0\x05\x00\xc5]\xf5\xee\x86\xee\x85e\x97w\xf9y/\x9c{\xefO\xa6w\xb7A\xa9\'\xc0\xee\xea\xb35z\xec\x19\xd1\n\xea\xa7\xc2\x96K\xd2\xd3\xecr\xe8\xcd\x12\xf1\x1b\xa2\xdah\xef~G\xb7\x04\xdfR\xb5\xbe\x12\xae\x7f)Q;]\xbf\xf9\x90\x83#J\x13\x11\xa9\xbe\x9d\xbb\xb9\xfc\xdc\x17\xdc\xed+\x9f\x8e\xb9P\xec/\x86\x9eSN\x95\xc6\x93BR\x86\xad\xa3\xecy\xc5\xae\x94\x12\xa9+\xa9f\xb2LH\x16\xf1M!\xb3\x1f\xaa\x16\xa7IV\xb9\x00\xa0\xc4\xda\xeb\xd4G\xd2\xb3\x8cZ\xba\x07\xb3\xbb\x87^\xfe\xf8\xbf\xe1\'\xfb\x05\x0fE\\\xe5+\xa5\x9a\r9\xe8\xd0\x8b^\xd3\xa7\xdf\xac\xbc\xe2]\xef\xd3NO/\xb0B\x07g\xe1\xd8r\x8bW?f,\xd3\x99\\\xab\x94\x9aw\xc2\xfd6uH\xa97&gt;&amp;AFO\xe7\x7f\xbb\x1cv\xcb\x9c\xe3\xee\x8d-\xdc\rn\x95\xd6=\xf6\x02\x05\xf1\xbeS\x0f\x96iY\xfe\xaa\xc8\x17\xb4F\xce\xfc\xe0\x1c\xeb\x7f\xc9#\x7f\x99\x0e\x87.\xa8\x05\x00%\xc3i\x9b\xbep6\x82\x11\n+t\x9cmS\xc2\xe7JI\xe3\xc9\xc1\xe3\xf6\x0f\xb7\x9f\xf9!\x93\xacZ\xd7\x85\x11)}\xc6\xec\xb3\xc1s\x89r\x83\xc3\xd3\xe6$\xfa\xd9\xc0\xde!m\xbf\xcfs\xffs\x0b\t]f8-f\xc2\xae\xb1&gt;\xe9\x83\</t>
        </is>
      </c>
      <c r="E212" t="inlineStr">
        <is>
          <t>&lt;class 'numpy.ndarray'&gt;</t>
        </is>
      </c>
    </row>
    <row r="213">
      <c r="A213" s="1" t="n">
        <v>211</v>
      </c>
      <c r="B213" t="inlineStr">
        <is>
          <t>steps_per_sec</t>
        </is>
      </c>
      <c r="C213" t="n">
        <v>3100</v>
      </c>
      <c r="D213" t="inlineStr">
        <is>
          <t>5.227738</t>
        </is>
      </c>
      <c r="E213" t="inlineStr">
        <is>
          <t>&lt;class 'numpy.ndarray'&gt;</t>
        </is>
      </c>
    </row>
    <row r="214">
      <c r="A214" s="1" t="n">
        <v>212</v>
      </c>
      <c r="B214" t="inlineStr">
        <is>
          <t>Loss/localization_loss</t>
        </is>
      </c>
      <c r="C214" t="n">
        <v>3100</v>
      </c>
      <c r="D214" t="inlineStr">
        <is>
          <t>0.041864593</t>
        </is>
      </c>
      <c r="E214" t="inlineStr">
        <is>
          <t>&lt;class 'numpy.ndarray'&gt;</t>
        </is>
      </c>
    </row>
    <row r="215">
      <c r="A215" s="1" t="n">
        <v>213</v>
      </c>
      <c r="B215" t="inlineStr">
        <is>
          <t>Loss/classification_loss</t>
        </is>
      </c>
      <c r="C215" t="n">
        <v>3100</v>
      </c>
      <c r="D215" t="inlineStr">
        <is>
          <t>0.44502813</t>
        </is>
      </c>
      <c r="E215" t="inlineStr">
        <is>
          <t>&lt;class 'numpy.ndarray'&gt;</t>
        </is>
      </c>
    </row>
    <row r="216">
      <c r="A216" s="1" t="n">
        <v>214</v>
      </c>
      <c r="B216" t="inlineStr">
        <is>
          <t>Loss/regularization_loss</t>
        </is>
      </c>
      <c r="C216" t="n">
        <v>3100</v>
      </c>
      <c r="D216" t="inlineStr">
        <is>
          <t>0.034134425</t>
        </is>
      </c>
      <c r="E216" t="inlineStr">
        <is>
          <t>&lt;class 'numpy.ndarray'&gt;</t>
        </is>
      </c>
    </row>
    <row r="217">
      <c r="A217" s="1" t="n">
        <v>215</v>
      </c>
      <c r="B217" t="inlineStr">
        <is>
          <t>Loss/total_loss</t>
        </is>
      </c>
      <c r="C217" t="n">
        <v>3100</v>
      </c>
      <c r="D217" t="inlineStr">
        <is>
          <t>0.52102715</t>
        </is>
      </c>
      <c r="E217" t="inlineStr">
        <is>
          <t>&lt;class 'numpy.ndarray'&gt;</t>
        </is>
      </c>
    </row>
    <row r="218">
      <c r="A218" s="1" t="n">
        <v>216</v>
      </c>
      <c r="B218" t="inlineStr">
        <is>
          <t>learning_rate</t>
        </is>
      </c>
      <c r="C218" t="n">
        <v>3100</v>
      </c>
      <c r="D218" t="inlineStr">
        <is>
          <t>0.07999919</t>
        </is>
      </c>
      <c r="E218" t="inlineStr">
        <is>
          <t>&lt;class 'numpy.ndarray'&gt;</t>
        </is>
      </c>
    </row>
    <row r="219">
      <c r="A219" s="1" t="n">
        <v>217</v>
      </c>
      <c r="B219" t="inlineStr">
        <is>
          <t>train_input_images</t>
        </is>
      </c>
      <c r="C219" t="n">
        <v>3100</v>
      </c>
      <c r="D219" t="inlineStr">
        <is>
          <t>[b'640' b'640'
 b'\x89PNG\r\n\x1a\n\x00\x00\x00\rIHDR\x00\x00\x02\x80\x00\x00\x02\x80\x08\x02\x00\x00\x00\x83\xaf^t\x00\x00 \x00IDATx\x9c\xed\xddu\xfc\x14\xc5\xff\xc0\xf17\xdd)\xdd\xdd\xdd \xad\x02\x02\x92\x02\x8a\xb4b !a\x80\x81\x84\x85\x82\x8d\x9d\xd8\xdd\x89\x89\xd8\xdd\x89\x85\xedW\xfd\xd9\x81\xce\xef\x8f\xbd\xdb\xdb\x98\xcd\xdb\xfb\xdc\xe7\x03\xaf\xe7?\x9f\xbd\xdd\xd9\x99\xb9\xbb\xcfc\xe6vw\xe6=""J)\xb1SJ\x89\xd4\x91(:\x8e=\xc5\xc8\xa7d\xab\x19\xee\xa3\xda"F\xcc\xdb4z\xd1\xf5\xc6!\xa5\xd4\xee36\x9a\xdb\xee\xb3\xccC\xd64J)\x91\xc6\xdaR^\xfa\xc5Y\xa2W\x95\xcc&lt;\xa7\x1e\x7f\xafc\x8f\xf9\xb2\xe5\xb0\x95\xda\x1c\x94R\xeb\xef\xfa\xd6\xbb\x90F\xfeu\xd8Uu\xccw\x05\x00\xa0\xb0\xfa^\xa9\x1f\xec]\xe6\x97\xf6&gt;\xc9O\xb9\xa1\xd7\xbfh\xeb\xbd\xac\'&gt;\xb6\xdd\x96\xc9eO\xfeml\xfc\x93N\xb3\xfe\xceo\xcc:XS*\xa5\x16\x9c\xf5\xac\xa4;\xceK\x1e\xff\xd3]\xb2R\xeac\xa5\xf6&lt;\xe4\n\xd1\xf5\xe2\xee\x1e7\xa5\xcc`\xe5*+\xc4\xfbDL\xb9\xfex\xf9\xfa\x00\x149%\x83\x12t\xcbQ\xc1J\xa9\x17\xff/\xa8\xd1,=\xd0\xb1c\xc3]\xdf\x9aM\xed\x03\x1f\xa5\xfa\xd4\x03O~T)\xb5\xc7\xdc\xcbEd\xbb\xab[m&lt;d\x85\xb6ti\xb2\x9fu\xcfmodN,\xd7\xfe\xc0\x90\xef\xa2(\xfa_\xa1\xec\xab*w&gt;\xd4\xebP\xb9v;\xf3\xd7\x01`\xd7u\xe8\xe9[\x1c{\xea\xee\xbeT\x8a\xef\xeeN\xd9p\xd0\xd1\xd9\x177\xff\xacg\xcd\xed+\x9e\xdaa9\xd2\xcb\xf83k\xedf\xff\x1c\xac\xd7\xb2\xe6F\xeb\xbdW\x99{j\xf59\xc2\xeb\xdc\x1a=\x17\xde\xf1VV\xddO!\xbe\xd2j\x15&amp;\x91R\xea\xeag\n\xed[\x00\x80]\xd8\xb6\xa0\x0e\xa6\xc5^\'D\xcc\xb2\x81\xe3\xf5\xbb\xffy\x16Q\xa5\xcba\x81=\x9cO\x82&amp;C5\x17\xbb\x1e\x8a\x85N\t\x00@\x8eE\xbd\xbc\x8b\x94&gt;\xfa\xb5\xa31l\xa7^\xc4\xb3\n@\xe5|W\xc0W\x99\xc1\xf9\xae\x01\x00 \tc\x97\xdc\xe4\xdcUr@\xf8\xd3\x0b\xf1=\xdb\x9dU\xef|W\x00\x00\xe0\xed\xfdp#\x9c#u\x9f\x17=\xfa[\x969$\xa8V\x9f#\xa4\xc9\xfe\x89g[x\x7fO\xe8\x1e\xdb\x87\xd1q\xec\xa9\xc9V\x04\x00\x90\x98\x90\xbd\xce\x90\x83.u\xef|\xfc\xcb\xc2\xdacYt\x9dxz\xf8\xc4\xd7&lt;\xe7zGQn\t\x00\x00vi\x1b\x1f\xfa9\xdfU\xc8\xd6\x9f\xd9]\x8c\xc6\xbf\x96\xad3&gt;\x9br\x0b\xa5\xae\xf9\xae\x80\x88H\xfd\x01G\xe6\xbb\n\x00P\x80j\xf7Y\x9c\xef*\xc4\xb4\xdf\xb1w\xe7\xa5\xdc\xf1\xcbn\xc9K\xb9\x00\x80\x9d\x9fRJ\xa4\xa9\x88\x1c{\xc5;1N\x1f\xbd\xe8\xfa\xa4k\x84\x9c(\xbc\x8f\xb4\x01`WQ\xac\x9fv\xf7\xcaM\x1f\x848\xb9R\xb2u)(}\xe2\x9dV\xac\xd9\x01\xc9\xd6\x03\x00\xb0+k\xe6\xbe\x18\xba|\xcb?\xf9\xa8I\xc5|\x14\x9ag\xad\xf7^\x9d\xaf\xa2\x8d\xe0\'&amp;\xcft\x95\x86\xe5\xb6\x1e\xa5\x18\xc8\x06`WUH\xeeFZcU\x16B\xbd\xf6;+\x81\\v\x1b\x9d@&amp;I0;\xddYk\x1e\x16\x11\x91&amp;\x85\xe4\xdf\x00\x00v\x15\xaef\xb7\xe7\xcf4\xc4\xbb\x00\xf7U\xefN\xd7\x01\xd7\xc8w\x05\x00\xc0_\xad1\x05WV\xc5\xbd\xc2\xa4:\xe7\xbe\x1fr]\x91B\xa3V^J\xbd\xff\xc3\xd4m\xe7\x17~\xf2X\xb4\x11\x00PD=\xf41\xadyn\x95\xb7\xac\x9c\xe8\x1bN\xa4\xbbv\xaf\xd1\xe3Z\x17l6\xd7f.\xd2\xfe\xe1g\x04\x00\x14]%ZL\xcfw\x15\xc2\xab"q\xef\x1e+\xa5\x96]\xf0J\xd2\xf5\xc9\xca}\x1f$\xdb}\xf6J47\x00\xc8\xce\xa0\xd9\x17{\x1c\xe9\xf3\xbd\xbd\x1d_q\xd9\xdb\xa1r\xac62\xdb:\x152\xe6\x1a\xc3\x85S\xdfi\xe7%\x95U\xf0\x10h_\xcf\xff\xc4\xe5&amp;\x00\xe4S\xe6&amp;g\xdbQk\xdc\x87\xcb\xb5;\x90\xe7\x8b\xa154\xb7\xb2\xfc\xd0\xda\x8f99t\x99\x93\xb2)\xc8\x81\xef\x1a\x00\n\x8c5\xaeE\x93|Ub\x97\xb2\x13wr\xfb\x1fwO\xbe\xab\x00\x00\xb9\x11\xd4v7\xb0l\x97\xc8mU\xfc\xd4u\xbc&gt;\xe1\xea\xf7\xf3R\x0fS\xf1\xe6\xd3\xf2[\x01x9|\xc3\xd3\x11\xcf\xa8\x9a\x8bj\x00@\xb0\xb0\x13@K\xf6/\x80\xcaT\xed:\xaf\x00J\xc1\xce\xc4\xfc\x8f\x8dv\'\xa0\xea\x08ss\xef\xc3\xafI\xb6J\x00\x10G\xcb\xe1+\x8d\x8d\xc2~c\xd3#l5\x10\x86\xb5\xdbf\xde3\x80]N\x98(\xd3yk\x19K\x0f\n\x93*\xa8zEt\x81\x8a"#\xf6\xbf\x87\xb5\xd3\xa5\x03\x06\x00\x11\x91\x0b7\xff\x1a*]\xe1\x98\xef\xb4}\xd7n\xb8\x07\xcf\xc9Lc[w\xdb\x97\x05_\x01\xeb\xaa\xcc\x91\xc2\xa6\xba{\xdc&amp;CW$S\'\x00\x88$_\xcb\xda\x17~7\xbd\xb2Kw\xb1\xfe\xfeN\xe8\xf7\xc7\x8c\xd5\x0fy\x1d\xea3\xf5\xdc\xc0\xd3\xb9~\x05P\x84\x15\xb6&amp;\xec\xfdBS\x9f\xb7\xfe),5)\x9c\n\xdb\x7f\x0e\x00\x14Q\xcd\xf3]\x01$\xe6\xc8\x0b_\xcdw\x15\x00\x00&gt;\xeaM\xc8w\r&lt;\xf5K.\xceb\xbe\\\xf2\xf8\x9f\xf9\xaeB\x01\x89{)\\\xa7L\x9b\xd9Y\x16}\xe8\x19Oe\x99\x03\x00\xe4]\xc5|W A\\\xcd\x17\xa8\x0f\xb9\x17\r\x00\x85\x19\x8f\x0c\x0bT\xe1\x18+\x0e\x00\x88\xa6\xf3\xf8\xd3\xf2]\x85l\xcdX\xf5`\xcc3\xab\x8c\x08N\x03\x00@6v\xea\xab\xd2\x16\xc9\xbd\xbb\xf6\xf6\xe0\xd8(\x82\xaasK\x00@\xa1P6\xdf\x15\x00\x00\x00i%ZL\x7f\xe7_\xd5\x7f\xc6\x05\x1b\x1f\xfe%\xdfu\xc9\x91\n1\xce\xd9\xa9\xef\x13$\xafT\xab\x99\xf9\xaeB4|\xbf\x00\n\x93\xa26\x84\'\xcb6\x94&amp;\xb8\xe04\x9d\x9a\xef\x1a\x88\x88L^~W\xbe\xab\x00\x001u\xcfw\x05|4\xccw\x05\n\x16\xa3\xc6\x00\x00H\xca\x83\xdb\x9c\x17\xe5\x8f|\xae\xbdL\xefZ\x00\x95)Z\xd6\xdd\xfeU`\x9a\xe9\xb1\x07\xc9\x03@\xbet\x99\xb0N\xb3\xb7n\x8e\x82j5\xc9M\xb6"R9g9\x87S{\x9c\xef\xe1\n\xee\xbb\xe2C\x0e\xbc4Gu)\xdbnN\x8er\xce/\xf7g\xa8\x94\xbar\xeb\xbf""\x15\xf7\xccC\x85\x00\x00\x00\x00\x14"&gt;c\x91\xeez\xa7\x00\x86)\x95\xcc}\x11\x85N\x8c\xf1_\xf1\x86\x8c\xb5\x18\xb620\xcdO\x85e0Z\xd5|W\x00\x00\n\x97\x96\xf9\xae\x00\x12\xd7:\xdf\x15(8\x8cu\x07\xb0S*D\x03\x8f\x7f(D\xedl\xd5,\xcf\xaf\xde}\xbe\xcf\xc1,3ON\xdb\x04\xf3z\xf2\xab\\}}\xfb\x1d{\xb7fo\xf5Q9*\x0e\x004|/\x05\xda\x14\\=v\x12-\xf2]\x81\x9dX\xb1\x18\xe7l\xf9\xa6\xf0\xfc\x02\x03\x00;\x9f\x0e\xd8y\xa8\xc4\xee9\xaf\xcdN\xe7\x93\xf4g\xc8=O\x00\x00\nJ\x9d\xf1f\xbf\xfb\xbdR\xf4\xc1\x05)\xdc\xa7\xdd*\xe7\xf5\x00\x80\xb0j\xec\xe3\x7f\xfc\xfc\x87~v\xed\xeb\x10\xbb4\xa5\x94T\x1e\x1e\xfb\xf4BN\xa5\xd5\xee\xb3X\xd1\x01\x172|\x1d\x00\n\x89\x82\x1e9\xf5\x99R\xe2\xdd\x08\xa6\xf7\x17\xf9q\xb9J\xa9\x9d\xe0]\xd8\x95\x912\x83S\x9bq\xe3\x84\xd3\xf9\x01\xc0.\xe4\x84\xab\xdf\xf7:\xb4\xf0\x9c\xe7/\xdc\xfck"\xa5t\xdb\xf7\x0c\xdb\xeb\xb2Cv\x9ak\xdf\x82\x7f\x17\xc9\x96\xf8\xc1N\xf1-\x00\xd8\x19\x95\x1d"Q\x9a\xbc\'\xbe\xccms\x96xs_\xba\xf5\xac\xd0\xc55H\xb6h\xc4\xb0\xfe\xceo,_Jy\x95\xc4p\xb6\x06\x03\x8f\xca\xba^\x00\x90\x90f{\x1e\xe7\xd8\x93\xdf\xcb\xb5^\xfb\x9d\x9d\xbb\xcc\xa3\xbc\xb5\xe2\xb9\xabF\xe1PU\xa4[\xae\xcbh9|\xa5\xd4\x18\x1d\xef\\\xed\x9d\x03c\xe7\xfa;\xbf\xc9\xbaj\x00P\x88\xb5\x1c\x9e\nXhi\x07\xad\x01\x1f2]\xd4K\xbf\xe4\xfb\xe6^\xd9!\x8e\x1do\xfd\xa3DD\xca\r\xcdCe\xa2\xcaG%+w&gt;4RzG_8n\xe9\xcd\x89VG_\xa2\xbb\x0f6\xf6\xac\xben[\xee\xca\xed\xb9\xdfY\xb9\xcb\x1c\x00&lt;%z\xf9\x1b\xf6"\xd2]h\xa9V3]\xa9zg]\x1f\x07\xfd2\xc6\x83\x0f\xbc$F^U\xbb\xce\xcb\xae2\x91\x94\xcf&gt;\x8bi+\xef\x8fw\xe2\xe8E\xd7g_z\x18\xd6\x0e\xb8\xd3\xb8\xd3\x8c\x9dW?\xfd\x9fR\xeag\xa5Dd\xc2\x91\xb7\x16LM\x00\xa0\xe0%\xd0\xd0\x9b\x1e\xdb\xee\xd9\xb5\xd7\xe9\xbb\xc4\xeb\xd0?\x11~\x10Tu\xed\xa9q\xc3K\xd9\xfc\x9e(\x9d\xc5\xb9\xb9U\xa7\x9f\xe7\'\x96\x08\xd7O\xa2&gt;9-\xceC\xc7T\x07\\uo\xeb\xde\x9dcD\x1b\x00\xd8\x8c_vK\xbe\xab \x8e~4\xa8\xb5\xd5_\xc5&amp;\xa2\x00\x1a\xfa+\x9e\xda\x91\xeb"\x8a4\xedc\xe0\xab\x9e\xfeO)\xb5-g\xdf\x0e\x1d&lt;\x80\xa2\xed\xfa\x17\xfcZ\xb1\xd9k7\x17L5\x8e\xbc\xf0U\xa5\xd4)7\x7f\x1e\xe3\\\xbf\x868\xceS\xdb\n\xee]\x1f)5\xec\xd0\xab\xa2g\x95\xb2\x8bt\x15J\xa9\xeb_L\xdf\x8en4%z\x065\xd2\x1b\x9d\x92\xac\x16\x00\xecz\x9cK\x05W\xeb~\xb8\xb1\x11\xafC\xea?\xf3\x02\xed\x89\xf3\xcf|&amp;\xf0\xdcc\xafx\'F\x89\xf1\xfc\xad\x1b\x12\\`\xa5\x07\x8aW\x19\xa3[\xed{\xc0\xb9\x89\xd7\'\xaa\x1a\xbd\x16\xe5\xbb\n\x00vu\xb5\xf3Up\xd2\xdd\x89\xfe\xb1\xe5\xdb;\x9c\xa5\xb4\x19\xb9:\xd1rwi\x17?\xf6G\xf8\xc4\xca\xe5\xde\xf7s\xfe\x93\x82A\xce\x00\n\xb5\xddz,\x08L\xf3m\xcc\xfe\xb2\xaf\xd7\x81\xbb\xdf-\xb0\xeb9[lH\xa5\xd4\x11\xe7\xbd\xa8M\x17\xfb\xaa.N\xa5\x8a\x84\x06\x93\xfc\x8f\x87\x7f\xef_Z\xfa\xdd#/|\xb5\xe1\xa0\xa3\xb5\xf3\x8eD\xa4\xfb\xa4\xf5q\xaa\n\x00E\xc5\xd6om\r\xdf\xd2\x0b^\xd1&amp;[t\xee\x0b\x05R\x1d\x8db\xcd\x0f\xc8i\xfeC\xe7^\x96\xd3\xfcw\x1d\x1d\xc7\x9e\xea\x9f\xc0z\xd5\xdbe\xc2:s\xff\xf0yW+\xa5&gt;\xde\x89\x7f\xc1\x00@\xce5\xde/\xeb,:GI\x1c\xb0\xe0\x81\xf5\xba\xaa\xf3\xf8u9\xbaH\xdd\x99\xaf}\xd3~L\xe2=Z;`\xc7\xa1\x05g?\xa7\x8d\xbf\x91}\xa1\x00PH5\xdf\xeb\x84x\'\xd6\xec]\xd8F\xaftz\xf9\xd7\x80\xf6\xba\xb0\xcc\xff\xa971\xdf5\x10\x119\xeb\xde\xff\x85O&lt;p\xd6E\xd9\x97\xa8\xed\x80G\x1c\xbeI)U\xbf\xff\x91\xee\x0e\xf8+:`\x00\xc8\xa96#\xd7\xc48\xeb\xd7\xa0\xd6\xd9}\xfd4s\xf5C~\'\x94\x1a\x18\xa3\x1a;\x81\xdd\xa7\x9f\xaf\xd2\xcbD\xae\xbb\xedK\x91\xca\xc6\xfep\x17\xa0UD\xa4\xc50\xdb\xcf8\xaf\x13\x1dc\xaf\xac;\xc7-\xbdE{e,\xd28\xc2;\x01\x80\xc2o\xf4\xa2\xebE\x9a\xe5\xbb\x16yQ=8\x89\xb7\xc0\xc7\x9c\x91\x14\xe4-\xd6\x05g?\'"R\x7f_\xcd\xb1\xba\xe3\x0b\xa6\x0e\xf6\xde\xb7\x92\x88&lt;\xf2\xb9:`\xe5\xfdJ)\x91\x86\x1e\x1d0\x00\xect\x92m\xec\n6*\xb2H`\xfd\xab\xed\xad\xdd=o\xc3\xd3\xd9\x14:c\xd5\x83\xf6\x1d=-\xdb9_e\xa8\xa8\xd3^\x01\x1bj\xf4Z\x14\xa5\x03\xeeHW\r\xa0\x08+\xdbvv\x02\xb9\x14\xeb\x97@&amp;\x05e\xc9\xc6\x97\x93\xcd\xb0\xed\xa8\xb5qN\xab=\xce\xfaj\xf2\xf2;\x13\xa9LDmDDj\x8d\xb5\xec\xe9\x18\xe1\xec*#b\x14\xf9\xb8e\x12\xd2\xcb\xbf({\xc4\xef.%[\xcep\x0f\xc1+\x90\x8e\xb6Fp\x12\x00H\x90R\xaav\xdf\xc5\xf9\xae\x85\xbfV\x8e\xd7y\xbf\xee\xd9{\xfe5\x91\xd2\x87\xb9\xaa\xcb\xdd\x9b\x8a\x92sS\xed\xde\x91\xf3\xaf\r_\\\x98\x0f\xe7\x8d\xbfR\x1dp\xbf\xe9\xe7\xdb\x8f\xb4\x0c_\x10\x00\x14m\xda\xd6\xf9\xa2G~[x\xce\xf3\x05S\x81C\xd6=\x99\xbb\xccc\xf7j\xfdg^\xb0\xe6\xfa\x8f\x93\xad\xcc\x90\x83.\xf59Z\xa9\xf3!\xc9\x16\xe7\x16\xef\xd3\xd8\xee}V\x9fT\x14\xc9\xe0\xa5\'\xefyO\x93I\xab\x11\xab\xa4\xfaH\x91^w\xbd\xa3DJiO\x8cZg\xaf\xb0*\x00P\xe8(\xa5\xa4\x9csA\xfb\xd8\x1e\xfbB\x89t\x89]\x93\x1b^t\xb7\xb6\xb5|N\xe90\xe6\x14\xc7\x9e\x83O{\xc2\xfa\xb2\xdb\xbeg\xc4\xabLlG_\xf2F\x01\x96\xd6\xce\xffp"W\xd5c\x8e\xb8\xd1?\xc1\tW\xbf\x1f5\xcf\x9eS\xce\xb4\xbe\xf4Y\x869\xefw;\x00`\x17r\xd8\xfa\xad!S&gt;\xfay\xa8\xd6\xf9\xf1/\xb2j\xc4\xfd\xaf\\\xdd6\x7f\x9a\xba\xab\xdfj\xc4\x89o\xefP\xe9g\xbd5\xa5\xc2\x9e\xd6dJ)\xfb\xda\x12\xe5\xb2\xa9\xa4\xdb\x1fJI\xf5\x91\xfei\xce\x7f\xe8g\xd7&gt;\xcfp\xa1^\xaat9,\xea)\x00\x00\x11\x91\x83Ny\xcc\xd8\xb8\xcew\x19Ao\r\x12\xac\x8c\xbf\x1a=\x17z\x1f,\x1f.\x8f\x90\xc9\x9cB^\x8ai\x93=\xfd}\x1e.\xe3\x94R^\xcft_\xfb#\xab\xfa$8S\xc8\x91\xcf\xedo\xe6\xf0\x83:\xed\xd6/\xdc%\x02@\xde\x84i\x8f\x9e\xfb\xc13\xcd\xd4\xe3\xef\xbd\xf1\xe5\\\xb5hM\x86\xac\xc8Q\xcea\xdc\xf9v\x02\x8b1\xa4_F\x8a\xac\xe9\xa3\xbd\xfb\xfb*\xdbvN\x88\x13\xbbx\xec\xef\x10\xb2`G\xb9\xd7&lt;\x97y\xf9\xc0G\xe9\xfe\xb8\xd2\xb0\xee\x937\xb8N\xad\x16\xb2\x88\x9c\x9a\xb2\xe2\xae|W\x01\x00\x1cj\x8f\x8b~M\xd0+^Q\xe9\xe9\xb3\xbb\xc5;=\x11\xdf\x84x\xb3\xc6\x07\xf2]\xf4K%\xf7\xa5\xa1\xb9\'_\x17^uw_\x16\x98F)\xf5\xd2/\xc9\x04y\x8e}n\xff\x19\x1b\xb3(\xb9^\x16\xe7\x02@\xfed\xddC\xe8\x17\xdf\x8dW\x8dB\xc5c(\xb8\xe7%\x9d6\xb8\xc4\x9e\x07_!\x05\xf4\xee\x9c\xf3\xb5\x92\x10\xa1o\xd3D\xe1\xb6\xcfu\xb6j\xbf\xcfIF\x00\x93K\x1e\xffSD\xa4\xe6\x98H\xd5r\x7f\x9e\xa3\x17]\x1f)\x07\x00\xc8\xa7\xc6CV\x88H\xbd\xfe\xc1\x17I\xde\xfa&amp;\xfe80\xebG\x8ce\xd3\xd3c\x82\xcb\nPa\x8fH\'z\x05x\x8aPb,w\xbc\xe5\x99\xf9c\xdbs\xd9\xf1\x97\x1b\x9ae\x06\x8b\xcf{1\xb3vV\x93\xfdE\xa4[\x01-\x00\xbckF`\x05PT\xc4\x8as\x14\x9b\xd9E=\xb6=\xd3\x81-\xbf\xf4\xcd\xe89\x95\xcdlV\x1af\xfcm\xba\xc7q\x8e=n\xa98\xc9\xe1*\xa95o\xc3\xd3\x9e}p\xa5\xbd\x023/*\xca\xb5;\xd0\xb1\xc7x\xb3\x0f\x7f\x92pg_\xb5[AG6\x05\x80B\xaem\xe29V\xe807\xd3c\x95\x19\x9cEN\x9dE\xe4\x03\xa5D\xe4\xb8+\xdf5\xf7v\x9f\xe4\x1e\x1c\x94\xd2b\xd8\t\x13\x8f\xba\xcd\xba\xa7\xf5\xde\xab\x1di\xdc]\x8e\x88\x88\x94q\xef2{\xdf\x92-\xa7[w\x86\xa8ynM[\xf9@\xe2y\x9a\x13\xb4B\xbe\xc1\x03V\xde\xaf\xdb\xed\xb3\xd2Q\xd70\xd9\x9eq\xc7\xd7\x85\xe1\x13\x06\x80\xe8l\xa1\x80\x0bN\xed&gt;\xf1B`f&amp;\xaa^\xf3l\xf0$\x16\xa5\xd4U[\xff\xd5f\xb4\xf9Su\xe1\xe6_EJ.\xbb\xf0U\xeb\xfe#\xce\x8d\x11M)\x13Ix\xef\xf9\xd7X\xaf\x83\x9b\x0c\r7\x96\xdb\xfbqi,\x15\x8c?\x1e=S\x95\xf0\x19\x95h1=8\x91gY\x15\x02\xd38\xf6\xbc\xa7\xab\xf0\xc8\x05f,L\xc7Z\x17\x04p\x06\x80\xc2\xc1h\xcd\xb7~\xa7\xe6\x9f\xf5l`b\xeb\\\x9aBg\xb7\xd1\xb1O-Z\x97\x83\xf6\xda\xee\xa6\xdb\x19)\x87p\xc9\xecAQ\x00 \x8f:\x0f\x9cuQ\xac\x13s4\x03\xa4{n\xb2\xdd\xe5,\xbb\xe0\x95Q\x0b\xaf\x8btJ`\x7ffL\xd0\x9az\xfc\xbd\xf1\xab\xe5\xa5\xe9\xfe\xd1\xd2\x87\xfb\x99\xb2\xee\xb6/\xe3T\x06\x00r\xae\xec\x90J\x9d\xc2\xae\x040\xe7\xa4GsZ\x17\x83\x19\xdd0\xfc\xfd\xcfD\xfc\x98\xe9{B=}\xdc\xb9\x9dq\xe77\xa9\xadR\x03w\xe8z\xe5\x0fu;\xed\xfdw\xef\xdb\xdeP/\xfe\xac\x1cG\xadil\xe9\xebM8\xfd\xf6\xafb\\\xc1\x9fx\xcd\x87""RZw\xb0\x8e\xfde\xccPh\x00\x90\x13\x13\x8e\xbc5(I\x94eb\x0bP\x871\'K\xb1\xccS\xe1\x95W\x7f\x10/\x1f\x9f\xc9\xd0\x9d\xc6\x9d\x16/O\x0f%\x12\xcd-\xa6\x83Ny&lt;|\xe2\xc5\xe7\xbf\x94~l\\\xd2\'\x99RJ\xa4\x99G,0\xff\xb3\x02\xd3;\x9f%K\xa3\xc9\xfe\xd9\xfa\x188\xfb\xa2\xa2u\x97\x1e\xc0\xae\xe5?{\x0b\xd5n\xf4I\xc6\xc6\xbd\x1f\xc4\x89\x0f\x15\xe3PT\x07\x9e\x1c\xe7\xd2\xbc\xb05\xc4\xf6\xfaD^\x17![U\xf7\xf6:\xe2X\xe5w\xbbR\x1f\xda\xafb\x87\x1c\xe89"\xfa\xe2\xc7\xfe\xf0\xca\xf6\xe9\xef\xc2~\xfe?\xb9\xfai\xedp\xadH\xeez\xa7p}\xfb\x00v=f8\x85\xca\xc3]\xc7\x1a9F\x08\x97j5\xd3\x91\xa2z\x8f\xf9a\x0b*\xbe{\xd4\xaa\x854s\xf5C\xc9fX\xd8:\xe6DX\xdfT\xeb\xbdW\xf9\'\xf6\n\xf1]\xbb\xefb\x9f\x05\x80\'/\xbf3j\xadn}M\xf9L\xce\x06\x00\x04\xf3\xed\xb4z\x16\\=\xbc\x9d\xff\xd0\xff\xc58\xab\xed\xa8\xb5\x89\xd7\xc4\xaeb\x8e\xf3OF\xcb\xe1+}\x8ez&gt;\xd6\r\x91^DD\xeaFLos\xe1#\xbf\x05\x96\x08\x00\x85JK\xed\xde\xef\x0b\xef\xf5\x9f\xb9zOVCi\x94Re\xda\xcc\xce\xbe6\xd9T\xc0\xffh\xb2\x97\xe0o\xef\xd0\xe7\xe6?\xe39\xf4\xc2\x15\x89=\xd5&gt;\xe9\xc6O\xbdK\t0e\xc5]\x7f\x86\xfe\xd0\x02\x83\x95\x02@n=\xf9U\xa6\xc1:\xe2\xbc\x17\x7f\xb6\xb4_\xadF\xd8nQ^\xb8\xf9W\x11\x11iR0\x15\x8b\xa8\xb1\x14\xa6\x9b\xc6mF\xae\t\x91*\x81X\xc45z-\xca&gt;\x93\xbc8\xf3\xee\xefl\xaf\x83\x9eM,&gt;/Fh\x14\x8d\xc2\xf3O\x02\x00)\x8e\xf0\xc5\x96\xed\xe6\x1eg\xc4[\x91\xb0}\xac\xb3\x02\xbc\xf7\x9f\x12\x91s\xee\xfb\xc1}h\xe3\xc3\xbf8\xf6,:\xf7\x85\\\xd4!\x9cb&gt;\xc7&gt;\xcaK\xdfPvH`\x92\xcf=.\xc7\xe3\x05jVJ\x9d~\xc7\xd7\xee\x9d\xe6\xf6\xa4c\xee\xd0\x9e\x95\n\xed\x99\xee\xaa\x1b\r:&amp;F\xe9\xee\xe2\x00 \x9f\x8e\xbc\xe85\xef\x83mE\xe4Rc\xc18\x8b\xa7\xbf\xcf4a\x8d\x06\x87j\n\xe3\xb5z\t\xb6\x95\r\x07\x1d\x1d\x9cf`p\x9a\x90,5\xcf\xd7\xf3\xef\xdc\x86i\x8c\xb7\xe2\xd3\x03\xdb\xf4i"E\xb3RJ=\xf95\x9d(\x80".\xc1\x1e\xae\xf9^\xc7\'\x95\x95V\x94\xaaj\xa6\xab\xd6\xeb\xbf,J\x0e\xfa\xa7\xe3\x0e\x83\x0f\xbcD\xb7\xbb\x93\xf1g\xc0\xcc\x0b$]\xed\x13\xae~?t\xd1""+79\'4\xbb*\x1f3XX\xc4o\xbcS\x84\xb45\xc7\x88\xefh\xac\xcd\x9f*\xf1X\xb8\xb7\xe0\xafJ\xb9\x0e\x06\x90w\xb5\xb5{c4O5z-\x14\xa9\xe5?V\xd6\xe1\x8b\x18\x8d`\xbd\x89\x91O\xc9\xaf:\xe3}\x0e&amp;\xdc\rx\xaf\xabq\xf53\xe1\x0b\xaa\x1e2\x9dQ\xf9+\x9f\xda\x11:\xe7\xb0\xd2\xa1\xd9"\xc7#\xb3\x7f\x9e\xe5D\xa4d\xcb\x19\xbaC\x00P8\x18mS\x996\xb3\xac/\xb3\xb7d\xe3\xcb\xfa\x03Y\xac4\x90\x0b\xc3\x0e\xbb*\xbb\x0c\xa2\x04\xc4.=0(\xc5nQ\x8b?\xef\x81\x9f\xdc;\xb5\xb7\x88\x1f\xf9L\xff\xcd\xfe\x104*;\xbdY.j\xdd\x0c\x95;\x1f\x1a\xefD\xef\x9a\xd8L[\xf9\xc0\x03\xdb\xb2\x1d:N\x0f\r ?"\xb5&gt;\xee\xc1M\xda\xdc\xfaL=G\xa4\xb2\xb1\xc7:\xe2:\x11\xe6\xe3\xc0:}\x97D?\xdb3\x94\x84NM\xe3\xcf}!\xa2\x80\xe5\xb1\x11\x1f&gt;\xef\xea\xa0$\x95Cfu\xa5\xc7\x02\x8e\xd9\t\x98\xe9\x9b\xa0\xd8\xdf\xc2\xea\xeb\xb6%[\x13\x00\xc8\x9dxw\xb0]\xa1}#\n3S\xb6\xfd&gt;\'gY\x8a\x884\x1a\xbc\xdc\xb5\xaf\xaa\x88\xa4\x06\xe5fDyVZ\x94\x05\xce`v\xec9\xea\xe2\xd7C\xe7\xdd\xda\xdc\xca&gt;\xb4\xd9\xfc3\x9f\xb1\xbe\x1c\xbf\xf4\x96,3\x04\x80\x1c:x\xdd\x93\xd9^\xc0\x15\xefg\xfc\xed;\xed\xbc\x04*\x94\x855\xd7\x7f,""\x8d\xbc\xc6\x04\xf5\x99\xea\x0c\xc5\xd0o\xfa\xf9"\xe2?Y\xa8`,&lt;\xfb\xb9\x98g\x96\x1e\xe8\xa8\xffn=\x174\x18x\x94u\x8f\xcf\xb2\x13\xd9SJ\x19\x91\x9f\xcf\xbe\xf7\x7f\xeeB%\x15\xc92Q&gt;c\x02v\x1b\xe5\x7f*\xf7\x9c\x01\x14\x16M\xf78\xd6\xd8(\x9d~\x18\x9c\r\x9f\xd6\xed\x86\x97\x94H\xa5\xa8geO)5\xf7\xd4\xc7\xbd#\x0fw\x16\x91\xce\xe3\xedk\x1fU\x19ayQ5\xb9\xba4\xd4\xee\xd5/KUw\x82\x7f^\xd3O|\xc0\xbd3\xc1\x08\x9a\xe6\x97\xa2YX\xb7\xe6&gt;^\x89\xc3\x1bq\xf8&amp;\xff\x04\xe6r\x99\xbb\xa7~$\xa5\x84\x99Z&amp;"\x13\x8f\xba\xdd\xfa\xd2QC\xed\x13t\x00(\x9c:\x98\x8fE\xb3U5\xd5\xbdMYq\x974\x8c\xbf\xc0\\"~\x8e\xd1\xf7{\x84p*\xb0G\x89\x91z\xbbAs.Nov1wNX\x16\xb8\x12e\xd6\xbc\xc7\x81_\xb9\xf5\xdf\xc6\x83\x97\xc7\xff\xd5Uu\x84H\x1b\x9f\xb2\x96\x9c\xffr\xb5n\x87\x07fs\xf0iO\x84_\x97\t\x00\x12\xa6m\x04/\xdf\xf2w\x8c\xb3\xd2\x1a\x85N\x99-\xf7\x13\xbe\xe3\xae|\xd7;\xb9\xfe\xe2\xdbW\x13\xff\xc3\xd9\xbc;G\xc8\xe5HY\xc5\x99\xc7\x15K\x88Z5\xf6?|\xffGy\xe9\xe1\x1ao|\xe8g\x11i\xba\xc7q\xe6.\xee&lt;\x03(\\\xccG\x83\xd6\xe6\xe9\xc9\xaf\x95\x94\x19\x9cITmd\x98\xac\xcc\x99\x97\xee\xfc\x8b\xa8\xa8\x8b\xcc;S\xda/\xcb\xbc\x96\x1c\x88\xe1/\xa5\xa4\xf6\xb8\xd8\xa7_\xb0\xf9\xd7\x82\xf9^\xb4s\xa2\xf6&lt;\xe4\x8adr/9@D*w9\xb4\\\xfb\x03\x93\xc9\x10\x00\nR\xb9vs&lt;W\xf6\xad4\xac^\xffe\xe1\xb3\xea4\xee4\xf7\xce\x81\xb3.r\xec\x99\xbc\xfc\xae\xf0y\xe6\xd1E\x8f\xfc\x16k}\xbd\xacR&amp;\xd2/\xd6\xea}D\xb3=\x8fs\xc7\n\xed1\xf9Ls;\xf6-\xe8\x1b^\xca\xae\x86\xe1~\xccE5f\xf1\x8d\xd9\x9c\x9e\xdf5\xb2\x00\xecr\xbc\xda\xfa(}@i\xeb\x8b\xddz,\xf0N\xd9N\xa4\xb5\x11k)F\x1f\xf3\xfa\x9f\xf6+r\x8d|M\x07\xaa\x11\xaf\x03VJ\xc5^c\xcaz\xa7\xe1\x95\xdf|K/\xbf\x87Hu\xa3\xdc\xc7\xbf\x88\xfc\xb1o\x89\x1ex\xf9\xb4[\xbf\x88zJ$1"{\xfc]\x94\xef\xc1\x00\xd8\xd9\xec\x9b\x1e\x1d\xfa\xd2\xcf\x9a\xb6\xe9\xaa\xa7\xff+\x98jDlL[[_\xfc\xaamU5c\xa3\xca\x98[\xb3Oz\xc4\xa7.QjR84\xde/\xa9\x9c\xdc\xabnx\xaa3\xfe\xb4[\xbf0f\xebV\xecx\xb0\xf5H^\xc2Q]m\xff_}\xf4\xf38\x99\xec&gt;cc\x8c\xb3\x00 \x0e\xa5\xd4\xa6g3K\x10\x8a\xe6\xe2\xccO\x871\xb6H\x17W&lt;\xb5\xa3|\x87\x83B\x16\xddlO\x8f\x95\x1b\x1aO\t\x99CD\x15\xa5\xec`\xff\x00X\xbe\xefW\x1f\x1e2\xb8\xb7(=(\xa8bZeE\xfa\xc4:\xb1\x80h\x03\xa1\xf4\x9bv\xbe6\xb1\xf6\xf4w\xfe5N\xaf\xe8&gt;\x94m\xe5Bx\xed\x0f\xae\x86\x01\xe4\x9bu\r\xe0\xa7\xbe\x89?\x1c\xd7\xcb\xe1\x1b\x9e\xd1\xed\x8e\x19R\xd8O\xd3\xa9\xc9\xe7\xe9r\xf8\x86\xa7\x1d{\xfc\x97"0\xa7V\x9b\x94R\xc7_\xf5\x9e;e\xcd^\x8bB\xd6\xa1|\xfb\x80_9\xa3\x17]\xff\xec\x0f\xaa\xfb\xe4\r\xfa\xc35\xb2\n\xc4m\xfcW\xac\xba\xf6\xa3\xa8g)\xa5\xa4\xe6\x18\xf7\xef\xbc\x87&gt;\xd1\xf4\xe59\xea\x86/I_\xe2\x17\xe9!\x81\x00`(\x13\x9c$\xa3\xbd\xf1\xc7\xec\x81\xce\xbc\xfb\xbb\x10g\x85\\\x12\xa7\xad\xf1\xe7\xa7\x02o[\x87\x1d\x1ae-\x87Zc|\x0e*\xa5\xaey.\xa0\xfe\x91\x96\xce\xd5rw\xe1\xdf\xd9\x13w\x1c{\x8a\xeb\xa4*a\n\xb5z0\xbd\xf4\xef\xcaM\x1f\xe8\xae\x98\x13\x9aJ\xee\xf2\x9f\xf7\x1bo2\xd4\xfc=\xd4,G\xa5\x03@(\x1e\x11\x955\xf7i\xdf\xf8+^\xaf\x96\xdbf.\\\xff\xed\xd4m\xdf3\xac/\xff0&gt;\x81\xf2{\xc4\xc8\xea\xd9\xff\x99\x1fK+\x9fd\xd7\xbf\x90\xe4o\x02\xa5T\x98\xda&gt;\xf2\x99\xf1\xf5\xaag\xbe\x0fWz\xa5\xbd\x1c\xf1#\xdd\xf6?\xee\x1e\xeb-\x13\xafdF\xfc\xe7\x03O~\xd4+A6\x17\xa0\xe5\xda\x05\xcc5\xe2\xea\x16@\x11\x90j\xaaBM\x08\xf1{z\xda\xf7\x80L\xe4g\xa5\x94cT\x8eg\xb9\x86\x92\x03B\x94\xee\xa5Z\xc8t=&amp;oh3rM\x16\x05\x15\x90\xae\x13\xcf\x08NTs\xcc\xff\xc2\xf61-\xc3$\xba\xf5u%R6\\\x86v\xa5\x9cK+*\xa5DJ\x1a\xdb\xd6\x1fmJ\xa9\xd4B\xd1\xd5\xf6\xf6\xcal\x9bR"R\xad{p\xe0*-\xa5\x94H\x0b\xdf$}\x8d?\xda_$\xcc!\x06\x90\x07\xee\x10\x8c\x8fE\x9f\xa9b\x95\xec%\xc8\xfa\xbb\xbe\xcd:\x0f[\xefR\xaa\xf5L\xc9\xfduR\xc8E\x12\x952:\xbf\xfa\xcf\xfcOE\x8cM\xd1\xcb\x92\x83Hus\xe1\x01\xcdJS\x89\xbc\xd96#W\xbbw\x1e{\xc5;\xd6\x97\xb7\xbf\x19\xb0JU\xd9\xb6s\xcc\xed\xcf|S\xde\xf4J\xea\xe8\xd7\x81\x95\xaf&lt;\xdc\xeb\x88\xe5\x9e3\x00\x14&amp;f[\xd9{\xea9\x99\xbd\xa9\x81\xbb\xd5\xfd\xd6\x05\xf2n\xf2\xac\xcc\x18\xfaV%ZLw\xef\xcc\xde\x8a\xcb\xdfN6\xc3\n\x1d\xe6Z_\xa6?\xab\x8a\xb6\xa9J\xbaX\xd0\xa5[\xcfJ\xb6&amp;\x86\x10\x9f[{cBv\x8c9\xb2^\x06\xcd\xb9\xf8\xe2\xc7~7\xb6\x03{\xf1\xeb^Pw\xbf\x1ba\xa9\xa5H?\x0b\xba\xee\xebwo\xe0\x9b\x08Y\xf9\xcf4\xab\x11:\x1f\x00\xc8\x82\xb6\x05\xac\xd8\xc99\xad\xf3\xcb$\xae\x9f\xf69\xe2\x06\xdd\xee\xf8\x93m\xa24\xdf\x8d\x82\x93\x14V\xe6JG\xe9\xf7\xdbs\xd6\x9a\xcd^\x83\x90\xeb\xf4s_v\xb7\x17\xd1&lt;\xe1\x0e\xfa\xf4"\x0f\xb9\xf2\xd5\xcd\xdc\xbar\xeb\xbf\x89\xe6\xac\xe1;\xa6:\xd9\xf7\x05\x00Y\xe8\xbd\xff9\xfe\t^\xfe\xc5\xe7\xa6b\x83\x90\xa5\x1cv\xc6S""\xd24t\xbd\x1c4\xedfz"iL1\xc3;\xd7\xdf\xd7\xbd\xaf\xf3\x84uaN\xfd&lt;\xf2\xef\x98\x8ea\x13\xd6\x1e\xe7[\xff\xea\xc6\x9f:\xfd\x96\xb8\x97b| \xb95\x12\xdcux{\x87\xb9\xa7\x9d\x88\x884\xaa\xdbo\xa9\xfb\xc4\xb1Kn\xb2\xbcr?\xd7/\xa6\x1b\x95\xed\xa7\xc1\x80\xd4\x12\xc8\x15:\x1c$%\xfb\x07\xd6\x13\x00\n\x9aR\xcal\x7f\xb5\xadR\xab\xe1\'^\x12&gt;:\x92\x9fl\xef\xec9\x9e5f\xaf\\\xbb9\xc1\x89\xb2\x90M+\x9f97h%`\xd3\x03\xdb\x94R\xea\xfa\x17\x9d\x85^\xfa\xc4_\x89\xf67\xa9_B\xc6\xf0\xef\x0b6\xff\xea\x91\xac\x8e$\xda\xcf\xb9\xb2\xea#\x96I\xbdn\xce\x90\xce\x95\xf6\xf2\xce\n\x00\xf2\xa1\xd9\x9e\x995\xda\x1e\xdd\x9ej\x98\xac\x93D\x9f\xf8*`LM\xf6\x12z^\xa8\x8fT\xa5\x95\x19\xfbSzP\x83\x81G\x05\xa6o\xbe\xd7\t"R\xaa\xd5L\xeb\xce\xad\x99\xe5c{\x87/z\xdf\xa3o\x0f\x93,0\x08\xa8;\x9cE w\xe2\x17~\n}z\xc5\xbd\xbc2ID\xff\x19\x17\x84If\xcc\xaa\x1a\xb9\xe0\xda\x98\xc5\x04\x0c\\\xa8\xcdJ\x0c\x00\nR\xf5Z\xbd\x8f\xb0\xbe\xf6z~f\\\x80\xde\xfcj@\xfb\xab]\x880\x06c"ix^SN#v\x18\xddm\xe9\xed\x11\xa3\xd2\xf1=jk\x8b\x08,\xe8\xf4\xdb\xbfr\xef\x9c{\xea\x13Q\xaa\'\xc6\x95e\x9a-&gt;\xc9\xff\xe5\xa6k|\xfb\x1fw\xb6\xad5\xe9Lu\xc7{\x1d\xf1\xfe\x88z9^\xdf\xfa\xba\x12\xeb\xf3\xect\xb0k\xeb\xb4u\xdb\x14v\xef\x99lstq\xbf\x8d\x13_\xfaE\x1d\xbc\xee\xc9\xa4\xfec\x01 \x8e\xd7~\xd7\xb7\x8c\x9a\xd1\xbce\x87\xc4-$\x13\xf2\xf7\xf675\xc5)\xa5DJ\xc5\xcd&lt;X\x9cqd\xf5&amp;\xfa\x1f\xef2a\x9dO\xbf\xfb\x83R\xc3\x0e\xbd2r\xa1"\x92\xe9\xab\x9c=\x93\xdb9\xf7\xfd\x10)\xe7\xbe\xd3\xce\x13\x91\x1b_NU{\xde\xfa\xad\xe2\x18\x03\x9f\x9d\xf3\x1e\xfc?s[)u\xf4%o\x84\xf9\r\xe4\x9b&amp; \x96\xcbwJ=\xfd\xbd\xadcN\x1f)\x1dn`\xbcm!/m\x94P\x00\xc8\x95/&lt;\x9a?\xe3\x8e\xdc\xa2s^0^j\x17\x98k9\xfcD\xd7&gt;\xeb\xe4\xa5F\xd6\xc0\x90\xd5\xba9c,$2\xbeZD\xac\x17\xafaZ\xfc\x0b\x1f\xf9-0\x8d{\x94\x96Rj\xee\xa9\x8fgvU\xd8\xd3\xdcLlm\xf9\x8c\x0e\x91Ro\xcf\xd4V\xbb\xbc\x81y\xe1\xdeM\xb2p\xff\x87I&lt;\xd8v\xcb\xcd\xda\xc01T\x08\xbd\x9a\x08\x00\xe4Y\x8e\x1e\n\xb6\x18\xb62(I+\x11\xa9\xbb{fHm\xdc\x9atn;j\xad{\xef=\xef\xebs+"Cx\xca\xdf\xf9\xb6-\nU\xae\xab}\xc7[\xca\xfcu\xe5\x15\xb5T)\x15j\r\xa2\xea\xa3D\xa4\xf1\xe0\xe5&gt;I\xdc\xf7\x8d\xb3~\x83\xe5\xb3;\x1d\x00"2cM&lt;\xfd\x9d\xa5\xfd\x8a\xb2\x82^`\xc3\xd7f\xe4\xea=\xe6^\x1e\xbdj""W?\xe39\x16\xe9\xf2-\x7f\x8bH\xe7\xf1\xce\xf9?\x07\x9f\xf6d\xd4RB\xb7\xdd\xa1\xc2:\x86\xd6N\xb7\xd3y\xf1\x1a\xf0\xc05\x9c\x03N\xb8\xcf?\xc1\xd5q\x17~&gt;\xf1\x9a\x0f\xed\x9f\x9e\xcf\xb4\xb4V\x12\xee\xa3\xf6\x99(\xdc`\xe0\xd1\xe6v\xb5n\x87{\xe5\xb6\xe0\xec\xe7\xac/\xabv\x9b\xe7NY\xa3\xe7\xc2\xc0\x9a\x00@\x0e\x99\rS\xa7q\xa7\x1d\x9d\x1e\xf7d\xac\xb8\xa7\x94\xf2\x7f\x84f,\xde&gt;j\xc1u\xda\xa3!C\x00\xbaW\xebsT\xcf\xa7\xc9\xde\x11\xd0\x9a\xfb\x05\xaf\x8e\xea\xb0\xf5[\xbd\x0ei+\xe95\xda\xf9\x83t\xca\x7f\x95:\xdf\xf2\xb84\x96Z\xdb\x94\x9a\xbdV3\xc8(\xaa\xe1\x87EY\xcd)\x7f\x94RR\xc7s\x90WD\xb1\xa7\xa4\x03@\x12|\xba\xb7\x9a\xbd\x8f\xe8&lt;\xfe4\xcd\x81\xfa\x01C\x93\x1c\xf9\xf7\xde\xfflI\x8fk\rG{i("\xdd[\x8dX\x15\xbeh\x11\x91\xdac\x8d\xbf\xa5Z\x99w,K;\x92h\x1f\xf4\x1ey\xd1k\xe1\x0b\xa9\xd4Y\x13nSD\x8e\xbb\xf2\xdd\xf0\x99\xb8]\xe1\xbb\xccp8\x99\xab\xe7xwh\xa7\xac\xb8\xdb\xebP\x1d]&lt;\r\x1fg\xdd\xf3\xbdm\xdan\xc5=\xbd\xd3z\xe9kn5\x1a|\xcc\xda\x1b&gt;\x89\x9e\x83!5z\xdc=g\x1a\x00\n\x8eR\xcaX\x99\xc0?\x8d%\x1cD\xbd\x7fs\xf14\xb1X_\xc7\x05\xeb~\xc7z6\xfd\xa1\x05\x8c6\xea\xa1_\xaf\xbe\xb9\x88\x88\xf4\xf2\xfa\x1d\x10\xaf\'\x1b\xb5Ps\x9f\xc0+\xab\x89G\xdd\xd6k\xbf\xb3]\xbb\xab\xc6(\xd7\xa6\x81&amp;\x86\xd7\x95\xe9n&gt;\xde\xfb\xaa\xd2\xf50s[\x93\x83\xef\x9a\x89K6\xbe\xec\xd8\xa3\x8d\xc95k\xcdf\xdd\xd9\xf1#\x98\x9aV\\\xfev\xcc5\xa0\x00 \t\xceY\xad\x05\xcch\xb5\x17\x9d\xf3\xbc\x7f\xb2\xbe\xd3\xce\xeb6i\xbd\xf9\xf2\xdb\x88\xbd\xc5wJ\x99\xb3Y\xce\xbd\xffG\xeb\xbcR]}2\xf3^~\xb7\'\x98\xa3\x9bmlL\xc0m\xbd\xb7\xe6\xea&lt;t\xaf\x96\t\x13V\xa9\xf3!J))74\xcci\xcf\xfd\x18\x90\xff\x91\x17\xbe\x1a\xae\x02r\xe25\x1f\x1a\x1b\x05\x10\xab\xb9 \xa4\xbf\xe2\xb9\xa7efZ\xa7\xbf\x8e2\xee\xefe\xcc\xe2\x1b\x0b\xa8b\x00\xe0\xe0\xd1\x155\x8et\x8a\xdb\xa9\xb7l\x17\x11\xef\x195\xde\xab-\xa5\xd42\xfe\x9ct\xe3\xa7\xfe\xc5\x9d\xfb\xc0\x8f\x81\x95i&lt;d\xf9\x9e\x07g&amp;\x0bif|\xd6\x1a\xe3\x9fC\xf8\xcb\xc4\x8b\x1e\xfd=\x91|\x92\x96\xc0\x85\xa3Up&lt;\xed2\x83\xbd\xce\xf5\x9a\x81\xf6\x9fRJ\xa9\xf6\xfb\x9c\xac\xff\x94\xca\x87\xfai\x12\xe8\x99\xff937\x1e\x19\x14\x91Q\xee\x00v\n\xef\xfc\x9b\x19CT\xb6\xdd\x9c\xe3\xae|\xd7\xf2\xacN\xbf\xbcy\xf6\x8dT:lS\x84\xfe\xe0\x82\x87\x7fq\x17\xed\xac\x89k}xO\xe5\x86h\xdeE\xb9\x800#J\xa9\'\xbf\x8a\xf8\xde\xab\x0c\xf7\xff\xb8\xcc\xf96I7\xfdu\x1c\xaf\xabu\x9f\xefL\x92~\x9c\xaf\xfd\xf9\x15\xb2&gt;\xd5\xd3\xd9\x1a\xa7\xfch\x9f\x8d\x1d\xfeM)\xa5*t\x9c\xebu\xd4\x8872\xf4\xa0\xcb\xbc\xce=\xfa\x927\xac\xe5\xba\xb7}\xca\xb5\xbc\xe2\x8e4\x80\x02\x97i\x86*\xc4\x18\x1dc(c\x7f\xe9=\x08\xb9\xea\x88\x18\xb9\xdf\xf7\x81\xfaH\xa9\x19\xab\x1f\xb2\xee\x9cx\xd4m"R\xb5\xdb\xbc\xd4\xa2{.Q\x06\x7f\xa5\xb4\xde{\xb5\x19(JD\x1c\xcf\x92\xefy\xcf\x99\xe1\xc5\x8f\xfd\x11\xb5\x08\x11\x99z\xfc\xbd\xe6\xf6\xb0B&gt;\x08\xd9{ZZ\x8f\xc9\x1bf\xebb=\x8a\xbe\x03\xee\xaaIWi\xafmJYg-\x1b\xea\x0f8R\x9b\xed!\xeb\xb6\x9c|\x842\xa9\x7f\x00\x00 \x00IDAT\xf3\xe7M\x86\xaept\xae\xdd\xf6M?\xa1\xa8;\xde\x1a\xe1|\x9fE7\x88t5&gt;m\x9f\xfe8}\xab\x06\x00\n\\\xf2w\xdej\x8f3\xb2\xdd\xf4\x8c&gt;\xb8\xb4\xbf\xe9\xab\x1e\x8c\xbat\xabR*\xbd\x92]\x1b\x9f\xe2r\x11\x95\xc2q\xd5u\xcdsa\xf2\xef\x92T\xd1\x8e\xa5\xfa\xac\xc1It*\xb8+\xd0\xcdc\xad{\xa5\x94qQ\xa8\x94\x1a8\xeb\xc2\xe8\xb5\xeb\xa0\x94rO\xf8QJI\x95\xe1"\xb2\xfb\xf4\x8d&gt;\'O?\xf1\x81H_\x966R\x9b\xd5\xd4\xe3\xef\xcb\xe4\xe6Z\x96\x11\x00\x8a\x9c\xda\xfaEf*\xee\xa5\xd9\xe9)\xf4\xc2\xb7\x161\xfa\xd1z\xfd\x97E\xca\\[D\x89\x16\xd3E2\xd1\x13\x8b7\x9ffOV\xdcu3\xc03\x7f\xab\x1dJ\x05\xde\x03\x0f\x93O&lt;\xdaI\xd5/\xff\x1a&gt;\xbag\xa9\xa0u\xa5\x02\x96\x8e\xf6\xeak\x03\xd7\xff\x90X\x1f\xc2S\xdf(\xc7\x06\x00\x14.q\xdb\xf7r9\xcb9\xa4\xb6\x1ee\xb9CM\x85r\xfa\x1d_\xa77;y\x0cXs\xd5`\xd4\x9a\xd0\xd9;g\'\xf7\x9f\x19jy\xbexb~\xf2\xd5G\xf9\x1f\xffY)\xeb\x15m\xbcR.~\xf4\xf7\xa0\x13{\xc6\xc8\xd6\x8b\xa5\xacvRfP\xb1f\x07$\x989\x00\xf8\xf9\xca\xbb\xb1{p[\x96\x1d\xa4u\x00W=3\xd6nS\xdf\x08YqZ\xed\xda\xe3\\\xa7\x97H \xdb\xb4\xcb\x9f\xfc\xdb\x91\x95\x91\xdb\xe3_f\xf2l\xbf\xcf\xc9\xd9\x94b}\x1e,"a~\xbeh\xed&gt;\xfd|\x8f#\x01\x0b\nE\xe5\x15\xa8\xf9\xa7\x84~T)\xa5\x1a\r&gt;&amp;L\xb2\xe9\'&gt;`l\x1b\x11\xd9\xac_\xc1\x13\x1e\xc3\xe5\xfc3\x1f\xb7\xf4\xe6hu\x05\x80\xacU\xb4^5*\xa5\x1c\xeb\x04ku\x9d\xa8yvh\xef\x874\xd10\xfa\x1epn\xf4\xea\xa5\xb4\x19\xb9\xdaz\xaf2x\x1a\x8c\xfd\xd0\x95O\xed\x10\xd9\xcdu\xb0a\x98\xa2\x1b\x0fY\x91\xc9\xaa\xbe&amp;\xa8\x85\x17\xc73Z\xc3\x1f\x99\xaav\xd0V\xfb\xe5_\x02:\xb3\xc5\xe7\xbdX\xb3\xf7\xa2\xf4\xab\xd4\x184\xeb\xf8\xa3Dh\x07\x15\xdbo\x177\xf2&gt;\xbbI\xbc\x82\xd2\xf4\xab1v\x99\x90\t\x00\x1e\xf8\xa3\'\xa9\xdf\x04\x00\x90+\xb5\xfb.Yr\xfeK\xd6=\xfb\x1e}\x87O\xfa\xc9\xcb\xeft\xef\xec&gt;i\xfd!\xeb\x8c\xb5\x10*\xa6\x1e\x94\xa6\xb4\xf2\xc9*\xd2\x85c\xa5N\x87\x04-\\\xe3\xf78\xd9\x16\r\xd1\xa6\xae\x88\xac\xbb\xedK\xc7\x87\x10N\x89\x18\xd7\xbe\xa3\x16^\xf7\x9dR\xb7\xbf\xa9*v\x9ck\x9d\x91\x1c~\xd8Q`\xb2K\x9f\xf8+\xe8t\xcfy\xde\xfdg8\x87G\x8dZx\x9dQb\xe5\xce\x87Z\x83X)\xa5,7\xf6\xf5\x0fzG-\xbc\xee\xb8+\xde\xd9\xf2u\xc0[\x8b4\x1a|[\x94\xcf\\\xa5\xd7\x0cf\x9a/\x80" ^Sei\xe3\x9a\xeb\x8eW\xdc\xdd\xd5\xb2W\xeb\xee\\$8\xb0JJ)\xaf\x81\xbb\xd6\xc4\xba\xbb\xe8\x9a\x10\xfcC\x0f\xba\xf4\xf4\xdb\xbf\nY\x07\xa7FSb\x9e\x98\xb5\xfbu\x81\x1bS\xaa8\x87\xc55\x1c\xa4\xbd\xe9Z\xd3\xdd\')\xa5\x8c)\xd7\x86%\xe7\xbf\xdcc\xca\x99\x8e\x04\xfe\x153\x12L&lt;\xea\xb66#W\x9fr\xf3\xe7\xf5\x07\x1ci\xc6\xa5\nO[\xcau/\xf8\r\ns\xec|\xe7_\xcf[\xd0Q+\x03\x00\x05*\xdc\\\x1a\'\xcbM\xd1\xb4FS\xa4\xe1d\xff\xa0WQ\xdaD\xe7\xf3]\x87\x11\x87o\xf2=^\xdd\xf6\xaa\xc6&gt;\xee\x14\x93\x8e\xb9#te\xc2\xfa3\xd4\x1b\xcc\xfcdi\xb6\xe7q\x81C\xbd\xbc&gt;\xb4I\xc7\x187\'\xc2\xae\xf6\xf3\xd4\xb7\xb6|6\x7f\xea\xca\xb6\xea\xde!\xb3\x12\x91\xc7\xb6\x07\xbf\xd3\xc3\xcex\xca\xbd\xd3\\\x19\xd3\xe0\xfdfk\x84\xe9}\xad\x16\xdaW\'4\x13\xa7V\xcb\xc8\xc49O\xfe\x06&gt;\x00D\x15~\xa0i=\xc7k\xa5\x94H}\x11Y\x18\x14\xde9\x02K`\xe4C\xd6m1\xb7\xbf\x8f~)\x93\xe0\xd5\xcf9\xf7\xff\x98\xe9\xce\xeb\x8c\x13\x91\xf4\xedw\xb7\xcea\xcb\r\x17\x02:\xd0\xac5\x0f[^\x95\xf2Ii\xcc\xd35\x1e(\xcc^\xab]\xf6@\xa7\xfa(\xaf\x0er\xb7\x1e\x0b\x02\xdf\xec\xef\xe1&gt;\x8d\x1a\xbd\x16\x8aH:\xc4Uew\x02s\xaa\xd8\xe0\x03/\t\x93\xa1\x91x\xd6\x9a\xcd\xce\x1aF\x9b2\x07\x00\tk|\xcds*p\xb2f \xa5\xd4Q\xe9u\x85%z\xd4\x0b\xc7\xa3\xc7\x18\xfd\xa5e\xe5\xc1\x94\rw}\x1b5\x13\x9b\xddF[_}\x96n\xf4\xadu3\x87\x05iW=\x12\xed\x1b\xf1\xe8k\xbd\xe6\x1f\'z\xe3T\xb3&amp;\xa3\x99\xff#\x9fk\n\xaa\xdc\xf9\xd0\x10\xd9\xfa\xf5\xf4\xb1\xbd\xa4\x1b\x8c\xf6\x87\xf7,m\xaf\x0fj;w\x9e\x01\x14rgd&amp;\xbc:\xd4\xcc\xe6y\xa7\xd9,\x9a\xcfe\xcd=\x1d\xc7\x9e\x1a)\x07\x8b\x92\x1e\x87\xcax\x9f\xe2\xb7\xdf\xf4\xee\x7fJD\xa4\xe1d\xedQ\xeb\xf82\xa5\xd4\x94\x15w\xf9\xe7\x16\x86\xb2\xf5\xeb\xa9iH\xf7\x7f\x18*\x06\xc5\xcaM\x1f\x18\xf3\xa0\xbePJj\x8c.\xde\xdc2\x995\xca\xddc\x1f\x8e\xdb\xd4v&gt;\xa3\xa0\x9dnzE\x89\xd4\x8cZ\xfa\x9a\xeb?v\xef\x0c\xf3(:\xfd{\xa8S\xd4\x12\x01 \x0f&amp;\x1eu\xbb\x7f\x02\xff\x85\xe2_\xfc9\xb8\xcf\x8b7\xd5\xf2W\xa5\x16\xdb\x87(g.\x16]+\xdd\xdaZ\xe7\xa6\xfb;v\x9aK\xefY\x19\xbf\x03&lt;\x16\t\xce8\xe7\xfe\x1f\xad/\x1b\x0fY&gt;\xf1\xa8\xdb\x8c\xf96c\x16\xdf\x18\xf5:\xd5H\xaf\x1dR\x1e\xfe\xf4r\xed\x0e4^V\xecxp\x9f\xa9\x9eS\xbc&gt;S\xaa\xf9^\xc7\x9b/\xffS\xca\x88\xd7m\xa9\xb3gG\x95\xd4\x8f\x8c?\x94\x8a47\xc9?\xb7\x98\xa7\x94\x1c\xe0\x95\xa0\xcd\xc8\xf0\xb1S\x00 k\x8e\x86\xcc\x9c\xb4\xea\xbd\x8c\x81{\t\xa3Pk\xc8T\xed:\xcf\xbfh\x119\xf9\xa6\xcf\x8c\xfdsN\xd2\xac\xbc\xeb\xad\x99fmA\x8b\xfb&gt;\x08\x98\x1f\x1c\x86\xe5z\xb4\x9c9\x8b\xb7R\xe7CD\xe4S\xdddYG)\x8d&lt;\x82WX\x03zX\xb5\x1b\xbd6u!\xee\xd2t\x8f\xf8c\x85\xdc\x0b\xdfzM\xaa\x16\x11\x91\x1eA\xf9\xf56\xfeT\xed\x96\xfer\x1b\xc7\xbcMR\xbb\xef\xe2\xcc\x8bt\x98O\x87\x8d\x0f\xfd\xec\x9dA\x8c\x1b\xe0\xee\xb0h\xe5\xd7g\xf9\xc0\x02\x00b\xcb\\V\xd6\x1c#%\xfa\x87I\xdcm\xdf\xf5\xee\x80\xbd\xad\xf7^\xb5\xe9Y\xa5\xb9\x8bk\xd9S\xbc\xf94\xe7\xd1\x06\x93\x8c\xbfM\x86\xae\xb0\xcf$\xce\x98\xb6\xf2~\xa5\x94H\xebH\xd7@c\x8e\x88\xbf\xe2z\x95\xae\x87U\xecx\xb0\xb1i\xec1&amp;\xc2Z+\xb0\xe5k\xbf\xcaXS\xd6\xed\xb7T\\\xbd]\x12\x8fx\x8b\xb7\x1aq\xa2\x14\xdf}\xda\xca\xfb\xc3\x9f\xe3\xf3\xb0\xf9\xa1\x8f\x95~\xfd\xa2\xb4\x7f]o!\xd4\xbb\xb0&lt;\xc8h\xbf\xcfI\xe6v\x99\xb6\xb3\x0f8\xe1\xbe\xe0\xd3C\x1b1o\x93\xe6\x1f\xcc7\xca7\x00\xe4S\xc3\x81GG=\xe5\xb8+\xdeq\xeft\xac\x1b("\x9b?\xd37y\x83\xe6\\\\\x7f@:\x8e\x7f\xf9=\x8c\xbfF\xfb\xb8[\x8f\x05Q+c\xd5q\xec)-\x86\x9d`\xe6f\xde\x8b\xb6\x16\x11\xc3i\xb7}\xe9j\xc4\x1b\x9b\xdb\xe9\x07\x96\x9aQ\xbbnJ\xa9=\x0e\xbe&lt;LM.z\xf4w\x11\xd1\xae{\x919\xbd\xfeD#\xa2\x88\xe8\x16\x9c\x17{\x87\x17R\x9b\x91\xabm\xaf\xcb\x0c\xb6\xbe\x1a9\xffZcc\xdf\xa3\xfd\x9f\\\x98K0\xd9&gt;\xf6\xec\xc7\xdc\xa5\x94\xdf\xc3\\\xff\xd8\xcc\xe4\x8c;\xbe^w\xdb\x97\xee\xb4&gt;\xa5|\xab\x94\xe3\r\x02@~\x95\xf2\x8bSQj\xc0\xda\x1b&gt;\x89\x92[\x13s\xcb\xdd\x14z\rU5\x03TU\xeer\xa8\x88\x1c\xb6~\xab6\xd9\xe3_\xd8N\x7f\xe1\xff\xc2^\x95:\xf6\xd7\xea\xb3\xf8o\x8f\xa3\r\x06\x1ee]\xecH)\xb5\xfc\xd27E\xca\x99\xb9\r9\xf0R\x9fBM-\x87\xaf\x14\x91^\xfb\x9f\xad=j~\xa4\xc6\x12{\xc6H+\x11\x91R\x03=\xf2K\xc5\x1a+\xdf\xe1 \xff+\xd1,\xaf\xfc\x1c\x99\xfb\xc4\x12\xb7\xa95\xd6?O\x11y\xc2r+~\xe9\x05\xafxEB\xb5\x96\xae\x94\xfa7\xf4\xdb\t9dzq\x9cPh\x00\x90w\x15\xf64\xfe\xfa\xb4\xf2\xcf\xff\xa4?\xf4\x8b\xf3\x94\x92&gt;\xe5\xecu\xc8\x95\xae}eD\xa4\xdd\xe8\xb5\xd6\xb5\x19\xa2z\xee\x87L\x1d\xb4a\xaeS\xa5\x1fj-=u\x936\xc6\x88\xeb\xb7\xff\xc9\xf6.h\x97\t\xa7\x9fv\xeb\x17"\xb5\xadk4\xb9J\xac.\x96\x8e\xd3&lt;\xfa\xbeR}\x0e8W\xa4\x92;\xdb\xd2\xadgF\x98\xbb\x9c\x96\x97\x9b\xbaf\xa1\xaf\xff\xe9,\xfd\xaew\xd4\xcd\xaf\x84\xa9RUk&gt;\xdc\x9a\x06\x90_\xc5=\xf6\xfbu\x8a"\xd2j\xc4\x89\xc6\xc6M\xaf\xa8\xdb\xdf\xd44d3V=\x18\xb2\x06_\xc6i\x07\xab\x9a[\x97&gt;\xfe\xe7\xb2\x0b^\xbd\xfa\xe9\xff&lt;\xd3\xba\x825\x8a\xc8\xf2\xcb\xde\nS\x8c\xb5\x8d\xfe$\xa8\x9e\xa3\x17\xdd\xa0?\xd0x\xbf\xa0\xa0]\xa1\xea\xe0\xee0f\xad\t\x1bO\xe3W\xa5\xb4A"K\xb5\x9ei}\xe953-v_\xf5\xa5\xe5\xa7\xc0\x07JyD-\xf5\x8f\xf8\xad\xa9\xc6\xd2\x0b^q\x1ek\xb2\x7f\x89\x16\xae\xc7\xc0\xe9\x9b\xcco\xfd\xa3\xce\xba\xe7{\x11\xa9\xd3oI\xc8\xb2\x00 \xdf*\xec\x11\x94\xc2X\xc7&amp;\xd3\x86\x1a\x9d\xcd\xdd\xef*c\xc6\xaa\xc1\xbf\x05\x1f1o\x93.A\x95\x90u\xac\xd3oI\xa4\x1e"\xfe\xb4\x16\x8f\xfdC\x0eJ\xdf\x8b.\xef\xfe\xb8\xaa\x1b\x97\xa4u\xfa-u\x9f\x1e\xb8\x12_RWi\xc7\\\xfa\xa6\xc7\x91n\xe9\xd9\xbd\x01s|\x13\xaaI\xcb\xfd\x8f\xbb78UPqF\x80\xadK\x1f\xffS;\xb2L\x1b#\xa5\xf7\xd4sBW\x12\x00r\xab\xb6\xf1g\xe6jk,C\xe90\xe6d]\xe2\x00\x03f^ \xe9F3B\x98\xc34\xbf\xd6\xb6\xdeD)\xd6/\xfd\xa2\x8c9\x00\'\xf0D\xeb\xa13\xee\xfc\xc6\xbe\xb3\\@\xa1"R\xdc,T^\xfc\xd9\xfbQ\xabs\xa6i\x87\xf4\x86u\xa5&amp;\xef5\x10\xcb\r\x15\xcd\xa0b\xeb\x9a\xbe\xf6\x88\xd6\xae+\xc8O\xfd\xdeEf\xceX\xeb\xbdWy\'\xd3\xd1\xfc\x92\xf0d]M\xeb\xc2G~\xcb\x1c\xa8;A&lt;F_\x97je^yW\xb8\xe69Uww\xcd\xaf\x131\x1e4\xf8\xd62|%\x01 o\xee~7\xec\x15\xcc\xb5\xcfG\xb8\xd69\xf0\x94\xc7\xbc\x0e)\xa5\xf6\t7#(\xe4\xd5\x95\xcfD\x1a\x1f\x13\x8f\xba-jAVM\xf78N)\xe5\xf8L\xfc\xf3Q\x96\x10W\xe6\x9e\x87&gt;I\x9d\xf2a\xfa\xdc\x13\xae~_\x9aN\x15i\xa8}\x08}\xe7\xdb\xee"\x1a{\x94\x952|\xde\xd5\xda\xfa&lt;\xf7c\xe4yP\x11\xa6NU\x191p\xf6E\xee\xdd\xeb\xd3?z\xa2\x16\x1dX\xa5\xd0\x99\xb43\xfe\xbc\xf6\x87#}o\x91.\xb1\xab\x01\x00y0\xecP\xcd\x1a\xaew\xbf\xabY\xb2\xde\xff\x86\xed\xb1\xd6\xb9L\xb5\xc6\xb8\x83$xLI\xaap\xd9\x93\x7f\x87\xafmb\xd2\xc3\xcdN\xb9\xf9ss_P\x1f\xd0\xcd\xdd[\xbc\xf6\xbb\xba\xee\x05e\x0c]N\'\xeb\x1a\xafC\xb2\xaeC\x15"\x87\x1a\xd6\x17&gt;\x81J\xac\xe6\x9e\xf6\x84k_]\xff\x18\xcb&gt;k\x1c\xfd\x17\xebm*\xa5\x8e\xbf\xd2\xb6|\xb2;\xe7\x94\xf4\x9c\xf2\x90\x82.\xac\x01 QJ)c\xd9\xa22mfY\xf7\xdb\x07\xfa\xc6Rs\x8c\xb5\x14\x9f\x84\xc6\xe2\rFH)+cyv\xd7\x08 \xbfe\r\x83\xe9\x1be\xe7H`[T&amp;\x9d\xb3\xef\xfb\xc1|S\xe7=\xf0\x93\xb1q\xd2\x8d\x9f\xba\xdei\x17\xed\xe9\xdf)\xd5d\xe8\xb1\xd6=\x8e\x13\xe7\x9e\xf6\x84H5\xff:\x98\xca\xb7?h\xdc\x92LtO\xed\xa7\x9dZz/[}"=\x8c\xb0\xdfEo\xe98j\x9b\xdb\xd6l\xaa\xf5\x90\xe3\t\x88\xcf\x95\xf7&gt;Gx\x8cq\x8b rlj\x00HB\xa9\xcc\xd3JG\x18\xe4\x90\xf7\x1b\x03/\xb6\x94R^\x8f$c\\\xea\xcd\xdb\xf0\xb4{\xe7F\xcb\x02\xf2\x19e\x87x\xe4a\x8bx\xac\x94\x92\xd2\x83\xa2V\xc3\xaaJ\xd7\xc32Y\xe9x\xbf\xcd\xda\x81\</t>
        </is>
      </c>
      <c r="E219" t="inlineStr">
        <is>
          <t>&lt;class 'numpy.ndarray'&gt;</t>
        </is>
      </c>
    </row>
    <row r="220">
      <c r="A220" s="1" t="n">
        <v>218</v>
      </c>
      <c r="B220" t="inlineStr">
        <is>
          <t>steps_per_sec</t>
        </is>
      </c>
      <c r="C220" t="n">
        <v>3200</v>
      </c>
      <c r="D220" t="inlineStr">
        <is>
          <t>5.292014</t>
        </is>
      </c>
      <c r="E220" t="inlineStr">
        <is>
          <t>&lt;class 'numpy.ndarray'&gt;</t>
        </is>
      </c>
    </row>
    <row r="221">
      <c r="A221" s="1" t="n">
        <v>219</v>
      </c>
      <c r="B221" t="inlineStr">
        <is>
          <t>Loss/localization_loss</t>
        </is>
      </c>
      <c r="C221" t="n">
        <v>3200</v>
      </c>
      <c r="D221" t="inlineStr">
        <is>
          <t>0.00728006</t>
        </is>
      </c>
      <c r="E221" t="inlineStr">
        <is>
          <t>&lt;class 'numpy.ndarray'&gt;</t>
        </is>
      </c>
    </row>
    <row r="222">
      <c r="A222" s="1" t="n">
        <v>220</v>
      </c>
      <c r="B222" t="inlineStr">
        <is>
          <t>Loss/classification_loss</t>
        </is>
      </c>
      <c r="C222" t="n">
        <v>3200</v>
      </c>
      <c r="D222" t="inlineStr">
        <is>
          <t>0.19583417</t>
        </is>
      </c>
      <c r="E222" t="inlineStr">
        <is>
          <t>&lt;class 'numpy.ndarray'&gt;</t>
        </is>
      </c>
    </row>
    <row r="223">
      <c r="A223" s="1" t="n">
        <v>221</v>
      </c>
      <c r="B223" t="inlineStr">
        <is>
          <t>Loss/regularization_loss</t>
        </is>
      </c>
      <c r="C223" t="n">
        <v>3200</v>
      </c>
      <c r="D223" t="inlineStr">
        <is>
          <t>0.034288116</t>
        </is>
      </c>
      <c r="E223" t="inlineStr">
        <is>
          <t>&lt;class 'numpy.ndarray'&gt;</t>
        </is>
      </c>
    </row>
    <row r="224">
      <c r="A224" s="1" t="n">
        <v>222</v>
      </c>
      <c r="B224" t="inlineStr">
        <is>
          <t>Loss/total_loss</t>
        </is>
      </c>
      <c r="C224" t="n">
        <v>3200</v>
      </c>
      <c r="D224" t="inlineStr">
        <is>
          <t>0.23740235</t>
        </is>
      </c>
      <c r="E224" t="inlineStr">
        <is>
          <t>&lt;class 'numpy.ndarray'&gt;</t>
        </is>
      </c>
    </row>
    <row r="225">
      <c r="A225" s="1" t="n">
        <v>223</v>
      </c>
      <c r="B225" t="inlineStr">
        <is>
          <t>learning_rate</t>
        </is>
      </c>
      <c r="C225" t="n">
        <v>3200</v>
      </c>
      <c r="D225" t="inlineStr">
        <is>
          <t>0.0799989</t>
        </is>
      </c>
      <c r="E225" t="inlineStr">
        <is>
          <t>&lt;class 'numpy.ndarray'&gt;</t>
        </is>
      </c>
    </row>
    <row r="226">
      <c r="A226" s="1" t="n">
        <v>224</v>
      </c>
      <c r="B226" t="inlineStr">
        <is>
          <t>train_input_images</t>
        </is>
      </c>
      <c r="C226" t="n">
        <v>3200</v>
      </c>
      <c r="D226" t="inlineStr">
        <is>
          <t>[b'640' b'640'
 b'\x89PNG\r\n\x1a\n\x00\x00\x00\rIHDR\x00\x00\x02\x80\x00\x00\x02\x80\x08\x02\x00\x00\x00\x83\xaf^t\x00\x00 \x00IDATx\x9c\xed\xdde\xc0\x15E\x17\x07\xf0C7&lt;twwwwwJwwwK\x0bHI\t\x82\xa0(-\x08\x02\x12\x8a\x82"*\xa2\x02\x06b *&amp;\x06\x82u\xde\x0fsw\xee\xec\xeel\xdcx\x00_\xff\xbf\x0f\xb21;;\xf7\xde\xc7\x9d\xdd\xd9\x993D\xff\x1e\xcc\x1c\xed,\xd3\x85\x94\xbad\xebEa\x9c#\x16\x8a\xed\xad\xe3\xe4\xe7\x8c\xc5\n\x96]\xfd\x16\x9cb\x83\xba=^\xbenD\xf4\x91\xb1=_\x83\xe9b;3\x13\xe5PS\xaa\xc723Q|M\t\x12\xd4\xb8\xf0\x1b\x13\x11el\xc9\xcc\xd9kLP\xd2[\xf3I[~X\xb3\x11Og\xa9:6\xb0%CKK2\xa2\x9c\xea\xb1\x96\x02\x8c_\x7f\xf1\xecw\xe6\x8f\x93\xbd}\xdf\xf9\xa7\x88\xf2\x12Q\x86\x8a#\x8dc\x13\x8b\x9d\x937]"*k\xff\x06\x88h\xfb9\x8f\x1f\xab\xfe\xc0\'\xb4?\xe8}\xf9\x95\x01\x00\xc8~\x81\x0e?\xa7\xe4\xf5\x9d\xf6Dz\x8dKT+\x92\xdc\xda\x8e\xdf\x1b\xd1\xd9\x1f$-F=\xa3\xdb\x9c\x80\x88b\xca\x0c\x16+\x7f\x18\xdf\xcf\x84\r\xefZ\xd21\xf3\x9b?\xcbo/\x85\xad&gt;&amp;"\x8a\x9f\xbf\xbbe\xe3\xd9\xef\xf9\xc9\xd7\x02)\x999Y\xf1~\x05\x1b\xcf62)\xce\xccq\xf2ta\xe6\x95/\xfc4\xf9\xf1K\xca\xafS^\xa4\xef9\xf7E\xa2\x82\xea)\xde\xfe\xd5zR\xd3j\xf6\x0eDT\xa8\xc9l\xb1\xba\xe3M\x8e\x9b\xb7+%\xac\xf9\x07s\xee\xbaS\x95\xe4E\xb4_Q\xb6\x1a\xe3EV\xe7oY3G]\x0b\x00\x0f\x9ad^\tJDx\x82h\\\xf8\x8aEpl\xae\x88\xcf\xfe\xa0\x9b\xf4\xf8\xfbb!i\xd1\xberc\x9fy\',\xdf|\xf3\x91\xcf\xb8&lt;\x05f\xab&gt;^\xac\x96h\xb5P,\x9c\xff\x99\xbfP\x9e\xb9\xd5\xff*\x0bi\xa7m\xf9\x80r=DD\x94\xa1\xe5\xbbw\x03{\xe7&lt;}M\xe6\x9f\xa4h\x1f\xa2\x94"}\xa96\x8b,ua\xfa\n#\xc4B\xc2\x82=C\xfe\xe4A\x95d~\xdb^\xe7\x87\x9f\xf9\xcc!Y\x8c\\\xaa?\xe0\x89\x08N\x07\x00\xffa\xff\xf9\xdb\xf9\\\xfe\x92\xa5\xdayA\xfbEe\x8fbQb\x93\xf69/\xc6)\xb5\xa5\xe2\xd9\x7f\x89\x1f{\xf1W{\xb2\xf7\xfe\xe0v\x13\xf6\x8e]{\x81\xa8\x8c}o\xf9\x8e\xcbdcr\xdc\xbc];N~\x8e\x99\x0b4\x9a\xc9\xcco\xdc\n\xd6\xc1K\x9f\xbbID\x14\xbf:\x11Q\xceN\xe6&lt;J\x12Q\xe9vK\x88\x88\xa8\x183S\xdc\xaar_\xb5\x1e\x8fQ\x82\xeab\xf9\x1b\xe3\xcf\xb8|\xa7\xe5N\x1f\xca\xa7\xe5\x07\xbf\xb3o\xdc|\xfaO\xa2\xdc\xf6\xffY\xfe\xf3\xff\xfb\x00@\xeck&gt;r\xc7\xfd.B\xd0\xac\xedW\xefw\x11\xa2(Mp1Y\xbd\xfbW\x0c\x0f\x95\xbb\xae\n,\x89*P&lt;\xaaR&amp;"\xaa\xe0X\xe7\x95 \xcaFD\x8f\xec\xffF\xbe\x7f%\xa2\xc3\x1f\x07+\xadLUF\x1buXb\xeb\xd1\x06f~\xf6mkks\xea\xb2C,[\x1c\x14r\xddk\xd2n\x82\xc7[\x86\x98\xd2\x83\xcd\x1b*\xfe{\xee\xc0\x00\xe0AT\xf1~\x17\xe0\xffG\x81F3\xefw\x11\xee\x91\xf6\x13\xf7\xb9\'\xe8\xbf\xe8e\xb1 ^\xb8f\xae2\xc69m\x1c\xcbz\xdar\xc3\xc4\x0b\x8bi[&gt;\xf8)\x9a\x8f\x98\xf9\xcc\xab\xc9\xd4\xca\xfb#\x7fO\xb7\xca\xcbo\x00\x80\x08\xe5\xe8p\xbfK\xf0\xff\xa4\x92w\x12J\x1b\xab%\x18\xba\xfc5\xcd\xd6T\r\xcd\xeby\x95\xe5\xac\xa1\x9e\xc2g\xbb\xeb\x9c\x1d\x9f\x86\x9a\xb3\xa2\x9c\xff\x87Kf\xfe\x8e\x99\x88\x12\x16\xec\xe17\xfb\x0c-\x89\xe8\xf9\x0f\xc5\x07\x89\xf3\xee]~\xfb7\xfb\x87\xb2v \'\xb49\x03\x00@8\xd24UV2\x86\x9d\x8d\xae\x12J\x18vn\xe1y\xe3\x96[E\x18\xadj\xb2V\xef\xf5\xa6u\xeb}L\x94O\x07\x00\xff-Y\xaa\x8d\xbb\xdfE\x88M1\x8d\xb5\x9bK\xb6^x\x8f\x0b\x12\x86\xbd\xefE\xeb\xb2\x9e+J\xf9\xf8\xa5\x8c/\n\x8c\xdb\xf9\x8dy\xf0\xd23.\x874\x19\xb6]Y+\xe9y\n\xf7:\xcf\xbdzv\xb7\xff\x92\xfdX\xfb\xcdJ\x81\x90\xca\x03\x00\x00\x92\xe7\xa0))\x95\xf3.\xfd\x10\xd2h\xa9\xd0\xe9\xd10\x8fT\xba\nS\x14\xea\x86$\xae;\xeb\xe8\xb6\xc6#\xa3\xea\xb5\xa0\xcc\xad\xa3Q*\xebkc\xc9=\xdb\x10N\x9a\xb5m(\xe5\xc9\xdfa\xd2\xfeP\xd2\x03\x00\x10\x89^\xb8\xd3\xb6|p\xbf\x8bq\x8fe\xbe\xdf\x05\xb8\xcf\xb2T\x1d\xeb+]\xbc\xaa\xdeit\xb4\xb5\xaf\xf4\xfa\x8f\xec0\xac\xcb[`\xd8\x12\x11)\xd1B\xdc\xbdr3\x1a\x8f\xa7q\xaaT\xed\xb6\xc6\xb4%u\x13eE\x17\x0e\x0c\x00 D\xde\r\x80\xd1R\xaa\xcd\xe2{v\xaep\xb9&lt;\x01?\xf8\x8aGx|\x9a\xb2C\xc38\xcaR\xdd\xde\xd0&gt;\nS\xb9\x08\xcb\x16Ry\x88\xa8j\xf75\x9e)\xb5\x96\xec\xff\xc6X\x8cKD\xcdF&lt;MD\xf3\x9e\xfd&lt;*e\x03\x80\xff\xb2\xa4\xf7\xf1\xdc\x0f\xf8\x9b\xb3\xadg\xfe!\xa2Rm\xc2\t\x01\x1d%\xff\xbe\xe7*Q\xbf\x1e\xff\x9c\xf3\xd4\x9d\xdaj\xcc\xce\xb6\xe3\xf7\x1c\xfa\x88\x89\x92\x93\xb9b\xfe\xf0\xc1\xfe\xe9M\xd25{\xc0\xffP\x01\x00\xfe\xbf\xc4\xabFD!Er\xf8\x17\xd9\xf9vl\xd5(\xa2~M_q\x04%\xa9\xc3\xcck\x8f\xff&amp;j\xdf\x982\x83\x87=\xfa\xbaZ\x07\xa7-7,\x96\xca\xe0\xa7\x90~\x92\x19A\xb8L\x8e\x7f\xc1\x95:\xaf\x8cv\x89\x00\xe0?\xaa\xf2\xfd.\x00\x11\xd1\xd4\'\xae\xdc\x83\xb3l{\xdd2\xcdNl+\x1f\xbd\xac\xe2E/\xab\xf0\xfdn\xf9\xd2\xb2\x9b\xc6\x91\xb7\x1e\xbb[T\xae\xfb/13\x8fX\xf9\x06\x11\x11\xa5&amp;\xa2&amp;\xc3\xb6\xeb\x1a\xa2\x1ft\xe7~\xd2\x04\xe8\xf8W\x94\x1c\x00\x00\xa2\xa9\xf7\xc3\xc7\xa3\x92Ol\xdd\xee\xa4mf\xadb\x03\r\t\x0e\x9d\xa2}x\xf4\xd0\x0f\x91\x95)Ed\x87[13Q\xa2\xe8\xe6\t\x00p\x9f\x15n:7\xeay&amp;(\xa0\x8f\x8e4d\xd9Y\xdfy\xe4q\xdaq\x0f\x9e\x84\xd6\x1c\xfb%6\xb2\x95\xd3\r\xf9\xe7\xb3\x13\xd3\xd0eg\xc7\xad{\xc7R\xc5&amp;/\xde\xdf^\xfb~\xe1\xf7\xdb\xb3\xb7"d\xf2]\xea\xd0eoo\x0e\xb4Y\x81\x99G\x06\x1e\xe5\x01\x00 v\x05#J\xda\xaa\xd8\x98P\xf2)\xd7y\xfa!\xfd\x9e\x0c-C-\xd3\x83$\x9d\xcb\xbea\x8f\xbeN)\x1a\x10\xe5c\xe6\x1b\xcc\x07?\xe0\xf4\x15G\x90\xee\t8my\xe7w\xc0\x19[:\x05Q!\xb2N\xed\x9c\xb7\xfe\xb4\x10\xcb\x1f\xa9+\xff\xa0\t\x1a\x00\xee\x93\x7f\xc5;\xb0p\x86\x9d\xa4mf\xdd\x92\xbe\xb9\xba\xa6m&gt;5\x7f\x1b\xa9\x8b\xb7\x9c\x1f\xf2y\x1d$/\xde?ZY\xdd;\tjP\x82\x1aD\xf1\x9b\x8d\xd8q\xf0\x03&gt;p\x85+tz\xf4\xf5\x1fu\xed\xcf!\xcc\xfe\x14\xf2#o\xd4\xffDu\x19\x96\x8e\xee)\x00\x00\x1c\xe4~\xe8~\x97\xe0~\xca\xdfp\xc6\x86Sw\xe4\xaa\xcb+L\xcfK\xff\xa2=7|\x9e\xb4\xf5\xd8]&gt;SF\xcb\x94\xcd\x97\x89\xa8\xc7\xeccrK\x82\x02\xddC\xcd\xa4Z\xf7\xc7\xc4\x82q\x0fT\x92\x99\xd3\x94\x1d\xaa\xd6\xbe\x1f\xfc\x1b\xee\xe1\x0c\xd6\xc0\x93\x00\x00@\x8b\xf7~e\xdf\x98\xc0\xff\xac8\xa1\xb0\xd4\xac&gt;\xbb\x11\xe5k0\xdd\xb6\xad\x94\xefsF\x1c\xb1+U\xa3\x90\x92+\x9f(\x9a\xefY\xeb\xf4\xddhy\xfc\xfd-v*\xe0\xbe\xf3O\x19\x8b\x19\xf4)\xd2\xb7\xf0\x93\x0f3\xffj.a\xdc\xbc])Sk\xb9\xbad\xdf\xd7\xe6#\xfe}#\xb6\x01\x00\xc2w\xfc\xf3{\xfa\x145w\xc7\xa7\xb2~\n\xa9\x1fo\xc4\xee\xfd\xac\xef\xae\xf1\x9fC\x904Q\xa1\x9e\x97\xfe\xb46&gt;7\x1f\xf9\x8c\xdf\x0cr\xf9mw\xb1\xfd\x1c%\xb5Af\xd6\x9d\xf8\xcdg\x86_\xf9\xfbq\x1b\ry\xd2g\x86\x00\x00Q\xd6\xc5\xa9\x9fQdR\x97\x19\x12\x9d\x8c\xb2\xb7\x8fN&gt;\xe6\'\xe04\xe5\x86\xde\xc3\n\xf8\xbe+\x1a\xfe\xa1\xe9[L\xdc\xf8\x9e\xacz\xefCw\xe2\x845\xd5^u#V\x9c\xbb\xd7\x05\x00\x00\xb8W\xca\xfaM\x98R?\xbb\xea\x03\xeb\xf47\x1c|*J\xdfB\xa9}#\r\xb9\xfc@a]\xa0f\xf9Z76d\xaf9!\xf62\xb7\xc8Tett3,\xd1jAt3\x04\x00\xb8\xc7*\x86\x96&lt;\xb9\xff\x0e\xb4\xd1\xb4\xfb"\xa7,9\xd0x\xf6\x8dV;\xed=\xa5\xb6\xa2\xdf\xdf\x92\x08\x0fH1\xec\xd4\x82\xad}\xf1W\xedv"\x1a\xb0\xe8\xf4\xbd+\x13\x00\xfc\x9f\xcb\x12\xd2L\xa8\x81\xebQ\x04\r\xd1\xf7\xfe\x05\xe7\x83(E\xc9\x01\xa1\x1d\x90\xa0\xba\xe3\xaet\xcd\x1dw\x85\xa3pTs\xb3\xea&lt;\xedy\x9f)\xc54Dm\xc6\xee\x8e\xcd\xe2\xd8\x18_\xa6\xd3\x8d\x0b3S\xee\xce\x94\xb1\xd5=-\x15\x00\xfc?\x89\xe2\x83\xc8O\xa1d\xe5\xe3\xbcE\x10\x87H+\xb6\x9f\x1d;M9\xa0\xdb\x9c1VO\x1a\x82du\xefeW8\xf5,\x137\xbew\x0f\xce\x08\x00\xff\x15\x17nGt\x15\xeb\xbf\xf0%\xd3\xba\x11\x018\xeaB\xbc\xdaF\xd0{(,E\x9a?lZ\xcf\xd5\xe9\x1e\x17\xc0C|\xe3w\xf1\xdd\xbb\xf8\xbeIP\xc3i\xcf\xa1\x8f\xac\x95\xee\x7f\xa9C\x1c\x00\xfc\x7f\xb9\xf7\x17\xaf\x01\x8b\xa3\xf2\xe6\xcca\xac\xa7\xe2\xbd?p]\x0eR\xfbR\xcd~\xea\x93\xfbX\x12\xc1\xe1\x0f\xaf\x94K\xe2\xce\xd3\x0e\xd9\x8e\xaaHT\x84\x99\x89JF\xb9|\x00\x00\xff)\xdfE|7\xd0r\xf4\xb3\xcaZ\xc1\x08s\x8b\x9eb\xf7\xbb\x00\xde\xea\xf4\xdd\x98\xbal\x18\x03\xc0\x8a\x84w\xba\xc6C\xb6\xb9\xee\xd7L:\xa44;\'3\xb6\x95\x16[\xde\xff36n\xb6\xca\x10\x11Q\x1c\xed\xbe\xbbx\xec\x06\x80\xd8\x97\xea~\x17 \x1cQ\x0c\xcb\x1c\x82\x845C&lt;\xc0\xfb9\xfe\x9ea\xe6\x84\x85z\xde\xefR\x98X\x9a\x97\xd5\x80\x1eN[\xeeY\xc1\xbcn \x00\x00|\x89\xd1n=\xfduh\x17\xb5\xff\xec\xdb\xb8\xc9\x9b.\xdd\xef"&lt;\x10\x12\x15\xea\xe53\xa5\x12\xe9\xdaWO\xf8.\xd3\x0f\x13Q\xd1\xe6\x0f\x9b\xfe\xc62\xb6"\x87\xc0dw\xa2\xf4whnP!z\x80\x87N\x01\x00\x84i\x9a1K|\xb5\xeek\xa2=\x96\xe6A\xf4\xc0^\xc7\x07\x86\xfc\x86&gt;A\x18g\t\x8e\xbcRb,\xab\x9a\x0e{\xaa\xed\xf8=\xf6\xed\xccL\x19[Z\xb6&lt;\xb0_&amp;\x00\xc0\xff\xb9\x02\x8df\xde\xef"\xc4\x8ag\xde\xba\x8f\xf5J\xc4SA\x84\xcc5\x1e\x8b2}!3W\xef\xf1\x98\\V*\xe0\xb4\xb6\xc3\nE\xb1|\x0e\xb2\xc5\xfe)\x00\xe0\xff\xdf\xbf\xa0\xa3\x90\x1f\xf7\xecyh\xfd\x89\xdbD\x14\xdd\xb9\x83\x1e\x18%BJ\xddg\xde\xc9P\x92\xfb\x9aL\xd7\xf2\xf6\xd7!U:\xf1\xcf\x1b\xb7&lt;~\xf4h\x04\x18\x0f\xb3\xbb\x19\x00\x00DU\xe66\xf7\xbb\x04!0W`9CLo\xd5t\xf8S\x8e\xfb\x12\xd7\x96\x8bN\xfd\xe0\xda\x8c\xd3\xb4-k\xcb \x8a\xe1\xa7\x91y\xc6\x93\x1f\xf9\xc9\xd3\xe7y\xd5\xde\x0f\xf5\x07&lt;a\xda\x1d\xa7r\xb4N\x04\x00\xffi\xf2\xb1@\x13c\xcfL^\n\xfdg\xfe\xe7=\xef\x98z/O\xf7\xaf\x97\xb6)\x11M\xd9|9]\xf9\xe1\x96=\xbao\xb2\x12\x11\xfd\xec\xe3\x1b\xfe:z\xbf\x82,F\x9c\xbc]\x1e\xb4\x1f7\xa6\xf4\xe0\xc4\x85{\x13\xa5\xbe\xdf\x05\x01\x80\xff;\x96\xeb]\x9a\xb2C\xc7&gt;\xf6\xf6\xfd*\x8c\x1f\x0f\xda\x05\xfa\xdf(\x1a\xdfa\xb6\xc4\x85{G\xa1(V\xe9\xa26\xfd\xb3C\x9f/\xbf\xd26S\xd7V\x1f\xb9\x15Qn\x00\xf0\x9f\x15\xf1\x05W\x13*\xe1\xff\x8cW\xc4\xa82Q\xa8\xb4\xee{\x97\xef4M\xefs\x01\x02&lt;{3\xb9E\xa2.\xd4dv\x14\x8b\xa2\xca^s\x02\xe5\xe8X\xd4\x12g\x14\x00 \xea2W\x19s\xbf\x8b\xe0D{\xfd\x8dz\xc7\xb18DD\x89jE;[\xd3$\xbb\xe7\x7f~\x90\x9f\xd7\x13\xda\xb6\xe4\x0f\xe1\xe8h\xbf\x1ag\xe6\xc1\x8f\xbc\x1ay&gt;\xb2\xe3\xb43}g\xba\x06\x83\xb6\xe4\xaa3\xa5V\x9f\r\xfb/\x05\x7f\xb5\xd7\xbe\x7f\x90\x7fA\x00\xf8\x97JV7\x8a\x99\x15m&gt;/jyeq\xba\xb2\x876EO,5V\xe7\xae3\xc5\xbeq\xeb\x99\x7f\xeee\x19\xc2fo7\x8eV \x8b\xa8\xa8\xddw\xa3i=}\x8b\xb0\xb3\xfa8\xf4\xcfU\x7f\xe0\x13a\x9f\x0e\x00 \x9a\xb6\x9f\xbb?\x97\xe6\xdf\x1c/\x9d\x15\xeei9B\x91\xb4h_\xd3\xba\xf9\r\xa2\x8e\xebX\xd8\xa8\x1a\x14\xdace)\xcb\xfa\xe6W\xfe\xf2qT\xfcPN\xf1\xef\xf0\xe2g\xf2\xef0\xf5\xe8\xd5o\xde\xcf\xa2\x00\xc0\xbf\x9c=v\x81\xa3\xf8\xf9\xbb\x8b\x85{\xdc\xbd\xd9\x97\x90\x830\x87/\xa6\xf4\xe0p\x0f\x8dK\xc1\xc7\xdfRr\xebg\xea\xf7\xe9\xf8\xa0\xff\x80JSn(\x11\xd9\xbbR\x87*W\x9d\xc9\x11\x1c]\xdcg\xba\x9a\xbd\xd7Gp\x16)\xd0\xfba\xd5\x0b?E#7\x00\x00E\xbc|]\xed\x1b\xcd\r\xa7\xa1&gt;\xdcx\x8f=}@\xd4\xed\xbfI\xb79Ix\xb9iZ\x9bmoI\x99\xd9\xa9\x97o\xbc\xfc\xdd\xc4B\x97\xe9\x87\xc2+@Xb\xcc\xab\xc9C:x\xe6\xb6\x8f#:y\x96\xb6\xc6R\x01\x97T\xe1\xbeGO\x1a\xd6Q\x16y\xa3\x91\t\x00\xfc\x87\xe5\xac5\xc9X\x8c\xa5\xb9T\xa3\x15\xa5/\x8b\xf3\xaeP\xfa\x07A\xd8r=\x14{y\xb7\x19\xb7\x9b\x88\x06-y%\xf6N\xa1JR\xa4\x8f\xd3\xae\xe4\xc5\xfb\x1b\x8b\xb9\xefMa\x00\x00\xa2\xc5\xef\xfc\xbb\xd1\xec\x9cED\x14/\xaa\xb9\xc5\x86\xc4\x0e\xdb=\xbe\xb1\x9es\x8e\xf9\xc9\xbd\xd5\x98]\xde\x89L\xe2\x86\x98^\xafd\xeb\x85Q\xc9\xc7]\xa1&amp;s"8:G\x18\xc7X\xa3_\x11\x11\xd1\xdc\x1d\x9fn|\xe9n\x04%\x01\x00\xf0\xab\xd2\xfd.@\x18\xc2\x99\x99\x87\x88\x9a\x8dx:\xba\xe5\xf0-&amp;\xf4C\xe2E\xa9\x1dU\xca\x1a\xd5\xdcL\xa6o\xfd0\xf62w\x96\xc6yW2\xa7\x1d\r\x06n\x19\xb1\xf2\r\x97L\x999a\xc1\x9e\xe1\x17\n\x00\xc0n\xd2\xe3\xefk\xb7;\x8d\x96\x89\xd6(\x9aX\x1a\x8d\xe3\xf3\xa91\\\xbe\xe6\xaf\rJ\xeb\x16\xe6b\xed\x8b\xbfFT\x16""\xea\xb7\xe0T\xe4\x99\x84\xa1F\xcfuba\xe5\xe1\x1f\x8dme\xe5\xde\x07m\xa8U@\xaeNa\x1f\x9a\xa7\xdeTe\xcd\xa9I\x03\x00 b\x8f\xbf\xfc\x87}c\xa7)\x07\xa2x\x8an3\x8f\x84{\xe8\xbd\x1b\xae\xf3\xc0\xcb\xe2^\xd5\x95\xeb\xb8\xec\x1e\xc4,\xfb\xe6\xc1\xacn\xfd\xf25;\x93\xd9\xbf\xb1}\x08\x00\xfe\xfd\xee\xe3\xc3\x8d:\xdc\xe5\x93\x7f\xd7E?\xc2(\xc4\xe1si\x8f\x8d\xa6\xec5&amp;\xdc\x9b\x13E\x99\xc3\xef\x92\xa1\xd2Hu\x95\x997\x9d\xfe\xd3t\\\xe5\xd1\xb1W(\x00\xf8?\x97\xaf\xc1\x0c\xed\xf6\xb2\x1d\x96\xfa9\xdcmN\xba(K\xde\xfb\xe1\xe3\x91\xe5\x10NO\x9ch\xf3;V5*N~\x19\xc6\xddI\xa4=\xb3\xee\xdf\xabt\x00\x80\xff\x17\x95:\xaf|@\xdf\xe1E[\x91f\x08\xb2\xaf*cZ\x0b\xf7\x8d\xe9\xee\x8b!\xfc\xf1\x94l\xbdp\xea\x13WB\xca\xbfr\x97\x95DD\xa9\x1a\xder\xfc+MoZs\x9c\xc4\xd7\xd6k/MS\x87\x8eZeu\x1bM\xf3\x1f\x03\x00D\xc1\x84\r\xefR\xa2{\x17[\xca\xa7\xc8\x82%EEI\xa2\\\xf7\xbb\x0c\xf7\xce\xd5@\xf5\x16/\xb6\xee\xc6\x92\xd5s\xdf\x9f\xb2\xd4@\x97\xbd\xab^\xf8\xc9k\xba\xaaXw\xed\xbfq\x9f\n\x00\xf7\xdfg^\x97\x9b\xf6\x13\xf7\xab\xabm\xc7\xef\r\xfb\\Y\xab\x8d\xf3\x97\xd0&lt;\x088~\xf5\xc0B\xca\x86D4`\xf1iYy\xc8\xf9\xe4\x1f\xe4\x87\xfbM\xba\xbeoa\xcb\xdfP\xff\x96\xc1\x89\xee\x9bI\xa9n\xdcr\xe6\x1f\xa24D)\xbd\xf3JP\xc3iO\xea\xb2CB*\x95\x8b\xe2-\xe7\x13\xd1\x80E/\x87wxL\x990\xa2\x8a\xaa=\xda\xe2\x84w^\x00\x80X`\x99\xc8/i4\xe7V\x8a\xbd\xb1\x1f\xd7\xfdU\xc9Q\xac\xb9\xf7_\xe2Hf\xf5\xf1\xa9|\xc7e\xd1\xca*]\x85\x11\x94\xa5\xed\xd3\xe7\x9d\xbf\x81\x98\xc6\xfer\xcaI\xc9\xeb\xbb\xa7\xa8\xdb\xefqu\xb5\xed\xf8=\x1eY\xa6jd\xdf\xd6h\xc8\x93\xfe\xca\x13\x9aM\xa7\xff\x14\x7f\x06e\xda=\x12\x1b\xf9\x03\x00D\xdf\xc8\x95\xe7\xe5\xb2\xef\x9a\xec\x9e=a\xc4\xd6\x89\xc4#Zh\xe2U{ \x8aA\xb4\xee\xc4m\xed\xf6\x82\x8dg\xdb72\xb39\xe2w \x82t\xd6\xea&gt;[2\xf4z\xe9\xfb\xdf\x05C\x91\xab\xd3\xf4.\xde\xfb\x95\xe8p\x97\xad\xc6x\xa2\xc2\x9e\x99\'*\xd4+\xb0\x14\xaf*QQ\xdb~\xfdX\xa3\x07\xb9\x05\x05\x00\xfe\x1d\x9czAGW\xab1\xbb"\x89\xdcT\xc7\xfc0\x14\x8e\x94\rCK\x9f\xa7\xb3vsH\x1d\x8b,\xe6\xee\xf8\xd4\xb6-\x9dS\xe2\x83\x1f\xdc\xe7\xeb\xfb\xfa\x13\xb7\x89\xa8r\x17}G&lt;\xa7\xe1F\xda\xc4K\xf6\x7f\x13aad\xb6\xcf\x7f\x18[_\xcb\xac\xedW\x89\xe8/T\xab\x00p\xcf0\xf3O\xce\x17\x9d\xb8y\xbb\x12Q\xee\xba\x9ay\xe6\xa3\xcae\xa2\x85\xa0D\x85zFx\x9a\xc3\x1f\x9b&gt;)3\x07\xae\xec\xfaW\x95\x9a\x90\x96\x17\x7f\x8f\xee\x05Z\xde\x94\xf8\x9a\xb2"[\x8d\xf1Q={\xf4\x89?\x18A\x8e\x91\xb5\xcf\\\xf9\xdce\xce]gJ\x93\xa1\xdb#&lt;]\xea2\xfa\x17\xc9\xfe_\xeb\xf6\x9a\xfbbp%e\x83\x03W\x82E\xed:\xe3\xf0\xb8u\xef\x10%\x93\x9d\xbc0\xea\x17\x00\xee\x9d\xa2\xcd\xc3\x1e\x9f\x13\x8f\x88\xfa\xce?\x19\xc5\xc2DK\x8b\x91\xcf\x84yd\xbc\xaa\xf7\xaa\xe11ald:d\xe9\x19\xff\x89\'n|\xcfe\xaf\x0c\xef\xec4\x85\xa2j\xe0\xe2\xd3\x9eiL\xcd\x03Y\xda\x0c~\xe4U\xcfC\x88\xe8\xe5\xaf|\xfd\x1c\xf3w~AD\x94\xc2\xe3\xadsH\x989\x92\x90\x96\x00\x00\xb1-P\x91t\x9ar \n\xcd\xc8\xb1\xa0J\xb7\xd5\x96-\xbf\x18U\xacv\xda\xf6h\r8\xb9p[\xe4\x93\xcekD\x93\xdbl\xb8\xf7@\xa87\x1c\xc3W\x9cSW\x9fx\xf5\xef%\xfb\xbe\xb6\xa4\x89\x97\xaf\x9b\xc3\xd1\x9aH)\xccl\x1d\xce\xeb\xabl\xe9c\xe7V\xc9\xfe\x86\x18\x00 |I\xdd/U\t\nt\x8f\xf0\x04\xc1\x96\xde\xd8\xe5\xf8&gt;5&lt;\x85\x9ah:\x19Eh\xd9\xc1o\xd5\xd5\xfc\rg\x86\xd1\xbc?\xfb\xa9Obm\xf2f\x93\x17\xae\xf2\xca\x17~\x8a\xd5S\xd4\x1b\xb0\x99\xa8\x88K\x02\xfb_N\xe6*c\x88\xc8\x12S\xact\xdb%\xda\xc33V\x1ee\xdf\xf8\xd0\xd4\x83\xa1\x94\xd1M\xe0\xd9\x9a(\xac)\xad\x00\x00\xbc\xd8.\x82y\x16\xec\xba\xee\xe7\xc05G\x7f\x8e\x8d\xf2\xa8\x8a4\x9b\x1bJr\x1f\xf37\xc4\xa9\xe2\xb4\'*\xb7\x11\x11\xbeE\xde\xf4\xf2\x1f\xa7\xbf\xd6\xe7\xf0AX\xc5s\xe9V\xe6|\xe7\x94[\xed\x81\xdcd\xd8v"\xa2\x0c-\x95\x04)\xc6\xaf\xbf\xc8\xcc\xee\x95+\x11\x8dX\xf9F\xdf\xf9\xa7B(\xae+Mi\xb3\xb6U\xd7V\x1c\xfa!Z\xe72T\x88v\x86\x00\xf0\x9f$\xaf_\xcc\xdc{\xde\t\xa2\xf2d\\\x85\x9d\xea\x9e,U\xc7\xc6f\x89\xe2y\'\tR\x1f\x89\x82\xd5\x03\xa5h`,\xe5\xf1\x9fW\xda\xf2\xc3B9\xb5_\xcb\x0e|\xab\xfb&amp;\xf3\x90\xb9\xf2p\t\x8dY\xac\xc5\xbc\x10\xcf\x99[\xb7Q\x0e\xadI\xb2\xedu\xc7\n\xd8\xa9\xa6g\xe6\xf3?\x87y\x1bq\xc7\xf5.!\xda}\xdc\x14\xf1\xaaU\xea\xbc"\xb62\x07\x00\x88\x96\xea=\xd7\xcaJw\xee\x8eO\xefU\x1br\xd4D+\xb6s\xfc\xfc\xdd\xfd\x0c$\xbd/\xd2W\x1c\xe1\x9e O\xbdi\x91\xe4\xafv$n2l\xbb%n\xc6\xf7\xba\xbf\x87\x9d\x17\xb4\x7f$q\xb4\x7f&lt;\xb5\xfal\xd0%.\xe6Z\xa8\xfb8\xfd\x9fu\xb2\xc2\xccU\xc7P\x92:Dt\xee\xa7\x7f\xd3\xff\x1a\x00\xf0/\x13I\x05\x1c\xc5\x9a{\xcc\x9a\xb7\xe4r\x82\x02=\x94=I\xd4d\xbb\xdeq&gt;c\x8a\xfaDT\xb6\xc3\xd2\x7f\xcb\xfdD$\xe5l=vW$90s\x99\xf6\xfa0O\xda\xbf\x87\xb7\x7f\xf3y\xa2\x8cK\x9f\xbb\xe9\xba\xbf\xa5\xdb\xde@\x94\x8f\xd4\x94\xbd\x83\xbf\xd3\xb9\nd\x12\xa8\\+&lt;\xf4\xe8\xbf\xe5\x0f\x03\x00\xfe\xbf\x05\xa6\x8e\x99\xfd\xd4\'\xceW\xa5`_\xd3.\xd3\x0f\xdf\x93R\xe9\xf9|\'\x1d\xb9\xc7_\xbe{oN\xf4`:\xf8\x01\x13\x95#[@\x0c\xf3\xfdP\xa4l\xe1\xb4\xa2\xa3z\xcf\xb5\x0e{\xacO\xb7\xeeV\x1e\xfeQ]E\x9d\r\x00\xb1\xe2\xc8\'\xc1\x8b\xcb\x91kQ\xbb\xd0\xac?\xf9\xbb\xeb\xfe\x12\xce\xbb\xdc\x1b!S\xfb\xb9\x1a\xaail\xe9\x0b\x13\x11\xe5z\xc83\x13\xc3=\x9d\xdf7r\xad\xc7\xee\xf2\x0c\xc2\x1c\xe1\x1b\x87\x81\x8bO\xd7\xe9\xbb\xd1%\xc1\xd7\xba\xcc\x1b\x0f\xdd\x16\xf6\x19\xfdk1*\xdc!\xe0\x00\x00Q\x97\xcd!\xa6`\xac\xba\x97\x0f\r\x05\x1a\xcd\xb2l\xc9So\xaaCZ\xfdxS{\xef\xadx\xf9\xba\x89\xdb\x91\x7f\xd3\xd3O\xba\xe6.;\xd5I\x0b|T\xc0Y\x89HV\xe4\xcc\x1c?\xbfi\xac\x9a%\x8c\xc6\xfeKL\x94\xda\x9aG\x966\x1e\x05vU\xf1\xa1G#9\xdc\x89\xfb\x07_a~\xf6\x05\x00x\x90\xe4\xd6\x87P\xb6\x88\xd5zk\xb4\xf2\xaa8T=\xe7\xbcH\x94\xd1\xb2\xd1)*\x93\xf6SD\xaf\xabm^\x97}I\x8a\xf4\tio\x81F3\xddO\xa6V\xba\xb6\n\xb8\xa0\xeb\xef\x15c\xdb\x9b\x92\x99)q-uS\xad\xde\xeb\xc5\x1cY=\xe7\x1c\x13[\x9a\x8dx\xda\xbdHnrD\xe3\x05\xb0\x81\x99)nU\xcb\xc6\xf3\xb7\xfe=\xb7V\x00\xf0\x7fl\xf2\xa6K.{\xe3\xe4\xed\x92\xb8p/\xa2L\xda\xbd\xba\t}\x9d\x1e4\x03fn\xfbX\x1b\x01J\x13\x9aJ\x89\x05(_CFP\xbb\x97\xc8Z=\x18l9S\x15M\xe0_u\xd6\x9d{\x83\x99\x95\xdeg\x81Q\xa7i\xcb\x0f\xb7$S\x83\x18;\xe5\xe3\xbe\xd7\xb5e\xde\xc3v\xc7\xb1L\x81\xc6\x83\x8e\x93\x9f\x13\x0b\xc6\x17\x98\xbb\xdb\xcc\x17B:\x05\xdd\xdbP\xcc)K\r\xb4ot\xe8\xb9\r\x00\x10U\x0eCJB\xe3\xd13\xd64Op\xdc\x14%\x07hS\x8d\\\xf9F\xe4%\xf1\xf4\x13\xb3wx\xa9\xa4u\xe58\x99\\u4\x11\xac\x1c\xea\xadr\x11\x96\xcd5\xf3\xb0\xe4\xee\x9c\xa1\xd2H\xdb\xd6R^\x87\x05b\x8d\xbd\xac\x8c\x0f\x1e\xb7\xee\x1d5E$\x85\xd47]$\xaf\xe7\x94\xde~\x17\xe2\x87\xb5\x84~\'0\xf6\xb0\xee\xf8oQ\xc9\x07\x00 \n\xb6\x9c\xf9\xc7O2\xed%\xfb\x9f\xc0\xc6\xac\xba#\n*\xcbJ\xc0\r\xa3\xdb\xf6s\x97\xdd\xeb\x80\x08\xa3+\xbb\xd6\xa6\xc9\xeaZ6\xa4-\x17+\x01=\xc2\xa3\xc4M4$\xb5\x168T/\xddP\xbe\xed\xb4\xcd\xcc;\xf3\x1a#\xc44\xc1@\x06-y\x85\x12\xd4\xa0$\xb5#,@\x18\xdc\xef\x12Z\x8d\xd9\xe9/\x9b\xfb8(\x19\x00\xfe\x03\xba\xcf:\xe2\xb27Z\xcfd\xda\xa7\x07K\xe6\x85\x9b\x86\x14r\xd2\x8d\xe7\x0b\xd1,\xd5\xc6\x11Q\xd3aO\xf9\xcb/\xbew\x92\xc8D\xeb{\x8eZ\xfby\x86\x16\xea\x9aS\x1c\xe6\x08%-\xd676\xb2\xb5h5fW\xe4\x99\xfc\xc6|4zc\x04\x00\x00\x04_q\xa0"\xab!\x12\xc9\xa5\x13\xd7\xcd\xf9\xa4j\x14RF\xb5\x95\xd1/\xbe\x8a\x94\xa5\xad}\xdb\xd4\xcdW\x88\xa8\xc3\xa4\xfd\xde\x87\xa7i\x1a\xc2\xb9\x94\x82\x85\xdaM\xcc;\xff\x045B\x9c\x0c \x83\xf8\xc7&gt;\x19T\xf4x\x87\x11\x95\xd3#\xfe|\x9f;\x93W\xfc!\x82\x02$-\xd6\xf7_\x17*\x0e\x00\xfe\x05\x12\x17\xe9\xed+]\xb6\xf6a\x9f\x82\x99e\x07.f\xbe\xce.\xc3{J\xc9\xa5\x86\x83\xb6\xbag\xfb\xcaM\x91C|"Zl\x9b\x11O\xce\x93\x18R]X\xb0\xb1\x18\xd1\xe4\x1e.1\xfa\x9c#H\x04|\x1c\xfa\xd5?W\xed\xc9\xee\t\x98\xb9Z\x8f\xc7B\xcd\x96\x88\x882\x13\x11Q\xf1F\x83\x9f\xf4Hh\x1f\x9b\x14\x8aBMf_\xbc#&gt;xA\x8f\xa4\x16\x99Z[b\x98\xa7.;\xc4\xcfq\xbb.\xf0\xacmW\xcf~g\xfd\xb6W\x1c\xfe\xd1\x12\x99\x04\x00\xe0\xc1\xd5g\xde\te\xad\x94e\xef\xaf\xccy\xeb\x87\x12\xca8Sk\xf1o\xd3\xe1\x81vc\xf3C\x895\x7f"\xb2\xd7\xa3\xab^\xf8\xc9&gt;\x06\xc9\xc6\x9e \xbd&lt;\xa3\xd31}\xe6\x9f$\xa2\x0e\x93\x9e\xf3\xca&lt;\xca2T\x1c\xf9\x9bc\xa9\x12\xc4\xea\xa9\xf35\x98!\x9f\xb3\x89\x88(\xefW\xba\x92\xb8?8\xaa\x0f\xe83\xb7}\xecu\xce\xcc^\t\xf2\x10\xd1\xb7\xcc\xcc\xdc`\xe0\x16\xaf\xc4D\x14\xcf5&amp;LP\x91fs\xf1\x04\x0c\x00\x0f\xbe\xe8\x87\x18\x8c\x9c\xa9\'\x11\x11\x11\x1d\xfb\xd4\xb4\xa5h\xf3\xe0\x1cD\xf2R\x9b\xb8p\xef9O\x7fjlN1v\xed\x05\xfb\xb3\x11\x11Q\xaaF\x968\x15z\x89j:\xef\x0b\xbef\xce]w\x8a\xfdZ\xaf\xbf\xfa\xc7\xab\xe6~BmG\xf7UGn\x19\x8b\xd9\xc5?\xa7\xbe\x0c\xadj\xe94\xe5\x80m\x92\xe3\x0cD\xfa\x0e_\xfe\xbb\xb8\x7fa\xfd\x8c\xa1\xc5\x8ft\xe6\x98O\xfc\xfc\xdd&lt;\x0fF\xbd\x0b\x00\xb1-\x8dW\x828Q9\x8d\xe5r\xd6e\xfa\xa1\x083\xbcj\x1e\xdb\x1a\xd2\xe5\xb2\xd7\xdc\x17\x95\xb5\xc2U\xbb\xaf!\xa2\x0b\xb7y\xee\x8eO\xb5\xe9\x97\xec\xfb\xda\x92\xff\x8c\'?\n\xa1\xac!K\xe5\xba7\xa9\xe7\xf1u\xfa&gt;\xae\xaeZ\n/W\xfd&lt;,\xcaa\xbe\xd1\xf5\xc4\xab\x7f\x13\x95\x89\x8d\x9c\x83\x12\xd5\n\xe7\xa8\x0c-\xd4\xaf\xeb\xcc\xb7\\\xb8\xe9\x9ch\x95\x08\x00\xc0\x93\xact]\x1ejC|9\xa7Q\x9a\x88bJ\x0f\xce\xdf`\x86}\x9f\xbdBMV\xac\xdf\xc4\x8d\xefQ\x82\x1a\xf6\xbd\xee\xab\xda\xc0\x0b\x92\x98YH\'\x9d\xba\xa2\x06tl9\xfaY\x97\xd3\x9d\xf9\x8e\x999J\x83P\x9dn\x8fR3\xf3\xc9\xeba&gt;\xa2]3\n\\\xaa\xcdb\xc7D9:\xa6*5(\xbc\xfc}\xf2q\xcf\xe41\x1c(Q\xa1^\x91\x9c\xc2\xcf,O\xe8\x84\x05\x00\xf7\x8b\xf2\xb0\x95\xba\x89\xdf\x83R6\x14\xd5\xa4\xaa\xf7\xc3\xc7\x89\xe8C\xdb\xb5\xec\xa4\xda\njt\x8d\xae\xd1k\x9d.\xdf,\xcdG\xec\x10W\xc3\xa7\xde\xf0}ML\xd1@\xbby\xc9\xfeo\xa2ua\xddzVs\xaf\xa0M\xe9sf!\xcf\xf9\x80\x89\x88(\xf5\xaa\x17~\x92+\xc9\x8b\xf7\'\xa2$E\xfbLz\xfc}\xf7\xc3\xea\r\xd8\x9c\xb8po"\xa2t\xcd\xa7l\xbel\xde\x99\x9f\x88L?z\x9a&amp;D\x94\xb4\xa8\xcb\xa8!\xcb\xc3\xbag\x83\x8a\x85\xdb\xeb\xea\xbd\xef\x05\xbf\xd8T\xa5\x07\xc9\xf2\xe8$q\xd8\x1ed\x19w\x97\xce\x1c\xebc\xd9\xc1\xef\xb4G\xa1\xf6\x05\x80{F\x1fuR+\x8ck\xd3\xe4`\xf5 N\xe4&gt;\x14*P\x98\x1bJ(cuw\xdf\xf9\'\xddO\x97/\xf0l\x9d\xce=\x99\x0b\xe7\x07\xa0\xc4a\xe7\x19\t\xe7\xef\xbc\x84nJ\x86|\xea\x8a\xe8\xf9\\\xb5\xdb\x9al5\xc6S\xca\x86D\xe5c\xa1\x80\x1a\xc5Z\xce\'\xa2\x98\xd2\x83-\xdb-\xed\xe4\xd1S9\xb8\x98\xb2\xa1\xf8w\xe3Kw\x89*\x12\x05\x07\x98Y\xcc\xd8\xaa\x7f\xa7\x80\n\x18\x00\xa2(\xf0|#\xaf,\xf5\x06l\x0e7+\xff\x8f;\xa6\xb6Df\xee&lt;\xfd\x90\xd3D\x08j2\xb9\xfc\xe8\xa1\x1f\x88\xa8d\x9bEb\xb5\xf7\xbc\x13D\xf4\xdce\xae\xd4y\xc5\x0f\xcce\xcd\xd3\xcb\xbb_4\x97;&lt;\xeb\xf8)\x86\x94\xb0`\xcf\xe9[?\x8c\x97\xaf\xdb\xd4\'\xae\x84\x97\x83\x1f\x07?P\xef&lt;\xac\x81\xbav\xbd\xc3\xee\xdf\xa1z\xf7 \x1e\x91)\x94\x90\x1d\x9e\xc5n&gt;r\x87\xcf\xac\x9c\xe5\xb2nHZG\x8eXs\x10\x8c*Z\xb9\xcb*\xd7\xcc\xcb\x84\xfa\xcd\xeb\xd2{\xbfq\x07\x00p\xb3\xeb\x9d\xc8n\xe4\x13\x06\xfb\xf1.;\xf0\xadC\xa2\xcaa\xd44!\x1d\xf2\xda\xf7LD\xd9j\x04\xa7U\xe8&lt;\xed\xf9\xf5\'\x7f\xff]\xc9\xa4R\xe7\x95&gt;r\xf2\x0e%\xe1\xb7\x84\xaeS\x01\x12\x11%\xad\xe3\x9d\x89\x83\x92\xad\x17\xba\xec\x9d\xfd\xd4\'\x9e\xd9\xe6k0]Y\xd37o\xc4\xc9\xd3E\xbb=s\x9515z\xae}\xff\x0f\xb7S\xbc\xf7\x07\x13%\xd4D\x9d\xb4\xcdA\xe4\xc0\xfa\x14\x1ej\xe4\x13\x97\xbd\x85\x9b\x8a\x11D\xa1tV\xc8\xd6\xde\xc86\xae\xdc\xf6\x0f\x1e\x82\x01\xe0~\x8bG\x19[F+/{\x83\xe4\xa5?\xed\x97\xb9b\xa4\xbb\xc8\xca-\xfb\xde\x0f,d\xaf9\x81\x99m\xc3\x7f\xdd\x9bX\x93k\xb7F\xbb\xc91YTs\x13\xf4\xad\xdf\xb2\xe4\xf9\x1b\xcetO\x10\x1ef\xae\xd9k=Q\xe9BMf\x7f\xcc\xdcz\xcc.\xb1\xb1J\xd7\xd5\x96\x9c\x9f&gt;\xcfD\xb4\xf9\xf4\x9fr\x8b\xa5+u\xae:\x93\x9d\x0b\x93P.U\x8c\xda\xfc\x8f\x01\xda\x93f\xad&gt;\x8e\x12\x07n \x16\xee\xfe\xd2\xb6?Kt\xcb\x00\x00\xff\x15\x95:\xaft\x89I\xe4\xd4WH\xb0\\\xadd\x1b\xa6Nz\xa7\xa7(\x91\x8f\x0c\xd1&lt;e\xf3e\xa7\x86\xc1\xa8\xbflS[_u\x99{Ld$\'\n\x94}\x9dn:\x97\xd0\x12\xe5\xbfD\xab\x05\xc6b\x8c\xb1\x10|\xfa\x8c\x97O\x1d\x84\xea\xeb\xa5\xbb{\xe8\x92\xeb\xcc2|\xd8\x82]\xd7\xc5,F\xeas[\xf9N\xcb)\x99u\xea\xa1\x86\x83\xed\x11\xc7\xf2\x0cX|\xbax\xcb\x05\xb6\xed\x01\xa2M{\xc0\xa2\x97-\xaf\xc6\xafE\xef\xb7S\xab\xed\x90\xa8\xe5IP\xa0\xfb6\xc7Y\x14\x01\x00\xfe\xc5\xb2m|\xe9\xae\\IT\xa8\x97\x9c*\xa7\\\x87e\xfe\xea\xd1"~N\xa3v\x82%\xa21\x8f\xbd}\xd7\xc8\xfc\xdc\x8f\xdeg\x99\xbe\xf5\xc3\xa8T\xea=f\x1f\x15\x0b_\x1b\xb9Y\x86!I\xb6\x80\x12Z\xd9"/\x92U\xaa\x86D\x85\xc4\xa2Q5\xe6S&gt;{\x1e\xedA\x96/g\xe8\xb2\xd72U\x19MT\xe8\xc8\'|\xe6[\xe7\x0fb\xfc\xd6q\xf3vU\xa3j\xa7+?&lt;C\xa5Q\xf2\xce\xc3\x12\xff\xe4g\xb7(\xa4\xee\xd2\x86~Ht\xc5\xdc\xef\x02\x00\x00\x10\x11\xd1\x07\x81k\xa8~|\xb0\xed\n\x1bl,U\xe7\xcb3%\x8b[%z\xa5\x8b\xd4\xc0\xc5\xa7\xfd$\x1b\xf3\xd8\xdb\x11\x9c\xa4h\x04\xc7\x86\xc0\xa1\xb6s\xecRd\x1e\xfa\xe5s\x1a\xa8\xa4\xac\xd4\xacU\xbaFa\xfa\x87H\xe3~X&amp;\xf9\xc8\xf5P\x9ez\xd3*wq\xeb\x16\xb0\xfe\xe4\xef\xa6#\xeaLy\xf13\xf1\xd5y\x0fm\x02\x00\x88\\j\xd2\x8dg%\xa2\x8bw\xd8x\xd0\x89CD\x94\xbd\xbdSJw\xc5Z\xcc\xd3no&gt;rGLiM\xc0\x87\xa7\xfd\x8f\xf4%"\xc7\x0e\xb1\xb9\xe4R\xdc|]=\x9f\xc0\x98\x99(\xaf\\=\xf4\x11\xff;\xe30T\xbc\xdf\x05\xd0p\x1a\x03m\x9a\xb02\xd0N\x9e\xc3\x92&amp;\x95\xee/D(et\x8c\xd7z\xdd\xd6R\x92\xa4H\x1f\x97\xf4\xaa\x7f\xe1\xef\x0e\x00\x0f\xbca\x8f\xbe\xee\xb4\xab\xe2C+\xcco(\x83\xbc\xaeG\xb9\x9d\x921s\x93\xa1\xdb\x8f\x05\x9e*(Q\xe1^\x9e\xef\x80\xc7\xae\xbd\xc0\xcc\xd6)\x05m#8u\xf9\x04\xc6;}\xe90t\xd8\xa6\xe0\xfe\xcb\xce\t2\xb6"\xa20[A\xa3\x13\t\xcb\xc8\xac\xcc\xe00\xe6\x05r\xd9\xa9\xdeXDX\xd3|\xe5\xafy9\x89y\xf6-\xd9"\xa2?0\xf0\xcd\xdfg\xcc\xec\xdc\xe7\x1f\x00 ,\xcc\x1c/_\xd7\x0831\x828\x9aZ\xea\xec\xd7\xd3?\xcc\x0f\x91\xd9\xaa\x8f\x0f\xacfp\xecS\xddt\xf8S\x94\xb3\x93\xfa\xfa\x8d\x99\x7fa\xcf\xe7\xd1\\\xa2/\x98{2\xed.\xa7\x07\xf4\xb0\xf56M\t\xe5&amp;\xf6\xe6{/\xd7a))\x918\x9d\xee{r\xd4\x9a\xa8\xdfk\x8f\xa5\x9c\xbb\xf3\xdf\xbaL\xbef\x963GQ\xe2\xda\x0eST\xa9|5q\x17j2\xdbO\xb20\xb4\x1a\xb3\xf3U\x97\xf7\xdc*[L7\x00\x00_,\xbds\x89H&gt;\xaa\xe6\xf4\x9a5V\xcaSo\xaaX(\xd5f\xb1\x08\xbe\xd1|\xe43\xf6J\x8e\x99o;V{\x96\x88W\x85\x98\xb9\xf1\xd0m\xea&amp;\xe5\xe5_b{e0x\xe9\x19\xca\xd4Jl\xaf\xdam\xf5\xb7J\x82+\xff03\xab\x9d\xb43W\x1dc=\x7f\xceNN\x9f\x8e\xc8\xedV\xc0Y\xear\x1d\x96\x85t\xc0+\xdf\x04\xcb\xfc\xf03\x9f\x05w\x04\xc6X\xa7\x97\x1b\xdc\x9bUC\xa2\xce\xf5\x14\x94\xa2\xbe\xcb!\x81/?Ne\x974Z\xbf\xc4Z?v\xbb\x95\x87\x7ft\n2jf\xea\x80\x96\xbe\xc2\x08\xb1e\xe4\xaa\xf31e\xe4@\xb8\x12\x14\x08T\x99\x9c\x88D,O5\xf47\x00\xc0\xbd\x93\xb5\xfax\x8ai\\\xbd\xe7\xda\xe4%\xd4\xa1G\x1eS\xac;\xcfj\xa0\xc8\xdea\xfc\xfa\x8b\x8b&lt;v\xa8\x00\x00 \x00IDAT\x9e!$\xb5\x98\x99\xa8\xb8\xb1V\xd6X\x08T\xed\xfd\x16\xbcT\xa4\xd9\xdc0\xb2\x15~c\x9e\xbe\xf5\xc3\xe0\xba9\xf0u\xbc|\xdd\x82\xe3\x86\xb3\xb5\x0f\xfb,\xbe\x15\xf7N\x12\x81\x14%\x06\x84\xde\xec\xec1/\x820j\xf5\x9ba\x94\'D\xa5&lt;\xf6\xc7s\x8e\x01\x92\xac\x9e\x98\xf9J\xfa\x95\xd9t3DT\xa2\xd5\x02\xe5\xcbIJY\xcd\xefA\x00\x00"\x92V\x13\x0e7\xd4+\xf2\x84\r\xef\xdasx\xe6M}&amp;"\n1\x11\x8d6\x06\xd7\x12\x11Q)\x9f\'\xfd\xd9\x92,\x8eC\xc7\xe9\x98\xc6\xc5[\xce\x97y\x8eX\xe12\x1fm\xc8\xd1\x15\x02\xef,\x93Y\'\xbe-\xd9Z\xff\xb4j-\xb3\xabd\xc5\xdd\x06d\x1b\xbc&amp;\x90O\x1e\x1c\xe9\x1b\x98n\xc1,q\x11\xcdFOE\x9b\xcfS\x87\x1b\x85\xf6w\x92\xa0z\x18g\xf4\xb4\xfa\xe8\xcf.{C+\xa1=\x86\x17\x11Q\xb1\xb4\xe5\x87E\xf7-&gt;\x00@\xd0\xc2=7\xd4\xd5\xd9O}\xa2M\xf6\x87\xcb\x9b\xd7\x845G\xafV+T\x11\xb3\xc2\xda\x85\x95\x88\x98\xf9\x86\xc3eq\xf1\xde\xaf\xfc\x95W\x93gT\x925\x19\xb6\xdd\xbe1C\xa5\x91\xebN\xdc\xd6\xcdW_\xd2W\xe1\\\n\x93\xa6\t9\xb5\x0c\x13\x11\xd1\xec\xa7&gt;i:\xfc)\xffy\xbe\xf2\r\xdb\xc3t0\xb3|q\xa05\xda\xf1Q5\xf0\xa0\x9f\xaa\xd4\xa0\x0b\xb7\x99l1\xcbR\x94\x1c0\xdc\xb9\x13\x9fe\x8a\xa1t\xe5\x87\xbfp\xf5\xde\xf7%\xce,\xfe\xc9Pi\xa4\xbaU\xde\x05\x9a(\xed\x19\xc7?G\xb7g\x00\xb8\x17B\xeb\xd9\xebP\x8d\xc9\xa8\x81\xc9\xcc\xc94q6\xe4\xd47i\xca\x0eu\xc9\xd9~\xa2\x8f\xcc\x9dl\x83\t\x8c\x88\x10\x11\xcblY\x0f\xafW\xb0\xcfhP\xdb\xcfy$KUjP\xb0\xf7\x99\xf3\x94\xf2\xfd\x17\xbe$\x16\xd2\x94\x1b\xa6\xd9\x1d\xd9\xd3[\x93a\xdbG\xafy+\xd4\xef\x81\x99s\xd7\x9dz\xf8\xe3\x7fG5\x96\xa5\xeaX\xb9\\\xae\xc32J\xdd\x84\xa8\x80)\x85\x8c\xf2\xed\xda\x9f\x1c\x00\xc0Sz\xef$&amp;\xf1\x9c\x9eY\xa5\x8fu#\x8eJ\xb4r\x9b?\xc0\x88Ne\x1dQ\x13F\x9d\x97\xb9\x8a\xe8i\xa5\x0f\xf8\xcc\xccE\x9a=L\x99\xdbx\xe6\xd3i\xca\x81\xc0R\xceN\xd60\x0e\xe1\xba\xf2w\xa0\xd9\xa0\xf3\xb4\xe7C=V\x1d/\xeb\xebkI\xae\xe9Q5~\xfd\xc5P\xcfk\x95\xb5\x9d\xf8\xf7\x13]\x19\xc6\xae\xbd \x166)\x91#ei\xeb\xf4\x8b\xa5y\x06\x83\xc1\xc84rv\x12\xc3\x88\xe7=\xfb\xb9\xff\x0ce\xdf=\xcb\xb8,)\xfc\xb2\x02\x00\x90\xebu\xbcN\xdf\x8drY\xc4\xd0\xf7/}\xc5\x11"\xe7\x14%\x06\xf8/\x89\xae0Y\x89\xe8\xf4\xd7~\xcf\xaeF_\xa2\xb4M3T\x1c\xa9\rZ\xa44\x87\xea;\x10\x85ty\r\xe9rl\xb9\x94\xdbg\x9e\x88\x84\xaf\xcen\x11\t\x7f\xfad\x83\xcbdS\x81\t3\x9e\xff\xd0\xe9\xcb\x8cq\xcf:\x8c_A/E\x03\x91\xc0\xb9\xe9"\x84)\xb3\x00\x00\xac\xb4\xd7\xa0S7X\xf6"\x8e\xe8\x1e?}\x0bJ\xdf\x82\x88\xbaL?l\xd9#\xe3\'\xfb)\x8fv{\xa5.+\x999[\x8d\tD\xa5\xc9R\xe9\x86 0\xde\xb4\xe7\x9ccbA&gt;\xbaI}\x17\x9c\xf2\xcc\xa5z\x8f\xb5&gt;\xcf\xb7\xe5\xcc?\xf6Fuf\x16_\x94|\xac\xb4(\xd1z!\x11U\xe8\xb4\xdc)[1\xa2\xd7,\x83\\\x92\x114]\xbe\x1f\xcb@g\xf9\xe4\x97\xbe\xe2\x08\xa7CT\x8e\xa3fS5JXP\x1f\xe2\xca.\xdc?6\xfd\xbcUN\xea\xf6\xdfT\xa4\xd9\xc3~R&amp;-\xd6\xd73\r3\xabsq\x02\x00\xdcCI\xea\x18K\xb9m\xfb\xfc\r\x15U\xa6\x86u\xbf\x04[\xf6\x8a\x9eJ\xa9\xcb\x0cqJ\x7f\xfegkn}\xe6\x99\x068Y\xbb(\xebZk\x9dJ"\n\xe3&gt;\r\x11\x99\xca\xac\x0e9M\xab&amp;\x90\xb9\xb9~\xfc\xd0\x9e;\xd5\x9e\xc9\xd2\xf7\xde5\\p\xc6F\xc7Z\xca\xdcu9k\xf5q\x14\xec\xf4^L\x84Q+\xd2LL\xb5+\x7f\x82\x94"q\xff\x85/\xbb\x9c\xbb\xf9\x88\x1d\xea\xaa\x12\x15\xb2\xb0=q8b\x1a\x1d\xfd\x94\x999}\x05qWQ\xc8\xff\x80\xae\xee\xb3\x8e\x04W\xb2\xb4IP\xa0\xbbX\x8c\x93\xa7\x0b\x1a\xa2\x01 l\x81\xa7@\xcfF\xd4\xab\xc6\xdeL\x95G\x07\xb7\xa6l@\x0e5G\x8f\xd9\xc7|\x9c];\xf1Q\xfe\x9d\x17\x98\x88\x8e|\x12\xf9\xa5\xad\x8cu\x83\xdf\xa8\x1aN\xfd\x99S4\x18\xb4\xc5\xef\xc9\xe3T\xd16\x08\xefy7\xf8M\x8a\xaf\xdd\xfe\xe4-\xd8\x83\x15\x0b\xa1^\xf4\'n|\xcf2\xe5@\xa8\r\xec!\x9d.\x1c\xbe\xbb2\x05oV\x827\x7f\xaa\x8ca\x16 i\x1d\x97.\xd9\xaf\xde\xe4\x16\xa3\x9eQ\xb7T\xe9\xb6:\xdcv\x17\x00\xf8\xcf\x8b\xd6\xe5\xe3\xd2_,z\x06\xfd\xa8\xab\xc2\xd5Y\xff\xac{\xe3:\x87Dp\x90\xa8P/\x8aW\x8d\x88:O{~\xc6\x93\x1f\xc9\xed\r\x06mi(\xeaE\xfdEY\x9e=\x81\\\x96\xb5\xa0\x03\xfd\xb4\xf6%[/d\xe6-g\xfe\xd1e\x1e\xb2\x9f\x8c\xc7_{o\xac\x9a\xbd\xd6Q\xca\x06\x91\xf4\xe5\x9e\xb1\xf5#\xca\xa6o\xd3\x8e\xc0=\x9a\xac)4\xb2C\xb2\x95Gp\x18!m\xb9aD\xa5(qm"\xcaXi\x94\xf3d\x15\xa5\xc4?b\x18\xd8\xdb\xbf\xa2\xde\x05\x80p-\xdcs\xe3\xd9\xb7}]D\xde\xd2]k^\xb9\xa9?6\xf0\xa4u?\xa6\x11\xb4\xcc!\x9f\xb2\xe4\xc0(e\x1ch\xa8\x8c_\xa0;eha\xdf=t\xd9Ye-\t\x11M\xdd|\xd9)\xaf\xf2\x1d\x97)/h\xcbk\x1b\x1e\xdc\xabs\xf1(\xb6\xe1\xd4\x1d\xcfr\xbb\x18\xb6\xfc5\xf7\x93:4\x17g\x90\xc9\xd4Y\x9fC"z\xf3\xd5\xed\xbf)\xbc\xc3\xf5\x8c\x999r\xd4\x9a(K\x98\xbd\xc6\x04\xd1\xc3N;?t\xf5\x9e\xc17\xf7j\x1cP\x00\x80\x07W\xce\xda\x93\x1cj\x88\xd2\xa1f%\xf3yh\xeaA\xcfd\x0bw\x7f9\xec\xd1\xd7[\x8f\xddMD\x9b_\xf9KMP\xb4\xf9\xc3]g\xbe\xe0\xf1\x18\x9a\xbdC\xa8\xc5S-r\n\t\x92\xfb\xa1P\x1f\x7f\xd5q,\xe3\xd7\xbd\x13\xf9@\xd2\xfe\x0b_\x92\xefY\xed&gt;d\x16\xcd\x06A\x0e\xe3\xa9\x9e\xff\x90\x8d\x17\r\xa6\xa6\xfb\x90&gt;`\xf9\x8e\xcb\x88\xa8|\xc7\xe5"0x\x909\xaa\x143\xff\x11\xa5\xc6\xdbz\x036\xbb\xecefsK\xbe\xa9\xf7rum\xfc\rg\x81\xc80\xce\r-\x00\x00\x91\x89iL\xcaeWt\xb1\xb9\xed\xaf\xc9\x9a\x99\xc5\xc4\t\x96\x94\x03\x97\xbc\xe2\xe7\xcc\x89\n\xf5"\xa2\xe6#M\xef\xdb&gt;e&gt;uC\xdf\x8e-\x1b\xd2\xad\x05K\xa9\x89\xc5_\xa9\xf3\n?e\xb0{\xee2\x13\xd1\xb1O5\xa7\xb6E\x96\xc8\x96\xad\xc6\xf8\xf0\xce\xa2f\xeb\x97\xcfW\xda\xf1\x03\x15\xf0\xb6\xd7\xc3\xaa\xf3\xf2tVV\xb2$,\xd8S-\xa4\xba\\\xa2\xd5\x82\t\x1b\xdem?Qt\x01\x8bR\xe7)=\xd1\xbc\x9c\xcb;a\x92\xdaO\xbc\xfa\xb7\xb1\xa2\xf69\xf0\xe8\xd7\xd6l\xf8\xd3\xb6\xaa\xbd\x92\xf8K\xab\xd9k\xbd\xcfR\x02\x00x{\xebWn?q\x9f\\\xd5\xd6s\xc1e\xcb\x13\x95\x89\xb5_\x958\xd6\x98\xcc \x915\xb51G\xc2\xda\x17\x7f%\xa2*]W\x85Vn""JZ\xd4:b\xc4RY\n2P\x83if\x85p\xd5\xeb\x1f\xbc:?\xf9\x9a\xbeb[u\xe4\x16Q\xdeH\xce\x92\xab\xce\x14\xf5\xe9v\xd0#\xafF\x92\x9bN)\xf1O\xab1\xbb\xecu\xff\x1f\xaew]U\xba\xae\xce\\u\x8c9\x82w\x94\x89\xe7i\xc7n\x04D\xfd\x16\xbet7\x94\xce\xf3\x00\x00\x0f\x84\xc2M\xe7\x10\x113o\xb7&gt;\x18\x99Z \x13\x17\xee\xc5\xcc\xf5\x07&lt;A\x94c\xc0\xe2\xd3\xcc\xfc\xfa\x0f\x81\xf4\t\x0b\xf6\xb4\x8c\xe5Xq\xe8\x07\xa7\xd3%-\xda\x97(\x93{\x91\x98y\xd3\xe9?]\xfa?w\x98\xb4?\xbcKj\xb1\x16\xf3=Om\xd9b\x9a?1N\x159\xf5M\xb6\x1a\x13\x8c\xad\xf9\x1c\xb3\x8b\x1f\x1c\xae\xf3i\xe4\xd1!B\x99\x12Q\xfb\xce\x9e\x88.\xff\xedZ\x8c\x94\rK\xb7[\xa2\xdd\x93\xaa\x94\xe3\xdb\xf4\xe5\x07\xbf\xf3_\xb01\x8f\xbd\xed?\xb1J~-\x8f\xec\xffF\xd9\\\xc8\xe5\x90&lt;u\xa7\x8a&gt;w\x89\n\xf7\xf2s\x8a\x90&gt;\x08\x00@\xac*(\xab\x90\x81K^1\xdaxK\x92\xa6\xbd7\xa4\xb9\x83B\x9eh\x88\x88d@ffv\x7f\xe1W\xb8\xe9\xdcf#\x9e\x96\x89uIrn:\xfdg`\xf2"\xb3x\xf9\xba\xe9\x92w$"y\xdf0\xc6\xf3i/\x8bu~:\xb5\x18\xda\xc0\x8d\x9e\xdcn8\xac\xe1\xa0\xf3\xef\xbf\xe4\xd6\xa5K,\xab\xf1,\x05\xed\xb8a\xcd .\xb3\xe6#vd\xaf9A\xbbk\xe4\xaa\xf3\xba9\x97b\xb5Q\x9a(\xf0\x01\x8b\x11\xd1\xf6s\x1e\xc3\xeaD\xe2\xfa\x03\x9fpOs\x9d\x992\xb6\x92\xab\t\x0b\xf5$\xa2\x8d\xa7\xee\x88\xccG\xae:\x1fQq\x01\x00&lt;\x89\xcb\xcd\xaew\xb8h\xf3y\xcc\xac\x06wLX\xb0g0\x9d~\xfa6w\x9a\xf9\x91\xc8\x16}WnWfJwt\xe0J \xbd\xff(\x98\x9ee\x08p\x9a\xeb\xd0+\x13s&gt;9\xc3-Q\n"\xb2?\xf9y\xd54q\xe4R\xa5\xe0h`\xd3\x9b\x02f\x8e\x9b\xb7\xab\xd3\xf1\x83\x97\x9e\xd1nw:o\x9arC\xb5\xdb\xfd1\xe6\xf0\x08\xf1\xab\x9e\xb2\xe92el\x95\xb0`\x0fm\xa9~\n\xeb\xd6g\xe1\xee/\x99Y\xde\x89\x8a\xdf\xf1\xc4u\xfb\x0f\n\x00\x10\x8a\'\xcfz_A~P\xae2/\\5]w\xf2\xd6\x9f.\x162W\x1d\xe3\xf3\x8c\xe3\x1c\xc2M8(\xbb\xe5\xcc?\x95\xc3z%\xacZy\xf8G"2\x02\x16V\x08\xe9X\xf1Z\x9a\x88\x88\xf2\x17h4\xd3\x9e\xa0x\xcb\x05\x14\xbf\xfa\x0fn\xd7\xe2rDt\xe8#\xa7\x04I\x95\xe5l\x9bN\xffi\xcc!AG\xafY\x0e\t\x96\xbcb(]\xc9\x98\xf9\x8d[\xec\xa7\xe5?\xac\x1aE\xdeI\xe4\xf77iqH\xf4\xe3q\x8dr\x16$\xa2Rm\x16\xab\xbb2V\x1a\xe5\xf4)B\xf9t\xa2\xb9\xa5|\xdb\xf1{\xec\xfb\x12\x14\xe8A\x94\x80\x99k\xf5\xde\xe0;C\x00\x00\x8b\xcc\x96\xd1/\t\x9c\x12\xba]\xbc\xd2;\xc4@\x08\xb4\xdcR\xab1;u\xbb\x93\xea6\x86\xacd\xeb\x85\x07?\xd0\x97MDR\x8c\x93\xb7\x8bv\xaf\xe5\x13u\x98\xf4\\p%{{\x19&lt;\xb9\xef\xfc\x932\xfd\xa0G^M^\xbc\x7f\xab1;\xf3\xd6\x9f6y\xd3%%\x07\x117\xdb6\xdf\x83\xb9-\xdaw\xd7\xe88\x96\xf5\xe5\x07\xbf\xa3\x0c-\x9dz\x1d\x0b\x83\x96hzfu\x9bu\x84\x8c\x9aU\xce\xe9$\x8e\x8d\x93\xa7\x0b\x99\xded\xdfC\xba\xc1`&gt;\xab\x7f{sw\xe0\xa8\xf8\xd5\x89\x8a\x8b{\x1d\x07\x05\x9cw\xe9\xa4n\xcc\xcc2\n\x8a\xb5lY\xda\xe6\xad\'B\x90\xa6s\x9a\'\x1b\x00\xc0U\xc6`\xbf\x9eY\xdb\xaf\xba$\xd4^\x1c]\xbaI;M*\x10R\xfe\xee\x9e\xff\x90\xd5&amp;JS\x0eI\xea&lt;w\x99\x99y\xc1\xae\xeb\xe4\xda\x01J\x1d\xc2${\x96\xb9\x17&amp;U\xe9A}\xe6\x9d\x08\xa5\xc0\xe5-\xb3\xd0\x87\xc9\x88i\xe5\xe7\xb7\x10\xd2Up8o\x96\xb6C\x96\x9e\xd5\xef\n*\\\xaa\xedb\xaf4\x8es\x16\xc9\xf2\xd8\x1b0z\xcc&gt;\xa6\x99\x100{\xfb\r\'\x7f\xf7&lt;\x9d\xcc&lt;~\xfe\xe0\xdb\xfa\xaa\xddV\xdb\x92\x88&amp;\xfa\x84\xb6\xed\xe4\xf4\xbe\xc3U\x01\xf5\xfe {\xcd\x89r\xc7\xe3/\xffQ\xb5\xdbj\xed\\[\x00\x00a2.7\x810\xd1\x1fx\xd57\x19+\x8d2\x1fHD\xc9\xfc\xbc\x08\x1c\xb0\xe8\xe5\xb4\xe5\x86\xb9\xd4g!\xd6\xcdY\x83\x8b1\x8d\x88\xf2\xdf\xd5\xbc\x7f5\xa4\xd0\x0c\x14\x8eU\xb5\xfa\xdc\xe7F\xcby\xcf~\x1e\xd2\xf7\x99\xab\xced\xa2\x92\xea\x0c\r\x86Tr\xe9O\xe6=\xef\xf2\x81+\xcc\xccK\x0f|\xab&amp;\x12#\x88\xdc}\x17,\x8f\xb6?y%"\x127Rz\xc6\xa4\x81Z5{\xad\xb3l9z\x8d\xb5\xb3OjC\xc2\xc9\x9ez\xea)\xe4\xf0\xb6\xc2M\xe7\x8ah\xa6n\xc5\x03\x00\x08\x95\xe9\xa2\x96\x</t>
        </is>
      </c>
      <c r="E226" t="inlineStr">
        <is>
          <t>&lt;class 'numpy.ndarray'&gt;</t>
        </is>
      </c>
    </row>
    <row r="227">
      <c r="A227" s="1" t="n">
        <v>225</v>
      </c>
      <c r="B227" t="inlineStr">
        <is>
          <t>steps_per_sec</t>
        </is>
      </c>
      <c r="C227" t="n">
        <v>3300</v>
      </c>
      <c r="D227" t="inlineStr">
        <is>
          <t>5.3381195</t>
        </is>
      </c>
      <c r="E227" t="inlineStr">
        <is>
          <t>&lt;class 'numpy.ndarray'&gt;</t>
        </is>
      </c>
    </row>
    <row r="228">
      <c r="A228" s="1" t="n">
        <v>226</v>
      </c>
      <c r="B228" t="inlineStr">
        <is>
          <t>Loss/localization_loss</t>
        </is>
      </c>
      <c r="C228" t="n">
        <v>3300</v>
      </c>
      <c r="D228" t="inlineStr">
        <is>
          <t>0.14674158</t>
        </is>
      </c>
      <c r="E228" t="inlineStr">
        <is>
          <t>&lt;class 'numpy.ndarray'&gt;</t>
        </is>
      </c>
    </row>
    <row r="229">
      <c r="A229" s="1" t="n">
        <v>227</v>
      </c>
      <c r="B229" t="inlineStr">
        <is>
          <t>Loss/classification_loss</t>
        </is>
      </c>
      <c r="C229" t="n">
        <v>3300</v>
      </c>
      <c r="D229" t="inlineStr">
        <is>
          <t>0.38895458</t>
        </is>
      </c>
      <c r="E229" t="inlineStr">
        <is>
          <t>&lt;class 'numpy.ndarray'&gt;</t>
        </is>
      </c>
    </row>
    <row r="230">
      <c r="A230" s="1" t="n">
        <v>228</v>
      </c>
      <c r="B230" t="inlineStr">
        <is>
          <t>Loss/regularization_loss</t>
        </is>
      </c>
      <c r="C230" t="n">
        <v>3300</v>
      </c>
      <c r="D230" t="inlineStr">
        <is>
          <t>0.034403984</t>
        </is>
      </c>
      <c r="E230" t="inlineStr">
        <is>
          <t>&lt;class 'numpy.ndarray'&gt;</t>
        </is>
      </c>
    </row>
    <row r="231">
      <c r="A231" s="1" t="n">
        <v>229</v>
      </c>
      <c r="B231" t="inlineStr">
        <is>
          <t>Loss/total_loss</t>
        </is>
      </c>
      <c r="C231" t="n">
        <v>3300</v>
      </c>
      <c r="D231" t="inlineStr">
        <is>
          <t>0.5701001</t>
        </is>
      </c>
      <c r="E231" t="inlineStr">
        <is>
          <t>&lt;class 'numpy.ndarray'&gt;</t>
        </is>
      </c>
    </row>
    <row r="232">
      <c r="A232" s="1" t="n">
        <v>230</v>
      </c>
      <c r="B232" t="inlineStr">
        <is>
          <t>learning_rate</t>
        </is>
      </c>
      <c r="C232" t="n">
        <v>3300</v>
      </c>
      <c r="D232" t="inlineStr">
        <is>
          <t>0.07999857</t>
        </is>
      </c>
      <c r="E232" t="inlineStr">
        <is>
          <t>&lt;class 'numpy.ndarray'&gt;</t>
        </is>
      </c>
    </row>
    <row r="233">
      <c r="A233" s="1" t="n">
        <v>231</v>
      </c>
      <c r="B233" t="inlineStr">
        <is>
          <t>train_input_images</t>
        </is>
      </c>
      <c r="C233" t="n">
        <v>3300</v>
      </c>
      <c r="D233" t="inlineStr">
        <is>
          <t>[b'640' b'640'
 b'\x89PNG\r\n\x1a\n\x00\x00\x00\rIHDR\x00\x00\x02\x80\x00\x00\x02\x80\x08\x02\x00\x00\x00\x83\xaf^t\x00\x00 \x00IDATx\x9c\xed\xdde\xd8\x15E\xff\xc0\xf1\x1f]7\r7\xdd\xdd\xdd\xdd\xdd\xdd!\x92")!\x88\xa2\x18H\x8a\x80\x8aX\xd8\r\xb6\x98\x88\xd8\x89\x9d\x8f\x85\xdd\x8d\x8f:\xff\x17sv\xcfl\x9e=w\xf3\xfc\xbf\x9f\x17\xdc\xbb\xb3\xb3\xb3s\x0e\xd7\xb5sfw\xe67"\'\xa4\x02Ys\x99\xb1\xab\x0f\x88H\xd9v\x8b\xac\x84"J)\xa5\x94\x99\xe7\xed\x7fc\xbbf\xba\xb5]\xcfQ\\\x9e\xce""R\xa7j\xf7\xd5v\x9e\x9f\xad\x02\x8b6\x9b\xa3\x94\x92\n#$w\'\xfbh\xd0\xbf"2o\xf3\x11\xa5T\xcfY{uJ\xa7)\xbb$O\xa7g\xbfWyjO\x11\x11\x91\x12=O\xbe\xc2\xfb\x89\x1c\x95\xaf8*\xa9o\x03\x00\xf0\xbf+O\xe7\x0f\x9c\xcd[\x0e7e\xfd\x83""\xa5\x06\x8a\xc8S\xdf\xa8\xa6\xc3/pe(\xdal\x8e\x88T\xec\xbc\xdcH+W\xa3\xd7\x1a\xa5\x94\xe4\xee\xb4z\xef\xebRs\xa2\x88\x88\xd4)\xdeb\x9e\x88H\xa9ARa\x84\x88\x8cY\xb5_\xa4\xaa\x94\x1e\xac\x94\xfa\xdb\xd3\xeaGw\\\xa9aKo\xb1w\xbd? \x00\x00\xd9##n\xc7)\x19P\x8fd\\\xf1\xc4_A\x87\xfa\xcc\xbd:\xf9\xf2\xca$\xce\x92:\xcc\xde\x0c\xfd\xc6\n\x99;\xb7\xbc\xacF\xaf\xb8\xd3L\xd9r\xe0+\xa5\x94\x94\x1e|\xe8\x0b%\xd2\xb4\xeb\xf4\xcbD\xe4\xb5\xe3\xde\x02\x9by\xae\xd5\xc4&gt;6\xfd\x9c\x87\x12W8\x81\x86%[.Hw!\x00\x80t)/R1C\nz\xfa\xdb\xec\xecZ\x15m:\'\x1b\xaf\x1e\xc5\x8c\r\x0f\x8b\x88H\xee\x16\xa36\x05\xe5Ii:[D&amp;\x9eq_&lt;\xa9H\xefh\xc5\xa7\x8a\x88HC\xbd\xe3\xf7+!5Z9\x00\x80\x13L\xb3\xcc-&gt;\xe1\x0b\xcb\xe2\xfd2\xf3\xea#\xad&amp;\xadb\xe6?\xc2\xad\x12%\xd3)\xdb\x9f\t&gt;X\xc1\xd8\x1c\x99\xde\xea\x00\x002\xc3_\xffko\x04#\xb5^\xe9\x91\xce\x06X\xbf\x85m9zKF\xd5\'\x1d\x1agw\x05\x00\x00p\xa9&lt;&amp;\xf8X\xd9\xb4\x15\xa9&lt;\x1e\xfb,K\x7f\xfdT\xe8\xb8L\xa4\x98\x88H\xde."\x92\xd2dvV^\x1d\x00pB\xab\x94\xe5Wl\x9f!\xa5\xe8\x16\xb7\xdf\xfc}Rj\xe0}\xef\xc5\xdb\xe0\x0c)&lt;\xa1\xfa\x03\xcf\x16\x91\xc5;_\x10)\x995W\x04\x00\xfc/)\xd7z\xdc\xb6\x8c+\xadN\xc6\x15\x95\x98R\xaa\xe1\xe0\rJ\xa9.\xd3/\x15\x91\xea=O\xcf\xf06x\xc1\xb6\xa7\x83\x0e\r8\xe5:\xbb\x1a\x8bv&lt;\x97QW\x04\x00\xc0a\x94s\xf2O\xc6\xfa#MM\xa6R\xea\xe8\x1f\xf1\xe6\xd6|\x10\x9d\xa1\xb5K\xe0\xdb\xff\xb5W\xfe\x00\x80\x1c\xa1\xaa\xb9\x93\xb0m+\xdfai\xc4\x9c\xe9w\xe1\x1d\x9f\xcf\xba\xe0\xf1\xcck\x80\xcbuX\x121\xa7}\xc5Z}\xce\xc8\x90K\x03\x002E\x8e\n\x9cT\xb9\xebJ\xbd\xe1\xdbz\xd9\xbb\xeb\xf6\xbd\x9b\x05\x95I\xea\x9bi:b\xa3\x88\xdc\xfc\xa2\x1a\xb5\xe2\x0e\xa5\xd4M/\xc6\xea\x7fepP\x91\x0c\xbc\xba\x88\x0c_v\xab\xb1\xd72m\x17\x05\x00\xe4D\xd5\xba\xaf\x0e&gt;X?\xf0HJ\x9f\xf4\\4G\xfd&gt;\x88\xa8l\xbbE\x99\xf0\xfc\xb9\x98o\xaa\xf3\x12\xf5DD\xca\x0f\xcf\xb8\x8b\x02\x00N\x1c\xe9ounz\xd1\xf1 7\xa9s\'\x9eqo:\xaf\x9e&gt;\xf9\'\xac\xbd\'=\xad\xaf\xe7\xac\x82\x19R-\x00\x00"\xb1\xda\xa1fY\x10y#\xdcO\x19\xd1\x8b\xed4ew\x9a\xceK\xd7\xa4\xac\xf2\x1d\x97\xa6\xe7t\x00@\xd6\xe8 "\xbf\x9e\x80\xcf{\xa3\xeb=\xfb\xaa\xf4\x9c\xdeq\xca\xae\x8c\xaa\x89-\x03\x9eQ\x17\xeb\x1b\xdb(\xde\xdf,p\xcc\xaa\xfd\xe9-\x19\x00\x90~\x99\xf1&amp;\xb5n\xff\xf57\xbe\xf0?\xd6`\xa71\x06VR\x8a4&gt;\xd9\x932k\xfd\xf5\x1f\x88\xc8\x817\xff\xc7\xbeO\x00@\xf6\xa8lo\r]rs\x86\x95\x1a[\xf7\xdeG:\x7fg\\q\xe8x\xf0\xc1\xe05\x19\xcb\r\x0f/6\xa4Vg^\xfb\x9e+CZ?B\x96F\x1d\x01\x00\xfc\x7f\x94\xc5\xe3\xa2\xd7\\\xf5Vf_\xc2\x1e\xb1\x95Q\x03\xa7O\xc4\xa1\xe3\x00\xf0\xbf)[\xef\xc8m\xb3\xe0\x1a\xb7\xbc\x9c\xb1\x1f0w\x86\x96\x96`.\x96\xfd\xbfs\xfb\xd1\x8ch\x80K\x0eLo\t\x00\x80LP;\x93\xca\xcdWwZ&amp;\x95\x9cf\x85\x1a\xce\xcc\xa0\x92J\x8bH\xaf\xd9W&amp;\xceX,l\xd1\xe2%;_p\xa5|\x1aknS\xce\xbe\xe1C\x11QJ\xed:\xf8s\x1a\xebh\xe97\xef\x9at\x96\x00\x00@N\xe1\xed\x98\x96\xef\xb8\xcc\xb1_i\xb4\xb5\x15\x1c\x93\xc4S`\xfa\xfb\xbbG\xbe\x89\x95\xf0\xaeUTF\xben\x07\x00\xa4\xc7u\xcf\xaa\xd6c\x1d\xab\x0c-\xbb\xe4e\x11\xb9\xed\xd5\xffWo\nkF\xcfz\xf7\xdbj\xf0\xa2\x1b\x8d\x84\xaa\x81Y-\xce\xa6\xb4P\xc4\x0be\xf8\xab\x013\x18u\xc6\x96\x0c\x00H\xce\xff\x8f\x1bq\x9bL(\xb3U\x86\x97\xf8w&amp;\xff_\xa44\x9d\x9d\xa9\xe5\x03\x00\xb2\xc8y\xb7|\x12)_\xa1\x9e\x99\\\x91\x84\xb2`\x15\xfa&amp;b\xfc\x9a\xa9\xd9\x9b\x85\x86\x00\x00\x91=~\xcc\xee\x815\xcd\xf0\xc2w\x1d\xfc\xc9\xdcm1jSF\x95\xec\x9d\x08dt\xebcC\xac\x9d/&gt;s\xd5\xed\x7fV\xa4\xa2\xf3v\xf1M\x1ey\xda\x1d\x01\'\xd4MXd\xc7\xc9;#]:\xfdjL\x0c9X\xa0\xfe\x8c,\xaa\x06\x00 \x8aig\x1fl&gt;\xf2B#!q\x00\x877\xfe\x9b\x15\x0f\xb1#\x8d16Xmp-Wz\xa6,\x82\xeb\x19\xdb\\\xb4\xe9\x1co\xae\x95\x97\xbf\x16\xa5\xb0\xd9\x17&gt;\x91\xfe\x1aeH\x84j\x00@\x16+\x90\xb6\xd3\xe6m~2c\xeb\xa1\xbd~&lt;\xa0-\t\x9d\xd2\x93e*wY\x115kz\'\xe0&amp;\xfd \xdd\xb5.r\xdd\xfe\xeb\xff\x7f\xbc\xf2\x07\x00d\x88\xea\x132\xa8\xa0DS\x9c\x0b\xf6\xc8\xa0\x0b\xa5C\xe1t\xbd/7\x9f^\xb4\x9b\xb8\xc3\x9b\xe1\xac\xeb\xdeOO\xf9\x00\x80Lt\xd7[\xf1NR\x99\xb6\xa7&amp;un\xc4\x80S\xa5Z/L\xaeNY\xcb\xdbMl0hC\xfa\x8a,\x95\xbe\xd33XJ\x13\xf7z\x0f\x00\x80,W\xa4wv\xd7 \x02\xbd\x9eA\xd5q\xc9\x9e\xe7jJS\xdb-N\xb6\x84\x86\x83\xcfM\xf6\x94\x0cQ\xb3\xd7\xda\x0c/\x93\xe7\xcf\x00\x90\xa39o\xd3\xc1\x8b\xfc\xa4A\x89\x01\x19YZ\x0e\x91\xab\xa3\xfe\x9b\xd9\xcd[\x9bq\xdb\x83/Q0\xd1\xd9\xfa\xff1\xe3\x07\xb7\x03\x00\xb2A\x8fY{%uhx\x9e/&lt;mF\xfd\x81g\x1b{\xf1\x18R+\xf6\x1c\x15\xfd\x10\xbb\xd2h=\xad\xf6\x84`6\x8a\xef\x18\xdbyjO\t;-wGk+o@\x8e\xf2\xbe\xa9\xe7\xdf\xfai2\xb5\xf3UP\xa4B\xba\x0b\x01\x00d\x83\xc2Yy\xb11\xab\xf6\x8b\x88\xb9xpb\x89\x1eV\xe7\xae5)\xcd\xf5I\xc8\xdbO\x1dt\xea\r\xbe9/y\xe8\x97\xa4\xca1\x84\x8d\x88\x1e\xbf\xe6nc\xcf=\x11\xabB\xa7e"5\x1f\xfd\x94\xc7\xd1\x00\x90\xad&gt;I\xcf\x83\xd3\xd0E\xf4l\x99\xf1l6\xbcL\x9f\xb1c\xf1\x1egfE\xc5\n\xa9\x92\xe7PVt@g\x9e\xf7h\x16\\\x05\x00\x90a\x86-\xbd5J\xb6\x9b_\xca\xac.\xd4\x87\x11\x1a\xec\xb45\xea\x17\xdd\xfb]\x1a\xce\xd2\xa6\xac\x7f0a\x9ew\x9d\xb5\xba\xe8\xbe\xb4_.S\xe4\xeb""\r\x06\x9d#\xa5\x06ewU\x00\x00\xe9\x90\xf9\xa3jK\x9b;\'\x9d\xf7\x98\xb1\x17\xa9#k\xd7p\xf8\xb2\x04\xbf*\xa6\x9f\xf3PR5sY\xb8\xfd\x99(\xd5\x08\x95;\xe4\x94H%\xe4\xe9\x1c\xe1*"\xd2 Z6\x00@6( "\xa7\x846*\xe9\xb1y\xff\x97\x99T\xb2K\xc4\x9f\x08\x9f;\xb3M\x8d\xd0\xd9\x15\xa9\x14r\xa1\x86\x83\xe3\xf3\x86\xedU\x1d\x97\xec|Q\xa4h\x94\xfa$\xe2^\xdc\xe9\x1b\xc7\xd5K\x88\xc8\xbc-G2\xe2B\x00\x80\xac\xf2\xa1\xb5\x0e\xbc\xa7\xe9\xaab\xee\x1c\xfa&lt;\xbb\x86\xf0\xf8\x8f\r\xce\x10Kw\xbfdo?\xf3]\x92\x1f\xb0\xec\x10\x11\xb9\xe2\x89\xe3\xd6~\xa3\x08\xe7\x94\xf1\xa4\xd4p\'\xc4&amp;n\xe5\x89V\x89j\xd1\xb2\x89Hs\xe6\x04\x03@N\x94\x99w\xe72"R\xbe\xe3R#%h\x1e\x8eC\x83A\xe78\x13\x12\xaf;\xe4\x96\xafk\xd2\xa7$/W\xcdI\x92\xd1_\xe0\x90\xc57\xb9RVE[\xd7!H\xfb\x89\x17\xa7\xe7t\x00@\xa6Hc\xe3Q#\xa3"6[\x15(\xd1?Z\xf6\x88\xbd\xc3\x0c\xb0\xe5\xc0W\x8e\xfdJ\xa3\xc53\xf0\xca)\xf5\x8e\xa3\xb1\xa3\xfe\xdfj\xe8t)\xf396\x00\x00\x96\xccY\xba \xbe\x80\x8fU\xfe\x15\x87\x8e\x9b\x19\xc2\x9f\x8dGV(Mg9(\x9f\xc7\xf5\xeeb}\xdb\xdd\xdf\xfd\x12\xcb\xb6[\x94\xfe*\x89H\xde:S\xab\xf5X\x9d0\x9b3\x1c\n\x00\xe0\xc4\xf1t\xb2oI-\xc3\x96\xde\xe2J9)l\xc6j,\x16\xe6\xd6\xbb\xbf\x11if\xa7\x16i\x9ca\xcb\t\xf8\xb4\x91e\x06\xa7\xf1DC\xd5\xee\x89[\xc1`\xf5\xf4\x9f\xdes\xaeJG!n\x8b.~&gt;\xbe\x93\xb7K\x06\x96\x0c\x00\xc8\x14\xcdF\\\x18r\xd4l\x87\x9cmRj\xa6\xd5H\xeex-\xc3\xdfR\xd7\x0c?\\\xa0\xfe\x0cc\xaf\xb5o\x9ek\x9fv\xd4j\xe9\xae\x17\x13\x86\xbf~\xeb\x1f\x95!\x9f\xa5F\xaf5\xe9/\x04\x00\x90\x13\x1d\xfc(\xa4\x9dh\x97\x86\x02\x13\x855.nou\x98\xb4s\xff\x1b\x81W\xdft\xe7\x17\x81\xd5\x9a\xe0\xb3&amp;nB\x15:-\xf3&amp;6\x19~\x817\xb1J\xb7Ui(\xdf\xcb\xf9\xc3\xa5y:K\x8b8\xcb\x8b\x81\xd0\x00pbH4t6\xb7\x88\xbc\xf2[\xfc\x9e^\xaa\xd5)!\xb9\xcd\x9c"\xe5D\xa4\xd1\x90\xf36\xdc\xf4Q\xc4\xca\x9c\xb2\xfd\x19\xa9\x9ea\xc3\xbe\x9cj;\xf6\xca\x0e\t\xcb[el\xc4B\x07.\xbc\xbe\\\xfb%~G\x8cA\xe0\x95\xc7\x04\x9d\xfe\x9bn,+\x8e\n\xcap\xfd\xb3J\xa4\xb13\xad\x98+\xcf\x93_\xa9I\xeb\xee\xb3wi\x80\x01\xe0\xc4v\xe9#\xbfehy\tf%5\x19\xe6\xd3\x13Mm\xbf\xd8\xdd\x9c\x14\xea\x99\xccE\x8b\xb4\x1c\xbdYoE\xe8&gt;\xba\x977\xd0&gt;r\xb7g\xde\xc8V\xf1\x01\xdbU\xbb\'\xee:\xc7?Q\x9e\xce\'\xd0\xf2P\x00\x80\xb4\x1b\xb0\xe0\xba\x84yF,\xbb-JQ\x15::\x1e\xe7\xf6\x9f\x7f\xad7\x98F\xaf\xd9W\xea\x8d(}\xb2\xa0\x8e\xf8\xad\xaf\xa4\xb7?\xd7x\xe8y\xde\xc4\xca]W\xe6\xad\xe3XXp\xe8\x92\x9b}O\xdfq\xdf\xf7\xc9]/uXr\xd9\xdb-6\x87\xa1\x85dsU\xd8\xe5W\xebK\xa6\x07\x0c\x00\'\x98Sw&lt;\x97T\xfe\x8a\x9d\x97\x87\x1c}\xfdx\xa2f\xc0Z\xf1\xfe\xd6W\xbc\xf1\xb9b\xda\x8e\xdf\x1e\xbd&gt;5z&amp;;^\xa9\xb1X\xa3\x9a\xbb\xcd\xdc\xa3\x93\xbc\x93t\xcf\xb9\xf1?I\x16\x1b\xa4\xb0\x88\xe4\xab;-\xe8\xb0Rj\xc2\xda{\xdc\xa9e\xdc\x8f\xca\xed\xef\xea\xbe\xf7\xac/\xcd\xb9\x06\x03\r0\x00\xe4,\xd6}\xb9tx\xb6\x9a\xbd\xcf\xf0K.kmT\x8e\x15\x15&lt;\x0c\xd8\xd5\x00\xe4\xaa9\xd1\xden&lt;\xf4\xfc\x085\x15\x11\xa9\xd6}\xb5\xb7(\x11\xb9\xf1\x854\xb7.\xee\x0e\xbaRJ\xa4\x88\x99r\xd1}\xdf\xeb+\xea\x86\xd0\x8cai\xba\xf0\x8e\xcf\xfd\x92\x83\xc3AW\x8d\xbfQ^q\xd9\xabf\x05~\x0bj,=\xb3\xb1\xc3\x9b\xd5\xc0r\x00\x009]p@\xc7\xd7\xff\x8a|sO\xe9\xa3\xa7\xfd\x8cY\xb5_D\x96\xecz\xd1:\x90+zE:O\xbb$z\xe6\xb4\xf2\x86k\x8ey\xf97\xf7\x87m&gt;26Y\xabd\xab\x05vb\xef\xd9W\x89\xc8\xac\x0b\x1e\x17\xa9\xd5dX\xecW\xc5i\x97\xbebg8\xf7\xe6\x8f\xbd\x85\xbb\x1a\xd1\xa9g\x1f\x14\x91\x04\xcf\x9f+\x05\x8e\xcf\xb2\x94\x10\x11\x91|\x89\xb2\x01\x00\xb2\\&lt;Ds\xe1^\t3\xd7\xea\xb3ND\x9e\xfe\xd6\xd9\x0e\x15\xeb+"Rr\xa0\xde\x0b\x9a"\xdcs\xd6\x15\x11\xab\xd4b\xd4\xe6\'\xbe\xf0i\xd7\x17\xedx\xde\xdc\xf5\xed\xf6\x19o\x8b\xfd\x17\xe0\xdbv\xf77\x11\xab!"Rn\xb8}\xa1\xc5;_\x08\xc9\xf8\xf0\'J)U\xbb\xef:W\r\x95R\xde\x85\x8c\x92Pit\x84L\xee\x91\xcf\x00\x80\x13\x8091\xb7d\xcb\x05A\xd9\xbc\x13\x82\x8d\xf6\xaf\xa0\x88t\x99v\xa9#=xvMz\xe4\xad353\x8a\xcd2\xc9\xbc\x82M.\xde\xf5E\xf7~\xe7\x97\x9c\xe2\xd9\x00\x00\xe40!m\x83R\xea?\xa1-\x879z\xe8\x99\xef\xbd=\xe0"\x89\x82C\xd9A\xa6\x12&lt;\x8e\xae\xdb\xff,\x11\xd1\xafT\xd3?\x04:\x9d\xce\xb9\xf1#\x11\x91&lt;\x9d"\x9fQ\xdd\x9b\xd4h\xc8\xb9zc\xf7C\xbf\x88\x88\x15\x8a\xa4\x9c\x88\x884\xf5-%O\xed\xb0\x01\xcf&gt;c\xb5,\xcb.y9q\x1d\x01\x009M\xd83\xd8\xd2\x83\x95\xefD\x17k0s\\\xe1\x9e\xddO\xba\\)\xe5m]\x94R\x83N\xbd\xc1Lq\xedf \xdf_\x1b\xf36g\xf0\x82\xf6\xc5[\xccs\xec\xd7\x98\x18ru_%Z\xceO\xd3\x95\xf3\x04\x8dG\xeb0yg\x9a\n\x04\x00d\x16\xf7{\xca\xf7\x95\xea0)\xe9\x9b\xf5\xfc\xadO%n]\xaa\x8d\x8fo\xe7\xea8p\xe1\xf5\xde,\xfd\xe7_\xebM\xb4J\x8e/\x854w\xd3a\x11\x89\xb2\x10P\x86\x1b\xb6\xf4\x964L\xe9\x19\xb5\xe2\x8e4_\xb1\xe9\xf0\x8d\xde\xc4\x82\rg\x8aH\xaf\x93\xaf\xb4S\x1a\x0e\x8eu\xa9\x9f\xfa\x86\xc1\xcf\x00\x90\xe3\x8d_s\xb7o\xfa\xca\xc8\x8b\xc0g\xe0\x04\xd3\xbb\xdeJP\x94y\xady\x9b\x9f\x8c\\p\x11\xf7\xe2\xbe\xe9s\xc1\xed\xc7\x9c\t\xd5DD\x87\xaf\xb2Vq\xa8U\xba\xf5\xc2\xe0\x02\x12\xc4\xff\x8aB\x7f\x15_0\xd1\x08\x00\xfe\xb7\xad\xda\xfb\xba\xbd\xed\xdb\xe2\xea\x198\x81\xaaO0\xcf\x8a\xfcJ\xb2\x86\xb9\xe3\x8a\x1d=c\xc3#\x9e\xfc\xd5\xa2\x15+b\x04\xd9\xc8\x10cV\xed\x97\xa2}B2(\xa5&gt;Nwci\xcc\xe0\x92\x94&amp;\xb3\xfd3Y\x01\xab?\xb0.\xf7.\x8d4\x00\xe4\x18IO\x0f\xddp\xd3G\xcf\xfd\x10\x8bo\xec\x17\x04*\x8f\xb3U\xae\x12\xbcj\xa1\xa5@\xf7*]W:RR\xfa\x88H\xe5.+\xec\x84+\x9e\xf8\xcb&lt;!\xe2\x8a\x87J\xa9\n\x9d\x96+\xa5\x1e\xf8\xd0\xef\xba\xb9:\x04\x9d\x98\xfeU\x87\'\x9f\xf9@\xb2\xa7\xecy\xec\xf7\x84\x8f\x10&gt;\x0b\x1d%\xe7J\x19\xbb\xfa\x80\x88\xa4\xb6_\x9clM\x00\x00\x99\xca1\xd88\xfc\xd6\x7f\xf8K\xc7\xd1K\x1e\xfe\xd5y\xbc`PQ\xdf(u\xe1\x1d\x9f?\xff\x93cpV\xd0\xb5\xec\xdep\xf8D#O!\xb5\xbdGo?\xaa\\\x89=g]\xb1\xe7\xb1?\xccD\xdf\x17\xcf\x07\xde\x8c\x9d\x98\xab\xe6$\xbd\xd1g\xee\xd5\xdel-\xac%\x1cB"G\xbe\xa3\x94\xfd }\xeaz\x1dRC\x8e\xfe\xa9Z\x8f\xdb\xe6\xcejD\xc2J\xc3c\xfc\x8e\x93w\x8aH\xb3\x91a\x8b7\x9b\xfe\xa0\x1f\x0c\x00\xd9\xcbn\xc9\xfcn\xfam\xed\xad\xb9\x9b\x0e\xff\xe8\xc9\xd0~\x92\xef\xd2\x085\xfc\x12\x13\xe8&gt;\xf3r\x11\x91b\xfdt\x90\xac(\x8e|\xe3n_\xed\xed\x1d\xf7\xff\xe0\xadU\xc2V-`\xdeNn\x11\x99\xbd\xf1\x90\xdd!\x0e\x9f\xa6e\xb7\xca\xa1\xea\xf9%\x96\n9\xe1\x91O|.\x1a2\xffj\xc0)\xde\x155\xdaU\xec\x14\x8b\xcb\xad\x94\x9a\x16\x0b\xb0\x05\x00\xc8\x0e\x9fD\xeb\x06%j\xba*\xa6\xf5\xfa!\x93}\xeb\x84\x9fY\xbc\xc5\xbc\xb3o\xf8\xd0L\xd9\xfb\xf8\x9fa\xf3b\xcb\x0f7?E\x97i\x97\x88\xf3sU\xec\xbc\xfc/\xa5\xbc\x11\x1f{\xcfq\xbf\xccvu\xac\xbdV_\xf1Fx\x06K\xdb\xfa\x03\xcfI\xb6\xb3[\xbe\xe3R\x912\xfa\xac\x99\xe7z_{WN\xaa4\x00@\x0er\xf0?\xb1&amp;a\xd7\xc1\x9f\x95R~\x93Xr{R\xbc\xda\x9a;\xf9\xebM\x13\xa3\xc1\xab7\xe0l)3\xc4l{\xa2,\x91\x1bWz\xd0\x8b\xbf\x98\x0f\xb4\xed\x86\xbc\xbeo\xf6\xfb\xdeS_*%\x15G\xea\xddZ}|W\x92\x08\xd7XD:O\xdd\x1d\x9c\xa1\x9d\xf8\xbd\x0e/\xd4\xf0$\xa3\x9eqG\xff\xb0vS\xfa\x14i\x92\xf6\x97\xcd=N\xda[\xde\xb1\xe6\xa3O\xd8,\xf3\xf3*\xa5|;\xd3\x00\x80\xecq\xcc\x13=\xc3\xdexW\xa9\xe7~T\xbe\xafx\xaf9\xf2\x8foi\xf7\xbc\xa3\xa4`\x8f\x1a=\xd7\xb4\x19\xb7=\xd9\x9aL&lt;\xe3^\x11\x91\xf2\xc3\x13\xe6\xd4\xf3\\C\x87J\x05\x0e\xb0r=\xef\xed~\xd2\xe5\x91*\xe7\xe1jV\xb7\xdd\xf3\xad\xe3p\xd9\xa1z\x82r\x86\x14."\x1b=+,\xedz\xf0\'{\xbb\xe9\xf0\x8d3\xcf{4\xcd\x97\x03\x00\xe4\x08\xae\x96\xb8\xe9\xf0\x0b\xc2rW\x1b\xe7Mk1\xca\xf16\xd4\xf75\xf3\xe43\xef\xf7-\xcf\\S\xc8Zc\xa0\xae\x99!O\xed\xc9~\xe7\xc5\xdf\xad\x1eWJDF,\xbf\xcd\x9b\xc918\xb9\xc2\x08q7u\xb1\x15\t\x87,\xbe\xc9u\xe2\xd0%7\xc7~\x1fx\xf8\x0c\xaa\x12\x99\xb1\xe1a\xdf\xcc\xfe\xf2v\x89\x94\xad\xdax\x11Iir\xb2\xffk\xfb&lt;\x9dub\x8bQ\x9b\x82\nh5fk\x12\xb5\x02\x00d\xb13\xaey\xe7\x91O}n\xf1o\xff\x9b\xc4\x03\xcc\xc3_\xfa\x8e\xed\xf2\x11\xcbVcb\x94l#\x96\xdf\x1e\x92\xe7\xb4K_\xd9t\xe7\x177\xbf\x94\xdc\x83V\xb3\xb9\xd5k=\xd9\xe2K\x1f:W\xfd\xcb\x845\xedS\xef|]\x15k6\xd7\x99\xd8\xd8\x9b\xaf\xe3\xe4]\xf6\xf6\x86\x9b?\xbe\xd21A\xcb\xd4R\xff\xd1o\xb2\'\x9fy\x7f\xc0h;\x00\xc0\t\xc2\xbe\x89\xbbZ\x0b\xefHi_Kw\xb9\x17\xb1\xaf\xd1k\x8d\xb7\xfc\x87&gt;\xb2\xa3`\x96\x8d\x1dH\xe9cg8\xa6Tl\xec\xb4T\xf0\xad[\x14\xaf\xfe\xe1~\xe4\xee2v\xf5\x01\xa5T\x9bq\xdbD\xe4\xa7\xa4\x9a\xae\x94\xb0@\x1c\xe2\t\x9c\x19P\x81:f\x86~\xf3\xf7\xc5\xda\xe3\x12\xfd\xed\xf4\xa1Kn\x8em\x15\xec\xe1=\x7f\xfd\xf5\x1f\x04\x17\x0e\x008aTi\x12\xfe,:\xf0^\xdf2\xe1Y~3gr\x16\xf7+^C\xeeZ\x93\x1c\xfbe\x87\xea\xbf\x87\xbfT\x92:\xec\xf5\xbf\xac\xef\xc4Z,\xd9\xf4\x9dR"\xd2x\xe8y\x8eT\xbf\xd6\xd4-uh\xe2&lt;"\xe2\xf8O\xb1^~\xe7\xef\x16\xf1\\\x00@f1\x838^u\xf8\xbfaYsu\x0c\xe9K\x9d{\xf3\'\xe6\xee\xfd\xef+\x11Yt\xf1\xf3"\xa2\x94\xba\xedU\x15[U&gt;\xe09\xf3WJ\x89H\xb1\xe6s}\x8f\x8a\xc8\x99\xd7\xbe\xe7;k\xb9\xf1\xd0\xf3\xc6\xaf\xb9\xdb\xb7b\xae\x8e\xb5V\xa7\xef\x99\xdeDG\x99y:{3\xac\xb9\xea-{\xfbR#\x08\x89\xf3\xba\xf9\xcdSJ\xb7Yhdh!"Rz\xb0&gt;\xf4\xd8gi\xe9\x92N]\x7f\xd0\x8c@\xe2\xbct\x81\xf0s\x97\xed~\xc9\xac0}b\x008\x01xn\xd6&gt;\xd3\x90\x12\xdf\xd0\xf3u)\xd9r\x81\xce\xd9r\xf4\x16\x11y\xeb\x1fG|J;\x06V\xbfy\xfb\\\xa7\xfe\xe9\x8cdi^\xab\xc5\xa8M\xc7\x82\xdfk^\xf2\xf0\xafR=\xb6\xe6\xd2\x19\xd7\xbcc\xa7\x0fY|\xb3o~\x11\xf1\x8d\x04\xd2\x7f\x81^\x94\xa9\xb5\x99x\xe8\x0b\xf7E\x9f\xfd\xde\x91\xe2\xad\xd5\xe9W\xbeio\x17n&lt;+\xb6UvHpel\xee\t\xca\x919\x1eb\x87\xd4\r\x00\x90\xc5j,\xd8\xfa\x94\xbds\xd9#\xbfI\xc0\xe0\xe4\n\x8e\xf9\xa6\x0ef\xa7\xaa\xc5\xa8M\xde\x9b\xfb\x7f\x95\x12I\xbd\xe8\xbe\xef\xcdSt\xb6\xe7~T"\xd2u\xfa\xa5~\x05\xa7\x18\xe5\xb7s\x9d(\xc1!\x8eW\xec9j\xe7\xd4\x8d\xbdG|\x9ar\x9d~g\x05}\xaepV\xb0\xccBVBAO\x96\xe6\x12\xab|Y\x11II\xfb|\xdfX\xef6\xa0\xd5\xcc%\xd5\'\x04\x9dy\x8b{0Z\x19\x11\x11\xa9J\x03\x0c\x00\'\x92\x9a\xbd\xd7\xba\x93J\x0c\xd0\x7f}o\xe8\xf1\xf1A\x1ef;\xea\xee\x99\x15\xe9\xe5\xcdi\xe5\xa9l\x9eX\xbe\xc3R3\xe7\xc2\x8b\x9e\x15\x919\x17\x1e\x0en]\x8a\xe8?\x0f}\xa4D\xe4\xd3D\x8dP\x94V\xaa\xde\x80\xb3\x13\xe6\xf1a=\x8bNV\xa5\xce\xa7\x19{\x85\x9d\x07\xddk9\x9b\xb6\x1c\xf8\xca\xf9\x85WK[\x05\x00\x00\x99(\xc3\xbbG\xba@=\xdaH*\x8c\xf8&lt;J\xf9\x95G\x8b\xc8\x87JI\xb1~f}\xea\r8[\xef\xda\xefw\xbd\x13vm\xa9\xed\x16[\xe7\xb6\x1a\xb0\xe0\xba\x88\x9fk\xff\x1b~\xd9*\x8c\x8cpj\x0b\xdfT\xbd$\x91HI\xef\xa1\x88U\x9a\xe4|&amp;\x11r\x96k]\xc5Y\xe7?fg^\xb7\xef]\xbdQ\xa5\xdbJ\xf7i\x00\x80\xac\xe4]\xbf\xdd\xec_\xda\xd3m\xed\xe0\x94v\x9e\xd0R\x9b\x88\x88\x14\xe8\xaew\xfa\xcf\xbfVD\xfeH4\xfd\xf4\xc0\x9ba\x19V\xec9\xea\xed.\xcf:\xff1\xf1\xbc\x12\x0e\x9f\xe7\xaa\xc7y\xb9\xfa\xcd\xa6\xe2\xcd\xe7\x99E\x85T8)\x15\xacU\x10b\xcf\xf6\x9d\xf3\x89m\xf7\xbc\x93\x01W\xac\xda\xcd\x1d\xd4\xb3Z\x8f\xd5z2\x92\xa6\x94\xba\xee\x19\x9e?\x03@\xb6z\xf2\xeb\xb0Q9\xd5\xba\xaf\x96PJ\xa9\xf9[\x8e\xb8\x12\x8b6\x9d#\xeex\x1d\xc6Z\x81E\xfb\xda\x9bC\xfdFB\xe9j\xdc\xf0\xbc\x7f\x0b\x91\xab\xe6$g=\xfd\x96N*\xd43\xbc\xda1\x15]=\xda\xba\xdeo\xa0p#=N\xaa\xa4\x88&lt;\xfb\x83*\xd6|\xae\x9d\xe7\xbd\xd0\xe694jt\xacC\xfc\x1f\xcfo\x85\xc0e\x1eru\x0c)-!\xa5\x94\xdd5o5v+o\x7f\x01 g\xd1\x8b.\\\xf2\xd0/f\xe2\x8c\r\x0f\xf7\x9b\xbfO\x82V-L\x1dfo\xbaV\xe61\xb3\xcd\xdd\xf4\xa4\x99\xfeq@\x03\x90pM\x82\x9d\x0f\xfc\xe8-&lt;\x88\xef\x88\xdf\x81\xa7\\/\xaeP\x94"\'\x9d\xff\x98o\t\xd3\xcfy\xc8[\xe6m\xaf\x06_\xdazF\x1d\x1a\x9e\xba\x81_b\xaa\xbdU\xa0\xc1\x8c\xd8V\xde\xce\xf6E\xbd\'\xb4\x1e\xab\xc3I\xe6\t\xc8SY\xc4\x98I\xec\xf7\xbe\xb9v\xdfu\xdeD\x00\xc0\x89\xc7\xb7\x9d\xe83\xe7\xea\xf0\x0c^U\xbb\xaf\xde}\xf0\xe7\xa0\xa3\xef;\x0b\x19\xb3\xea\x80\xb7\xd8\x90\x0b\xe5\xaf?\xbd\xd5\xd8$"!\xdbE}`\x96Ye\xac\xfd\x1eZ\xa4\xb4H\x89%;_\x88^\xa6_%}\xde\x1cO9\xcb\xfc\x95\x90W\xa4\xaa\xbd\xd3v\xc2E~\x85\xf8\xf8K\xa9\xd8\xbf\x9e\x99\xcd9?\xec\t\x00\xfc\xff\x95\xd2d\xb6\xde\xe8\xbf\xe0\xda\x95{^3\x0fm\xb8\xe9#\xbd\xa1\x94\xb2\x16K\x889e\xdb3Q\n\xbf\xf8\xfe\x1f\x92\xadO@{SZD~\x8d\xd6\xba\x9b}S\xc7\xd2\x81\xb9\xfc\xd7M\xea2\xcdwrT\xba\xb4\x1d\xbf]\xa4\x99=\x1e;_\xbdi\xaf\xfcfV\xbe\xad\x88\xbc\xf2\xbb\xf7\xe3\xd4tE\xf9h7aG\x1a\xae\xae_\x06\x7f\xcbSh\x00\xc8\x81n}E\x89\xc8\xd6\xbb\xbe\xb6S&amp;;zc\xfe\xac\xd6\xb1\x86\x88|\x93\xa6\xfb{\xc2\xfe\\s\xbf\x19\xc6\x81\xaa\x8c]\xb2\xebE3\xa1\xfd\xa4\x8b\x13^z\xdd\xbew\xa5\xd4 \xd7\xd1\xb6\xe3/JX\xbd;^\x8b\x1f\xb5\xc6&lt;\xc7\xf5\x9e}U\x84\x1a\xc7+c\xc7$\t\xa7\xff\xa7\xfc4\x16\xe7\xff\xa08\x97\xb7\x8aX&gt;\x00 \xf3\xb45wv\xf8\xf6Ju\xfcH\x1fUuG\xcd\x1b&lt;\xd2l\xab\xbco|\x9b\x8d\xb8\xd07\xa7\xaf\xd8 \xaf\xcac\xf4n\xa7)\xbb\x9c\xc7+\x85\x9fn\xcb_o\xba\xbdm-\xc0`\xad2Tz\xf0\xf9\xb7~\xea\xaaR\xd7\x19\x97\xb9J\xc8Us\xa2+\x8fi\xf4\xca;W^n=$(\xd0]D\xe2\xbb&gt;|\xdf\x04\x8b\x11\xd3\xc3\x88\x85R\xa0[p9a\xbc\xe3\xc6\xa7\x9f\x93\xcc\xf2\x88\x00\x80\xcc\x16\x8f\x89(\xd2q\xf2\xce\x82\rgz\xb2\xe8\xc5\x88\xaa\xa7\xa1p\x1dZ+\x1d\x1a\x89\xc8\xdcM\x87\x97\xed\xf6v\xda\xaa\xb8Bv$\x96\'pd\x93oT\x10\x91\x8a\xf6\xd6]o)\x11i=v\x9b\x95\x90\x12T\x828B\x89\xb5\xb5\x0f\x99Mr\xe5\xae+\xf4\xc6\xa7\xd6\xb8\xb6\xa2M\xe7(\xa5|\xc3|\xda\r\xf6g\xd6%*uY\xa1Cm[\xea\x89\x88\xe4\xee\xa4_\x15\xfb\x8e\xa6\xd6W\xa9\xde\xe3t\xab&amp;\r\xfd.\x04\x00\xc82U\xc6\x8a\x88H.\xcf\x81&lt;R\xa4\xb7\xb5]M\xdf\xbe\x8f)e\xdf\xdcs\xd5\x9c\xa4\xe3R\xb9\x02 \x8b\xb1\xc6\x9f/{(\xb5\xdd\xf6|\xa2\xd4\xf6{\xbfs\xe6*dg6O\x14\x11s\xed\xdb\xb0\x0etptFC\x1e\xf1\xac\x8b\xb0y\xff\x97\t\xfb\xe5V\x86\x0e\x9e\x14o\x1e[^c\xbb\xb2\xfe3\xf2\xb4\xdb\xcd\x91\xcc\x89\xae\x9b\xcf\xce0g\xd3a\xf3\xc0\xc8\xd3\xc2\x16Hv\x95P\xb5\xfb\xaa\x8a\x9d\x973\x19\t\x00r\x86\xc2\x8e\xb9\xb3\xc6\x10\xdf\xeafJ\xd2w\xed"\xbd\x8c\x08\x88\xe5D\xe4\xb7\x80f\xc6\x95\x18r\xb9h5i\x99lU\xed\x11g\xde\xcbE)\xcao\xcet\xc5\x80\x13u&lt;\xac\xc6~\x87DDN\xdd\xf1\\\x95\xae\xfe\x91\xaaj\xf7=\xd3,\xb3\xe5\xe8\xcd\xe6Sk\xb3\xbf\x1e\x8e\xd6\x17\x00r\x96z\x03\xd6\'\x95\x7f\xf9\xa5\xaf\xe8\r\xf3\x1d\xaa\x88(\xa5\xfa\xcc\xbd\xda\xdc5\x0e\xe6s\x15b-R\xe4\x08\xd3\xe8\xdb\xca\x0e_v\x9b\xb1\xd7\xc8\x8e\x84\x9c\xab\xa6\xb1\x16o\xee\x8e~\x17\xf5Q\xb9\xcb\nc/\xfeR\xb6\xc3\xe4\x9d"\xd2w\xde5"\xd5\xcbw\x8c\xc5\xcc*\xd4\xf0\xa4\xc0\x02sw\xdcq\xdf\xf7/\xfc\x9c\xc6&amp;\xcdw\xdd\x0b\xa7\xc2\xe1\x87\xcd\xa9\xc9\xad\xc7m3\x9e[\x00\x00N(V\x9f\xcf~(]\xdf8\xa8#O\xd5\x13i/"\xe3\xd7\xde#"\xcdFl\xb4\x0f\xf7\x9cuE\xeeZ\x93#_*_|}x\x8f\xef\x13\xb4\xa0\xb1\xc5\x91\xc6\xacr\x0c9\xae?0\xf1\xd2\x08J\xa9\xc7\x8e\xc5\n\xb7\x97&gt;\xachE\x8b\xd4\x1a\x0c\xda\xe0:\xeb\xe9o\x95\x88\xe4\xab;u\xcdUo\xedy\xf4w\x11\x11i\xda\xf3\xe4+\x9c\xb9\xea\xb8\xce\xba\xf3\xf54=90\xaa*"\x1b\xef\xf8\xdcN\xb9\xfbm\xa5\x94\xba\xe8\xde\xef\xf2\xd5\x9d\x96\xf0\xf4\xf1k\xee\x16\x912mO\x15\xe7\x1a\xc6\x00\x80lf\xb7\x1f\xc3\x96\xde\xe2s\xb8\xd4@\x11)\xd5\xea\x14w\xb2\x95b\xb7+?)\xa5;\x8e\x06\xffe\tDD\n\xf6p=\xef5\xc3l\x05\xc6J,9P\xaa\x8e\xf3+\xae\x9c\x88\xf4\x98\xb5\xd7U%k\xbb^`5\xac&lt;\xde\x96\xec\xea\'\xff\x0e9e\xe2\x19\xf7\x99\xbb\xb5\xfa8BJ\xcd\xdf\xfa\x94^\xf6\xd8U\x9fK\x8d\xc1hz\x1an\xbb\x89;DD\xaaO\x08\x7f\xca]\xa8\xd1I+.;\xfa\x9bR\xa2\x03|\xe6\xed\xe2&lt;^P\xa25\xf0\x1f9\xf2\xd4\x0e\xcc\x07\x00\xc86\xceyGG\xff\xf4\xbf\xb9\x1fK&amp;\x04U&lt;C\xeaP\xbdq\xf8K\x9f\xcc\x8d\x87\x9e/\x9e\xe7\xcf\x1f8\xdbT\xdf\xb7\xc5\xda\xb7\xc1\x87\xa2T\xb5l\xbbE\xa1\xd5OI6\x04\xa6\x88\x14\xa8?\xc3\xde~\xe3\xbf\xb1C\x8d\x86\x9ck\xe6y\xea[\xb5\xe6\xaa\xb7B\xca\xf4\x84\x19)boU\xe9\xb6r\xd1\x8e\xe7\xa3\x04\xd6\xe0\xbd/\x00\xe4,g\xdf\xf0a\xc4\xc1;{\x1f\xff\xd3\xbe\x89W\xea\x12_\x95\xb6\xe1\xe0\rz\xb2P\xbc\x15)3\xc4Z\xf8]D$h\xf1\xc1Y\xce \xcc\xe6\xba\x0efk\xd1\xfd\xa4\xcb\xed\xc4\xf06\xf5\x03g\x86\n\x9d\x96\x89H\xad&gt;g\x88\x15LC\xbf.\x9d\xe1\x0c[\x1d\xac\x88D\x88P\xedk\xf0\xa2\x1b\xf5\xf8\xb5\xa9\xeb\x1f\xf4\xad\xaa\xbd=v\xf5\x01\xfd\x06\xfa;+q\xcb]_\xc5V\x94\x8a\xf3yP\xbfb\xcfQ\xbd\xd1|\xe4\x85\x9d\xa7^b\xc6\xe5\xf6\xb5\xf1\xf6cQk\x0f\x00\xc8\n\xf9\xcd8\x0f\xadD\x8a\xeb-oGS\xa74\x1b\xb1Q\xbf.\xd5\xbb\xa7_\xf1\xa6\x9eQ\x1a\xdc4Vp\x1d:\xe9\xbcG\x13V\xca\\&gt;\xcf^\x96\xe0\x13\xa3\x9c]\x0f\xfe\x94\xb0\x10[\xe9\xd6\x0b]\x8f\xa6\xe7\\\xf8DJS\xef\xb0\xe7\x8ab\x7f\x90\xe2\xfd]\xc7\xf4\xdbb}t\xef\xa1\xe3b\xbda\x8d\xe8?\xf1\n4^\xb8\xdd\x8e\xd6\xd9\xce7\xb3]\xdbMw~\x11R\xa6\x9d\xad\\\x87\xa5\xfa7P4u\x99\x04\x0c\x00\xd9\xae\xa2HA\xbf\xb6\xb3\xa9=\xdf\xb7\xfe\xc0s\\\x87\xc4\xba\xf5\xbf\xf0S\xf4\xa7\x9a\xf5]\xfb\xae\x8b\x1ex\xd3\xde\xadb_%\x88&gt;7o\x9d\xa9\xae\xf4}O\xc7~%\x98\x81!\x034\xbc\xf7]\xa5#ZwtE\xd7*\xd8=\xf8\xa2\xa9"\xd2ez,@\xf4\xdc\xcdO\xda\xb3x\xb5C\x9f\x1b\xd7-?\xe2O\xe7\xb3\xf4\xa7\xbeU\xeb\xf6\xbd\xdb\xd0z\xfe\xac,\xd6\t\xb1iKf\xc8\xcc\xa0\xe9\xc5\xfd\x17\\k&amp;\x0eY|S\xd0\xe7t\x95\xe0\x9a\xf4\x0c\x00\xc8!\xcc`\x11\xeeHO"\xf2\xfc\x8f\xae\xdbw\x1e\xd7\xfd]wL\xed\x97\xa9\xae\xa3\xdb\xee\xf96rM\xaa\x8b8\xba\xa1z\xc5!s\xdd!W\xa7V)u\xf2\xc6C&gt;%9\x17\xe3SJy\x06s\xd5tg0&lt;\xf0\x81;\x12H\xc2\x97\xa9\xc7\x8d\x0c\xc3\x96\xde\x1a\xe5\x14/}\xca\xab&gt;\xab2H\xc8+\x83j=N\x8f\xefTp,x\xac\x0b\xb4\xdfC\x07\xae=\x0c\x00\xc8.\x8d\x86\x9eg\xeeZ\x8dG\xd9\x80\xec\xcd\xbdIv{c/\xa9\x1bK\xb1W\xa8\rV\xa3\xd7\x1a\x11\xd1\xfd`\xa5\xd4\xeb\x7f)\xfd\xacx\xd1\xc5\xcf\xeb\x0cs7\xc7V\x17n1js\xeeZ\x93\xccN\xa4\xf9\x9c&lt;\xe1\x85Dd\xf9%\xaf\x88T\x15\xa9\xa8\x03F\xea\xf5\x85\xde\xfe\xd7n\x99*\xe7\xaf?\xbd\xe9\xf0\x8d\xe2jzK\r\x12\x917\xffV\xb7\xbe\xacns.\x87`\xd7\xe4\xdag\x1c\xef\xb0\xf5\x9a\xcaAN\xbf\xf2Mo\xa2.J/\xd2l*\xd4\xf0$\x11\xd118\xbd/\xc5\x9f\xfbQ\x95\xef\xb8\xf4\xf5\xbf\x92\x1b}\x06\x00\xc8\x0ee\x87\xc66\xf2u\xb5\xd3\n7\x9e\xa5\x942C-jyjO\x91\xc0\xb0\xc9\xf2\xafR\xc7\x94\xbb\xbf\xe8u\xee\xcd\x1f{\x13u\xe6\xcf&lt;-\xca\x84\xb5\xf7\x06U|\xd2\x99\xf77\x18t\xce\xf0e\xb7\xba\xca\xf16KW&gt;\xf1\xd7\x88\xe5\xb7\xd5\x1b\xb0^\x1f\x1aw\xfa]\xc6\xc1\x9a\xe6\x802?%t\xb1+\xf7\xbc&amp;\xd2LDD\xca8K\x90\x8a\x9d\xec\xc8\x8eu\x8d\xe4\xd2\xae\x82\x8cZ\xc5\x871W\xec\xb4\xfc\xee\xb7\xe3\xb5u-xl~\x90u\xfb\xde\r\xaedco~\xdb\x0fF\xe2\x99\xd7\xbe\x17\\\x08\x00 \x9b\x94l\xb5 \xe8\xd0\xee\x87~Yl\xf5A\xcb\xb49u\xd0\xa97$Q\xae^\xcf\xa7\xdax\xef\x91\x08\x1d2\xf3\xf9p\xa3\x94&amp;\xb3\x95Rz\x0cTL\xa5\xd1"\xf2\x851\x93X)%\xc5\xfbG|\\\xfcY\xdaBl\x06r\xce~.\xec\xbfV\x84RJ\xca\r\xd73\xa7\xcb\xb5_\xe2\x9b\xe7\xc87\xfe\xbfr\xbc\xf4\xffZ\xe7i\x97\x98\xe5{\xce*y\xcb\xcb\xf4}\x01 Gr\xc5\xf7w\xdd\xc1\x7fH\xae\x89\xaa\xd0o\xfe\xbe#\x9e\xc7\xa7Af_\xf8\x84\xefE\x9b\x0e\xbf\xc0\xdb&gt;\xf95H\x15\xcd\xa3\x11Z\xd3\xb2f\x9eg\xbeWJ\xa9\x1d\xf7}o\xa7\xd8q%\xbdC\xc1\x87/\x8du\xb8_;\xee\xbe\x8a_\x08\xb0\xea\xfaO\x95n\xab\x02j\xee(\\D\xa4H\xef|u\xa7\xd9\x81\xba\x0cuEZ\xeb1_k\xaez\xeb\xe9\xef\xec\x0c\xd5\xccL\x87\xbfRJ\xa9\x81\xa7\\\xbf\xf1\xf6c&gt;_E\xb9\xe1\x04\xaa\x04\x80\x9c\xa8z|\x08OjH\xb6k\x9e\xfaWD\xdaO\xdc\xe1mQ\xdaO\xbaX\'~\xa2\xd4\xdfJ\x89H\xf3\x91\x9b\xf4\xa1\x0f\xad\xcc\xf3\xb6\x1c\xb94\x8dk\x14V\x0e9\xd6l\xc4F)\xd2\xdb\xae\x92\x9e\xbf\xab\x1f\xdb\xce:\xff\xf1xU\x8b\xf5\x15\x91\xcd\xfb\xbf\xb4O\\{\xf5\xdbe\xda\x9c\x1a\xdbI\x1dz\xef\xbb\xf1\x0f\xf5\x8e\xb3\x7f\x1c\xde\xba/\xd8\xfa\xf4\x93_y\x9e\xc0\x17\xe8\xee\xccU\xc25v\xcc\xaf\xa4"!W\xb9\xe1ys\xa0\xf5p\x9d_\x8a\xf5\xd5\xc3\xd3\xbc\x03\xd3\x12\xc6\x02\x03\x00\xe4\x00\x95G{\xd3\xee{\xcf\xbf1\xa8\xd9{\xad\xd9\xc75n\xfd\xce\xd5\xe6\xedw\xcc"\xae\x80\x12\xc6&lt;"\xbb\xbd\xcf-\xae\xc9&lt;~J\xb7^\xe8M\x8c\xb7\x8e\xe5\x86\x87\x9f\xae=\xf9\xb5\xfd\xc4:\xde\xca*\xa5\xba\xcf\xbc\xdc\xcc\x96\xdan\xb1\xa79\xacamT\x8ar\xa1\x10:R\xb4%\xa5j\xf7U"\xb2p\xfb\xb3"\xf2\xb7u\xd1\x1b\x9fW3CgN\xdb\xd5\x1b\xbf\xe6\xeeZ}\xcep\xa4Z\xab\xfd\x00\x00 \x00IDAT\xfd\\\x98f\x8d\x833\xd93\xa9\x00\x00\xd9c\xfe\xd6\xa7$\xe97\xa0M\xc2\x0f\xa74\x99\xadcVL=\xfb\xa0\x9dx\xc65\xef\xb8\xa6\xcc~\xed\x7f\xd1\xd6[\xee\xfa\xda\xdei?\xe9\xe2\x81\x0b\xaf\x0f\xab^\xd9!Qj,"\xcf\xff\xa8\xba\xcd\xd8\x13T\x94\x9d\xfe\xa9R"\xf2\xcao\xb1\xa7\xc1\xae\xa3\x11\xd9\xa3\xa5\xcc\xd1Uz&amp;\xb4\xb7(;,v\xe8U|\x02&gt;;v\xe3\xbfr\x9a\xda\xe9\xc6\xd0\xb0\x84\xe5\x03\x00r\x98\xfb\xdfw\xdd\xb5\xab\x9a;I\xdd\xdf\xf3\xd7\x9f\xee\xdbx\xebg\xaa\xee\xd3\xf3w\xb5W\x16\xf2-\xb9t\x9b\x85\xb1\x87\xb1\xd63^\xdd\xe1\xdb\xffFl\xbeSj\xfb\xc5b\xf4k\xe3E\x95\x1f\x9e\xce\xa6\xa8\xc9\xb0\xf3C\x8e*\xa5\xcc\x8fi^\xabh\xd3\xd9R\xac\x9f\xde\xb4\x13\xef|]\xdd\xf8\x82\x12\x91Vc\xb7\x8aT\xd0a\x9f\x1f\xfd4\xfe\xac\xdb^\xfa" \xa2g#\x11\x91\xdc\x9dDd\xd5\xde\xd7\x1d\x1f\xad\xf2h\xef\'\x9d\xba\xfe\xc1h\xaf\xc9\x01\x00\x99)\xc3o\xc4\x17\xdf\xffC\xe2L5&amp;Z[M\xcd\xb9O"\xb2l\xf7K#\x96\xdf\xe6\xcanWr\xe7\x03?6\x18xN\xc5\xce\xcbEd\xecj\xc7D\xa0\x8e\xee\xb5\x98d\xef\xe3\x7f\x9a\xa7W\xec\xb4|\x985~j\xf7\xc1\x9f\xfd*#\xf1qX)\xb1\xbe\xefLw\xd4\xe8\xf8 g\xf7\x8f\x8f\x94&gt;f\xbe\xb2m\x17\xb9&gt;\x82R\xca\x9e\x9d\xfc\x99\xe7k\xb7\x97\xa68\xee9\xd4n\xe2\x0e\x1d\xde\xa4\xf5\xd8mb\x8d\xf7\x16\x91W\xff\xd0\x1b\xf1\x08\x94\x9f)\xf5\xb9\xf5P\xbdd\xcb\x05\xde\xff\\\xda]\x00\xc8)\xec;r\xeeZzM{\xff\xb1Wo\xfe\x9d\\\x9fi\xe5\xe5\xaf\xf9\xa6\x1fS\xca\xdb\xf6X\x12/\x90\xa7{\x8a\xe1\x82V\xc9\x8d\xd2\xed{-\xbe\xeeSUW\xe6\x90\tZ"b\x04\xcell$\xc6\xc2\x8a\xf9F\x05\xb1\xcb\x7f\xf1\xe7\xf8\x85\x1e\xfeX\xd9aFl\x83\x17\xddh\xee\x9e\xb2\xediW\xdd\n4\x98\xa1S\x82f4\xb9/Z\xa0\xdb5O\xfdKc\x0c\x009E\xc2;r\x8bQ\x9b\x8c\xbd\xa2J)o\x84g\xed\xf1\xe0QT\xceAO\xd5\xbdW7\x1ezW\xb3\xe2B\xfb]\xe2X\x94\xdf\x04\xf6\xa8\xe9\xc2\xe6\xcb\xd1 \x8e\x9eqJ\x1f\x9d\xbf@\xfd\x19\xbf9\xab\xeaa?\x96/\xa7\xffx/d/\xe8d\xab\xd6\xe3t{\xf2U\xebq\xdb\\G\x95R\x17\xdc\xf6\x99\xb5W\xd1\x1e\xbc\x16+\xd9\xb3P\x84V\xa2\xc5\xfc\xd8V\xe51\xe2\xecL\xfb&lt;\x8a\x97Z\xc1\x9f\x08\x00\x90U\xf4\xb0)\xbb\xb3\xe5\x0e\x14\x9c_?(\x8e\xc7or\xb51\xba\xdfiG\x8btK\x1dj\xe7\x1fy\xda\xed"e\xf3\xd4vL\x99=\xef\x96O\xa4\xa2\x15\xb8\xb8\xc2\x08\xefU\xac\x8d\x16\xdf\xfb5\xa2\x0f\x7f\x92\x96\xce\xdcWJ\xfd\xea\xd3,\xb9\xb4\xb9\xedUGK\xff\xda\x9fj\xdf\xd3\xee\x97\xd6\xb1m\xebq\xba}\xc8zJ,_)\xb5\xf9\xc0W"\xa2ci9/T]D\\\xcb6\x98\xdb\xef*%\xf1 \xcf%]\xf5\xd3\xd9\xe2\xaf\x87K\xf4/\xd3\xf6T\t\xa03\xd7\xee\xbbNDN\xbb\xec\xd5\xa0l\x00\x80l\x96\xecS\xca\xf7\x95\x1a\xb2\xf8&amp;s\xc1\x06\xfdJ\xb8D\xcb\xf9f(\xe9[^\x8e5i\x97&gt;\xfc\xabN\xb9\xedUu\xfds\xb1\xb3\xfe4.\xea\xe98\xb6\x11=|\xda\xb1\x84\xa2\xdb}\xef\xa9\x1b\x9e\x0b\xac\xb9\x9e\x8e\x1c_\xba\xd8I)\xf5\xec\x0f\x91&gt;\xb5\x9e\x9et\xf3K\x81\x99\xf5\x8a\x8a\xdbC\xd7\x9f0:\xa6\xd5DD\x8a\xf6\xb1\x13\x8fZ\xcf\xc3\xe7X\x1de\x11\x91\xd4a\xd3=\xd3\x8at\xfez\x03\xce6\x13k\xf7]\xf7\xe0\x87J\xacnq\xf3\x91\x9bDrI\xd4@%\x00\x80\xecp\xf9\xe3\x7f\x8a\x88\x1d\xb9p\xf8\xb2[\xdbO\xdc!\xee\xc7\x98\x85\x95R\xc5\x9b\xcf\x13\xf1\xc6\x9a\xf0\xa1\xcf\xba\xe6\xc8?z\xb7\xed\xf8\x8b\xc4\xd9\xc0\x0f[z\x8b\x9d\xd3y\xa1\xe6\x92\xa0\xd9\xa8\x10\x90\x9e;a}\xbc\x0e\xbc\xa9\xfa\xce\xbd\xc67\x8fk%\xa8\xeb\x8c\xe5\x16\xe29+\x8f\x11\x91\x9e\xb3\xae\xf0-\xdc\x0e\xf1\x11\xbc\x12\x91\xf7\x1d|\x19k\xa3b\x9bq\xdb}\xcfI8\xb7J\x0f\xbd\xee\xbf\xe0Z\xfb\x8b\xbd&gt;\xf8\x07\n\x00 K\x99\xc3}\xa3\xf7\x90:M\xd9\xad7\xcaw\\\xdae\xfa\xa5z2\x8cY\xc8\'J\x8dXv\x9b\xab\xf9\xac\xd9{ml+ T\xb2\x97\x9e\\\xa4\x87\x01\xdb&gt;V\xaaP\xc3\x99V\xc9\r]\xaf9E\xa4p\xa3Y"r\xca\xf6g\x8c\x93\xf4\x1a\x8b\xf1pT\xf6\x86=y\xd7|\xd5\xddt\xf8\x05\xce\x8a\xb4\x10\x91\x0bn\xfb,\xe4+\xf2\xbe^}\xec\xb3\xd8+\xe4\x8f\x94\xdax\xc7\xe7\x12\x9by\x15\x8f\xea\xb5\xf7\xd0\xf1\x0e\x93v\x8a\xc8\xc5\x0f\xfc("\xbf8\x0b\xd7a,}\x8dYu@\x12\xfc\x7f5\xf0M\xdd\xf9\xe0O\xc1\xa7\x00\x00\xb2S\x95\x0f\xacV\xb3\xde\x80\xf5\xde\xc3J\xa9\x12-\xad!?\xfe+\x15\x96\xb4W\xb6\x9fs\xe1\x13\xe1-\x96\xf3h\x85E;\x9e\x13\x91\xfa\x03\xcf\x99\xb0\xf6\xde\xf0_\x03~\xafo}:\xbe\xaf\xf8\xaf\xaa\xeb\xf6\x8bR\xb7\xbe\xa2\xbc\x0b!+\xa5\xa4h\xdf\xe0\x08$A]\xf0\xa8\\}ko\x94i\x11\x11\xc9\xb5`\xebS""RR)\xf5N\xec\xf3V\x15\x91\x02\xf5gxs+\xa5j\xf7=S\xa4\xb6Rj\xf6\xc6CR\xa0[\xa5\xce\xa7)\xa5.\xb3\x82\x80\xce\xd8\xf0p:\xab\r\x00\xc80V3\x16ki\xea\x0f&lt;[\xdc\x812bk\x13\r^t\xa3\xb7\xc7\xe9~{Z\xa8g\x95n+}/\xb4\xf1\xf6c"2\xdd\xd3\x06|\x11\xb9\xf3\xad\x99/&gt;\xbfUJD\xcc\xe1]\xd7=\xab\xcc.\xacR\xaaN\xbf\xb3\xf4v\xb9\x0eK\xa3_\xe5\x19k\xe5\x83\x0f\xdd\xd5k*"-Fm\x0eY`QD\xfa\xcd\xdb\xd7i\xean\xe3H\x1e\xbf\xc1V\x95\xde\xfc[\x89\xe4\xb7\xd3\x97_\xfaJ\xf4\x1a\xfa\x0c\x17/=H\xff\xed?\xff\xda1\xab\xf6\x8b\xb4\x8a\x1f\x8a\xbdAo\xe1&gt;\x05\x00\x90\x95\\\xa1\x10\x83{\x9cUD\xa4\xdb\xcc=}\xe6^\x1d\xeb\xb3V\x1b\xef\xcc\xec\xff\xb4\xd3\xa4T\xac\x8dY{\xf5\xdb\x89\xf2V\x10\xa9,RP\xa4@\xc2bM\x7f\xd9U*\xda\xc7\x1b\xda\xba\xeb\xf4\xcb$o\x97\xf0\x12\n6\x98i\xec\x15r\x1du}?\x93\xd6\xdd\xa7\x7fL\x88\xc8\xd8\xd5\x07\x82Km*"\x83O\x8d\r2?\xa6\x8c~v\xea0\xdf\x13z\xcd\xbe\xd2\xd8\xab\xe6{u_\xa1\xcb\x06\x8b\x88H\xf5\t\t\x0b\x01\x00d:\xe3\tp5{W)%\xa5\x07\xdb\x19\xbc\xa7\x88\x88\x9e\xf6Z\xb2\xd5\x02;V\xa2Sl\xc5\x02\x1d\xd9\xea\xf9\x9f\x94\xf9([_\xa2\xd9\x88\x0b\xcd\x13\x9e\xfc:~\xa1\xbf\x94\x92\x12\x03\x12\xd6\\D\x0e\xbc\x99D\xa7Ywa/{\xe4\xb7\xcd\xfb\xbf\xbc\xfa\xc8?\x12\xda\xa4\xe5\xaf?=&lt;\x83\x8bk\xfeO\x8d^k\xcd\xddO\xfc\xcay\xcfJ|\xeb\x9f\xd8\xaf\x9f1\xab\xf6G\xbc\x9c\x1e\x19\xe7r\xb9\x15\xff\xcbe\xff\x1bj\xe2\x19\xf1\xe7\xf9C\x16\xdd\xd4\x7f\xc1\xb5\x11/\x04\x00\xc8\x14\x03N\xb9\xce\xdc\xf5mo&amp;\xad\xbb\xcf7\x83RJ?\xa6\xf69\xab\xd4 o9v\xb6q\xa7\xdf%\xce7\xb8\x97=\xfa\xbb+\x9b\x9e\xc0\x13\xe1\x1dp\x1d{\xb7\xd5\xd8\xad_&amp;h/\xcb\xb8\xf6\xed~\xbf=D\xd9\x98Y\x94\xcf\xf5~\xda\xb3\x9dZ\xaa\xb5\xfb\xc7\xc7q\xa5z\xcc\xda\xeb\xb9n\x11\x11\xb9\xf5\x15w\xdd\xf4\xd8\xef\x1f\x83\xc3k\xd8\xb15\xa2\xff\x0e\x98~\xce\xc3"\xf2\xd2\xaf\x9e\xe7\x19U\xc6:.\xbd\xe4\x96\x88\x05\x02\x002W\xd7\x19\x97]t\xefw\x12p\xaf_\xba\xfb\xa5\x84%\x9cq\xcd;"\x8eH\x1a\xae\xd2Z\x8f\xddjm6\x0b}\xe2\x9dOD\xec\xb1]\xc1mO\x1e\x11\xf9C)\xf1\xf4&gt;\x83(\xa5\\K"&amp;\xb8D\r\xdf\xa7\xb5%|O/\xdf1\xf0\xbd\xb2\x19\x99\xd9\xbc\xd6-/\xab\xd1+\xee\xf4\xb4\xeb\x05\xdd\xe7\x9b\x81\xa6+\xf9,\x19\xe9+\x7f\xbd\xe9!G\xdf\xfa\x9b\x99H\x00\x90\xbd\xacG\xcdb\xb7\r\xd5\xc6;s\x94q\x1c\x15\x11)\xee[\x92\xce\xb0\xff\r\xff9\xbbU\xbb\xad:f4BJ\xa93\xaf}\xcf\x95\xe7\xaa\xc3\xff\x95\xe0\xe60\xf8axZ\x04\x85\x82RJ\xb5\x1c\xbd\xc5\x9b\xder\xcc\x16\x11\xf9!\xe0\x8a\xff*u\xe1\x1d\x9f\x87\\\xceU\xd5\xd8\xaaM^EbS\xb3\xf6=\xf5o\xc4\xd2V\xec9\x1a\x8f:Yi\xd4\x95O\xfc\xa57{\x9c\x14\xeb\x88\xeb\x11s\x9b\xee\xfc"\x96\'\xa5\xcfw\xc4\xe2\x00\x80\xecV\xfc\x89/C\xef\xc5\xd6T"\x11\xb9\xeeYG\xce\x9f\xfcn\xe2\xc3\x97\xdd*~\xb3\x83\x1a\x0e\xde \x92b\x87fT\xae\x87\xae\x85z\x8a\xb4\xd7\x9b\xf7\xbe\xab\xdb\xef\x9a\xb1\xd5\x06E\xfeQ*x\x84\x97\x9eq\x1b\x8b\x91\xa9g\xd3\xda*tZ\xe6\xca}\xc5\xa1\xe3""R\xdc5u\xca\x15]\xb2\xeb\x8c\xcb\xbcW\xfa\xce\xe8\xb2+\xbf\xe6\xf6\x05{Y\x05\xcf\xe0/_\xc1\xbf\x1e\xf2\x9f\x16\x1b\x02\xdd\xca\xb3\x1cS\x11s\xc7\x15\xfd\xca\xa5h\xd39\xfa\x12m\xc7_\xe4|\xde\xd0,J\xf5\x00\x00Y\xc7\xbaA7\x12\x91\tk\xef5\x0fU\xeb\xb1\xda\x93-\xa6F\xaf5\xbe\xa5\x05=\x02\xb5O\xcfWwZJ\x93\xd9\xf6\x10_\xf1\x99\xe7\xe3\xb0\xfb\xa1_\\\x0f\xae\xb7\xdf\xfb\x9d\xf7r\xbf\xb9\n)\xd8\xc3{i\xa5T\xdd\xfe\xeb]\xe9W\x1c:\xae\xa3]jy\xebL\x15\x91\xf7\x8d\xd2\x96\xecz1\xa0\xd5\xcc\x13Rm\x119\xeb\xba\xf7\x95\x8a\x05\x91\xb6T\x0b\x9a\xa3\x95\x01\xac\x08\'\xbe\xb5\xad\xdd\xf7L\xda`\x00\xc8!*Hp\xb8G\x9dh\x84\xdd\x88\xa9\xdam\x95&gt;j\x87t\x16\x91\x15{\x8e\xee|\xe0G\xc7\x14\x9a\xa2}]\'\x0eXp\x9d\xf81\xaf\xfe\x89Q\x99\xb2\xed\x16\xc5\xb6\xf3w\x13O\xf7Z)\xa5\x03@\x8a\xc8\x15\xd6\xd3\xd7\xa0\xf2}\xd7r\x10\x91K\x1e\xfa%\xf8\xbc\x06"R\xb2\xe5\x02\xbd\xf4\x93\x0e\xa2i*\xd5\xfa\x94+\x9f\xf8k\xff\x1bJjL\x90\xd4\xa1""R\xb9\xf9\xc8x8\xad\x94\xa6\xb3\xed\xa5\tED\xca\xdb\xef\xc8\x0b\x8a\xc8\xbc-G\x8c\x0f\xdeT\xfc$\xfb\xa4\xbd\xc3\xa4\x9d\x9fz\xc6\x8e\xe9%\x08\xd3\xf3\xd0\x1e\x00\x90Y\xf4\xdd\xf9[\xbf{\xb4k\xfd"\xa5\xdcK\xd0k\xae%i\xe7o}\xaat\x9b\x85"2\xee\xf4\xbb\xed\xc4\xf6\x13/\xb6\xb7\xcd\xd5pE$o\x9d\xa9\xb3}\xc2f\xd5t]%\xb5\xdd\xe2\xb1\xab\xef\xd2\xdbs7\x1dVJ\xe9\xd8\xd4\x01\x1f\xcb\x16\x1f\x02\x1do\x8a\xf4\xa7(\xd4\xd3\xc8\x96r\x91\xd5\xb1\x1e\xbb\xfa\xc0\x07J\x89\x88\xee\xad\xba.\xf1\xea\xefJDtP\xaa\x8dw|~\xf8K%"\xc6\x8b\xedb\xfaO\xc7)\xbb\xcc\xb3\x94R_:[\xc7\xc6C\xcf\x0b\xaf\xf7\xa2\x8b\x9f\x8f_:O\xe7\xd8F\xa1\x9e\xe2\t\x9b\xf5\x8e\xf7K\xa8:\xae\xc3\xa4\xf8\x17~\xd1\xbd\xdf\xd1\x0c\x03@\x8ec\xde\x97\xbd\x13lD\xe4G\xa5\xb6\xc4\x96\xd5\xabg\x87R*P\x7f\x86\xf1d8\xd6\x87\x1b\xb8\xf0\xfa\xdd\x07\x7fv\xdd\xeb\x8d5nc\xf4c^\xed\xec\x1b&gt;\x14\x11\xa9:\xce\x99%\x1e\nc\xc6\x86\x87\xc3\x97X\xf0\xf5\xf0\xc7JD*v&gt;-(C\xac\x86\x05{\x84\x16\x1e\x9b\xec\xa4\xc3_Gi\xc0\xf2\xd4\x9e""\xbaU6\x9f\xd2?\xf0A\xec;i3~\xbb\xf7\xacn3\xf7x\n\xb2Z\xdc2C|\xaa-\x12\xbe\xb2\xefa\xeb\x1d\x7f7\xeb\xc5v\x83A\x1b"~\x04\x00@\xa6\xc9\xddID&amp;\x9fy\xbf\x99\xe6\xbd5?\xfa\xa9\xff\\X_w\xbf\xadD\xe4\xcd\xbf\x95^$\xf8\xf9\x9f\x02\xcf\xd5\xbb\x8bw\xbe0l\xc9-\xf5\x06\x9c\xad[J\xdf\xccJ)\xa9\x1e\x1b\x9b]\xb9\xeb\x8a\xa0\xd2&lt;C\x96\xe2\xaff\x9f\xfd&gt;\xfe\xe0\xba\xf1\xd0\xf3\xa4\xdc0\xab\x04\x9fYI\xfa-\xb8x\x1e\xcb\xcf\xd9t\xd8\xda\xac\x18\xfbk\xc5\xb1RJ\xfdW)\x15\x8b&amp;\xed\xa6GPw?\xe9r\xab\xab]\xd6U\xf9\x82\rgz\xcf\x12\x91\xf1k\xeev\xa5\x0c\\x\xb</t>
        </is>
      </c>
      <c r="E233" t="inlineStr">
        <is>
          <t>&lt;class 'numpy.ndarray'&gt;</t>
        </is>
      </c>
    </row>
    <row r="234">
      <c r="A234" s="1" t="n">
        <v>232</v>
      </c>
      <c r="B234" t="inlineStr">
        <is>
          <t>steps_per_sec</t>
        </is>
      </c>
      <c r="C234" t="n">
        <v>3400</v>
      </c>
      <c r="D234" t="inlineStr">
        <is>
          <t>5.364</t>
        </is>
      </c>
      <c r="E234" t="inlineStr">
        <is>
          <t>&lt;class 'numpy.ndarray'&gt;</t>
        </is>
      </c>
    </row>
    <row r="235">
      <c r="A235" s="1" t="n">
        <v>233</v>
      </c>
      <c r="B235" t="inlineStr">
        <is>
          <t>Loss/localization_loss</t>
        </is>
      </c>
      <c r="C235" t="n">
        <v>3400</v>
      </c>
      <c r="D235" t="inlineStr">
        <is>
          <t>0.012059897</t>
        </is>
      </c>
      <c r="E235" t="inlineStr">
        <is>
          <t>&lt;class 'numpy.ndarray'&gt;</t>
        </is>
      </c>
    </row>
    <row r="236">
      <c r="A236" s="1" t="n">
        <v>234</v>
      </c>
      <c r="B236" t="inlineStr">
        <is>
          <t>Loss/classification_loss</t>
        </is>
      </c>
      <c r="C236" t="n">
        <v>3400</v>
      </c>
      <c r="D236" t="inlineStr">
        <is>
          <t>0.37592223</t>
        </is>
      </c>
      <c r="E236" t="inlineStr">
        <is>
          <t>&lt;class 'numpy.ndarray'&gt;</t>
        </is>
      </c>
    </row>
    <row r="237">
      <c r="A237" s="1" t="n">
        <v>235</v>
      </c>
      <c r="B237" t="inlineStr">
        <is>
          <t>Loss/regularization_loss</t>
        </is>
      </c>
      <c r="C237" t="n">
        <v>3400</v>
      </c>
      <c r="D237" t="inlineStr">
        <is>
          <t>0.034537118</t>
        </is>
      </c>
      <c r="E237" t="inlineStr">
        <is>
          <t>&lt;class 'numpy.ndarray'&gt;</t>
        </is>
      </c>
    </row>
    <row r="238">
      <c r="A238" s="1" t="n">
        <v>236</v>
      </c>
      <c r="B238" t="inlineStr">
        <is>
          <t>Loss/total_loss</t>
        </is>
      </c>
      <c r="C238" t="n">
        <v>3400</v>
      </c>
      <c r="D238" t="inlineStr">
        <is>
          <t>0.42251924</t>
        </is>
      </c>
      <c r="E238" t="inlineStr">
        <is>
          <t>&lt;class 'numpy.ndarray'&gt;</t>
        </is>
      </c>
    </row>
    <row r="239">
      <c r="A239" s="1" t="n">
        <v>237</v>
      </c>
      <c r="B239" t="inlineStr">
        <is>
          <t>learning_rate</t>
        </is>
      </c>
      <c r="C239" t="n">
        <v>3400</v>
      </c>
      <c r="D239" t="inlineStr">
        <is>
          <t>0.07999819</t>
        </is>
      </c>
      <c r="E239" t="inlineStr">
        <is>
          <t>&lt;class 'numpy.ndarray'&gt;</t>
        </is>
      </c>
    </row>
    <row r="240">
      <c r="A240" s="1" t="n">
        <v>238</v>
      </c>
      <c r="B240" t="inlineStr">
        <is>
          <t>train_input_images</t>
        </is>
      </c>
      <c r="C240" t="n">
        <v>3400</v>
      </c>
      <c r="D240" t="inlineStr">
        <is>
          <t>[b'640' b'640'
 b'\x89PNG\r\n\x1a\n\x00\x00\x00\rIHDR\x00\x00\x02\x80\x00\x00\x02\x80\x08\x02\x00\x00\x00\x83\xaf^t\x00\x00 \x00IDATx\x9c\xed\xddu\xbc\x15E\x1b\x07\xf0\x87n\xb8twwwwwKwww\x97\x84 ) \x82\xa2 \x166 \x08*`\xa0\x82\xa2\xd8\xa8``\x8b/\x16\x8a\xcf\xfb\xc7\xec\xce\x99\x9d\x9d\xdd\xb3\xe7\xdc{\x89\xcb\xef\xfb\x87\xee\xce\xce\xce\xce9\x97\xcf\xce\x99\xdd\x99g\xa8b\xe7U\xdb_\xfa\x9b\x14\xcc\x9c\xbcx\x7f\xf2\xb0\xef4\x13\x95P3\xef:q-M\x99!b\xf7\x0ff"\xaa\xd0\xe9N\xca\xdf\x83\xa8P\xce\xda\x93\xd4\x9cD\xa9\x99Yl\x8b\r\xe7Qk#{\xcd\t"C\x9a2Cd~\xca\xdeAdX\xfd\xe4wD\x94\xb9\xca\x18f&amp;\xaa\xa0\x94Q)\xb4\x99\xa5\xad,-T\x02\x11Q\x1e\xb1\x91\xacX_"z\xe9\x1bG\x1dd~f\xa6\x94\r\xdd\x9f\xbd\xfb\xcc\xa7\xbc\xbe\x96\xeb,W\x9d\xc9\xc12\x96\x89\xf5\xa5\x12\xc7\xba\x04\x00\x000+\xa6\xeel;\xf6\xe7\xc6C\xbf\x11\xe5Q\x13\x99\xb9r\xd7\xd5\x86SS4\x90\x19\xce\xfd\xcbD\xc9\x89h\xf5S\xdf\xab\x8d\xab{\xfb\xc3kZ\xa3\xe8\xc8s\xff\xab\\\xb8\xe9\x1c\xa2\x18;1\x8bH\x1f\xb4\xf4h\xda\xb2C\x89\xe8\xe4\x0f&lt;f\xdd\xeb\x1d&amp;=*\xcf\xca\xdfp\x86\xd8\x18\xb6\xf2\x15QZ\xed&gt;\x9b:My\x8c\x88\xc6oxSk\xe9\x9b\x8d\xd8\x15\xee\x0b\x89NASb\x91\xf8\xb9V\x94\x8a\xb7\\pC\xae\xbb\xf9\xf0\x15\xb9\xad\xfd9\x00\x00 \xd0\x9d\xf1\x1a\xf3\x88U\'\xec\xbd\xf4\x91\x14_c\xc3\xc1\xcbb\xab\xf9\xc8\xfb\x89*\xda\xe9e\x89j\xcaLI\x8a\xf4q\x9f)\xba\xd1\xa1\xbei\xf2\xfa\xcc&lt;a\xc3\x9b\xddg=\xddu\xfa~\xcf\xfa\xdb\x9d`U\xed&gt;\x9b\xec\xcd"Z\xfe\x96\xa3wG\xf2q\x82\xabBTV\xdd\xbf\xe7\xc8\xef\xd1\x15\xd4o\xe1\x0bqQ\x9f\xc8D\xde^\xe6D\x13\x0b\x00\x10\x19\xd1\xbft\xa9\x1cmy\x99\x89h\xd9#\x17\x89\x88(\x19\x11=\xf6\xae\xd5\xeb\xdd\xf3&amp;\xcb\x1e\xb6u\xb3\xce\xd7}\xf1\xde/\xf25\x98N\x94\xdaYHi2\xf5\xa1-Y\xda2\xb3\xb1\xa1\xbd\xc4|\xf0\xbc\xc8\x99\x91\x88\xfa.8DDE\x9b\xcf\x0bV\xf3\xb4\xeaN\xea\xd2\x83\x83\x9d\xe5\xa9@\xa3\x99DD\x942\x96\xe5\xb8d\x89\xeb\x02\x01\x00\xe0F\x9b\xb5\xe3\x03"\xd2\x9eNKm\xc7\xef\x95\xdb\xef]\x95-b\xa2X^\xf4O\xabm\xa6\xc2M\xe7:\x8f\x84\xfd\x11\x90\x88\xd241\x1e8r\xf1\x06\xf4\xc6&lt;\x7f1D*O\x978\xa8\r\x00\x00\xdcBV&lt;\xf6\xb56\xfa\xc6k\xcc\xd4\xfd\xaf\xfe\xe7S\x8e\xf3\xac\x12\x8b\xf6|\x1e\xf6\xd2\xa5\xdb-\rZ\xcbd\xf5\x82\xe4\x8a\xa6\tLVWn\xd6\xea\xbd!\xa2S\x99\x99(]l+\x00\x9a\x9c\x1dot\r\x00\x00\xe2Ef\x8f1D\x96\x80M\xc8\xb6\xa3\x7f\x068\xb1J\x04\xf5\xf2\xa5v\xc4\x8b4\xf3|\xbc\\\xa5\xdb\x1a\xb1\x91\xa5\xea\xd8@\xe5\x9a\x9ei\x07\xa7\r\xf0n0h[\xfc5\xc0\xf9\x1b\x8a\x87\xdb\xa4\x8e6\x07\x00\x80[F\x9a\xb2C\x82d\x0b\xdb\x90\x982\x94\x8b\xa6B\xb1k\x02\x85\xec5\'\xc4\xbe\x90(\x88\x068G\xad\x89\xa4\x0e\x1c\x8bG\x19\xe3\xb3p\x00\x00\x88O}\xe6\x1fp\'^\x87\x07\xa7\x91N\xab\x95U:\xf6u&lt;\xd6M\x8c\xd8\x8a\x1a3\xcf\xdf\xfd\xa9\x96\x12\xbb\x1a\xf9\x0b2\xd3\xa9b\xf8,\x00\x00p\xbd\x19\xdf\xae%\xabG\x05z\x90\xb3\xf1\xd0\xda\x95\xeb/s\xc0g\xc87Z\x9c\r\xc2\nf\xd4\x9a\x93\xf1}\t\x7f\xff\xc5\xd7g,\x15?\xc5\x02\x00\xdc\xac\xdcm\x86\x08jq\x9bHW~X\x9c\x94\x93\xbd\xe6\xc4\xeb4\xfc*S\xab\xebq\x15\x97\x98\x8a#o\xc8u\x01\x00\x12\xacU\xfb/=\xfd\xe1u\xed\xc3i6\x1c\xf8\xf5:_\x11nr\xbd\xe6&gt;w\xa3\xab\x00\x00\x10\xff\x9c-nt\xd1\x1e\xb2\x11Q\x86\x8a#\xbc\x0e\xbb\x87}\xfd\xef&amp;\x9a\xab\x935\x16\xe7Vw\'\x19\xc3{\x19\xf56\xbd\x8c\x8fW\x9d\xa7&gt;\xeeu\xa8\xb2=z\x1c\x00\x00\xae\x07\xaf\xf9\xbeD\x94\xa7\xee\xd4\xe5\x8f~\x15_\x17\xce\xdc\xda\xde*\xe1\x97-\xfe\x1d\xff&gt;\xfa\x9f\x02\xf2\xebz\xf0\xf58\xfe=q\xd3M&amp;\xce\xd3\xf5F\xd7\x00\x00 !JWn\x18\x115\x1b\xee\xb1nA\xee(#4\x85mE\xee;\xfeOt%\x87\xb5\xe2\xb1\xaf\x83e,\x14WW&lt;\x1f\x0fM\xa6\xfb\x0b\x8cU\xc3\x9c\xa8V\xacjs]\xdcw\xfc\xdf\x1b]\x05\x00\x80\x1b"y\xfd\x1b]\x838g\x0c9R-\x0e/\x10\xb4QtMwn5\xe6A\x8fB\xd2x\x14\x91\xda#=\xbc\'\xde\xd3*\x993\xea\xa2\xa2V\xb1\xf3\xaa\xeb\x7fQ\x00\x80\x9b\x94\xb2^\x90C\xd8F%O\xdd\xa9\xde\x07\xf3\xc5\xa2F\xf1-\xf7\x8d\xba\xf0\x94{\xde\xb9Q\x97V\xe5k0=\xb4S\xb0g\xdc\x16\xded\xd8}q[ \x00\xc0m\xa8\x82\xff\xe1\x82\x8dgi)\xc7\xbf\xf3\x1bJ\xbd\xe9\xd0oZJ\xa6*\xa3\xa3\xacZ\xf4R\xc4[\xc9\x9e}\xd3x}\x9b[\xb4\xf9\xfc\xa8\xcf\xcd^c\x02\x11]\xbc\xd9^6\x03\x00\x80\xbf\x88\xa3Od\xbc\x01\xb3WG\xaf}\xcd\xb1{\xd7\xab\xd7\xbf\x0e^\x9a\x8f\xf0x\xe3~k\xc8\x10&lt;\xeboh\xe3\x01\x00\x84 \xf1\x8a\xc7\xac{\xfd\xba\xd4\xa50\x82\x1b\'x\x8e\x87\xde\xfeR7\x8a\xcf\x8a\x00\x00\xdc\x04\\\xfd\xd72DT\x7f\xc0V"\xaa\xdac-\x11e\xac4*\x1e.\x1b\xe8\xddp\xdc&gt;\xb3MQb@\x90l\x89\x0b\xf7\nZb\xaa\x86\x15;\xaf\x8c\xbeB\xb7\x13\xf1\xa7\x0c\xfc\x07M\x1f\xaf\x95\x01\x00\xb8y]J\xc8\x8f\n#\x1e\x17\xe6\xddx\x94\x8c\x8b\xfa\xdc\xe4\xd2y\x1d\x08\xd6\x9a\xd6\x88\xfe\xca\xd9;D\x7f.\x00@\x82!\xee\xb6\xed\'\xee\x8b\xbaWZ\xb2\xf5""\xa2l\xed\x02\xe4M\x16\xdd%b\xad\x12\x11\rX|XK\x15\x1f\xf9\xd0\xe7&lt;J\x7fs|\x03&amp;\xf0DO\xcc}J^\x9f\xb2\xb5\xf7\xcf\x18\xf1\x9f8qm"\xf2X\x9d)ydE\x01\x00\x00\x11=r\xc6\xba\x11\xcb;r\xb2b\xfd\xe2\xb0\xfc\xeb\x1f\xd3\xbff\xaf\rb\xa3\xf7\xbc\xe7\xd5tg\xe0\x91\xe8\xa7\xd8*b\x13\xd52\xbe\xe4k0]\x0eY\x8f\xea\x87T\x92\xb8\xad\x0f\x00\xc0\xedn\xe9\xbe\x0b\xfe\xf1\x05\x99Y\x1d!\x15\xc7\xd3ibZ\xc6ei\xc1\x8c\xbb\xfb\rC\xf4\xe6\xacAz\xe7~b3\x17(\x1e\xa5hp\xa3k\x10\xb9X\xff-\x00\x00\x12\x82 \x83\xa5\xb5\xfc\xb1\xbfh\xb3\x11\xbb\x88h\xdb\xd1?\xc3eLK\xc9\xea\xc5\xfer7\x9b\xeb5\xf8&lt;\xde\x05\xfc\xc7\xb0\xeft\x9c\xc6\xda\x04\x00\xb8\x15\xa4\xb57&lt;\x97?R\x1b\xe0\x9b\xfa\xb6\x98\xaa\xe1\x8d\xae\xc1-\xe3\xa6\xfe;\x02\x00\xdcV\x82\xaf\x9d\xe7O\xbb\xb3/|\xe8|\xac\x8b\xac\x14\xe4B\x9a\x96\xa3w\xc7\xfa\xba\tY\xd4\rp\x8a\x92\x81fs\xc5\xde\xcc\x1d\xe7\xae\xcf\x85\x00\x00n"\xea\x18\xa5\x80w\xea\xc3_Zsu\x98\x99\xa8\xb2z\xc8\xaf\x84\xf4\xcd\xa2\xac\xa2\x94\xcePB\xffE\x8e\x91\xccI\x8b\xf5\x15\x1b5\xee\xb8\xdb\xaf\xa8\xbc\xf2Ex\xb9\xd8\xd6\xea\x16P\xf6FW\xc0Ky"\xba\x89\xab\x07\x00\x10grg\xaa2\xba\xdd\x84\x87]\xe9\xb9\xa2(\xcbn\x80s\xcbm\xff\xf7\xc7\xcf\x7f\x1a\xdb\x07\xa1\x91\xf6\xe4d\xfe\xe9\xdb\xdf\x13\x1b\xdb_\xfa\xfb\xfa\x8f\xc7V\xeb#\xab4u\xeb\xbb\xd7\xf9\xd27\xb0\xe4\x07\xdf`"\xea2m\xbf3\xb9\nQ^\xb5\x10\xac\x9b\x04\x00\t\xd0\x1f\xccdX\x9c.V\xb4\xe66l\x03\x1c\x17\x8c\xd3O\x03\xb0f\xaf\xdeH\xee\xef\xe7:\xbf\x9a\xbd\xf9\xde\x04\xa7t\xee\xc6\xdc\x90J\x00\x00\\?\xf2F\xfcml\xda\xcbt\xcd\xfea\x9e\xb2\xc5\xb1\xd6\x1e3\x9f\xf9\xfd:\xdf\xe5\xbd\xd6\xd0\x95\x8a\xcb\xad\t\x1b\xdf\xba\xeeO;\xf3\xc8-\xd1\xfa\xce\xb8\xf7}\xb9\xfb\xf2\xb7\x8e\xef\xaa\xd1\x90{\xe3\xbb6\xf5\x06\xdc\xd3u\xfa\xfe\xf8\xbe\n\x00\x00\x04W\xd9\xb9\xeb\xd1\xaa\xb9&amp;\x103s\xc9\xd6\x8b\xad\x9d\xf4\xcd\'mz;\xae+\x16\x87"X\xc9\'\xae\xd4\xe9\xb7Yn+=\xe02]\xa7?y\xd7\xd3?\xf4]p\x90\x88(k\xdb\xeb_1\xa31k\xad\xd9P\xc1\x7f\x96U\xeb\xb1.\x96\x17]\xf7\xecO\xb1,\x01\x00\xe0V\xe1\x19\xef\xd7\x83+\x84\x85\xcb\xe4-g\xa2{\x8b|\xf3)\x1e&gt;K`\xb5\xfal\x94\xdb\x15\xbb\xac\xba\xe1\x8f\xa0\xbd\xfc\x1c\xb8\x1aI\x8b\xf6\x8d\xd7\x9a\x00\x00\xdc\x0e"|\x99\x9a\xbc&gt;\x11\xc5:p\xa3q\xbcq\x05m\xbfh\xf3y\xeeL\x1d&amp;=\xa2\xa5\xa4*=(v\x95\x89/Z\xb3j|M\xee\xff\xb2\\\x86\x90\x8c[\r\x07o\x8f\x8fb\xc3)t#.\n\x00\x90\xb0\x94j\xb3\xd8?C\xdbq{\xdd\x89\xcdG\xde\x1f\xed\x05c\xd4\x9d\xf7\xaez\xb6X\xfe]\xc9\xd1\xfa\xb2\nq\xc6\xb8\xe8\xe1\xb0;_\xf19e\xe7\x89k\x03\x96\x1c\tX\xfe\xd2}\x17\xb4\x94m\xc7\xc2\x06\x0b\xbb\x89\xf8t\xf73T\x18q\xdd\xab\x03\x00p\xd3\x98\xbd\xf3Ck\xd9"\'ww\xd3\x1aL\x94\xe5\x06\xbf\xad\xfcHoh\x0b\x069kb\xb4o\xa6\x1b\x0f\xdd\x11.K\xc2x\xf0\x1egf\xdaC\xcc\x88(e\xc9\x817\xb0&amp;\x00\x0075\xaf\x8ec\xb6\x1a\xe3+w]m:\x92"^\xebc\xd4s\xf63Q\x9dgX=\xb0\xcd\xd8=bc\xc3\x81_\xa3\xadN\xc6\xf0Y\xae\x93*\x8e\xbd$unP5\xa2\x93\xf9FW\x00\x00\xe0\x86\xaa\xee\x1f+\xca\xa0Z\xbc\xd4#\x80\x07^\x93\xbf\x15\x8a\xaa\xe9\xea@\xa7\xf8p&gt;\xdaqR7\xc9\x00+a\xcb\xe1+\xb1,\xe1\xc9sq&lt;\x83&lt;\x0eK\x03\x00\xb8\xa9\xc9[^\xe6*c\xd4\xf46\xe3\xf6\x10\x11\xa5m\xe2{v\xaax\xaaU\xb4*\xc4y\x89\xfd\x16\xbd`L?u\x99)}\xf38\xbf\\|(\xderA$\xd9\xfd\xc6F\x85[i\xd1\xf0t\xc1\x93X\x1e1Q\xad\x08N\x01\x00HH\x94&gt;G\xcdPj\x8a\x06\xd7\xb9/\x92\xb2T\xec\xdf\x0bF\x1b\x0c+\x80X|\x1b\xa5(QM\x9f\xc3\xb1\xff\x9e\x87,?fm\xdd\xe87\xf1B\x9c\xbf\xe2\xc5\x8a\x1a\x00p\xbb36\x15\xae\xe1\xb8\x15\xe5\x96{m\xd7\x03\x9f\xc5\xa6\xb11/\x8d\xd0s\xf6\xb3\xeeK\xdf\x0c\xd8\x852\xdc\x98\x1e\xf3M\xfb\\\xf7\x8a\xa9b\xe3\xd6\x9f\xba\xfe5\x01\x00\xb8\xc1\x12\x17\xee\x15I\xf6H\x03wP\x89V\x8b\xe6\xdd\xff\x89\x96(\x9a\x87\\u&amp;{\x9e\x96\xa3c\xa4\x172\xc8\xdd9\x7f\x83\x19t\x9dZ\xa3d\xb2\xd1]\xf6\xc8E\x91\x14W\xd1\xb0\xa3\x9b:\xf5O4\x97\x0e\x1b\xcb3\xa4\xe1\xa0\xed\x99\xab\x8e\t\x9f/\x90\nqT\x0e\x00\x00\x10\x11\x95\xd2\xde1\xc7N\xb6\xe0Y\x99y\xf2\x963Dt:\xda`\xd4-F=\x10Q~\xad\xad\xdd\xf3&amp;\x13\x11ej=u\xeb\xbb\xd7\xbf3z\x99\x99\x94\xa7\x11V\x05\x92\xd5\xf5&gt;#K\xec/z5\xf0\xaf\x8d?\x99\xe9&amp;\xee\xa3\x03\x00\\\'\x7f\xf8\xdc7sv\x12\xff\xaf\xdboK\x9c_7N\xee\xbf\x05\x1b\xcf\x8e\xd7\xf2\x03\xd2\xa2Y%.\xdc[\x1e\xca]wJ\xd9\xf6\xcb|*3\xfb\xbe\x0f\xe3\xbd~QJ\x14\x9b\x93;N~4\xae\xea\x01\x00\x90p&lt;\xf7\x89\xa3=\xf8&gt;l[\x95\xbdC\x9c\xd7Am\xa5\x82s\xb7\xb8\xa6\xb6M\x8f\xc8\xc1\xccv_\xbc\x86\x95\x94\xad\x9d\xb1\xfcY\xf7}\x10E\xad\xbc\xc2I23Q\xea\xc4\x85{\xb1\xbdRr\xd4\x06-}\x91(}lJ\x90Ur\xd43c\xab\x93?D\xfbK\xe5\x16\x9bm\x0c\x00p\x13\xcbVc\x02%\xae-\xd6E/\xdctn\xdd\xfe[Dc\xf6\xcaw\xe2\x1e\x9d\x91\x88V\xed\xbf\x14U\xd9\xde\x93\x97\n\xf6\xf49Mk\xd5\xae1\x933\n\xe6\xec\x9dq\xd9\x83\xcc]wj\x14gy\x85tf\xe6\x87\xde\xe0\xb6\xe3\xf7\xba\xda\xe62\x91^b\xcf)\xd6\x16O\xac\xda\xfd.w\xb6\x12\xad\x16\xaa\xd7\xfa\xd9U\x1fy\xf4&amp;y\x02\x9c\xbd\xe6\x04\xafC\xd1\xff2\x00\x00\xb85$\xaf?r\xf5\xc9\xd8\x140u\xeb\xbba\xf3t\x99\xb6\xdf\xf7x\x9e\x05\x0f~\x16\xe4Z\xa9J\xf9-\xbaP\xa9\x8b\x88\xd8\x15\xc1\xdbb\x97hV\x980-\xab\x90K\xa4S\x81\x9e\x94\xba\xd1\x1f\xb1n\xed\xa6o\x7f\xcf\x95\xe6\x1e\x01\x1e&amp;\x16\xa6\xac\x1e3\xff\x1a\xe7\rp\xae\xce\xf2*J\xaa\x1a\xe5*-\x11\xfd\x14\xf4\xba7,\xcc\x0b\x00@\xc2R\xf0\x0ecr\xd0~\x98\xf7l\xd7\x8d\x87~\x0bR@\xfct\xf82\xcb\xc2\xdd=`{;\x95\xd8\xbe\xfb\xb9\x9f\xe5\xa1\x13\xd1\xf6\xed\x12\x17\xf1}n\x9f\xa5\xad\xff\xc7df\xca\xde^l\x7f\xe6\xca90\xf0\xb2\x10~\xe5\x87\x9a\xf9\x02D\xf4\xe0\x1bQ~\xd2g?F\xf7\x17\x00\x12\xb4\x1d/_\x8d\xfa\xdc\xe5\x8f~Ez\xc3\xe6\x88H\xec\xd3\x18\xdc\xf5\xf4\x0f\xfe\x853\xf3U\xef\xd3{\xce~\xd6Px\xe8\x95d&amp;c\x81\xfeW\x0c\xebGs\t\x89\r\xdd\xdfd\xf5\x88(Q\xa1;\xe4\xa5o\xd8\xf3\xde\xec\x1d\xd4A^\xcc\xbc\xedh\xbc.\xa0T\xb4N\xbf\xcd\xcc|\xear\x90u\x8e\x03-\x9e\x01\x00\x90\xa0$\xf1\xefHEh\xcc\xba\xd7\xe3\xae0G\xe4\x8ds\xffF\xd3nm&gt;|\xc5}\xd37\xc6\x7f "96*\xc0\x94\xd6\xb4\xee\xa4*\xdd\xd6\x88\r\xd1\xca^c\xb6\xa7\xd2Z!\xba*uYm|7lme5\x8f\x05\x0b,\x1e\x03\x81E\xc7{0\x9a\xe7S\x10\x00\x80\xdb\x8e\xb5~m,n\x8b\x91NOz\xe4\x8c\xb1\x15,\xee\x7fV\x85\xce+\xad|-\x17\x1c\xfb\x9a)e\x03-\x83v\xc7\xffZ\xd9\xcd]wj\xad\xde\xb1^\xa1!\xe0W\x94\xb2!3\xbf}\x85S\x94\x18@TB4E\x85\x9b\xce\xa1\xe4\xf5c[\x81\xe8ew\'\xc5kw\\{\x14\xbf\xfd\xd8_7\xf2\x01\x00\x00\xc0\xcdI\xbd-&gt;\xf6\xae\xd7-2\x03\x11\xc9\x90\xd1J\x0cH?^\x93yJ\xb7]\xeaJK\x1a\xa4@o\xa5\xac\xff\xa7j(\x93\xa6o{O|\xb4\x98J#\xd5\xac\x936\x9f\x8e\xa8\xe8\x02\rg\x8a\x8dH\x03\x1d\x97i\xb7\xac\xf1\xd0\x1d\x1b\x0f^\xdeu\xf2\xbf\x88N\x0c\'F\xdb/\xdf\xf1N\xaf\xac\xddg&gt;\xe5uH\xf9\xbb\x97\xf5\xca\x13D\x95n\x86a\xd8\xa2\xb9\xfd\xd1\xf9.\x1c\r0\x00\x80$\x9a\xd5R\x14\xd3B&amp;\xddoj-\xc2\xde:\xaf\xcb\xbd5ID\xb9}\x17\r,\xe6sb\xa3!\xf7Ft\xa1\x9bP\x86\x8a#\x02\xe7-HD\xc5\xcc+\x1d\x19\xfa\xcd\xc2\xc0%G*\xdbO\xdd\x8d\xfa.8\xe8\xfa\'Q3\xb2\x7f$)\x1b\x86\xcf\x03\x00p\x8bJ]z\xb01\xfd\xb2\xc7\x8d\xd2\xef\x06z}\xa31\xf4]pPn\xd7\xec\xb5^n_\x8a\xbbn\xd6\xf0U\xc7#?)\x96\xfdx\x0f\xc9\xeb\x13\xd1\xf1\xef=?W\xe8#\xe7\xea\xe4WN\xb6v\xef\xfc\x11/\xbf\x93\x8c\xdf\xf9\x03\xaf\xe9\xa3\xc1\x9b\x8f\xbc?&gt;\xae\x0e\x00p\xebi0p[\xd0\xacZ\x94\x0c{\xaeg|\n\xadM\xfb\xca%\xeb&gt;\xbe\xf0\xa1\xf3\xee|\x9e#\x9b\\\xd9\x9e\x89pNK\x15=\xc6E\x01s\xbel\xed\x9d\xfb\xf9#\xbaJ\x10\xee\x0f\xf5\x89\xb2\x94\xa48Z\xa1\xd3\xca\x88\xca\xccQs\xa2\xef\xf1XE\xa0\x14\x98Y\x0cO\xc3\xc3g\x00\x00\x87\x12\xad\x16U\xecl\xb8k\xbb\'_&gt;\xfc\xf6\r\xbf\x81\x8a\xe0\x12\x91\xac\xfanV\x9cbZ\x06\xc9\x97\xbb\xee\x14\xafC\xcd\x86\xefRw\x8b\xb5\x98/6D\x9c\x8d\x03\xe7\xe3\xe0\xbbr\x0f\xc6\xder\xe4w2\xb5d\xcc\x1c\x9a\xc9\x93\xa3c\xdarC\xc3\x16^\xa7\xdffc\xba\xf1\x1f\x83J&gt;\x9c76\xa8AZ\xd9\xa8\x9e+\x00\x00$Dq\xd45\xc9\xe3u m\xd9\xf0\xedAX\xc1*\x19\x136G\xfb\t\xfb\xc8\xfb\xc1\xbb\xaa\xfe\xc0\xad&gt;G\xcbuX\x1e\xa0&gt;\xb1\xa2\xae\x1f\xf5\x852\xab8^\xa5*5\xc8n\xcb\r\xaf\xdb]\x7f\x85\xacD%|\x16.|\xfb\nw\x9e\xfa\xb8\xc7\xc1\xd8\xff\x90\x02\x00\xb8\xb5e\x8d\xba\x01\xceZm\\\x98\x1c\xe9\x9aFX\xa4g+\x1e\x99tM\x9d\xf1\x0b\xf3FQ\xc6\xae\x13\xd7\xa2\xbe\xfe\xa6`1\xb9\x02*\xd2l\xae1\xdd\xb5\xcaPb\xef2\xaax\x1dP\x83iG\x8a\x99\xd57\x02[\xc3E\xf6H_~xh\xa7\x80_\xdco\x00\x80\xdb\x023\x13\xa5\x8c\xf8\xb4\xccm\xe2\xa1.:\xf1\xe3\xa0\xcd\xb8=\xf1Z\xbe\xb6\x9b\xa1B\xf8\xf1\xc3\x85\x9b\xce%*\x11\xb0\xd8&amp;C\xef\x8b\xb6\x82DD\xa5\xda,!\xa2\xbc\xf5\xa7\xf9\xe4\xf1\xf8\x15\x95\x91\x88\xd4\xf1\xed\xaam\xc7\xfe\xb27\x0b\x12Q\x9a2C\xc2U$Fn\x1d\xb9\x10o\xef#\xd2\xba\x7f\xb4\xc5\xc1\x12\xc5\x00\x007\xa1l\x1e\xef\x14\xfdf\xe9\xb8d\xf6\xea\xa59$\xabGDM\x86E\xdc\x1au\x9b\xf1d\xe1\xa6Z\xf9\x19\xe4\xd6\x7f\xcc\x94\xa7\xabs\xc2q\x98\xd9J=f=#6\x9e\xfa\xc0#TS\x00\xfd\x17\xbd\xe0u(\x1e\x06\x1c%\x93[\r\x07mk?q_\xd8\x13\x1e?\xab\xd7a\xc8\xf2cI\x8b\xf5\x8dM%~w}\xae\xfb\x8e\xffK\x91L\xf0u\xd7\n\x00\xe06\x97\xf7L,f\xa70s\xd3\xe1;\xa3:\xb5\xaas7\x9fW\xf9\xce\x84\xac\x87/0e\xb1\xba\xe05{o \xa2Z\xbd7\xa89&amp;l|\xcbXT\xee:\x9e\xe3\xaa"\xd5y\x8a\xd7\xdbM\x8ab\x01\x1fc/\xdf#Pv\xc9`EV\xf6;\x98\xa7K\xb0B\xcc\xe2\xfc\x17F\xfa\n\xc3\xc3g\x02\x00Hh\xd24v.\x15g\xa0\xdc\x1f\xd5\xb13\xd1\xbc[\xf5\x12\xc1\x0c\xd1\xdc~\x8d\x87l\x1b\x06.y\xd1\xebh\xde\xfa\xd3\xa2Zm\xb0P\xf8,\xb1\xa5N#\xcem\x1cy.\x9e\x15\x7f\xc6\x9c\xa8p/\x91\xa2.\xafdR\x9c\x9c\x9d\xd4^s\x9f\x8bu=+\xf9\x1c\x0b\xf04[\x87IJ\x00p;\xf2\xbf\xf7\xf9\xcc\xa9\r\xdbl\x9bx\xb6\xd9q{\x0b\xde\xf4\xc2\xff|\xae\x12\xe4\x15f\xa1&amp;\xb3\xe5\xf6\xb8\xbb\xdf0\xe6\xe90\xf1\x11g\x82\xe7X\'C5R5\xd2j%&lt;~\x96+w\xd5#L\xed;\xed\xaap\x96\xb6\x91\xbeZV\xaf\xb2\xfa\xc9\xef\x88(q\xe1\xdeC\xef|\xd9\x95\'\xd4}\x9fq\xef\xfbDD\x89j\x05\xf8\xb1\x95*pE\xd2\xbbR\x82~o\x00\x00\t\n3\xe7\xaa3YKT;1\xd6R\rvf{\xd3\xb0"\x90\xdb\x9a\xa7\xbew&amp;x=&gt;\x15\xe95\x82\x94)$\xb6\xfb\x7f\x1aYCf&amp;Jg&lt;\xea~\xc9]\xb2\xf5"\xf9\x89\xde\xffG~F\xab\xcb\x1bS\xd1\x11J:r\xd1\x8f\xee^\xbc\xf7\x0b\xff\x0c\xad\xc7F?B-\xf4\xd7,\xe8\x1e\x93\xac\x0c}R\x82\xae\x88\xfa\xf8\x8f\x08\xd3\xa5kFD\x94Q\xce\xbd\xf6}6nfXV\x12\x00 !P\xfbF\r\x07\x99cc\x89&gt;\x93\xaa^\x7f\xb1\x02\x92\xf9\xc5\xad\xbf\xae\xd3\xf7\x13Q\xb8\x1bk9\xdf\xa3\xb1R\xb7\xdf\x16\xca\xd1AMy\xe1\x0bs\xb7\xb8@\xa3\x99\xda\x80\xe7\xa5\x8f\\\x8c\xe6\x92\xc9\xc3\xcf\xe2]\xf7\xecO\xd1\x94\xec\xcdc\x84\x9d\xb5\xa2\xc6\xc5\xd0\xcf\x11"\xa2\xd1w\xbdj,\xe4\xf9O9}\x85\xe1\x05\x1b\xcf6\x1e\r~i\x00\x00\x08\x11Q\x93\xc6\xac}\x8d\x88\xca\xb6_\xae\xb5I&gt;\xc6\xae{}\xda\xb6\xb3\xc6CA\xee\xbc#\xd7\x9ct&amp;\x94\tx][&amp;\xaf\xab\\a&amp;\xca[\xb4\xf9&lt;-}\xe0\x92#\x86\xdc\xf6l\xd4\x02\x8dfy]\xc9p\xa1D5\x03\xd7\xd3\xf2\x15\xb3g\x18K\xaf\xab\x10\x91\xdf\xea\xc5\xaa@\x01\xa8G\xac&gt;\xf1\xc15V\xfa\xf7\x81\xfeR2\x8f|\xe2\xbdr\xff%c\xce8\xf9\xf5\xa0\x8f;\xcb\xd35\xf6e\x02\x00\xdc\x9cJy\x1dpO\xb3\xc9\x15\xeb!\xc4Jx\xa9\xaaD\x94\xaf\xc1\x0c\xf5\xe8w~\xed\x81\xe3\xc5\xe1\xd4\xad\xefj\x8d\xc7\xfe\xf7y\xb2\xc7"\x83\x99*\x8f\x96\xdb\xfd\x16\x1er\x1dOGD}\xec\xa5\x1d\xcauX!6L\x8d\x93O\xa4\x8b\xf8\x93\x83\x88dpi\xed\x95m@o\xfd/4\x02\xcb^#\xb9\x00\x15\xe8\x11\xca\x91\xb8\xf6\xce\x13\xd7&amp;:\x87\x8eo\x0c\x85\x13\xc9\xa6$\x07\x19\x89VT\xdbOT\xc8\xfc\xbe\x00\x00\x00\x82\xc8\xeaNJR\xb4\x8f\xdc\xfe\xf8F&lt;r\xcc\xd7`\x06Qff\xfe\xc7t\xf5\xf3\xcc\x136\xbe\xe5lJ\xb3\xb9\xb3y\xa8\xe6\xb5\xfa\x90\xda\xa2\x1b}\xe4\xfdU|\xe9:4{\xe7\x87Z\xca(\xeb\xf1@n\xb2\x1f\x0b\x17k\xb1\xc0\xff\x8a\x123\xf7\x9e\xf7&lt;\x11\xbd\xf1Kl\xff\x1c\xcc\xac\xcd\x0e\xd2\x966\xf2:Q{[!F\x18d\xa96VI3=\xf0\xb8\x1e\xcb{\x00\x00\xdcdR\x95\x1e\xe4N\xf4{&gt;)\x86\xd5\xc4\x9b\xa4EE\xbc\x08\xf7p\xd92DD)\xea\x13\xd1\xc85\'\xfd\x9f\xa0V\xea\xb2J\x84\x82\x8a\x83\x97\x91Y\xdbF}j\xfc\xbf\n\xad\x10\xda\xcc\xd0&lt;\xa23\xd7&lt;\xf5=%\xadKD^\xa1K\xc6:\x86\x7f\x1b\x86\xdd\xd5\xb5\xc6\x01\x10\x11\xad}\xe6Gc!A\xbe\x81\xcd\x1e\xa3\xd6\x01\x00\x12&gt;\xfb.\xe9\x08\x91_\xa7\xef&amp;\xaf\xfc\xab\\c\xb2\xc2\xf0~\x99\xd7}\xe6S\x91\x15\x15G\xe2\xa4i\xac~\xc7\xdd\xb1/\xc4G\x83A\xdb\xaav_+wG\xae&gt;\xe13\xe1\xc7\xe7\x13\x95j\xb3\x84\x92\xd7\xaf\xaa\xaf\xae\xe8\x16h\t\xc2\xd9\x8e\xb8c~\x16&lt;\xf8\x99\xf7\xc1\x8adz\x00\x00\x00p\x1baf\xa2\xe47\xea\xeab\x95=\xa2\xec\x01\xf3\xab\xe3x\x83\xcbZ}\x9crz\xac\xbc\x1e\xbb\xa7\xbb\xb2&amp;\x94\xa9u\xa4\xe7\xbe\xfbW\xc0KW#}FV9e[\xe1\x9c\x80\xc4\xcc\x07\xcf\xabg)\xf9\xd35\x93\xdbw\xccy\xce\xf45\x16#\xa2\'\xcf\xf9L\x1c\x0fmK\xa1\x1c\x89j\xd9[\x08\xfe\x0c\x00\xb7\x89$u\x1c\xbb\x89kk\xc7\x999\xc8\xfa}A\\\x8b\xb6\xf1\xfb\x95Y\x0e\xd1\xfa\x97\xd9\x10P:\x8b\xf5\x94\xb8\x81\xe72\x82\xc5=\x17\xbb\xcd\xde&gt;\xc2\xea\x140\xa6\xf6[x\x88\x99\'zD\xc1\x8cC\xeef\xd8\x18\x1d\xda\x1d\xa2Y\xd9\xcdgn\x05\x89&lt;\xc6\x9aUd\xe6!+^2\x15e\xf6\xf6\x15&amp;*\xee^\xb2B\xbb\xa2VN\xce\xda\x93\xfc\x8b\x05\x00H\xe0\xac\xdbb\xe0YI\x01\x19\x87J\x05\xe7\xb3\xfe\x01\x11\xa5-\xabG@46\x12\r\x07o\'\xca\xd2e\xda\x13j\xa2s\x88P8\x05\xef\x08m\'\xabw\xf2G\xf3\x87Z\xba\xefB\xb0\xe2\xfc\xc6\x15\xbf\xf4\x8d\xa1\xf0\xba\xfd\xb7&lt;t\xca|\xd1\n\x9d\xee4\xa6\x7f\xcf&lt;l\xe5+2\x00g\xa3!\xf7\x12\x11Q\xfeg?\x0e\xba\x1c\x85H\x0f\xf7\xa1\xcc\x01&gt;\x99Y&gt;\xe1P\x1b`fv\x85j1\x88\xfd\xf0{\x00\x80\x9b\x94\xb8!N\xda|\x9aR7R\xd3\xc3\x04\xf5MZ\xc7\xefh\x9c\xad\x1e\x9fB\xdd\xc9So\xaa+C\x8e\xcf\x956c\x95\xc7,\xd5p\x82GR\xf4R6`\xbe\xe2-\x17L\xdc\xf4\xb6\x9a\xb2\xf7-C+\x98\xaf\xc1tw\xa2\xdcV\x17\x9f06\x99\xdbC\xab\r\xfa\xf7V\x93y\x1f\n\x9d\xdew\x815}\xebg\xef\xa2\x98\xf9\xc3\xff\xe4\xd1\\&gt;\xd9\x9c\x9d`\xc3\xc2\x15\x08\xe2\x01\x00\t\x9f1\xf8\xd1\xe7&gt;\xb7\xbf|\xdd\xe5\xe6\xdc\xfb?\x16\x1bm\xc7\xef\x8d\xebz\xd9\xefG\x93\xd7k4\xf8^\x99\x16S\xc9\x1c\x12\xf2\x8e9\xcf*{\xe5\x88\x88\nY\x9d\xd4\xac\xd5\xc7k\x99\xa7o\x7f\xcf\xeb\x9a\x8d\x87\xec\xd0R:\xf9-ydK\xa7-ak\x05\xb9\x8c\xa4\x15\xd1\xd76P\xc3e\x10\x11e\xf3{H\xae=\x7f^\xf6\xe8W\xfe\x97\xfe7\xd6\xcd\x1b3[\x8b\r\xeb\x89r\xe0tZw\xcf\x9e\x99\xef\x98\xf3\xec\xa1\xcf\x8d\xcf\xbd\x1d\x85\x00\x00$|\xa1\xfb]\xfe\xee\xbb_\x0f\xdd\xfb\xb6\xbe\xf8G\x92"\xd6\x1c\xdf{_\xfa\xdb\xbf\x90f#v\xa9\xbb\xe9\xcbG\xb0\xb4\\hDR8{\xdf\xe2\x8c\x95FQ\xceNA2\x97h\xb5\x882\x98\x17\xa2\x0fL40\x05\xc2\xe6k8h{\xec.d\xb0\xe1\xc0\xaf\xee\xc4\x88\x1a\'\xaf8e\xe9\xca\x0fk9z\xb7^l\xden\xaf\xfd\x1c*\xfc\xd5\x9f\xbc\xde\xd1\xfa\x8d\x91\xb6s\xfa\x06\xbe\x8eiID\xffh\x9d\xe0\x14\xf5\x89H\xac\xdad\xea:\x07}\xb4\x00\x00pK\xb1_gjo\xe6\xdc\xaf\x06\xddR\x952\xcc\x1ev\xc8\xd6n\xc7\xcbW\x89(\xaau\x93\x1c\x8a\xb7\\\xe8\x1b\'+\xe4\xbcs\x9c\x91o\xde\xf8Z\x84\'|K\x19\xcb\x08\x8by\xbb\x05\xa9\x83\xbb\x1aO\x7f\xc8De.\x06\xfb&amp;_\xfd\xc9P\x02\xdb\xcb%\x1d\xff\xce\xf3\xe5\xf1\x96\xc3W\x88\x12E\xda\x97e{\x85\x8c\xc4\x85{Gt"\x00\xc0-\xa9\xc7\xac\xa7\x89\n~b\xbaW\x96l\xbd\x98\x88\xd6\x9b\xbab\x82\x15H\xb2\xd0\x1d^\x19\xe2\xe7q\xa2g\'l\xc2\xc6\xb7\xfc\xe62\x15\xbc\xc3\xaeO\xa0\xc8\xc92&amp;\xa5$?\xce\xb9\x7f\xcc\x9f\xcbg\xdat\xe4\xf4h\x8e\x01u\x99\xf6\xc4\x8f\x1e_{\x85N+\xb5\x95\x83\x99\xb9\xd5\x98\x07\xad\xcf\x15\x9a\x05di?q\x9f\xf1\xe5\xb4\xbb\xe4d\xc5\xfa\xaa\xbb5z\xad\xcfRml\xf0\x11\xef\xfa|\xa7`s\x91\x01\x00nu\x15.\xdb7\xbe\xfa\x9e\x13x&lt;\xe4\xedF\xe2\xbe\x99\xb2A\xdc\xd6\xe9\xd4\xaf\xe6{\xb7\x08\xd9Q\xb7\xdf\x16\xb2\xef\xd7\xaf[\x0fN\xf3R\xae\xce\xcc\xdcx\xe8\x0em\xdeK\xa96K\xb4B\xf6\xbf\x1f*\xdc\xf8\xcb\x83\x88\xb41\xd2\xa5\xdb\xcaB\xcc\x11\xa3\x14~+\xd5\x13\xd1\xbb\x7f13\xcbX\x95\xdb\x8e\xfe)6\xfc\xfb\xf7&gt;/M\x1drt\x14\xffO\\\xb8\xf7\xcc{\xcf\x19\xb3\xf8\xbc\x02O^\xbc\x9fzE\xb2\xd6\x90p8\xfaU\xc0f\xb5J\xfe\x863\xdd\xa9^\xe3\x99\x17\xed\xf9&lt;X\xb1\x00\x00\tJ\t\xa2l\xeac\xc9\x1e\xb3\x9e\xee5\xf79w&gt;fNV\xac\x9f;\xdd\xa1\x80{eYU\xa9\xf5\xcf\xff\x12\xb6\xc1\xcePqD\xd9\xf6\xcb\x88b\xc2\\K\x19\x11\xe6C\xc4F\x8eT\xc0ID\xcev1\x16C\xa93\xb6R\xf7\x1e?kh\xe7\xbc\xda\xe0\x15\x8f}\xedSp\xf9\x8erbR\x0c\x11=\xff\xa9U\xc8\xc4Mo7\x1d\xbe3X\xe5\x12\xf9\\\xdd\xa4\xaa;\xff\xfa\xe7\x7fq&amp;Z\xabX\xfa\x8c\xc6\xaa\xd0\xc9c\xde6\x00@B!\xe6n\xaa\xcb\xfa\xd6\xf0\xce\x1cCT\xda\xbf\xb8\x07\xdf\x08p\xa7\x0e=\xf0\xcc\x10&gt;3\xd1\xa4\xcd\xa7G\xac&gt;\x11$\xa7\x8b\xe7\xea\x0b\x01[\x94\x06\x03\xb7\x05\xc9\xf9\x90\xf2\xa9\xa3~\xf6\xfe\xc15\xeb\xc4~\x0b\xad\x19\xcf[\x0e_\x11\x91\xb7\x99\xf9+\xe67\x7f\x8b\xa0dc5Z\x8f}H\xddU\xc3\x803\xf3\x82\x07?KSv\x08\x11\xc5T4\x0f8\xf7e~tl\xec\xbeG\xf6\x15\xe5\xee\x12ye\x00\x00\x12\xa8M\xa6\xe8\xf9\xccl\x9cW\x1a\xe4n\xdb|\xe4\xfd\xc6\xf4d\xc5\xfa\rZv\xd4\xeb\xac\xd2m\x97\xfa\x94y\xcf\x91\xdf\x9b\r\xdf\xa5%\xd6\xee\xb3I\xd6j\xf0\xb2cr\x8d\x01\xf5\xd1t`\xb9#?%\x02\xc6\xd0\xcd;\x8f\xffkm\xa5\xa8_\xa5\x9b!CD\x9e\xfb$\xf2O\x9d\xc4&lt;\xff\xbbb\xe7Ub\xe3\xc0gA\xcb\x14\xf1@\xc4?\x8f\x14%\x06P|\x8d\x1b\x00\x00\xb8\xb9\x89\x9eJM%\xc2C\xf1\x96\x0b\xbbN\xdf\xefy\x82\x1d\'\xcb\x0e\xabD3\xbc\xdf/\xc6\x9dLr\xeb*3\x11\rY\xf1\xd2\xbc\x07&gt;\x11)\xea\xed\xfb#\xe6\x8d\x07/Gq\x01\xa5\x90r&gt;\xd9\xb4\xf7\xc4FJ`\x8a\xa0\x96&lt;\xfc\xa5\xba\xfb\xc8\x19C\xe0F5e\xd7\xc9\xff\xc2\x94\xa8&lt;\xdc6\xf6D\xf7\xbc\xe9\xaad\xdenD\xf4\xd8\xbb\xfc\xc0k\xa1C\xf5\xfa\xdfC\x914\xae\xcaO1Cl\xe7\x95O|[\xa5\xdb\x9aZ}6\xaa\x895{\xad\xf7\xaa\'\x00\xc0\xed\xa0XlN\x16#\xa4\xdc\xf6\xeaw\xf9*\x94\xa9\xd5O\xccu\xfam\x8e\xcd\xe54\xcc&lt;b\xd5\x89\xec5\'\x18\x8fj}\xdc8\xbc\xcb\xef:qM\xd9+/\xfe\'G!\x8d2E;\xb1Y\xcf\xf3\xdd\xc1\x9cc\x13\x7f\xbbf\xaf\rDT\xa2\xd5B"\xda\xfd:\xdb\xcb;Z\xa2\xe9\xf5Z\xf2Ph\xf1\x0c\x83(\xa6D;\xff\n%\xed\xe5\x11i\xf7\xeb\xec\x1e\x88\x0e\x00\x90\x00i\xc1\x19\xbc\xd8\xb7\xcb\n\'~`w\x9c}\xa1\xd3\xe4\xc7\xf6\x9df"G\xcc\xe4\xfd\xef\xf3\xe2\xbd_\xc8]\xff\xe0\x1e\xa3\xd6\x98[\xac\t\x1b\xde\x0c[C\xaf\xa7\xb2E\x9a\xce%"\xc7\xea\xb9\xde\xaeG\x0f\xcc^c\xf8\x82r-w\xf8I]\xf2z\x9euS"\x83\xce\xd9\xf5\x11\x11\xb5\x18\xf9@\xe8h\xb6v\x01\xeb\xc5\xcc\xe6@\x92\xa9\x1a\x86[\x07\xda\x101\xc3Y\xdb,\xda0\xf2e\x8f\\\x0c[\x9f\t\xf1\xbf\xb8\x05\x00\xc0\r\x91B&gt;\xd5\x9c\xb6\xed\xec\x9e7C\x0f&lt;\xff\xd2\xc7\xce\xa83S\x93\x11\x15\x0c[\xb4\x18d[\x7f\x80{vS\xf8s\xd5I,\'~\xf0l\x0eG\xad9\xf9\xce\x9f\xfa\xd1!\xcb\x8f\x85-\xdfH{\xc0\xfb\xf2%\x96\xcd$\xe9mI\x11\xf5\xc4I\x9bO\x1b\x8aK\xab\x86\xa8\xcc\xab\x1d\xcc^s"\x11\xa5*5(W\x9d\xc9\xd1\xd5\xd6\xbdn\x95\xc6\xa3\xa9\x8e!\xa2\xc9\x9bO\x13\x95\n{\x05\xa5\xaf\x1cf\xfd\xc7\xe8\xd6K\x90\xef\x0el^\xd3\xb8}\xa3k\x01\x00\xdc\xd2\xc4\xe4\xd4\x95\xfb/)\xfd\xda\x8aD\xa4\xb44\x99\x0c\xa7\x11\x11\xa5!"JZ\xc7}\xbb\xbf\xc8\xe6^\xb2\xb1a\x10\x89\xd9\\\xa1\x9b\xe3\x95V\x93\xdf\x99I\x89\xf05i\xd3\xdb\xee\xaa\xba\x97\x1b\xba\xeb\xe9\x1fLe\xe7\xb07\xc2\xacs,.a|t\xff\xdeUf\xe6r\x1d\x96\xfb\x9c\x18\x91\xa8\xa2S\x113\x7f\x1b\x8bG\x02\x1d&amp;=\xe2\xd8\xcf\xde\xe1\xec\xdf\x86\xd2V=\xf9]\xd4\x97\x00\x00\xb8U\x89\xfb\xec\xb1\xaf\xcd\xafH/3\x97\xef\xe8\xf56Nm\x95\xf3x\xbc\xd0-[\xa1\xf3Jr\xdd\xfd\xe5\x88\x1b\x9f*9D\xb2\xbcRa\xeb\x81\xb3%k\xb5qA\xce\x12\x17\xfdG\x7f\x06P=\xc8YDD\x94\xa7\xd5\x98\x07\xb5y&gt;\x11p&gt;\xe0\xfd\x85\x99\x88\x16&gt;t^\\b\xc6\xbd\xef\x13\xe5a\xe6r\x1dVXW\xb4_\x97\x16i6O\x9e5m\xdb\xd9\xf7\xae\xb2\xabb\x0e\xab\xf6_\x92\x87\xecxUi\xdc\x91\xb0\x84\x9e\xb3\x9f5\xa6\x13\xd1\x97q\xf7\xa0\xde\x1d/\x850\x14\x0b\x00\x12\xb6\xc6Cw\x8c\xba\xebU\xca\xdcFK\x0f\x18z\xa9`\xe3YA\xae\x92\xa5\xaac\xb5]f\xee1\xebi\xdf3\x92\x12\xd1S\x1f:F\xff:\x97&lt;"1&lt;[VR\x14(F\x1b\x89\xc9\xb2S\xefy\'H\xdd\xa2\xf0\xdaO\xeeo\xc60\xd07\xb8`-M6\x9fl?3\x13%\xeb\xbb\xe0\xa0l\x95\xdd\xe6\xec\xfc\x902\xb7af\xa2\x12\xa2\xa8\xcb\xcc\xda\x1fZ\x89\xf9\x15\x9b:\x17\x90\xe5\xc9\xa4+\xae\xb1\xdc\x00\x00\xb75\x0e\xdd\x82\xf3R\xa6V\xea\x9dq\xeb\xd1?\x8d\x8b\xa5\x97n\xbbD\xccH\x11J\xb5Y\xf2\x87\xf3~\x9a\xaf\xbei$QV\xf3  ;\x18S\xc9\xe0u\x16\x13F5\xb3w~\xc8\xcc\x85\x9b\xce\t%9\x87\x1d\x89\x8f\xd6g\xfe\x01c\x99\x19*\x8ePsF\xff^\xd6%Lcc\n\xe6\xc5\xcc[\x8e\\\xf9\x91Y\x9b\xa5\x13\xe4B&gt;\x97S\xda\xda\xe4b\xe3\xd0\xe7\xec\xd5\xf1u\x9f\xa5M\xf2\xb6\xd3Sx\x9f\x1a\x81)[\xce\xc4I9\x00\x00\xb7\x12y\xcbV\xee\xddi\xecg\x9e\x81\xfc\xe4\xbc\xe9;\xdb\x80R\x89\x0b\xf7"{\xcenl\xe5\xe9\xaa\r\xe0\xea3\xff@\xbb\t\x0f\x07&lt;[\xa9\x98gx,[b\x9fc\x7f9;s\xa66/e$\x951\x1f=\xf7/\x13\x11\xa5o\x1e\xf6,=\xd1\xf9&gt;^\xd6p\xd6}\x1f\x84\xad\x15\x11=y\xce\xfaM&amp;\xd6$\xb6\x9f=\xb8\xa3l\x16\xa7p\x81P\x1c\x94\xe1l&gt;\xb4\xcf\x120 (\x00\xc0-\xe9\x07\xe7-o\xfc\xfaS\xfb\xde\xd6\xee\xf2\xf9\xddg\xa9]\xc6 \x06.9\x12q\xcd\x9cM{\xde\xfa\xd3\xe4\xf6`\xef\xd8X\xe4\x11n"\xf8E3V\x1eED\x9b^\xf8-\xba\xd3=\xcf\xca\xd7}\xeb\x8b\x7f\xa8G\xc3\x84bN\xd3\x84\x99_\xfa\x96\x8d\xdf\xbfZ\x8er\xa1t\xda\xa5\xc5\xc6=G~\'\xa2&gt;\xf3\x0fx}\x90O\x98\x87\xaf:\xfe\xc2\x17\xd6+\xf0~\x0b_\xa8e\xc7c\xd9r\xf8\x8a_/\x13\xdcn\x00\x00 \x00IDAT%\x89LO\x0b\xfc\x02\x98x\xfcd\xc9g\xc8\n\x00\x90\x8013Q\xe6\x8d\x07/\xaf{\xf6\'\xdf\x8c\xe9\x8d\xa9\xbd\xe7\xd9Otsu\xdemGM\x1aw\xf7\xa98\xac\xe1\xe9\xdf\xfd\xdeF\x97\xeb\xb0\xc2\x9e\xf8\x9b\\\xcd\x96\xa4\x88\xb5\xa6\xacHt\x07\xa4\xa4,m\xaf2w\x9f\x19z\x15\xbd\xd3\x11L\x83\xb2V\x1f\xa7\x96`+#\xfe\xf7{\x90\x9e\xa8[\xb2\xd0\x0bZf\x16#\xcc\xbd\xc2\x86\x88&lt;\xc9K\xf4\'\xa2\x06\xce\x85\xaaN\xfe\xa0wp\xd5K\xefx\xe5\x1fgM\nLq\xbd\x0e7&gt;\x8a\x97K3\tb\xfc\x97\xe9\x93\x86\xfe1\x88\x0b\xb9_U\x18\xbf\x8aL\x95Gk)\xb5\x94\xb0k\xd6Y\x89\xc2\xccw\x02\x00H8\xde\xfb\x9b\xc5Sb\xf9&gt;O\x1d\x89\x93\xb2\xd4\xc0\x80\xe5\x88{\xee\xb2G\xbf""\xf7\xb4\xd1\xec5&lt;\x9b\x998\xa1.\xd3\xf4\xa7\xb9!4\x87\r\t.\xec\xdaA\xb2\xd5\x99\xb1\xfd\xfdAK_4\xae(e/}A\xa4,\xf3\xc0\xccD\xe96{\xf75\xc3\xbe\xd9\xd52\xc8\xdd~\x0b_p,\xab\x90\xa9\xb5\x96\xa1\xe5\xe8\xdd^\x853\xb3\xf2\xd4!\xad\xb9J\xa9\x1a\x8a\xdd\x14%\xfa{\xd5\xd0\xab\xfeJbR"\x1a\xba\xe2%r-\x10)W\xa7\x00\x00Hh\xc4Mp\xc0\xe2\xc32\xa5B\xa7;)[{\xe5\xe6\x98Q\xcd\xafE\x9c\x107M\x8d\x12[85\x11M\xdc\xf4\xb6\x96\xa1`\xe3\xd9A\xea\x96\xa2\xe4\x00"R\x07"\x9d\xf9#nn\xc7=f=\xa3\x0c\n\xcbM\xe4\\E\xd1\x15\xef\xe9b\xd8\xae\xad\x99\xfaX5\x87\x9c\xceT\xac\xc5|;\xb1\x8av\xc2\xcfV\x14\xaa\xcazI9;:\xf7\x0b\xa5+7L\xee\x18\x9b\xb7\'\xcfY\x89\xc3\xee|\xd9\xab~?1\xff\xc8L\x05z\x86\xed\xbb\x07|\x08?{\xe7\x87Q\x9f\xfe\xb0\xe3\xc5\x87\xfe\xcd\x00\x00$4\xe2\xce\xd8q\xf2\xa32E\xaeiCD=f=m|\xdb\x9a\xb3v\xa0A\xc2\x97]\xb7\xdd\x1aw\xf8\xcd\xfd\xf5\xa2\xbc?v\x0e\x05\n\x13\x19\xd1\xe1{\xa522\xd4\x06y\xb5\r\xaeyY\xb1\x94\xb9\xea\x18q\xa1\x97\xbe\xb1.\xf7\xdeU~\xe3W\xc3\xa5\xc5\x83_\xc9\x18\x88\xd1]\xe7\xaf\xed\x94\xe7&gt;\xf5{b\xef\xcbz\xfe\xd1k\xees\x94\xbd\x03\x15\xe8\xe1\xf1\xb26,\xaf\x80-\x16g\x99E\xc4\xee\xde7\xf9\xadHVZ\x04\x00\xb8\xe5e\xa80\xa2x\xcb\x85^\x93s\x98\xd9\xdc\xa7\xc9o\x98&lt;CD\xea\xe8_\xfb&gt;[-\xc2\x1ae\xd6\x13bZ\x04:\xcf~\x16j\x92c\xca=\xefx\xb4%9\xc5\xff\xdc\x91:^\xbe\xc4\xae V\x8e\x95\x16\x99Y\xac\x1a\x14\x8c\xfd\xd3!oW%Q\t\xf1\x91\xb3\x133\xa7-;T;\xeds\xe6\xed\xc7\xfe\xb2v2\xb7\xd6\x8eF\xdb\xd6\xea\xa7kS\x98d\xd3;n\xbd|\x9d\x9f[\xa4\x1f\xb5\xa3\xb5h\xab6\x85\xe7\xf8\xe0\x00\x00\xb7=\xf5\x0e.\xa2j\x888\xfe\xf2\xe8\x17Ao\xf1\xc5\xd55v*tZil\x1b\x86\xaf:\x1e\xbe\xa4\x1c\x1d\xc3\xe7!"\xa2\x12\xad\x16\xb9\x13\xef9\xf2\xbb}\xe9\xd4\xfeK/8{x\xc5\xc6\xdb+=l\xb3\x1b\xbc\xc9\xca\xe4\xd4\xe7?e\xca\xe0\x98\x11D\xce\'\xaeE\x9b\xcfs\x1csN\x1fj;n\xafOM\x84\xf3\xccD\x99\xdd1=\xde\xbb\xca\x94\xbe\xb9\x12\xdd"2\x136\xbe\xf5\xfc\xa7Lv\x93\xe9U\x93\xa4E\xfb\xbe\xfc\xad\xe1O\xf6C\xe06^~\x99\xb9\xebN\x89z)\xa7X\xfe\xa4\x00\x00\xb8e0\xb3\x9c4\xd2y\xea\xe3\xcb\x1f\xfdJ}T+\x06\x07\x05(\xa6\xbck\xc3G(tC\xb1\x16\x0b\x88\x88\xa8F\xb0z\x12Q\x06\xa2\x8ar(2\x11\x11U\xf5\xce\xac\xfb\xd4#}\xfd\xf3\xbfh\'\xe6\xa89\x91\x88R\x94\x1c\xd0t\xd8Ns\x85\x92\xd7\'"\xdf\tBY\x1f9\x13\xa0-\x89\xa0\x0fMw?\xf7\xb3\xba+\x9aU\'\xb9hAj\xd7!\xcf\x1a\xa8;g\xff\xe6j=\xd7yee\xe6\x17/\x1a&gt;\xd4\xa0\xa5/\x12Q\xa7)\x8f\x89&lt;O}\xe0\xe8OG)S+yQ\xb4\xca\x00\x90@)1\x96\xab\xf6X\xeb&lt;\x96\x85\xac;iav\x06BR]\x13\xb7H\xef\x98J\x13]/2\xd5\x17~\xe6\xa5\x84"\x94\xba\x8c\xd5\xe5\n=\xb0%bf\x19\xa6c\xc9\xc3_*\xf7q\xfd\x83&lt;\xf0j\xe8\xe9\xeb\x1f\x1e?;\x82\x0f\x08wS\x97_\x94\xd5\x10\xf3n\x89(M\x99!b\xc3\xfdE\xc5\t\xf1^\xdf\xd8\x8c\xc9Kw\x98\xf4(Q\xb9G\xdfq\xe4\xc9V}\xfc\x82\x07?\x93\xbb\xab\xf6_\x1a\xb3\xeeu\xe5x\xa8\xb3.gm\xb9/\xc4\xcc+\x9f\xf8\xd6u\xa8\x92|\x1d\x1e\x92\xa2\xbe\xc8\x13Sq$\x1a]\x00H\xf8\x8a4\x9b\xebN|\xf4\x1d\xa6\x02=\xe4\xee\x9d\x8f\x7f\xa3eh&lt;d\x07)\xef\x0e\xbb\xcf|J\x1e\xb2o\x9d\xc9\x89\x92Zk%\x11\x11\xd1\xf0\x95\xaf0\xf3\xc85\'#\xac`\x05u\'\xf4\xb62E\x03\x99\xb8\xfbu\xfdf\xed\x7f\xfbff\xa2D\xd6\xf8gg\x1fK\x9d;\xe4.$o\xbdi\x14\xa1z\x03\xee\t\x9f\x89\xb2\x8a\xcb\xbd\xf6\xb3\xb8\xa2#\xbe#3\xff\xe9\x13fRY\x06X\x1a{\xf7\x1b\xean\xdf\x85\x87L\x17\xcdDD\xcf~l\x95Y\xb8\xe9\x1cg_3\x91+\xbf&gt;\x13) CCk\x96\xdc\xeb\xc0\x1b\xbf\xa01\x06\x80\x84I\x7f\x8a\xdbs\xf63\xa4\xc5j\xc8\xdea\xb2\xb3\x9f\xea?35\xa2\xcb\xff\xa3\xe4W\xdf@K\xeah\xe1H\x0bw\xe7\xbf\xe4HI)\xb3\xf9\xafb\x14\xab\x0eY\xb8\x85{\x05\xd9M$\xa2\x15\x8f}-\x07\x88\x19\x9f\xc1\x06\xae\x8f\xe3\x8f;x\xf9\xb1\xd02\x18\xf6D,wQI\x8a\xf4!\xca\xdaq\xf2c\xced{VU\xea\xc62ir\x041\x9c\xc3,*\xe5\x86N0\x00$d\xb2C)ov\xfa\x8bR\xf3T\x9f\xb2\xfe7\xc7\xa3_y\x1d\xcd`L\xed6\xe3I\xaf\xa2\xde\xfaMo~f\xed8GD1\x95Fz\x9c\xe1\x10\xf6&amp;\x9e\xa9\xf2\xe8Vc\x1et%\x17X\xf1\xf87bL\xb2\x08d\xe1\x1fH\xb9|\xc7\x15\xca\x02\xc0BE"z\xfb\x8auu\xadK\xeaT\x84(\x97O\xe1u\xfan\xf29\xeaA\x8e\xdf\xd6\x9b=\xf9\x854\x18\xb4\xed\x99\x8f\xcc_\xce\xfb\xff\x84\x7f\xed*\x16\x9e\xf2\xc1\xcc\xca\x8cpK\xb2b\xfdD&lt;,\xfb\x95Ai\xedBO\xbc\x87F\x17\x00n\x0f\xf2\xf67\xea\xaeW\xc5RB\xac?\xedT\xa3Id"\xa2r\x1d\xbc\xd6\x06\xd6W\x14v\x1b\xb6\xf2\x15\xbf\x9a\xa4n$\xb6\xd5U\x0e\x8b\xb5\x98\x9f\xb8po\xffb\xad\xd3\xc3=#e\xe6\xde\xf3\x9eWS\xfa/:\xec\x953L\x0b\x94\xa9\x15)\xdf\x123\x13\x955f\xf4\x9f\xaes\x85y\xd3\xa1\xdf|2\xf8\x88\xe2a@\x93a\xf7Ew-\xd5\xb4mg\xb5\x94\xda\xea\xaaM\xd6\xf0\xb4\x08(\xabi9"\x9e\x8a\x0f\xf8\xfe?\x8cH\xd1\x00\x90\x00\xd97\xf1\xc2\x1e\xe9!\x0b\x1f:OT\xc8\xbf4u\xcaJ?\xf3{G"\xa2\xfa\x03\x1c\x91\x8d\xb5Y\xc5\xaf|\xe7\xb8\xb4\xfa`V\xa1G{\xc8So*)\xddw\xf1\xf8T\xeb\xa5\xb5\x1e\xfb\xd0\xdag~\x0c\x12\xd6*\xf4\xf1\xd3\xebS\x8f\x82\x89\tS\xac\xb7K\x9ey\xf42EiO\x8bU\x93\x13\xdb#\xe0\xf2\x18\xa7\xdb\xe6u\'\x99+\x93\xdfz\xf1\x9f\xa7\xeeT\xb2{\xff\xc6\x13\xc5\x98g[V\xf1?\x11p\xb4b\xe7\x95D\xe4\xfeG\x15\xc4\x88U\xc7\xe3o!g\x00\x80\x9b\x083\x97j\xa3\xaf\xc1\xce\xcc\xe2\xdd\xa1\x08\x06\xa9$\x12\x11\x9d\xf8&gt;\xce\x1f\x12V\x92[r2\xae\xd0l\x84\xbe\x88\xc2\xc8\xd5\'\x8c\xeb$*/\x8f\xb3L\xdf\xfe\x9e\xf1*\xcc\x9c\xb9\xea\x98crL\x902\xcaLk\x8d2T\x18A\xa6\xb1]\xcb\xadH\xd7\x86~\xadU\x823\xd8r\xb6\xea\xe3M5\t\xef\x1a\xf3\x8e\x97\xaf:\x1aN\x8f\tKJ\xcd\xcd\x8f\xf7\x9dy\x92SJG\xc4\x92\xe4\xc5\xfb\x8b\x8d\x1d/_\xf5\xacM\xfe\x1e\x9e\x87\xacRd\xaf7\x85x+\\\xa6\x9d\xef2\x85j\xe0OW=\'l|\xeb\xa9\x0fX\r\xea\xb26\xccJ!\x00\x00\xb7\xa2\x94\rI\x04g\x8eiID\xf9\x1aL\'\xa23\x7f\xf8=\x80U\x0f\x15o\xb9Pl\x84\xfa\xbb\x89k\x13ea\xe6\xd5O~\xe7u\x163{.\xe4\x9e\xbc\xbe\xc8i-\x08\x91\xbd\xbd&lt;\x92\xba\xf4`f\xd6\xdeIkSc\xa7m\xd5\x9f\x8eJ/|a\xf8P\x89\n\xf5"\xa2\xbdo\x89\xf4\x8aby"\xa31k_\'"{\xe8u\x12e\\n%\xad\xd81k_\x13\x1bq=\x86(\xbb\xcf1\x11^;\xc0\x15+i\x81V\xd4c\xe2g\x87:p\xdd\x98M\xc8U{\xf2\xfc\xdd\x9f\x06\xbbh\x18\x8d\x86\xdc\x1b\xbaP\xba\xa6\xea\xa1\xa2\xcd\xe7\xc7\xc9%\x00\x00nF\xf7\x9f\xfc\xcf~5\x9b\xc6\xff\xdd\xa7\xcf\xa1\xc5{\xbfPw\xadg\xbf\xf6\xe8\xdf\x11\xabO\x10\xd1\xf4m\xc6\x8e\xa9N4\x87Z\x83\xed|\xf1\xac=\xdb\xb4\x07\xfa\xc6\xb4\xf4\xabj\x9a\xc6D\xd4`\xe06\xf7\x15\x99\xf93\xc3GK\xadf\x90\xdb;\x8f\xff\xcb\xcc\xce\x07\xb0z\xb6\xb8o0R5\xd2\x12\xea\xf6\xdbBDv\xe4\rk\xe9\x82_\xc5\x9f/\x9f\xfdH\xdf\x14SL\xd6m\xd3\x0b\xff\x93\x7fn\xd7\x8b\x7fO&gt;\xffB\x98\x99\xa8 QM\xa2\xdc\r\x06m\xa3\xec\x1d\xec#9\xbc\xbf\x99\xd2&gt;\x17\x12\x1bS\xb7\xbe{\xdf+\xff\x84\xad\x18\x00\xc0-\xca\x8aE\xc5\xccJ4%\x951\x91\x88(i\xd1\xbe\x136\xd8\xe1#\n\x18\x9eUn&lt;x\xd9\x9d8u\xeb\xbb\xde\x95\xc9\xc5\xcci\xcb)Q\x91sw!k\xc9\xa6\xa4\xee\xdc\x86\x99K\xc9\xea\xf96\x12\x86\xedE{&gt;wf,\x7f\xf6\xef\x08\x1a\xd1\x0b\xa1\xa2\\\x0b\x19E\xabn\xff-\xb19\xfdE\xf3@\xf4$\xc6\xd55\xa8\xe0\x1dd\xfer\x1c\x8f\xb5\x0f\x7f\x19\xe8;\xf9\x86\x99(\x85\xf1O\xd0j\xcc\x83\xbf8\xaf"\xdb\xfe\x8a]V9\xf3\x16\x1a\xbc\xfcX\xd4!-\x01\x00nv2\x80F\xb4\x0b\xaf&amp;Vg\x9a\xf6_\xf4\x02\x11Q\xa2\x9aj\xe3\xf1=\xf3\xcc\x1d\xe7|\x8ax\xf9\x92u\xe9 q\xa7\x99\x99(C\x95nw)+\x1a\xe5V{\xab\x1f\xfd\xc7\xd6\xb8$\xa2\xac\xd5\xc7\xab3|2W\x19CDD\xc5\xc5\xae|~\x1e\x92\xa3c\xa5\xae\xab\x95\x0b\x11\x11\xb5\x9f\xb0O\x86\xac\xf2\xa4E\x01\xcb\xa4\xaf\x9a\xe0Om\xab|fd\xf9\x9f\xa8&amp;\x0e^v\x94(C\x14\xc3\xa4\xf5\x9f\x1d\x89\xf4u\x9d\xdd\x17=\xfbw\xf89KDi\x0eY\xdf\xa1\xf9\x97\x9c\xdf\xa3\x17\xbfe6\x00\x00n}j(A\xa9\x92\xde)\x91\x8a\xa8\xb7K1V\xab\xff\xe2\xc3\xc6\xc8\xcc\xb1\x90\x85\x88&gt;g\xa6\xf4\xfa\\\xe4\x96\xa3wGW\xe2Wa\xe7\x17\xd9\xd4l\xed\'\xeecf\xa2\xa2bw\xc6\xbd\xef\x87\x86\xa7\xe5\xe8@\xbe\x0fo\xc5ku\x7f\x87&gt;w\x9c\xee3\xf1\xd7}!w\x8a\x1c\xb9v\xd4{VX\xffE/\x94n\xab\x8c\x932.\x80\xa1\xbc\x80W/\xd7t\xf8N\xca\xd1Q\xff\xcd\x91\xa8V\xa1&amp;s\x88h\xcb\xe1+^c\xac|YQGv\xbf\xc6m\xc6\xed\xb9\xff\xd5\xe8~\x0e\x02\x00\xdc:\xfc[\xa3NS\x1e\xfb\xf0\xbf\xa8n\x85\xf6d\x18f\xae\xed\x13G"c\xab{^\xfc]\xd9w\x87?\xd4U\xb6{\xa8F\xcc|\xe2\x07G\x85S\x8a\x96\xd29\xb4G\x16\xa6\x9ehu\xdf\x95\x94\xb0\x95\xb1(S\x95\xd4\xe7\xe1w=\xfd\x033\xb7\x19\xb7\'h9\xf6\x03\t\x8f\x0ew\xaa\xc8j\x15\x80,\xcd\xf8J\xdb\xc7\xb4\xad\xef\x12\xd1Uf\xca\xd7]\x8d\xdc\xa2\xc5\x1b\x19\x1e\x9a\xf6]\xd4\xbf\xc0\xf9\xbb?ef\xb9\xbcD\xa3\xc1\xdb\x9d\xc7\xcdA\xc8\x01\x00ny/}\xc3\xbf\xda\xb7\xd1\x87N\xf1\x82\x07?#\xca\xe8\x9d\xbd\xb4\xfb\x91\xb2\x08ldl\x1e\x1a\x0f\xd9\xe1\x1eX\xab3,\xe4P\xbd\\\x87\x15"&lt;d\xc1F\xb3(G\x87{^\xfc\x83\x88\x1e~\x9b\x89R\x9b\xde\x8ff!\xa2^s\x9f\xcbXi\x943\xbd\x9c^\xfb\xb6\xfa\xb4+"\xea2\xed\t\xfb)\xa8\xba\xd4\x92\xe1\x13\xa9\xcb\x15&lt;\xf6.\x13Q\x81\x863\xd9\x8e\x86\xbd\xff}m\xbc\x18\x95l\xbd\xd8\xbd\x8e\xaf\xd4|\xe4\xfd^\x87\x94\x81\xe2a\x7f\x97\xe8\x11H\x98\xd9\x0e\xad\x9cU\xa6\xc8\t\xd0"\xc2Wt/\x1d\xaa\xf7\xbc[\xbb\xd0\x8f\xca</t>
        </is>
      </c>
      <c r="E240" t="inlineStr">
        <is>
          <t>&lt;class 'numpy.ndarray'&gt;</t>
        </is>
      </c>
    </row>
    <row r="241">
      <c r="A241" s="1" t="n">
        <v>239</v>
      </c>
      <c r="B241" t="inlineStr">
        <is>
          <t>steps_per_sec</t>
        </is>
      </c>
      <c r="C241" t="n">
        <v>3500</v>
      </c>
      <c r="D241" t="inlineStr">
        <is>
          <t>5.3640656</t>
        </is>
      </c>
      <c r="E241" t="inlineStr">
        <is>
          <t>&lt;class 'numpy.ndarray'&gt;</t>
        </is>
      </c>
    </row>
    <row r="242">
      <c r="A242" s="1" t="n">
        <v>240</v>
      </c>
      <c r="B242" t="inlineStr">
        <is>
          <t>Loss/localization_loss</t>
        </is>
      </c>
      <c r="C242" t="n">
        <v>3500</v>
      </c>
      <c r="D242" t="inlineStr">
        <is>
          <t>0.06805944</t>
        </is>
      </c>
      <c r="E242" t="inlineStr">
        <is>
          <t>&lt;class 'numpy.ndarray'&gt;</t>
        </is>
      </c>
    </row>
    <row r="243">
      <c r="A243" s="1" t="n">
        <v>241</v>
      </c>
      <c r="B243" t="inlineStr">
        <is>
          <t>Loss/classification_loss</t>
        </is>
      </c>
      <c r="C243" t="n">
        <v>3500</v>
      </c>
      <c r="D243" t="inlineStr">
        <is>
          <t>0.35491475</t>
        </is>
      </c>
      <c r="E243" t="inlineStr">
        <is>
          <t>&lt;class 'numpy.ndarray'&gt;</t>
        </is>
      </c>
    </row>
    <row r="244">
      <c r="A244" s="1" t="n">
        <v>242</v>
      </c>
      <c r="B244" t="inlineStr">
        <is>
          <t>Loss/regularization_loss</t>
        </is>
      </c>
      <c r="C244" t="n">
        <v>3500</v>
      </c>
      <c r="D244" t="inlineStr">
        <is>
          <t>0.03464154</t>
        </is>
      </c>
      <c r="E244" t="inlineStr">
        <is>
          <t>&lt;class 'numpy.ndarray'&gt;</t>
        </is>
      </c>
    </row>
    <row r="245">
      <c r="A245" s="1" t="n">
        <v>243</v>
      </c>
      <c r="B245" t="inlineStr">
        <is>
          <t>Loss/total_loss</t>
        </is>
      </c>
      <c r="C245" t="n">
        <v>3500</v>
      </c>
      <c r="D245" t="inlineStr">
        <is>
          <t>0.45761573</t>
        </is>
      </c>
      <c r="E245" t="inlineStr">
        <is>
          <t>&lt;class 'numpy.ndarray'&gt;</t>
        </is>
      </c>
    </row>
    <row r="246">
      <c r="A246" s="1" t="n">
        <v>244</v>
      </c>
      <c r="B246" t="inlineStr">
        <is>
          <t>learning_rate</t>
        </is>
      </c>
      <c r="C246" t="n">
        <v>3500</v>
      </c>
      <c r="D246" t="inlineStr">
        <is>
          <t>0.07999776</t>
        </is>
      </c>
      <c r="E246" t="inlineStr">
        <is>
          <t>&lt;class 'numpy.ndarray'&gt;</t>
        </is>
      </c>
    </row>
    <row r="247">
      <c r="A247" s="1" t="n">
        <v>245</v>
      </c>
      <c r="B247" t="inlineStr">
        <is>
          <t>train_input_images</t>
        </is>
      </c>
      <c r="C247" t="n">
        <v>3500</v>
      </c>
      <c r="D247" t="inlineStr">
        <is>
          <t>[b'640' b'640'
 b'\x89PNG\r\n\x1a\n\x00\x00\x00\rIHDR\x00\x00\x02\x80\x00\x00\x02\x80\x08\x02\x00\x00\x00\x83\xaf^t\x00\x00 \x00IDATx\x9c\xec\x9de\x80\xdb\xb8\x16\x85\xeft\xca8\x85)33333333333w\xcb\x8c[ff\xda\xe2\x96\x19\xb6\xbc\xfb\xca\xedy?&lt;\xc9d\x82\x06\xd9\xb2\x13\x7f\x7f&amp;\x93H\xf7\x1e\xcb\x92\xael\xcb\x12\x913\xa2fi\xe3\xf4{\xb6\xcc;\xf8?\r\xbc\x98x\x1d\xe1x9\x86\r\xbc4\x98\x98\x98\x98\xf0\x04@\xaa2Cx\xab0\xe1\x83%\xfe\xa5\xe7\xe8\xfd\x0e\xa7\x00\xec\x9f\xb2\x11Q&amp;.\xaeM\xd4$#\x80:\xfd\xb7W\xeb\xb9\x81\xb7\x12\x13\x13O\x98\x97 \xbe\xcc\xb1\x97\x00\x90\xaf\xe1L\xcd=\'\'\xa2\xa1+\xee\x02\x98\xbe\xf3\x9d\xe6\xdeM\xbc\x9a8U\xd4\xb0\xba\xf8\xe8w5\xcc\xca\x03\xc0\xc1\'f\xbf\xed\x89\x9b\xbf\xf4^FF\t\xc0y\xeaM\xe3-\x81\x88\x08\x00%\xaa\xcd[\x05Kb\xe5\xee\xac\xbd\xd3(\x96\xe72\xe9+\x8e\xfc\x0e,=\xfe\x93\x88(fE\xed\x95\x18\x11\xa3\xb4Y\xae0~\xb6\x92\xbc\xe4 \xa2\xe8lm*\xa1f\x9f-D\x89y\xab\xd07\x7f\xfe\r\x00\t\x0b\xf5\xe6-\xc4\x1dfc\x96\xc4\xa1g\x88\x9b\xbf;o\x15lI\xcb\xc4J\x89V\x8b\xa4gJa}\x0c\x9c\xa3\xd6d\x00i\xca\rc"\xc6)\x00\xa2fm\xab\x9e}\r\t\xdbj\xeca\xde\x1a\xc4\xf2\x04\xf8\x1b J\xa0\x81\xaf\xb7\xc0\xd0\x15w5pd"\x9b\xf0\xe9\x9a=\xd6$\xe2\x04\x18b\x8e\t\x80\x1a\xbd7\xf3Va\xe2\x05D\x93\x9a!n\xfe\xeeB\x03\xb9\xf2\x05$\xdc]P\x13\x00?D\xb8\xd0y\x83\xd5\x03\xcf\x80\xb3\xef\xc5\x96\x92p\x8a\x97\x9f\xd2\xe8\x14\xc3!\x06\x03h9\xe6\xb0\xaa~M\xc4\xa3YX\x8c`\x88\x00lb\xe23d"\xca\xea1Q\x97\xe9g\xd5W"\x19]\xf5$\x92\xc4\x08\x89?\x99\x93\xde]\x90\xa8H\x1f\x95,\xeb\xb3\xa8\x85:Pw\xc0v\x8d&lt;)/\x05\x00\xd1\xb2\xb5c"\xc9D,\tj\n\x13\x85L&lt;\xd2x\xd8\x1e\xde\x12|\x82Wz\xebO\xe3V\x13\x99\x10!QU\x94\x97\x01\xa0@\xa3\xd9\xb2\xb3\xe7\xa85\xe9\xd0S_-\xf0\xf0\xe9\x9a\x01(.\xe7\xd9XHbU2\xe7\xa7hM\xb4\xb2Y\xaa\x8f\xe7-\xc2\x84\x03\x15:\xaf\xe2-\x81\x1b\x00\xc4&gt;]NXKF(5\xa3/\x0f2\xf3\x16`b"\x83\xf8\xd5y+0\xd1\x9a\n\x9dV\x01\xe023\\\x0f\x00\xa0d\xf5\x89h\xf2\xb6\xd7n\x13\x86\xd3\xfd\xb5l\x80\xe5\x83\x1fG\x11\xba\xa5\xc5\xe8\x83\n-\xdc\xfc\x89Rm\x97\xb2\xd0"\x86\x84Z9R\x80\xbe\xdb\x83\x89\x891\xc8Ug*o\t\xfc)\xd8d\x8e\x9b_\xdf\x00\x00\x9a\x8d\xdc\xef\xf8\xd3\x9e\xfb\xfa\xea\x85&gt;\x03\xe6r+v\x14k\xb9\xd0@\xc1\xe2\xec{\xdd\x0c\xf5\x00\xbc\xd4\x89\x14\x13}\xa3\x97*k4\xfe6\xcbM$\xb1UY\xec\xc2D\x19Y\xad\x9f\xdc\xdf\xa2\xd0\x7f\xff0b\xf5\x03\xe1\x10\xd2\x96\x1f\xc1[\x8b\x05AP\xefyW\xde\x01-\xc7\x1e&amp;J\xa5\xffr4\xe1\x02\x80\\u\xa6\xf0V\xa1\r\x11\x892\xb0\xb2\x05\xa0R\xd75\xac\xac\x99\x98\xa8L&gt;W?\xb8\x0f\xc0Q\xb3\xe8\xfd\x85x=N\xd9\xf3\x9d\xc9\x84\x17&gt;y\xf3\xd1\xb1\xc5Ue\xf8\xea\xd55D%\x00L\xd8\xfc\x82\xb7\n\x13\x13u\xf1\xca\x08\x12J5\xcb\xfe\xb6\x85u\xee\x03\xf9\xf9\xf9\xf9\xf9\x19orA\xd7\x99\xe7\xa7\xeex#&amp;e\x8e\xa8AGW\xaa\xed\xd2D\x85\xd5zO\xce;pU\x13\xc2\x1b\xb0\x86hJ\xec\xca\x8e\xdf\xf9E,\x11=F\x0c\xed\xb5\x98\x98\xc8@\xf6l\xc1\xb8\xf9\xba\xfb\xf9\xa5`+\xc6\x9b\x01\x10&amp;M\x13a\xd8\xb2\xeb\xaeAG.\t\xdb\x8c?&amp;!y\xa4\x92Da\xf3\xd4\x9b\xf6\xafnFj~)\x1a\xf0\x96`\xc2\x0c\x97W\x00^\xfct3V\xc5\'\xbaiM&amp;\x8a\x89c\xbe\x9e\xaa\x11\xed&amp;\x9e\xa87p\x87\x10\x80;L9\xc5[\x8e6\x84\xe1-\xc0\x1e\xaf\xbcoc\xe2;\xe4\xaa;\xd5\xac\xc3&amp;\xc6e\xf6\xdeO\xfc\x9cG,\xc1\xcf\xb7\t\x11\xd1\xe9\xb7B\xe7\xc5l\xca\x8f\x89\x89\xc6\x00\xd8z\xc3\x0c\xc0:\x02\xc0msHdb"\x06\x00\x9d\xa6\x9e\xe6\xadB\xef\xe4\xac=\x99\xb7\x04\x13\xdf\xc2re\x1fZ5\x0f\xf1\x00\xf8%7\xe4C\xa8\x7f\xcc\xdb\x1eL\x88\x95\xbb\xb3Y\x8e&amp;&amp;&amp;&amp;v\x94n\xbbl\xc3\x15\\\xff\x11\xd4=\x8e\xdf\xf4\\\xcc\xc6\x1b&amp;\xf2\x08\x97\xb6\x19o\t\xdaR\xb8\xd9&lt;\xeb\xdbG#\xd7&lt;\xe4-\xc7\xd8\x94j\xb3T\xf3g\t9\xd4\xdb\xf3D\r\xb2\xd5\x98h\x0e\xf5\x88\x12\xf1\x16\xc0\x8f\xf0\xc5\xc4\xa4*\xdba\xb9\xdaBL\xf4\x06\x80M\x7f\xf9j\xe7\xf0\x1a J\xc5[\x85\xb1\x99\xbd\xf7\xd3\xea\xf3.+\xd0\xe8u\x8fU\xf0\x19Ud\x8f\xa6\x1fv\xdd\xf3\xda6\xd6q\xca\xa9\x04\x85z\xb9K\x91\xb8\x8e0\xd8\xfd\xe9\xbb\xa3\x90\xb8b\x12Y\xaf\n\xba\xcf\xba\xa0\xb6 \xe3\x02\xa0\\\x87\x15\xbcU(\xe2\x97MC\xe89\xf72?!Rh&gt;\xea\x00o\t&amp;\x92ISn\x18o\t&amp;\xea2c\xd7{\xf7\t\xce\xbc\xf7\x89\xe5n\x94cSJ\x11yk\x91@\xa3\xa1\xbb\xb5u\x18\x8e\xa2\x97\xd3\xd6#[2\x18\xa9!L\xd9\xfe\xcf_\xdf@\x91Ke\xaf9\x89\xb7\x16\x8d\xf1\'"\x00=\xe6\\bk\xd7\xda\xce\x8b4\x9b\xcf\xd6\xb2{\xb2T\x1b\xa7\xa5;\x13\xadH\xea1\x85P\xdf\xa6\xfe\xf9V}1za\xcbu9\xdb\x0b2\xef\x9a\xdbL8\xf6E\xe5\xee~\xb7\xa8\xbb;\xd1U\xd5\xa0%\xb7\x95\x9d\xa6\xbd\x0f\xf0\xcc@\x018^\xfe\x1e\x96z\xe9\x8bK\x8d\x00Xp\xe8\x0bs\x9b\x02\x7f\x9c\xd2\xb4\x1e\x18i\xdcg\xc2\x94\xd4e\x87\xf9\xd4\xd9\xd7\xfcr?\x82O\x15\xaf\xaa\x00\xb8\xfc\xd9]aZN\xaezk5\xf2\xc1\xc3\\0\x8dkX\xebqG\xb4t\xa71B\x1d\xca\xa9\xed\x06\x03\x03\x96\xdcL[~\xb8\x96\x1eM\xf4\x83\xc8\xf6\xab\xbf@"\xa7\x9f\x05@\x91K1\x97b\xa2\x11\x01\x1eoq\xc7s\xf5C\x95\xee\xeb\x17\x1e\xf9\xc6V\x8e\xaa\x84N\xd5\x98\x8b_\x7f\x0e&gt;cT\xe0\xe0TO\xe8\xaf{5\x1e?\x8cY\x86bN\xbd\xf9\x9c\xd8\xc4\xc4D\x15\xea\r\xfa\x13@\x84\xf4-x\x0b\xd1\x8cp\xfd\x16^#\xca\xa1\xff\xbd\xba\x8cF\x1a\xde\x02\xd4\xc2\x0c\xc0&amp;&amp;&amp;\xaa0\xe4\x8f;\x00z\x19e\xd2\xb9"\xa2\xac:\x1b\xf4\x98\xf9\xdc\x07cw\xa9Y\xaa\x8f\xe7-\xc1{\xf0\\\x13\xa2\x94.\xdfi\xa5&amp;ZL\xb4\xe3\x0b\x90\xbc\xe4@\xde*L\xa4\xe2_\x80\xb7\x02\xc6l\xbd\x01\xa2\xf0"\x13W\xe9\xb6Na\xe8\xe2u=!\xf8\x1d\xb8\xf4V\xd0\xbc\xb9\xd0\x85\xb4\xd7`\xa2C\xde\x03\x87\x9f\x1bx4f"\x0f\xf3\xc6\x86!\x01\xe0\xf0\xe2J\xd6\xec5\'\x85M\xd3\xd4M\xae\xba\x03\xb6\xab)Jc\xe4&lt;\xa8\x06@\x14\x9bB\xbcV\xa8)\x82\xd3~\x8b\xaek\xec\xd7D\xff\xc8\xa8\x8d\xbe\xdd}g\xe6-\x80\x01\xbe}\x06\x8dK\xdcj\xce\xbe\xcds\x07 J\xa0\xb5\x18\xe3`\xad\xeeU\xba\xaf3\xab\xbe\x89\x17\xb0\xf9\x9a\x01\xebp\xb2\xfa\n2\xc7\x9a\xba\xe3M\xaa2C\xae~5\xe0\x81;\xa0M\x17\x04 hI\x90\xc4u\x00\x90\x7fA"r\xfaBQ\xa4L\xad\xcc^\xd1\xe7\xa8\xd4u\rE+\xa3\x81\xa3=\xf7a\x87\x06NMLLl\x88\xdaw\xc1_\xb23\xd7\x1b\xb8\xe3\xf0\xb3\xa0\xc6[\xbd\xd7F\x86\xb2\xb4\xa7h\xf3\x05\xda8Zy\xd6\xb1\xafK\t\xe0\xd8+\xc7\x0e0*\x80So\xcd\x8e\xd1\x0b\x88\xe7\xf42]2o\x98\x86\xc9N\xd3\xceL\xde\xf6z\xc2\x96\x17\x05\x9b\xccah\xd6\xc4@\x8c\xdd\xf8\x8c\xb7\x04\x13y$#\xcaG\x14\xc52zVoO@-\xa8\xd0y5G\xef\xae\xae@\x00$)\xd6O\xaa\xb5\x9a}6\xb3\x10\xe5=\x84\xe3-\x80\x00\xdce\x11;\x01,&lt;\xfcU\xb9\x1dm(\xd5v\xe9\x90\xe5w\xc8|\xafW\xc7\xc4+\xd0\x83\xb7\x04\xf6\x8c\xdb\xf4\\\xf8P\xb9\xdbZ\xbeJ\xc4\x90\xb2\xd4`9\xd9\x92\xd4\x11\xfeJ\xbd}\xf5\xd2Sb\x1f\xbc\x1f\x96\xae\xc2H\x86\x87\x0c\xa0\xd7\xbc+\xac\xac\xbd\x95{:f\xee\xfe\x00@\xd23\x8e\xa8Y\xda\xfebz\xea\xc3\xd6\x19\xb0\xfd\x03\xd0~\xf2I\x86F\xe5\x10\xa9$\x93\x13l\xb4\xb6\x11\xdb\xa26\x1bg!&amp;\xbe\x84\xed\x83\x95\xd4e\xf5\xbf\xcfG&amp;\x19y\x00P\xc4\x12\xe4\xb4O\xf0\xcb\xef*W\x83\xc1;\xddw \xf5\x06\xee\xb0\x18\x8c-C\x15G\xfe\x07\x00\xf8\xa8\x83\xee\x11@\xcb1\x87\xf8\n\x90\xf7l\xd1\x92^\xda%\xab\xcb\xf5\xbbmEL\xd9\xf1F\x92Q}"\x1c\xcb\x9f\x7f\x83(\x12?\x15\x96\xf5\xd5\x12\xd5\x16\x99\x01\x80_r%\x93ML\x8c\xc4\xb9\x0f \x8a%2q\xb3Q\x07\xd8^|P\xa8\x02\xb6\r\x7f\xf8\xaa\xfb\xac\x8c\xeb\x87\xbc\xf5\xa7\xcf\xd8\xfd\xc1\xc5\x8f\x91\xdc\x97g\xf5^\x1bo\xfdv\xd15\x87+j\xf9&gt;=\x13\x9dZb\xb4\x8b\x13\x15\xe9\xb3\xe0/%\x01XZ1^\xfa\x9f\xb3\xd4\xe1\x8b\x05dko+b\xfb-/97F\xacd\x00f\xed\xf9\xc8[\x85\x89s\x98o\xc6\x0c\xa0J\xb7u\x92\xd23\x0f\x93\xc6\xea\x8e\xadj\x01LUp\xa9\x10\xdc\x81\xba\xbd\xf1hM\xf66d\x11e\xae:v\xcbu\xccg\xbd\xad\x0b/\x0cT\x01\xdc\x12Ev\xcehY\xdb\xa9\x1e\x80\x9b\x8dt\xb2\x010\x00\xbbI\xbe\x1b\xafz\xc7\xc9`\x00\xa4\xef\xaf\xe0\xe2Ia&gt;o\xa9\xe2F\x85I\xf9\x8b\xdb\'N\x02r\x82_\xd4\xd2l5\x18\x81\x0c\xc2\x9fFCw\xdb\x96X\xc4\x0c-e[,\xdcl\x9e\x98&gt;t\xe5\x99\xa04?C&amp;\xf3\xb2\xe6&lt;v\xc3S\xde\x12\x94\xe1\x97O\xe3q\xa4\x9c\x00\xec\x94W\xc0\x97\x90\x01x\xd3_^U\xb7\x94P\xae\xe3\n&amp;v\x8e\xbd2\xd2E\x86W\xf2\x03HYZ\xd6\x14\x1e5\t\x95\xa2\xe1\xf8\xcd/x\xab0\x12B\x1f\x15\'o7&amp;\xd6\xaa\xf6XO\xf1k\x88\xf1\x98\xb9\xeaX\xbb/\x89\x88bUb"\xc3\xc4\x05\x91\xc5$\xb2\r^j\x0b\xb2\x92\xb0po6\x1e\x03\xb2\xb7OX\xb8\xf7w\x16\x018l\xda\xa6\x0f\xcd0cbb\xa2\x1a\x1aw\xb5\xfe)\x1b\xc1\xd9S!\x00Di\x01\x14l,\xed\xbd\xc4X\xb9\xbb\xb0S\xe7S$q\xf5\x03\x97\x00LD\xfb\x1e\xb1\xf3(\xec\xef-\xb0\xe3\xb6L\xa3\xb5\xfal\x01\xbc\xe7\xb9\x88\x89\x89\x89\x0e\x01@\xf1\xaak\xe6\xcbi\'[\xa8\xe9\xdc\x1b?\x00\xa0F\xefM\x12MFc"L:\xc6\xde\xf2\xcbM|\x8d\x95\xbb\x8b\xf0k\x1f\x05K\xb5(V\x95\x8e\x8d-\x00E[8]i%\xab\x98h\x0f`\xc3\x15\x10EU\xaaF\x7f\xdc\x07\xa2\xe7\xe8 |\xd6\xd5\xfd\xe4z\x03w\xf0\x96 \x03\x7f7[p\x9b\x98\xe8\x84\x84\x85z;m\xec\x8d\x87\xedQ|\xd5\x95\x05\x00\x85r\xbeA\xce\xb6\x9bA\xc6C\xa5h(\xd7\xbe\x89\xbaX+@\x94\xccm\x18\x98KWa\xe4\xbc\x03\xff+\xder\x91\xab\x04\x1b\xae\x88\xadj\x1e\xeb%\x80\xc9\xdb^\xdb~\xd3w\xe15]E5G\xaa\xf5\xd8`\xfd\xac\\*\x801\xeb\x9f(4b\\\xe6\x1d\xfc\x0c@\xc9\xacE/c\xda\xcew\xbc%X\x11\xf5\xda\x1e\xaf\xfb~:\xc1z\xeck/\xca?|\x8f\x9d\xa4\x95\x99{&gt;\x12\xd1\xca\xb3\xa0\x045m\xd3\xac8\x8d\xbe\x0b\xafY\xff-\xdb~9\xab\xa7\xe3\xbeM\x04\x87]\x8b\xec\x19\xb5\xf6\x91M\xfdO%\xcaj\xa0\xeb\xc7\x0f\x15\xbb\xacNR\xac\xbf$\x8dn\x18\xb7\xf1\x19\x00\x8aY\xd1M\x1a\xbb\x91]\xc5.\xab}\xb3%\xfb&amp;&gt;\xdbq\xeb\x1ca&gt;&amp;E+\x1b;OW\xf7)m\xc3C\xfbI\xbcW\xef\xd1\x8a\xb6\x13\x8f\x0b\x1f\xac\xc7^\xbc\x95\xcb+\x16\x85\x1cx\x12\\\xc2\x7f\x9c\x02\x11Q\xf4\xf2\x8e\xc9\xe2\xe6\xebnU\xc5\x1d\x00\x87\x9e\x1a\xbe]\xf7[t\x1d@\xd9\x0e\xcb\xdd\'\xfb\x04\xfc\r\xac\xb9 \xfax\x85s\xf9\x15 JLDE\x9b\xcf\xb7mE\xeb/3+\xb8x\xf9{\xc8\xe8^\x014\x18\xbcS\xf8\xbc\xf3\x8e\xe1\xcf\xa2r\xea\xf4\xdf\x06\xa0`\xe3\xd9\xde\xb7\x11!,K\xb7\xe7k0\xd3i\xb7\xe2\xddT\xe9.\xe1\xdd_+\x05\x1a\xcdV\xfbI^\xaa\xd2CD\x8e\x8d\x82\x87\xffq\xaa\x02\x98w\xe0\x7f\xaa\n\xd3\x1b\xd6\xc3\xcfZ}&lt;\x11\xe5\x92\xf8\xb2\xa2&lt;*vq\xb5\n\xb4\xa8\xd9\xc2N\x88RJ\xd8\xe3\x88\x15\xd1\xb3w\xb0\x96L\xfa\x8a#\xab\xf5\xdc(|n9\xe60C/\x1a\xd0v\xc2q\xf61\xc8Z4\x1f\x80\x04\x85z\xdbF\xdfm7A\xb1+3\xf2\x93\xde\xe6\xda\\\xb2&lt;F\x1a\x0cN\xf8b\'^[\xca0n\xb5\xf3\x9f\xd8\xac\x8f\xadK\xfcx\x0b\xe0\x80\xacz\x9eM\xa8\x0f)J\rb/\xc8\x06W\xcd\xf0\xe2\xbf\xf6/\xc2\xda\xd2\x7f\xf1\rUU\xe9\x8e\xb0E\x84\x03\xcfTe,i5)\xc4\xd96D\xf2\xc9Y{\x8aZ]n\xd429kO!J\xfd\xcd\xa6\x86\xb0\xf7\xc2\x8e?\xff\xd6D\x9e\xb5,\x1e\x02\x11\xd27\x17^N\r*\x1dv\xe3 \xeb\xe2mf\x00\x96\xcd\xae{\xf6\x05\x08\xe0\xc2\xbff\xe1x\t\xf2\xea\xb9P%\xfa.\xb8\xe69\xa9\x02\\5C\xdb/\xef\xc2\x1eU%\xe9\x13\xe1\xc0\xd3\x94\x1bFD\x912\xb6R\xdb]\x82B\xbd\x00\xf8\xa7d6\'K\x83s\xb7\xe0P\xd0\x1a\x13aR7Q\xcf\x8br4\xaa\xc0\xb6\r&amp;n\xfe\x1e\x03\x97\xde\xb2\xfe\xdb}\xf6E\x8f\xd9\'m}%"Y\xca\xff\xe4\x9eW\x9fm\xc9\x16\x12\t\x7f\xac\xd1\x176s }\xbepL4B\xa8i\x7f\x8b\x9e\x1f\x04\x9b\xb7\x03|\n\xe1I!\xc5\xa8\xc0[\x88L\xecN\xa2\xec\xb7OEzQ\xc3\xb8\xc1(\xd6ra\xa9\xb6Ks\xd6\x9el\xfd&amp;S\x951\xe5;\xad,\xd0h6C/\x1b\xae\x00\x00E\xf1\xfe\x05\xf3\xae|\xc1\x07\x15*\xd6\xd2\x13\xbfljmPT\xa6\xc8%\xff\xf3\xa2J\xac\xc3fY\xbb\xdfV\xde\x12\xc4\x12=G\x07\xf5\x8aN\xe4\xa9\ty\xf9+\xf7\x19\xa4\x89[\xde\x01D\x81jXN_q\x94]\x00^}^\xc5\x1a\xd5f\xfcQ\xeb\xbf+\xce\xe8\xab\xe1{\x1f\x99\x00\\\xff\xe1\xfdE\xfcX\xcd\x10r\x07\x00\xd0n\xd2\t\x95\xecs\x07@\xbb\x89^{t\xea\xa1\xf6\xd8e\xc8\xf2;b\x8c\x03\x10\xc6\x89{\x1fx\x7fK\xe7\x85\xec\rn="\xbcubE\xfc+\xa6&amp;\xba\xc7\xbf\xa0\xa5\x83\x08\xc3[\x8a\x06$U\xcdrj\x00\xcc\xb7\xdf\xd1\x13\xc1/\xcf\xd5\x1d\xb0\x9d\xa3\x0e\x95HWa\xc4\xb0\x15\xf7\x0e?\x03Q\nV6\xf5s\xe7@\xd0p\xf9s\xd0+\x15&amp;\x86!j\x19\xe1\xdc5\x1d\xb1\xaf\xf3\xb43\xbc\xb6Sl?\xe9\xa4\xc7wmmQ\xf2\xbe\xb5o\xa1\x9f&gt;\xc2\xc4\x84\x17\xddg_\x0cy\x93\x96\r\x82\xb5\x1b&gt;p{\xc9D%\xce}\xf4P!\xcf\xbe\x07\x11YWwZx\xf8k\x81\xc6,\x9fQ\x12\xd1+\x89\x8d\xa2\xf9\xa8\x03\x10^\xd51\xf1\xc8K3\x00\x9b\xf8&lt;\xd6\xa5\x04\x05\xe6\x1dd\xf4\x9al`%\xb3ei\x8f\x1ae\xfe\x8d\xd3y&lt;\xf5\x06\xb9\xeaLu\xf1c\x0c\xdb\xae\xbb\xc9\xf0\xbdD\x04\xe0\x8d\nRc\xe4\xec(&gt;\xf1\x80\xc57\x00\xa8y\xbb\x91+\x00\xfcR4`em\xe1\x91o\xf7\xcd&gt;B}\xf6=\x04Qn\xde*L\x9c\xb3\xfct\x88\x00\xcc[\x8e\x89|\x843\xc8|\n$\x00\nS\x98\xadM\xc5$zg=\xcc\x18\x15,\xf5\xd6\xecd\xd4\xc1\xba\xc3e\xd0:g\xccH\x92\xbb\xde\xb4l5&amp;\x98\xfd\x8e321\xb12\xef\xc0\xff\xcc\xce]\xcf\x8c\xdf\xf4\xdcz\x82Fy\xf3\x83|\xef\xc7W[\x99\x7f\xac\xdc\x9d\x9d\xfe\x106mSsM\x02\x06\x9cy\x8f5\x17P\xa8\xe9\xdc\x91k\x1e24\xfb6\xc4\xc0?#C\xcbv\xf4\x98sI=\xe3:%T\x01\x8aT\x92\x88J\xb4Zl\x06`}\x93\xcc&lt;5\xba\xa2\xfb\xac\x0b\xe6\x19\xd13)K\x0f\xe6-Ac\xfc\xf2[;\xf1\xfa\x96E\x98\x99\xd0j\xeca\x00\x01\xd9\xda3\xb4iBD\x14\xb1\xb8u\xb3\x1a(\xdb\x89\xc5\xb8\x94j\xbb\x94\xb7\x04\x9f%)o\x01\xf2\x11:\xba\xb0i\x9a\xf2\x16\xa2"\x002V\x1e\xcd[\x85~H\xc6[\x80\x1b\xc2\x14BH\x12\x17\xed\xcb\xdaGD\xc7\xaf\x00\xc4/\xd8\x93\xb5#\x13\x1f"0\x8f\xcbM\xbd\x98\xb3\xe4\xd8\x0f\xcd|\xe9\x9e\xc8\x00&amp;l~\xc1[\x86\\\xa2\x94*\xe6|\xa7so"\xba\xda\x0e\x84`\xd1q\xeaia_\x90\xe9\xbb\xde\xab\xedQ6\x0fX\x8f\xb7\x1a\r\xdd-#\xd73\xe7\xf7]\x92\xd4\xb5\x0b\xc0\x0b\x0f\x7fU\xa8\xcf#\x82\xa3\x95g|\xf1\xba\xcd\xc4\x88Xn\xf2\xe7\xe0-\x84?)J\r\xb2\x94F:\xc6\xa6\x93\xd5OUf\x08c\x9b&amp;\xea \xd4\x81\xca\xdd\xd6\xda\xff\x90\xb4\x1e\x0f9\xeeh5\xee\x88\xac|\xa1\xdd\xfc&amp;\xe3)\x86\x9b,9\xc2\xa6mj\r\xc0\xd69Y\xea!8\xcaTe\x8c\xda\x8eL\xbc\x8d\xb0E\xb8\xb8\r\n9\x86]\xef\xd7\xc4\xc4g\x89\x96\xb5\x1do\t\xe2\x10z\x19\'\xdb\x1f\xc6\xae\xec~8\xa0c\xd4\x94\x1d\xa9\xe4\xe8u\x8f\x892\xa9\xb4L\xab\x89\xf7\xb1\xfb\x9e\xb1\xef\xfa0\xdc,\xdc\x91\xbe\x0b\x83\xf6w\xb2\xec)\x94\xc1\x9c-\xa56\x06~\x94\xe0}\x08\x01\xd8\xba\xf1\x8e\x850\xed\'\x9d\xa4\x88\xc5\xf9hR\x80\xdas\x83\xad\xf7\x0c\x92\x95\x18 =w\xfau\x97|\xb3sI\xc9[\x80\x89\x0c\xfc\x93\x97\x1cHD\x00\x02s\x8b}\xf4\x9e\xb3\xf6\x94h\xd9D]|\x08\xedt\xd6\x9e\x8f\x14\xbd|\xc2B\xbd\x01D\xcc\xd0\x12\xc0o\xb1\xed7\xb6\xeb\x9f\xe2\x8b\xb3\xe0\xa3\xe8v\x88\xa3[a\xea\xe2u\x87\x9d\xcas\x12\xf9$\x05P\xb3\xcffy\x99\xbb\xcd&lt;\xcfV\x8d\xfe)\xd7q\x05\xf3\n\xa6\xd1\x1e\xda\xbe\xcd\xea\xf3\x00\x107\x7f\x0fI\xa7\xcfvfI\xba\x8a#\xdd\xa4\xb4\t\xea\xb9\xady\xab\xf5\xdc \xde\x91xU&amp;V\xacgG\r\xe39jM\xaa\xdc\xd5\xe1\t\xb1h\xe2\xe4\xeb\xceP\x8c-Y\xaa\x8f\'\x8a\xa3\x92q\x13\x13\xdd\x11\x98\xbb\x8b\xd0\xc8\x014`\xfa\x9e\x1b\xc9\xef|3x4\xab\xf6\x1d\x14\x03\xb1\xfc\x14\x00\x1c\x7f%\xad4\xecfw\x8a\xc9R\xa1\xf3*\xe1\xc3\xf0U\xf7\xc5;\x8a\x99\xb3\x93$a&amp;\x02\xaaVr}7\x9ftl\xf7\xde5\xd1\x1b1=\xdd\xa9\xcb\xe1S\xa3\xb0\n\x9dW\x11\xa5\xd0I\x83\x9c\xb2\xe3\x8dg%\xf1\xab\x93_~M\xe4H%\xab\xd0\xb5\xdd\x03\x88\xa2\x8a\xe9\xe6l\x13\xc8&lt;\x05a\n\xcb\xc88\xff\xd0\x17\x89\x0180}\xc5QD\xb1d\x084\nAE\x11P\x8e\xb7\x10"\xa2Oj\x06\xe0\x92m\x96\xe8\xa4\xbd\x9b\xf8\x16B\x9d~k\xb9\xe6s\x9a\xe6\x9e\xcc\x87\xc7\xa9\x01P\xec*\xfa\x1e]:g\xe9\xf1\x9f:\xd1,\xec\x81*|\xd6\x89$IXCZ\xdc|\xdd\xc5\xe8\xe7u\x8c\xd3v\xbe\x93q\x8d\x15!}\x0b\xf5$qG(\x8d\x8a\x9dW\xf3\x16\x12\x84_\xf2\x06;n\x1b\xaf\t\x98\x88$/\x11\x85I\xdd\xc4\xa7ve\x10\xda\xd8\xbfj\x1cr\x98\xc2\x00\xb2\xd7\x9c$\xac@\xc9\xde\xbe\xca\xe8G3\x00\xa2pDD\xe4\xcfW\xc9\xa3\xa0\xf8\x94\x93\xaf\x0c5X\x7fY\xda\xfdgy\xe8\xa7R\x85 T\x01\x17?\xc4\xcaQ{2E\xb0\x9f\xd3\xaa\xd3\xa306\x1e\x1e3\xf9\x10f\xf5b\xc2\xb0\x95\xf7\x00\xa4*=\x84\xf4\xfe\x88E\xef\x00 \xca\xc5]\x83u\xb3\xc2b-\x17\x12Q\xfbI\'\xf8Jb\xcb\x85O\x12\x02p\x9b\t\xc74\x90\xa4\x19\x17\xff\xc3?.\x8f:\xa7c\x00\x9e\xfa\xe7[\xe1C\x99\xf6\x7f\xa8\xa9\xcb\'(\xd5v\xe9\xca\xb3f\xf7\xe8\x96\x189$l\x03i" \xf4e\xc2J)f\x00\xf6\x84\xfb\xf1\xaf\x9fF*\\\xd3c\xce\xa5\x7f,\xf1)h\x1aQ\x8c\xf2\x8e\xc9\xfe\xfa\xa6\xeeY\x96\xb1"l\xb2\x12\x03K\xb5Y\xea&amp;A@\xb6\xf6\xb6\xdb\x84\xb8]\xdb\'@\xf8c\x88\xca\xdc{\xfe\xd5\xc3\xcf\x11:Uc\x8f)S\x97\x1d\xeab\xe9A"\x8a\xe0&amp;\xe3\xb0\x95\xf7dI\xe3\x8c\xd9\x1d\xf1"\xd4m\x80(\x81\xf4\x8c\xde&lt;\xd5B%\x0e&lt;\x06\x80:\xfd\xb7\x11Q\xf5^\x1b\x01P\xd42\xbcE\xe9\x11\x00\xf9\x1a\xce\xec2\xe3\x1c+\x83\x95\xba\xae9\xf7A\xad\xc9\xa2\x96}\xce\xb3:taY\x9d})\x93\xdf@\xbb\x89\xc7\x1d\xbf\x97\xba\x99\x98\x98\x8bZ\xd80\xcdrm\xe7\x84\xf85\x0e?\xb3\xda\x89&amp;I\x86\xf6\x08\x93\xf9\x01P\xfc\x1a\xbc\xb5\xe8\x8e\x9b\xbf\x00\xe0\t\xd7\x18\x1c\xaf\x80/n.\x90\xdaUS\x0c\x93\xa6\x89\xc6RL\x8c@\x80f\x9eF\xac~\xc0\xcaT\xe2\xa2}7\\\xd1\xbas\xf1O),\x89\x93\x89\x88\xee\x01\x14\xba\x90\x12k\xae\xa2f\x86J\xd2\xb6\xcd\x11\xecx\x1c\xdc$/9\x08\xc0\xb8\x8d\xcf\xdc\xa4\x89\x9e\xbd\x03\x00\xa2l\x92\x04\xa8\xcd\xa0e\xb7]\xfd\x04\xc0\xf5\xc3]\x97\x0cY~\'a\xe1\xde\xcaD\xe9\x97\xfa\x83v^\xfe\x1c4\xe1T\xa5\x8b`\xeb\xcbin0\xc4%x\x84\xf4-&amp;o{\xcd[\x85\x89\xafb\x88F\xa2\'XF&amp;\xc7\xc2\x17\xbe9\xf8D\xce\xdb\xbdg\xde\xb38\x8f\xc9\xea\x01\x88\x9e\xbd\x03\x03S\x8cp_EK\xb7]\x06\xe0\xa7C1\x12\xa5\x10\x93\xdd+\xd9yW8\xe4$\x7f\x9cR\xe5\xd8EN#P\xb5\xe4g\xee\xf9\xa8\x92e\x131\xa4\xe0-\xc0+\x88\\\x8a(\xc0\xd7\xba\'\xbd\x91\xbe\xe2\xa8\x92\xad\x97\x08\x9f\x85&gt;k\x85\xf4M\xc9\x98uvq\xaa\xe8\xad&gt;,:\xfa]\xcc\xddu\xdb\x1b\xe6\xdbo\xe1\xd2\xff\x10\xf2W\xef\'m\xf9\xe1\xda8\xd2C\x00&amp;\x8a\xa2\x9ae\x1f\xa3\xc9\x88}\xbc%\xa8\x82\x8e\x9b}L\x8aT\xc2\xda&lt;6^\xb5\xbe\xff\xa3\x11\x8b\x8f~\x8f\x91S\x98\xf1g.\x0bL\xa3\xd6&gt;Z~\n\xf9\x1b\xcd""\x00nn\xb7\xba!F\x8e\x8e`\xb37T,\x1d\xd7[\xe7\xb8\xbe\xa9\x1eO\xf8\xb3\xf6"\xb3#\n\xc8\xde\x9e\x95)\xb6&lt;\x00\x00\xec\xba\x0b"*\xdfi\xa55F.:\xf2M\rw\x00\xe6\xec\xff\xcf\xd5\xaf\x13\xb6\xbcT\xc3\xa9\x81\x88\xc1[\x80\x04\x00D\xcd\xda\x96\xb7\n5\xd0\xe9\x8eL\xb0\x81\x8b\x80\rW\x82B\xc5\xf5\x1f\x06\xeb\xeb\x05\xde\x03\xd5znde\xed\xc6Ol\xbe\xc6\xa0\x1c\x00$.\xdaW\xb9\x1d\x13\xc3\x93\xa8\xb6\xb5\x81\xa7\xaf8JK\xcf\xe9*\x8c\x00\xf0\xcehc8\x9f\xc6\xdc\xf1[*7\x7f!b\x86\x96\xb2\xb3s\n\xc01\x9d*\xd1P\x003\xacE7q\xcbK\xdb[ar\x1e\x9d\xc6\xa9\n\xa0\xfe\xa0?\x19\xca#J\xa9\xca\x9a3\xea\xd3x\xf8\xde\xa2\xcd\x17\xf0V!\n\x00\xc2\\&lt;}\xc2e\x84\xad\xb2\xd3XM\x86\xefU\xc7\xb2\x89\x01H./\x9b\x1a]\xe1\x1b\x1d\xbfw1a\xf3\x8b\x04\x85\x84\xf9\xa5\xd1\x88\xd2X\xbfwl\x99W\xbf\xcah\xabN\xa2\xb8#\xf5\x06\xee\x90hV\x1a\x13\xb7\xbeb\xd8\xcb\xf8%o\xc0\xca\x94\x15\x00\x1f\r\x18\x83\xa3diC\x94\x96\xb7\nQ$.\xa2\xd6\xcd\x06\xe5o\x99\x97n\xb7\x0c@\x96j\xe3\x99\xe8\x91@\xf8b)K\x0fV\xcbx\xec\xca\x06\x1d\xaf\xbb\xa3d\xeb%\xb6\xbd\xa4#u\x07\xa8\xdb\x97y=b*M\xe7ig\x84\x877^\xc0\xb8\x8d\xcf\x9c^a\xb7\x18}\xd0\xae(\xd4\x1b/\xab\xdfP\x139\xba\x00\xb0\xf1\xaa\x97\x9cD\xd7x\xe1\xf2\x9c^\t\x00\n_\x8c\xb7\n\xe6$cb\xa5F\xafM\x00\x1a\r\xdd\xcd\xc4\x9a2\x12\xd5\xa6D\xb5\x841x\x86J\xa3\xb4\xdf\x12\xc4\xeb\xe7(\x8a9:o,\x84xb\x12\x19\xee\xa8\xf7\xdc\x07\x11}pv\xbe\x00|\xd7\xd3yd\xab\xc4f\xb4$\xea&amp;\x04+\xf6?B\xb8t\xcd\xb4\xf4\xe8k\xcc?\xf4\x85\xb7\x04\x0e,&gt;\xfa\x9d\xb7\x04gT\xed\xb1\x9e\xf9\xee\xb0n\xe8\xbb\xf0\x9a7\xc6\x9e\x10\xb8\x99+hC\xb8\xf3\x1fE\x15B\x82B\xbd\x14\xea\xe1H\xb1\x16\x0byKP\xc4\x86+Au\xd5i\xa5\xed5\xef\x8a\xab\xca\\\xba\xdd\xb2\xbe\x0b\xafi!Q5*u]\xa3\xbc\xa9V\xeb\xb9\xa1x\xabERr\x84&gt;\xf1Zpj\xf8}B\xadE7~\xd3\xf3\xf4\x15G\xda\xfe\xb4\xf4\xf8O\xed\xf54\x1cb\xb9\xfe\xe3\xb1\x0fc\xac\xdc\x9d\xdd\xfc:}\xd7{\xcd\x94(&amp;qm\xf7\x0b\x99\xea\x9bX\xab\xce\xb9Y!\xdd\x1b\xf0\xee\xe1\x85\xaf\xb1\xf6\x02\x88\x88\x92\xd5+\xdfi\xa5\x8b$I\x1d\xbf\xea2\xfd\xec\xd6\x1b\xc6\xad\x06\xf1-W\xbd\xf1\x89\xa8\xe1\x90]\x1a\xba\x0eG\x94\xe5\x17\xe0\xb4T\r\x8a\x1e.9\xe4i(\xd2l\x1e#\xffI\x01P\xfc\xea\xee\x13\xdd\x05\x88\x12\xb9I\xd0j\xec\xe1A\xcbn\x03(\xd4d\x0e#a2\x88R\x9a\x9fo\x13\xcfpol.\x08\xc3[\x80\x89AHZ\xcf\xa0s\xaa\xf5\t\xff\x00l\xb3\x06\xc0\x01)k\xae1\x9b\xb4\x11\xb1\x84\x08;I\x01\x9c\xf8G\xd4\xf2\xe6/x\x95\xa7\x7f\xcaF"\x1f\xb6\x11\xd1\xbaK&gt;\xd4\x8aV\x9c\xd1\xa8\x96\x03\x98\xb0\xf9\x85\x9b\x047~2\x94\x912V\xee\xce\xcaox\xf4\x9aw\xc5}\xcd6a\x0b\xc7\x0e7y\xc9\x813v\x7f\xe0\xe5\xdd\x8b\xb1\x9diX\xab\xef\x16\xder$P\xbb\xdfV\x00/-\x0fS(v\x15\x91\x19\xfb-\xba\xcej\xf4\x10d\'\xb0\x92\x9b4\xdbo\x8b\x9d=S\xa9\xeb\x1a\xeb7\x1b.\xab\xdc\xf3\x03Xt\xf4\x9b\xad{\xf1\x19u\xbb\xdf\x11\xf3Q\xe1\x96\xeb\x9a\x04`\xbf\xfc\x00\xfe\xd3\xa4{MVb\x80\xc3\x084\x82^/\xafMB\xa0\xf44E+\x1b!}\x0bY9\xfd)a-E\xaeY\xa0x\x16U\x166:\x98bm\x8c\xb3\xf6~\xa4P\xf9y\xcb\x91B\x94\xd2A\xddH\x8c\nR;\xdeDE\xfa0\x910s\xcfG\x00\x1fYt\xfbv\xef\xe9\x08\xdb\xd3)\xb4\xe9\x92\xc1\x7f\xfc\r\xc0\xba\t\x0c\xb3{\x02!\x01p\xfa\xad7\xbd\xc1\xcd\x0c\x87\x15^\x92\x018\xf9\xc6\xb9l\x00D\xfe\xec\x9c\x87VVJFZ\x1c\xcdp\x00\xf8\x8a\xe0V)\xee\xbc\xcb|\xb3\xdc\x0b0Dcw\x8f\xa1\x0f\xc1V\xb9jG\xe1\xee\xedV\xdb\xfb\x07l\xbd\x8eZ\xfbH\x91\xcdA\xcbn\x8fu\xbd_\x98\x9d\xe2N\xd3\xceHv\x10\xb1\x84\xc7$\x1d&amp;\x9f\xa4\x08\xc5%[V@\xce\xda\x93\x01\xf4[t\x9d\xa1\xcd\xc6\xc3\xf6\x10\xa5dh\x90\x88\x00T\xe9\xbe\xce\xee\x9bS.\x020sn\xfe\x04dm\xf0)\xbc\x83\x1b!\x83\xbc\xab(o#T\x8a\x86\xcc\x1fj\xda6L1\xed?v\xde\xae\x00\x06,\xb9\xc9V\x86\x01\x08U\x00@\x9c|\xddx\xeb0\xe1I\x93\xe1{U\n\xfc\xe1\xd26+\xd1z\xb1\x12\x0b\x19\x93\x16\xeb\xef\xea7IC\x86\xd3o\xf1\xc2\xc9\x96\xa5\xee\x06&amp;\x1c\x89\x91\xa3#[\x83n\xca\n@\xcb1\x87\xe4\xd9\xb4[+_\xc6 \xeegP\x16\xcf\xfb\x108\x0e\xb0d\xcf\xf7S\xe7\xad\xf3\xd4*\xd8T\x1d\xd5\xae]\x82F{bvS\xd0\xec\x96\x8f\xac\xe5\xc6T\xa4v\xbf\xad\x8fY\xbf\xa0\xcc\xd0\x9a\x89\t\xb9\xddh)\x94H\x13\xd6\x16\x1e3g\'&amp;\x9a\xbc\x89\x87r\xfb&gt;\xc7NS\xf8&amp;]\x85\x11R\x8d\xb8\x11\xe0\x97\xbcA\xbbI\'(\xb0\xb2\x0c\x85&amp;\xee)\xd7q\x85&gt;n\x1e\x06\x02\xc8\xdfp\x96\xbaNbW\xd1\xc7\xc1\x9a\x98\xf8\x18\xc1\xbd\xbc\x0efa\x18\x13\'\x97w\xae\x020\x80\xd0\xa9\x1a\x8b7\xbd\xf0\xf0W7\xddb\xfeF\xb3~\xf3\xed4\x03\x85eW\x03xjP\x89\x88%\x00H\\\x0e\xc2\x93I\xbd\xde\xdb_v\xf2\xb7\xc6\x01x\xda\xce\xb7"R\x19\xf2\xc6\x89\x89\x89\x04.\xfc\x1b\x14\x18t\xba\xe6\x16\x11\x11\xdd\xfc\x05\xa2\x84\xbcU8\xc7\xb1\xe7\n\xc8\xd6\xde\xf2e\xe2\x90ic\xe7\xac=\xc5U7\x17&amp;u\x13\xd54\xaa\x08\x80\xd7\x00\x111}N\xa9\xdf\xddc\x94\xe1n\xb9\x00\x8e\xbc5/\x7f\x15\xe0kO\xe8\x8b\xb5X\xa0Rm)\xd5v\xa9\xae\xee\xc4\xcc?\xf4\xd9\xa2\'\xa9\x8an\xd6_F\xe9\xb6\xcb\x12\x16\xee3m\xe7;\x15\xdd( S\xd5\xb1\xbc%\xb8\xc4Y\xa0\x15\x08\xad\xb5\x14\xadh?\xe9\x84\xed\xbf;\xefX\x1a\x8c\xa4\x19yq\xab\x01\xf8d\xdb\xd8\xa2\x96Q\xaeM3*t^\xc5[\x02[\xc2\xf3\x16`b\x10\x12\xd5\x96\x11#\xcb\xb4\xff\xc3c\xae\x81Ko\t\x01/z\x0e\xe9\xfbu\xaa@\x81F\xb35\x1d\x10&lt;\xd3\xcd\xd0\xc3-ZlC6t\xc5]\r\xbcx\x19\x89\x8b\xf6u\x98\xca\xe7\x92U\xe7\xec\x9fp\xc7+\xd0C\x1d]\xec\x11\xb6r\xe2\xad\x82-\x1e^\xfdw\xbf\x8c\x8c~\x00\x90\xa80\x9b\x97PM\x98\x00\xa0h\x0bQ\x9b7\xaf\xbdh}R\xe7e\x8dK\x1c\x9d\xa7\x9f\xb5\xfb\xe6\xc0cw\x05Q\xa0\xd1\xec\x99\x8aW\xcf\x91Z\xd6\xef49=\xbe[\t\\\x03\xa0b\x97\xd5n\x12&lt;\x02J\xb5]*\xd2Z\xa6\xaac\x01\xb4\x19\x7f\x8c\x812\x0e\xe4\x15Y=\x00\x0cX|\x83(\xbd\xda\x82\x94\x91\x92(\x01o\rl\xd0\xac\xe5Z\xde\x17\xc8\xa5\x81/o%{\xcdI\xb6\xff\xce\xda#,\xb9\x81&lt;\xf5\xa7\xf3\x92$\x15EO\xcb\xba\xcc8\xe7&gt;\x81\x9b\xf5\x11m\x86*~J4@\xce\xc2[\xaa?\x0f\xb6\x1c\x9a\xd9\xba\x82a88\x9d\xbd\xf7\x93\xd1\x878\xd6\xfd\xa6\xcau\\\xe1&amp;\x99p\x98\xda,\x82&amp;\x9b\xc6\xc3\xf6\x18y\x13\x08\xad\x81\r)K\x0f\xbe\xf0\xaf\x93\xa2\x03\xc0|u\x01_ B\xfa\x16\x86\xee\x16$0v\xc3S\xd9SXm\xab \x11\x85J\xd1\x90\xb18\x1d\x90\xb2\xf4\x10\xa7\xdf\x03\xa8\xd3\x7f\xbb\xc6bTEd\x8dOWa\x84p\xc6\x1b\x0f\xdb\xa3\xd0c\xc5\xce\xab\x8d\x1e\x80mp\xb7\xfb\xf7\xb9\x8fbG-\x15:\xf1}\xa8\x1c\x89\xabw9\xfc\xf97\x97\xdb\x95\xe1\xecz?\xc7\rK\x84\xc7+\x95\xba\xacq\xccl\xe2\x91\x96c\x0f39\xa7\xfe)\x1b)7\xa2"B\x05\x923\x97$AMk\xfd\x1b\xbe\xea\xbe\xf6w\xed\xcf}\xe0\xd9q\x03Zm\x8c\x98\xac\xfe\xd9\x0f\x00\xd0l\xd4\x01\xf5\x9cH:}\xe1\xd26\x05P\xb4\xb9\xa8\':\x06\xc4/dg\x9a\x8a\x88\xa2ek\xa7\xa0nGM]vhp\t\'\xab\xef*]\xdc\xfc\xdd\x01P\x9c\xaar\x1d\x19\x00\x00\x7f\x07W6\x06[\xa3j\xdf\xf3X\xfd\xbaO\x90\xba\xec0o\x19\\\x1a\x91\xa4\xaf\x01\xa2\xccE\x9a\xcd/\xdc\x94\xd5\xc6\x88\xcc\x89_CL\xf5\x15S\x8d\x04#\x9am\x9b#\xb8\xd3|_\x91\xe0\xab\x9c\x1a\xbd7\xc5+\xd0Sm\x7fB\xe8\xd5\xa0\x8b\xe1\xd5\x8b\xe9\x10\x00\x9b\xaf9y\xa4\xa2\xa4p\xf25\x9c)\xf2&lt;\xc2[\xdf\xa8\xb6 \x94@\x83\xc1;7\xfd\xc5\xac\xb2\x99UW\x9fL\xde\xf6\x1a\xc2\xda\x12\xae\x07\x9d\xea\x91\xa1\xd2h\x8a\\R{\xbf\xd2\x00\xe0~\x19\x87\xc0\xdc]DV\xee\xde\xf3\xaf\n\x1fZ\x8f?\xca@\x99k\xac\x1d\x99\xa4%\xa5\xf4\x8f}9\'\xaa\xa5Y\xcfb\x06`+*\x15\x85\xc5\xa6\x87{\xbc\x00(r)\xb6\xae\rM\xb2\xe2\x03D^\x00T\xeb\xb9A\x03=\xba$p\xc0\x92\x9b\x14\xaf\x1ao\x19\x8eD\x86u\x1fC\x1e\xb5\xbaf\x9f\xcd\xda;%"j\x18\xbc\x96\xaf\xfb\r\x80\xb3\x8c\xdf\xf4\\u5\xac\xe1\x1a-b\xb36\x18\xe0\xf4@\xc2\xa7k\xa6\xea1\xdaY6\x03\xb0-\xa3\xd6&gt;R\xc5n\xc2\x9a\x1e\x93\x98\xa7\xc0\x9ex\xd5\x00x\\\xa0\xe6\x01\x00\xc0:\'N/D-\xad\x8d\x9f\x88\x19Zt\x9buA\x1b_2\xc8^sbs5\x9f\xa0\x19\x91\x0c\x06\xeds\xefhrK\x96(&lt;4{\xca\x1b)\xc4}\x92\x189:\xae&gt;\x8f\x8b\xff![\x8d\x89bv\xa3\x92\xc7\xdc\xfd\xff\xd9\xfek)\xcf\x8c*\xb931\x91I\xf4\xf2"\x97v\xd9vSJ\x9f\x10\xbeX\x8eZ\x93\x89\xc2\xca\x17\xe6\x89Y{?i\xd6\xbb\xc6\xc9\xd7m\xea\x9fb\xd6\xf54\xd1\x07\xc2\xb6\'\x00\xc6\xb9\xde\xcdP\x87&lt;C\x08\xd4t\x95\x9b\xe3\xe8\xe4\xd4[\x8cY\xffDK\x8f\x00do\x9ddbbG\xe2\xa2}\x89\xf211\xc5\xbe\r&amp;\xadg\xed@~2\xde\x84;\x18\x8d/o\x8cx)\xe5\xe5\xc4\xcc\xd5\xc9\xcd)\xd9\xf7Pf\xfd\xe0{\xa6C\xc6_f2j\xf7\xdbjVp\x17\xb2/\x00\x00 \x00IDAT_\xee\x94\xef\xb4\x12\xc0\x8c]\xefy\x0b\xa1\xa2-\x16$q\xbd\xcb\xa7\x89t\x92\x02p\xbbo\x9b\x18\xd2\xb1P\x12`\xd7\x87L\xdc\xf2r\xda\x9fo\x0b7\x9dG\x14\x83\x85\xfd \x00\x10\xf9k\xf8\x0c2\x0f\x80\xb3\xef\xcdN\xcc \x14i6_\xa8\x7f\xff\x93\x18x\xb8\x0f\xb5\xac-\xe7=#\x19\x96;\x01J\x9e\x85\xc7\x08*\x96\x80\xb2L$\xf9&amp;\xf6\xe3\xaa\xb0\x859*ad\x84\xf1\x8c\x01k\xccp\x9f\xcc\xf11M\xaa2\xce_g\xd7\x8c\xf5\x97\x95\x16i\xa8\x94\rc\xe5\xeal\xfd\xb7\xd9HY\xcf\x14\x93\xd4\xbd\r{~\x8a\x1d\xd6g\xb5\x15 \x06yW8R\xb3X3v\x9by^^^\x9f$"\'\xbf\x11\x8ag\xaa2&amp;]\x85\x91Bm;\xffQ\xec\xf9n1\xfa \x80Qk\x1fQ\xac\x8a\xaa\n\xf4\x88\xa0\xfc\xafo\xcc\x020Q6%\x162U\x19\xc3}\\\xa2kD\xec\xaf`\xdb\x03\xb2\xda\xe1\xc0v)\xef\xed\xb7@\x94Ad\xc6\x02\x8df3\x11\xc0\x9aP\x96q^9\xc7\xdf\x8a\xb5X\x08\xe0\t@\x94Z\\8q\x89\xf7]\xfd\xb7\x19\x7f\xb4\xef\x82\xbf\xfa.\xbc\xf6\x1e JR\xb6\xc3\nk\xf9\x08\xbb,\'(\xd4\xcb\xb6\xd0J\xb4^\xec\xccL\x12\xf75y\xff#|\x06\x88\xb2X\xbfIX\xb8\xb7T\xa9C\x97\x87X\x7f\xde\xecU\xf4\xc3\xb5\xef\x18\xb2\xfc\x8eR+A\xcd2l\x11\xa9Mt\xe4\x9a\x87\x00\x94\xec\xba5i\xeb+\xd9yU\xc5+\xd7\xf0\xd2\x0f\x1e\xeb\x98P\x0fw\xdc\xc6\xb5oh1\xe6\x10+\xbf;\xef\x06\xfb\xcdUg\n+\xb3\\IM\x14\xd5\xd5o\x95\xba\xae\x15&gt;T\xec\xb2ZI\x00\xd6\xed~h\x92\x10\x0e?{\xcd\x89DD\x14X\xac\xc5\xc2\x06\x83w\xda\xfc\x1e\x95\x92\xd4\xb1\xbdE\x11\x90\xbd\xbd\xb5\xd0\x1e\x01\xb2\xe6g%\xbb\x1f\xb2\xd83U\x19\xdbq\xeai\x05\x07!m\xf7\x8b|\rf\x94n\xb7L\x89;\x137HnP\xad\xc7\x1d\x01\x10&amp;M\x88\x19\xfc\x8b\x8e~\x07@\x14\xd6z\x11,\xda^2\x00\x8d\x82_pr\x81_~\xa76g\xef\xfb\x97\xd7h\xae\xdf\xc2\xeb\xee\x13\xb8+\x87$uW\x9f7\x07\xa1\xa2\xc8]o\x9a\xbcN\x1f\x80~\xae\xba\xc2\xa5m\xc6[\x02\x1b\x00\\\xfb\xee\xa3U\xd7f\xfc\x91[J\xbe\xf4\xa3\xd7=&gt;\xf3\x0eG_ gm\x99#6\x8b_\x7f"Zs^\xcb\x1bc\x89\x01\xdc\xfc\xe5\xa3g\\6\xddg_\x14\x99\xd2]\xe7f\xf7C\xd84M\xac\x19&gt;;\xc9\x13@q-omGwr;\xcb\x15\xcdF\x1d\x10\xf3\xa6\x8a+\x95\x00R\x96\x1a,\xde\x9d\x96\xcc\xd9\xf7/Qv\xc7\xef]\x14z\xa4\xe9^q\x95\xc0\x16%W]\xe2\xd9\xfb@\xed.&amp;\xb2\xca\xf6MT%`\xc6\xae\xf7B=\\{AfU\x89\x9b\xbfG\xfdA;)Y=\x19y\x95^i\xc4\xac /_\x92b\xfd\x00\x94i\xff\x87|\xd7\xbe\x07\x80\xe5\xa7\xc5\x9e,\xf7\x9d\x9b\xf3\x9d\xb4]e8\xfb\x1e\xa1R4$\xf2\x8b\x91\xb3\xa3\xcd\xd79\\&lt;~K\xb6\xec\xe4/"\xdas\x1f)J\x0e\x12)\xd7;\x10\n}\xfb-s\\\xe9\x91\x14\x14\xa7\xaa\x06\x01X\x85\xb5PL$"7H\x08\x99\x99\xc9\x08I\x91f\xf3\x10\x12%\xd6\xcau\\a1\x92\x83\x95B1\xb8\xb8d2\x91\x89\xfbj\x00\x80B\x15\x10i\xea\xe6/\xd7\x95*U\x99\xa1\x12\x859\x12!_\x83\x99%\xdb,q\xf8&gt;,\x85*\x00\xa0\xf5\xb8\xa3\x9at\xaf\xfaB8\xe4\xf8\x05\x9d-\xfb\xec\x97_s9\x06@\xe3\x1a\xe2k\x15R\x0f(\xe9\x07,y\x19\xaf\x80q\xe8ip\xdcu\xb5\x83\x19\x11\xf9%o\x90\xac\xc4\x001\x06W\x9c\x0e6\xe8bN\x96JH\xdb4:u\xd9\xa1\xea\xc8\xf0\x0c\x80\xaf\x92\xaaA\xf4\xf2~)\x1a\xa8&amp;G\xc0\xfeBT\xab\xfe!A\r\r\x9c\x08\xdb\xb7\xee\x7flvy\xfa\'j\xc6\xca\xa3]\xfc\xc4\xf2}Gu\xf0\xb8\xb7t\\\xeb\'3\x00kN\x1akd\xcaSoZ\x92b\xfd\xc4\xe4Ys\x01#V? \xa2\xd1\xeb\x1e\xd7\x1d\xc0|\x1f\xcfDb.|\xb3T\x1b\x0f`\xd6\xde\x8f\x14\xbd&lt;E.E\x14\xe8&lt;]@9\x8aX\xc2\xba\x12\xbb@\xfb\xc9\'\x89H\xe1\xae\xe7\xcc\xa9\xd6s#\x80Rm\x97zJ\x18\x8fbWf\xee=R\xa6V\x92Z\x9fP\x92\xc2&lt;\xb5\x90\x13\xe2\xe4\x90\xa9\xcaX\x85\x16\xf4E\xb7Y\x17\x00\x9c~\xe7\xa6@\xd3Y\xab\xe3\x91\xe7\xa2\xca}\xea\x8e7\xac\xe4\xa9\x81\xf7n\xa8GD\x147\x7fwg_\'W\xbc\x1e\x82\xea\xd8v\xa3\x93\xb7\xbd&amp;\xa2z\x03wX\x7f]~Z\xf85\x8d\xf5_\xb6\xde\xfb,\xf8+E\xa9Ad\xce\x8dw\x8d\xb5\x1fx.\x9c\xa9X\x95x+\n\xee\x9a\x9a\x8f&gt;\xe8&amp;]\x9ar\xc3\x88\xf2Q\xa2\xdaD9l\xdf\x17rLH\x14\x17!\xf1K\xde J\xe66\xcc\xa5\x8b#\xbe\x8b\xef\xfdD\x85\xc0H%\xad+\x1e\n\xaf\xab\xd9\'\x88X\xe2\xac\x9a\xbb\xbb\x8e^\xf78\xe8S\xcc\x8a\x1e\xc7In(\xdfi%Y\x97jWaH\xc1\x8d\x01Kn\n\x85r\xe2\xb5\xf3r\xb9\xfe#D]\x14\xb97\xad\xec\x82\xd6\x06\x9d\xcb\x93\x8a\x8c\x97\x0e\xd5\x03\x00\xc5\xad*)\xfd\xfaK \xa2a+\xef\xd9\x9e\x17\x00\x14P\xcev-~\xe1\xd7,\xd5\xc63\xd5\x1b\xcc\xd5/\x82\xf7\x88e;,W\xc9\x85\xa1\xb1v\x02S\xb6\xff\x93\xb3\xf6\x14\x00\xfe)%\x8cT&gt;\x03\x93\xb6\xbdVI\xd57\x80(\x13+\x9bB\xac\xb2\xe57@\xd1\x82\x16\xdbY}\x0eM\x86\xefc\xe5\xcb=3v\x7f\x10\xb9 \xb6(,3p\xad\xadl\xf1\xb1\x1f\xaa\xf6\x84-\xc7\x1e\x0e\xfe\'l\x91.3\xceI\xca\x0e\x80(:\x11\xc9\x9b\x16g\x00\xac\x1b\x86g\xad\xee\xbc_\xb3\xab\x88\xe2-\x03\x18\xf2\xc7\xdfbR&gt;\xf4\xa2X\xa8\x0e\xccz\x16-\x88$m\'Nk\xbdz\x15\xa2\x8e\xc5\x03`\xf7\xac\xbdl\xfb\xe5\xaav\x16?\x8d5,\x0b\xac\x0c\rw\xd1\x10\x96\x0b\r\xee\x07\x12\xd7\xb1\x9c,\xb1S\xc7\x87\xad\xbc\'\xac}\xc1\x88H)J\r\xdax\xd5\xa2\'\x14\xcbi\x19)J\x0e\x82\x03\x96\x8b\xe0\xd0A\x1e\xa3i\xb4\xf8\x9d\x7f\xcaF\xda8\xd2!\xe9+\x8e\xb2\xbeN\x06\x0f\xb7i\x8d\x89Mdu~\xaf\xc3\xb6\n\xde\xfa\xad\xc5\xf1\xeb\xe1\xfaC\xf3\x8e\xd8\xe9=\xb1\xb0\x9f\x00\xa2\xbc\xfa\x8e\nI\x01Hz\xa5\xcd\xa9\x05\x87A^\\\xed\x8fZ\xea\x10S\x06\x07\x9f2\xb4\xef\xff\xc7\xc9\xdfJ\xf2\xd7\xe8\xbd\x89(:\x80{"\x8e\xbaH\xf3\xf9v\xa3\xf0q\x1b\x9fiPb\x8e\xc4\xca\xd5\xb9\xdf\xa2\xebvu\xa6\xff\xe2\x1b\x0c]8F\xdf\x93\xff\x80(4\x11\t\xed\x11\x96\x85\xb4L\xd4\'\xba\xf0\x87KeS\x1d\x00y\x1b\xcc\xe82\xdd\xe5\x9d\x01\xdbZ\x98\x9a\xc1\x8ckO$\xae\xc3\xbb\x94Sj\xef\xb2x\xcb\x85\xae~j;\xe1\xb8\xfej^B)\x89=\xcf\xedt\x16\x80\xc9\xfah\xaaz\xaf\x8dR\xf5\x01P2\xe3l\xe1\xe1\xaf2r\r\x16w\xbf\xc7#b\xce\xf5dv\xf7r#\xa4oA\x94HT\xd2\xb8\xf6\x1b\xbfO\xda\xfaJ\xe3\x9ay\xf2\x1f\xc7\xe0\x08\x04\xad`\xc5\x8a|\x8e\xf67\\\x81e%\xb2\xf8O\x00\x98/(j\x8e\xfe\xbaA\xadh6r\xbfv\x07\x1f\xb3"\x8fR\xce&lt;p\xe9-\xcd\x9dJ@\xe4\x1b\x14\x1aP\xac\xe5B\xf7\x95!Vn\xdbe\xebS\t\x89\xb3\xd6\x98\xe0\xc6f\xc8\xe8\x1b\xcd\xee\xd7=\xf7!u9I\x17o\x8f\xa4\xb4u\xe7*\xaf\xb08\xf07\x0f\x950&gt;QZI\x92\xd8\xe2L\x7f&lt;\x0e:4 T\x81\xfaA\xf3f\xfd\x92\x95\x18\xe8&lt;\xfc\x8a\xeb\x9d\x9a\x0c\xdf+\xcac\x84bN\xedw\x9ev\xd6z\xc3\x7f\xe7\x1d\xfc\xed\x9b\xc1\x80\x1f\x1c\x03\xb0\xc5u\x1cw\x89r\xd7\x9b\xa6\x95\x1eUI\xcdt0+\x82$u}wle\x83\xc8\xb5\xbe+u]\xeb\xbe\xcb\x1b\xb4\xec\xb6\xed\xbf\xcdF\xee\x17\xb3\x8e\xb9\xf8nT9\x9b\xfeB\xf4\xec\x1d\xdc$\x18\xb1\xfa\x81\xdb\x89\xb2DD\x8e\x1b\x93$\xd5\xcd\x9a\x9a^F\xa8\x94\r+tZ\xb5\xef!\x0e&gt;q\x13\x7f\x9d\xd6\x9c0\x14\xbe\x18Q\x8a\xd0\xa9\x1a\ti\x12\x16\x125]\xd1\x95\x8b\x1c\xb5\'\xb3=4\x13\xd1d\x85\x92W\x98\x12\xd7\t\xf1o\x94\xd2\x92r\x07=\x15\rW\xd4m\xaa\xf0\xc5\xa4i\xb20r\xcdCy\x19\xd5\xc0?eC\xc0\xfa\xb8E\x0b\xb4\xec\xfa\xf5\x8c\xf8\x8b\tk\xb2\xc0&lt;]\xd9\xf9\xcfc\xe8\xb3 \xac\xbe\xce[\x85\xd7R\xad\xe7\x06w\xb1\x17\x80\xb3\xc5\x903T\x1ae\x97\xa6r\xb7\xb5\x9e\x9dY\xe6\x979R\xaa\xedR\xf5\xd6\xf32\xf1\x80\xb3\xad\xc0\xe4"oM\xbd\xa4.\x7f\x01\xf0KV\xfb?\xfc\x1c\x00\xd2\x94\x1b.K\x90\x1ad\x04\x90\xbf\xe1L-]\x1a\xba\xebg\xc5\xb2\x93\xbfE\xc6`\xf1\xa1Z\x12\x86:\x0bq\xed\xfe?\xfdNk\xf1\x08\x9e\x97\xeb\x03\x04V\x9e\xb9\xe7\xa3\xc7\x18&lt;l\xe5\xbd\x90\xd9\x02\xac?\x89\x99h&amp;\xd0d\xf8^7.\xea\xf4g\xbe\x96\x88\x89Qp\xbd\x18\x8b\xec\xce\xab\xd9\xa8\x03\xbcz\xbd\xac\xd5\xc7s\xecp\x8d\xd3\xd7k\xc7\xec}\x9f$\x05\xe0wL\xcb\xb0\xc5\x98CF&gt;)\xe9\xb4t&amp;\x94\xbf\xae\xee]\xb9\xa2\\\xc7\x15\xccl\x85w\xfet\xd6\xcd\x88\xb0\xff\xe2\x1b\x00\n5\x99+\xde\xc9\xf0U\xf7\xdd\xd8?\xf5\x86U\x15\x8dy\xdfYm\xd7v\x1b+O\xcfY\xbc\x82\x9c\xeaoH\x1a]L\xbfib\xc5,.WD\xcb\xda\xcec\x9a\x85\x87\xbf\n\xa5\x17-\x9b\xe7\xc4&gt;\x83\xf5}\xdc\x0c\x1a8\x13\xca?Y\x89\x81r\rd&amp;\x8a%q6\xbbt"\x14g\xdc\xca\xc2\x14\xf6\x18\x80C\xce\x01\x94C\x81\xc6\xb3\xdd\xd8\xff\xeb\x9b\x93y\x822HVb\x80c\xc9\x08w\xa1\x9c%O\xaa\xdc\xa3\x14b\x12e\xd6\xd6\xa3\x04f\xef\xfbD\tk\x8d^\xf7Xd\xd5\xea2\xe3\\\x84\x0c-\xd4\xd5d\x9d\x9d\xe0\xe9A\xb1\x8e\xc8Xe\x0c\xb7\xa5\x0f\x02\xca\x02\xf8\xe3\x94/\x05\xe0\xf8\xd5]\x17u\xf0N\xef\xee\xd7\xf33q\x05\x80\xa0\xed\x84\xe3UW\xd9U\x12\xbf\xe4\xf5\x89\xb2N\xda\xfaJ\xb6\x89i\x7f\xbe5\xe6\x004\xab\xc7\x00\xbc\xfb\x9e\xe2\x83JX\xcb\xbd\x8bZ}\xb7\xb28\x16\xf1\xc4\xfb\xa6\xd5\xc9\xea=\xef\x8a\xf505p\xa7\x10\x11KakHP\xa9\xb1|R\xad.6g:\xaa\xe7\xd4\xac\xb19y9\x9dM\xd3u\xb5\x04\xabR\xf25\x98\x193Wg"j=\xee\x88\xc6\xaf\xb28N\xfd\xcdQk\x12\x99w\xe3Y\xa0m\x9f\x15:F\x0e\xdb\xbdDi\xc6\xee\x0f\xe2w\x17\x17(\xd2|~\x9f\x05\x7f1U\xe5\x19\x00\xb2\x97\xd9)\xd3\xee\x8f\xe2\xad\x16y\x0c\xc0\x00\x88")\xd4i]\x1f\xd0)\x0b\x0f\x7fu\xb9\x9d\x83\x9e8\xfaRr\x85\x0c*\xc0\x845e\xe4uJ\x8f\xd9\x97\x98\xd8\xf1B\x98\xafe\xef\xc8\xdc\xfd\xff\xb9\xf9U\x0fC\xad\xc8\x99[[5\xb0ZH\xc1=\x15\xbb\xac\xd6O\xc0\x13v\x1d\x00\xf0\x06 \xa2D\x85\xfb\xf0VdT\xea\r\xdcA\x89kk\xe6\xce\xae\nqoG"\x01\xd0C\xe2@\xc1\x96\xd2m\x97\x8a\n\xc01\x94lZ\x1cD\xab\xb1\x87]\xd9OT\xa4\x0fQ(\xe5.\xd4\x87\xf3\x0eN\xfc\xabe\xe4R&lt;\xbd\xbbB\x9bB\x11J\xdf\xcd2F\xe5;\xae\x040c\xf7\x07\r\xc48#L\xc8Q3\xc5\xcd\xdf]\xd9~\xe3\xe2=\x17\xd6\xc2\x8b\x14\x00\x8cY\xff\xc4\x10\x9d\xb8\t\x19\xf7\xa6\x85\xbf\xd8-\xd0]\x90LL\x00\x06@\x94X\xb9\xd8\x7fC\xda\xac7p\x07\x91\x1fQl\x1d\xb6_}\xc2=\x00\x03\xd8v\xd3\x98-E9\xb6\xb1\xcdM\x1a\x8f\xd7\x9d\xae,\x8c\xdf\xf4\\\xbe8\xa2\xcb\x9f\xedZ\xac\xaf\xd3t\xe4~\x00\x14\xa7\xaa\xc4|\x81\x7f}3K\xcf7\x89\x97\xa2\xe4 I\x19\xdaN8\xa6\xd0e\x8d\xde\x9b\xc4\x05`\xa9\xf8\x95n\xb7,w]\xfb\xb5\x8cB\xda\xb4\xce\x19\xf6\xd2E\xc7\xd4\x80\xeb`E\x17}\xfb\x89\x7f@\xd1\xcah\xef\xd7\xa6\xe2\xa6Rf\xc9\xc9^@\xc7_;oi"\x8b[qs\xf5N\xda\xc8\xe9\x1f\xf3\xa9T\x80\xa9\xcb\x0e\x9b{\xc0\xdd#\x0c\x13\rp\xb9$g`e\xa1\xed\xec\xb9/\xe1\xec\x0f_u_\xb1\xa2\xd8\x1e\xa3o\xc5.\xabeY\x8ee\xf7\xbfC/\xa1\xf4\x8en</t>
        </is>
      </c>
      <c r="E247" t="inlineStr">
        <is>
          <t>&lt;class 'numpy.ndarray'&gt;</t>
        </is>
      </c>
    </row>
    <row r="248">
      <c r="A248" s="1" t="n">
        <v>246</v>
      </c>
      <c r="B248" t="inlineStr">
        <is>
          <t>steps_per_sec</t>
        </is>
      </c>
      <c r="C248" t="n">
        <v>3600</v>
      </c>
      <c r="D248" t="inlineStr">
        <is>
          <t>5.313139</t>
        </is>
      </c>
      <c r="E248" t="inlineStr">
        <is>
          <t>&lt;class 'numpy.ndarray'&gt;</t>
        </is>
      </c>
    </row>
    <row r="249">
      <c r="A249" s="1" t="n">
        <v>247</v>
      </c>
      <c r="B249" t="inlineStr">
        <is>
          <t>Loss/localization_loss</t>
        </is>
      </c>
      <c r="C249" t="n">
        <v>3600</v>
      </c>
      <c r="D249" t="inlineStr">
        <is>
          <t>0.037786294</t>
        </is>
      </c>
      <c r="E249" t="inlineStr">
        <is>
          <t>&lt;class 'numpy.ndarray'&gt;</t>
        </is>
      </c>
    </row>
    <row r="250">
      <c r="A250" s="1" t="n">
        <v>248</v>
      </c>
      <c r="B250" t="inlineStr">
        <is>
          <t>Loss/classification_loss</t>
        </is>
      </c>
      <c r="C250" t="n">
        <v>3600</v>
      </c>
      <c r="D250" t="inlineStr">
        <is>
          <t>0.294525</t>
        </is>
      </c>
      <c r="E250" t="inlineStr">
        <is>
          <t>&lt;class 'numpy.ndarray'&gt;</t>
        </is>
      </c>
    </row>
    <row r="251">
      <c r="A251" s="1" t="n">
        <v>249</v>
      </c>
      <c r="B251" t="inlineStr">
        <is>
          <t>Loss/regularization_loss</t>
        </is>
      </c>
      <c r="C251" t="n">
        <v>3600</v>
      </c>
      <c r="D251" t="inlineStr">
        <is>
          <t>0.03493248</t>
        </is>
      </c>
      <c r="E251" t="inlineStr">
        <is>
          <t>&lt;class 'numpy.ndarray'&gt;</t>
        </is>
      </c>
    </row>
    <row r="252">
      <c r="A252" s="1" t="n">
        <v>250</v>
      </c>
      <c r="B252" t="inlineStr">
        <is>
          <t>Loss/total_loss</t>
        </is>
      </c>
      <c r="C252" t="n">
        <v>3600</v>
      </c>
      <c r="D252" t="inlineStr">
        <is>
          <t>0.36724377</t>
        </is>
      </c>
      <c r="E252" t="inlineStr">
        <is>
          <t>&lt;class 'numpy.ndarray'&gt;</t>
        </is>
      </c>
    </row>
    <row r="253">
      <c r="A253" s="1" t="n">
        <v>251</v>
      </c>
      <c r="B253" t="inlineStr">
        <is>
          <t>learning_rate</t>
        </is>
      </c>
      <c r="C253" t="n">
        <v>3600</v>
      </c>
      <c r="D253" t="inlineStr">
        <is>
          <t>0.0799973</t>
        </is>
      </c>
      <c r="E253" t="inlineStr">
        <is>
          <t>&lt;class 'numpy.ndarray'&gt;</t>
        </is>
      </c>
    </row>
    <row r="254">
      <c r="A254" s="1" t="n">
        <v>252</v>
      </c>
      <c r="B254" t="inlineStr">
        <is>
          <t>train_input_images</t>
        </is>
      </c>
      <c r="C254" t="n">
        <v>3600</v>
      </c>
      <c r="D254" t="inlineStr">
        <is>
          <t>[b'640' b'640'
 b'\x89PNG\r\n\x1a\n\x00\x00\x00\rIHDR\x00\x00\x02\x80\x00\x00\x02\x80\x08\x02\x00\x00\x00\x83\xaf^t\x00\x00 \x00IDATx\x9c\xec\x9de`\x14G\x1b\xc7\x1f\x9c\xa0\xc1\t\x01\x12\xdc!Xpwwwwwwwww\xf7\xe2\xee^\\[\xb4X\xd1\x02\xa5}\x81\xfe\xdf\x0fs\xb7\xd9\xbb[\x99\xb5\xbb\x0b\xe4\xf7%\x97\xdd\xd9\x99gwgG\x1f!\xf2&amp;n\xff\x87\xaf@\xabqG\xcd\xca\x10\x00\x80\xcb\x9faJ&gt;\x0c\xedWG1X\xba\xf6\x02\x8b\xf4[t\x83(\x01\x11Q\xec\xb2\x94\xa4\x06\xcfEs\x0f|\xea:\xf3\x82\xb5\x82)\xd2d\xf8&gt;\x00\xe9\xcb\r\xf7\xa0\x0ca\xe8\xa0@\xe3\xd9\xce\x87\x92\xd7\xf1\x84 &amp;s\xf6-\xcc\xfdx\x8b\xb7Z\xf4\x17@\x14\x9e\'q\xd5\x1e\x1b\xc6lxbb\xe9a\x98\x8a\xaf\xfdG&gt;\x0f\n\xe1\xed\xcc?\xfc\x05\xc0\xc2#\xff\x18\xcc\x87u\xbd/uu\xc0\xc5Z,\xbc\xfa\xc5\xe8\x08\xc0\r\xbc\xd13\xb60\x93\\u\xa6t\x9bu\xb1\xe3\xd43\x9e\x15#\x0c\xad\xe4\xa89\x913e\xca\x12\x03\xc9\xbf\xa6\xa5\xc2x\x9a\xb8\xca\xa7cgo\xc7\x99\x11ks6^\t\x05M\x87*e\xdb\xaf\xf0\xb4\x08V\xc1^S\x99\xf6\xcb=)A\x85\xce\xab=V\xbc[\x08\x99\xfe\xa6\xa8or\xd6\t\xabh\xbf&amp;\x8e\xc92\x10\x11\xd1\xff\x80g\x1a\xfa`\x95\x86FL@\xb1\xfe|\t\x83\x882\x01HZ\xa87\x7f\xe6\xa6\x10\\w\x9a\x9bK\xd4\x07\x80\xaa\xdd7xZ\n\x9d\xe4o4K\xd7\x02Rh\xe27\xa0\x93\xa9#\xc8\xf4\xe5\xc3\x16\x84\xbc\x1a\xd1\xcahfOJ\xa0\xef\xda\xd4\xa5\x87\x18.?@\xf7\x95#\xd7&gt;l:\xf2\x00gb#\xb7\xa9\x88W\xad`\x04{\xb6\xf8f\xa3\x0eZ\xf6\x9c=O\xd4\x8c\xcd\r\xe6\xe0M\x0f\'\x9efa\x02\xeaV\xea\xba\xd62y\xc2\x08\xc3\x03\x08\x1d\xf0=O}\x98\xe5;\xaej7\xe9\xa4\xd3\xc1\xe8\x99[\xe9\xc8*w\x9d)\xea\x89"\x17\xd9t\xd5\xa4[\xf5-7z\xfdc\xa2&lt;\xa2CJ\xdb3\xc6\xf7\x92\x1d\x89\x117WG\xa2\x8cDD\xb1\xca$-\xec\x86i_L\xeb\x8b0B\x86\xf1[\x9e{S\x1fc\x05i\x8d\\&lt;b\xcd\x03"?\xc9S\xdf\x00\x00\x93\xb6\xbd4\x92\xbf\x16"\xfc\xe8o*\xd4 \xb9~\x139]S\xb7\x0b\xe2\x85\xa4\xb4\xba\x80\x0c\x15F\x02\x18\xbc\xfc\xae\xd5\x05ic\xc0\x92[\xb7\xff\xb3\xe4\xe3|\x07P\xf4\x12V\xe4LDE\x9a\xcf\xb7(gI\xe2\xe5\xea\x04\x80b\x95\xa9\xd9gK\xd6\xaac]\xceG4\xa5\x94a\xab~\x8b\x9a\xa1\xd9\xc9?\x01`\xe5Y\x10\x91\xcev\xd3\xb7\x9c)\xf2\xc8\x11.e\x03\x03\x9an.\xf8\xd7\xa8\xd5w\xab\t\xf9\x98\xcaKS{\xacj=7\x02 \x8a\xfcF\xa4$X\xbb\xdf6\x13\x8b0\x8b\xc0\xe2\xfd\xc9\xa7\x98\xa7\xa5\xd0I\x93\x11\xfb=-\x02\x17G\xfe\x08\x1b\x0f\x85F\x12U%"\xa2\xec2\xa7\xa5G\xdc\xaa\x0c[\xf5[\xe5n\xeb\xf4]\xab@\xcf\xb9\xbf\x9a\x9e\xe7\xcf@\x87\xc9\xa7\x01\xb4\x9ft\x92\xf8:\xe0\xe4E\xfb:\x1d\xd9v\x13\x14\xab\xb4\xea\x85\x89\xf2u#\xca\xa9OH\x13;\xe0\xa4\x85\xfb\x00\xc8\xce\xad\x1f\xe4.R\x12Q\xb4L-{\xcd\xbb\xa2;\x8b\x81Ko\x03(\xd4tn\xb1\x96\x0b\x01\x10\xa5&amp;\xd1\xa3;\xff\xde\xbcA\x8ci\xe4c"u\x99q\xde\xd3\x92\xe8\x81\r[\xc3\x08\xc3\nr\xcd=\xf0\xc9\x8a|W\x9fG\xb4L-\xad\xc8\xd93\xc4)\xef\x9er\xd2\x94\x19\xd2|\xd4A\xf7\x94e:\xd7\xfe5\xd4\xfa\x03\xd8\xf0\xabi\x8d\x9d\x97uB\xe6\x90\xb1\xe2(\xf6\x84\xd7\\\x90\xbd;\xd1|X\xfd\t\x18\xdf\x99\xe6 \xb2&amp;\x91~d\x12T\x9ew\xf0\xb3\xa7\x85\xf0"\x86\xac\xb8\xe7U\x9a\x01Y\xab\x8e\xf3\xb4\x08\xe6Q\xa2\xd5""\xf2\xb8j\x8fG\x88\x9b\xab\xe3\xd8\x8dOu]\x9aRn\x96\x9f\xbch_\xa2D\x06\x84\xb2\x90\x08\xa9\x1bQ\x94\xa2\x85\x9a\xcc5\xd2\xc8\x06\x14\xed\x97\xbf\xe1\xac\x14%\x06\x9a"\xd2\xb1\x17Jb\xd4\xec\xb3\xc5\x94R\xdc\xc9\xa8u\x8f\x00T\xeb\xb9\x91(\x9aB\xb29\xfb?j\xe8\xedb\xaa\xafj\x186H\xcd\xc9\x84\x99\xb9\xf7C\xbc\xdc\x9d\x8ce\x15\x86\xf9\xbc\xfd\xc9GEa\xfc\x90\x00\xa8\xdek\x93\xa9Y\x065\x1c\xba\xc7\xd4\x0cM\xa3Z\xcf\x8dE[, \xdb\xbc3\xab\xee|\xa6\xec\xfc\x13@\xdc\\\x1d\xcd\x13\xed\x07a\xeb\r[\x9f:b\xcdC6iP\xa8]\x96N7\x01\x10\xa5\xd1tI\xbe\x063~\xbe\xb9o,O\x0b\xc0\x8b\xbd\xaa$\xf7\xb4 \xaad\xf3\xb4\x00a\x84\x1e\xdaL8\xfe\r \xca\xa1\xf9\xca\xf0\x05\xf4\x96\x99W\xef\x85b\xf4\x18\xb4\x95\xed\xb0b\xe0\xd2\xdb\x1a.\x88UF\xf2p\x844\x8d~\xd8%\x93\x04\x95uo\xca\xc0\x05"JYb`\xb8\x94\r\x14\xae\xe22+\x08\xc3""\x16\xf4\xb4\x04\x1a\xf0\xb8\x1f\x9e0t\x13\xc3\xd3\x02\xf02j\xdd\xa3\x18YZ{Z\nKI\xf3\xc9\xf0\x87\xa4g\xe6\x94\xa8\xea\xb0U\xbfq;\xdc`d\xfa\xc1\xc6\xb3Q\xd27\xb3.s\xa9\x0e8\r\x87N\\b\xa2H\xd6I\x15\xc6\x8f\xc7\xfa\xcb?\xfd&gt;\xbd{Ih^V\x89\x8f+\xee\xbay\x9c\x85G\xff]t\xf4_OK\xa1\x87z\x03w\x0e]y\xbf\xa9\xab9\x04\xf3\xcc\x15P\xd7\xc4\xb2\x84&amp;^\x93\xc2yp\xddi\x00(Ra\xd5\x94\xa9J\r\xd6/\x9c\x12&amp;\xd6d\xef\xc2\xb5\xf7eL\xd9\xf1\'\xcf\x85DI\xdc#g\x18?\x06\xa1\xa5\x03\x8e\x15\xd4\xd6\xd3"\x18\x06@\xc6\x8a#=-\x85\xdb\xc8b8\x87&lt;\xeaI,`\xc9\x89o\x19+\x8e| \xf3a,=\xf9\xdd\xdc\xe2\xfe\x00\x16\x1f\xff\xdag\xfe5\xfeK\xd6_\xb2\xf5\nO\xcc\xf8z\xd7\\\xc0G \xb0\xb8\xa6)\xb5\x1bIV\xdb\xe5PL\n\x97\xdf\xa2\xd2\xe4:\xe0\x96c\x0eK\xa6g\xaew\x85d\xeb/\xdb\xde\xc8\x92\x13\xdfBK\xdb\x1a\x86\x1c\xc3W\xff\xbe\xf1\n6_C\xc1&amp;s,*\xe2\xe2_\xc8Y{2\x7f\xfa$\x05{j,!\x9c\xc6\xf4\xa1\x86GZ\x97\x0f\x01\xac&lt;\xf3\xb3|\x93#\xd6&lt;\xf0\xb4\x08\xa1\x87p\xf9\x9e\x02\x91\xd35\xe1M\x9f\xb0\xb2\x89\x8a?,\x9f\x0c\x15F\x18\xcf\xca\n.}t\xeb2\x9d\\\x07\xbc\xfc\xd4\x7f\x9c\x89\x85SDQ\xdd&amp;v\xa8"\x14-\x12\xe4!J\xbb\xe7wDH\xdd\x88\x88\x88\xa2\x9b^\x80\xd6\xaf8J\xfa\xa6J\xa7\x15\xd5\xec}2\xb6\x90\x1a\xce\x86V\x0e=\xc5\x81Gf\xb6\x0c\x99L\xccK#\xc1D\xc1\x86\xb5\x8a\x12\x9b\x1a\x19-\x99yYy\x11r\x8e~\xaa\xf5\xd8\xc8\x1ff#r\xba\xa6D\xe9\xbe\xda?\xdd\xef\x80\xd8T\xc6\'c\x0bM"\x85M\xd4\xc4\xcc=\xf8Y\xaaO\x8dBq+\xb8\xa4\xf5S\xe8\x80\xc3\xd0N*\xa7\xffG\xaf\x7f,\xfcV\rm\x94\xbd\x86U~`\xa2g\xd1\xe3\xeb\x97\x93*\xdd\xd7k\xaf3\nN|\xbd\xca\xdd\xfd\xcf\x856[\x05k0\xc7\xa1\xa32%Z/~\x03t\x9ev\xce\reY\x83\x86\xe8F2$\xf1\xc9\x14\xd2\xcb\x06U\x9f \xfcn3\xe1\xf8\xd6\x1ba}\x80!\xc4\xbdi\xe7\xe9\xb2\xd5Ln\xae\\\xb9\xab\xf9&gt;\xe9~l\xa6\xee|M\xe4\'\xb1``\xf3\x1b\x18\x86\x13^\xea\x9f \x8c\x9f\x88\xce\xd3\xcezZ\x04\xf3\xf1/\xd4\x8b/\xa1\xc3R\x980\x82.\xd9f\xc9\x86_A\x14\xdfl\xb9~.\x84\xaet\xf1\xb1\xff)\xa7,\xdfq\xd5\xa8\xf5\x8f\xc3f\xc0a\x98\x8a&gt;S\x97\x04^\xe0\xee\xe6\x87\xddoV\xa2\xd3\xb4\xb3\x94\xf4\xc7\x8e\xbc\xad\x87\x88i\x1a{Z\x04\xabp\x8a| 4\xfa\xf3\x0e~6{\x83\xedg\x1ck\x0b]\xe9#\x87\xdeT\xb4\xba#\xd2?\xef\xb7\xe8\x86\xb8\xf7=\xff!\xac\x03\x0e\xa5x\x89b\x7f\x12\x8aY\xca\xd32\xe8&amp;\x83\xa7\x05\xf0\x0cJ\xae\xf2~b\x82\xf4]6d\xc5=S\xc5 \nQ\xb5\x90u\xbb\x91 \xb8\x8b\xe1Bb\xca\x07\xf9\xd0\x89E\xf3\xb9|\rf\xb6\x18}\xc8k\x95qT\xa7\xb31\xb3\xb5\x11\xb7\x92a\xd3_o\xc2u\xfa\x18\x93\'\xaeI\xe5n\xeb\x94\xe3\x9aT\xef\xb5\x89"\xe8v\xda\xc3E\xad\xbe[-\xacE)\xeaY\x92\xadQ\xfcbfk\xe3i\x19\x8cQ\xa7\xffvO\x8b`\x8c\x04\x95=-\x01\x11Q\xa4\xb4v%d\x7f\x93\x97\x13bdm\r`\xeb\r\x10%\x95\xf3\xd5\x90\xaa\xd4`\xc1l\xfa\xc2\x07\x10Q\xc5\xcek\xcc\x15\xc3\x05=N\xb8\xac#n\xce\x8e\xde\xd3\x8d]\xb7\x07\xba\x900\x07wA\x10\xbbP\xd3\xb9n\x90-\x0c\x8f\xd0h\xe8\x1e}\x91\xd75\x12`}\x11\xdeC8\xf6\xe1D\xcb\xd4\x92(\xb1\xa7\x85\xd1M\xd4\xd0\x1a\xfb3\xf4\xe3K\xe1\xd5\rR\x07/\xbf\xcb\xd3\xaf@d\xc1\xc2H\x94\xaf\x9b\t2\x86\x1aryO\x07L\x8e\xf3Z\xf1\xfaD\x82&lt;\xe2\xb5\x8a@!\xcd\x89\x97^!v\xa8%\xa3\xa7\x05P%\xdbO\xba\xc7i%\xde\xf3\xbd\xffh\xac:\xf7#?V\x00CV\xdc\xeb\xbf\xf8&amp;\xa7\xc6\xc4\x84-\xcf\xf9\xf7\xa4Y\xa5\xac\xda}\x83\x01\x01C\x1fn\t\xd5\xa7\r\xe6)\x901m\xd7\x1b"*\xdct\x1e\xc5.KD9jN\xec1Gt:\xac\x11\x91B\xfcXF\xae}\x14P\xb4\x1f\x8f\x8d\\\x87)\xa7\x9d\x8e4\x1c\xc2\x15\x16e\xedE\x0b\xdf\xc2\xf6[,\x82\x82\xafb\xaa\x90\x80\xeea\x0e\x9fy\xb0\xfc\xdb\x89\xc1\xbb\xa1\x1e\xf0\x14 \xf2\'\x8ab\xa14?\r\x1ac\xb0\xfb\xa9\'!\x12\xcc$X\xa8\x1c\xa2\xf4Z\xa5""\x1e\x15\xe5i\xbb\xdet\x9czf\xdc\xa6?8s\x0ck\xfd\xad\x03\x1cxZ\xc6\x1f\x9c\xe4E\xfb\x02\xf8\xf5o\xa4)3\xe4\x95\xe7\x9e\xf6\x07\x80\xa2\x16#\x8am0\x9f\xcc\x95G\x9b"\xcf\x8f\xc1\xd5\x7f`\xd0\xe5\xc3\xcc=\xef\xcd\x11\x05\xc0\x92\xe3_\xcd\xc9\xeb\xa7\xc7\x0c\x9d&amp;\n\x97\xca%\xfaM\xf8\x02\xa9K\x0f\xee0\xf9\x14\x7f&amp;E[,\x00\x10\\w\x1a\xff%\x00N\xbcb-;\x9f]u\xa0\xaa{\xeat\xe1S5\xe4\x17 \x0c\x8189;$+\xdc\x07\xc0{\xa9\xae\xb7\x93\xa3-\\\xb4L\xda\\\xa0\x84B&lt;\xb0C\xf9?\x00@!\x03\xce M\x1f$\xb1\xe5\x10}L\xd9\xf9\xdaDI~\x08\x02=-\x00\x11\x11\xad\xbf\x8cW\x00QnO\x0bb.\x11\xbcy\x8a\x10.e\x03\x00U{l\x94&lt;\xab\xa9\xd7\x94\xa4\xf3\xb4\xb3\xac\xa5~\xca\xfd\x10|s\xb4\x17M\xad\xcc\xd9s:\xfbV4QKX\xc5\x94&lt;-#\xc8@\xa4\xa3\x08\xe6\x89!\x17\xae5\xd2s\xa5W\xe9\x19\xef\xe5^N\xb6j\xe3\x8c5\x02\xf1\x06/\xbf\xab\x9a\x88}2wC\nJ0~\xf33\xe1\x94\x81\xd2\xad\x86-\xbfq\x19Am\xb9\xee\xcd7\xa2\x88oY\xb93\x00\xc8\xb7\x9c;e\xd1N\x8c\x92g\xdf\x85\xd6G\xef\x85{{"\xa2)\xae"\xfa\x18/\xc0\x9e\x7f\n\xae\xd4\xb1\xcb\x10Q\xb1\x96\x0b\xad\xf0:KD\x94\xb02\xaf$\x1e \x1eE/AQ\x8b\xea\xbf&gt;W\']\xd7\x99\xe6\xb1\xd9\xbb\x1b\xfa\x1f\x16\x00\x14\xa7\x9c\xeb\x8e\xc0\xdf\xf6\xdf\xfd\x17\xdf$\n"JN\x14K&amp;\x8f\xbc}\x16\x88\xa3\xa1\xa4%"3&lt;\xd6\xa9S\xb8\xd9\xbc\x86Cv\xf3\xd4\x9c2\xed\x97\xff\x90\x15\xcc\xfe\xd6\xf4\xed\xe8\xb9\x0b\xbb7\xf0PM\x1cO\x0b I*\xa2\xb4\x92Fr\xb9\xa4B\xac[\x17db\xd2\xb6\x97\x99*\x8d\xb2(s\xf7\xe2\xaf\xe3\x9a\xdd\xf7-\xdaO\x8d\xed\x9ef\xeb\xdbO\xb7%\xacs\xbd!a\x9e\xae\xa6\x8a\x11~\xec\xc6\xa7\xb6\x9f\x8e\x91\x06D1\xb3\xdd\xd1\x95\xeaf\xe7\x1d\x89j\x03`\xf2\xf6W\x16\x94\x96\xc3\xd0\xd5)\xea\xfb\xe6ho\x92$!\x00X&amp;\x15\xec\x84\x8b\x88\x05M\x95%\x0c/"\xb2{\x8bS\xd7\xcfR\x89\x85\xe2-\xe4\xd2sQ\x92\x1a\'^Y\xd2{]\xffWs\xb6\xaa\xb1\xa1\x16\x1f\xff\xea\x14p\x13a\xe1\x8f\xf4Ro\xe0N\xdd\xd7\xb6\x1a{D\xf8\x9d0oW\xbe\x05\x1e\xf3\x03\xbd,;\xf9\x9dk\x0e\'\x1d\xc3[\x9f\xefI"J\xef\xee0\xbd1J\xcd\xdc\xfbA\xf2\x8cY\xa3\xcf~\x8bn(\xc7tr$\xed\x8d\xffy\xd0\xf9\xae\x06A\xc3\xd0B\xe2j\x9e\x96\x80\x88\xc8\xba\xa8\xb7\x96R\xa0\xd1,O\x8b`5~?\xc0d\xd7\xbfP/\xa2\x04:.&lt;\xf8X\xff\x8d\xb7\x9ftr\xc1\xe1/.\x87\x8d\x04\x82\x0b\xd9w\x07\xe0\xf5\xfe\x1c\x14\x02\x19\x85n \n\x86m\x90\xee\xb3/\xf1\'\x9e\xb4\xede\x9f\xf9W\xf5\x15\x14\xbb\xff\xe2\x9b\xfa\xae$\xa2\xba\x03v\x18\xd7\x89\xff!\xf1\xfa\x961\x13\x9fK\x9d\x94\x95\xba\xacUNQ\xa6\xfdrS\x04r\x0b\xa1UAI\xb2:\xfd\x00\x1d\xb0n\xb6\xdd\xd4\xaf+Z\xb4\xc5\x02\xe5\x04\xd6\xc5\xfe\x8b\x9a\xb1\xb9\xed\xadE\x96\x9c\x86z\x1d!\xbe\xf9\xdc@\xb4\x12&amp;e\x94E=\x89\xd9\x94\xeb\xb8\x92\xfd\xe8\xa1\xa5\xe7f\x84\x85o\xb4\x02\xde-\x9f\xcc\x95\xc7\x08/\xcfk\x88D\x81lC\xda\xbfx\xcbE\x1e\x96E;Q\xd27\xdbyGS\xcf\xe4\x86A\xa4\x92\x8f_\xddpw\xc0\xd9\xac(\xdd\x83\xc4\xcd\xd5\x913\xe5\xfe\x87\xae\x8f\xc8\x93s\x86\xfd\x0f\xf1\xa3\xa8Y\xb8\x97\xe8%\x89\xb2\x1a\xcf\xc6\xd5\xc5\x8aYDL\xd3\x98(\x9d\x9b\xc6\xc45zovG1?\x01\x00\xae|\xb1\xe8\x9d\xe9\x08\xae\xe2\xe0&amp;:v\xf6vC8\xac/\xbc\x8c\x14\x0b\x8f\xfc\xf3E\xd3g\x90\xb4\x96Z\x8a\xb0\x8d\xd50\xc2\x90 O\xfd\xe9\x1c\xa9\x8c~&gt;\x91\xd26\x06\xf0F\xef\x92\xcf\xe0ew\xba\xcd\xbahP\x06&gt;"\xba\xa7\x03N\xf6\xd3\xae}\x19\'N\x8e\x0e\xa2\xff\x82\xaa\xf5\xdc\x181\xad\xee\xa8\x85&amp;\x0c\t\x15\x18\xb4\xecN\xcb1\x87\xed\xb3aCxs\x90\x80\xf2\x9dVyd\xd9\xca;\x90\x8e\xcc\xe1v\x98\xb2\xa11\xfdX\x83D)\xeaz\xac\xf9\xa8\x83\xe2\x7fK\xb6^\xe2&amp;a\xdcK\xca\x92\x83\x88\xf2\xca\x9c\xccD\xc9TG\xa8\x0c=\xdb\xf9\x1a\x88^R\xdfu\xdf\xf5\xf4V\xd1=\xdc\xc7\xfd\x15\xd6\xc5ZJ\xc4BD\x94\xa9\xd2\xe8\x98Y\xcd\x88\x84\x15[\xd6\xc6\\\x1f\xd5z\xda\x1c\x83\xb4\x1aw4l\xb0\xe5A\x8a\xb7\\\xe8i\x11\xdc\x01\xf3|\x12X|\x80\xa7\x05q\x06\x00\x91\x1f%\xaaBD\xd7\xff\x17\x9a\xac\xbcf\xef\xff\xe8\xde\x02\xa3\xcc?\xf4\xb7{K\xe4e9\x97}Q&gt;\xc77\x9b\xb5\xfe\xa0_\xac\x12H\x1d\xdfr\x00~\xda\xe0\xc6a\xf0{\x81\xfe\x01\xe8-\xab\xc1h\xed\x02\x83*5zo\xe6o\xee\x13\x04w\xe1Q&amp;\x88\x9a\xc1\x9b\x9d\xd2\x98\x85\xe9\xde\xec\xb5f\xe8\xb5\xaefB#\x9a\xad\xbd\xab\xf6\xd8\xd0n\xd2\xc9\x1es.\x13\x11\xa7\xfaE\xf6\x1a\x13\xc6lx\xa2\xb5 \xeb\x08\x0e-\x03=\xf7\x91\xa8j\xa8\\\xa8\x8cR\x94\'\x18\xb8\x11bek\xcbZ\xa8&lt;\xf5\xa7{\xbd\r\x86\x04\x00$\xad\x08\xcc\xb3\xf7\x17\x96\xe6|M\xcaP\x0269\xfb\xf6\xd3\x7f\xb6\x00\xfe\xe7\xd6\x87\x90\xc1\xa5\xa9\xd4e\x83\xae\xce\x8ffoR\xb9\xdbz\x8eT\x91u\xf7D\xf5\x07\xed\xe2O\xdcl\xe4\x810\x17\xd9^\xcd\xc9W(\xd0x\xb6\xd6\xab\x16\x1f\xff\xfa\x00\x18\xb6\xea7+D\xe2s\xd3\x91Z\xb9\xdd?\xfc\x87\xd1\xd6j\xc9\x89o\x8d\x87\xed3\x98\x89\xf9$\xac\xcc\xa1]EDD\xd1K\x1e}fJ\x93-\x1d\xb8b\xe3\xaf`m\xc1K\xb3;\x86s"\xef\xb0\xac\x03\xae\xd0y\xb5\xb9EH\xa2\x12\xd72Y-JR\xc3\rb\xb8\xd2n\xe2\t\xc9U\xe2\xa1+\xef\x13%\xb1\xa8P\x00\x14\xb7\x82\xfd\xbf\xac1\xb3\xb66%\xdb\x96c\x0e\x9b\x92\x8f\x01RZ\x9c\x7fL\x8b\xf3\x0f%\xb4\x19\x7f,q\xbe\xee\x9e\x96\xe2\xc7\x04@\x93\x11\xfbcesv\x16\xd3y\xfa9"2l\x9d"\xe7\xaf_\x0bzU\x1b\xdc\xc9?\x1a\xf7\xde\xbcj\xaf\x0e\xc0\xaf\x9fA\x16X\x87\xe7\x17\xf9\x1b\x19\xbe\xfaw/\xb8\xeb\x8c\xe4\xd1\x87\xef\x05N}C\x14\x91\xf4\x86\xff\x8aJ\x89\xaa\x9a$\x8c4\xed\'\x9d\x02@\x14O)Q\xe8\xf1\xc0\x13/W\'\xebFW\xee!\xad\xa7\x050\x83\x80:\x9e\x96@\x82z\x03w^\xff\x1fbgo\xe7r&amp;w\xca\x92\x03\xdd\xd0N\xb9\xf6\xfd\xa1\x92\x18\xa5\xb4v\xc0\'\xadq*\xa9\x03\x00KO|#\xa2*\\kn\x86\n\xb24\x7fE"8\xae\xc7x\xca3\x9f4\x11\xd24"\n\xb6\xb6\x8cH\x85\x01\x14\xb3Ji.\xee\xaas\xc2\xcb\x8d\xb5\xec\xe4wc\xb9\xa5\xbf\xf8\x11Z\x1d\xe3\x97m\xbf\xc2\xed\x83u\x95\xd0\x93LE\x14\x00Q\xf6\xd2\xed\x96Y&amp;FR\xe3Y\xdc3\xf1\xdbl)\xf2}\xea=L\xd8\xf2\xfc\xa1\xd7Lz\xbc\x80\x18\x00,\xd0F\xb1\x84\xb1\x9b\xfe \xdfrnu\xbb\xe3Ff\xed\xfd\x90\xb6\xecP\xf6\xbb\xcb\xf4s\xc7^\xf0\xd4\xd2@\x1d\x05\xcd\x97\xf0\xb0\x18F\x08CV\xdc\xf3\xb4\x08J\xf8\x17\xea-{.b!\x88\x82s\xdb\xd7\xcf\xbc\x91\xa9;_\x9b\xbe\xd5"\x00 Q\xben\xe2\x7f\x19qrv\x90\xb4"S`\xfa/o\xf9\x12\xc6\x9e\xb1\xe7\xbd\xa6\x9c\x7fN\xa2-:\xf6?\xa2\x9cf\xc79\t\xad\xc4\xc9\xd9\x01\x80\xe5\x96y\x86\xc9\xdfp\x16\x11\xe5\xa97\xbdb\x975\x00|\xe4\xe2\xc9K\x85\x8a\xe2&amp;\x03Q\\\xa2T\x06r0\x939\xfb?\x9a\x15e\xd9\tM\x0el\x7fB&lt;\xbd&gt;\xaf\x82F\xf7mr$"\xa2\xa8\x19\x9a;\xab 9\xfa\x96\x1f\xb4\xec\x8e\x19e\xb9\x93\xb8\x006]uxD\xac\xf7U\r\xd5\x0c Wm\xe7\xb0rBe\xd8\xff\xc8\xabk\x85,Q\xd27\xe3w\x08\xe76\xa2dh\xe6W\xa0\x87\xa7\xa5P\xa7b\x975=f_b_\x8b%D+\x0e\xc0\xe5QDJ^\xb4o\xc5.k8\xed\x86\xbd\xa8\xc1\x8a_\x89\x88\xea\xf4\xdf\xae\xe3\xd2\xfa\x83v\x95l\xb3$[\xb5qf\xcb\xe4]\xd4\xee\xb7\xcd\x8b\xdeW("j1\n\x97\x9f"\x16\xd2\x17\xc2\xd2DR\x96\x18h\xe4rQ\xe8C"JQ\xb8\xd9&lt;\xc5\xe4\xda\xd6\x9fE\x1aa\x1e\x88\xe8Z\xa1\xd3j\xfbR\xb3\x9e\x00\x94\x89\xf2vs\x9e\xc5&amp;\xae\x1a\xf2\xb1\xf8yG\xd8\x1bN\xea\xf4\xdfQ\xaa\xcd\xd2A\xcb\xee|\xf5\xbc\xc6\x07/\x85\x9a\xcca?j\xf5\xdd\xeaz\xb6\xef\xc2\xebn\x95\x86\xa8\xc1\xe0_\xce\xbd\xd7\xf3\xf4\xe2\xe4\xec\xa0\x9e\xc8F\x8e89;|p.""\x91\x1f\x7fq\xa5\xda.\xe5O\xfccS\xa2\xf5bw\x15\x95D\xffg\xe5_\xd3TIL\xc3\xbf`/O\x8b \x87-4\x90^\x85)-\x84hJK\xb0\xf3\x0e\xb6\xddr_s\x1a\\o\x9a\xecq\x9f\xe2\xb2\x97%\xacb\x95@\x8a\x08K\xcd\xfc\x97\xa4.=D\xe9t\x84\x82\x00\x16\x1c\xf9\xc7\xa8d\xee&amp;V\x19\x88\x08-\xee\x1av\xff\x06[/\x9b\xa8*\x11\xf9dl\xa1T\xc9\x1ci4to\x8f\xd9\x97u\x87\xfe\x96\xa4N\xff\xed\x00r\xd6\x9a\xac\xf5\xc2&amp;\xc3\xf7\x13e\xe3\x9c\x08\xe6o8\xcb\xd1\xed\xa5fln\x80\xc2\x08\xbd\xebT^@@\xb1\xfe\xe6\xa8\xebKQw\xc0\x8e\xd02\r\xa08\xe5\xd5RX\x1b(\x905\xda\xff\x02]\xa6\x9f\xbb\xf1\xd5+\x1e\x1ag\x03\x05 w\x9d\xa9f\x16\x1c\xb5\xd8\x885\x0f9\xde\x88\xf7\xb1\xec\xd4\x7f\x00\xe6\x1f\xfa\xbb\xf5\xb8\xa3N\xea\xf2&amp;?#\xaba\xd1\xaf\xa2\xa9\xf6\xc4QdBX\x1b y\x9dw@O\x9b\xa3\x16N\xa2\x12\xd1\x9e\xdf@D\xba5-\xa3fhN\x14)\xa9\x82\xae\x874\x1ev\x08\xf5\xc3\x11DD\xde\xbf=o1\xd9\r\xe7\x90\x81\xe9]o\xbda\xac/\t\x97\x7f\xe8\xca\xfb\x86\x85\xf1~\x12\x01h?\xe9$QL\xa2\x94\xaa\n\xc6\xa1\x85\t[\x9e\x03\xe86\xf3\x82\xa7\x05\tC\x17\xdf\x00\xff\x82\xbdT\x1c\x0b\x98N\xbc\x8a\x00\x06.\xbd\xad\xe5\x1aIW\xe9AZr\xf0\x03\xe0\r\xeev#\xa4i\xc4\x9f\xd8\xbf`/o\xb3i\xd1M\xe2\xfc\xdd\x01\x9c{\x07\x8a\\\x84\xf3\x92K\x1f\x01\xc0\'c\x0bJ^\xdbR\xd9\xe4\x89fM\xb6r\xae\xffy\x01\xb0\xf0\xe8\xbf\xc6\xe5\x00\xb0\xf9\x9a\xe9\xd3\xc1l\xe9\xcb\x0f\xe7K\xe96g\x14:\xc3\'\xaba\xee\n\x99\x8f\x8ek\xf25\x9ci\xaa\x0c^\x80\xda\x06\xbe\xb7\x93\xb7\xfe\xf41\x1b\x9e\xf0\xe9\x0b$&amp;J \xb2\xb1s\x1bzl\xcb\xea\xf4\xdf\xa1\xbb\xbc\xf6\x93O\xd5\x1d\xa0\xffr;&amp;\xb4\x17\'\xb8-t\x0b6\x9e\r\xe0\xe4\x9fHYR\x8f~\n\x00\x8anV\x94os\xb0oe\xf1\x86\xfd\xc9Qs\xa2x\xf7Ky\xab\xd2\xb8\xef\xcc\x98Y\xdb\x10e\x12\x1fQ\xb2\x8d1@\xcd&gt;[\x88R\x1b\xc9\xe1\x97\xfb\xa8\xdacC\xe4tM\x993H\xdd!\xc5\x1a\x0e\xd9-\xfb\xf9G(\x18\'G\x87\x83\x8f\xc1\xf7\xb5Z\x1bW\n\x80\xd3R\x1c\x80\xab\xff\x80\xd3\x07\x05\x80\xb0\xa5,M\xfc\xa8\x91\xaf\xdc\x81O\xc6\x16bs\xb1\x1f\x83\x82\x8d\xe7X\xbd\xdd\xb5\xfa\xbcJ\xdfP\xb8\xa9\t#\xb3&gt;\x0b\xaeI\x1e\x1f\xbe\xfaw\xd7\x83\xb3\xf6~p\xb2=\xe0\x07\xc0\xca\xb3^\xb1\xd7e\x90\x02\x8d4\xfb@\xd5\xc7\xe6k\x18\xb0\xe4\x96{\xca2H\xe7\xe9\xe76^A\x91f\xf3)i\xad\xea\xbd6\xa5)3ToN\xe9\xa6\xec\xf8\x93\x88\\&lt;\xbdg\xa2\x80\xbaD\xb4\xff\xa1z\x15\xb2\xd2\x0b\x84\r\xa7o\xbf\xfb\xecKpD\xfd\xf2\x88\x85\xac\x140\x8c0\xac!\xb8\xae\xb4\xc6\xa0\x14\xdebl\xaa\x8f\xf6\x93N\xaa%1!\xcc\xcb\xc8\xb5\x0f%\xbb\xf97|\xc3\x8b\xf8\xc1]\xb4\x88\x91\x8d;e\x18\x9e\'z\xe6V\x9c)\x1f\x01\xcf\x81l\xd5\xc6\x1d\x7fil\x8c\xe5[\x0e\xc0\xe8\xf5\x8f\x13\xe9t\xc7\xeb\xe3)?\x88pA9\xb1\xdb\x043\x83X\xfc\xf1pC\xdb\xad)\x12+[[J\xee\x8d&gt;\x1d=\x80\xf6 \xbb\t\xf2t1\xb1\xfc\x88Z\xf6JC\x15\x92\xaez\x93\x14o\xb5\x88;\x87\x1fv1\xed\x05@1\xad\x8d^E\xe4C\x14\xcbX\x0e\xbe\xa6\xc8\xe1\xca\xb6\x9b\xbc\x8d\xe9\xbe\x07\xa65\xbbs\x0f~\xa2p\xf9{\xcd\xfdU\xead\x8er\x1dW\x06\x16\xef/u\xca\xc3&lt;w\xe9\x80w\xdc\x0e\x8d]\x91\xf4\xf0\xe5\x1f\xeen5O\xbd\xe9\ng9W\x92c\x07\xb9z\x0bV%\xa4\x15\xaacxw/\x0eQ\xb6\xf3\x1fP\xbb\xdf6\x0b\xbdC\x98On\xeb\\_\xfd\x01\xd4\x1b\xa8!\xa0\xd5\x8f\x8e\x89\xd1\xd0$\xb2Z|\xfc\xeb\x81\xc7\xe67\x1f\xd12\xb74#\x9b\xa8\xec\xcf\xd9w\xb0\x0fO\x8d\xab\xb4D!\xa2\x0e\x93O\xb9\x1c\x8f\xa1x\x95\xc5\x0e\x8d-\xe6\xda?\xbc\xd6\x9c\x95\xba\xaeU&lt;\x1f)s\xe5\xd1\xa6\x88\xa4B\xa4B)K\x0e\xaa\xdek\x93;\xca\xd2\x8eS\x07\xcc1\x845Y\xf99^\xeeN\xc2\xef\x8b\x1f\xb1]\x8f)sh\x1dL\x03\x10Z\x06\xe3\xa4\x1e\xb7\xe9\x0f\x1d\xf6\xce?0\xaf\x81\x08\xa9=6\x07\xcdTi\x94\xa7\x8av"b\xda\xc6\xf6M2sh3\xfeX\xd6\xaac\x9d\x0e\xa6)3${\x8d\t&amp;\x96b"\xab\xcf#e\xc9AD\x04`\xf9\xa9\xffL\xcd\x9bW\x1b\xcb\xcbHK\xf6\xd6\xff\xec[\r-\x06\x7f\xf3\xb2\xf9\x1ar\xd7a\xee\x03\xe3e\xae&lt;F\x9f\x94\xa3\xd6=\xd6w\xa1\xa5\xa4)\xa3\xe8#\xc2\xce\xc8\xb5\x0f9\x9f\x15\xff60\\\x82 \x018\xfb\x0eD\x91\xd6_F\x92\x82=59&lt;\x88\x96\xb9%\x00\x1d\x9e\xa4\xc4\xddv\x18\x8cXD\xb4\xf2,\xf6=D\x82`3\xd7QC3\xcas\x91\x9f\x1aI\x9fb\xfd\x17\xdf\xe4\xbbZ"D\x04\x00\xcb,^\x8cR\xa9\xcb\xdaFC\xf7\x12\xe5\x05@\x14\xd7\xd3\xe2x\x0bs\x0f~\x06P\xb6\xfd\x8a1\x1b\x9ep_\x94&lt;r\xfa\xa6\\\t\xe3\x94\xbb\xfa\x0f\xe2\xe5\xee\x04\xe0\x89\xce)A\x80\xa0\x82\xc7\xbf\xb5\xec\x04\xeb\xb4\xfa-\xba!\x9b"|\x01\xa2t\x9a\xf2\x8c\x9f\xbb3gBs\xe3\xd4\t\xfd\xf4\x8a\xd3\xcea\xa4\x0f&gt;f}sbKg_k\xce;e\xce\xee\xce\xd3\x1e@K\x0er=\xb8\xff!bdq\x8d\xeb\x1c\xdd2)\x12{\xa5?L\xf5\x00\x17\xc9\xed\xc3\xe40\x8c\x93\x8b?\xa9\xeb\xa2\\\xb2"}\x01\xcc\xe4\x88\x1cR\xba\xdd\xb2\x82\x8d]\xd4z\xa3\x16\xe3/]\x07OUZ\x96\xb4J\x95-Z\x895\x17\xdc\xb12\xf4\x05\x1aL\x84\xbd\x01\x17_\xa7\xaah\xeb\xab\xc862\xd3i\xe1c\xdb\xbb5P\xb5\x00d\xab6\xde\xf5 \xf3$\xe5\x1c\xf0\xc0\xbb\xb9\xf0\x97D\x1d\xb6M\x8b\xe3Wd\xff\xe6m0\xc3J\x11\x02\xa5\x0eF\xd0\xe8\x11\x81\x92\x17\xed\xd7p\xc8n\xe3\xd2(\xfb\xe1\xaa\xd5g+\x7fV\x05\x1a\xcf\xb6\xb2{v\x17b\x1fO\xbe\xd9\xdb\x8fX\xf3@9}\xf8\xd4\xd6{p\xfdiHSf\x88\xb2\xe6a\xed~\xdb\x1b\r\xddc\xbc\xa0|\rg\xba\xae\x98\x1d|bm\xf7\x16=sK"\x9aw\xf0\xb3\\\x02\xc5\xfd3_J^\xfb\xe677l\xcd\x98\xe9\xf1\x94\x03\xf7N&gt;\xb4k5j\xc1MA\x02"\xa7k\xc2jo\xe4\xf4M\x01\xe4k\xc0\xed\x05\xc2%\x98\xaej\xfbf\x01\x11\x9d\xfe7o\xdb\xd1H\xd0\\\r\xfe7\x0e&gt;\x81g\xe3\x96j\xb58\x0f\xaa.\xdaYS\x8d\xdc\xa4\x88\xb5\xaeJ]\x88\xc2\xaf\x08g1:\x876\x00(|\x01sE\xb1\x94\xa8\x19\x9a)\'p\x8c\xb8\xa2\x9f\xc2M\xe7\x01\x10\x1b\x90\x185&amp;\xb1\xd3"$l\x0b/\xe9\xca\r[|\xfc\xab\xee\x12\xab\xf5\xdch\x9d\xafc)\x0c\xf9\xaf\xf8Q\xf9\n,&gt;\xfe\xbfi\xbb\xdeX]P\xd4\x0c\xcd\x0c\xf7X\xb67\xf8\xbb\x17\xb4ok/*v\xc0\xd1K\x90\x8f\xb5KS\x8c\xf2\x9dV\xb9\xa1\x14-p\x99/^\xfe\xac\xfa\x06\x1d\x03\x8f\x86\xe9X\xf1\x93BOt\xb0L\x8e\xcb,\xa1Lgu\xd7=\xce\xbaa\xb2\x9e\xbcB\xb5t\xc3*\x9fov\xa3\x0e\xa4v\xdd\xd5\xf6YM\xde\xfe\xca\xf5\xe0\xc0%\xb7\x0b5\x9dkP\x92\x9f\x16\x00\x93\xb7\xbf\x02\x105Cs\x0b\x8bIR\xddm\xee,\x1e\xbb\xab\xa1.\xdcl\x1e\x80\xeb\xff\x93(\xaeV\xdf\xad\xc5[\xf2\x1b\x07\xea\xb7\xb9\xb7\x7f&gt;ns\xcci\x06\xbe\xe5\xf4\xf4\xa7\xad\xc7\x1dSK\x92S\xafD\xa1\x850=\x1aCh\x0c#\xa1\x8dv\x13\xc5\xce@4\xc7\xe6\xf3&gt;\x15\xc2@\xa9\x83A\x92I\x83\xaa;o7z\x8ep\xeaI\xcc\'\x81\xee \r5zo6W\x147\x92\xef\xa4\x92sV\xfd\x8e\xd0\xef\xf1u\x0f\x11\xd36\x06\x90\xaa\x94\x83.\x12\xc7\x85F\xbdy\x8b\x11\x9e\x80\xe3\xf2rd\n\xacW\xb1\xf3\x1a\xa7\xc4&gt;\x19[\x98X\xb4\x11L\x9e\xd0F\xcd\xd0\x1c\xc0\xd2\x13\xdfL\xcb\xd1\xed\xec\xbeo{\x1c\x0f\x80\xa9l=*jQ\xf9\xe4\xce;"a8\x90\xac\xb6\xd1P3\xda\xa9\xd9g\x8b\xe3\x01m\xb3m\x13\xbf\x87I\xdb^\x12E\x05 \x17&lt;\x95\x834E\xa4\xdd\xaag&amp;\xca\xac_2\xcbI\xe3\xe6\xf2|s\xb4\xcfRe\x8c\xb1=Q\xcd\xea]\xdeC\xdb\t\xc7\xa5&amp;\x7fQ\x00\xbc\xd7R\x9f\xdbN8!\xfcv\xdd\xdcM_~\x84\xf4e\xb1\xca\x00p\xd8\x85\xf1\xab\x06@qL\x13\xe3\x11\x90\xacH\x1fN\xefu\x1cDh&gt;\xfa\x90 \xb00\xc4\x8f\x9c\xbe\xe9o^\xbcd\xcbT\xc7\xcd\xcc\xce\xb25j7\xa9H,8\xfc\x85\xfdh9\xf6\x084G\x1c\x12\x08\xad\xb6\xe1\xe6\xb2\xf8\xf8W\x00\x05\x1b\xcfqg\xa1:\xaa\xdf\x89\x97\x00\x908\x7f\x8f9\x07&gt;\x9aW{\x13\xdd\x01\x98\xa3\x7f\x00\xb1\xb2\xb5\xd5\x97\xcb\xaf\x7fK\xcb\x13P\xac\x9f\x01\xd9\xac\xc5\xf2]\xaa\xa8E\x89r9\xea6\'7\xa8\x11\xb60\xf4\x05WW#Z\x89/\x1a_\x848\xc2&lt;\x80_\xff\x06\xf9U\x17\x8e\xd4\x19\xb0\xa3\xed\xc4\x13\x12\x97E*\\\xb9\xdbz\xc7C\xf1\x03\x8b\xf7W\xac\x06\x89+w[\x97\xb3\xd6d\xb3\x17\x1e\x92\x9c\xff\x00"\x02\xd0c\xcee"\xaa\xd4u-_\x97\xa42L\x07\xd0b\xf4!&gt;\x19\xb4\xc6\t5o?\xce\xba\x0e\xd8S\x1b\xcf\xb7\xbf\xa3\xe3\xd43\xda\xafK\x90\xa1\xc2H\xf3\xa51\x15\xf6H\xd3\x97\x1fn\xfa\x8a\x85`\xf5\xb8\xe0\xc8?\x1eP\x1aHQO\xeah\x1e\x85+X\x07l\xae\x14&gt;\x99Z\x00 \n\xd4\xf7Q0\xdf\x11\xd5{m\x1e\xbd\xde\x1b}A\xc8\xc0\xa3l\x98PqI\x89\x8b\x1b_]\x1ei\xb4\xe2\x1f\r\xbd\xc1\x94\x8a/\xe8G\x1fO\'\xacLD\x94\xb4\x96\xa3IkF\x0fIc\x02\x00\xa6\xee|\xfd\x1a\x00\xa0\xa0\xf8\xa9=\xb4\xb9\n-F\x1f\xe2\x8e#i2\xc9\xe9G\xec\x80\x89\xe8\xd4k\xef]\xc10\x02\x00J^\x07\xa6:\x80\xed\xb3\xe0\x1a\xf9U\x07\xd0d\xf8&gt;\xb2\xd7\x87\xbe\x0b\xaf\xeb\xce0z\x16\x9d\x0e\x10\\Q\xde\xdc\x1d\xb6\xea7\xb3\n\x12\x91\xc1\xfe9\x98\xaf40\xfd\x97\xb7\xa6\xe7i\x10\x97\x8f4\xc8\xa2\x82&amp;n}\x01\xe0\xa5ymB\xc6\x8a#\x7fZ\xdd\xd2x\xb9;\xdd\x05(bA\x00\xe37?#"\x00MG\xec\xa7\x80\xba\xa9K\x0f\xe6\xc9\xe1=\xe0\xa9\x90\xba\xec\xfb*\xd2l\xbe\xccy%\xf3\xa4dE\xfaX!\x8f\'\x03\xeaX\xd7\x01{0\xc0\xb0\xb1\xdbIc\xaa\x0fdW4\x1b\xcf\xe5\xaams&lt;\xf2\x1c\x18\xb0\xe4V\xcc\xac\xae\xeeZ\xf4\xf3\x0c\x88\x9e\xb9\xd5{ \xbf\xed\x83\x8c\xa7r\x81\x1a\xff\x02fm\xce\xd5\x1d\xb0S\xeeT\xceZ\x93\xad\xa8\xb4\x1f\x0c\x8f?B\x17\r\x87\xec\x0e\xbd;\xa9\x00$=\xac)p\xc7\x8c:s\xe9\xa3\x87;~\x00\xf3\x0f\x7fa?f\xed\xfd\xc0s\xc9\x03@\xb0)e\xdf\x0e\x00\xe5E&amp;\xcbH\xaf\xc9\x08\xb8\xe1\x10\x13\xfc\x10(\x11\xb7\xbc\x19\xb9$-\xd6b\x81\xceK\xcbu\\i\x86\x04\xdeCL\xa28F|\x94\x1c{\x01\x8a`\x99-o\x84\x82\xdaWQ\xd2f\xaa4\x8a(\xc6\x84-\xcf\x95\xfa\xef\x14\xf5\xe5\xceD\xcb\xdcr\xc8\x8a{\xd2=\xb7\x7fM":\xf3\xd6\xa46%fi\x19\x1d`"JiN\x11,\xaf\x92\x03\x01d\xaf9\xd1\xc4&lt;\x89\xa8J\xf7\xf5\x94\xa8\xaa\xb9y\x86\xe1%x`o\xc5\x12\x92\x01(\xd2\xdcq\x06\x19G\xb1\x17\t\x97\xdf\xe9\xde\x01\xf4[x\x1d@\xf8T\r\xac\x11\x92\xcc2\xc8lh\xd8\x11\x90\xd8\xd7\x93\x1a\x9am\xa2\xdc\x1aK\xdb\xcd\xba9\xf2X\xeb\xcd\xc7^Y\xf3\x96\xed\xb0\xc2\xbc\\]_m2\x9e\xcb\xc6m\xfac\xec\xc6\xa7\x9d\xa6\x9ea\xdbZ\n-\xc8\xce;\xc2\xa9L\x8eg\xfc\x89\x88\xc2\xe5\x9f\xb2\xf3\xb5\xdc\xb5\xb5\xfbm\xe3\x11\xc6\x95\xa4\x85y\x07\x13\x99*\x8db\xd1\xceyh5\xf6\x88j\x1a}\x8d\xe9_?H+\x1c\x86f\xec\xdf\xb5\x86\xe9\x97\xb7\x90\xa0\x92\xf0s\xd4\xbaG\x8a\x8b4\x12\x96B\xe1R6\x90\x1c|DL\xa3\xe4\xe0\xa9V\xdf\xadE\x9a\xcd+\xd3~9\x11\x11\xe5\xd1\x1a\x80\x01\xc0\xc8\xb5\x0f5]b\x15\xf1*z\xael\x93\x8dnBa\xdd%"\xa2q\x9b\xfe\xd0\xe4\xd5\xeb/\x80|\xcb\x99(@\x1e\x17\xb3\x96\x98\xd9\xda\xf0\\\x08@\xec\xeb\xc7u\xd1i\xe4\xda\x87l\x0fC\xf8\xc0\xd6_v\xfe\xd2\xcawZE\x91\n7\x1fu\x90(\x8bF\xc1U\xb1$2\xb9cc!\x19K\x98\x9c\xac\x18\x1dI\x9e\xb3\xd6d\n\x94\xd0\xed\x02\x105\xa3\x95~\x1b\xb4\x908\x7f\x0fO\x8b\xf0\x13\xf1\x07\xa0+\x04,\xc3\xff\x0fk\xc6m\xe0\xf3\xa6ND\xccAU\x99\xf6\xcb)Z\t\xb9$\xaf\x80\xdb\xffI\xc8\xa9&lt;\xfb\xcfXQ"\x0e\x1b\x00\xb5\x00\x91J\x00\xf8\x85\xd7\xc9\x8f\x97\xc2\xb9\xbc\xef\xca\xaf\x7fC\xb7\x03\xca\x0c\x0e\xff\xc5p\xf6e\xea\x88N\x0bz\xeb\x88\x94\xb6I\xa9\xb6K\xd3\x95\x1b\xe6r\xc6\x9d\x8e\x03M\x86y\x81g\x008\xfc\x87C\xb5\xee\xb7\xe8F\xa2|\xdd\xc8eF\x18;\xbb\xad\xad\xe9&gt;\xeb\xa2&amp;\xcbB\x1e\x045\xec\xef\x00\x9f7\xe3,\x15;\xaf\xd11\xf5\xbc\x0f\xec\xfd]\x9f\xf0\xa1(\xc4u(\xc2\x88\xfb_~\xc2\x1b\t\x93\x95\xbe\xfc\x889\xfb?z\xb7\xd5\xb5\x8dv\x13O\xea\xf8(2W\x11b5\x86\xac\x05\xf6\x9c\xfbk\xa1&amp;sV\x9d\x95\xcc-\x16\x00\x16\xfeN\x92V\xe3\x8ej\x95A\x95}\xd2\xc1\x85\xf8HR\x9d\xe2Wt\xee\x8ct\x91\xa9\xd2(\xa2\x08\xf9\xdd\xabq\x16%}\xb3\x05\x87\xbf\x10e\xd6\xf1r\x838}\x8e\x00\x88a\xaa6\x90i\xf8\x14s\xde \t\xd5\xc4\xad\xa0I&gt;\x83\x97\x00\x00 \x00IDAT\xfc\x16g\xef\xffH\x01u\x99e\xbd\xf88\x80v\x93N\xee\xb8m\x8e\x92]\xf5^\x9b2U\x1aM\x94\xa5\xcb\xf4sD\x14&gt;UC\xa1\x14\xce\x1c\xb6\xde\xc0\xa1\xa7\xda\xc5\xf0\xab\xce\x86\xe1\x11\xd2X\x12\xa79Ap\x17\xef\t\xc3l6\x01\xc6\xae\xae#s"\x9f\xfa\xb5\xc9js%\x93\'N\xce\x90\xa85\xc3V\xfd&amp;\xe3BYN\xab\xc0[".\x03\xb8\x07\xb0\xf1\xb1$\xff\xd3\xf9m\x06\x19\x10\xcaM\x18P\xefM\xeaz\xad|\x04\xbcp\x07\x1e\xfd\x94\x9bJ9\xcc\xd6\x7f\xe1\xc1S\x06[\x9e\xe5\xc8\x1f\xea\xd5\xab\xeb\xcc\x0b\xecG\xc96K\x00\xfc\x0b\x07\x0c\n\xb0\xec\xe4w\x00CV\xdc\xab\xd4u\xed\xc9?A\x94J\x88Iu\xe1/\xfe\xccS\x1a\xf1\x1ck61;L9MD\xa9K\x0f\t\xc5\xba91J\x01\xa8\xd2}\x03\xc5\xafdEd\xb4}\x0f\xe4\x1e\x0b\x87\x99\x80\xbcJ \x07\xd9\x9cbpu\x9bu\xd15\x91\x19o\xcdZ\x0f\xb5\xfb\x1f\xb2\xaa\xc5\x16c$F$~\x05~\xd8=\x88\x9c\xb5&amp;\x89\xda\x1fm\x9a\xf6\xec\xaa[\xdf\xc5\xef\xd7O2e\xc3\xa1{\xe4\xbf_C\xad\xcd\xae\xbbp\x08j\xe4\x80\x87\xe3\x19{\x0c\x00\x95\xbb\xae\xf3\xb4\x14\x0cG\x7f\xad\x11\n\x8a\x1d\xd0\xc8\x01\x80\xd3X^\xbc\xec\xcc\x85(\x80\x89\x89]o`\xb1\xfeB\x86;\xef\x88\xf3d\xcb\xce\xb1\xb7\\\xe7-"I\xc1\x9e^\xd5\xcf\x8d\xdd\xf8\x94\x88\x98o\xa6\x80\xa2\xde\xeb\xa3J\x95\x84y\xbbN\xd9\xf1\xa7\x159K\xee&amp;J\x13\xb3\xb4\xf8?\x9f\x8c-|s\x18\rw\x11B\xbc\n\x8b\x8e\xfe\xebz\x18\x00\x91\xaf\x81|\xa5\xdbtw\x92\xb5\xeaX\xab\x8b\x90\xfc\xe8t4\x0e\xcbN\xfd\xa7\xc3b\x07\x80\xe2\x18]z\xad\x02\xf6\xe8\xcb&lt;\xc8\xcd\xcax\xd6A\xf7\xfc\xa6P\n\xff\x06k\xbc\xb0\r/\xb7\xd2n\xe2\x89o\xa2\xea;h\xd9\x9dc/\xc0\xd3\x01\xcb\x91\xa1\xc2\x08\xa2\xac\xcc\x07\x93\xfd\x98\xba\x81\xe3\xf6[\x98w\xf0\xb3\xd5A\xa1\xfd\n\xf4\xd8~\x0b\x00J\xb4^\xbc\xfa&lt;\x9c\x9a-\xdb\xa7\x12\xab\x0cOV\x008u\xbf\xbd\x84\xea\xbdB\xaf\xbb\x7f\x1b\xf9\x1b\xcdb?,\x1d\xb9V\xe9\xbe&gt;I\xc1\x9e\xba/\xcf\\y\x0cE\x95\r\x81\xe7\xe7FU5E\xcd&gt;3q\xc3`\x94-\x86\xdd\x95*\xa8\xcf\xfck\x82\x00\x19+:x\x00\xac7P\xda\xf8&gt;o\xfd\x19&amp;\xc9e\xba\x1e\xa8\x1e\x00DN\xd7T\xf9-p\x1agj{\x95\x1b~\x95M}\xe9#\x04\x9f\x0fah$\xa11\x15\xf1\xc8DDQ\x8a\x8eZ\xf7\xc8\xf1x\xbe\x8dW\x9c\xdfW\xbd\x81;\xc9\xa7\xb8h\x8e\x1b\x89\xac$o\xfd\xe9\x00&gt;\xc8T2\x9b\x0c1JY*C\x18\x86\t\xf6\xaa\xe5\x07\'\\+9\xb9\xd9\xc2\xd2L\x98\xa7~\xa5\x81&amp;\x0b0\xec\x1eid\xc8\xad\x96 \xe9\xf5\x7f=&amp;\xe1\x95/\xc6\x8b\xce\xc5\x93H\xb7\x9e\xb3\x14I\x89"\x8d^\xffx\xe6\x9e\xf7\xf2/7F)O\xbfx#\x84\xaa\xc8\x91\xfa\x08\xe7\xb0Q\x94\xb2\xc4@\xa7\xf7\xe5_\xa8\xd7\x89\x97 \xa2\xca\xdd\xd6\xb9m\xdd#o\xfd\xe9\xf2\'5G\x0f\x0c\xc3\xfd\xf8\x17\xea\xf5\xb7\xb7\xbf&amp;gw\x80\x83\x96\xdd\xf1\x88\x1ca\xb8\x81K\x9f\x94j#\x801\x1b\x9e(\'\x90;u\xf5\x1f\xcc\xd8\xfd\x8e\xdf\x0f\xe3\xd0\x95\xf79Sr\xe6\x06\x80\xcb\xc9\xb9}\xfe\x94\x90;\xf3\xb4\x06\x04s+Y\xab\x8eu\x99J\x86\x02\xfe\x96\xda\x98\xf1\xfe\xeeM\xb0w\xd2\x88\xc9+\xe7\xf5\x07\xed27C7\xd0l\xe4\x01O\x8b\xf0\x13\xe2\xf7?\x934$\x14\xf1|\x84\xf5\x86Cv{Z\x04\x8bPZ\xf3KUj0E)\xca\x99Q\xc2&lt;]_\x19\xaa\x06\x11\x98\x0b}}\xa4_y\x16vG\'?\x1d\x81\xc5\x07xZ\x04g\x1a\x0e\xd9\xddc\xceeo\xd0\r\xf1 \xba\x83\x00\x866\x8c\xaf^\xfc\xe8\x01\x7f\xd48\xf6\\{\xd3\x19&gt;?\xfb\xbb\xfc\xd4\x7f\xf3\x0e\xfdm\x86\x14\x0e\x0e\x06\x84\x8d!S\xd76\x9dp\xd0\xe2\x9c{\xf0\xb37\x19\x17\xb8\x8d\xbc\xa3\xd6\x99\x15s,\xaa\xee+\x8b\xb7Zd\x1f\xc9\xa9.\xe9\xcb\xf0\x12\xf0\x86\xc1\x9a,,\xea\x96\x05$\xce\xdf\xe3\xe74j\xf2r\x82\xebN\xf5\xb4\x08\xee\x80\x99S\x1b\xa1B\xa7\xd5\xa6H\x12zaS\xd8\x90\x160z\xc9\x9es\x7fU\xbed\xef\x03\x10Q\xef\xf9W-\x9a\xfe\xf2Z\x1f$\xacLD]g\\\xd0QD\xcd&gt;[\x1c\x0fx\xa2\xf7\x8d\xa3\xdfK\xe0[\xdb\xc3Ia\xa4\xfc\x04\xc1]\xc8\xa7\xb8\x91\x1c\xcc\xe2\x91\xb7\xadP2\x9d\x1dS|`\x0eZvG\xffwbs\xa9\xaf\\;y\\8)\x10\xe8\x18\x8c\xd3\x1d$\xcc\xdb\xd5\xcd%J\x91\xd8\x92\\\xc3\x19r\xdd\x10\xc6\xcfE\xec\xb2\xcc\x1c\xf9\xd6w\xa1\xc3\x8bT\xb4\xc5\x82\xc9\xdb_)\\\x94\xa2\xc4@"\xa2\xf0\x05\x00,;\xf9\xdd\rbJ\x91\xda\xc8\xc5}\x17^\xcfQk\x12\x11\x11\xc50E\x1aKq\x1a\x8eDJ\xdb\xc4\xfa\xc5\x7fN"_\xfb\x17%Z/6=\xdf\xae3\xce\xcf\xde\xff\x97\xed\x9f\x88\x85L\xcf_\x95\xdc0\x12N5Ra\xf1\x7f\xe5;\xae\xd2\x99\x8f\xbcU\x83\x08\t\xbfzqrt\xa0\xa4\xb5\xd2\x96\x1d\xcaW\x8c\xb4\x9b\xe20\x94\xad\x0f\xc3\xa5t\x89\xc1\xe2_\xf3\xd7\xcf\xde\xf0Y\x1a\x05\x80\xf1\xf0\xf5ap\x10+\xa8\xfax\xa9\xe3q\x94.\x8aP\xd0\x1aa\xb8\x00P\xbe\xd3\xaa\xcc\x95G\xbb\x9e\xfa\xe5\x1e\x88\x12P\xac2\x8f]&gt;\x9c\x94%\x07\x8a\xb7\x1bF\xae}\xb8\xf7wPx\x93\xc3\xb5qv\x8a1\xb2\xb4\x16B,\x14n:W\xce8\x82\x91\xbb\xeeT\xa7\xee6~pg\x8e\x0eX\xc5\x007k\xd5q\x7f9\xe60x\xf9\xdd\xaf\x1a;\xf5\x8dW\x00\xa0d\xeb%\x9a\xae\xe2a\xf7\xfd\x10I\x98\x1f\x85\x9f\x12\x8e\nz\xf9\x13\xce\x7f\x90{mF\xcdU\x13\xe7\xebn0\x07\xa7\x9a:p\xc9\xedP\xe1\xde\x96\x88\xd6\x9c\x97\xfe\xc6&gt;\x03\x006]\xc5\x05\xa9\xc7\xde`\xb0!\x9d\x91\x04y\xba\x18\xb9\\32\x01\xe0\xf8\xc3C\x85\xe1\x01\x02\xeb9\xd9\xa1\xbe\x96\xaa\xa8\xc1.\xa1SLA\xa1\xefI\x94\xb7\x9b\\\x8c\xfa=\xbf\xf1N\x19Y\xfe[oh\x1e\xc8\x1e{\xceU\x84\x7f\xa1^\x827\x9e?\x00\xa2\xec\x82\x95\xb9\x14\xd9m\xf7\xeb8\x0b\x1c\xbd^e\xef\x96]u\x1fXs^N\xa4\xa0\xff\x80\x92\xad\x17S\xdc\xf2D\xb9x\x97\xfd\xa5J\x91&lt;U\xb5\xc7\x06MY)\xe1\x89\x19\xb0\x17\x10\xb7\x02O*\xf6\x0e&amp;n}\xe1zj\xcd\x05\x8f\xcc\xc6\x1c4\xd2\x85*r\xec9N\xbf\xd6\xbfn\x93\xbch\xdfFC\xf7.&lt;\xf2\xcf\xbaKV\xddT\x96*\xce\x0e}\x98\xf0\xb6\x15?\x11Sv\xfc\xf9\xd2\x9a5(7\xafk\xb9l\xc5\xfd\x84\xa8\xfb\x8a\t\xb5\x84L\xa3s\x9b\xa7\x94\xb0\xe2\xb4\x9e\x9a\xaf\xd0UD\xcb\xd4\xd25\xa5j\x11\xe9\xcb\x0f\'JB\x91\n\x17j2W\xb5\x08\'\x8a\xb5\\\x98\xbf\xe1L\x96\xbe\xff\xe2\x9b9kM\x96K\x99\xa5\xca\x18}\xab\xcd\x19+\x8e\x04\xe0_\xa8\x17\x80\x87\x1c\x97o\xfc\x15\xe9\xcb\x8f\xa0\xc8E4\x95\xc2d\x1b\xb7\xe9\x0fJ\xa0Y\xcdh\xf8\xea\xdf\x1d\x0f\xb8\'B\xc9\x8fG\xa4B\xf2v \xd6ls\x86\xa0n\xfd\xc5\xaaH\xb4L-\x01\xe8\xd0\x95\x7f\xeb\xa0\x9b\x978\xa0X?\xdd\x11\xb2\xd4\x88\x01\xc0\xc9\x9f\x8e\xbea\xa9\x1e4~xa\x84\xa1\t\xadu\xb8\xcf\x82k\x94\xb4\x96\xdcY\xb9\xc8\x1f\xa5\xda.e?\xf2\xd4\x9bNI\x1c|\xea\xd9\xbe#\xbeI\x85x\xfdS\x8e\xf7\xf6\x85(\xe1\xd64|\xadIj\x10Ea\x89\xc5\x013$\xf9\x0cP|\xcd\xb1xG\xae}\x08\x80(Ev\x8ep\x03\xd12\xb5h7\xf1\x04\x00\xa2`M\xa5\xb0[\xf8\xaa\xbd\x8dJV\xa4\x8f\xa6\xf4?\x1e\x119\xe35y-\r\x06\xff\xc2~4\x1c\xb2[a\x1a\x91\xa6\xcc\x90\xaf\x80O\xc6\xe6\x00\xe2\xe7\xee\xac\xa3\xa0#\xcfx\xea\x96\xd1y\xcc3[%\x0eg?\x10\x93\x88\xf25\x9cI\x01u\\#\x13s\xf2\xc2+\xd44t`\xc5\xb8\xcd\x9eg\x88\xea)\x97;\xf1089\xff^we\x8bh\xd6\x10\x13@\xbc\xdc\x9d2W\x1e\xf3F\xd7\xb0\x95\xf3\x92Dy\xbbu\x9dy\x01"\x88h\xcbu\x87\x7fy\x88\x1f\xdc\xd95\xc0\xb9)\x0cX|\xd3&amp;\x89\x7fM\x97\x89\xa63g\xdfj\x96&lt;\x84\x98\xa5\x85\x006\xda\xf0\x8a\x11\xbfl\xa82\xcb\x19\xb5\xfe\xf1\xf1\x17\xa1\xb4u\xb6q\xcd\xee\xe3-A0\xd7\xb6\xa5\x9b\x17W\xb5\xe2\xf4\x01t\x99q\xde\x83\xc2x\x18K\xb6|\xc2\x8d^\xff\x98\xcdW\xd8s\xe6\xf1\xba\xbc\xf0\xe8\xbf2\x01\x1c\x05\xe5\x06\x16p\xd7\xb3&amp;\x88\x99&lt;R\xeaS\x89\x0f\xcaW_V\xe6}\x9b\xb1\xffb\xef7E}\x1e\xe7\xb2)x\xdd\x18\x08\nM~B_\x95 O\x97\x89\xdb^\n\xd5i\xf9\xe9\xfftvc*\xb3\xdb&lt;\xbd\xe7_\xd5\x96\xa1h.\xdeb\xf4!UKw\xf7-\xb39\x16\xdar\xcca\xf6;\x7f\xa3Y\x00\\\x17\xb1\x01\xcc\xdc\xf3\xde\xfe\x9fc\xa0\x12\x93\xd0\xa0\r\x14-sK8\xc7\x962BV/\xef\x90\x8c\x91\xc0\xd3\x02\x10\xd9\xb5\xa5\x88\xc8q\xa9&lt;\x9c\xeb:\xcf\xda\x8b \xca\xdcg\xc15\xb7\xc9\xf63\x12\xa7\xfc_\xc0\xde\xdfm\xd5\xbe\xcd\x84\xe3\ni\x01\x10\x05%W\x8c\xef\x14P\xac\xbf7|D\x15:\x87\nSf\x15\xeb\xb8\xa2-\x16\xc8\x9f\x0c\xe4/\xe6\x9b\x96\xbe\x04\xc0\x81G "\xf2\xafq\xeb;\x94\xbd\xf7\xc0\x11v0F\x96VB\x94\xc0);\xfe\xd47\xed\x960gpL\xa0)\xc3\xea\xbd6\x0b\x126\x1a\xba\x87(\xbc\xaa\x00\xceQ\xe9\xe4\xe9&lt;\xfd\x9c\xac&lt;\xbe\xe5\x14B$8\x95\x08\xe0? s\xe5\xd1\x85\x9a\xce\xad\xd5wk\xb5\x9e\x9b\xa4\x05\xe32\xc3q\x1f\xb1M\x0c"\xed\rm\x87\xb9\x08;@dq\x84\xb2\xf0\xa9\x1ar\xa6\xbc\xech\x14\x94\xba\xf4`V\xf9\xa6\xef~g\xaaD\x11N\xbe\xfa\xc1\xdef\x1e\xad\x17\xb4\x1cs\xc4\xc4\xe2\x01D\xcf\xdc*u\xe9!&amp;\xe6i\x112stO\xf2YG\xdb\xc2\xb7;\xcbG\x12\x8e49(d\xa34\xbc_\x81\x1ej\x8b\xa2\xe9~s\xb9\xa9t\xe5\x86\x8b\x94O\xb3\xe8\x9dG\x06\x00 \xdf\xb2\xda/\x94&amp;\xb8\xee4\x91$!c\xfd\x08\xa9\r\xd5\x13\xe5\xbb[w\t\x11\xd24j6\xf2 w~\xd9X\x86\xc5[-\x8a\x90Z\xbe9\x8d]\xf6\xc7\xeb\xa7\x04~0\xeb\xdb8DY\xecC9\xfe \x94\xee\x06@\xf3\xd1\x87\xd6\\\x80\x11\'\x88\x91\xd25\x11\xc7m|\x024\x1fu\x90\xc8_u\xb4\xeb\x02\xbf\x0fsog\xcfo\xe0\xdc\x8c\xe0&amp;0\xd4\x86\x122\x95\xa4\xb5(E=\x85\xf3\xe1S5$J\x92\xaa\xe4\xa089T\xf4\x89tp\xf4\x19\x12\xe4\xe9B\x14G2 \xa0n\xca\xb6_\xa1)\xbd\x82\xa22\x83u\'\xfa,V\x01\xac8\r\x13\xf5\xe1%;\xcb\xed\xb7\xf4?\xc0\xb8\xb9:\xb2&lt;\x1d\xc3)Z\x1bA\x8e\x88\xa2fh\xa6)\xbdR(\xbd\x18YZ\xc9)\xef\x85a\x9c\xf0\xa9\x1a\xf6\x9e\x7f\x95b\x95!J\xa6\xba\xde\x15\xda\x11o&gt;\x11\xb3\xa3\xf0\xf1\xae\xb5\x1a\xaf\xc1\x90\xbf$#x\xe1\xc8\xbd`\xe3\xd9:\xae\x1a\xb1\xe6\xa1\xf2\xbd\x008\xf9\'^\x03\xe4\xab\xdf\xb7\xa2*\xe6&gt;\xcfD\xf9\xba\t\xbfS\x97\x1el&lt;C\x00\xb1\x83\xf4\xc5S\xb1\x84\xe8\x99[\x06\x16\x17F\x03\xa9\x89\xb2n\xbb\xa9\xff\x01\xf6]h\xd31\x0b\xaa&gt;\x81\x88(a\x15\xe6`\x91\xfb\xa5\xf8\x8a\xff)\xda\\\xdaV\xdb8\x96\x8f\x08d\x08\x95\xa6\x84^\x1b0\x80o\xd8\x95\xc6\xe5\x88\x9b\xc2\x1a2\xdc\xaf7\x11\n1\xea\x07&amp;\xf4\xd2~\xd2)\xa9\xc3&gt;\xda\xd7H\x18\xaa\x81\x90=\xa9R\x9e\xa3\xe6\xa4\xb2\x1dV\xa8~\x0e\xef\x80\x83\x8f\x91\xa5\xca\x18+d\x18\xb8\xe4\xb6\x15\xd9\x9aD\x02\x83\x83\x03WE-\xf</t>
        </is>
      </c>
      <c r="E254" t="inlineStr">
        <is>
          <t>&lt;class 'numpy.ndarray'&gt;</t>
        </is>
      </c>
    </row>
    <row r="255">
      <c r="A255" s="1" t="n">
        <v>253</v>
      </c>
      <c r="B255" t="inlineStr">
        <is>
          <t>steps_per_sec</t>
        </is>
      </c>
      <c r="C255" t="n">
        <v>3700</v>
      </c>
      <c r="D255" t="inlineStr">
        <is>
          <t>5.360156</t>
        </is>
      </c>
      <c r="E255" t="inlineStr">
        <is>
          <t>&lt;class 'numpy.ndarray'&gt;</t>
        </is>
      </c>
    </row>
    <row r="256">
      <c r="A256" s="1" t="n">
        <v>254</v>
      </c>
      <c r="B256" t="inlineStr">
        <is>
          <t>Loss/localization_loss</t>
        </is>
      </c>
      <c r="C256" t="n">
        <v>3700</v>
      </c>
      <c r="D256" t="inlineStr">
        <is>
          <t>0.0071140756</t>
        </is>
      </c>
      <c r="E256" t="inlineStr">
        <is>
          <t>&lt;class 'numpy.ndarray'&gt;</t>
        </is>
      </c>
    </row>
    <row r="257">
      <c r="A257" s="1" t="n">
        <v>255</v>
      </c>
      <c r="B257" t="inlineStr">
        <is>
          <t>Loss/classification_loss</t>
        </is>
      </c>
      <c r="C257" t="n">
        <v>3700</v>
      </c>
      <c r="D257" t="inlineStr">
        <is>
          <t>0.35935175</t>
        </is>
      </c>
      <c r="E257" t="inlineStr">
        <is>
          <t>&lt;class 'numpy.ndarray'&gt;</t>
        </is>
      </c>
    </row>
    <row r="258">
      <c r="A258" s="1" t="n">
        <v>256</v>
      </c>
      <c r="B258" t="inlineStr">
        <is>
          <t>Loss/regularization_loss</t>
        </is>
      </c>
      <c r="C258" t="n">
        <v>3700</v>
      </c>
      <c r="D258" t="inlineStr">
        <is>
          <t>0.035043705</t>
        </is>
      </c>
      <c r="E258" t="inlineStr">
        <is>
          <t>&lt;class 'numpy.ndarray'&gt;</t>
        </is>
      </c>
    </row>
    <row r="259">
      <c r="A259" s="1" t="n">
        <v>257</v>
      </c>
      <c r="B259" t="inlineStr">
        <is>
          <t>Loss/total_loss</t>
        </is>
      </c>
      <c r="C259" t="n">
        <v>3700</v>
      </c>
      <c r="D259" t="inlineStr">
        <is>
          <t>0.40150955</t>
        </is>
      </c>
      <c r="E259" t="inlineStr">
        <is>
          <t>&lt;class 'numpy.ndarray'&gt;</t>
        </is>
      </c>
    </row>
    <row r="260">
      <c r="A260" s="1" t="n">
        <v>258</v>
      </c>
      <c r="B260" t="inlineStr">
        <is>
          <t>learning_rate</t>
        </is>
      </c>
      <c r="C260" t="n">
        <v>3700</v>
      </c>
      <c r="D260" t="inlineStr">
        <is>
          <t>0.07999679</t>
        </is>
      </c>
      <c r="E260" t="inlineStr">
        <is>
          <t>&lt;class 'numpy.ndarray'&gt;</t>
        </is>
      </c>
    </row>
    <row r="261">
      <c r="A261" s="1" t="n">
        <v>259</v>
      </c>
      <c r="B261" t="inlineStr">
        <is>
          <t>train_input_images</t>
        </is>
      </c>
      <c r="C261" t="n">
        <v>3700</v>
      </c>
      <c r="D261" t="inlineStr">
        <is>
          <t>[b'640' b'640'
 b'\x89PNG\r\n\x1a\n\x00\x00\x00\rIHDR\x00\x00\x02\x80\x00\x00\x02\x80\x08\x02\x00\x00\x00\x83\xaf^t\x00\x00 \x00IDATx\x9c\xec\x9du@\x14]\x17\xc6\x8f(!\x16\xa1(\x8a\x84\x88\x82\x80\x02\x82"*R\x8a\nba\x07b+\x8a\xdd\xd8\x9d\xd8\xdd\xdd\xdd\xdd\xdd\xdd\xf5\xda\xdd\xad\xcf\xf7\xc7\xdd\x1d6fwgvg\x01\xdf\xef\xfd\xfd\xa1\xcb\xc4\x9d\xbb\xb337\xce=\xe79D)\xf8\x12Q\x856\x0b\x16\x1c\xfds\xe6#\xc8Pr\x1e~\x81\xf5W\x10X\x7f\x92\xc1E\xe9A\xe1\x92\xf5\'\xeaq\x1a40|\xf5#\xc9\xabh,\x9c\xeb\x12e\xd4y\x14\x80{\x00\x00\xa2\xdc\x9a\x8e\x99w\xf8W\xf3\x11\xfb\xa5\xac\x9bV2\x14h0f\xfd3\xa2\x92BO\xc8Y\x85\x88\x88|\x89&lt;\x06/\xbb\x97;\xb0\x93\xb0\xd3\x8a\xdf\x04\x882\xe9UG^l:O=\x9b\xc3\xa7\x8dt\x0522\r^v\xcf\xb4P\\\xeeR\x02\xbf\x97~x\n9\xa8\\\xfc\x0c\x00\xd3v\x7f\xe2\xdd[\xba\xf1T\xca\x1c&amp;i\xadT)Y\x7fb\x91\xe8!DY\x89\x88\xc8Ya\x8f\xa5Q\xaf\x9b\xc5\xabE\xcf\xd9\x97\x8dz\tuZ\x8d:\x04`\x84\xe66\xa7~\xdf-\xb2O\x0e\xb54\x17S\x82\xa8\xa0\xdeup\xaf&lt;\x88}\xc8U\xb2\x83\xde\x85\xa4\x07*%,\xae\xdbg\x13Q\xb1T\xb8\x96\xb9G\xfc\x80\xc5\xb7)K\x84~\xa7\x17!\xa2rMgV\xed\xbc\x8a\xa8\xa8l[\xc62DDTH|i\x85Y\xd7\xe5\x1c\xd6\x87\xdb\xd4x\xe0\x8e\xbd\x8f\x0c\xee\xda\xb3G\xca?ea\xff\xd9\x95\xec\x98\xadX+\x95\xa3*&amp;,\xaa\xd8vQ\xc2\xb8\xa3G^\x80}5!h\xea\x80\x85\xd7\xce\xc2\xa3\xa9\xf0\x83\xd3\x10\x00[n\x02@\x16\xaf\x16D\xfe\xd2_ g\x15\xa2\x9cbOZ}\x01\r\xfbo\x17r\xe4\xcc}_\xdf\x02\x94+\x86\xf2\xc5\x8a\xba\x04\xfbA\xe3\x87\xec\x16[79\xf6&amp;\xae\r\xd56f\xd3\xb7\xb4\xb4%CD\xcb\xb9\xcd\x86\xed\x15rhh\xb3Yd\x11\xc2\xbb\xeb\x0eP\xa5\xc3\xf2\x80:\xc9\x94\xb5\xbc\x94\xb5\x93\x91\x85\xcc\xca\xd5\xea\xb9\xbeD\xdd\xf1\x94\xa7\xda\xcas\x000`\xf1m\xb6o\xcc\x061#6\x19\x82\xc6\x1c\x0c\xd3Bq\x0b\x8e\xfe\x11Y\xbe\xa1\x0c_\xf5\x0f\x80k\xbf56;\xa7?\x80\xc8\x91\x88\x88\x02\x8c[\x15\xe7z\xc5\xaa\x8f$\xf2\xd75\xa6O\x8d\xeeMoL\\\x1bF\xb5_\x9a\xd6\xb5\xd0\x89\xac\xaf\xf5\xa4\x1c\x15\x15\xb6:\x12\xd1\xb2\xd3 \xb2\x17[\x9ei\xe1\xb8\xacE[\xa6\xfc\x9d/\x96\xb5}\xae\xe5\xfb\xba\x96\xef\xa7w5\xb3\xfb\xb4\xee2\xed\xdc\x86\xab\xb8\x01T\xeb\xb2\x8a\xa8\x04o\x1f\x19\xda|v\xe5\xf6K\xd8\xae\x0f\x82{\xd0\xec&gt;\xadU\xba\xde\x1e\xb3.\x89\xaa\x9e\xd8\x0e\x9b\xc39\xb4\xb7\x1eg\xe9M\xdf\x057"\xdb.\x9c\xb0\xe5u&amp;\xb7\xc6\x94\xaf\xa6\xe4\xe5\x077\x99\xb1\xfb!\x88\xfcD\x9dU\xb0B?\xb2\xab\xaaag\xb6\xb8A;\xb9\xd1\xa5\xec&gt;\x9b\x04\x89\xac\x97?;\xf1\xdc\'\xfd\x06\x82%\xd9\xe9\xed\x92\x8f\xc9\x7fh\x9f\xc0\xfa\x13]\xc2\x93\xf4*-]\x90\xafl7\x03K\x98{\xf0G\xe5\xf6Kr\x950\xeaTIf\xb1H\x19\x13\x9b\x94\xae\x94\xb0\x18@\xd3\xa1{D\x14\x93%\xc2\xc6\xbf\x9dQ*(\x1d\xf5\xfbn}\x00\xcc\xdc\xf7\x95\xa8\x087\xcdH!O5\x00\xe5\x9a\xce\xcc\xea\xdd\x92\xefli\xf1\xec\xb7\xf0\xe6\xd1\x97\xe81\xebR\xbe\xb2\xdd)\xaf\xf4\rE*`Z(N\n\x9bnj\xc1\xfd\xaeU;\xaf\xa4\\U\x88,\xc6oy\xad\xb0?PhA\x99\xca\xaalXx\x0c\x00\x86\xad|\xd8}\xe6E}k\xe7\xb5\xef\x11\x0e?O\xe9 \xcf|\xe4\x9f\xa4\xea=\x85%\xf2\xf5\xac2\x94\xa8\x80\xae\xc3\xf8\xc7\xd1\xecr\xe1-\xe7\x8a\xb9\xa2\xecD\xb2\x8b\xd1}\\\xfe\xdaY\xbd[Z\xf9\xb6\xe5\xddy\x0b\xe8!\xe8\xde\xe6\x03\xf0\x14\xa8\xd1mm\xeeR\x9d(K\xb8\xb8\xbaj\xc6)\xa4\x17\xd9F\x13e\xa9\xd2q9\x80\xe1\xab\xfe\x91\xaa\xe4e\xa7\x01\xe0&amp;\xd0j\xd4A\xef\xaa#\x00\x9c\xfb,\xf6\xa5\xca]/i3\xfb\x81Z\x8f&gt;\xa4G\x1d\xea\xf6\xd9\xc4N\x7f\x93\xf2\\\xe5/Tq@\x97\xa9g\x89\xf2*\x1c\xe8nl\x93\xac\x02\x1e|\x1b\xad\xd5\xdf&gt;)\xc8\xa5y\x97\x03\x91\x9d\x11\xae\xa8\xca\xb9\xcf\xb2;\xdfl\xf8&gt;\xf6+\xb4\x9fpB\xf8\xe9\x8e!=]\xcb\xf7\xd5p\xd3\xd2\x0b%\xebMx\x0c\x00\xa8\x94\xb0\x98o\xbf\xf7\x8c=\x9f\xdb\x8e="zRd_\x83\xc8[\xe3^\xd3`"\x17\xd5\x8d9\xa3\x01l\xb9\x89\x9c\x01\x89yKw\xed9\xfb\xb2\x96\x15\xab\xf4\x8ccH\xcf\xb4\xae\x820\xdc+\x0f\xe2\xba\xab\xdc\x81\x9d\xc8\xba\xb2\xf2\xfeLl\xd4/\xff\xd3!S\xa1\xc6\xa9X;\xba\t\x00\xe86\xfdB\xb7\x19\x17T\xba\xd8\x12u\xc7+\x1e\xa9\xb2\xb7H\xf4\xd0\xd4\xaa\xa3%\xcf\xa0U\x00\x89\x13O\n8*\x87\xf6\xdd3\xf6|\xee6\xfdB\x16\xaf\x16\xf2&amp;\xa60\xd9F\xf1\x1e\xa9\xef\xe8D;\xce\r\xfbo\xb7\xf2kKT\xd2\xb3\xca0i\x0b\xb7\x0f\xea\xc2\n\xfc\x07\x88l\xbb\x10@l\x8fuz\x94\xe3\x17;v\xf6\xfeo\xf2\xd5D\xd1\x0c\\rg\xfe\xe1_\x9b\xae\x03\xc0\x0f\xd9\xb73\xee2\xa4.\xccS\xebB\xa56^C\xe9\xc6SS\xebr\xfc\x14\xac\xd0\x8f=\x06\xe36\xbd\xbc\xf8\r?\x80\xa0FS\x84\x9c\xe8\x115\x84\x88\xc84\x98l*\x13\x15\x96\xb4R6^1\xc3\xa4(\';\xf7i\xe4\x9a\xc7\x00\xf2\x96\xee\xca{\\d\x9b\x85\x91m\x17\x8a*\x9a\xbboSw~ "\xc7r\xaa\x1d\xd2\xec\x03\xdf\x15\x97\x0b\x89\n\x93]U"\xcf\xca\xed\x97\x10\x99\xca7\xe6\xa2\x1c\x15\x89J\xc8\xfftV.\xc3Z\xbf\xa6/U\xf8K\x16\x89\x00|\xd7\xdah*\x8d7\xb3G\x92C\xac\x89kC\xad\xcb*Nd*\xd9`\xbc|\xeb\xf9\xef\x01y\xa3c9a\xcbk\xae\x17\xb9\xf0\x85\xa7\xda\xdbn\xcb\x9a\xec\xc2\x95\x06IU\x87\xb4A\xb6@\xa0\x13\x93\x12u\xc7\x0fX|{\xf2\xf6wD&gt;\xfb\x1ei\xecbM\x0b5&gt;\xf4\x8c\xdb+\xddk\x93\xbfV\xa7)g\x9c\xc3\xfadrk\xb4\xee2:M&gt;-Y\xc9\xf2AC\x9fy\xd7\x88\x88\xb2U\xd0\xbf\xa0\x8cef\xed\xfb*\xd6&lt;\xae\x84i0\x00\xefj#\xf4/A\x1bN\xa9\xd8\xad\n$[\xe1J\x83^\xcb\x9e\x16\xc74\xadI\x8e\xe0&amp;3\xecKwe\x0f\xc3\xd2S\x08\x8e\x9f\xa1\xf3\x9c*\x1d\x97\xaf&gt;\x0f\xa2\x0c|\r\xb1\x9b\x82\xf5"?\x11\r^vO\xe4\xc0\xd1\x8fLJ\x8b9\x9e\x9f\xd6c\x0e\x13\xb9\xcb\xfep\xaa\xd3q\x12\xdf\xbb\x93!h\xee\xa1\x9f\xcc\x00@d"\xbc\xf0\x1e3/\xb2;\xc6o7\xca\x11\x99\xbc\xf9\x95\xb9{&lt;\xb7\xa1T\x83\xc9\xd6\xc5\x13\x88\xdcxV\x7f\xf3\xd7&amp;\xe7zD\xb6)[,\xc3\xfcb\xc74\x1e\xb8Cx}R\x19\xcf*\xc3\x88\x8a\x13\x91\x1ek\xa9\xa9\xcaG\xc0\xca\x8f\xdf\xbc\xc9\x83]\x0c\xe5\x8a1+\x1c\xe7YE\xf3\x00\xd06z\xf2\xf6wRT\x8d\x07\xc5\x0e\x98\xff\x9d\xb1\xa9\x0c \xba\xc32#U\xc0@\xfa.\xb8A\xe6!\xbc\xbb\xf4]Q3\x1d\xb4\xf4.\xbb\x1bM\x87\xee\xe1\xeeL\xf2\xa6\x97\xbcG\xdb\x05v\xf2\xac"\xadm\xc0k\xc5YTj\xc7k:\x13\xed\x93\xc5\x874#\xd9\xbb@L\xa7\x15\x92\x14%9\x03\x16\xdf&amp;rK\xebZ\xa8\x13\xb0\xf9\x06\xd6^\x12\xd23Y\x19\xbb*DE\xd8\x83\xddn\xfc\xf1\xba}6\xe986G\xc5o\xc0\xae\xfb \xca\xa86i#\xb2\x0c\xf7\xa99\x9a\xc8w\xc9I\x9c\xff\x02\xca\x1cv\xfd\x8f8\xcbM\x9e\xa0\xce\x92|e\x8f\xa8\xc1\xdc\xe7E\xc7\xb0\xfb\x81Z\x1drU\xe1\xde\xe8\x85G\xff\xa4\xb8\xca\n\xc0%&lt;\x89\xdd.\xcd\x87dW\xf8l\x05`\xfd\x15-7\xc1Y\xe1\xd8J/\x81\x13o\xd1D\x7f\xc7FQ\xe4\xd4k\xb1\xc3\x8c\x88\x882Sv\x03\x06\xeeF\xc5%\xbc\x8f\x88\xaeW\t\xed&amp;8\xf3\x1a\xdd\xd6\x88=\xbdd\xbd\x89%\xeaN(V}\xa4\xd6\x13\x0b+\xf6\xbeo5\xbe3\xd95lO{4\x1bi\x0b:\x86\xf4\xd2\xa3\xc0b\xd5G\xbe\x07\xd8:Y\x8b\x11\xfb\xb9\x9b\xa3\xaf\xcf\x91\x88+\x0b8F\xbe\x82hR\xfa1\xd0{\xeeUc\xd6G\x07\x01u\x92\xd3\xa9\xbfz\xfeZ\xc3V&gt;L\xad\x8b\x19i\x9em\xaa\xfb\x10]\xf8\xc5\x8e\xd5\xf1P\xd9FYx\xc4\x97\xa8;^\xf7jw\xfeZ1\x1dWX\xfb%\xd8\xf8\xb7\xe3Y\xe6\x94Q\xf0\x95\x18\x8fK\x9f\x1a\xa3\xb8\xcf\x9eU\x86R&amp;\x81\x06*\xa1\xa8\xb7\x0c\xf9\xcavW\x9alXU\x92\xf6\x8a\xca\x14\x07\xb0\xf5\x96\xa0F\xe3\xcc\x07\x00\xe8\xb7\xf0\xa6[d\x7fcVIN\xbe\xd8Ln\x8dE\xcd\xfe\x8d\x82ue\xb7\xc8\x01\x92X\x83d\xcdb\x85\xd6\x0b\x1e\xa4\xfc\xe4\xc2\x03\xc8Jh\xdd\xeb\xa0_\x9d\xcc=\xe2\x97\x9d\xc6\xa6\xeb\xda\x9e\x80\x90f\xb3\xb8\xc7\xf1\xd4\xfb\xbf\xc7\xc9-\x05\xb3{@\xabQ\x07\x89\xc8)\xb47YW"\xb3`\tJ\xcdP\xca\xc2\xa3)e*\x9b\xabd\x07\xee\xfe\xac\xb9\x98\xe6\xf7\'S\xd9\xb8\xe9\xa5\x1aN\xd6a\xb1\xf8\x0f\xb2\x0ek&gt;\'U.dV/i\xb3\xe4\x85\x16\xac\xd0?\xa4\xe9,\xbdO\xcfS\xaa\xf3\xec\x03\xdf\xc3[\xcc9\xf6J\xda\xc7\xc3\xf4\xe8+\x00Xq\x16\x19\x0b62\xb0\xac\xac\xde-\x01(t\xba~\x12\xae\xb21\xde\x02\x00F\xaeyL\xb9\xab\xb1-\x9d\xa7\x9eeo\xcd\x96\x9b0Nh\xb8\xad\x95o\xdb\x9c\x01\x89DD\x94\xe3\x95\xe0\xd7\xd3\xd2\xb3\xf9\xe0e\xf7({d\xfa[g\xd5#zV\x18\x16!\x97\x7f\x00\xb2Xm\x85\xf5;\xc7\xda\x05\x04\x07D8\x87\xf5&amp;"j1b?s.\xdfr\x0b\x00(O5"\x12\xb1(\x98\xa3"\x91\xad&amp;\x9b@\xd1j\xda\xa7\xb0Z(\xf1\x10x\x00\x90y9MGp\xed\xb8n\x1b\x94"\x8eu$\x19\xa1ka\xcfC\xfd\xda\x0e#\xc4\xd2e\x8f\xec0\xe9T\xb1\xea\xa3\xda\x8d?.p&lt;k&lt;\xc6lx\x06e\xc4Gp\xfe\x9f\xe0\x9a\xd6\x15\xd0\xc8\xc85\x8fo\xfc\xd1\xf6 \xbd\x06\xca\xb7\x9a\xa7w\xf9\xb2\x07#\x83\xd8\xe82!\xb8\x9f\xfd\x84U\xe7\x91\xb3D"\x91\x0f\xe5\xae\xaa\xcd%X\x17\x8b\x8e\x83\xcc46M:\xc8\x12\xd1.\xf9X\x97\xa9\xe7\xe4\x7f\xcb\x16S3\x16lD.\xf5\xd9\xe75\xb2\x15[l\xbb\r\xce\xf5r\xdc\xa6\x97\xd9}Z\xeb]g]\x04\xb8E\xf6\xaf\xddk\x83\xec/\xa7\xbaB\xcf\xcbY\xe5!\xe0\x12\xdeG\xf7\x91\xff"\xa2\x12\x97\xed}\xc4\x9e%\x8e\x1cU;\xaf\xec&lt;\xf5\xac\xb8\xa77!\xf9XH\xb3Y^1\xc3\xfe1\xa8M\xf4Tp\x8dVD\x93\x02\x86\x7f\xb6\xa2\xaa\xd2\x19\x8ad.\xd2l\xe6\xbe\xaf\x0b\x8f\xfd\xc9\xea\xdd\xd2)\xb4\x97r\x1c\x94\x0c\xae\x1d\xaf\xd3[S\x07l\xa6\xb6\xc5\x96(\xef\xa4mo\x01T\xed\xbcRK\x05\x0c\x01\x80\x16i\x8b\xb6\xe3\x8e\xfe\xe2\x1f]\x1a\xbb7J[g]\xaa\xd3{#\xfb\xbd*\xb4Y\xb0\xf4\x14\x94\xe7\x10\x06\x91\xbdX\xeb\x90\xa6\xb3\xec\x83\xbaPF\t|a\xf8\xd0_QH\t\xe7\xba\xbcO\xf2_\x83}\r\x00\xc5k\x8d\xd5|\x84\xff\x04\x1d_P\xbb\xc1\x8c\x86\xae|H\xb6\xd1zTM,E\xa2\x874\x1a H\xf2E\x1d\x0b\x8f\xa6\xcf\x81\xaa\x9d\xf4h@\x8a\xfa\xd4\x18\x15\xd6b\x0e{\x11\xac\x8b\'\x90L\xba\'\x0b\x11%oz\xb9\xeb\xbe\xcc\xc7\xad\xd9\xb0\xbd\xbb\xee\xa3\xf1\xa0\x9d\xa9ik-\x1b7\xfd\xd8+\x10\xb9\x13\xd9\xc7t\x14\xee!\xe1u\xf2-\x88\x9c\x8cX\xb3\xf4\x89K}\xb5Y\x93c\x89\xba\x13\x98+\x9fP:N&gt;]\xa5\xe3\x8a\x98\x8e+\x86\xaf\xfaG\x98\x87\x85\x81\xb8Wh\xb3\xa0\xd3\xe4\xd3\x93\xb7\xbf#SA\x16W\xf6\xb0\xda\x07u\x89\x1f\xb2[\xf1q&lt;\xffE&gt;\x91\xca_[\xc3\xa9j\xfe{Y"\x88\x02\xb9\x9e[B\xf9\xc0Ln\x8d\x0f\xbf\xc0\xde\x7f@\xe4\xa6y\x9d\x89H\xfeu\x9cB5/\xf1Z\n\x89\xca-0f\xfd3\xd1\xb5Lc\xec\x15D6J\x1c~\x01\x99\x11\xc6p\xf2\xc5\xb6\x1cy\xa0\xf9\x88\xfd]\xa6\x9d#\x97\xfa.\xe1I\xdc\xa4\xa1Z\x97U\x06\x96\x9d\xbbTg\x13\xd7\x06\x06W\x91\x88\x88l\xa2\x88|\x89\xac\xa5)--\xd0.\x9bU\xad\xcb*m\x0e\x8f\xb6\xd1\xab/\xa0N\xef\x8d\xd2W\x8b\x88\xc8\xb6z\xd7\xd5U:.\x17~\x82IAuE3-\xa4\xbc\xd4s\x0e\xfeH\xde\xf4Rl$[\xce\x80Dn\xe1\x969HN\xd8\xf2\x9a\xc8\xbaJ\xc7\xe5D\x99\x89h\xe8\x8a\x07W\x7fq\x16\xf24X\xe3\\t\x1c\x17\xbeB\xf3p3S\xba\xf4\rL3\xf2\x04u\xce_\xae\xa7\xda\xeb\x9cY\\)\xac?x\x03t\x99z\xd6p\x7f%\x9d\xbe\xbb\x00~\x03W~\x02@\x8a\xb9C\x95\x02\n\x0f\xb7L\xe8\xaa\xd7\x9c+q\x83v\xaa\xd7\x1c\x80vm\x90Z=\xd7o\xb8\n";\xa2\x12D.\x05"\x92&gt;B\x89\x94C\xedb\x00\xd8\x06\xb4\xd7\xf5-\xf90)\xbd\xee\xb2\xac\xc0\xeb\x9altyk6\x1f\xbe\xef\xcaO\x81\xae\xa4\xda)"\xb5\xf7rj\xb3\xf0\x18*&amp;,\x92\xac\xb8\xbc5\x87\xad|\xf8\x1dX{\t\x00\xc8J\xa6\xe6\xd6m\xfa\x05\xa2\xe2D\xf9\x0c+]O\x9f8&gt;,\xf5\x0b_\x96\x08s\xca[\xc3h\x85\xe7Zq\x06*/\xa9"\xf9\xcav\xbf\xf6\x0b\xbd\xe6\\\x91\xe2Zv\xf6\xa5\xbb\x90mT\xfe\xe0\x1e\xec\xa5\x1b\xbf\xf9\xd5\x89\xb7x\x0cp\x8b\xa6\xc6\x03\xc0\xc5o\xc8\xee\xd3Z\xbe\x98%h\xc1\xae\xdb\x8c\x0b\x8a\x7f\xf6\x9as%C\x81\x06DD\x0e2-U\xbf\xd81\xef\x80R\r\xb4\x8b\xe7\xbbk\xddk(\x9a\xfdp\xb3\x9e\xfd\x08\x00]\xa7\x9f7j\x05\xfeN\x0c\x90\xa0\x81,\xf0\xd7h\xeb\xd5j\x97\x83\\\xbeJSl\x0c\x11qs\x8e\xeb\xbfe\xbdZl\x8fu*",\x9c\x13V\xa0\x96\xbc\x0b\xceu\xd91\xae\xe5\xfb\x12\x15"\xcahS\xbc\xdd\xe6\x1b*\x1d\xb0,\x1e\xb4\xd9\xf0}\x00:O=KDdRZ|\xab\xed\x92R&amp;\xbfD\xa2\x9d{\xe5\xc1|\xdb\r\xa2X\xf5Q\x86\xacf\xa5\tY\xbc[\xfc\x03\x846\x9f-Y\x89\xd6\x95"\xdb.\x8c\xe9\xb4\xa2\xd9\xb0\xbd\xdf\x01n\x02a]&lt;\x81\xc8\x93\xec\xaaf(\xd0\xc0\xbb\xda\x08y,`\xda\xe1\\\x0f@\xfer=\xd2\xb8\x1aF\xc0\xb5|\xbfg\x1ac\xa3\xdd\xc9\xac\\\xd1j#/\xff\x80wU\xf9\x01)\xa2\xee\xfa`\xee\x11\xdfw\xc1\r\xce\x0c\x06`\xde\xe1_\x00\xa2\x12\x8d\xad\xfa\x9b\x95\xbb\xe2\xc6k\xb8\xf8\r\x00N\xbd\x83}P\x17\xed\xa7\xe9\x0c{cQ\xfbuDy\xb4\xa4\x16\xe5\x9a\xced_\xf9\' X\x93@\n\xb8\x00k\xd90\xe5\xff\xcf\xd0-1&amp;\xa5;M9\x93\xadX+\xeb\xe2\tZ[Cg\xeeS\xf9\xd6\xf3\x89l\x89\xf2\xb0?\xc3[\x88Uy,\xc8\xe3u\x959\xd4-\xb2\xff\x90\xe5\xf73\xba\xa5\xb8D\xfa\xc5\x8e\xd9y\x0f\xc5k\x8f#\xa2\xa0FS\x12\xc6\x1d\xd5\xcb\x10\x94\xda\x1e4\xbe5\xc7\x189a\x8e8\xce~\xc4\x82\xa3\x7f\x88\xbc\xb4\x04\xfe2=A\xe9\xbdp\xf3T_zJ) \xcd#jH\x9b\xb1G\x00\xb0\x86Z\x9cn0?Z\xa6;B\xe22\x8b\x01\n\x9d\xd0\xbf\n\xebR\r&amp;k\xdc\x99+\x86)G\xae&lt;\x0b"K\xa2\x8cM\x06\xef\x8aN4(@\x7f\xc5Y\xa5\x91t\xa7)g\x00\xcc?\xf2\x9bse2\x12\x00\xb6\xdcD\xbf\x057g\xed\xfb\x9a2\xe6\xd6!\xa8\x9e\'\xa6\xd3J\xa2b\xbe5\xc7d\xf1j\xa1\xa9X\x00\xc6t\xb3\xd2\x9fI\xdb\xdf\xb1\xea]\xfa\xae`\xbd\xb3\x8d\xd6\xa9\xcd\'\x11V\xd1\x1d\x96Q\xee\xaa\xed\xc7\x1f\xb7\xf6K ""\xcb\xd6\xa3\x0fi^|LK,&lt;\x9a\x96k:3\xadka&lt;\xf8W\x8eE\x89&lt;8\x93U\xa5\xa0FS\xda%\x1f_z\n\xa6\x85\xe2\xea\xf5\xddR$zh\xa3\x01\xdb\x0f&lt;asb\x8f\x88\x96\xf3\xb6\xdf\xc1\xd2S\xff\x85\xca\x88&amp;W\xc9\x0e\xae\xe5\xfbj?\x86\xbd\xcc\xda\xc3\xcc\xf4\x03\xc0;\xc5e\x85l\x15&amp;n\xe5\x94\x9bq\xe1+\x8c&amp;a_\xfc\xd2wP\xae*\x02\x8e\xf4\xe1&gt;\r\\|\xa7TC\xcd\x9d\xd6_\x86_\xf5\xaeZ"\xfe\x8byD\r\xbe\xf6\x9bE\x97\xe6\xa1\xdc\xd5\xb6\xde\x82L\x1eR_\x14$\xe1\xf1\r\xe81\xeb\x12\x80y\x87~J\xe64\xa7\x1b\xd9\x02\xd9\'@\x97q\xd84\x93[\xa3\xa6C\xf74\xe8\xb7\xd5\xa68\x7f6\x88"\xd1C\xfck\'\x1b\xa3\x96\x86\xf3Y\xe1V\x13Y\x10Q\xc2\xb8\xa3\x00\xda\x8c9\\$z\x88N\xdf:)\xc8\x147x\x17\x80\xb7@L\xa7\x15}\xe6^\x85l\x11=\x1dRD\xff\x90\x96\x1d\xf7\x14ot\xfa\xa7\x00\x80\xbe\x0bn\x14\xae4P\xc8\xd1\xa6\x85\x1a\xcb\xe4\x17\xf2T\x7f\x08\xf4\x9as\x05@\xe2\xc4\x93\xec\xdf\xe8\xc4e\xec\x8b7\x1b\xb6\xf7\xd4{\xb9\xbd\xe5\xafC\x98k[\xda\xc2\xee\xf3[\xa3\xdc\xde&lt;*\x7f\xb7\x1a}\x88{\xa4\xef\x00\x06\x84\xc6\x19H\x91\xf2\xad\xe7\x13Q\x8a\x04\xa6|}$\xad\xc5\x1d\xa5\xa1\xff\xa2[\x00\xb4\x87\xfe;\x87\xf56+\x1cGDD%\xc8"\xd4\xe0k\xba5\xec\xbfm\xdc\xa6\x97\xec6\xae\xb9\x88\xbe\x0bn\xe8\xe9\xc3\xa1\x0f\x19\x89\x8b\x9b\x120\xf0\nj8e\xfa\xeeOF\x16\xd0 "\xa7\xd0f\xb3%\x1f\x82p\x0e.\x00\xb2z\xb7dR\xac\x00\xf6\xfc\x83#/\xb1\xfc\x0c\x0cv\xb3\xd0M\xbe\xb2\xdd\xd8Eo\xcakb4\x87\xbe\xb4\xa3A\xbf\xad\x7fQ\x07\xccUu\xfa\x9e\xcf\x8a\xdbg\xef\xff\xd6x\xe0N\xe5\xbc\x8a\xaa\x0c_\xf5\x0f9\xd4\x1a\xb3\xfe\x99[d\xff3\x1fA&amp;\xa5\xcb\xb7\x9e\xcfJs-\xdf\x97M\x85\x01t\x99vNK!2l\xa2\x94\x12/jD\x87A\xbb`\x85~\xfa\x07\x17\xca\xab\x02Y\xec\xa0\xf1P\xed\xe1\xb4\xc2\xc5&gt;\xd9\xe6-\x93\xa2,\xcf\xee\xed\xdcC?%\xac\x96\x1c&gt;u\xa7\\1c7&lt;/ZmD\xf6bif\xdf\xeb=\xf7\xaa\x8a\x85v\xda.\x99;`\x16\xaf\x16\xc2SV\xa7_l\xa3\x9b\x0c\xdeE\xe6!d\x19\xae\x9c\x1b\xcax\xf8\rY~\xdf\xbd\xf2`\xae\x1d\x10\x98\xdbXB\x98\xea\\I\x99\x1b\x8az\xdcc\n\xcd\x86\xed=\xfa\x92\xf9\x88\x19\xd1\x91\xaa\xf5\x98\xc30(\xdd\xb5F\xa2\x12\x97\x02x\rP\xde\x9a\xb5z\xaeg7\xfc\xb8\\\x0b8WI\xa3&amp;\xa3\x94\xc1lY\xb7\xe5?w\x16\xaf\x16D\xaedU\xa9\xdb\xf4\xf3\x86\xa4\xb8\x95\x931\x15m\'\xc2\xd0\xa8.\xe6R\xcf\x18\x973-\x14\'\xf0\xc8\xaa\x9dWB\x81\xc7\n\xc3\x05\x87`\x99f[p\x13\xed*\xed\x1eD%\xcc=\x98\xfe8sc\x93E(\x91mT\xa3\x81;\xee\xa4\xfa@\xe4\xd27h\x0f\x8f\x16\x82\x8a\xb3\xa5\xd48\x00\xd8-Pi\xc4\xa44e,\x9d\xb2\xd2\xef\x98\xb2`\xf305n\xac\x01\xb9\x16R\x89\xfc\xf2PTmqk\x7f!vD^\xa9u\xadLD4\xfb\xc0w\xae)(\' 7\x83t8\x0b\x9f\xae\xf4\x98u\xe9\xe27\x98\xbb\xc7\x1b51L\x856\x0b Sh2\x12\xb9\x89([\xd1Vl\x8a2m\xf7\'\x969Q\x9b\x1aR\xeejSv\xbcw\t\xef#\xc0?\xc6B\xb7Gq\x9e\xea\xc3W1\xd1\n\x14\x88H\xca\xe2\xd5\xc2\xa1l\xf7\xe3o`\xe9\xd9\\\xe4\x17!"\xcaV\xb4\x95,Z\xd5\xba\xf2\x8e\xbb\x98\xbc\xfd]\x0e_\x16\x9b\x9a^\xc4p\xf8\xd5!J\xd4\x9b\x904\xffz\xead\x00\xe5\x85{\xee_\xc8\x9e~g\xf9\x1e\'n\xd7\xc0%w4\x9e\x9f\xbb\x9am@{\xca,3\x82\x8d\xdb\xf8B&gt;W3\xad\xd0f\x01\x91]\xeb1\x87\x99v\x1d\xf4\x0eL"\x81\x11\xbd\x1c\x193{6\x13&gt;\x04I\x1b\xf2Tg\xf7d\xe35!\xdd\xa7/Q^\xf5\xc4gdU1{\xb1\xd6\x92$\x90\xd1\x8aZ\x14\xf8\x7f\xfcM8\x92c\x1d\xe1G\xe7/\xd7c\xddel\xbd\x05\x9f\x9a\xa3u\x1e\xac\xe8zi\x10\x8eu\x84\xbf\x0e\x05"\x92L\x0b\xc7\x11Y\x19$BnV\xaeZ\xe7U\x01u\xc6k;&amp;K\xf8C \xa0\x8e\xearr\x16\xaf\x16\xfa\xf5R\xbcd(P\x1f\xc0\xdc\x83?"\xdb,\xec2\xf5\x9c\xc6\xd79O\xb5\x8f\xc07`\xf1\tT\xe9\xb8\x9cW\xa1(\xa0N2\x91\r\x11%oz9z\xddSYt\x96f&lt;\xab\x0c\x9d\xb9\xef\x0b\x80\xf0\x96s\x17\x9f\xc0\xc0%wZ\x8f&gt;\xa4\xaf\xb0\xb9L\x86,\xac\xc5\x9cU\xe7\xd1m\xc6\x85\xccE\x9a\xc9wI\xdb\x80Hi\xf6(\x00\x9d\xa3\x1e\x01xD\r\xe6\x92\xf8N\xde\xfe.\xa2\xe5\xdc\xdc\xa5:E\xb6](\xc4\x0c\xcb\\\xf6ei\xcf\x15\xfa9\xaf\x98\xe1\\\x07\xbc\xe4\xa4\xa6\xb7\xa2\x94k\xf9\xbe\x95\xdb-\xe1\xfeV\xb7\\\rY~\x9f+G%\xae\xb7~\xdf-\x82\xbd\xa3\xb3\xb2*\t;\x98\x88\xec*\xb4Y \x81PC\xb6\nD\x05\x0c-\x84\x8fJ\xed\x16\x0b\x1f\xf2k\xc6M\xa2\xccH\xe9\x1c%A\x1ca\x8b\x14\xda(X\xa1\xff_\x9a\x0e]&lt;\xd6DE\x8da\x18\xe0\xe2\x86\x0bD\xe8\xf0\x13\x14\x869+\xadD\xdd\t\xba\x8eLY\x1a\x8fl\xb3P\x9b\x0e\x8fVV_\xc0\xe6\x1b,\x15\x926T\x92\xa33\xd6\\@\xe7)g\xf4\xbb./\x00\x1a\xf4\xdbJ9"\xb5\xf8\x1c\xcd\xd8\xfb\xe5\x070c\xef\xe7\x1a\xdd\xd6Tj\xb7\xb8|\xeb\xf9D\x81\xca\x8e\x02\xe6\xa3\xd6=e\x9f:M9\xf3\x15\xd0\x15\xabi\x7f\xfe3\xd6_\x81o\xcd\xd1\x8e!=\x01\x9cz\x87\xd3\x1f\xd0g\xde5\x81\x9e@\xca\xd8\xb0\xfe\xde\xb5|\xbfLn\x8d\x99A\x85m\xcf\x13\xd4Y|i\xda)\xa1=q\x88\xd0e\x9b\xca\xed\x97\xb2\xc7n\xe6\xde/\x06\xd4\xa6\xf0\xee\x87\x98s\xf0\x07\xfbc\xebm\xfc\x90\xb7\xec\xcf\x01\x85a\x88\x02V\x95\xda%\x1f\xd3^hH\xd3\x94\x0c\r\x11\x1a4i+\xb4Y\xc0R\xe1j\x0b)\xc9\x1c\xb6\x85[\xebW\x10\xae\nm6{\xc7]q}\x8f\xc1\xdd\x95\x1e\xb8\x93y\x08Q\xa6\xe7R_\xda\xb3\xcaP\x11\x1d\xb0\x93\x96\x19\x8c\xb4\x19\xd1\xd3\'9\xff}\xb3p+\xdf\xb6\x85*\xea\xd1\xcc\x89\xc03fX\xb7\xe9\xe7\x89\xdc\x8c\xb1\x88pFA\x85G\xcba\x05"\xfa\xc6\xf6XG\xd6\xba\x1d\xa6\x04\xbc\x0b\xb9\xcd\n7\x91\x8b\x059\x10\xb9\x02\xf8\xa0\xf7[\x99+\xc6\xbet\xd7Z=\xd7\xebqj\xc2\xb8c\x94/6\xe5oC2j\x0b\xc5\x94\x19\xa8[\x8c\xd8\xefZ\xbe\xef\x9a\x8b\xb0+\xd9\x91L\x83\x07.\xb9S\xa3\xdb\x1a\xf94&amp;\xe78N\x10\xc2\xa62\x00\xbb\xc0\x8eDDT\xb4\xd5\xa8\x83\xddg^T)\x91ek\x96\xdfs\xcb\xca\xed\x97L\xde\xf1^\xefYA&amp;\xb7\xc6\x87\x9e\xf1\x9ceQ\xa4\xe9\x9e\x87L\xd6PP\xfe`\x99zD\xea\x10\xd3i\x05\xfb\xb6\x1d&amp;\x9d\xd2\xbf\x14\xb5&lt;\xb8\xd9\x8a\xb5\xdap\x15\x00\xfcb\xf9\xc5f+\xb4Yp\xf9\xbb\x8e[\x9c\xc5\xbbE\xca\x8f\xa1!J\xac\xc3\xa4S\xec\x80\x89[\xdfP\xee\xaa\xbc\xc7\x10Y\x90c\x1d\x97\xf0\xa4q\x1b_\x0cZz\x97\xa8\x08\x8bYt(\xdb\x9dr\xc5h\xaf\x83\n\xecZc7\xbe\x90oH=\x91\xb9\xf9\x87\x7fI\xdf\xf7\xe7\xa9v\xf4\x15(ky\xde\x9dU:.\xcf\xe1\xdb\x86(\x03Q\xe1\xfc\xea\xc6\xe7\x14\xd2\x9b\xdf\xaf\xb4\xe1\x8cYr\x96Hl6l\xaf\x11\x06\xd1D\xe4i\x842\x05\x12\x10\xd6b\xce\xc85\x8f\xd3\xae\x02\xc2\xb0\xaa\xa8E\xb9\xcc\xca\xaf\xad\xf6\xc6:\xb6\xc7\xba\x87\xc0\x86\xab\x18\xb4\xf4\xae\xce\xc4-v\x81\x9d4+\xfa1\xb2/&gt;\x8e\x01\x8bo\x13\xe5\xb0\x0f\xeaB\xe4\xf7\x08\x18\xb2\xfc\xbe\xf6b\xd5`\xd5(\x920\xeeX\xfer=\xc2\xf4Q\xb0)&gt;l\xe5C\xc5\xeb\x16\xaa8@|!\xe2\xc8P\xa0\xc1\xd2\x93H\xde\xf42!\xf9\xd8\xfc#\xbf\xe7\x1e\xfaI\xb6QD\xd9M\\\x1b\x16\xad6\xb2B\x9b\x05Dd\x17\xd8\x11\x00\x13adf\xed\xa6C\xf7\x10\xe5\xbe\r\xfc\xe6\xf3\xd3|\xc25\xefr\x02\xea\x8cg[4\'\x05\xd0\x06\xaf@JV\xef\x96\xb2\xf4\xc6&amp;\xa5\x85\x08D\xa6\xaa\x12C\xb1\x1a\xa3\x98\xcf\x03\xe5\xa9n@1*F\xc8@"\x1b\xca\x1cJY"4\x9d\xf0P\x98\x7fo\xf1Zc\xd9\xef\x11\xddA\xa30lB\xf21\x00\x8f\x81\x1d\xf7\xa0\xa2\xc9^\xb2\xfe\xc4\x02\x11\xb2\x94RSv\xbc\x97GM\xe8\x8f\xc8\xd1\x99\xf3_\xad\xf6\xb2\xe4\x04\xae\xfd\x06 \xd331\x00\x7fs\xf7&amp;*\x9bz\xce\xbel,\x15\x1e\xf1Or\x81\x88\xa4\xb2q\xd3\xd9\x07\xf5\xbd\xa1\xcdg\x1b.C\xcdG&gt;\x8f\xa8\xc1D\xf9\xffK$\xa5\x81|D\x05\xc9\xa1\x16e\xe3\x1f \n \xb3w\xd5\x11#V?j5\xfaPd\x9b\x85\x9a\x0f\xf3\x11T\x98y\x08Qf\xd9\xebo_\xa3b\xdbED\xb9\x94\xb2\xd9\x0b\xc4\xaa\x12\xc9c\x81\xd6]\xc6\xd5_\x10\xefg\xee\xaf\xd8\n\rY\xf1\xe0\x01 [\x8d\xce\x10d\xa6\xf6\xaeIG."\xf3\xa2\xd5G\xb2%\xbd\t[\xdf\xc8V\x0c]\xea\x8fY\xff\xcc\xca\xaf-e,]\xb3\xfbZv\xa8{\xe5A\x00\xd6_A\x16\xaf\x16\x1f\x00\x00\xeas\xfd?\x00\x94\x97\x053\x16l\x04\xb0P(\xe9\xd1\xac\xcd\x99F\xc4\r\xda\xa9\xd0\xa3H\x9b\xd0\xbb\x84\xf6\xb8\xae\x82\x15\x84;\x9ag\xeb0\xf1$9\xd4\x92\xbb\xe0\x16ciw\xf9\xb0!\xca\xc0\xbb\xc3\xc2\xa3)\xb4\x9b\xa9\x85\x11\x1c?C\xfb\x8c&lt;\x05\xbb\xaa[o\xe1\xd0s\xbc\x00\x1b}\xff\xad\xec\xbc\x07\x970\xfd\xd3\x931\xd5\xaa;P\x9eg\x9b\x06\x03\x88l\xab\xa5M\xd4\x93\xceS\xcf&amp;\xe8Z\xdaP%K\x04\x80\xbe\x0bn\x10\x11\xd7|(R\xbf\xdf\xd6\x06\xfd\xb6JR=9\xc5\xdc+\x0f&amp;\x93\xa0\x1c\xe9R)I0F\xd5LU\tE\xb5t\xab\xd0\xbf\xd5\xa8\x83&gt;5\x98[VQ\r\xd3Y_=\xaed\xe1\x11\xaf33A\x9fy\xd7&lt;\xab\x0c\xa3\x143\xb5\x8b\xb3\x01/\x05\x11-\x95Y\xee\xa0!\x9d\x9av2(v\xc0\x7f\x80\x03O\x10\xdern\xb3\xe1\xfb\xde\x03C\x96\xdfw\n\xe9\xd5v\xecQ\xb3\xc2M\x0c\xa9\xa1f\x8ap\xbd\xc6=\xa0l\xdc\xf4v\xc9\xc7\x00f\x18 n\xad\xc1\xdc=\x1e\xc0}\xa0H\xf4\x10&amp;2Z\xb1\xad\xaa\\\xbco\xcd\xd1\xe37\xbfR\xdc\x12\xd1j\x9e\x86\x19\x8equ\xb3S\x19\x17\xca\x15\x03e$\xfa\x86\x86f\x80`\x1etZ\xc9Q\xbf\xef\x16\xf1\xc5\x16\xd2)\xdf*\x10v\xbb\x1a\r\xd8\xae\xd1\x89&amp;k\xf9\xc0\x06\x93\xf2\x94\xea\xbc\xf0X\xca\xed-\xdbd\xba\x01\xd7\xcc#8\x14$\x9b\xa6!\x88\xde\xb8E\xf6o=\xfa\x10Q\x00o\xe7DD\xb9Jv\xf8\xa8\xb9\x11\x017\xc8U\xf0Yp\x8b\x1c\xb0\xe4$$\x97\xbe\xcb\xe4\xd6\xf8\xfc\x17,=\x05\xbe\x05?\r\x9a\x12vU\xe3\x06\xed\xd4\x1a\xa8P\xf2\xf0sL\xda\xf6V\xf7\xe5\xc5-g\x04\x8c\\\xf3x\xcdE\x9d\x8d\xaf)\x91\x7f\xa3\x01;\xb4\xc7\xc1\xa7\t\xae\xe5\xfb\xf9\xc6\x8eI\x9dkU\xed\xbc\xf2-\x00\xe6\xaabR:\xac\xc5\x9c&gt;\xf3\xae\x19l^\x12qz\x9b\xb1G\xd8\x87n\xd3\xcf\xfb\x1bj\x10\x92\xc1\xccK\xc3W\xfd#\xf6D\x13\xd7\x06\xb2F\xdb\xaa\x12\x11\x8d\xdd\xf8\xa2\xcd\xd8#\xcd\x86\xed\xbd\xf2\x13\xe7\xbf\xa0\xe9\xd0=\xe36\xb2\x80\x12\xf4_tK\x92\xaa\xaaP\xa6\xf1T\xf0\x91\xb7L\xd7\xc7\x90\x9b!-\xc3\x01\x9c|\x87\xe6\xc3\xf7\r]\xf1\xe0\x16 $w{\xfb\t\'4t\xc0\xff":M9\xa3\xa8{\xae0x1\x88\xa0FS\xa4\x88\xd9\xd7\xfeV\xb0\xbd\xa5\x0c\xbe\x8aAL\xd9\xf9\xc1\xbfv\xb2]\xc9\x8e\xbc]H\x8fY\x972\xb95&amp;\xa2\xdes\xaf\xb2\xdb\xbb\xf5Vj=O&amp;Ad\x1b\xa5\xbe\xd9\xacp\x93.\xd3\xce\x19\x9cE\x98\x7f\xadW\xfe\xc2\xf0\xfbB\x9f\xfb\xcc\x16\xc9\x94\x92\\\x9d\xf9\x80\x87@\xe9FS\r\xab\x8f"%J\xd4\x1d\x1f\xd6|\xce\x8c\xbd_\xc2\x9a\xcf\x11~Z\xc5\x84E\xda\xa7Mc\xd6?\x83B\x92\x0fa\x18&lt;\x06\xb2\xaf&gt;j\xdd\xd3I\xdb\xde\x9e\xfb\x8c\xae\xd3\xcf\x03\xe8&gt;\xe3\x82B\xfeG\x86-Q\x80\xa1\x17\xd2\x88\xc6\x1c\xd8i\x027Y\xec6\xe3\x029\xd6\x19\xb8\xe4\x0e\x00\xcf*\xc3\x0c\xf0?\xc8\x9c\x8a2[\xfc$\xcd\xbb\xde~\xfc\t}\xce\xb4\x08\x05\xf0\r`\x81\x8e\xf1C\xf6\x8c\\\xf3\xb8\xd1\x80\xedL\xd4\xe2\xae&lt;\x8d\x98\xfc\xc54\x8a\xa1"\xbc\xc5\\\xf5\x0e\xf8[\xcaE\x89\x88\xac|\xdb~\x91%k\x17\x1a\xc7Q\xb3\xdbZ\xa8\xe4\xd63`\xe8\x19\xd9f\xa1\x82/\xb40r\n\x11\xa0\xd5J\x9d\xde\x1bu\xcdD\x0b6\xe8\xbf-\xe5\x17Rs\xa1\x12\xcb\x84\xadov?\xc0\xb8\x14\xd7$}`\x95\xd1\x92!+n\xd0\xce\x1dwA\x94\xcb\x90\xabHB\xa7)g\x1a\x0f\xdc\xa1\xd9\xe7\x8bk\x7f\x8b\xae:\x0fmIU%&amp;\x0f\xd9D\xf1\x8b\xd3\xdaD\x91s\xbd\xc2\x95\x06\x1a\xe3\xeei\x1f\xb1\x02\x98\xb4\xfd\x9dj(\x85C\xad\xfa}\xb7\x90S]"\xb1\x01\xd6Z\xc8\x99\xbbT\xa7\xb3\x1f1a\xeb\x1b\xf5}z\xbbP\xed\xb8+v&lt;\xee\xe5\x14\xaa)5\xb2\x88\xf4\xa2\\\x08\x80m@{\r\xd9\xe6\x03\xfe\xba\xc4Y\xfc\x14\xd0\x9dn\x01\xc0\x94\x9d\x1f\x1a\x0f\xdaY\xb3\xfb\xda\x80\xba\xe3YP\x83an+iHf"j1b?\x80\xadz\xea\xdc\x15x\x04\x00\x90\xa5L6)\x1d7h\xa7sX\x1fNc\xf2\x96B\xa7\xe8\x115$\xa2\xe5\xdc\xa1+\x1eH\xf9\r\x88\x88\xa8L\xdc\xb4\xa1+\x1e\xa8w\xc3\x8d\x07\xee\xe0\x8eYw\x19\x86\xc5\xec9_\xfa\xae\x14\x83*\xdc\xae\xbe\xf3\x1e\x00\x045\x9a"\xe2j\x96\xe1\x89\x13O\xe6/\xd7C}pf\xee\x1eo\xe5\xab\xff\x122\xcf\x94\x91-\x80\x93\r\xcf\x84I$2\x05\x99\xb9\xf20$\xfd`\x85\\\xfb\r\xca\xce\xefR\xbf\xfe\x8a\xec\x076\xb2&gt;\x94\x0e\x02\xebOd\xd5\xc8[\xa6[:\xd3[\xcfV\xa3\xdb\x9a&gt;\xf3\xae\xa5\xf2U\x97\x9d\xc6\x03-]T\xeej,\x0e[\xf3\xaa9K\x17\xed(\xf7\x85\x11\x92\x86H#\x83\x97\xdd\x1b\xbf\xf9\x95\xe2\xd4\xb0@D\xdf\x11\xab\x1f\xed\xfdGO#\x84Kx\xd2\x98\r\xcf\xc5\x9c\xa1a\xec\x9b\xad|\xca&lt;\xc0\xa1\x96\xa0\x92rh\xcb\xf1W\xbf\xef\x16M\xa9x\x0c\xe1\xf0\x8b\xd4\xb6\xfe\xcd9\xf0=\x80/\xd4U\x99\xfcD\xa5(\x7fm"{"\x13\xcaTV:\xf3\x89\xc8\xa4\xeb\x86\x91\xabd\x87"\xd1C-=\x9b\xffT\x9e,\x8a\xc1\xb5L\xdc4vn\xc3\xfe\xdb\xe4\x1b\xdd\x89J\xb0\x14R\x90\xa7\x88e\x844\x9d\xd5a\xd2)]\xde\xdd\x86\x90\x8b\xd3&lt;&amp;\xe7zj6\t\x1fy\xa8\x88Ex\x8b\xb9\xcea}\xf8\xa3R5\xb3\xfc\x0c\xeeqw)k\xf9\xdf\x00\xa7\xb9\xa4}\xb6\xaa\xc7\xed-X\xa1\xff\xa2\xe3\xb8\xf6\x1b\xaf\x01\xa5\xa4\x14N2\x91\x16\x9f\x1a\xa3D\x15HDD\xb9b\x0e&gt;\x85\x86\x84\x9d\xd2,\xc2\xf9\xc5\x8e\xed2\xed\x9c\xba\x89\xbf\xd5\xe8C9K$\x12\x119\xd6\xfe\x01,:\xaet;\x8a\xd5\x18u\xfd\x0f\x8b\x12v!\xa2\xa2\xd5F\x02\x98\xbc\xfd\x9d\xe6\xd8\x1e\xbf\x94Y{\xaa\xe2\xa1\xb6%\x1b)(h\x8a-.W\xc9\x0e,\t\x89\xe4d\xf7im]&lt;A\xf3~\x0ba\x19~\xf4@\x87\x16\xc7\xc0%w\x14\xfd\\\xcc\xdd\xe3U\x8f\xb0\xae4}\xcf\xe7\xc3\xcfq\xf0\xa9\xd8\xfb\xe9\xebUU\x9b:\n\x80\xf7\xc0\xc9w\\\xb1\x86\xbb)\xe8\x81)\x80\x06\xfdd\xcd\xe5gi\x1e\xe0\xf4\xe0;-\x81D\xcc\xc1\xa7B2\xe1d$\x93\xd2DV\x86_\x8e\x0f\xcd\xc5\x1ak\xe9=K\xe7)g&gt;\x01b|Q\x19v\x1b\xae\xa6t\xae\x0ee\xbb\xab\xecn\xd8\x7f\xfb+\xa0\xdf\xc2\x14\xdd\x83K\xdf\xb1\xfe\n\x8c\xa47,\x18\xf3\x92\xf2y\x0b\x80\xa3\xaf@\xd9#\xeb%m\xb6/\xddU\xf7\xa9D\x9c\xad\x91}\xab\x9e\xb3/\xaf8\x8bAK\xef\x9e\xf9\x88b5Fi~\x08\xc5K\xa8\xda\xd7\xe81\xf3"SMT\x0c\x91\xf7\xac2L\xd6\xd4\xeb\x93\x1c3s\x98\xc2\xc2j!\xfb\xd2]L\\\x1b\x8a/E\x08\xaaa\xce`Q\xeaf\xe5\x88\xec4\xab3X\x05\x00\x00 \x00IDAT=jE\x15\x92~\xd7K\xda\x1c\xd6B\xc4\x02\x9et\xe8\xb7\xa8\xec&amp;\xfbU\xac+\x0b9\xda\xb7\xe6\xe8\x1c&gt;m\x88\xa8Z\x97U\xd9\x8a\x19*\x13\xad\'\x1aB~\x8d\x80\xd2z\xb3\xa9B\x00\xd8\xf2\xd3x\xc1\xdf\x03\x15\xfa\x07\n\xa3]\x11Xi\xd9\xe7\x12\xd6\'_\xd9n\x94_\xd8\xa4\xd38\xf8\xd4\x18\x05\xe0\x8b\\f5\xb4\xd9\xac4\xacLz\xa3~\xdf-\x19\\u\x08\x16\xfe\x07\xc7\xb2S\\G\xc6kU*\x14\xd1r\x1eYU\xdc\xfbO\xcaam\xc6\x1cN\x83\x8a*aW\xb2\xde\x04(0r\xed\x93\xfd\x8fq\xf9;xM\xca\x85+\r\x02`\xeb\xafj\x07n9\xea \x80\xc4\x89\'\x87,\xbf_\xba\xd1\x94&amp;Cv\xe7+\xdb\xcd\xb4P\x9c\x00\xd7]Ad.\xd2\xcc\xa7\xc6\xa8\x88V\xf3T|\xb3\x89\xc87vL\xdc\xa0]\xe2\x8a\x1b\xb6\xf2!O\x83\xeb\\W?g}\xbd(\xdcm\xba(sq\xda\x88\r9i\x8e\xf4\xd7E\xe6\x9c\x01\x89))\n\x04bS9\x15;\xc2\xf4\x81e8\'\xd6\x03`\xd7}\xde^\xd6\xb2D\xdd\t\xa9\xf8p\xa6&amp;f\xac\xdd)\xd5`\x92\xf1\xae1t\xc5C\xe3\x15\xfe\x1fB(\xdbd\xba\xd1\x9dT\xe4\x89/\x15\xf5w\x15\xb1\x0f\xea\xc2\x8cvL\xea\xee\x07\xa0\xe2\x02\x99V\x04\xc7\xcf\xf8\r0\xd9\x89\x84qGYF&amp;\x15m`\x06\xfb\x82\x95\xda-V\xdbc].~\xa6\x01\xcb\xa6\xf6\x02\xa4\x913\x91K}f\xe34\x90b\x00L\xfe\x1bZ\xfe\x87\x02+\xcf\xc1\xb3\xcaP"3\xb2\x0c\'*._\x7fM\x1d\xb8@ \xbf\xdc\xa5:\xc9\xe2\xce3\xc9\xb582\x87}6Z\x00~j\xa1u51\x7fmc\xa6\xb5!"r\xaf\xacGf\x9e\x7f\x85\x1b\x97^\x94j8Y\xf7A"\xb0\'\xb2\x9c\xbe\xe7s\x81\x88\xbe\xea\x01\x8aV\xbemS4\x1a\r\xc4\xae\xaa|\xe5Kw\xd6\xcb\x82\x15\xfa\xa5V6I\x81\x98\x10QV\xef\x16,\xea\xf5\xa7\xec\x8b\xa8\x86\x08\xca\xbf\xa0\xea\xb8\x81\xe9d\xed\xbcg@+aP\xda\x18m\x19*\xd5\xc9\xcee\x87\xf8[H\x9c \xc8)_\xf25\xe0T\xf2\xa5\xcaYe\xea\xae\x8f\x94\xabJ\xce\x12\x89\x86g*\xd4\x83\x8e\x93\x14\xacW@@\x9dd\xcd\xfe\xbai\x82\x0e1\x84\x7f\x05\x82\xd4hS\x0b\xf3S\xef\xfe\xea\x11\x8f\xfe\xf4\x9c}y\xc1\x91\xdfF(8+\xaf9\xd4\xbax\x82\x8a\x07\x8c!\x14\xab&gt;J\xaaX\xe4\xb4\xa6D\xfer=\xd4\xb7N\xde\xfen\xd5y\x9e\xdb5\xe7\xa0,\xc9@\xaah_\xff\xffq\xf6\xa3d\xcfh\xabQ\x07\xbdb\x86)o\xf3\xc8\xee\xd3\xdap1,\xbd\xb1\xf5o\xaf\xd8\xff\xa9/3\x10y\x18U\xba\xb2r\xfb%\xec\xd2\x1d\'\x9f&amp;*I\xe6!\xed\xc6\x1f\x17_\x0c\x17W\xc7\xe5`p\xdf#0\xa9\xf0\xbf\x8a\xb4\xe8J%]\xb9p-\xdfw\xea\xce\x0f\xb2?\xf8\x9d4\xff\xb5\xf4]pC\x9e&gt;\\\x1a&lt;\xa2\x06\xf3ykr\x14\x8a\x1f\xbaG\xc2\xcb\xfd\x7f\xb2\xf2\x9c|\xf1\xfb?$\xb1\x92\x1b\x01s"ZqV\xe5w2%\xa2\x90\xa6\xb3.}C\xa8H\xe9s\xdf\x9a\x1a\xb5~\x98:R\xa6B\x8d\x85;\xd6*v\xc0\xa7\xdf\xa7\xc9c\xe4\xd5v\xec\x91\x8e\x93N\x13Q\xe6"\xcd\xde\n}\x94Yds\xe0\xee\x87\xa8\xd1mM\xa9\x06\x93\xe7\x1d\xfe\x05\xc8\xf4\xa1\xd8\xdd\xd6/\xa9\xcb_K~\xbd\xec\xbd\x06!\x7f\xa4\xc5\xd9\xc14b\x11\xea\x10\x9c\xe2C\x0b Hb\x93\xec\xff\x17\x07\x9f\xa1d\xbd\x89i]\x8b\x7f=\x8eRK&amp;\x1b\x8b\x12N!\xbdz\xcc\xbaT\xaa\xc1d\x96\xde\xa9x-U\x93E\xbd\xa4\xcdz\x97\x9e\xc3\xa7\r\xaf\x89 \xfda\x9a\x12H\x90\xb7\xc6g\xa0h\xb5\x11\x12\xcd2\xf33\x1dA\x8f\xa8!d\xae;\xe71c\xa9\x82\r\xb8\xb4\xa8\x08q\x89`\xb2\x12\x00\x88\xbc\x0bU\x1c\x00\x80\x9c\xeb\n8/_p\x93\x19#V?\xfa\x05\xb4\x1dwT1\x91pl\xf7u,\x1dd\xdd&gt;\x9bt&amp;\xdf\xfe\x0fC\xc8\xea\xdd\xd2x1T\n\x11\xa5\xffF,B\xd56I4\x8e\x91S\xab\xe7zY&lt;\x8cEH\x86\x14i\x91T^b\xff\x0b3s\xdb\xc5\x04\xd4IWj\n\xca8\xd6\xc9\xe1\xdbF\xdf\x93\xad**\x1b&lt;S$\x0en\xc8\xb7\x8bT\xf7\xe0\x1c\xfc\xfc{\xcc\xbaD\x14(\xf9s,=\x19K\xdb\x95\xecHdo\xed\x97\x00\xc0\xb7\xe6h\xb5#J\xa8\x9f$\x86\xecD\xbe\xf5\x926\x13\xb9e\xf1n!\xd8H\x98\x16\xcb\xf39\xabp\xcf\x03\x91Ih\xb3\xd9;\xef\x81\xb2\x08\x12\xa2\xfa\x02\xac:\x8fE\xc7\x10\xd1j\x1e\xe5\xaa\xb2\xe7\xa1\xac\x9cb\xd5G\x91c\xed\x88V\xf3\x9a\x0c\xde\xf5\xfc?\xd3\xd0\xff\x19\xff\r\xb9\xd4I\x9a\x7f}\xca\x8e\xf7\xb2?\x14S\xf6\x92s\xf9V\xf3\xe5\x1a,\xb6\xd9\x8bI\x9c\x87#o\x99nF\xcb\xbe`D\x82\x1aN\x96\xe9y\xa5?\xbcb\x86\xcf\xde\xffm\xe3u\xe4*\xd1A\xcf"\xb8\x06w\xeb-(\xaab*jA\x0b(&amp;?\x91\xdb\xa5\xef\x80,\xa3E\t"\xca\xe4\xd6\xb8\xfb\xcc\x8b\t\xc9\xc7\xb2\x15mETHT\xadb:\xad\xe0\xcd\xfbf$\x9a\x0e\xdb[/is\xaf\xd9\x97\x01\xf4\x99w\x8d(\x83\xe2J\xf0\xc85\x8f5\xa5M\xbc\x01\xdc\x94\xdd\x9f\xfc\x1b\xaej\xbcQ\xe6\x1e\xf1O\x01K\xcf\xe6\x00vk[\r-\xa6\xe7\x17\x10\x83vQ\xa1\xb6\xe3\x8e\x16\xab.\x13sq,\xd7\xb3\xd3\x943\x02\x8b\xed5\xe7\xca\xa0%wy\xc3\xf9\xfb\xcc\xbb6j\xed\x93\x8e\x93N\t\xd03\xd2\x1b{\xfb\xd2]\x8cV\xf8\x7f\xe8\xc3\xce\xfb\xac\xf5(\x98\xd6\x15ICx\xd2\xb1(4\xaa%\x94=N\n\xb7K&gt;V\xbd\xcbj\xa2\xbc\xec\x98\xdbZ\xda^\x87\xd8\x8b\xdf\xc4\xdd[\xef\xaa\xc3\xff\xea\xe4\xa7\xe9\x90V\xa3\x0f\x1d{\x85\x90\xa6\x06D\xed\xb7\x1d{\x84\xfd\xd8\x93\xb7\xbfS\xdc\x1e\xd3i\x05\xd7\x01W\xed\xac3\xd7iA"\x9b\x8d\xd7d3\xe9\xb1\x1b\x9e\x0f^v\x8f\x89\x92&lt;\x00F\xac~D\xb6\xd1\xa2j\xc5\xae\x1b\xder\xae\xb8/\xa3\x01\xb7\xc8\x01\xf2\x87\x9e_A\xbeh\xb5\x11uzo$\xf2]p\xf4O\xd5\xce+\x15\xbdm\x7f\x01\x00\xb6\xdf\xe5}\x13\xb2\xb1b-=\x9b\xb1\x0f\xde\x1a\x14\x97\xb2x\xb7p\xaf&lt;\xb8]\xf2qhOr\xec$\xc4\xd8+\x16ga\x87\xf1\xf5\xfd\xf9k\xab\xa7\xc8\xe6#3\x11yD\r\xb1\xf4lFd\xa7\xbe\xbb\xf5\xe8C\xdb\xef\xa0|\xaby\xc2j\x92f(J\xd4\xea"M\xd4\xb2\xfe"\x8a\x12\xe5f\x1e1r_\xbcT\x15t4\x00\xdd\tyD\x90\xa9\x8c\xba\xb0\xa2B\x07\xac\xa2\xe8g\x16\xda|6\x80\xc1\xcb\xee\xe9\x9c\xfc\xb0\xbd\x1b\xaf+\xc8.\xfe\xcb\xc9\xa3\x9e\x95\xb9b\xc2\xa2q\x1b_\x18+k\xb8Y9\x9d\r\xb2Cp\xf7\xea]WKp-^\x7f\x1f(\x90\xb1\xa0nm\xac\xe8\xc4e\xb3\x0f|O\x9cx\x12j\x90\xbd8Ut6\xfd~\x0b\x90C-r\xac\xa3\xf5XM\xb2\x942\x0e&lt;M\xa9\x86\x18\xb7&amp;\xa6\xf8!S\xb1~\xa6\xcd\x0c`JDKNj\xcb\x12\xc1\xa2i\x0f?\x07\x80Z=\x8d\xa7\xb9\xca\x83_\xecX""2\xd12A?\xfe\x06\x0f\x01U\xa79\x93\xd2\xdb\xef`\xc4\x9a\xc7"/\xe8,\xb6\x86\xe9\x85\x9c\xd1\x82\xe7\x13\x99\x06/\xbbg\xdc\xca\xfc+0w\x8f\x9f\xb9\xef+Y\x84\x0c]\xa9Q\x00\xa4T\xc3\xc9b\xdd\x1e\x8d\x89c\x8a\xf8n\xe6\xb0o&lt;o\xbd\x04\x1a\x1a\xf1Cvk\xda5~\xf3+\xc5fs\xc6\x9e\xcf\x1a\x0e\x94I\xec\xbdI\x97k:9\x03\x12\xb3\xfb\xb4N\x89\xe0\x97\x82\xb9\x07\x7f\x80e\x13\x90\'\xd8h4`\xbb\xcea\x8a!\x00\xe0\x11\xc4\xe5!\x9f\xeeC\xf4#y\xd3K\xee\x1b\xb6\x9fpB1]+/V\xbem\x0f\xbf\x80\x82\xc0\x19\x16\x1e\xfb\xb3\xe6"V_\x10}\x83\xb8\x12\x1cCzQ\xde\x9aDT\xab\xe7\xfa\x88V\xf3\x88\n\xb7\x1cy`\xc4\xeaG)o\x82\xae\xe8\x08\xc5\x07\xfa\xe27\xa5\x9a\xb8\x96\xef\xab=\xcd\xa2\x85GS\t\x7f\xe3\xfd\x8f\x01 \xbb\x115&amp;\x8b\xa7\xcc\xcc2\x96\xa9\xd2q9\x91\xa7L\x84+c\x99\x8e\x93Ok:-n\xd0.eg\x10\x8f\xac\xde-m\xfc\xdb\xd7\xe9\xbd\xd1hUMw\xa8\xcb\xda\xc5\r\xd6 ,\x97#R\xf2\xf5\xb9\x7f+y\xcbt\xa5\xbc5\xb4t9\xed\xc6\x1fo\x9a^\xc2o|\x14\xff\xb8\xc7\xff\xd6\xeb\x96\xb60\x84\x93oS\x1a\xab\xc5\x1a\xc2\x82\xa7\xedJI\xa4\xa0\x9e\xc1&gt;k\xd1\x96Q\x89K\x89\xf2\x1b\xb5\x9eZ\x00\xf0\x03X{\ts\x0f\xfe\xe88\xe94\x99\x96\xb5\x90"\x9a+n\xd0N\xf6\x95\xbf\x03\'\xdf\xc2-r\x80b\xbe\\\x95\x83\xfdu8m\t\xcc\xa4\x99\x96V.g"r\xab\xd0_\xed\x1bj\x89c#"\xe7\xfe\x8bn\xfdQ\xb8/e\x1aO\x9bw\xf8\x17\x97\xaaZ \xb5z\xaeg\xa7\xef\x7f\x02r\xaak\xe2\xda0o\x99\xael\xcb[\xd5\xfa\x04(\x04\x9b\xf2\xd3w&gt;\xe7O\x06u\x1di\xedN"\\\x12\x0fa\x1d\xb0\x8e\x00\xe2.\xd3\xce\t+\'\xc3\xd6[h1\xf2\x80\x80#S\xb0\rh_\xb4\xda\x08.#,\x0bH\x17\xa6\\a\xe1SC\xdd\xef\xec?\xe8\xaf\x93\xa9I\x97d\xd7\x9eV$c\xc1F\xc1\xf13R\xad6zc\xe9\xd9\x9c\xa8\xb8\x85GS#_\xc7\xban\x9fM\x96^\xcd5\'\xa9\xcd\xaa8\xa3P\x93\xe6-\xcc\xb6\xcf9\xf0\xdd\xc8\xf5\xe4\x87y^\xfe\x00\xc6nx\x9e4\xffzT\xe2R""\xf2\xcf\x1d\xd8I\xa0\x86\x92\x16X\xf6@\x8eU\xe7e\x1f~\xab6\xaa\x05\x9c\xc3x\xe5\x83\xec\x88J\x92s\xdd\xca\xed\x97\xa8e\xceN=\xc4\xa6r\xcb\xeb_;\xb9H\xf4P\x81G;\x86\xf4\\sQ\xe1\xf9\xb0\xaf\xd1t\xd8^\xa2&lt;\xa2.\xa9x\x97\xeb\xf4\xded\xed\x970q\xdb[(\xc3#\x9ffRZ\x93\x81(\x93[c\xbd\xb2D\x91\xa2^\xb9\xf2\x9els9\xc9\x15f\xb95)\r@WNM\xf3\xee3/\xea\xbc(\x80\xa7\x9a\xfb\xe9J\t\x8b5\xb8%g\xcbS\xaa3\x915\xfb\xa3z\xd7\xd5\x00X\x16)\x1dd\xab \xcd2\x06?:\x16\x08\xfeN\x0c\xf1da/\xa0\xa31\x03B|\xca\xc5\xcf\xd4\xbcW\xe0\xf0_\x89f\xc3\xf7\xa9\xcb\x01\xfe_1m\xd7\xc7\xa2\xd5Ff,\xd8P\xe4\r\xcc7b\xf5#\x8b"\x92u\xdb\xa3\xd7=Un\x06\x95\xc9\x10$f\xc2\xa0\x15[mr\xca\x9a,@\xdeU\x877\x1b\xb6\xaf\xd5\xa8\x83\x91m\x16\x8e\xd9\xf0\\fTp\xa8%\xaf\x92\x9f&gt;5\xc9\x15\xc3}\xcc\x1d\xd8\x89\xfb\x82\xdcJ\xb9&amp;\xc9kE\xbcb\x86\xd7\xe8\xb66\xa0N2\xd9\xc5\xb4\x18\xb1?y\xd3K\x01\xe1\xc2\xd6\xf2\x0f\x81\x7fKl1\xe5+\xdb\x9d\\\xeaO\xde\xfe\xee7@\x19\xcb\x10\xd9\xca\x93-\x8b\x98L\xa8\xf4\xb5W\x7f\xc1\xbb\xda\x08\x95\x8d\xacCN\x18w\x94\x9dbW\xb2c\xf9\xd6\xf3\x892R\xb6\n\x85*\x0e\x10R\xbe\xb8/\xa6\x9a\xa4\xcf\x95\xcb\xd6\xd9a\xd2\xa95\x171i\xfb;\xc8\xd6l2\x88+Y\x04\x85\x06,\xba\r\xc0#j\xb0dE\xe6\xa8\xb8\xf0\x18^\xa5\xcb\x95\xa44\xc5Y\xcb\xbe\x08\x83\xbc\xc9\xc4\xb7A"\x95\xe5\xeb\xf4\xde\xd8\x7f\xd1-\xf9\xd8+\xeb\xa8\xb5ORB\x01\xad*\xc5\r\xda)\xba\x02DD\xaez\x9dEDT/i\xb3\xbay\xff/\x84\x9b\x92Z\xa5l\xcb\x12\xae+J\xb3$\x80);\xdeK\xe5\n\xeeSc4\x80\xceS\xce\xec\xfd\x07\xf3\x0f\xff"*L\xe6!d_\x83;\x80k!\x85\xad_\xeaCp\x93\x19\x02\xc2\x973\xf9\xd7N\xa6,\x11\xe6\xee\xf1\xb7\x81\x0f@\xb1\xea#\xa5\xb8x&amp;\xee\x0b\xb2@\xc7w\xc2\xda\xae\x89[\xdf\xdc\x01\x12\'\x9c \xf2\xac\xd8v\xd1\x0b\xa0b\x82\xaa\xf5^\x05\x85_6\r]\xc7\xb3\x95w\x0e\xeb\x13\xdbc\x9d.\xe3\xb3\x1c\x87Zd\x11j\x98\x9e\xb5j\x07\x0c\xc0\xca\xb7-\xf7\xf9\x1e\xb0\xf8x\xca\xae\xd7@\x87\x89\'M\\\x1b0\xf1n\xff\xda\xe3\xba\xcd\xd0\x91^\xa9F\xb75|Y\x1b\xc5)\x923\xfb&lt;[\xd6\x05p\xe5\'F\xaey\x1c\xdc\xc4x\xc64\xb3Ln\x8d\x1f\xf1\x0f\x1d\xf2\xcb\x1f\x11\x01\xf3]\x05\xb2x\xb7\xa8\xd4nq\xbe\xb2\xdd\xd4w\x1dz\x8e\x0e\x93N\xe9U\xcfT\xc2\xb4p\x9c\xb9{\xbcCpwc\x8exx[\x19/\xbd{\xa3&lt;\xa5:\xcb\xbd\xc4\x15\r</t>
        </is>
      </c>
      <c r="E261" t="inlineStr">
        <is>
          <t>&lt;class 'numpy.ndarray'&gt;</t>
        </is>
      </c>
    </row>
    <row r="262">
      <c r="A262" s="1" t="n">
        <v>260</v>
      </c>
      <c r="B262" t="inlineStr">
        <is>
          <t>steps_per_sec</t>
        </is>
      </c>
      <c r="C262" t="n">
        <v>3800</v>
      </c>
      <c r="D262" t="inlineStr">
        <is>
          <t>5.3923955</t>
        </is>
      </c>
      <c r="E262" t="inlineStr">
        <is>
          <t>&lt;class 'numpy.ndarray'&gt;</t>
        </is>
      </c>
    </row>
    <row r="263">
      <c r="A263" s="1" t="n">
        <v>261</v>
      </c>
      <c r="B263" t="inlineStr">
        <is>
          <t>Loss/localization_loss</t>
        </is>
      </c>
      <c r="C263" t="n">
        <v>3800</v>
      </c>
      <c r="D263" t="inlineStr">
        <is>
          <t>0.078118354</t>
        </is>
      </c>
      <c r="E263" t="inlineStr">
        <is>
          <t>&lt;class 'numpy.ndarray'&gt;</t>
        </is>
      </c>
    </row>
    <row r="264">
      <c r="A264" s="1" t="n">
        <v>262</v>
      </c>
      <c r="B264" t="inlineStr">
        <is>
          <t>Loss/classification_loss</t>
        </is>
      </c>
      <c r="C264" t="n">
        <v>3800</v>
      </c>
      <c r="D264" t="inlineStr">
        <is>
          <t>0.2852902</t>
        </is>
      </c>
      <c r="E264" t="inlineStr">
        <is>
          <t>&lt;class 'numpy.ndarray'&gt;</t>
        </is>
      </c>
    </row>
    <row r="265">
      <c r="A265" s="1" t="n">
        <v>263</v>
      </c>
      <c r="B265" t="inlineStr">
        <is>
          <t>Loss/regularization_loss</t>
        </is>
      </c>
      <c r="C265" t="n">
        <v>3800</v>
      </c>
      <c r="D265" t="inlineStr">
        <is>
          <t>0.035146136</t>
        </is>
      </c>
      <c r="E265" t="inlineStr">
        <is>
          <t>&lt;class 'numpy.ndarray'&gt;</t>
        </is>
      </c>
    </row>
    <row r="266">
      <c r="A266" s="1" t="n">
        <v>264</v>
      </c>
      <c r="B266" t="inlineStr">
        <is>
          <t>Loss/total_loss</t>
        </is>
      </c>
      <c r="C266" t="n">
        <v>3800</v>
      </c>
      <c r="D266" t="inlineStr">
        <is>
          <t>0.3985547</t>
        </is>
      </c>
      <c r="E266" t="inlineStr">
        <is>
          <t>&lt;class 'numpy.ndarray'&gt;</t>
        </is>
      </c>
    </row>
    <row r="267">
      <c r="A267" s="1" t="n">
        <v>265</v>
      </c>
      <c r="B267" t="inlineStr">
        <is>
          <t>learning_rate</t>
        </is>
      </c>
      <c r="C267" t="n">
        <v>3800</v>
      </c>
      <c r="D267" t="inlineStr">
        <is>
          <t>0.07999623</t>
        </is>
      </c>
      <c r="E267" t="inlineStr">
        <is>
          <t>&lt;class 'numpy.ndarray'&gt;</t>
        </is>
      </c>
    </row>
    <row r="268">
      <c r="A268" s="1" t="n">
        <v>266</v>
      </c>
      <c r="B268" t="inlineStr">
        <is>
          <t>train_input_images</t>
        </is>
      </c>
      <c r="C268" t="n">
        <v>3800</v>
      </c>
      <c r="D268" t="inlineStr">
        <is>
          <t>[b'640' b'640'
 b'\x89PNG\r\n\x1a\n\x00\x00\x00\rIHDR\x00\x00\x02\x80\x00\x00\x02\x80\x08\x02\x00\x00\x00\x83\xaf^t\x00\x00 \x00IDATx\x9c\xed\x9du\xc0\x15E\x17\xc6\x0f\xdd\xdd\xdd\xdd\xdd\xdd\xdd\xdd\xdd\rR\x92\xd2%-\xa0\xa4\x80\x804~(\xa8H\t*\xa1\x02\x82\x08b\x81  \x12\x8a\x80\xc0\xf3\xfd\xb1\xef{\xb9\xef\xcd\x8d\xd9\x9d\xdd{\xcf\xef\x0f\xb8\xef\xbd3g\x9e\x9d:\xb3\xb3\xb33Df\xd2u\xda\'\xa6\xdag\xcc\x03@\x98$\xca\x04\xa0\xfb\xf4OeK\xf0\xcb\x89;\x00@)\x1a\xca\x12\x00\xe0\xbe\xab\xc6fj-K\x06c5\xf2\xaa\x1c\xe3\x1b\x0f\xcf\x11\x02\x8e\x04\x00Qt\x15\x013\x03HVb\x80\x90D\xd3W\x18)\xc4N\xa8\x10On\xf23\xdf\xffm\xe4[\xdf\xc8\xd5\xe0\x87\x1c\xb2\x05\x10\x11\x01X\xf5\xd9\xbf\xb2U0L\x18pC\x8bO\x05\x90\xb8h_\xf3\xc4X\x80\xba1D\\\x00\xee!\xff\xf7\x03TE\x8c^\xc1\xc7\x97\xc9\xeb\xabV\xc7X\x01\x80Q+\xbf\x95\xad\x82\x88\xa8p\xd3\xd9\xee\x7f\xba\xeaX\xac\xdc]\xcc\x18\xec\x86\xc0\x00\x9aa\x98\xb0\xc3\xc3\x1f\x07\x086}\xeb/\x16\xe8a\xbc)\xdfi\x99\xca\x90\x00z\xce:l\xa6\x16\x9d *\xb2\xe50\x8e\x84+\x8fY\xd4\xe8\xb5F\xb6\x04Ct\x9a\xfc\x91l\t:\xf1S\xa7\xe3\xb9\x7fY\xaa\xedB\x00\x94\xae\xb9\x95\xc2\x18\x05M\x9d\x0e\x80\xe89:\x9a\xaaG\x1f\xee\xde\xf7\x8b{\xdc\x872z8\xf4\x1bV\x1ez,[\x05\xa3\x874DIdkpQDK\xe0\xb4f\xa9\x88d\xc0\x82\x13\x9e_\xa5n\xe2\xd1\xe9W\xef\xb9\xdal\x19\x8c?\x82:\xe0\xe89:X\x93\x90Z\xb2\xb7\xf7i\xdc\xcew0S7]\xb3\xad6\xc6\xc5\x07\x97\xb9\x8c\xecO\xdcjsw\xdd\x84\x7ff\xed\xb8a\xbd\xa8\t\xeb/+\x1f\x8e\xde\x8cR\x87\xae\xf9o\xf6\x15:-\xef;\xef\xb8\xb9\xb2\xfc\x00\x80\xa8\xb8\x9d{\xccp\xa2h\xe0\x9fE\x95\x91\xd9em\xf3\xba4[F\xb7\xc08\x92FC\xb7\xc8\x96`.3\xdf\xff\r\x00Q&gt;\xad\x117\x9cx\x19\xc0\xf5\xba\xa8\xd2m\xa5\x19\xb2u\x00`\xc4[_\xfb\xfb\xa9\xc1\xe0\xcd\x16\xebq\'S\x95\xd1\x12S\xf7M\xec\xca6\xef\xc7\xad\xe7\x91C\x1c0\xc3\x84\x026\x9f\xcc\x11\x87\xa6\xa9Z\x85\x82j\xbc\xaf\xc2\x1f\x0e\xc8\xc0\xc4\xb2\x05\xd8\x91\x82\x8dg\xc8\x96\xc006\xa2D\xab\xf9\xb2%\x84\x11\xd1\xc2\xc6\x01k\xa5\xcc\xdeK\xea\xfdo\x04\xb5\xfb\xad\x97-\x9ba\x18F?\x00\xd2\x96\x1f.[Ex\xc0\xde\xd7\x0f9\xfc\xb9\xd8\x86C\xde[\x1fl^\x9a(\x96l\xfd\x0c\xc3Da\xe2\x86\x1fdKp\x06\x00l\xb2\xd5I\xe8\xa38\x8c\xc1\x8b\xbf23\x91\x18\xcb\x0f&gt;4\xd3\xbex&gt;\xbb\xf1\xca\x9b\xfe\x06,\xfe\xf0/\xef0\xe7\x9fF\x0c\\\xbc\x1d\xb0M\xb6/\x081\xde=\x89\xa4\xc5\xfa\xcbVa\x1d_\xff\xc3\xc3ba(\r\xb3N\xbf\r\xb2\x850\x8c\x1bV\xdc\xfe\xc6\xad\x1a\x99J\x06s\x13\x12F&amp;E\xf0\xfc\xbd\xb7Uj\xf6\xf6\xc1\xf9\x1bN7[e\xb8a\x87\\\xb5r\xae(I\xb1~\xbf\x84\xd6`n\xebY\tC\x8aA\x8b\xbe\x8c\x9b\xaf\xbbC\xe7\xf9\xcauXB\x94W\xaa\x84\xf4RS\x0fu4U\xcaS\xf7u\xceW+\xb1\xa6n\xba\xa62|\xb7i\x9f\x10\x15Ro\\\xab\x9e\xc0F\xea\xf4[\x0f\x80\xd2\xb7\xd0j\xc1k"\xba\x84qa\x8c\x8b\xb2\xed\x17\xcb\x96 \x83x\xd5d+\x10\x83\xd2(\xbaY~@\x0b\x80y\xbbo9\xd1\xfbJ\x87\xb7\xab3\x1dM\xf5\xf2\xdc\x13\xfd\x0e\xf8\xa6\xc6\xbd\x94\x01\x10%P\x19\xb8\xfb\x8cCZ%\x05`\xd7\x05\xe4\xa97Es\xb48U&lt;\x1c\xf0\xc1\x9f\xb8\xcd\x8b\x04\x00QY\xd7gW=\xfc\x8d\xfbVK0x\x13\x19\x11=i=\x81\x92\x82\x90\xa4.Qv"Z\x7f\xe2\xa5u\x89\x86\x18)\x1b\t0\xc2\xc7\x07\xf9Ck\x8b\xfa\xf8\x17u\x8d0Z9\x8fT\xee\xfa\x8a5w\xd7M\xef/\xeb\x0e\xd8\x18\xf5&gt;\xd2R\x12\x17\xe9\x9b\xaa\xccP}q}\xdc\x04G+OD\x11#\x89d|\xd8\x80\x18d\xd5\x8d0&amp;\x86\xe1&lt;\x8f\xb7\xef{\x10\xe5\x11)*(\xa9\x1a[\x9a\x9c\x1f\x86/?+[\x82~\xaav\x7f[Z\xda\x89jKK\xda\xe9\xac&gt;\xf2T\xf9\x00\xa0H\xf39\xfe\x9a\xae\xf7\x97#\x96\x9f\xa5\xa8\x9e\xecwK\xfb\xd9$\xf3v\xdf"J\xa47z\x1a_\x13\xd1\xca#\x9c\xf4\xae\xd1F\x18x\x8e\xac\xe6\x98\xcd\x1e\xf9!1Qjs\x92\x08N\xf8\xb8\xff\xdb\xaekLRW\xb9\xe4\n\xaa\x0frp\x91\xac\xb8\x98\xa3*\x9dK8T\x153\xe0|\xd3O\xf1\x96\x11\xafr\x03\xc8Y{\x12\x80\xc7\x9ar3}\x0b)7\xc1\x13\xd6]\x06\xa0\xb7\xcbH\xe2\xed}\x01,\xff\xf8Qd\x80tD4`\xc1\t;U\xac\x9c\x919\x1cG\xb6\x92\xe0\xd8$\xdf*u]\x11&amp;\x0e\xf8\x15\xc9\xeb\xeb\xbb\xdeh\xd9;\x84WF\xf9\x02@\xd1\xe6sT\x07O\x08~\x8fQ!K[\xd9\n\x9c\xcfk\xab\xcei\x8d\x92\xa0`\xafu\x9f\xbf\x00@q\xabY\xdc\xd3E$\x17\xab\xb2\xfb\x97\x15:-\x8bW\xa0G\xd0\xb8?\xf9t\xbf\xc0\xe4\x8dW\x03\xc4*\xdct6Qn\xa3\xba\xf5\xf2j\x88\x93\xa0\x86,\r\xeaHGq\xaa\x10%\x95-#\x02\x00D\xd9d\xab\xb0\x8e\xdcu\'\xff\xa0\xbd\x19\xb6\x1e\xbb\x97\xbd/\x11Q\xac\xca\x9aV2;/\xd3\x04\xf7\x1e\xc9\x9c\x97\x03\xa1\xc4#\xb7\x1b_9\x0e\xf8\xd5IG\xc9\x8e\xde\x84\x1a\ri\xca\r\xf3\xe3\x7f\x11xOv;\xdcK\x89\x10`\xe2\xbb\n\x00\xbe{f\xaf\x06i\x87Rk9z7\xc5\xa8hUj\xb1\xadJ\x88a\x18\xd9\xcc\xda~]\xe9\xe0fl\xfb\xf5\xa9\xaa\x9e\xaep\xa0\x1f\x937P\x99\xeew\xff\xe1\x7f?\x80\x12G&lt;\xfc\xbf\xed\xe6G\x89\xe2\xf9\x8f\x17\xd7\x9f\xf7\x05\xf0\xf6\xe1\'\x1b\xbf\xf0{\t\x00\xca\x84\xe7\xdb5\xaa\xb1\x83\xb7s\xc7U\xb2\x1bT\xaf\xad\x1d\xfd\xf6y1iG\xae&amp;\xad\xd2m\x95\xdd\xb2\xc5$\x9e\x85\xc15ZO\xbf\xf9\x9f\xcb\x96\xc0X\xc8\x9f\x00\xc5\xacd\x92\xf1\x1f\x80\x7f\x03\xb5\xd2B\xfe\xf6\xf9\xf2\xd1\x85ej]\xa7\xff\x86\x98\xb9:\xbb\x07\x08\xda\xd3\xb5\x1e\xbb\'\x80\x03~h\xcb\x8er\xebY;\xa9J\xd1\x10@\xdc|\xdd=\xbe\xceY{\xa2\x9a\xfc\xb7\x18\x95\xb5\x82a\x84\x92O`}\xcbQk\xa2\xf2!\xe4\xeb\xf0\xfdP\xbf@U\x98\xda[\x01\x18\xf3\xce\x85\x80Ab\xf8\xfc\xb6\xeb\x1b\x1f\x9fz\xe0\xa9\xaa`\xe3\x19\x14\xbb\x8a\xf29V\xee\xcej\xba\xda{\x01\xdc/\xf0\xb7=zj\x0f\r\x00\x1e\xd8@\x95\xc2\xb1?^e\xd1\xaf\xc0\x98\xc8\xfbE{\xfa9{\xaabB\x9b8y\xbb\xdd2\xa1\xca\xe5\xaa3I\xb8M[\xd1s\xd6a\xd9\x12l@\x80\x0e\x0b\x80\x88WJ\xb2\x07\x0f\xa2\x8e\xb8\xf9\xba\xbb[S\x94\x07&gt;/y\xd2\xbbW\x02\xba`\x1f\xd7\xde{\xf6\x11Q\x82C\x8c\xf4\x15G\x11eV&gt;g\xab1\xde#\xf7\xe4NHV\xeb\xf1\x0e\x11\xddd\xef\x1b\x98\x8c\xad\xc29\x7f\\\xd7\x9e\xa4h?kRl5f7\x80\x13w\xc27\xcf\x99`$\xaa%\xabM\x06u\x9f\x81\xf9\xf8g\x00\x08\xba\x93\x8bV\x07\xdca\xe2~\xdd\x92\x84\xe0\x88.r\xc3I\\\xb7\x9fN\xf7\xfbu\xc6\x9b\xca]W\x98\x91?\xb0\xc1N\xe0*H\xee\xba\xf6\xe4%\x07Z\x93d\x80~&amp;\x1c\x00\x90\xa6\xec0\xd9*\xcc\x01\xc0\xcbP(T#k8\x93\xb9\xb6?\x0c\xc0\xd7\x7f\x07p\xbdv&lt;\x82\xc2\xbb\xad\x0e^\xf4\xa5\x14%\x8e\xe3\x81\xf3{\xba/\xffr\x9e\xfe\xb2\x1d\x96\xc8\x96\x10\x9cM_\xc9\xcc\xd8\xe2-\xe7\t\xb5\x17\x9d\x88\x88r\t\xb5)\x1e_\xb3\xe8\xa9\xe2\x17\xec)A\x8an|v(-G\xef\x92;\xaaRR\x9f\xb6\xe5g\xd51\x92\xfb\xfc\xf6\x07+\xae"\xa1O\xef[\xb7\xff\xbb&amp;\xa7+\x0c\xbb:\x95\xe0\xa3\x1f\xd3HJT\xd4\xfdo%\x8b\xa4\xcf^0\x8ce\xd4\x1f\xb8I\xb6\x840\xa0\xd7\xac\xa8\x8f$\xe3*\x07\xb0\xc4\x1d\xb6\xf4\xb4I)\xc6\xcb\xdf\x83\x12\xd4\x8c\xfc+\xbe\xbf`\xa9\xf5n\xcb\xec\xce\xb7\x8f=\xe7g\xcc\x18Xx{\xdf\xcb6ui\xfe0\xf1N=O\xbd\xa9\xee\x7f\xea\xd8\xd5\xc1\x0e\xd8u\x8c\xc20f\x01\xc0\xb5\xad!\x13:\xb8\\`\xb1\x96\xf3\xcc\xee\xd76\x9cx\xe9\xed\x80\xff\x16\x9ah\xff\x05\'|M&gt;3.\n\xba\xffa\x87,\x1a\xba\xe4\x94K\x8c\xca(\\\xa6L\xe8\x10\xaf\xbal\x05\x8c&lt;,\xf6U\r\x06o6/\x95qk.z{\xdf\xaeo|\xac"jR\x93$\xd9\x1c;8`w%\x91S&gt;aE,J\\G\xb6\x06\x86aD\x03 Z\xf6\x0ejC\xa7mf\xa6\x16"\xa2\xa4\xc5\xfa\xfb\xe8\xee#_\xf65L1_\x0f\x7f5\xb8\x96\x86C\xde\x13\xa4\xc4I\x0c_v\x86(\xbfD\x01\xbdg\x1f\xbd\x05\xc4\xcc\xd5i\xdb\xd7\x01\n+\xa6u\x82\x0cQ4\xc0o\xae\xa3\xc9\x88\x08\xc0\xa2\xfd\xf7L\x97\xc3\xd8\t;\x8ct\x19k\x88\xd8\x94\xf1g\x9b\x15\xb9\xc0\xfb\xad\xc4E\xfa\xf6\x99sl\xdd\xe7/\xbaL=8d\xc9)o\xd7\xbb\xeb\x02\n7\x9d-$-F\x04\xc9|~\xab\x14V\x93\xe1\xef\x9b\x91d\xe5\xae+\xcc0\xfb\x8a\xa87\xaf\xdeu\xfb\xc8M\x1f\xb5=e\xa9\xc16\x99x\x08\xc0\xc1\x9f\xec\xae\x90a\xec\xcb\xa2\xff\xfdi\xab\t\xbd\xf9{\xfe\xa0t\xcd2U\x19\x9d\xa8H\x1f\xf7\xef\x13\x15\xee\x03`\xc3IUM}\xe7y\x9fw\xb9\x11\xb4\x9f\xb0?e\xa9\xc1D\xd9\xf3\xd6\x9f*u\xd5\xaeS(e}\x92\x03\x17~\xe1\xf1\xcd\xaaC\x8f7\x9f\n\xbb\x8e~\xcd\xb1\xff4\x9d\xccc=\xb5\xfa\xae\x0b=\x07\\\xb0\xf1\x0c\xd9\x12\x18\x83D\x97-@\x1d\xb6j&lt;\x8a\x83\xfc\xcd\x97$\x97\xfb\xccX\xf95\x95v|\xb2\xe2\x93\xbf\x8dh#\xca\xa3/\xba\x93)iYJ\x95\xba\x98|\'j\x14\x99\x93\xf0\x8c^\xd2j\x8d\x00`\xdc\x9a\x8b\xa2\x92\xb7U\x1f\x1b\x15\tck&amp;\n:\x1e\x82\x9a\x07\x80\xf9{\xfe\xf0\xf9S\x89\xd6\x0bHKU\xee4\xf9#\xca\xd2\xa6H\xb39\xee\xde\xf7\xfcS\x83\x97\xe9{\x93j\x86a$\xe2\xde-d\xac\xe49@\x7f\xac\xabs\xb3I\x97\xc8\x842\xf5\x06n\xd4\xef}\xd34u\xff\xabf\x9f\xb5B$1\xe1F\x9c\xbc\xdd\x882I\x16\x11\xb3R\xee\xba\x93\x05\xda\xe3\xee\xdbBJ\xb8r\xdb&gt;\xf7\x12\x0c\xa3\x92\x8c\xea\x83\x16m&gt;\x87\xeb\xb7j4O|1\xa6\x92\xb9\xea\x18\xd9\x12\x18Spw\xc0r\x95x\x92B\xed\xd1\xe6\x0c\xe3\x97sO"\xc6\x95\xb1rw\xfe\xe4W\x9bUq&amp;\x18\xb6\xeb\x95\xe4P&lt;\xc0\xed\x11\x80\xd2m\x17Z\xab\x87\x11F\xe1\xa6\xb3dK`\x18\xd3Xs\xec?\x8aYQ\xf9\\\xae\xe3R\xb9b\x18\xad\x00x\xc4&gt;8\xa0\x03V\x8e\xe4\xf3\xf7k\xac\xdc](CK\x13\xa51\x8c\x04\x1c\xb2N\x98\x11M,\xbe\'\xb3\x8c\xcf\xae\x03\x10pJ`\x08\x14\xd9\xc6/\xe1\xf3u[\x85\xda}\xd7\x9d}\x14\xe4\x1a_[\xf9-x\xaf\xdd\xd0\xa5h\xf39\xb2%\xc8B\xf6"\x0cF\x07\x97\x01\xa2\xe2\xca\xe7\xe89:\xaa\xec\xa3y\xa1\x84p\x02\xe7\xa7\x90\xdc\x0e\xf9"S}\x81\xc5\xcc\xd5\xc1H\x02\xc0\xe4\x8dWE[\xd5\xf3\xdeD\xc8\xb75\xfb\x92\xa8\xb6l\x05~\xf0Y\'\xdc]i\xa3\xa1[\x82\xd5\x9b\xa2\xca\x7f\xb9\xebN1\xa2d\xc9\x87\x7f\x19\x89\x1e\x92\x84h\x8b\xcda\xe5+\xc8\x0c#\x9c\xb5\xc7\x9f\xeb\x88\x15\xa2\xcd9\\Y~\xf0\xa1q#\x01V\xaf(\x1f\xde\xff&amp;\xc8}-\x80\x03\xd7\x82T\xacG@\xe0\xf3,\x1f\x03\xffr\xedt\xe3\xc23\t\xb9q9\xf2\x9c\xdd_\x812\xed\x16\x8b6\x1f\xe3\xf3\xdb\xaf^\xdd\x16m\x9c!^\x9f\xafp\xe1\x19\x88R\x9b\x9bF\xd4w5\x19/x&gt;I\x1d\xbe\xba\xc2\xf4J\x179\xe3\xfd\xdf\x04%\x123h\x9f\xdb}\xfa!Ai1\xfa\xf1\xde_\xcc$\xb3\xec\x80\x19\xf3\xe0\xda\xc58\x9e\xd3\x0f`\xe4&amp;l\xd5\xa1\xc7[\xcfHk\x06\xbcy\x88&gt;&lt;|d\xeb\xb1{\x8dX\x1b\xb6\xf4\x0c\x00\xa2\x04\x8a\xb5\x9f\x00\x00\xff\xd9\xd5\x01\xdbP\x92eD\xac\xf3\xc8\xd6\x9e(\xbel-\x0cC\xb6\xb8\x81\xfe\rx\xe9\xc0N\xe1\x85\r4\x7f\xf2\x8b|\rN\xc4\x84;\xd4\x84\x8a\xd9\x98\xb9;\x03h5f7\xd9u\xb1\x9e\xc1\x15\x0c\x8e\xc6\x9e%\xc2\x84-\\\x1b\x85`\xd33\\\xcf?\x01\x80!KN\x99a\xdc\xd1U\'\x9c\xe7\x87\xc3\xf3\xaamN\x9bq:\xe6`r\x85s5\x0e\rB\xb3\xec~\x02\x88\xc8\xe7\x91D\xe1F\x97\xa9\x1f\x87f\x19\xab\x83\xbb\'\xa7\x133W\'\xd9\x12\xf4\xf3\x9d\xeag[\xf7\xb4\xd7R\x97\xf7\xad\xdek\xb5\xd6\xb8\xd6\xc3-\xd1\x9b[\xa1\x9d\'\x00\xaa\xf7t@\xd54\x95\x12\xad\xe6\x87r\x19\x07\x83\x9b\xbd&gt;\xdaO\xd8/[B\x04\x8e.\xbe)\x9b~4\xd5&gt;\x80\x14%\x07\x99\x9a\x84(\xb8%z\xb3\xe5\x0c\x00&lt;\xb1q\xb6\x14\x91-@4\xc9\xeb[\x9c \x80\xb1\xab\xbf\xb38Q\x81\xfc\x07t\x98h\xc8\x19X\xbfDn\xfe\x9e?\x00\xd8\xf7\x8dxG\x11J\xbd\xb6\xebZ\n5\x99Eq\xab\xc9\x15c1\x8f\x01\xa2\x82\xb2U\x18"E\xc9A\xa2kcVgU\xefX\x12\xd3NR\xac\x9f\xe1\xcc*[\xa3\xf7\x1a1j4\x90\xdb\xf2\x14E\x92\xbd\xc6\xeb\xb2%hf\xfb7\x00\xf0\xa7\xa3\x9a\x16c%\x9az\x92y{\xfeh1j\xa7yb\x18/RP\xc6V\xde\xdff\xaa2\xdaY\xfeR e\x88\xa8\xc7\xcc\xcf,N\xd5}\xda\xa4\xc9\xf0\xf7\xc36\xf7\x19\x8dd&lt;\xff\x94\xabJ\xd8\xe1\xf8\xfe!z\x05\xf3l\'*\xd2G\xb8\xcd\x92\xad\xdf\x14n\x93\x88(q\x1dS\xcc2\xda)\xcdg\xc80\xb6\xa7\x90l\x01\xd2HSn\x98\x8cd\x8bE\x0c\xcd\xd36u}5l\xd9\x19\xa7?\xe64Y\xbc\xf0\x17^\x8b\xce\xdd}K\xb4M\x86a\x18-8\xba\xd3w(\x11\xbe6EC\xd771su2\xe8\x80\x01|~\'\xc8v\xb9\xa6\xa2\xa4\x02@\x99q\xb4=\xe9\x8a\xb7\x9c\'[\x83M\xc8\xfb\x17w\x02\x0c#\x05v\xc0\xf6\xa1\xd3\xe4\x8f\x02\xfd\x9c\xb5m\x80\x1f\x01T\xed\xf1v\xa2\xc2\xe2\xa7j\x03\xb3\xedlD\xfd\x19\xb9\xe2\x1b"\xfa\xe8\x9a\xb6w\x8b\x9d~\xdf\xcf\x04 \xa9\xc1\xf8+&gt;\xf9[\x84\x0c\xbfp\xe53\x81\x12\xb2\x050\xa1M\n)\xa9\xfea\xd7\xbe\xe2\xbe1U9kM\x14\xa5\x84\xb1#]\xde\xf8X\xae\x00\xb8\x11\xbf@\xcf\x88o\x93\xd6\xd5\xb4\rM\xb6\x1a\xe3M\x94\x18B\xac=\xf6_\xe0\x00e\xdb\x0b?\xbc\xc8\\&gt;\xbcj\xc7n709jN0&gt;\xfc\rs\xd6D\xad\xc9\xbf\xd8\xd2\xfb2\x8cd\x82z\xd0,U\xc7\xba\xfb`W,M\xe3Y)\x83\xdf\xa5\x1f\xdd\xb7&gt;QYD\xcb\xd1\xe1\x0ep\xec\x0f\xdbus\xf6\xbc\xef\t\x8cR\xbd\x8b\xb5\x98+[\x88\xe3\x99\xbd\xe3\x86e\x15 Z\xf6\xf6\xd6$\xe4,~\x07x4\xe9l\xd2\x94\x1d\xa6tI\x91\x070\xc4Q\xfe\\v\xe0\x81de\x01QD\xd6\xee\xbbN_\xf4\xec5_\xa7\xcc\xad\x85*2\x11D\x1eC$[\x08]z\x11EC\x85N\xcbe)\xd1\r\x80sO\xe4\xe7d(\x90\xba\t%\x91\xf6Z\x0b?##\x15\'\xaft\x9b\xf6\x89\xfe\\\xf2\xf5\xc6pH\xd1\x7f\xfe\xe7\xb2%\x10\x11m\xfc2J\t}\xf2\x0b&amp;\xbd{E\x96\x18-\xa4\xfe\xf4\xb7pj\x81\x19\x83\xbc6\xe6j\x8a_\xff\x13N\xd9\xc2\x88\xa3\xf9\xa8\x9d\x8f\x01\xd3\xa6\x97\x92\xbb\xffQ\xa0\xd1\x8c\x85\x1f\xdc\xd5m\x0b\xc0\x8f2\x1dpIyI\xbf\xc2\xd5\xe4\x87.=\xed/\xcc\x1d\x07\x0eS\x00\xbc\xb9\xef\x8el\x15\xc6\xc8U{\x12Q\t\x1e$\xda\x85\xf4-LO"u\x13\xcbn\x0b\xf8\xfe\xc3)\x189\x11\xdcT4-4a|\x12\xaa\xb9\xd7t\xc4v\xc9\nn\x0b\xcbYgoR\xcah V%\x00C\x16\x7fev:e;,\x01\xd0z\xac\x8ec\xe6\x18K\xb1\xb3\x87[\xf4\xbf?{\xcf&gt;\xa2;\xba\xf2\xecL\xa0\x1e\x86q\'M\xfe\x86\xd3dkp\x16\xa9\x01\x10\xc5\x95-C\x06I\xeb\xad:\xf4\x18\xc0[\x1f?\xb2&amp;AG\x9c\x13\xe7"l{j\xfb8\xe0\x0e\x93&gt;\x14n\xb3\xdb\xb4O\x88\xf2\x02\xd8\xf6\xb5-\xae\xd1\x96\x94\xa5\xd8\x95w\x9c\xe3\xfc\xb1\x92\x045\xdc\xfe\xc8\x05\xc0\xe0\xfbp&gt;Q\xdav\x82\x82\xbd\x84[\x0ey\xc4\xf6\x89c\xde\xb9\x10u-F~\x95\x11O?\x0c\x97fi\xf3\x15\x85\xe6a\x13\x07l\xaa\x0c;\\\xa0m\xb1I\x05\xb0\x92|\x92\xd3O\xdd\xf8e\x94\x1cO:{\xc7\r\xf5\x9drP\x12\x17\xed\x0b`\xe0\x9b\'\x95\xa2\x8d\x9e\xa3c\xe0\xf0Rj@\xb4\xec\x1d$\x9e\x89\x06\x80(~\xb0\x00bIOD3\xdf\xffm\xd5\xa1\xc7\xa2-3\x8cQ\x94N\xe0\xcb\xbf\xc2\xcb\x13\xd8\x01=\x0f\xdacU\x0e7\x9f\xed$\x10\x15\x151\n\x9b\xae\xc9\x8b\x9b\\\x81\x98\x80\xe4\xad?U\xb6\x04\xe7\xf1\xee\x17:\x9bU\x18\xde\x87\xd9\x04\xbd+\xdd\xb2\x9b\xa2\x86\x11\x82\xfa\xe2\xac\xd5w]\xd0]\xc5\xaf\x84\\\xe3\xec5\xeb0Q&amp;\xd9*\x98@\xf0S1\x1dT\xeb\xf1\x8e\xbe\x88\xe3\xd7^\xfa\xdb\x19m&lt;N\xbe\x06o\xc8\xd6 \x929;\x7f\x7f\x08\x18y\xdd\xcb2\x96~t\xff7gT\x12UD\'\xa2\x03?\xbd\xba\x9e\xf4\x15GY/\xe2\x85\xe2\\\xfd\x1cB\xa9t\x82\x15:-[{\xfc\xb9\xb5\xba\xcc\x85\xc7\xfb\x0c\xe3X\xc2~\xe8\x1c\xbd\xbc\xf7w\x16thk\x8e\xfd\x17"\xdd\xe6\x90%\xa7\xa4=\x8a\x8e\xe1y\xf05\x80:\xfd7H\xd1\xc20\x8c&amp;\xb6\x7f\xeb\x80\x1e0D\xbai\xdb\x92\xa8v\xe4\xa7\xe4Dq\x94O\x16\xe49\xbf\x17\xce\x08\x83\xabQ\xbd\x01\x1bm\xb2[\x10\xa3\x83\xceS\x0f\x92\xb2c+%\xfc\xcfV\xddb\xe666\x12c9i\xcb\x0f\'JgMZ\xe5:.\x1d\xb8\xf0\x0bk\xd2\xa2H\x07\xcc\xcbw\x18\x01\x84s\x1f\xa1\xe0\x9d\x03a\x9d\'n\xe7\xdb;\x08\x00\xe5:,\xb1\xea\xbe$\xe5;\x87\x9fx}Y\xd4\xfct\x9d\x04\x80\xe2-\xe7\x9b\x9a\xc4\xae\x0b\xe8\x18\xf1\xd2v2S\x13\x8aJA\xbe\xfde\x84\xe1\xa3&amp;\xc9\xdb\xb6\xde\x1e\xa4\xc8\\e\x8cl\r\x96\x92\xb6\xfc\xf08\xf9\xba\xa9\tY\xab\xef\xba\xe1\xcb\xcf\x9a\xadG\x171\xe8\xd5\x9a\x86l\xdc?\x86\x05\xa9\x1a[\x96\x94\xabFE\xd6\xb1&lt;\x96%\xcd\x04\x07\x00\xa5i*[\x85\x18\xbe\xf8\x93;/\x99t\x9f~\xc8\xe2\x14_\x00D\x19\x12\x16\xeeM\x94[E\xf0\xc2\x81\xdf\x1d\x97\x88\xd29\xf6\x99{\xec\x05;`F\x15j_=U\x1c\xf0-\x00\xc0\xfa\xcf_\x18O\xb8\xa8q\x13\x8c\x02\xcfH0\xa2\xe0\xbad\x04\x00\xff\xfb\x01%Z/\x90-D\x0b\xe9\x9a\x91\xdd\x9fz$\x96-\xc0,$6\xb7\x94\xa2\x0c\x05}}V\x1b\xb1*Y\xb6K\xb0@*vyK\xb6\x04&amp;\x14\xb0wG\xcc\x88G)\xf1\xd0(\xf7Z}\xd79\xeeB\x8a6\x9f#[\x82\xa5\xc4\xf0\xf9\xad\xd7\x0c;\xc30\x8c6&gt;\xb8\x8c\x0c\x95^\x93\xadB\x13E\x94\xeen\xc2\xfa\xcb\xca\xdf%Z\xd9\xf1\xf6}\xf3)U}rH\xf4\xde\xbe=\x94\x95\x14\x90-\xc0r\xb2\xb6\x0b\x16"\xe46&lt;K\xd9H\xb6\x02\xf1\x00\xb8l\xbb\xf6\x9fN\xe5\xfa&amp;}8\xbf\xbf\x13\x89\xe3^\xd0LSN\xf7I\x85Y\x04K\x11A\xc3!\xef\xb5\x19\xe7\xf7\xe8\xcfc\xb7\xec^.\x1f\xff\x02\xa2\x9c\x92E8\xa8\xfa\x1a\xe7\xc3\xab\xae\x16[D\xb6\x16\xeb\x08\xdaOM\xdc\xf0\x83m\x17\xda\x04 Q\x91&gt;\xb2%\x98E\xaa\xd2C|~\x1fV\xad5(\xa9\xcb\x0e\x95-A#1+\xea{b\x9d\xa8p\xf0\xaa\xaeu%\x9a\x98\xba\x94\xa0\xa6\xb9\xf6\x19#\xd8\xb0\x0c"]\x91\x1dG\x94&amp;\xe1\xb8\x1b\x05\xc6\x1c\xe2&amp;,\xd4[\x88\xa1\x9c\xb5\'\t\xb1c\x07V\x1fy*[Bp\x9a\x8f\xda)[\x82H\xb8/r.&gt;\xf60\xda\x7fE[qN\xd9\xf4\xa3\xfa\xc0!QW\xa2\x01HVb\x80l\x19L\x10L\xadl\x02\xc7a\x00\xe6\xed\xf9\xc3\xb8\x1d\x9b\x90\xa4h?\x00\xc3\x96\x9e1-\x85\xb4\xde_)e\x11\xf4\xd4\xd4P$\xd1\x93P\xe8T\x19K\xd0\xd6a\xc5\xacd\x9a\x90@\x04\x15\x19\x12\xc3\x88\xd0\xe7\xe3_Lw\xc0\xe9+\x8e4/\t\xf3HR\xac\x9fI\x96\x7f\x06\x88\x8a\x9bd\\\xc1\xd7\xb3\x92\xac&lt;/\xc50!\xc2\xdd`-\xf9\xc4][\xb6\xf3h&gt;\x8e7\t[B\xb5/\x1e\xb7\xe6\xa2l\t\x92\xa9\xd4u\x85\xc77p\xc3\x98\xed8\x9aB/\xd8{\xdbXr\x0c\xc3x\xf1#\x0f\xa5C\x8b\xe9[\x7f\x0101\xf2e\x15\xe7r/\x0cj\xe6\xfb\xdf\xe0\xa1\xf6\x05PB\x1c\xf0\xd4\xcd\xd7\x8cD\xf7C\xaa\x83?\x83(\xb6\t\x96M!y\x89\x81\xae\xcf1su\x96\xa8D\x02&lt;\x8bb\x7f\xb8\x80\xbc9\xfe\x87\xad\xf3\xe4&gt;\x00\xe0\xef\x88\xc6\x15K\xb6\x1c\xfd\x84C\xff0\xfa\xed\xf3Z\xaf1V\x9e.6\x9f\x82vJ\xc5\xb3s\x1eZA\xb8_\xbf\x14\xd24Q\x7f6\xd6k\xab\xce\xb5\x9f\xf0?S\xe50&amp;1h\xe1\x17f\xb7\xaf\xbes\x8f\x01\xb8\x13\x91D*\r1\xd5\xbeY\x9eQ\xbb(+I\xe4\xfeG\xa96\x0bG\xbc\xf5\xb55\t+%\xdbv\xfc&gt;k\x92\xd3\n\xf7\xea"I\\\xb4/\x11\x01HRT\xfcZ\x06\xfb\x17U\x96jcK\xb5Y\xb8\xf6\xf8s]\xb1S\x08V#\x82\x8c\x95\x9d\xb5\x01\x10cS"\x1d|\x11rBC\x16\x0b\x00\xef\xf5\xc9\x1d\'}\xa8\xe4\x89\xf9gd\xa5v\x93\x11\xd6X\x9f\x03\x9f\xfe\xeaJ\xb1\x94u\xa9\xee\xfe\xce\xbc\xebLh\x9ae\x01(-j\xff\x154\x18\xbcYk\xdc\x96\xa3w\x99!\x89a\xec@\x8b\xd7v\x8a[\x10\xe4\x9b\x8f~t\x98\x83q\xe5F\xe9\xb6\x8b,H\xaeh\xf39R7D\xcc\xa7)\xf4\x15\xc0\x9c\x07\xcf\xd6\xc1\xb3\xb6Z1\xfa\x92@\xe1\xa6\xb3#s&lt;\x1aQ4\xe3\x82\x18\x15\x14"\xa2\xb7}\x9cd\xce\x84&amp;F:\xb5\x13wl\xd4!*\xdd\x85B1\xb1g\xcf\x98HiD\x1e\xf3\xd0h\xe8V-\x11\xe3jJ\xe6\xf8m\x1b\x95\x94&gt;z\xce&lt;l\xc7\xcd\x86K\xb4ZP\xbb\xdfz\xd9*|\x10x\xc0\xa2\xb2\xd9G\x06KMTNu\xca\xe5l2Pj2|\x1b\x80\x9c\xb5&amp;\x9ez`\x0b=\x8cd\xa2\x95\x07\xd0s\xe6g\xb2u\xbc"f\xaeN\xba\x1b\xcb\x963\x96\xde\x91\xa4)7\x8c(^\xe00f\xcf\n\x08\'Y\x89\x01.\x07L\x14]\xb6\x1c\xbb\xd0\x7f\xfe\xe7N)A\xfb\xde\x98\x8f[s\x11\xc0I\xaf7Y\xaf\x02\xed^\xff\xe0\xb9\x1f\xcdC\x96\x9cr\xff\xb3f\xef5\xca\x07{^c`\xdc\xbb\x83j=\xdfyO\xddY%&gt;IYjp\xba\n#\x82\x06\xb3U\xe7\xce\xb83b\xf9YJX\xabq\xc0\xbb\x9ct\xe5\x95"\xce`\x8d\xa4\\u&amp;\xd9\xb6\xf7\xf0\xa0\xfd\x84\xff\x05\xf5\xac\x9b\xberop\x0e\xb8(""\x8aQ\xa0\xd1\x0crf\xff\xa6\x86o\xff\xc5-\xed\x97v\xfa\x81\xcf\x12L#D\x92\x00\x9cRZ\xde\xcfc\x826\x0f\xdd\xed\x07\x00Qn\x00\x1bN\xbc\xd4\xa3\xd5\x1cD\xf5\x05\x1a\'\x0c\x0c1c\xdb\xaf\xc6\x8d0\x1e\x00H[n\xb8l\x15\x9e\xec8\xe7\x8c\x9e\xe4\xa1\x9bg\x8d\x91\xb3\x93\xf7\xe1\xf3\xf0B\x8aN\x9d\xa4k\xee0\xc1\xaa\xd1Y\x16\xb1\xab\x00\xa8\xd0iY\xd4o3\x1c\xfb\xc3\x1e%{\xf0\'\x1b\x88P\xcd\xbe\xcb\xaf\xd4*\xe5\xf1\xf1\xcf\x81\x1c\xf0w\xff\x81(\xa5\xd6Tr\xd4\x9a@\x9e\xe5\x1dBS:\xd9\xda\xab\t%\xa4v\x0e^\xfc\x95\xbe\x88\xb6h\x1b\x8ee\xfd\xe7/\xba\xcf8\xe4\xf5\xb5\xba\x87^\xc9\xea\x87v\xe6\xdfu\xf3\xac\xf7\x80C\xbfy^\xec\xdeK&amp;:\xe0Y;n\x08\xb4\xe6\x8b\xb8\xdf&lt;\x0e\xcd\xe2\xd3]\x16\xde\x11\x1d9\xb42\x83~\xf3?W\x1701\xa5oND\xb1rwq}5l\xe9i\xf3r0S\x95\xd1\x00\xee\x87u\t%\x91\x98v\xec&lt;]\x82\x07b\xfcP\xbe\xe3\xb2\x8d_\x86s\xd5\r\xc4\x1d7\xcfz\xe6\x11\x9a\x8ex\xdf;\x8c\x1a\x07\xac\xdb\x19h]\xf4\x14n\xc4\xc8\xe9\xfbt\n\x00I\x8b\xf7\xd7a\xd0\x9f\x03\xb6\xec\x01\x8d}\xf9\xec\xba\xaaJ\x9c\xb5\xfa8\x00D1\x95\x85\xb5.\xcc\x1b\xc5\xcc\xd9\xf9;\x00JV\xdf\x0c\xe3\x0c\xc3\x08\x01\xc0\xce\xf3\xdaz\x80\xbfT\xdc\xda\xfe\xad\xc2\x01\x9f\xfd[s\xcf\xf33p\xfe)\x0f\x8c\xac\xa6\xd5\x98\xdd\xde\x0eX\x96\x18\x8b\x98\xbb\xeb&amp;\x80&lt;\xf5\xa6x\xff\xd4g\xce1J\xd3\x84\xe2VSo\xcd_K(\xd9\xfaM3\xb3\xd2\xc2\x17\xb4\x19F\n\xd1+\x10e"\xa2&lt;\xf5\xa6\xca\x96\xa2\x07\x00E\x9b\xcf\xd1\x14e\xd7\x05Wg\xe2\xf7\x06\xe8\xf8m\xb3\xa6\xa0\x19\xc6\x10#\x96\x9fu}\xf69\xacx\x14\xac\xe2\xbe\xfd\xd9\xbf\xf1\x0b\xf6\xd4\x94\xa8r?\n\xe0\x8b?C\xa71\xd8\xb6y\xcf\xdduS\xb6\x043\xc9\xd4\xda\x86yn\x94l\xed\xf5]T\xe9\xb6\x8b\x94=\xb0|=3\xb6\x9e\x92\xbe\xba\x94\x98&gt;\x83\x06\xf8\xc9\x8d\xa2&gt;\xbf]\xf2\xd1\xfdy\xbbo\x05\x88\xe6\xee}\x7f\x0f\x81\xda\x92\xaa\x11)9\x96\xa5\xadl)\x8e#\x93l\x01~\xc8Ty\xb4\xe7WI\xeb\x11\xd1\xb6\xafq\xf6\x11\x0e\xfd\xa6,\x80\x12C\xa2\xc2}\x94\xc6p\x17 \xa28\xf9\xba\x89\xb2,\x8b\xfdWp\xeaAP\x07\x9c\xb7t\xbbE!\xe8-d\xc3Yj+\x92\x95\x18\xa0|H]f\xa8W\xd1\xe4\xf7\x13)\x93\xf1B\xdc|\nD\xd9\xbc\xbe\xce\xea\xbeL\x1a\xc0\xff~pvm\x89z5\xfa\xae\xc5\x94\xe5 \x9d&amp;\x1fh=v\x8f\x19\x96\x05bQ_\x01`\xcd\xb1\xff\x8c\x1b\x11"\xc6\x9dRm\xde$"J\xdf&lt;\xb2\xf6h^\xd2lC\x00\x0c^\xfc\x95\x9a&amp;\xf1\xdc\x84[\xe4\xda\xfd\xd6k\xb2\x19:\xee*[\xfb\xdb\x00\x11%*\xec}:\xba}\xf9\xe6\xf1\xab\xde3\xa29\x84\x1aE)Z9\x8a\xa8i\xa5U\xc61^-\xa3\xba\xa5T\x94\xa8\xb6\x87\xaf\xcaUgR\x8b\xd7v\xd6\x1f\xb4\xc9`Brqu2\xd5{\xbeC\x14_\x9f\x91T\xa5\x87\x08\x15Ed\xe3m\'\xd4 Xyd^h;\xdb\xd9\xdb\x88(=\xafHR\x97(\xe2\xe56\xe7\x96\x96\'\xb1*\xfb\x1c\x93n=\xeby\x81f\\\xb5V\x9b\xa1\x93\xed\x0e$F\xce\x8eJ\xfe\xc7\xcd\xd7])\xb8BMf\xc9\x16e\x16\x00(c+\x95!E4\x8dL.;-^\xdb\xf5\xb9\xdb\xf2\xe8,\xd5\xc6\x11\xc5\x19\xb4\xf0\x0b\x11\xf3\xcf\xf2\xef\x19D4\xe1\xb2\x02tD\xa5t;+\xf6\xd9\xb6;\x00.\xfe\x17Q\xed:O9`\xc8V\xfc\x1a\x82Dy\x93\r\x00\xa5kn\x9a}\xab\xf1\x18k\xfb\tU\xcc\x94a\x87\xba\xf7\x80\x19;\xe0^\x01\x04y\x1d\xfb\xa2\xfe\xd22T\x1a\x15\x99\x15\x81^\xe9\xb9\x1a\xcc\xa0+Kc\xe4\xec\xf8\xfe7\xee\xed15\x11\xd5\x1d\xf0\xaeJ=\xfe\xa8\xd0iy\xc8\x97\x9a\x0e\xe2\x17\xd0\xb6\x06(\x94Q\xe7\t4\xa3c\xcf\xb0\xb0\xe2\xfb\x97\xc1\xf3\xbc\xef\xdc\xe3\x00\x9e\x89\xcbI\x00\x94\xba\x89(k\xc6\t\xb0\x89\x8ay8\xab7t\x97\xfa\xaa\xc2D\xaf \xd6\xb2\x13\xd9\xfe\xad\x80rl:b{\x8f\x19\x9fQ\xa6\xd6\xca\x9f\x8d\x87m\xed\xfa\xc6\xc7\xcdFn7\xac.\x023\xbaV\x81$,\xdc\xdb\x9e\xc2\x822~\xed%\x87*\xf7&amp;\xed\x98w.\x08\xaf%!\x93;\xe6\xa1&amp;\xcf\x1b\x0c\xd2|xb\xd0\x14\xc3|\xf8Y\xa7\xff\x06gV\xcex\x00&gt;\xbc\xca-4\x02\x00\xf6X\xb9\x1d\x98\xf8\x00z\xd8x[\xf5\x8b\xcf\x1dY\rj\xf7]\xef\xbd\x87h(\x00\xc0\xdf\xd9\x06\x8c\x19\xcc6}k\xbaW\xc4\xca\xd3\xc5\xf80\xeb\xc2\xb3\xc8q\x83\x967\xb9\xa53z\xd59\xd9\x12\x8c\x90 _\x83i\x87op\xc3\x8c z\x8e\x0e\x00\xe6\xed\xbee\xa3]\xf5\xfd\x90\xa4X?\xa7\x8fu\x18\x01\xb8z^\xa5\xc7\x07\x90\xb5\xfax\x7f!-U\xc6X\x88q\x07l\xf3Y5&amp;LPj\xe0\xf8\xb5\x97d\x0b\t\x82\xf6\x96R\xc4,)\xd2(&amp;[\x80=\xe87\xef\xf8\xd6\xb3\x18\xb5\xf2["\xf2~\xe7\xdd\x8d\x14f+\x11\xd2w\xb3\x0f\x90\x02;`\xb3\x99\xb6\xe5g\xd9\x12\x1c@\xcf\x99\x87\x8d\xd6\xc0d\xf5W\x1f}\xa6&amp;`\x92\xa2\xfd\x0c%\xa4\x81\xa4\xe0\x1dpC\x9c\xf4!\xb5\x96X\xb6\x84\xb0\xc3\xb5+\x19g\xbep\x84dl\xfa\x8a#E\xe9\xb1-\x00\n6\x9ei\xfc\xad\xe8\xe5\x1f?""\x8a_=h\xc8\x0f.[Q\xdbs\xd6\x9e\xc4\xcd\xca\xa1T\xef\xb9Z\xb6\x04{s\xe0\x1a\xfb\x0c\x91\x94i\xb7X\xb6\x84P\xa3\xfe\xa0M\xee\x0ex\xb8\xdb\xb6\xaf\x8c;\xa2\x86\x80o\xee\xbb\xf3\x83\xcd\x86\x92Y\xaa\x8e\xb5$\x9d\x98\xa9\xca\x88\xdf[\x831\x1d[UVM\xd8\xfc\xa6-u\xd9\xa1*\xf6\xb6e|`\xe7b\xd5\x85\xe9\xcf\x80\x1cO\xbc\xeaq\xf2\x1a\xdd\x8fv\xe2\x86\x1fx.\xc7\x1f\xa6f\x8b\xaa\xa5\xd7\xe9[8\xbd\\\xb8jYCF\xe3&amp;\xb2V\x1f\x0f\xe0\xd7\xd0-\xad\xd1o\x9f\xe7\xba\xc8\xe8\x03@\x91f\xda\x8e&lt;Ri\x96\x174\x04\xe07s\xf2De\x86\x87@\xa1\x9c\xb8\x8b\xb5\x867xf\xac"f%\xd9\nL\xc4\xc2\xe6d\xf7\xf7R\x18\xad\x98Ty\\\x9e`\xca\xa6\x1f\x89\xca\t\xb7\xcf\xf8!\xa1\x92\xed\x9f\x05|\xad.\x04\x1c\xb0f\x92\x97\x18([\x82\x03\x88\x9d\xa7k\xcb\xd1\xbb\x88(rW\xde\xe2\x02\x8dG\xac\n\xb1+\xd1\xb2\xf36\x96!E\xd5\x1eo\xe7o8M\xa8\xc9DB\xad\tc\xd9\xc1\x87\x1e\xdf\x84c\x17o\x0f\xbe}\x1c&lt;\xe7;O9\x10v\xa5s\xe1Y\xb8\xed\xc2\x91\xc7\xe7\xb7\x9d\x82\xed\x89\r\xa0\xf1\xd0\xad\xeb\x8e?\'\xa2\x86C\xde#\xa2k\x01\xf3m\xe0\xc2/\x00\xec\xfe.x\xde*u\xee\xd2\x8b\xb0*\x05\xc9\xbc\xf9\xc1]\xd9\x12\x84\xa1\xb1\xcf\x8a!\xdc\t\x01\xa08U\x05\x1a\x14\x85\xf7\xb1\n\x00\xfe\r\xaf\xee\xce\x16\x00\xd8qNU\xb6\xef\xb9\x18%X\xe0\x8az\xf0\'$.\xdaW\xf9\x9c\xac\xc4\x00\xd7\xf4\xc6\xb85\x17uK\xb5\x1a\x1e\x12*\xa8\xc9\x84Wa\x12\xd4\x0c\x10\xac`\xe3\x99\x9a\x9e3\xe5\xa851\xe4K\xa1\xd1\xd0\xad\xa2L\x89\xc8\xab\xf8n\x16t\x1e\xd6f[\xf6}\x1f$s\xe6\xef\xf9\x83(\x96\xa0\xd4\x12\x08\xb2c\x11o\xee\xbb#[\x82\x04\x8c\x9f0a\x10\x00=E\xef\xcd\xe9\xd1\x0f\xfc\xe4\xd0\xa7\xfbr\xe4&amp;\xa9\x1b7\x7fw\xab\x13\x15\x80\xd2m\xe5.\xd1zA\x80@\x99\xab\x8e\xd5Z\x0f\xda\xbd\xfe\x81\xc6RHGT2h\xa0\x1e3\x0e\xc5\xc8\xd9\x91\x88\xcaw\\\xe61\xb4\xb4\x98\x95\x9f\xfe\x13\xe0\x02\xfb/8aq%LWa\x84\xb2\x1d:Q\x0e+\xd35\x8dx~\xbeOb\xa9\x8a0\xe3?\x07u\xf4\xf2h0x3\x00\xa2\x02b\xcd&amp;/\xf9\xea\xe1\xe9\xe2\xfd\xf7*vy\xcb\xd5\xeb\xe6\xaa3YlZ&amp;\xf2\xed\xbf|:\x8d6b\xe7\xed\x1a4\x8c\x95\x03\xb1u\x9f\xbf\xf0\xf7S\xca\xd2\x83W}\xf6\xd8J1Z\xb9\x01\x10\x11\x80\xdb\x16\xcbK\\\xc7\x8e\x19\x92\xb4\x1e\x00\xa2h\xea\xb5U\xef\xb5\x1a\x00\xc5\xae\xe2\xf1\xbdr\x84\x83\xb2\x7f\xca\xf9\xa7\xf6\xbbR&amp;\xac\xb0p\x0f\xf9X\xb9\xbb\x84\xd2!\xb6b\xf0\xe8PR\x97\x1dJ\xf1|\x15\x89\x883\xd7t\x13#g\'Q\xa6\xec\xec\xf3\x02c\xb9\xect$\xe9\xa5\xde\x84\x85{[\x9fh`\x00\xcc\xda~\xbdx\xcby\xa22D\x19|\xfd\xe1\xc0z\xe8\xc1\xec\x1d7(Uc""\x8a#Y\x8a\x10\x94\x8e.i]\xd9:LGB\xd3N\xd9\xc8\xea\x14m\x0b\x00\x9fO\x9b2Vz\xcdg\xe0\x0e\x13\xf7\x9b/J\x0c\x81\x97.\x7f\xfa\xabp\x07\x9cS\x9c\xa9@Hy\x8e\xe2\xc4\x91\x8a\x19(\xf9\x90\xad\xc6\xeb\x00\x8co:\x11J\x94lmt\x07JF\n\x16\xf4$J\x12\xbb.\xc8\xefC\xb2\xd5\xf0}\xd6\x91C\x88\x11\xe4\xf6W\xc9\xe8\x8b\xff\xc9\xcfhr\xf3\x19\xfe\xaa\x97\xa2\xb6\xfd\xc4\xfd\x01\xea\x1f\x00\x95\x8b\x80\x92\x16\xeb\x9f\xb0P/\x1d:\x03&amp;\x1d\x85\xaf\xff\x01\x11}p\x199\x8b\x824\x00\x00 \x00IDAT\x00(i=!\xa9l\xfb\xdaha\x15k1W\x88\x12\x07\x90\xad\x9dR(\xd5z\xbc\xed\xd0\xe9\x13\x81\x94\xef\xb8Le\xc8r\x1d\x97\x9a\xaa\x84\xd1O\xd6\xb6\x00\x86-;c^\nsw\xddT\x1a\xcb\xaaC\x8f\xbd\x7f\xcd^\xe3uI\xed\xa8\x84s\xdao\x9a\xa6\xea\xc3\x02X\x7f\xe2\xa5\xaf_R\tR\xa3\x95B\x81\xfd+\x00\x8a_#H\x00\x15\xf4_p\xc2k.!\x9d\xbe2Vb\xb5\x1a\xb3\x9b(u\xd2b\xfd]\xdf/\x8c|3\xa7l\x87%:\xcc\xfa"\xfa\xcaO\xff1\x12\x1f@\xce\xda\x13\x05\x89\xb19\x99\x88\xf2\x11\x95Q\xfe\xf8\xf8g\xa7\xb4^[\x00\x80(\xafl\x15\x9a\xf1\xd7~\xbf\xb3\xc7=\x86 \x8a\x9ad\xb7\xd9\xc8\xed\xae\xb9\xba\xa7\x01;\xe1\xf7\xbf\xb1&lt;?cV\xdag\xc9I\x1e\xa6\xe0V/\xb3\xbb\xd7\xd1\x00\xee\n@\xbfy\x9f\x9b/\xcd\x93\xeb\xc6\xeeT4\xdd\xe8x\x07\xd6\x9bt\x16\xb7\xcf6\xddB\xc1l\x00\xa4,5X\xb6\n\x86q*\x00V\x1fyj}\xa2\xeeS\x8fj\x1e\x96\x15l&lt;\xc3\x12i!\x84+C\xff\x05\\\xf7\x04\x14\xcc\x01K\xca\xe8"\xba\x1dp\xa9\xb6\x0b\x01\x10\x15T\x19\xde\xa3\xf2\xe9K\xd49\xe47\xd5:\x00J\xd5\xb8\x007Nw\xf8H\xda\xf0\xa3\xd5\x98\xdd\x9a\xc2\xbb\xbd&gt;\x9a[\xb4\x96\xe0l\xfb\x1a\xae\xd7)\xa5\xacVq\n\x85e\x0b\xb0\x8e-gt\x16\xbf\x8e\xaa\xa3l\x87\x99\xae\xfc\x88\x90\xaes)\xc9\x82\x11F\x92\xbaJ\xfe\x9f\xfc\x13\xd7\xa5f\xa6\x13\x8b\xf2\x85\n\xcdV\x1d\xb1\xa7\x10\xc3\xc2\xb4\xc2\x9ah\xd9;\xc8\x96\x10\x01{_O2[\xda\xe4\x82\xe2{\xcbI\xfb`p\xee\xda\xc8=\xe2\xd8\xd5\xdf\xd9\xb6\xe2N\xdc\xf0\x03Y\xe2\x96x\x04\xad\x97\xf4\x9cc\x8czL\xaa-\xbf\x85J\xcbM,\xca\xd0\xb4-?\x8b2e\x9cGv-\x1b\x00\xc6\x17&amp;\xec&lt;\x0f\xe5nX\r\x0b\xdd\xf6=.\xd1j\x01\x11\x15k!\xecMS\xe1x\x08\xf3\xbd\xbcB\xc8\x8b\xf6\xe9[l\xfa\n\x0b\xff\xf7g\x9ezS\xb4F\x15\x97{| \x0fc%\xb1-^\xad&amp;v\x80\xfb\xfdKs\xd7T3a@r\tO\xda&lt;\xdb@\x82\x9a\xa9\xcb\x0c\x15h?q\xd1\xbe\xd9k\xbc\x1e$P\xc0\r\xb4\x15\x02/4s\xdc=kP\x9d\xaaN)\x0fo\xbe\xba\xcfY$\x0c\tm\'NU\x8aQQ\x941\x07\xb5}\xa1\xa4i"[Ap&gt;\xfd\x15\xed^\xff\xc0&lt;\xfbJ\xd9\x7f\xf4\xa3\xc1\xe2OR\xbb\xdfz1\x82\xd4\xd1t\xc4\xfb\x94\xb5\x9dG\xad]\xfe\xf1#\xe5\x9b\xd7\xd7}o\xa5\x185\xf4\x99{L\xb6\x04\xf5\x049\x8a\x00\xc0\xdc\xdd\xb7\x02\x04\xe8=\xe7\xa8P=\x16\x01\x98\xfb\xe0&lt;c\xe5\xd1Y\xaa)\xcf\xb3R\x9c\xb8\x13\x86\x1d\xaex\x00|\xf7\x9f\x93\x06\xaf&gt;1O\xff\x13\x1bf\x8b\xdb\xa5jZT\x95P\xbc\x94`$.\xd2\x17\x80\xca\x83\xd9\x95\xc3\x04\xb5\x92\xb7\xfeT\xe9\x87\x8a\x04\x05\x80\xc7\x01\xcf\xdb\xbe\x86\xf7\x1b\xc3\xeb\x8e?\x07\x10-{{\xfb\xb7\xc6\x84\x85l\xb7a\xa4zn\x04\xcc\xdeTe\x86X\xa6D,f\xf7\xe3\x8d\x87\x19&lt;;+\x15\x9fB\xe1\x93\xfa\x836\xc9\x96\xa0\x9fFC\xb7\x98V\xf1\xb2\x8b\x9d\x11\x14\x03\x00\xa2\xb4\xb2Uh\xa6r\xd7\x15&amp;X-D\xd1\xcag\xaa2\x9a\x9c\xb9l\x95\xb1!}\xe6\x1c\x9d\xb5\xfd\xbal\x15\xa1J&gt;\xd9\x02\x82\x91\xa1\xa5l\x05\x0ec\xcb\x19\x0b\xef\xe0S7\x01@T\xd6\x8a\xb4\xfc\x91\xbf\xe1t\x95!\xdf\xfc\xe0\xee[\x1f?\x92\xb0\xe1\x88\x0c\x9a\x8f\xdaiY,]D\xb7*\xa1P`\xdc\x9a\x8b\xb2\xf6\xf7/\xd5fa\x9d\xfe\x1b|\xfe4u\xf353\x8e\x8f\\\xbc\xff\x9ep\x9bv\xa5\x90\x183IB\xff\xbc\x04\x81\xfc\xe6\xe1\x1dS4\xbc\xf4\x025z\xad\x11b&lt;f\xaeN\x169\xe0\xb8U\x1d\xb5\xd6$]\xf3%\x1f\xfee\x03\xb9\x99\xa4\xa6\xae\x02\x8d\x8f\xd2\xd7\xfb?g0\x00\xa5\xda,\xd4\x11\x8bQ\x89\xab\x92\x9b\xdaDM\xb2l\xdcf\xc7I\x1f\xcan\xe6t\xf8\x06\x88\x92\x07\x0e\x03`\xf6\x8e\x1b\xae\xcf\xe6\x8b\xd2L\x8eZ\x13dK\x10L\x8d^k\xbcWP\n\xcc\xfcBMfZS\x94\x8e[\xec\xa9\x90\xd0\xfer\x01\x10%\x93\xadB$Y\xaa\x8d\x0b\xf4s\xa2\xda\xcak\xb5d\xd7n\xc8Vd\xaf\x19l!\xb7\x1b\xa2\x9a\xa8O\x0b\x81W\x83\xcb#\xbe\xd9\xbd\x92\x10\xe3\x1f\xfd\x08\x00C\x97\x9e&amp;"\xa2\x18\x00\xbaM\xfb\xc4\xb8\xd90\xa4B\xa7\xe5\xb2%H\xe0O\x00\xc0\xf1?tW\xc5\xe2"\xd5\xd8\x8d\x0c\x95F\x19\x89\x0e\xa0V\xdfu\x82\xb4h\xc1\x84\xb7\x8f.&gt;\x07\x80|\r\xde\x08\x10\xe6\xe8Ma\xbbWNz\xf7\x8a=\xdc\x80Y\x00\x18\xbc\xe8+\xb5\xa1#\x9e\x12i re\xaf*%\xee\xc6\xb5\xbb\xbd\xacAm\xea\x03Qw\x87\xb5\x1c=\xdb\x1f\x06\xb8\xf0\xd0\xae\xcf\xc2ISv\x18\xe7XP\x00\x14k1O\xb6\n\xd3\x98\xbd\xf3wc\x06\xd4\xee\xbd,\x16\x00\x15:\xa9=aM\xbdM\x00m\xc7\x9b\xf8\xf2\x95;\xfb\xaf\x00\xc0\xe1\x1bvl\x81v\xe8\x17\x06,8\x11\xe0W\xa5\xb0\x1e\xab\xd2\x99\xca\xa0\x03\x86\xaf\x8d\xd2\x00\x98\xb3&gt;Q\x1a\x8f\xd5MB\x14h4\xdd\x7f\x980\xda4\xd78\xff\xfb\xc1a\xb3\xb2\x8c\r\x89\x1d\xe0\xb7)\x9b~4)U\xc7=Q\xf0\t\x80S\x0e\xdc\x18\xa1\xe7\xcc\xcf\xacI(e\xe9\xc1\x7f\xf8\xbf\xd9:vKU\xd6yOnk\xae&lt;q\xaaj\x08\xecX\xee\x08x\n\xa0\xea\xc5E}\xe4k0\xcd&lt;\xe3\x819\xfd\xd0\x94F\xda}\xfa\xa7jr[\xcdV\xe1.\xdcJP\xd8\x9e\x8c\x8c\x17\xb1\xab\xc8V \x9b\xf4-B\xc0\x01\x13\xc5\xb3&lt;\xc5\xf8\xfac\x16\xe8ID\x8b\xf6\xffi\xe3\x9c\xf7t\x00\x00Z\x8e\xdeE\x89j\xbb}W\xd6\xe7#\xe1\xb9\xbbn\x9a/\xcf/\xc7o\xcb\xcfRQ\x8f\xe1C\x8e8\x00\xccx\x11+}\xc5\x91&amp;,\x0b\x8fC\x94\x90(\x8b\xf9\xe5\x98*A\xc1^&amp;\'ADT\xa1\xd3\xb2L\x95G[\x90\x90m\x88W]\xb6\x82P\xc3\xb5\x82\xd46\x14\x89\xf8?AM\x00k\x8f?\xd7\x10\xb3\xd9l\xd7\xe75\xc7\xfe\x13+K\x16\xcdFn\x97\xac nU\xb9\xe9\xcf\xd8\xf6+Q\xc6[Vy\xdf8y\xbb\x06\xfc=\x81\xdb9}2\x01P\xba\xedB\x00\x16\xef`\xd3s\xe6a#\xd1\xdd\xc7R\xb3\xb6_\xf7\xd8\xec]\xcc0+]\xf3\x0f.[\xb7\x88\xda\x82\x84\xd4\x11e,/\x9e\xb4\xe5\x87\xdb\xe9j\x03#\xf5\xb5n-\x00h:\xe2}\xd9*\xdc\x89\xaf&lt;;HUf\x08\x80\xb3\x7f\x07/\xf1\xc0\xbbP\x85\x03f\xb4\x0b-6c\tO\xdd\x1d[\xb5z\x00D\x19e\xab "RF$\x00\x88\xb2\x05\x0c\x98K`\x06n&gt;e\xd4T\xfa\x8a#\x01\x1c\xfc)B\xfc\x9fQ\xb4\xe53\xec\xd2,\x9d\xdc\xb6\x99\x03&amp;"\xa2w\xbf@\xa96\x0b\x01L\xdexU\xb0\xe9x\xd5\xee\xda\xedj\xfd\xf0\xe6\xbe;\xb2%\x10\xbd\xaa\x1f\xa9\x03\x87\xd1e\xbbH\xf0 \x86A\xb0\x85\xdfA\x88S\xd5\x8e-D4&amp;]\xe3eu6u\xa7\x1e b\xc8\x17\x99@\x92\x15\x1f\x108@D&gt;\x1b\xbf;\x8a^A\xf8\x83\x80\xde\xb3\x8f\xfc\xe4f\xad\xf5\xd8=\x86\xedG\x1c\x00\xd5p\xc8{\x99\xab\x8c1\xa6N\r\x89F\xad\xf8\xc6\xfcT\xfc0r\xc57\x00\x88R\xb8\x7f\x99\xbc\xc4@\xb8af\xfa\xe96\x9f\x02Qi3\x93\xd0\xc9\x82\xbd\xb7eK\xa0\x8a\x9d\xdf\nT\x04\xf1\x1d0\x99\xaf\xe8\xd7\xfd\x04T\x89n\xf0e6[\xb1\xfc\xe3G^+\xe1\xe3Mz\xf7J\xa3\xa1[\xe4\x08"\xa2T\x8d\xf5\xc5\xd3\xd7E\x00\xe0\xe7P\x9aH_a\xe4\xc9?Q\xaa\xedB\x83v\\\xe5\xe5~\xe6\xa9`\x12\xd40\xe65\xf2\x94i\xb7X\xa4\x1e\xfb\x138\xb3Lu\xc0\xca\xab\xb1\xb7\r$\xa1\x14\xf6\x1f\x80\xb0\xdd\xec\xac\xe5\xc8\xef~+k\xc1&amp;3u\x8f\x81\xdc\xa2\xb8^3\xf7|\xd1\xc5\x11\xa8\xb9v\xe1\xc3\xc4$\xc5\xfa\x01\x98c\xf4\r:\xdfXyC\xdfz\xec\x1e\x93,\xbbj\xe6\x1b\xef\xfd\x04`\xd2\xbbWTGM\x18\x0eS\x1a\xf6D\xc9y\xf1\xf3\x9a\xbeR\xd1\x1dW\xac\x18&amp;\x10\xc6\x9bb\xe3a[\x89J9\xf7\xa0\xd6-\xa7\xe1o\x9fw#\x93\x10}\xa3\x9e\x12\xd8w\xdeq\x00U\xba\xad\xd2\xa9\xd2\xde\x08\xef\xd0\xef\x999\xfd\xf3\xc6{?\t\xb7\xe9\x13E\x7f\xb2\x12A\xa67\x8d\x18\x0f\x1c\xc0\xf7\x0f\x91\xb3\xa0f\xa8\x92\xce,\x0b\x97C\x02\x88\x95\xbb\x8be\xc9Y\x85)\x0f\x80\x01\x10\x950j\xa2\xcb\xd4\x8f\x05\xe9\xb1\x0bA\xdb\xf0\xea#O-\x13#\x85O\x7f\r\xd4\x19\xbdw\x1aBN\xc1\x0b\xe1.\x8f\xcc\xbc\xba+~,\x7f\xf2\x8b\x0323K\xb5\xb1\x12\xcb=\xe0\x06v\xf1\x03m\xa9\x91\xbc\x81x5Lx#\xa4\x15\xf8^\x94k\xdc\xb4\tMT\xd5\xfb\xf2\x00:L\xdc\x1f @\x8d^\xab\x05\xe9\xb1/\xe9+\x8e\x94-\xc1\xf1x\xb8\x99\xda}\xd7\x0b3\x9d\xa6)\x80\xef_\x82bT|}\xdd\xf7\xee)\x8a\xb0\x9e\xc3\xeb\x1b\xb1\x8fQ\x92\xd9v\xe0\x05\xe0\xd0\xf5@\xc2\x86-;c\x99\x18\xc6\x14\xa2W\x90\xad \x08\x195\xbd\xfe\x0b\xe0o\xd3\xcer\xb9\'\xcer\x86J\xaf)\xcd\xfe\xb3\x80\r\x8c\x88\x88b\x06\xb5f\xcf\xee\x83\xb1\x1b\xa6\xd6\x93\xd7V\x9dk9z\xb7y\xf6\x15\xccp\x96n\x13\xe9q\xc5Z6\x88y3\xfc\xe1\xc3\xf9\'v\xce\xbd\xd8Q\n7m3Y:\xfc\xd51mu\xaf\xc3\xc4\xfd\xe6U\xd6\x03\xd7\x90\xb2\xd4`\xc3fbT\xee\xbab\xfb\xb7\xee\x0f.\xd1}\xfa\xa7\xfa\xed%\xad\xa7#\x92M\x9bt\x82\x9ar\xd3/\xd2l\xb6\x91=\xaa\xb4\x93\x0f\xb6y\xd5\xd2\xb9\x00 \xca`\xd0B\x84\x9f\xcb\xd6^\x94\xaa\xc0\xc9i\n,\xa6s\x0cW\xe2\x15\xe8!\xc4\x8eI#!\xb8\x1f\x04\x12\xb3\x92p\xfb\xea\xc8\x02 O\xbd\xa9\xbe~\xca\xa5\xc9PJ\xady\xa4&gt;\xbc\xca\x90\x89\n\xf7!\xca\xe2\xfd\xfd\xd1\x9b\xaf&lt;n\x9f9\xc7\xdc\x1dp\xcd&gt;k)Sk\r\xa2#\xa7\xd9w]\xb0}\x0b\x8cV^\xf9\xffU\x1f\x97\xb9\r\x11\x15n:\xdb;\xac\x12\xa0b\xe7\xb7\x0c\xa6\xa9e\xad\xa9\'\xef\x7fc]\x96\xf2\xfd\x8d;J\xfb\xf8E{n$)\xda\xcf`6Z\\\x10\x00\xaat_\xe5kj\xdd\x93+\x86\x85m8)\xb7v\xa5\xd4\x1a!M\xb9af\xe8\xb0-&gt;_"0iI\xa0^\xca\xa9\x0e\x99\xb5]\xd0 \x85\x9b\xce6\xb8\xc0Ri\x125z\xaf\xd1\x1a\xc5\xbd-U\xe9\xbe\n\xc0\x99\xc8\xed\xc5\xf7_\xc1\x91\x9b\x18\xb4\xe8K\xa2\xb8\x94\xba\xc9\xebk/\x19Qh\r:\x06\xf2\x00\x88Re\xa88\xcaO\xdc\xe2\x8e\xf0F.\x91\x00\n6\x9e\xa9\xd7LZ\xefZ\xe1\x93\xf8\x05{\xeaM\xc2a\xec&lt;\x0f3\x0e\xb8\x0c\xca3\xcbk\x9dJ\xb7\xaa\x04\xcbY{b\xa7\xc9\x07\xf45\x8d\xc0\xb1\xbe\x7f\x89\xb7\x0f?\xd1aVe\xd2Z5\x17j2\x8b\x87\xa4N\xa5\xde\xc0\x8d\xbf\x9bVr\x00&gt;\xfd-bG1\x00\x9an\xccK\xb4Z\xa0\xc4\xba\xaeN\x9e\xf2v\x87Mv\x98\x12\x85\x92\x03?s\xd3\xf2\x85\xa6\x1e\']\x85\x11D\xd1\xcc\x13\xe38\xfe\x02\xbe\xb8\'\xb3^\xe9p\x18\x9a\x1c0Q\xe2\x7f\x9c\xe7\x96R\xeap\xa5\xab&gt;\xfb7"VR\xe1\xa7#0\xbeQ2\xbcf\xef\xb5bl\x99\xbd]\x94\xf6Z\x95\xa5\xc3\xc4\xfd~\xa6\xd7\xfd\x11\xb1Mh\xbb\xd7-:\x13\x97q#\xf8\xc4\xa0&amp;\x1a\x0e~O\xa8\xbd\xe8\xe1r\x8b\x90\xa4\x0ee\x8b2\xa1\xa5L5{\x85\xcbu\xf1\xbf\xc0\xb9a\xee\xee\xcd\xe4\xdb\x01\x07\xd9\x94\xf8\x17@\xcd\x16\xa75z\xaf!*@T\xc8k{\xc5&lt;\x91\xd5\xc0\xc7\xd3.\x9b\x90\xb5\xfa8\x1d\xb1\x94\xeb2x\xc2O\xdc|\xae3$r\x11Q\x9bq{\x03\x04\xbe\x12\x0e\xad\xc9\x0f\xaff\xe0\xfc\xec\xb2`E\xf2\xe6\xd9?\xfd\x10\x002i\xdf\xa8\xf3W\xb7\xc9\xc9\x1d\xe7@T\xd4\x04u\xea\x90\xbd0\xca\xf9\x88]\xd5\x95\x17@\x81F3&lt;vE\x15L\xe4\x93{;\x914\x94F\x1e\x00(]\xf3n\xd3&gt;\xf1~\x171k\xf5q.\xdf\x1c=G\xc7\x88\xc0\x14\xc3\x87\x05{\xf0\x18X~\x</t>
        </is>
      </c>
      <c r="E268" t="inlineStr">
        <is>
          <t>&lt;class 'numpy.ndarray'&gt;</t>
        </is>
      </c>
    </row>
    <row r="269">
      <c r="A269" s="1" t="n">
        <v>267</v>
      </c>
      <c r="B269" t="inlineStr">
        <is>
          <t>steps_per_sec</t>
        </is>
      </c>
      <c r="C269" t="n">
        <v>3900</v>
      </c>
      <c r="D269" t="inlineStr">
        <is>
          <t>5.372381</t>
        </is>
      </c>
      <c r="E269" t="inlineStr">
        <is>
          <t>&lt;class 'numpy.ndarray'&gt;</t>
        </is>
      </c>
    </row>
    <row r="270">
      <c r="A270" s="1" t="n">
        <v>268</v>
      </c>
      <c r="B270" t="inlineStr">
        <is>
          <t>Loss/localization_loss</t>
        </is>
      </c>
      <c r="C270" t="n">
        <v>3900</v>
      </c>
      <c r="D270" t="inlineStr">
        <is>
          <t>0.012528694</t>
        </is>
      </c>
      <c r="E270" t="inlineStr">
        <is>
          <t>&lt;class 'numpy.ndarray'&gt;</t>
        </is>
      </c>
    </row>
    <row r="271">
      <c r="A271" s="1" t="n">
        <v>269</v>
      </c>
      <c r="B271" t="inlineStr">
        <is>
          <t>Loss/classification_loss</t>
        </is>
      </c>
      <c r="C271" t="n">
        <v>3900</v>
      </c>
      <c r="D271" t="inlineStr">
        <is>
          <t>0.16842598</t>
        </is>
      </c>
      <c r="E271" t="inlineStr">
        <is>
          <t>&lt;class 'numpy.ndarray'&gt;</t>
        </is>
      </c>
    </row>
    <row r="272">
      <c r="A272" s="1" t="n">
        <v>270</v>
      </c>
      <c r="B272" t="inlineStr">
        <is>
          <t>Loss/regularization_loss</t>
        </is>
      </c>
      <c r="C272" t="n">
        <v>3900</v>
      </c>
      <c r="D272" t="inlineStr">
        <is>
          <t>0.03521765</t>
        </is>
      </c>
      <c r="E272" t="inlineStr">
        <is>
          <t>&lt;class 'numpy.ndarray'&gt;</t>
        </is>
      </c>
    </row>
    <row r="273">
      <c r="A273" s="1" t="n">
        <v>271</v>
      </c>
      <c r="B273" t="inlineStr">
        <is>
          <t>Loss/total_loss</t>
        </is>
      </c>
      <c r="C273" t="n">
        <v>3900</v>
      </c>
      <c r="D273" t="inlineStr">
        <is>
          <t>0.21617231</t>
        </is>
      </c>
      <c r="E273" t="inlineStr">
        <is>
          <t>&lt;class 'numpy.ndarray'&gt;</t>
        </is>
      </c>
    </row>
    <row r="274">
      <c r="A274" s="1" t="n">
        <v>272</v>
      </c>
      <c r="B274" t="inlineStr">
        <is>
          <t>learning_rate</t>
        </is>
      </c>
      <c r="C274" t="n">
        <v>3900</v>
      </c>
      <c r="D274" t="inlineStr">
        <is>
          <t>0.07999563</t>
        </is>
      </c>
      <c r="E274" t="inlineStr">
        <is>
          <t>&lt;class 'numpy.ndarray'&gt;</t>
        </is>
      </c>
    </row>
    <row r="275">
      <c r="A275" s="1" t="n">
        <v>273</v>
      </c>
      <c r="B275" t="inlineStr">
        <is>
          <t>train_input_images</t>
        </is>
      </c>
      <c r="C275" t="n">
        <v>3900</v>
      </c>
      <c r="D275" t="inlineStr">
        <is>
          <t>[b'640' b'640'
 b'\x89PNG\r\n\x1a\n\x00\x00\x00\rIHDR\x00\x00\x02\x80\x00\x00\x02\x80\x08\x02\x00\x00\x00\x83\xaf^t\x00\x00 \x00IDATx\x9c\xec\x9de`\x14W\x17\x86\x0f\x90\x04M\x08\x81\x90\x10$A\x83\'@\x08\xee\xee\xee\xee\xee\xee\xee\xee\xee\xee.-\x14/P\xa0X)miKK\x8b\xb4\x94"_)\x15h\xdf\xef\xc7\xecNfG\xef\xd8\xee\x86\xe6\xf9\x93\xcd\xcc\x9d{\xef\xce\xce\\=\xe7=D\xef=\xa9\xaax\xba\x06\x8a\x00X\xf1\xd1\xef\xb6e\x9f\xd2\x96\\\x13\x97\xb2%[19R\x15\xe8JT\xdc-e\xb9p\xf2\x01\xa6\xef~\xe8\xfer\x199\xfb\x18\x94\xb1\xb1j\x92|\xe6K)\xd4hV\xbd\x01;\xa5\xc7+vY\xa3ui Q\xee\xbe\x0b\xaf@\x8e\xa2\xcd\xe6+_\x98[\xf8\xcf\xf1\xfb\x08+5\xf8\x8bw\x00\xb0\xfb\x16\xb8\x83-\xc7\x1e\x15\xa6\x11\xe6,8\x9c\x94\x88.\xfc\x0c\x9f\x9cm\x04\x07#\x15\x12;\xf2!\x8a""\xa2\xb4Z\xdf\xce\xa5\xb6\x89\xb2\xb5\xea&lt;\xedL\xdc\xb1\xe4\x15\x88"\x00|\x03\xe4\xad=9 \xba{\xc1\xfa\xd3\xa5\x15&amp;"\xca\xda\xb2\xef\xc2+\xa2S\xc3V}\xc6%h1\xfa\x08w\xb0`\xfd\x19\x00\xc6m\xbc\x97"_\xe7\xe0b\xfd\xf8\xfa\xdf\xf9\x1b\x00\x16\x1d{A\xe9\xea&lt;U\xf8RDt\xec\x1b\xc7\xa9\xe0\xd8~\xf2\xd5 ""\xbf\xc8v\xdc\x91\xc3_\x89\xb3\xf2\xcd\xd5.\xee\xa6E\xb4\x08\x88\xea\xfe\xf1/\x8a\xb7\xd1I\x89\xb4E\xfb\x0eX\xf2i\xcd&gt;[\x88h\xe5\xa97\xce\x94\x05\x83\x8a\xf4.\xdfi\x953YN\x00}\x17|"\xbax\xed\xf9\xb7\xa7\x1f"ut\x0f\xdf\\\xed(\xac\xd1\xe7o\x01`\xde\xe1g|q\xd1\rg*\x94KDt\xe7o$\xcf\xdbI%\x013\xa1%[/\xd1\xfa\xa6"\x92\xebL\xef\xf5\xbc?\xdfD\x81\xf2\x1dW\xcd?\xfc\xcc\xd3\xb5\xf0v\xdc\xfd\x18djb\x7f\x19\x9a\x03\x8b\x82J\'|r\xb6\xa1\xc4%\x15\xafK\xa4|\xca\xbd\xc45FY[\x02\x98\xb9\xf7q\xa1F\xb3\xd4.\xc8\xd00\xa2\xe2(\xe7?\xd1\x00\xf8\xfe\x03@\xca\xfc]\x00\xbc\x00R\x17\xea\xc1_Q\xb9\xebZ\xe6&amp;/\x8cK\x96\xb9\xdc0\xd7\xe3&gt;D\xa9\x01\xec\xb9\r"_\xee\xd0\xbcC\xbf\x10\x85\xbb\xa4\n\xaa\x05\xa0r\xd7uDD\x14\x92\xb6h\x9f\xc8\x1a\x13d\x8bi1\xfa0\xd7W\x11\xf9\xf7\x9awIT1\x95\xaaB\x00\x11\x11\x05\xf2\x07\x17\x1d{\xc1U\xe2\x0f\x00\xc0\xbe; \xa2\x9f\x80\x8b\xcf@T\x82|\xcb\xcaf\xdb}\xd6y\xc1\xf1,\x94\xb9\xa9\xf0\xec\x07\xf7\x91:\xba{\x9a\xc2\xbdz\xcf\xbb\x94\xaa`W\n\xad\xcf\x97\xfeF\x90\x15\xf7\x13\xb4\x1ew\xec\xdb\xb8\xac\xd2\x03x\xaez\xc3\xb9|\xba\xce&lt;G\x94\x86\xfb\xdco\xd1\xd5\x1f\x81\xb9\x87~\x01p\xe0.\xea\r\xdcy\xf7\xad\xa3\xb8\xe7\xc0\x94\x1d\x0fTr\xd3C Qf\xd1\xa1\xea\xbd6\x11\xd1\xa0e7V\x9d\xfec\xce\x81\x9f\xb9\x01D\xb1\x96\x0b\xd53\x82+\xce\xc3\x9aS\x9a\xc4\xe9\x8b\xf7\x7f\x7f\xba-\x005zo\xb6\xbb\x94\x19{\x1e\xd9]\x84\x12v\x0e\x97\n\xe8\xbe"CC\xf5\xf3[\xaf\xba\xf3\xc1J\xea\xc6\xb2\xbc\x8e\x9c\xd5\xc6{\xba\nDDM\x86\xef7|m\xbf\x85W\x84\xcf\xb6F\xef\xeb \xae\xf5\\u\xe6\x0fn\xedj\xdf\x1d\xe4\xab3\x95(\xec\xc2S\x1c\xfdZ\xfa\x04\xe6gy\x89\xb847\x7f\xc7\xd2\x13\xbf\t\x8fGT\x18\x99\xad\xf2\x98\xba\xfdw(4\xb8\x85\x85\x97\x0b/\x8cm\xbe \xa8H\xef\xf9\x87\x9fm\xbc\xe4r\xbc\xcf\xfcO\x00\xbc\x06(Yy\xdf\xc8vyjM:\xf8\x05v\xde@\xa6\xb2CE\x99\xd7\xe8\xbdY\xf8\x92\xde\xfc\x1d\'\xbe\x17\x94\x92\xa8\x04\x11\xb5\x9ft\x02\xc0\xff\x00\xf2+G\xce\xee\x90\x9bY\xde\xfe\x13\x00\xd6\x9c\xfb\x9b\xfc\xab\xca\xde\x81|u\xa6\xf2\x07\xbfx\x87g\xc0\xb6k|\x1a\xc7\xcb5|\xf5\x1d\x00\x85\x1a\xcd&amp;"\xa2\x10\xf2-C\x94\xae\xd3\xd4S\xc1\xc5\xfa\x11%\xe7\xd2\xd4\xee\xb7\x9d\x88\xc8\xa7\x8c\xfaM\x16\x16GD\xcdF\x1er|\n\xaaYw\xc0\x8e\xb9\x07\xf9\x89:J\xb7]F\x94\x9d(\xed\x9as\x7f\x0f]qk\xca\x8e\x07\xa5\xdb-\xa3$\xa5\x89\x8a\x8cX\xf3y\x96\xf2\xc3)}=\nk\x14^a\x84\xa4\x90\xecDA*u\x90%c\x99!D\xd9\x89\n\xf1\xdf\x82\xa3d\xeb%*W\xc9=\x0f\xc9\x18KL\x9e\xcf\x92)8#A\xb5\xec\xcb\x1b@\xcej\xe3\xe4\xcfejL\x14F\xc1u\xb9\xa1b&lt;\xc5\xce\x0eX\'Y[z\xba\x06\t\xc4\x91(\x9b\xe2\xcf\xe1\x17\xd9^\xed\xca\xf4\xf5t\x16\xe5\\tM^Q\xe7\x85\xf6\x90\xae\x8e\xcc\x12z\xda\xdaDD\x94\x8b(\xa3\xe0\xa8\xafO\xce6\x07\xbf\x00\x80&amp;\xc3\xf6\x8bVYE8_\xb4T\xe4[\xf6\xa3\x1f\xe3\xde\xb8\x98\xa6\xf3\xd2\xc6\xf4!\xca\x0b\x80\x12\x97\x12\xbd\x8f\x1f~\x8fv\x13?\xe4zA\xd9\xf7\x14\x00\x05\xd7\x15\x1e\xf9\xfco\xc01\x9f&amp;\n\xae\x0b\x80\xb2\xb6,\xdb~9\x97C\xdf\x05\x9f\x84W\x18IIJ\t\xaaD\x00\xbe\xfcW\xb1\x11X\xfa\xe1\xff&gt;\xfb\x0bD\xa9\xc8\xbf\xea\xcf.\xd5Ht\xfc[L\xdd\xf5#\x855\xe2\xc6\x16\xd2k\x0b\xd4\xe3\x16\xc0s\x00\xf8\x9a\xbf6iy\x8ah\xc1%\xf8Q4\xe0\x88hQ\xa0\xde4\xee\xc8\x1f\x92\xaf\xac\xdeR\xad:\xfd\x87K\x82\xc0\x1a\xae\xe73l\xbd\n\x00\xdc\x83}\xe7oP\xaa\xca.\xe7\xfd\xabv\x9av\xfa\xe2/\xb8\xf6\n\xef\xc4\xc3 \x07\xe37\x7f3`\xc9\xa7J\x15\xd8uS\xb1z\x00\x96\x9e\xf8\xad\xc1\xe0\xdd\x83\x96\xdd\xe0r&gt;\xff3S\xab{\xf9W\x00\xd8q\xdd\xf13E5\x98\xc1r\x15Q:\xb6d\xff]"=]\x01\x8e(/\xea\x80\x9d\x00\xa045=]\x8b\x04\x0c\x93\xc3\xd3\x150L\x1a"\xdav\r\x97\x9e9;0\x1e\xdf\xb2\xc5Z,\xa4d\xe5\xf9\x03\x13\xb7\xde\x0f\x8a\xe9M\xc9*\xe4\xac6\x0e\xc0\xbcC\xbf\xa8\xbdG\xc9*\xec\xbe\x85\x80\xe8\xeeD\xc5\x00|\xab\xf1\xc6\xc5\xcd\xb1\xd2\x15\xed\x0b\xa0r\xb7u\x94\xac\x02\x80\t[\xbe\x15%m7\xf1C\xa2\xec\xa2\x83\xc7\xef\x03\xc0\xca\xd3\x7f\x9cz\x08\x00+N\xbdYz\xe2\x7f\xc27\xfd\x1f\xe0[\xa0\xf1\xb0\xfdD\xb4\xea\xcc\x9f\x10l\xfa\x12Q\xb2&lt;\x1d\x84\x13\xaf\xbb\xef\xf0\r@\x94\xfd!W\x13\n\x15\x96\xe5\x93\xb3-\xf9W\xa5\xf0\xe62_?\xb0\x86c\xcc\xe1\xa0(\xf7\xa7r\xb7u\xc9\xf2v\xe4&gt;s\xa5\\|\x06\xf2\xafZ\xbe\xe3\xca\xfd\x9fc\xcc\x86\xaf `\xc5\xa97|~\xa5\xda\x88\xa7\x8c\xb9\xaa\x8f\xe7?\'\xc9\xd1Zu\x83\xdf\x85\xd4\xd1=\xd4\x13\xa4*\xd8Ur,\x98\xbbW\x8cE\x08\xe91\xe7\xe3\x1f\x05[\xec\xc5Z,`\xbc\xf0G\xc1\xaf\xe6m\r\xb5\xdb\x88\xfd\xe4\x85\x85\xdf&lt;\xdc|\x9f\xa72\n\xd3\xc5W\x8e\x9a\xe8^T\xf9/\x00@\xbc\x0f\'C\x00ei\xe6\x8e\xdax#\xd1\xd2CY+\x8d\x96MZo\xe0N\xe9\xdeX\xbc }\xf1\xfe\xdc\x87\x85G\x9f;\x8f\xe5\x16\xa5\x19\xb1\xe6\xf3E\xc7^Ph}\xa5L\x92\xe6n\xbf\xe1\xe3\x7f(}=\x03\xef\xbes\xd1;% c\x9a\x97\xb9\xdc\xf0\xa2\xcd\xe7\x93sqx\xe6\xde\xc7D\xc4M"\xa3\x1b\xce*\xd9\xc6a\xc5\xb3\xef\x0e\x00Ph\x03\xa2\x0c$X\xde\x9c\xbc\xfd{\x00\'\x1f \xb6\xf9\x02\x00\xcdGq\xcb\xb6Y\x01\x1c\xfa\x12\x15:\xad\x96\xad\xd2\xe1\xaf\xe2\xac\xd2\x88\x88\xb2\xb6\xa4\x8c\x8d\x89\xb2p\xff\xf1\x1bj\xfc\xad\xe3H\x94\xad\x95\xf3v\x94\xa7\xcc\x9c\x95\x83\xdc.OH\xfdj=7\x12\x15P\xb9W\xbf\x01\x17\x7f\x01Q^\xc9\xeac.\xd9\xf4V\xc16\x01\r\x18\xb7\xe9\xebFC\xf7.&gt;\xfeR|&amp;uu\x00yjM\xb6\xa8:\xa9\x01\xe4\xaf;\r\x00Q\x8cEyz!\x01\xd5\xa2\x1a\xa8\x99\xbd\xe9\xa5\xe1\x90\xbd\xf7\x81\xd1\xeb\xbf\xb40\xcf\x04,\x87\xbd\xad\xf4\xc2U\x04\x8e\xa0\x98\xde\xcci\xf9EW\xf9\xb5\x19\xe7.\x9d&amp;Q\xcc%\x9a\'Xg\xf2\xba\xa2\x03)\x0bt\xa1\x0c\rX.=\xf1=^\xaa\xfe\xc4\xd7\xfe\x87\xa4y:\x10\x91N\x0b\xf0\x94\x15;\xaf\xbe\xf9\xc6\x91s\xf1\x96\x8b\xea\xf4\xdf\xae\x90\xb2\xb0\xe23\xe6_\xb5\xf1\xb0}\xd5{m\xca[{\xca\xee[.k\xa7E\x9b\xcf\xbf\xf03\xe6\x1f~\xc6\x1d\xac\xd2}}\xf2\xbc\x1d\x89\x8a\xf2\x1d\xf0W\xff\x02\xc0O\x82\x19\'wa\xa2l\xad\xb4\xac\xcd\xf3\x08\xff\x89\xeb\\\x89\x02\xa2\xba\x0bO\x85\x94\x18 Z\x11\xf5\xcd\xd5\xee\xec\x13P\x8aJD)d\xb3\xae\xdc\x8d\xb35\xa3Wr_9y\xbeND\x01\x92\xc3a\xae\xff\xa6V\xa9\xba5(\xdb!r\x9d\xa2\xae6\x01\x80s\xcf\xbb\x00\x80\xfcu\xa7\xb2\\\x02\xe0\x7f\xc0?&amp;\x1b\x1f \xce\xfc\xef?BX\xe9\xc1\xf5\x06\xca\xb8X$\xe0q\xcau\\\xc9}\xe0\x9e\xef\x8eSO\xd98\xbaL^\xc1;znE\x83g\x9e\x8c\xa5\x87\x88\x0f\xa5\xabcK]\x04\xa4\xcc\xdfYy\xb56\x0c\x80\xab\xa1_\t\xb5\xbc\xc2\x1a\xda|\xab#\x8a\xb7ZD\x94IW\xcb\xbb\xed\x1a\x00\xbc\x05:L\xfe\x88(\xa2\xef\xc2+\x97\x9fCqM%y\x05\xd9\xc3\xdc\x047\xa2\xe2H\xce\xd8\x9b+=G\xd5\xb1D\xe1U{l\xa0\x0c\r7\x7f\xe2\xe8\\\x93\xe5\xe9P\xa1\xf3\xea\x1e\xb3?\x8e\xebn\xfd\xca\t\xf3\xe1\xae\r\x88\xee\x0e \xb4\xe4@\xfe\x94o\xae\xb6\xfcg\xad\t\\\xce\x11k&gt;\'\xf2\xed4\xf5\x14\xf7\x7f\x92\x1c\xad\xe7\x1c\xf8\x99?]\xa1\xd3*\xae\xac\xbe\x0b\xaf\x94i\xb7&lt;C\xa9A\xb2\xdf\xa8\xf3\xf43D$2\x9c\xe6x\x07\x88\xec~\xd2\x14\xe9%rM\x8cn8\x933"\xb3\x9a$\x82\xcf\x11\xca\xc9\x92\xbe\xd0\xd9\xfb\x02 J\x14\xf7\x99\xc1\xb0\t\xc0\xe6O\xacx\xa4\xbdv\x02\x91\xc0\x7f\x99,\xe5GPD\x0bn\xc9\xce6\xa2\xf4\x9b,\xb12p\xc9\xa7MG\x1cP&gt;\xef\xb2S\x9b8{+\xa5t|\x12\xd1\xff\xa1%\x06\xca\xa6\xb3\x16\xa5\x96!w\xcd\x89\xba\x1a\x8d\x82\xf5\xa7\xbb\xa7\x91\x91\x96\x92\xb9\xdc\xb0]7D\x07\x13\x11\x85\x10\x11\xb7D|\xfc[\xcc?\xf2k\x95n\xeb7|\xfc\x0f)\xdb\xbe\x91oY\x99\x83&gt;\xa5\xbb\xcf:\x1f\xd3l\x1e\xb7\x98\x0c`\xefg\xc8_w\x1a\x7f&gt;K\xf9\x11\xe7~\x82\xc8\xc0\xad\xfe\xa0]\xdc\xea\xa5\xf0`\xdd\x01;(e%\xe2\x1b\xe4\xb8\xb5\x81\xf4D\x94.\xb6\xaf\xea\xf7\x16V\xa9L\xbd\x81;\xe3\xeeC\x8aJY\xca\x0fO!\xb6\xcb\xf5O\x99\xbf\xcb\xcf2\xbfH\x9eD\xd9Zr\xdb\xcc\x07\xee"\xb6\xc5\x02\xae&gt;\x1d\xa6|$\x9c\xf5.\xf9\xe0\x95\xf0\x9a\xbc\xb5\'\x8b\xfcs\x8a\xb5\x90:\xf9\x04\xb2\xd6_\x19\x9b&lt;b\x00$\xcd\xddArX}\x00\x11\x13Zb`\x8d\xde\x9b\xeb\r\xd8\x19\xa5\xea\x97\xccZ\x03\xb3YHh3\xfe\x83X\xe6\xbdn\xcf\x11\xe2\xe9\n\x88i?\xe9\x84\xc7\xcav\xdaF\x1a%)\xd7XXG\xac\xa5\xb9y\r\xa9*\x93O\x19\xe1\x81\xe2-\x17y\xaa.\xc6\x08\x8a\xe9\xed\x9d\xa3\xf6&gt;ba\x87d\xe4:\xc7\xf0\x8f\xea\xf6\x0c\x98\xb6\xebG\xee\xdf\xf5\x1f\xff\xe3LYT\xe8a,\x83\xd8\xac\x97\x88\xd2T\xe8\xbc\xda\xb9\xdc\x1ag\x9e\r`\xf0\xf2\x9b\x1a\x15\x95\x91RI\xc5\xad\t\x8b\x96\xa3\x19\x90sN\xf5)\xcdW\x86c\xd3eQ\x86Y\xe4\x8bp\xcez;M=\xcd\xe5\x0cN.C`\x01\xa7\t\x00\xc1\xdc:7QP\x9d\xfe\xdb\xd3\x16e\x1eC\x18\xc1\xf7_\xeb\x1eH\r\x9b&gt;\xe2=6\xadm\xee\xbc\x9b\xf9G~\xcdZi\x94v:f\xaat_oan\t\x10\x11\x91\xbf\xa7+\xe0&amp;R\xe6\xefl\xe2\xeah\x91I\x94\xa6Q\xa8\xb7\x11Vz\xb0\xa7\xab\xa0\x83\x97\x02\xa9\x87\x176-\xf8\t\xc4[J\xb7]\xaa%U&amp;@\xb25\xfe\\_\x07\x1c\x01\xe0\x91Rb\xbfr|\x07\xdc`\xd0n\xd1I\xa1;\x96\x94\x13\xdf\xc7\x9d5\xbaJ\x1a\xb7\xc7&lt;q\xeb}\x81\x81B\x12\xd9\xd4\xe4Wn\xc8\x8a[\xa2i\x1b\x80\xb1\x1b\xefI-\xefD\xb0\xd50\xc5\xbf\xe2d\xa9\x04\x9f\x93m\xbc\xf8/\xf7i\xcd\xb9\xbf\x01|\xe7\xae!\xa6\x9f{\x8a\xf16T~\xb0;\x7f{\xe3\xe8&gt;\x01\xe3dh\xf0\xde\xce\xa7\x13\xd0\xc3\x96+\xc8U]^\xc4J\x0f\xc5\x01P\xca\xca*)z\xce\xb9h8\xf7\xb41}\x18\xedr\xfc\x0bv\xbb\xf8\x0c\x82\x99I\xfa\xb9\x07\x9f\xb6\x19\x7f\xbc\xf9\xa8C\xbc\t\xd5\xc4\xad\xf7\x17IM\x829\xec\xb4$\xa8\xd5w+S:\x17\xe1\xb9\x08\nk\xf8\x95k\xcb\xcc\xb9\x0e\xab4\xd7\xdb?e\x1a\x1f\x0cZz\x1d@\xf7Y\xe7\x89h\xcd\xb9\xbf\xd5\x13\xcf\xdc\xfb\xb8\xfe\xa0\xdd\xae~\xe76\xc1y\x8b\' Dv\xbf\'\x01\x9bI_\xac\xbf\x1d\xd9\xfa\xe4l3\xe7\xe0\xd3\x81K\xaf+\x9c\xb7u\x9bY\x9bx\xfd\xf6\x05\x16\xee\xa9\x9e\xa0|\xc7U\xea\t\x94H\x92\xa3\x8dv"}\xb0\xeb&lt;+QD\xf8\xcf\xd8\x8d\xf7T\x92\xd6\xee\xb7\xcdtq\xdaD5\x98\xc9mcsv\xd1\x00\x96\x9f|\xedX u\xdd\xe6\x90%\xa6\xd9&lt;\xa2\xc8Z}\xb5\xab\x9a\xbb\xe6\xa42\xed\x97\x8b\x0ef\xaf2\xd6\xf2\xa7\x17\x80tmRe\x82\x0b@E\x82\xc3L5\x00\xe8\xd8z7L\x92\x1c\xad\xbf\x8f\xcfM\x80U\xc4\xebv0\x01\x15R\x17\xeaA\x94\xd3\xea\\\xcd{o[\x102\xc1rt\xbe\x05\xda\x8bg\xbf+f\x986[ey\xafe;\xe0$\x90Lf\xd2s\xce\xc7\xd2\x83#\xd7\xde5\x99\xadI\x00\xe4\xad=9_\xdd\xa9F\xd4g\x89\x14e\x9b\\\r\xc7\xb8\x0e)c\x99!\x97\x9e\x81\x7f\x9b\x0e\x7f\x05\xf2\xb3z\xae"\x98\x10\xf3\x9e\xd0\x07\xbf\xc0\x17\xff\xc0a\x08\x96\xacB\x89\xd6\x8b\x89\nDT\x1c\xc9\xd5\xaa\xd1\xd0\xbd\x16\xd7\x81\x82\x1c]\xbe{d\x06\xc2J\r\x8e\xac1\xd1\x1d%y3vjj&amp;\xe0QR\x9dx\x900\xbab"gU\x05\xe5W98\xdd\t\'r.\xc8\xee\x08k\xc1HR\xd9\xee\xd341\xf2+(\xa1L\xfe\xcd\x16\xe2\x17\xd9.\xa6\xe9&lt;\x87\xe2\xb1\t\x9cZ.\xc1"\xa5\x97\x0c\xa5\x065\x1e\xb6\x8f\x1cV\xa2i\xd43\x01 \xb0n\xe30k\x1dR\xa1\xb3S\x96D\xb0\xf2\xcfu\x93\x8c\xa2\x0eg\x1e14\x02\xa1\r8\xf1/\x007\xe4\xd4=\x13\xb0\x16\x9db\x02\t\xb0\xa1\xbc\x98\x9c\xd7\x9d\xd5x/\x08\xd5Nb/L6"\n\xf3\xcb\xfc\xdc\xd2\xe8\xec\xfd?\xf1R\x88v\xa3\xa4\x95-R\x86\xf2n\x0c\x0b\xaa\x98Tt\x88\x14\xfc\x8e\x06\x83\x99\x16i2Gv\xc58_\x9d)&amp;*f\x19\x02I59RV\x9e\xb6\xfb!\x11\xc99&amp;\xa9\x92\xb4\x9c\xc8\xaf,\x81\x04\xac\xc2\xc0\xfa\xad;%\x99\xdec\xc2m\xd8\n\xb5\x03\x15\x7f\x8ct\\\x08\x9a\xb5Zf/\x16\xe1O\x81\xd5\xe5\x8eg\xbf\xf6\xca\x8a\tMh\xfd\\\xd5\'\x88\x84\xa8\xa4\x08%\x94\xf5\xa2\x1eUB\x1eG\xb0\n\xbbx\x02\x90\x7fU\xc6\xc4\x8e\xde\xd7+\xa3\xb0;G\x06\x0e\xe3g\xff\xa8n\xd245zm&amp;*(\xd5\xfd\xd6\xccy\xd5\x99?-\xa8b\x02\t\xd8\n\x00%q\xef\xcce\x87\t\x06\xce\x1a\x8e\x07\xe6i=\xfe\xb8\xddEX\x81X\x82\xc3+Q\xd9}LD\x94\x11\xc0\xf1\xfbnY\xd0\x0b\xac\xa1\xd9;\x9a!I\x8e6\xb5\xfal\x05`\x85I\x97\x0cE\x9a\xcc\xb1#[v\x94\xc4.R\xe6\xef\xa2qeZ\xc7\x16\x1e\x9bGP\xaeZ}\xe2l\xa4\x01\xf4\x9ew\x89\xb9\x8e"2I\x8e$\xa5\xd0\x06\xb2u\x90\xd4-\x83\xc0\xdeVSy^\x9d&lt;r\xf93\xe0q#\x82\x04\xdc\x89\x86\xda\x80\x021M\xe7YV\x039};\x9e\xb6\x13&gt;\xb0\xac\xa0x\x8b8\x16\x90\x17"?\xcbT\xe4\xce_\x9a1\x88\xe2\rykOn3\xfe\xb8FPH\xebh5\xf6\xd8\xd5\x97*\xb7\xae\x90\xc4\x8a\xca\x84\x0es\xf2\x8a\xe6M\xd5v\\\xc7\xd7:3i8d\x8f\xc9BE\x84\x94\x18\xc0\xec^\xeb\xdb|\xd4a\xe5\xb3L:\xb8i\x8a\xf4\xe2\x06\xca\x8f\x0c9L\xbf\xc7\x91\x1c\x12\xb0\x86\x02\xf5\xec\xdc\xdeHR\xda\xc6\xcc\x13\xb0\x81\xde\xf3/3\xa6&lt;p\x17=\xe6|\xec\x0ew\x0e\xd5\x88\xb0\xde\x8cz\x93\x9d\xb9\xdcp\xf5\xcbY"\x070\xe0#9bp\xcf\x1e\xc0=\xfd\x9d\x10\x00\x9b\xac\x04\x00\xf4\x9e\x7f\x99RT\x92=k\x91\xb8S\x00\x91o`\xa1\x9e\x89\xb2\xb5\x02`\x93df\x02\t\xd8C\x8aJ\x92h*\xec\xe4\x97?\x9c\xce\xde]\xb1\xf7\x98\x8a\x9d\xe5\xa3\xe0\xf1\xd4\xe9\xb7\xfd*\xf3~j\xba\xa2}\xe5\x82\xe7\xb8\x1f\xf9\x88\x17F\xd6\x0c\x13)\xc6\xe1Q@\xcd\x84"\xaa\xc1\x0c\xc4\x85\xe2\xf1\x18yjM2s9\x00S\x82N\xfeU`[\x18\xf2\xf3?\xa3h3\x95\x05&lt;\x05Y.\rd\x04:\xb2V\x1aE\xbee{\xce5.\xc0\x92\x80\x06\xe7\x9e\xc4\xcb!\xb6I\x94\xa2\xcc\x1a\xc0\n\xa9\x8d\xff\x80\xdae&amp;f!C\xcf\xa0\xcb\x83\xb9\xe8\xa6\xcb \x8a\xf2\xa0\x12Y\x96r\xc3\x95z\xd9\xb1\x1b\xef\xd5\xed\xbfCWn\x13\xb7\xde\xd7]\x03e#)\xe5\x11\x80tk\xd3[I[k\xd3%h\xfa&amp;\xbd\xf7\x14\xac?}\xed\xb9\xbf\xe7\x1d\xfa\xc5\xd3\x15I\xe0\xfdB\x18\xce,\x01Wl\xb7\x14s\x0bf\x9dGU\x08\x88\xee^\xb3\xcf\x16\xbf\xc8\xf6\x93\xb7\x7f\xaf\xf3\xd2$\x9a\xd1A\xc6o\xfe\x86%\xa3\x05G\x9f[\'\xb3\xa35\xcf\x93\x13wT*\xfd+\xa7P\xb3\xf9j\x99 \x993\x94\xb2\x94\xac\x9e\xae\x9b{IV\x81\x88\xbe\x01x\x832\xe5 Nr\xafL\xaa*\x93\xb7\x7fO\x94E_\xa1*=v\xf1\x96\xd2\xa8R\t$`\x0b\xd9\xab\x8c\xf5t\x15\x12\xb0\x1ecF\x7f\xcc\xc8\x87\x94\x8f/8{_cfS\x16\r\x9b\x92W\xfc\xf47\xb7\xf6\xb2^0\xe6\xd0\xa0\xcb\xf4\xb3\xdc\x87\xdc5\x95\xf4\xa9\xb2\x13Q\xa9\xb6K\xddU\xa3\x04\x12\xb0\x87);\x1e\xf8\x17\xe4\xbc\xf12\xab$\xcbYm|\xc2\x1aW|d\xd4\xda/\xec\xcaZ&amp;&gt;`\xfc"#\x04\x81\x11M\xb2\xfd\x9aWwiBD\x8e\x88\x83\x96\xdd\xb0\xb9\xc0"\xdaI\\H&amp;\xd8\xe7J\xe5r&amp;\xa8\x16\x1f\xef\xb2\xdf\xc2+\xe1\x15F\x98\xadZ\x02Jl\xbd\x8aI\xdb\xbesg\x89O\xbc{Th\x07\x1f|\xa7\xeb+{]\xf0\xe6\xff\x0eyk\x1b\x941\xaa\xdcm\x9d\xb55\xe1\xc9Ym\\\xfc\x8fp\xf5_\x8cD\'\x8a5g\xefl8ccuM+\xe7t&lt;\x9b\xf0\xe06\xc7h&amp;M\xc6\xd2C2\x97\x1bfc\xf5\x12P$Y\x05/_\'\x91G\xb7\x89\xa6\xc7H\x1d\xdd\xe3\x7f\x16\xdfa\x93:|\t$\x10\xcf\t\xa9\xef\xb1\xa2\x03\xaa\xb2\xd8r7\x1dq m\xd1&gt;\xc2#_\xfe\xeb\xee\x05p\xe1\xbf\xe7\x7f\xc2\xf7\xaeK\xe2\x99\xca\x0cun\n\xa4\xb6U\xd4\xc5\x10\xa1\xf5=]\x03\xf7\x01\xe0OI\x0f\x91({+\x8fT\xe6=\xa3\xee\x80\x1d\x00(\xa0\x1a\x7f\x84\x8f\x86m\x0c\x1b"\xa2x\x86dy;r\x1f\\C\x1d\xc4k\x12\x06F\tx\r\xe9\xeb\x8a\x0el\xbb\xa6\xb1\'}\xe0\xae7lZ\x07\xb0j\x81\xbeOH\xef\xbb\xe1\xf8\xa6\t\x08\x010u\xe7\x0f\x9e\xae\x85\x17\xa0\x1c6\xc7\x0b\xdeykH\x94\xad\x95\xd7\xad\xe3%\x8e7\x0bE\tXK\x9eZ\x93u\xbdY\x7f9-\xd5\xeb\xf4\xdb\xae\x9a0a\x83\xccR.&gt;\x03\x11\xd5\x1f\xb4[r\xc6| \xd8\x04\xb8\r&lt;\x07\xa1%\x07z\xb0&amp;\xde\xc6\x81\xbb\xefI\xbf\xcb\xa1f\xf2\xeaF\xbd\xfe\xc0\xc2=\xddVV\x02\xd6\x90\xa4tX\xa9\xc1\x96\xe7\x9a\xaa`\xd7\xb8\x7f\xb4f\x95;o\xf0Oo\xe0\xf5\xd7\xf6\xbe\x98zM\xc5\xfe\x13$H\x13\xbb\x81\xb7\xef\xcbT/\x01)\x00\xba\xcf:/s"\xa8\xa67M\xf1\xe3iX\xd2\x0c=f_\xf0t\x1d\xe2+\x9a\xdeP\xb7\xff\xe4\xbd\xb4cn\xbc\xf6\x86U\xe8\x04\x88\x88\xc8\xde\xb5S\x1f\xfd\xc2\xc8\x89KY^\x0b\x15\x89\x03F\xf5\x03Fl\xf6\x13\x8d\xafl\xba\x04\xa2D\x9e\xae\x85\xbd\x94\xeb\xb0\xc2=\x05i4\x9d\x19\x1b\tB\xe2\xc4;\xb4c\xf8D5\x9cI\x94\xcc\rU\x89W\xe4\x83\x8b\xe0\x86,\xc9\n5\x9a=s\xefc\xe7"tB\x07\xecn2\xc8\x1eu\xfa\xadz\x13V\xaf\xe6\xe5\xa8\xaa(\x8b1|\xf5\x1d\x0b\x0b\xf2\xb6\xc7:\xa2\xe2\xc8\xc2\x8du\x84\x84\xeb\xeb\xf4\x0b\xb4\x96;\x7f\xc3\x0b|l",\xcck\xf5Y/\x8d\x96\x1a\x10\xd5\xdd\xd3U\xb0\x95\x94?\xda\xfe\x8a\x85Z\x9c_\x86\x86\x16gh\x90\x14\xbd\xe6]\xe2{\xdf\x98\xa6s\x19/k2|\xbf\x9d\xb52\x8a\xba?\x96Wb8B\x80\x10\x1d\x86\xec\xca+\xdez\xb5\xda\xc3\x82\x8b\xe9\x0f\xeb\x9d\x00\x11QaJZ\xde\xcdE&amp;\xc9\xd9&amp;Q\xb6\x96\x86.\xe5d\x99Si\xa4\xb2\x86\xac&amp;\xae-&lt;e\xc7\x03\xcb*\x92\x003\xa9\nv\xd5;\xc6\xad7p\xa7\xfer\xe4\xe5\xc1\xf3\xd5\x11Ej\xb2\xba\xab\xb6\x86\x08\xa5\x13_\xfc\xe3\xe8}_z\xd9&lt;!\x01w\x92\xde\xd3\x15\xb0\x97\x0f\xbf\x83n\x01U\x19Tb\xc2\xeb"\xc2\xa2|\xac\xa4\xf1\xb0}\x00\x96\x9f|-{\xd6=\x1b\x81\x06\xd7*|\xcbrM\xd8\xce\x1b\xef}\x13\x96&gt;\xb2\x86\x92r\xe1\x7f\x86\x14\x15=]\x03\xcb\xc9\xef\xf1U:\xb5\x0e\xa0R\x97\xb5n\xab\x87\x97ax[E\xdf0p\xd9\x89\xdf\x8c\x16\xa4\x82%\x93{oa\xf4\xba/\xd2\x15\xb5*\xe2\xac\xd7Y\xb9\x7f\x0b\x00\xd8}K\xbe\x15\xb0_\xc9\xcf$)g\xed{"\xebR\xefe\xa4\xd3N\x92\xc0\xfb\x02\x00\xca\xeaXs\xba\xfb\xce\xcb\x9fL\xf3\xa4\xacln\xfd\xcaCxPV\xc6+\t\x8a\xe9m_\xe6\x19J\rR&gt;\xa9\xf1\xf0\x00\xc8\\n\x18\xf9\xdb\xe8\xaa\xbe\xe0\xc8\xafD\xe4\xae\xc5^\x17T\x0c@j\xf7\xdb\xe6\xf1\xe1\xb9&amp;s\x0f\xfdR\xb2\xf5bw\x96\xb8\xe4\xc3\xff\xb9\xb38\xef \xa5\xc2\xf1H\xb7\xd6\xc2k\xa87p\x17Q\xba\x93?\xc0\x19\xb1\xc3%n\xc7\xf9\x9f\x1co\r\xbb\x81\x15\x80\xd3\x0f\xbd\xfd]S\'\xbe\xbb*\'\xf5P\xb9\xde\x10\xcf\xdc^v\xdf\x02{\xdf6v\xe3=\xc3\x05\xf9\x0b\xbd\x00%\x00h0x\x8f\xec\xa9\xe8\x86\xb3\x0c\x17j\x12\xf5\xd6\xc1\xfb;`o\xc1\x8dn\xc7\x9e\xc0\xfc&amp;\x8e\xe7\t+5\x98\x92Wpo\x99I\x89\x8aj&amp;J\x94\xad\x15\x80\x13\xdf\xbb\xf1]\xb3*LG\x02\t\x10Q\xfab\xfd\x95Ni\x8c@SU\xa1$R\xd7\xac\x12\x96\xd4\x8a\x873&lt;1d~BDT\xb5\xc7\x06K\xab\x13\x87\xca}\x8b\x87\xb8\xd3\xb1J\xbaC\x94OEw,\xbeS\xba\xedR\xe2Fc\x86\xbec\x96\xf2\xf2\x81}\xbe\x16\xbc\x98/\x01\xef\xd3F\x16\xa2\xd7RUJ\\l\x8c\xdc5\'\x11\x91`\xd2\x95\xd9\xbe\x91n!\no.=\x1aZ\xe2\xbf\xaeO\xe4z\xc7sz\xac\x1e\xef5\x9f\xbf\xc5\x96+jO\xb6\x7f\xc1n\x1f\xdc\x17\'\x00\xa0\x12\x8d.S\xd9\xa1J\xa7\x06,\xf94W\xf5\tz+\xa9Ax3\x8b3t\xb2\xee\xfc\xdb\xc3_\x81\xc2\x1a\xd9\x94\xbf\xfbq[\x04\xb79\x07~vOA^\x05\x80\xce\xd3N\x0b\xa2\xe9\xb1\xa2\xbd\x0f\x9a\xa2\x92\xde\x1e\xa8\xe9\x88\x03z\xaba\n\xbfr&amp;3p\xfd\x82\xc5\xdes\xbdR\x00\xbf$\xac\x9e\xb9\x91\xb2\x1dV\xfc\xe5\xde\x1b\xdeMV\x02\xc9\x15\xc6\xdd\x17\xe9\x91\x0bO\xe5/\x8cj0S%O\x00\x8f\xdc{\x13T&lt;\xaa5\x01\x90\xbd\x8a\xfc\xe5\xd9\xab\x8c1\x9c\xad\x17\x12\xddpf\x8a\xfc\x9d=]\x8b\xf7\x99:\xfd\xb7\x8b\xc2\x10\xd9\xca\xf5\xf8\'\x1d\x15\x0e\x80\xd5)&lt;\xa0j\xbc\xd3\xc9\x11\x8bZ|\xf4\x83\xbb\x9bB\xf7\x92\xd7\xd3\x15p\xc1Sj\xf8\x9b?\xd1\xf8\x89\x0b\xd4\x9b\xa67\xcf\xeb\xafA\x94K\xf9|h\xf3Q\x87\x94\xcf\x16\x07p\xfbO\x95Z\xe5\xf0\xcd\xd5No\x95\xe2H]]r\xa8\xa0\xe1\xcc\xa4+\xdb\xf1\xadQce\xd3eP\x9a\x9a\x9e\xaeE\x02\x961b\xcd\xe7\xb3\xf6=\xf1d\rX\xd5\xcdb\xc2+\x8c\xa0\xe0:D\x91zL,\xe55\x9a\x12H\xc0\xab\x08\xa7d\xbaL*\n\xf1\x9f\x92\xe4h\xa3\x94\xc8/w{\xe35"Zq\xea\r\x00\xa2\xc4f2q\x92\xf2\xe0\x17\x08\xb1q\xb3&amp;Pr\xc4S\x96\x80\xeeF\xb4\x05\xd6r\xcc\x11\xd9d\x1f~\xf7~\x8eH\xe2\x11a\xa5\xad\x0f\x99\xe0\x1e\xf2\xd5\x99B\xe9\xebY\x91S1+2\xb1\x9e$\x86\xadZ&lt;\xcb\xa2c/\xfaH$\x06\xdfx\xfd\xe4\xa3\\\xc7\x95l\t\xd3\xda[\x0fsT\xe9\xbe\xde\xd6\xfcW\x9d\xf9\x03\x80pj\x0e\xa0\xf5\xb8\xe3\x82$^\xe1\x12:m\xd7\x8f\x9f\xbf\xf5\xf6G\xce&amp;&gt;\xfd\x1f\x00$\xcf\xdbIp\xcc\xeb\xfc\xb3\x13 \xa2#\xf70}\xf7C\xabr\x1b\xb0\xe4S\xab\xb2r%\xab\x82\xfaB\xe8{=\x97u\xbb*J\xa96K-\xc9g\xf7-d)7\\r\xd8\xf8Z\xa2\x14\xa3k\xc2j\xae\\}\x17^)\xd7\x81\xa5\x0f\xb6J4\xca\nt[0E\x1a\x1e@\xd8\xb1~\xdbe\xc6\xd9\x89[\xef[\x9e-\x11Q\xaa*\xc9\xf2t\xb4%g\xe3\xf8i\'\xb1\x86\x02\x00~0\xf8{e\xb7\xb8.\t\xa8Q\x90\x88}\xbdW\x033\x1e\x86*lr*:3_\x11J\x99\x9bJ\x8f\x96n\xb7,Y^o{%\xffS\xe8[P\xf5$\x00J\xb6^\xa2p2\xd0\xee\xd2\xbf\xf7\xa6\xd5\x827\x00emADD\xbe\xcc\x179z\x9a\xae3\xcf\xa9&amp;\x0b\xed8\xe5\x14Kve\xda-\x7f\xaf\xc7\xda\xd6\xb3\xf4\xc3\xff-\xfe\xe0\x95\r\x19\'\xb1!O/#]\x1dw\x96V\xa9\xebZ\xd7\xb5\n"\xa2\xd4\xd1=\x0c\xf8,\x95\xb5!@V\x96\xf2\xc3\xef\xbe\xe3;`%\xb9\x12"\xa2\x0b?\xe3\xfak\x84\x94\x18P\xa7\xff\xf6\n\x9dV;\x8e\xa6\xae\xe6&lt;_D\xdb\xd3)y\xc5{\xde\xd4\xf4\xfd\xd7`o\xdfm"5\xff\xe9\x150d\xc5-\x8fU\xc4\x8d\xa2\x07\x11\x15F\xae\xf8\xe8w\x9b2\xaf\xdb\x7f\x87M93\xa0\xb4\xe8\x1a\xe3\xd6Z\xb8\x89\xd4\xa2\xc8zc7\xde\x03\x10X\xb8\'%\xab@\xc9\xdf?\x85a\xfb\xc8\xcc\xfdQ\x95\x96\x93#\xbc\x99\xce%\xa2X\no\x9e\xbd\xca\x98\x8a]\xd6\xc8\x9d-\\\xad\xe7F\xa9\x03\xa1j\xad\xf2\xdajc\xd8x\xd8&gt;\xf5\x04~\x91\xed\x9d\x1f\xc3\xf5)\xf0;\xc2\xb7\x84\x1c\xfb\xd6\n\xdbo\xff(7\x84\xdbKX&amp;\xd2\xc1\xf7\x00\xff^q,&lt;\xf6\xc2S\x95a\'8\xb6_wg\x9c\x80\x80h\xfb\x82\xbe\x15\xf7J\xdb`\x7f\x00&gt;9\xe5M\xc9J\xb6Y\xe2\x17\xa9\xd7\xd6:\x9b\xf9:\xc5/\xb8P\x8f\xb3\x0f\xfc|\xf9\xb9\x17\xfe\xbe\xde\x8f\x8d\xca\x83\x10\xa0\x94f\xea\xce\x1f\x86\xad\xbc-\x9a5\x96j\xb3Tit\x9e4O\x07[\x7f\xe8\xf9\x87\x9f\xd9\x97y\x02n\xc6\xad\xb2\x9as\x0e\xfc,\xde\xb8\r\xaek.Kw\xe9\x8a\xa4Q\x94\xcb\xb0\x8a\xf2\x9dVya\x07\xac\xea\x8e\x9cv\xd4\xda\xbb,\x99\xa4\xc8\x97\xe0\x1a\x1b\xcf\xa8?h\x97\xd5Yf\xd6N\xe2^j\xf6\xde\x02\xa0\xc1\xe0\xdd\x0b\x8f&gt;\xd7{\xed\xa6KP\xd1H\xc9Sk\xb2\xb9\xaa%`\x05CW\xde\xf6t\x15\xbc\x04\x1f\xbb2~\x9f4\xf9|\xcaxa\x07\xec!\x0cG\xe8J \x01\xfb\xf1)\x03`\x9a\xb2\xd5t\xb7\x99\xe7\xe4&lt;\xe9\x13p#\x9f\xbc\x10/k\xc8\x19\x9e\xd9e\xc7;c\xcf#JYY3Y\xe1\xc6\xb3m\xaa\x80y2\x96Q\x14bL@\x89\xfcuE\x91\xc3\xdf[\xc9\x8b\xf8D\xfa\xba\x9c\x9bo\xc7)\x1f\xa9\'l?\xe9DP\x91\xdeyk\'\xcc\x9f\x0c\xe3\xc3\xec\xc4h\x9c\xcb\xcfq\xe6\x91\xdak\xb5\xe2\xa3\xdf\xff\xbb\xef\x9d\xe6S\x1e\x87i\xd5MM\xbe\xfaW\xfdg\xb0\xcb\xa0T\xb0\xab\x11hS\x11\t\xd8\x8f\xc7\xad\xe1\x12\xb0\x00\xeee\x0c-9\xa8V\xdf\xad,\xe9S\xe6\xefR\xad\xe7\xc6\xe5.\x16y\xe6\x05\xfa=H\xfe\x9cU\xc7y\xba\x0e\xe6\xd1\xb1[\xd7j\xecQ\x8a\x90\tL\xe0\xe5\x00p&gt;\xa2\x99\x8c\xe7\x92\xc9\x9bfN\x9d\xa7\x9d\xf6t\x15\xbc\x1f\xceJV;\x96V\x02\xdeD|\x0f\xca\xe9fRh\'yO\xd9u\x13!\xc5\x07h&amp;\x0b.\xd6\xafF\xaf\xcdic\xdc\xa7\xf3\xac\x93hOW\x80\x88H6\xe0\x90\x12\x89\xb3\xb7b\x97zn5\xf6\x18\x00"?\xa2\xa4\xd6O\xdf\xa5Ks\xee!o\xed)\xe63\xe95\xef\x92\xf9L\x88\x84~uQ\x8e\xbf\x99\x1a[\x93\xb3\x1a\x05-\x0f\xba\x97\x80\xfb\xf9\xe2\x1f\x97wr\xec\xc6{D9&lt;U\x19w\x11,i\x89\x12\x03(\xd9z\xb1g\xaa\x13\xffH\xaeS8\x82\x0f\x7f\x94\x9c(\xcc\x96\x1a\xc5sj\xf6\xd92c\xcf#\xa5\xb3O\x01\xd7\x9e.\x86(?\x11\x11\x15\xb9\xf37(\xa0\x9a\xfceDD\xf4\x93\xe0\x97\xfa\x0f\xad\x9f\x17\xac?C\xfd\xbe\x10\x11QqwT\xe5?\xc0\x7f\xe8\xc1r\')+y\xba\x06\xeec\xf0\xf2\x9b\xce\x18\xab&amp;y\x1f"\xcf\xabS\xad\xe7F\x9d\x1d\xb0^b\xfe\x83K\x0bo\x81\xf4\xc5\xfbs\x9f]75\x8a\x11E\xca^\xf2\xc2\xe9jU\xaa\xad\x9a\xc6"\x80\xe1\xab\xeeXUO\x0f\x93\xa3\xea8\xe1\x93W\xb9\xdb:\xd9g1y\xdeN\x9e\x9a\x9d{\x8a"M\xe6H\x8e%S\xf8\xec&amp;\x82\x8b\xf5s\x7f\xa1\x9e#\xd8\xd3\x15\xd0Ad\x8d\x89DDT\x88(\xab\xbb\xcbN\\\xca\x8d\x851\r\xb2\xdb\x8c?\xae\x9d\xc8 \xd6\xdf^\x9b{_\x020T\xa8\xd2\xe3_\xd5\xbe\xb2\xbc\x85\xa0Zi\x8b\xf6\xe5\xffK\x9e\xb7S\x9a\xc2\xbdDI\x9a\x8f:T\xb0\xfet\xc1\x01\xbf\x03w\xb5\xdd\x9d\xfb\xcc\xbf\xecL\xc0m\x00\xebQ\xf0P\xe2\xa3\x1f\xc5\xe5\x95p\xeb\xf2Q.":pWP\x07\xcf\xb9\xcd\xd4\xee\xb7\xcdSE\xeb$\xd6\xd3\x15\x90\x95;w?,C{\xf3\xbe\x95\xec\x91\xcb\x84X)\'\xae\xceL\x13\xc1\xe0\xa4\x91H\x12p+a\x8d\xec\x1f6\xf1\xab\xd6i\xad\x0b\x0e\x16\xafI\xe3\xe8G]v\x8b}\xb8\x83w\xfeV\x0b1.\xec\xa1+w]kA]\xe4:|wkWm\xb9\x02\xa24*\t\xdc\xb0.\xdai\xea\xa9S\x0f\xbdg\xf5Um\x06V\xaa\xedR\xca\xda\xd2mU\x91#\xdelm\x06\x16\xeai\xe2j\xa3\xfb\x1az\xcc@\xac\xc0\x83\xe3\xa1|\xb6\xe5\x9c\x8a\x88\x9a\x0c\xdfo[\xfe^\x81k(F{\r\xb9E\xb1\x8c*Y\xd2\x7fx;yN&gt;\x90i\xd5\xb9~\xf4\xa5k\xb7\xe2\xe8\\C\xeb+\xfb\xc5X\xed\x92#3\xe3\xf6\xb3&amp;\xd8\x85\xd5\x84\n\xd5\x8f\x8d\x92W\xe5\xdc\xa0\xa5\xd7uv\xf3\x05)s\x13\x95\xd3M\x86\xef\x0f*\xd2[O\x86\t$`\x98\xb4\x1e\xda\xbc\x97\x0fx\xe0\x9b\xab\xad%\xb9\xeb\xef$\xdeSO\x01\xfb\xddA\x89\x8a\xd8_\x84\xb7\xc0u|\x915&amp;HO\xc56_@DD\xb9\xddW\x0f\x1be\x98\xac\xc4\x8b4\xa5\x0b\x0b\xf6hU\x1a\xbet\x82\xad\x08\xcf\xc1jd\xff^\xa0c.\xd8j\xecQ\xfb\xea\xf1\x1fa\xd0\xb2\x1b\xb2\xc7\x8fK\xa4\xf9\x13\xb0\x8a\x02\xf5\xa6O\xde\xf1\x00\x80\xd3|\xd7B\xa2\xe5\x0ezuL\xf1x\xcf}\xaf\xb1z\xed6\xeb\xbc\xcaY\xef\xd4\x016F\x8b\xd1Gl\xf8.\xe2\r\xd1\x80\xe8\xee\xcf\xde\x97;f\x0c\x95x,vDC\x8b/X\xf5\xec\x018\xfb\xd8%\xab\xc4\xd9[9?\xc6\'+\xb6\xf8\x80\xc8\x10\xa1P\xd2\xdc\xedM\xe6\xb8\xf7\xb6\xe81P\x8at\xf2\x9e.*x\x03\x0b\x8f&gt;/\xdal\xbe\xa7k\xc1H\xda\x7f-j8&amp;n\xbd\x0f [\xe5\xd1\x8c\xe9\x0b\xd6\x9faI\xb9&lt;7^c\xfe\xe1g\xe36}\x9d\xab\xfax\xe9Y\x8d\xf61}=\xcd\xfc\x9dRs\xb9\xc4\'\x12\x95d\xac\xa1a\xdaN\xfc\xd0\xee"&lt;\x85\xa0w\xf1N\xdc\xea\x89\x97\xa7\xd6$\x00G\xee\xc5=\xab]g\x9cK\x17kp\xc9\xa7\xf9\xa8C\x16\xd5+&gt;Qo\xa0J8\x87\xac\nSO\xed\x05-A\xdf\x9cT5a,QaW\x9d\x83\xc0\x1a\xbd7k\xe6\x1f\x7f\x08\xf0\xd5\x1d\x88\xccm\xf8\x95\x1d\xbc\xfc\xa6\xcc\xf1\xa0Z\xee\x8c\xf0*\xe2\xeaKU\xf9\xd0So\x88\xac\t@\x0b\x80\xc2\x1a\x9a\xcf\xc7(j\xc1\xa2\xd5;\xe0j=6\xc6\xfd\x93\xae\x8ez\xfa\x13\x0f\xd0e\xfa\x19\xd5\x9a\xd8gy\xde\x87b\x00\x00 \x00IDATD\xf3\xfeQ\x881]\x87\xc9\'m\xad\x87\x97\xf0\xbd\x82\xcf\xc6\xae\x9b\x06\x06\xca\xee\x8a\xd9\xe55$\xca\xd6R\xe7RD\x10ec2\xbd\xccXf\x08\xf7\x01\xc0+\x9d\x93\x16\x97\xe6\xc5\x95\xc9\xdb\xbf\xd7\x95\x95w\xe0E\x1b\x97b^\xc6\x83\xf5\xc9p\xed$\xf6\x13Zr\xa0v"\x13\x98[\x84(\x01`\xcc\x86\xafd\xcf\xd9\xede\x98\x80,:u\xd9\xe2k\xdf\x93\xb1\xcc\xd0~\x8b\xae\xca\x9cH,\\h)\xc6\x92\x15\x00\x05\xd3\xfa\xd8z\x03w\x1a\xa9\x1c3\xc5[.\xb45\x7fer\xda\xfan\xb6\x9d\xf8\xe1\xed?\x11X\xa8\xe7\xcc\xbd\x8f\xed+%~\x90\xa8\xe4\xc0\xa5\xd7=]\x89\xf8G^\x00v\xd8\xe6\x19|\xee\x9d\x0e\xca\xdb\xaf\xa1\xe9\x88\x03z2\x91\xb7\x14\xb5\n\xc5^\xd6\xaf\x1c\x80=\xb7\x13&lt;\xff\xbc\x9cx\xaaB\x9aa\xc2\x96o5\x13\xc9I\xca\x88i2|?\x80\xbf\x15\\T\xabv\xdf`\xa4v,\xa47\x19i\xdb,=\xe6|l.\x03\xd6%\x99\xff83\xf6&lt;\xfaI\xd0B\xfa\xe4\xd4i\xa2\xefW\xce=\xab\xc2\t\x11FU(q\xf9W\xc7OX\xb3\xcf\x96E\xc7^x\xb66bB\xea{\xba\x06\t$@DD\x19t\xef\xec\x94\xed\xb0\x02\xc0\x94\x9d?\xd8Q\x1d52\xa9\xb9\x11\xdaN\x92R\x8d\x86\xee\x15\x1d\x9b\x7f\xe4W=Y\xc4\x9a\x8a\xc9\xf3\x9f#" \xaa;\x11\xad&gt;\xfb\'ei\xc6~\x99\x9b\xd6\x11\x13\xd6*UI\xee\xd2\xc9\x05\xd7QL\xe8\x1dh\x1a\xace)?\xdc\xe9\xf1\xf6\x1f\xe2\x93\x17h3\xfe\x03;K\xb0l\xb5C\xd6@\xcf\xcbQ\x11\xc1W\xbf\xea-\xd0e\xc6Y\xbf\xc8\xf6Ji\x06.\xf9\xd4x\xb5\xe2\t\xdb\xae\xc2\xf9\xda&amp;e\\\xba\x97#\xc1\xfe\xdcB2\x9f~\xa8\xa1O\xe9\r\xa8\xdb\xda%\xe0\x01\x00d\xad\xc4b\xe6\x9d\xf0\xdb\x89\xf03zaN\x8b"\x10\xb8\x11\xcf\x99[\xf2\x00\xf8\x05\xe88\xe5\x94\xa7+\xc2F\x92\xd2\xd6\xe4\x93\xb2rX\xe9\xc1\xd6d\xe5\xe4\xbeS(\xb1\xeb\x8c\xb3&amp;\xb2\xf9\xcfEnP\x87\xbb\xa5\xdc\xd4\xd9\xabH\x18g\x19$\xa2\xe2(OW!\x8e\xc6\xc3\xf6y\xba\n\xf1\x1b/\x1f\x1a\xbb\x05\xf3\x12u\xff9\x1c\x93\xaa\xd4\xd5\xad\xcb2j\xc2\x96o\x93\xe4hc]\x86\xef\x1d\xc1uY\x87\x17)+\xdb\\\x15\x01\xe7\x7fv\x99_\'\xca\xa6\xe2\xec\x18\xb7\xdf\xb0\xe0\xe8s;+\x15\x07W7\x9d\xcd\x9c\xdcfv\x84\x9b\xe5yU\xc8\xe3\xe9\n\xbc\x97\xe4\x16\xad\x7f\xfa\x17\xec\xe6\xa9\xaa$\x10\xef\xc9ho\x14\xf0\xae3\xceI\x1c~\xa2\xe4\x93\x1219\x83(L\xcd\xeb\x0e\xd8\xa1\xa3Z&amp;\x00\xe0\xe5\xf6\xfc\x95\xbb\xadcI\xf6\xab;\x17\x9c\xa5\x01\x98\xc6o\xfe\x86\xd2\xd7\x93\x7f\x1a\xe2BY\x19\x8b\x0f\x13\x9fIV\xc1\x86L\xd5\xe2O\xe8\xe5?&gt;\x15\xf3\xc8&gt;\r\x8b\x89o\x02z\x91\xfd\x1d3\x94T\x145\x8bw\xdc\xf9\x1b\xd2p\x1d\xe9\x8b\xf57\x9a_\x0e\x00\xa7$A\xed\xdcO\xe9v\xcb&lt;]\x05\x0b8\xfc\x15\xf6\xddQ\xbc\x99\xd5{mrge\x12p\xb0\xe3\xba\xf4\'\xc9\x9b\x95[LV\x0eL\x94:\xba\x87\xaeR\xa6\x9a0\x04\xb5|K)^\xe1\x03`\xb0\x82.\xb1}\xc4\xbbA\xcf\xcd7\xf1\xa0\xc2f\xde\x02=\xb8=v\xb2\x93\xbe\x0b\xaf\x88\x8ed.7\xacH\xd3\xb9\x06\xb2*Po\xba\x97\x98\x08\x85W\x18\xe1\xe9*X\x85\x9aJ\x12Q\x1eo\xb8\xdbnBN*\xc4\xeb&amp;\xdf\xad\xc7\x1d\xb3*\xab9\x07~\xe6?\xabX\x84\x8a\xe8\'y\x9f\xff\x83X \xa1\x17P\xcd\x8a\x8a\x98\x83Ag4\x01\xab(\xder\x11\x00k\xc2\xaa\xeb\x81]\x01\t@\x8f\xd9\x17T\x12\xb4\x99`\xabI\xff\xfb\xcc\x98\r_\xa9l4\xe4\xa8:\xd6M\xf5\xe86\xf3\x9c\x9bJJ@7\x91.\xff\x05\xd6 \x8a\x90&amp;\n\x8e\xed\xe7\x9e\xda$`7Y+y\x91\x81\x9e\xa7x\x02\x14n&lt;\xdb\xd3\xb5\xf0\n\xe4&amp;[Y\xad\x8fJ\x1b\xef1"\x98\x18YcB\xc5.k\x04\x07\x82\x84g7\\\xfc\xc7\\\x95\x12\xb0\x8e|u\xa6X\x97Y\x84uYq\xe4\xfc\xc3\xd4\x92\x88\xbd1\xc0\x13\xd0E\xd9\xf6\xcb=]\x05/\xa2\xde\xc0]\xc2\x1e\xa8J\xf7\xf5\x9e\xab\x8b\x03+\x96\x1f3ZP\x0ff\xacZ/M\x9a\xbb\x03\x11\x11e\xa4\x14\x15-\xc9\xd0\xab\xf1+\xe7\xbe\xe8 \xb9\xaaOx\x04\x90# I\x167\x95j\x03Y\xca\r\xf7t\x15&lt;\xc0\xf2\x93\xaf]v_\x82\xf5\xa9\xeb\xe5\xadm\xe1\xd8\xc2\x9d\xa8\xef\xd3$\xf0~\x10\xf4\xb7V\xff\xe1\xec\x18d\xc9\x95&lt;o\'\xe5\xb3F\xa6MQ\rg\x1a\xb8\x8a\xa7\xe7\x9c\x8f=,\xbfe\x94\x14\xf9;\x8f^\xff\xa55\xe2\x97\xa9\xaad(\xf5\x9e\x18\xac\xa8:\r\xe9\xe4\xf6\x9f\xdenG\xee\x85x\xd9\x86|a/\xab\x8f]\x08Et+t^\xed\xc1\x9a$`\x1f\x8d\x87\xed\x13-\x0c*#p\xed3\xea\xc4)\x1a\x8c\xe6\xa8:\xd6\xcft\xcc]\t\xb2\x01\'\xe2\x07\x00\x88\xa2=]\x0b\x9bIY\xb9\xad\xa7\xb6\xd5\'n\xbd/:R\xb2\xcd\x12\x8f\xd4$\x01\x1d\xa4\xa9\xc9\x7fl3\xfe\xf8\x7f0z\xb6ni\xf5\x04\xcc1\xf7\xe0\xd3\x19J\x01v\xac6d\xcbZi\xb4\xf2\xbex\xa0\xf4P\xc5\xce\xab?\xfeE&lt;\x06\xcdU}\x82\xa1\xc2\xc3Z\x8f;F\xe4o\xe8Zv\xecP\xe0\x8f\xb0&lt;\xc7\x0f\xeec\xec\xc6{frp\xe3\xdc M\xdf\x05jv\xa9\x81\x85{*\xbb\x80\xa6\x18\xba\xf2\xb6\xd0\x18\xd6\x9d\x18\x16\xe1K\xc0md\xf6t\x05&lt;M\xba\xda\xff\x91Y\xbe\x17\x13\x95\xa7\xd6d\x85S\x16;)\x00(Po\x9a\xe2i\xbfr\xe2#\x12\xffZ\xa2\xcc\xb7\xfe0\xf2\xc0l\xbb\x06"\xff\x1f\x01\xa2\xdcr\xe7\xd3\xeb\x8d\x8f\x0b`\xdb5w&lt;\xba\x99\xcb\r\xb3:\xc7\xa6\xf1\xe5\xa5\x93*[\x88IV\x1e@\x86Rjn\xe5\x81\x85zZ_3\x17"Z\xf0\x1f\x97~\xf8?\x00\x03\x97^\xd7i\x8e\x1f\xc1\x92(\xfe[u\x16\xf7t\x05\x12\x10\xe1\xeb\xe9\n8\xb1Y,\xe9?\x0e\x80\xb1\x1b\xef\xc9u\xa8\x1aW\xe5\xac6\x9e!a\x16"\n*\xd2[#Uh}\x00R\xb7]\x0evGA\xa2\xbcD\x14Vzp\x95n\xeb\x99/1\x81\xb22\x811\xe2K\xefKDC\x96\xdfR:\xe5\x1b\xd9\xee\xecc\x94\xef\xb8\xaaR\x97\xb5\xee\xac\x92\x06\x1b.\xfe\xab&lt;d\xc8\xcf\xfd\xd9t\x89\xd5\xd7\xbb\xd7\xbcK\x14\xd6\x88\xfb&lt;`\xc9\xa7O\xed\xff\xe5\xe2\xd1\xc3a!^\xe2}\xefE\x08\x96\xe2\x13\xf0\x12\xba\xcd&lt;W\xb5\x87#\x9a\xef\xcaSo:N\xf9H\xfa\xd0\xf6\x9awIz\xe1\x0f\x00\x00\xfeZUR\n\xed\x8a\xd9_\x8a\x1cU\xc7i\xa6\x89m\xb1\x00@\xbcs\xd4&lt;\xff\x13j\xf7\xdb\xe6\xe9Z\xbc\x17\x84\xd4\xcfU}&lt;\x857#\xca\xf3\xc5? J.^\x0eI\\\xcaX\xc6)\x84\xb1\xaf\xd7]x\xab`\x13\x98\xc8\xf17ee\xd7\';W\xb2&lt;\x1d2\x96\x19"\xbd\xa0\xf1\xb0}\x1d\xa7\xba\x046y\xbf\xfa\x89\xcc%[\xab\xec\x8b3\x1a\x8cX@\xe9v\xcb\x12\xc2q\xbb\xe0[\xc6\xd350G\x96\xa6:/\xc8oK5,e\xc9\x07\xaf\xf8\xcf%\xdb,\x99\xbc\xfd{\xb9\xd6@\xee1NSCd[\x17Rb\x80\xe5\xd5S\x07\xc0_\x8ean\xa4vjo\x8aHQ\xa2\xd5bOW!\xfe1\xf7\xd0/\xca]U(QZ\x00?I\xa6=+N\xbd\xb1\xbbb1D\xb4\xfc\xe4k\xc6~T.YB\xdc$\x8bY}\xe6O\x95\xb36\x98n&amp;\x90\x80mdm\xb9\xe0\xc8\xaf\xed\'\x9dPOU\xa9\xab\x9b\x97\rs\xad&lt;\xf5&amp;c\x99!\xc6"\x1c\x0b\xb0\xc3\xc6\xea\xfd\xe1\xcaKo\x99\x9eu\x9azJ\xab\x8fK\xd4k\xde%\xd74\xbe\xfa\xa6\x97\xeb\xce\xbf\x15\xfe\xbb\xe6\xec_\x9a\x97\x98\xf4{K\xc0&gt;\x9e{e\x94\xca\x04\xe2;\xad\xc6\x1ds\xf3\xf4z\xdc\xa6\xafEG"*\x8ctg\x05d\xc8\xd2\x8c(\xd4\xc3ux\x1fH\xa4q\xde\x94\xf6*\xa7ZaeH\x1bMZ\x8c&gt;,\xfcW_\x07\x0c@h~\xe5I\x12\x95$Ja\xcc\x17&gt;\x01\x8e\x8ce\x86\xbc\xd5\xb9\xbco\xbfu\x1f\x1bF7ND&lt;\x04\xf6\x7f\xee-#h\x07\xa9\xab\xfb\xe6j\xe7\xe9JX\x85[5\x9b\x14\xf1\xf0\xee~6\x8f\x96\xee\x154\x1c\xb2\xe7\xd87\xba_\xb4\x80\xe8\xeeD%,\xaaBR\x8b\xf2q\x10^a\xa4\xac\x1b\x9b~\xf4l=\xac\xbb\xf0\xee\xcc#/h\xb0\x92\xff\x07\xc4\xcc\xdc\x82\x87L\xb1\x92\x98\xbc\xbe\xcd\xf8\xe3\xa6\xeb\x10\xc6\xed\xca\x98\xceG\x16NkWy\x16\x98\xa6\x86=\xe5\xbe\xd7\xf8\x94\xe9:\xe3\x9c\xae\x9f,q\xf6\xd66\xd4#&gt;Ia\x00\xe82\xfd\xac\xc9L\n7\x9emR9\x0e\xc0\xb1o\x10\xdbb\x81\xce\xebT"\x1ck\x13\'\xf0\x97\xa5\x99\x99|$d"\x8a%\xf2\xe99\xe7"\x80FC\xf6\x12\x05\xa9x\x8a\x0f[\xf5\x99e%/8\xfa+\xff\x19@\xba\xd8\xbe\x96e\xadE\xd1f\xf3\xddV\xd6\xfb\x04\x00N\xa0g\xd5\x99?E\x8d\x17\xef\xf1\xb6\xe8\xd8\x0bK\xcb\xd4\x9a\xf7$*iiqf\x08\xb0#\xd3\xa8\x063)\xa4\xbej\x92\x14\x03\x97|jG\xd1\xef5\xb1\xc9\xf3ub\xe8\x80m6-\xd4\xe7&lt;\xe6a\xb7{c\x1e\xbdMG\x1c&lt;\xf5\xd0\xba\xb1\xa9O\x99\x13\xdf\x1b\xcf\xad\x8cL\x90`\xadui\xbb\xf0#\xa2l\x95\xc7\xb4\x9b\xf8!\xa5\xac\xf4\x08.\xc8^\xf0\xa3\xa7\x9cM\xaa\xf5\xdc8j\xdd\x17\x96d5r\xcd]""\n\xb3$\xb7\xf8N\xc1\xfa\xd3\x8d]\xc8=%\xff\x02\x97\x9eAx\x04\xc0\xf8\xcd\xdfXWAK\x10L2\xd2\xd7-\xdcx\xf6\xce\x1b^\xb0\xeeb)\xe6\x02`\xfc7I\xa2n&lt;\xe8\x82\x8c\xa2\x96(\x04P1\xbd.\xc2\x06\x08\x8a\xd1r\x14\x16\x93\x8b|&lt;l\x8d\xff\x92\xefQ\xd2\xeb\x93\x85w\x0f\xed\'\x9d\xf0\xb0\x1av\xca\xca\xf9\xeaL!\x8a"\xcaD\x11\xcd\xc9\xaf\x1cQ\xd1\xb2\xedW\xc8\xa4L\\j\xd4\xba/v\xddt\xff\x9b\x9e\xb8\xe4B\x8b\'U\xee!\xc4\xcd\xe5\x01\xa0\xd4\xd5eOY\x1e\xf9\x9c\xefnk\xf5\xd9\x1aw4y\x05\x00\x8f\xbc\xac3Xv\xf2\xb5\xf9L:\xb9:\xb3\xe9\xc4\xf6\'!a\x06l\x1aS\xbf\x11\x00\xa2\xac\xca\xe7\x8bFTt\xb7\x19W\xad&gt;[\x01\x98\xdf\xa0y\xaf)&amp;s\xcc\xa9\x1ba\x8c4\x85{Q*v\xf5\xef\\\x95\xba\xae%Jg\xa6Dw\x91MMN%I\x8e\xd6\x03\xbc\xac\r\xf2\xc4Z\x81\x01\x03\rc\x86-\xa9)n\xc77.b\xd5G?X\xbfB\xf2^\xf8m\'\xd6N\xe2\xe4\xc0]\xbd\xdf\xd7?8\xb6\x1f\xcb]\x9a\xbe\xfb\xa1\xce\x9c\xffC\x94\xef\xb4\x8a!U\x06\x85\xfb\x9ch\xd9\x89\xdf\xd4\xafL\x92\xa3\x8d\x81Z1 \x91\xc6\xf3-kOA\xa6`{\x8b\xb3\xdb^\x0f-\x00P\xa0\xfc\x1cF\x0f\x89\xd94[\x88(\xc5\xc1/\r\xb4o\xb1\xfa/\xb1\x95\x88\xe6D\x942\x7f\x17\x86\xa4\x89\x92\xe7\x13G\x04\xf3\xc4\xa4\xde\x9d\xc8\x9bvW\xef\xb5\xc9p\x8e\xf3\x0e\xfd"{\x1c@\xb3\x91\x07\rg\xfb\xdf\xa4l\xfb\x15\xc9\xf2t\xe4\xff\x05@TP!m0\x856\x90\x1c\x8c\xa0\xd0\x06\xe1N?\x99\xfa\x83v\xd9PG\x0f\xd3e\x86Y\xc3\x1f\x8b\t\xad\xafw\\(J\x9f:\xba\x8755\xc9\xd8\x08\x80\x9b]_\x8c\x10Z\xdf\xd35\xd0\xa6`\xfd\xe9s\x0f&gt;\xd5N\x97\xa6\x06\x80\xa8\x06\x1ev\x88MU\xa0\xab\xfb\n\xd3r\x11\xd6a\x14\x1e\xddpfOA\xf08""\xcad\xa0J\xef\x07F\xe7\x97\xf9\xf8O3\xf68\xac\x07\x82\x8b\xf5\xb7\xa8RR\xbcH\xd6\xc7\x16\x1c\x9e-\x05\x01D\xd6P\r\x95\x93\xb9\x89\xf0\xe6K)\xd7An\xf7\x88\x88\x88R\x17Ri\xf4\xbd;\xf0v\x8aJ\x96d\x934\x8fJ\xb0^\xb7r\xe8K\x08G]\xe6H\x15\xf6\xbe\x84\xb3\x8d/|\x07\xb81VP\xaa\xa2\xcd\xe7\xcb\x1d\xf7\xef9\xf7\xa2\x9b\xaap\xed\x7f\xaa\xfdDf\x1d\xb2y\x00\x82c\xfb\x99\xad\xd0\xfb\xc2\xbe;\xc6:`7\x8d\xb8\x0b7\x9eCD\x9cv\xbc\x97\x13Vj\xb0a\xbd\x88j=7\x12\xab\x13\x978BI\x83\xc1\xbb\x85\xff&amp;\xcf\xab\xd4\xac\xe7]|\xfc\xa5\xc2\xa9</t>
        </is>
      </c>
      <c r="E275" t="inlineStr">
        <is>
          <t>&lt;class 'numpy.ndarray'&gt;</t>
        </is>
      </c>
    </row>
    <row r="276">
      <c r="A276" s="1" t="n">
        <v>274</v>
      </c>
      <c r="B276" t="inlineStr">
        <is>
          <t>steps_per_sec</t>
        </is>
      </c>
      <c r="C276" t="n">
        <v>4000</v>
      </c>
      <c r="D276" t="inlineStr">
        <is>
          <t>5.3315825</t>
        </is>
      </c>
      <c r="E276" t="inlineStr">
        <is>
          <t>&lt;class 'numpy.ndarray'&gt;</t>
        </is>
      </c>
    </row>
    <row r="277">
      <c r="A277" s="1" t="n">
        <v>275</v>
      </c>
      <c r="B277" t="inlineStr">
        <is>
          <t>Loss/localization_loss</t>
        </is>
      </c>
      <c r="C277" t="n">
        <v>4000</v>
      </c>
      <c r="D277" t="inlineStr">
        <is>
          <t>0.003752315</t>
        </is>
      </c>
      <c r="E277" t="inlineStr">
        <is>
          <t>&lt;class 'numpy.ndarray'&gt;</t>
        </is>
      </c>
    </row>
    <row r="278">
      <c r="A278" s="1" t="n">
        <v>276</v>
      </c>
      <c r="B278" t="inlineStr">
        <is>
          <t>Loss/classification_loss</t>
        </is>
      </c>
      <c r="C278" t="n">
        <v>4000</v>
      </c>
      <c r="D278" t="inlineStr">
        <is>
          <t>0.17592555</t>
        </is>
      </c>
      <c r="E278" t="inlineStr">
        <is>
          <t>&lt;class 'numpy.ndarray'&gt;</t>
        </is>
      </c>
    </row>
    <row r="279">
      <c r="A279" s="1" t="n">
        <v>277</v>
      </c>
      <c r="B279" t="inlineStr">
        <is>
          <t>Loss/regularization_loss</t>
        </is>
      </c>
      <c r="C279" t="n">
        <v>4000</v>
      </c>
      <c r="D279" t="inlineStr">
        <is>
          <t>0.035257667</t>
        </is>
      </c>
      <c r="E279" t="inlineStr">
        <is>
          <t>&lt;class 'numpy.ndarray'&gt;</t>
        </is>
      </c>
    </row>
    <row r="280">
      <c r="A280" s="1" t="n">
        <v>278</v>
      </c>
      <c r="B280" t="inlineStr">
        <is>
          <t>Loss/total_loss</t>
        </is>
      </c>
      <c r="C280" t="n">
        <v>4000</v>
      </c>
      <c r="D280" t="inlineStr">
        <is>
          <t>0.21493554</t>
        </is>
      </c>
      <c r="E280" t="inlineStr">
        <is>
          <t>&lt;class 'numpy.ndarray'&gt;</t>
        </is>
      </c>
    </row>
    <row r="281">
      <c r="A281" s="1" t="n">
        <v>279</v>
      </c>
      <c r="B281" t="inlineStr">
        <is>
          <t>learning_rate</t>
        </is>
      </c>
      <c r="C281" t="n">
        <v>4000</v>
      </c>
      <c r="D281" t="inlineStr">
        <is>
          <t>0.079994984</t>
        </is>
      </c>
      <c r="E281" t="inlineStr">
        <is>
          <t>&lt;class 'numpy.ndarray'&gt;</t>
        </is>
      </c>
    </row>
    <row r="282">
      <c r="A282" s="1" t="n">
        <v>280</v>
      </c>
      <c r="B282" t="inlineStr">
        <is>
          <t>train_input_images</t>
        </is>
      </c>
      <c r="C282" t="n">
        <v>4000</v>
      </c>
      <c r="D282" t="inlineStr">
        <is>
          <t>[b'640' b'640'
 b'\x89PNG\r\n\x1a\n\x00\x00\x00\rIHDR\x00\x00\x02\x80\x00\x00\x02\x80\x08\x02\x00\x00\x00\x83\xaf^t\x00\x00 \x00IDATx\x9c\xed\xddu\xc0%U\xdd\x00\xe0\xd9E\tiX\x9a\x05\x16\x94\xee\x90\xee\x10I)\x15\x10QRR@\xbaD\xba\x94\x12\x14\x05DP\t\x11\x90\x10\x01\xa5$D0PI\x83.A\x11\xfc\x14Dt\xbe?\xee\xee\xdd\xfb\xde\x98;3w\xf2\xbd\xcf\xf3\xcf\xdew\xe6\xc4ob\xcf\x993\x19\x04A\xf0\xd5[\xdf\x0c:\xec\xfd\xe5\xfb:\'\xa6\x10\x86a\x9c\xb9\xa7^\xf3BD\x96\x91S\xa6\x1b1q\xaau:\xb3DW\x1a\xe1\xa2\xbb\xde\t\xa6\xdd\xa0u\xca\xfd\xaf\x87\xad\xa5\xedv\xea]]3\x86\x93\xa4\xab\x97\xa6\x03\xbf\xfap\xd9!\x00\x94\xaa_/8Pi\xe7\xdc\xfc\xd7~9\xe6\x8a\x9c;e\x10\x04c\x17\xda\xb1\xd7\xec\xa5?v\xda\xe4\x1a\xe7\xfbx\xb7$\xabv\r\xacs\xca\x94\x8b|&amp;2\x1227g\xde\x158N\x02\xea\'\xd7\x96+\x0c\xc3\x1d\x8e\xb9\xb9\xc8\x8c]\x8b\xca\xa4\x1cR\xb3\t\x00\x82`RkX\x8b6\xb1\x19d\xb6cw\x00(ZE\xfa\xad8aT$T\x00\xc8\xc4b}S\xac\xb2\xe3y\x05\xc41\xc9\xf2\x05\xd6\x05\x00%\x899\xac\x1c|\xf4i\xfc\xca`\xa6);\x00\x80\xb4\n\xebk\x83 Xu\xc7\xaf\x0e^\x08\x00\x00\x00\xd4\xc4\xcdO9\xed\x0c\x00y*\xf2\x12\xaf\xcb\xc9\x00\x00\x00$a\x1cI\xf5\xd9K\x81\xd1\xa9\xbdu\x9bn\x83\x1e\t\x01\x80\x8c\x18[0\xd1\xb8\xcd\xcb\x8e\x00\x00"\xed\xde\xe3K\x85\x00\x10K\xe7\xf0\xf7\xcb?|\xb5\x94H(\xc0\x1c\xab\x1eXv\x08\x00\x00\x00\x0c\xb9\x83.\xf8U\xd9!\x0c\x05w&lt;\x00\x90\xaf?\x8d\xba\x9ef\x87cn.;\x04\x00\x00\x80\x98\x9c\xfd\x1b\xd0\xdc\xab\x1f\\v\x08\xa3\xceL\x1f\r;\x04cW/;,\x80x\xf4\xac\xd4Q{\xbf\x1bL\x1d\x04\xab\xbe4\xf9O\x00 k#\xbb\xdeE\xba\xce-%0`\x88\x84a\xf8\xb93\xef-;\x8a\xb8v=\xe5\xce\xb2C\xa0F\x96\xee5cd\x07\xdc}n\x9e\x81\x01\xb4xW\x8b\xc3p\xf8\xe4Q7\xf5\xea\x80W\xdb\xe9\xfc \x08\x16\xde\xf88}0\x00d\xac\xed\xea\xefgN\xf8I\xb7T\xf3\xeb\x80\x81\xac\x8c-;\x00\x86\xda%\xf7\xbc\xdb\xfc\x9d\xbao[~\xbb/g\x14\xced?\xbe\xe5G\x8d\x1fc\x16\xdcq\x99\xadO\x0f\xc30\x08\x16\r\x82\x993\xaf\x08\x80\xf8\xc6\x94\x1d@}L\xd8&gt;\x93bN\xbc\xf2\x99\xc1\x0b\x89\xee\xe0[\x87\xbf[\x1d|\xcd\xc6{_\xde6+\x08\x823\xae{\xd9\x08\x18\xc8\x85\xc6\x85a6\xa9\xa3\x9d+\x08\x82WZ\xfe/4\xa6\xaf\xbb\xdbE\xae\x01\x03\x19\x1aq\nz\xcc\x98\x1a\x8f\xed&gt;\xfc\xc9s\xca\x0e\x81\xd1 \x0c_\n\x82`\xce1c\x82`\xf9\xe6\xc41c\xc6\xcc7\xdf\xfcA\xcd\xff\x8f\x00@E\xf5~\x0ci\x990\x0c\xaf\xfc\xa5\xe1/\x00\xe4`\xaf/\xdf\xd7\xe8\x80\xb7?\xfa\xa6I\xd3\x96Xt\x93\x13\x9c|\x06\xa0\xbe\xeat\x0bq\xd8\xa1\xec\x88\x00\x00\x00\xa00\xc6\xc1\x00P\x84\xc56=\xa1\xec\x10\x00\x00\x80R\xfcc\xe4=)\x87_\xf4\xfbi\x97\xda\xbd\xec\xa0\x00`\xf4z\xb5\xe3\x8e\xd0\xd3\xaf{\xb9\x98\xbbC]u\x03`x\x8d|\x18c|c\xe2\xb8\x95\xf6\x9f8e\xf6-\xcb\r\x0f\x00F\xa7\xde\x83\xddY="Y\x19+\x95\x1d\x00\x00\x99j\xf6\xbe\xcbo;\xe2\xa3o\xaf\x86\xe1\xf6G\xdf\xfc\xd1}\xbf\xa3\x03.\xc3\xd2e\x07\x00\xc0@\xfa\xbfY\xbe\xad\x7fm\xbe\x8c\xbe\xd7t\x00\xa0\xaf\xb1\xbdf\xc4\x1c\xd7\x1et\xc1\xaf\xb2\x0b\x86Ni\x0ek\x9c\x93\x00\xa8\xb7\xe3\xbe\xf3\xc7\xa0\xe3\xa5\xb8\xcd&gt;{\xe5\xed\xcf\x1d\xbb\xd0\xa7\x1a\t\x0e\xfe\xfaoJ\x8c\x13\x00F\xa1no\xa5\x9f\xa99w\xd3\xfd\xbeg\xbcU\xaa\xe5\xca\x0e\xa04\xdf\xbc\xeb\x9d\xfc\n\x7f\xc3^\r\x94\xee\xf9\x91\xbd\xef\xce\xc7\xdf\xd6\xfaY\x9b\xa7\xdd\x05\xcdD\x0b\x96\x1d\x00@\xadDt\x9f\xcdY\x1fXb\xb7\x8eAp\xc3ts\xaevP\xfe1B^\x1c&gt;\x02U\xf7J\x18\x9ew\xcb\x1b\xcd\x0e\xf8\xdeW5[\x8cP\xbf\x9el\xca\xb5\xcb\x8e\x00 \xa1\xff\xd4\xae\xa9\x85\xe4\xeawH\x01@=M9`~=\x16\x00\xd51D\xef\'\xf9\xf8\x11?,;\x84\x89\x92\x1e\n\xac\xf4\xc9\xb3\xf3\t\x04 \xb6\xe9\x96\xde\xe3\xe7\x7f\xab\xd08\xe6\xc7\x7f*!\x98=O\xbf\xa7\xf8J\x01\x18v\xc3p"q\xcd\x9d\xbf^v\x08de\xc5\xb2\x03\x00\x80\x81-\xbb\xf5\xe9e\x87\x00@\xb1\x86a\xe4=\x1a\rz\xeb\x16\x00t\x9a\xbe\xec\x00\x00\xa0&lt;\x06\xc7U\xb5|\xd9\x01tg\x87\x01Hm\xb6\xb2\x03\x18a\xd7\x93\xef(;\x84\xee\xf44]Y-\x00\xf5\xb3\xce.\xdf\xec\x9cX\xa3\x06\xbdF\xa1\x02\x009rL\x00\xc0\x08\xf7\xbd\xd6\xde1\xe8*\xf2\xb3\xf6.\xdf(;\x04\x00ji\xa5\xb2\x03\xa87\x077\x00\xddi\x1f\x01\x80\xd1\xc01M1\x16X\xf7\xc8\xb2C\x00\x00\x00\xa8 \xa3\xd2t\xfe\x9a\xf5z\xcbvC\xd8\xac\x00dC\x8f\xd2\x8b5\x03\x8c\x1eZ4\xeah\xb9m\xce,;\x04\x00\x00\xa0v\x86g\x04&lt;\xcf\x9a\x87\x04Ap\xdcw\xfeXv q\xe5\xbai\x86g\xbb\x03T\xd4\x904\xc4a\x186\x97tH\x16y\x94\xb1\xd5\x80\xd1dl\x10\x04c\xc6\x8c\xc9\xa1\xe4\xea\xbe7J;^C=w\xd4/}\xf7O\x85\x07\x03@*w&lt;\x1fV\xb6\x0f.7\xb01\x0b\xeeXb\xed\x00\x8cr\xeb\xec\xda\xe5\x83\x83d\xa2\xf5&lt;?\x00}h1\xf3\xb6\xc7i\xf7\x94\x1dBq\xda\xfb\xe0\xf1\xdb\x95\x17\x0b\x00\xb52v\xa1O\x95\x1dBU\xbc8\xf0\xc1\xd9\xeb\x93J\xf8\xdc\x19\xf7&amp;\xc8\xa6\xdb\x06\x88`\xe8\x9c\xd4\xf1\xdf\xfbs\xd9!LV\xf0\xe6\xb3\xb7\x00TZ\x1d\x9b\xe9~1\xcfZP\x1c\x15s\xda\x0f^l\xfds\xe1\x8d\x8fKW\xce\xd97\xbd\x9eA4\xc9\xed\x7f\xee/J\xa9\x17 \x99:v\x9c\x05Xj\xcbS\xcb\x0e\xa1\xbb\x19\x97\xdd+\xbf\xc2\xbb\xee\x0c\t\xf7\x90)\xb2\n\x06\x80r\xecqz\xbe7@\x1dq\xf1\xa3\xb9\x96_\x98\xac\x0e\xa1\xa6Y|\x97\x9cJ\x06\xa0\xc6\x8e\xbc\xe4\xb1)\x17\xd9\xb9\xec(\xe8.\xde\xd0y\xa9b\x82\x01\xa0 \x9f\xfe\xd2\xade\x870\n}\xf1\xf2?4~\xbcc\x1c\x0c0\x04\x16\t\x82`\xf7S\xef*;\x0c\xf2\xb2\xc4\xe6\'\x97\x1d\x02@v&gt;\xb8\xd1\xb1e\x87@q:\xcf\xf7&gt;\xf6^\x9fA\xea\x89W=\x9b[8\x000\x89\xaf\'\r\xa2\xc7J\x9b+"M\xcc\xf5\xdc\x99,NFgD\x00j\xc03\xa0\xf15^\x1c\xb6\xce.\xdf\x18\xd9\x0b\xb6\x7f\x0e\xeb\x82\xdb\xde\n\xb28\x94\xe9^\xc2\xec[\x0eXlWs\xad\xfe\x85&lt;\x8a\x05\xe8\xe3;?/n\xd8w\xe7\x8b\x95\x18b^\xf6@%\xc2h\xf3\x8b7\xaa\x18UW\x8b|\xf4\xf8\xe8.6i\x07\xec\xdc\x03\xc0\x90\x1b[v\x00\xb5\xe1\x83H\x00q\xe8Wb\xfa_\xd9\x01TN\xd7\x0b\xb1\xbd\xbb\xdeU\x9b\xbf.\xba\xfb\xdf\xb9\x055\x10\xc7\r\x00\xd4@\xaf\x97f\xb4v\xc3\x85ui\xfaN\xa0~\xe6^\xe3\xe0\xb2C\xc8\xde\xe7\xceL\xf2\xe5;\x82\xe0/\t;\xb0YV\xd8wRG;\xe6\xf4\xeb^n\x9b\x9b\xa2;\x1c\xb0\x07\xed\x96}\x85A\n\x04(N\xdb\xd8%0\xaa R\xd8\xa2s\xd6 \xc5vN\xbc\xe9\xa9\xfe\x05\xda]\x01\xfa\xa8yC\xb9d\xd9\x01TE\xb3\xf7}\xf8\xad\x11\x1bt\xebC~\x10\xe4\xb0\x95\xdd&gt;\r@\x94\xa1j\xf7\xbb\x8d\x80\xe79\xfd\xda\x97"\xb2lu\xf05\x93\xff\x98f\xbd\xce\x04\xcf\xf4X\x81\xbdWl\xae\x87DS\xe7Y8\x00Cl\xc0#\x86\x19\x97\xdd\xab\xd1\x07\xefy\xc6\xcfr\xb8\x8e\x9b\xbb\xa1:`\x02*JKT"+\xbf\x97\x8a\xac\x99\x8a\x84\x01\x8cZ\xa3\xa3\x959\xf7\x967\n\xab+\xce\x1a\xab\xc5Z]a\xbb\xaf\xc4L\xd9mq\x16M[\xed\x12i3&amp;3n\xa5\xfd\x8b\xa9\x08\xa0.\xa6+;\x80\xd4V\xed\x9f\x84\x1a\xba\xe2\xe1\x1a\x1c-\x01\xa3\xd6I&gt;9\x17\x04A\x10|\xe2\xc8\x1b;\'N\xbb\xd4\xee\xc5G2\x9a,\xbe\xd9I\xdd&amp;OUt\x1c\x93\xd4\xe2\xfc\x040,4I\xa4`\xb7\x01 \x1b\xfb\x9d\xf3`\xd9!\x00@\x17\xcb6\xfei&lt;\x85r\xff\xeb\xe1?&amp;=\x15\xba\xfc\xb6g\xe6_\xfb\xcayW0~\xed\xc3\xf2\xae\x82\x86S\x7f\xf0\xe2\xc0e\xcc\x95A\x1c\x00\xa5k;\x9d\x18qv1\xec-\xff0+d\xa7\xe3~\xdc91\xfej\xac\x9do\xdf?\xe2\xf3P\xa7|\xff\xf9 \x18\x17\x04\xc1\xb7\xee}\xaf\xa4\x88\x00\xeal\xaaE?\xdb\xf8\xb1\xc5\x81W\xb7N\xbf\xe2\xa1\xb8\x1dp\x10L\xd1\x9c\xb5\xd5\xc1\xd7&lt;\xf6^\xf7\x0f\xe6\xa4\x88\xad\xe2\xbdW\xb5\xc2\x1b\xbbz&amp;\xc5&lt;\xd9\xfb\xa5T\xbd\x96\xb71\xeb\xd4k^\xc8$\x00\x80!\x92\xa8#\x893\xe4}\xb7R=S\x85\xc5[\xf3\x8b\x95\x1eFc[\xdf\xf4d\xf7d[\x1f\xf2\x83!&lt;\xff\x01\x90^\xf4\x80\xa6W\xae\xb7Fv\xc0/u\xf4\xc4\x8b~\xf4\xf8Q\xd6\x16\'=@IWN\xd1+\xed\xfdk\xc5O\xdb\xb7\x7fm$x\xa1\xa8EXy\xfbs#\xe6~\xff7\xa3j\xf7\x03F\x958#\x9e\xae\xd3O\xba\xfa\xb9\x88\xe1o\x18\x863\xaf\xb0O\x10\x04+\xefp\xee\xa3\xefj\x04G\x8f0\x0c\xf7=\xfb\xe7\xadS\xb6?\xfa\xa6#/y,\xe8rF$\x97\xd7\x95\x8c\xb2C:`x\xcd\xb1\xeaA-\x7fM\x11$i\xe0z\x9e\x82\x9ej\x9d X1\x0c\xc3/\\\xf0\xebM\xf6\xfbn!7EW\xc7\xb4\xd1\xb3\xa7_z\xcf\x01\n\xcf\xfd\x14t\xb4i\x97\xdc\xbd\xb1\xadw=\xe5\xceF\xa7\xdb\x14v\x18\xac\xaa9z\xcd\xd8od\xf7\x0fPc\xadm\xe5 \xd7\x80[\xf3n~\xc0\x95a\x18n\xbc\xf7\xe5\x0bnp\xcc\xca;\x9c\xfb\xfb\x1e\x83\xe0\xd5v:?u\xd8\xc5{.\xb7\xb1W\x18\x86\xab\xeft\xc1\x80\x85\x9cp\xc5\xd3}\xd3\xf4\xba\xaf*\x08\x82\x98Ov\x8d\xd8\xdcS\xac\xd1kV\xb2\x0ex\xeem\xda\xd3\x8fY-\xfaM\xa5\x1b\xefsy\x82\xf2\x01F\x99n\x1d\xf0\xa2\xads\x83 Xv\xeb3\x8e\xfb\xce\x1f{\x97\xe1\xf1\xcd\xfe\xde\x88\xd7\x99\xcd\xb1\xea\x81yG\x12\x04\x8bDw\xb1w\xbd\x145\xb7\x97t#\xe6O\x1f\x7f[\xd2,\x00\x152\xc8\xd9\xc2\xf6\xdew\xf6-\x9b\xb3^\xab\xef\x85\xban_\x89\xaf\x85$\xdbq\x9a)&gt;\xb8S\x8a*\x8e\xbd\xec\xa9\xd6-\xfe\xab\xff\xeb\xfe\x98\xd9 {T\xba\x8cI-\xba\xc9\xf1\xc5T\x04\xd0\xd3\xe1\x17\xfd&gt;u\xde\xdf\xbe3\xa2\x03\xbe\xf9\xa90\x08\x82\xa3/}\xe2\xb7\xef$\xb8\x8a\x9c\xba\xf6A&lt;\xf0zm\x8f\x0f"\xcc\xf1\xb1 \x08\x82`B\x86E\x9e|\xf5s\xad\x7f\x8e\x1c\xfev?E\x1c\x86\xe1V\x07_\xd3u\xd6O\x9f+y\xb5\'\xda\xdf^\xaa\xefA$P+)\xdf\xec\xd8\xda"?\x19\x86A\xb0`\xb6a\x15&amp;\xbf\xeb\xbb)\xdc\xf8D\xca\xab\xf2A\x10\x04\xd3m0\xe9\xd7\xd2\x99\x05\xd4j\xb6-"N2\x9fu\xe3k\xd1\xb9g]i\xbf\x88\xb9\x17\xdf\xf3\xee@\xb1\xf5\x16\xb1\x1a\x17\xda\xf0\x98\x9c*\x05\x88\x92\xc1\x18t\xc1\x1dn|rb\x8b\xfc\x870\x0c\xc3\xb0\xaa\x1f4\\\xae\xec\x002\xb3\xd8\xa6\'\x96\x1b@\xe7\x95\xe0}\xcf\xfey\xf4\xc9\xe7}\xber\x7f\xe3Uko\xc7\xdb\xe5\x96\xdf\xf6\xcb\x99\x84\nPQ\x19\x9e\x04^`\xbd#\x83`B\x10\xac\x14\x91\xe6\x9d*\r4G\x93\x0c\xb7c\xdbi\xe7\x08?yvr7\xbc\xd1^\xdf&gt;\xe4\xeb\x8f\x0c^{YW%F\x9a\xa9\xec\x00\x00\x86\xc8\xe2\xad\x7f|\xed\xf6\x7ftM\xb4\xeda\xd7\x17\x11K\xc9\xc64\xfe\xe9\xdb\x17^\xfb\xbb\x81:\xcb\xa3/}\xa2\xf5\xcfFus\xafqp\x8a\xa2\xe6]\xeb\xd0A"\x01\x80\x8c\xfd\xb7\xc7\xf5\xda\xb5w\xf9F\x8ec\xcd\xe96\xcc\xab\xe4\xe4nx&lt;\xd6bVc\xe4\r0\xd2[\x03&lt;X\x92\x87l\x83IZZ\xa5V\xc5he%\x03\xa3_\x18\x86\xc1&lt;\xdb\xf6M\xd6\xfcRa\xf5m\xb0\xe7\xb7\x12\xa5_x\xe3/\xf5\x9a\xf5\xc1\x8d\x8eM\x11\x80\xce#\xbe\xb3n|\xad\xef\xea\xfa\xbf\x8c&gt;\x80\x91\x94\xed\x08T\xc83a\x18\x04\xc1\x85?\xfdg\xdf\x94\x89\x1a\xcdV\xe5\xb6zg\\\xf7r\xf2H\xe6I\x98\x9e|\xcd\xbc\xfc&gt;mS\xdan\xa8N\xf18\xf2\xfb\x16\xfe\xf4@1\x01\xf4\x12\xb3\xf3X|\xb3\x94O\xbf\xf4-\xff\xfaG{&amp;\xd8\xf9\xf8\xdb\x93V\xd7|\xb2\xb3\xe0\xf1\xd0\x99\xd7\xbf2\xf9\x8fq\x9beUu\xc3\xad\x7f\xce\xa1\x83\x9fv\xe2C\xc3)VTg\x96D\x85,\xbc\xf1q\xe9\xea\x05\x18Rq\x86\xbf\x9d\xfe]l;;\xe7\x88O&lt;e\xa3WW\xb1o\xbc\x8f\xf3\xecv\xea]YF\x93\x85\xf5v\xbbx\x9f\xaf\xdc\x1f\x99d\xd6\x98E\xe9G\x01\xcaQ\xb5\xf6w\xb0x\xc6\x16XW\xd16?\xe0\xca\x02k[\xa2sR\xbdV\x17@\x8ej\xd1 V$\xc8\x98aT$\xdaL\xd4dY&amp;$\x8a\xb3&amp;\x0b\x05\x0c\xb7l\x9a\xaa\xf7\xad\x99A!\xf5\x91c\xfb&gt;\xefvy\x95L\x10\x04\xfaf\xa0H\xd1-N\x05\xdb\xa3t!\x15\xb9 \x15\\i\xc3\xc9\x86\x00*\xadW#\xd51\xfd\x03\xcd__\xf8\xda\xaf\xf3\x8c\xa8B\xfa\xb7\xe0\x0bl\x9fm\xe1\x115&amp;=\xcb\x1a\xf1\xcd\xa2D\xea\xd2\x8d\xe5\xf9z\x96\xa8\xd7\x9b\x03\x8c\x06Uk\xeb3\x8f\'u\x81\x83\\\xe3\x1ct)\xe6\xdcj\xa0\xec\xb5\xd2\\WU\xdb\x15\x01jl\x86e?\x97}\xa13o\x92M93n\x9c\xed#\xcb_\xbc\xfc\x0f\xcd?\x17X\xef\xc8\xacJ\x1eD\xe6]Z~\x1f\x0f\x8e\xd0X\n\xdd3\x90\x8d-\x0f\xbc\xba\xb5Ay\xb1\x9e\x8d\xcbz\xbb]\\|\xa5\xd5l\x88[\xcf&lt;\xf7\x8d\xb05\xe5\x80\xef\xd6\x88(\xbc\xb3\xae \x08\x9e\xce\xfe-\xdc\x8beTN\x06Y\x00\xe2\xd2\xc4\xf44&gt;\xe9\xbd\xc7\x0b\xe4\x11EL\x1f?\xe2\x87\xed\x9br\xfc\xc7{%\x0e\xc30\x08\xde\xd7\xfag1\xbbA\xa3\x96?\xe4SW\x9cA\xea\xe7\xcf{\xa8-\xcb\xef\xdf\xb5\xff\x03%\x89\xd3\xf2\x1ex\xfe/3\xabo\xb6-N\xbc\xf2\x99\xccJKk\xe7\x13\x12\xbf\xe72\x8e\xd6\x95\xf9\xf3\xbf\x85\x1f\xfa\xc8\x17\xf3\xa8\xa5\x97\xe5\xb6=s\x8f\xd3\xee\x8e\x93\xb25\xce\xae7m\xbd\xd7c\xaf\xf8s\xe4\xb89\xa60\x0c\x1f\xfc[\xcc{\x00{\x96\x90\xc7uz\x07\xa3\x009\xca\xf5\xd5\r\x0bnpt\xc2p\xd2\xd4\xd2\xb7\xb4\xbf\xc68\xff\x9c\xee\x8e\xad\\oV\xeau\x7f\xf8`u\xcd6@^\x80\xd2,\x9b_\xd1\xa3t\xb4\xb1L\xd9\x01\xc4\xd2\xadW\xfb`\x11\x15w\xbby-\xee\x9e0k\xc6_\xb9\xe8k\xc7co)\xb8F\x80\xd2\xd4\xe8\xe9\xd5\xac\x9e\xdc-E\xdbi\xe7\xa4\x01\x97\xb9\x80\xf3l\x93.\xdf\x8e\xc7\xfe\xa8o\x9aG\xde\xae\xfa\x86\x03F\xb9\'\x07h^\x0f\xfd\xc6o3\x8c\xa4\xab0\x0c\x83`\x89f\x1f\xb0\xe1\x9e\x97\xb6\xce\xdd\xf6\xb0\xeb\xf2\x0e \xbd\xf9?\xd97I\x91\x07\x10i\xcf\xee.\xdeZH\xeb\x8c\xe3\xbf\xf7\xe7\xc6\x8fk\x1e\xc9l)\xf6:\xf3\xde\xac\x8a\x02\xa8\x9e\x196\xca\xa4\x98\xc7\xde+\xe2m\x91\xe3V\xda?:\xc1\x87?yN\x8a0J5u\x18\x86S-\xfa\x99 \x08\x16\xda\xe0\x98\xd6\x19\xf1W\xce\xf9\xb7\xbd\x15\x9d \xfe\x83I\xf1\xf5\xce\xb2B\xcc\x12\xa6Y|\xd7\xa4\x95\xe6\xc1c\xbe@\xbd\xdd\xf6tx\xda\xb5/\x15SW\x1em\xe5\xe7\xcf}\xa8\x7f\xa2Qb\xda\xde\xb3\xe6:\xe2\xe2G[\xffn\xac\xea\xf9\xd7=\xa2mJPF\x8f\xb5\xc317\xaf\xb1\xf3\xd7\xf2+\x7f\xc3\xcf]\x9a_\xe1\x00\x85z=V\x1b\xdd\xe5\x0b\xb2\xd1\x0cVZ\xcd\xb1\xca\x81\xd1+$\xdb\xd5\xb5\xea\x8e_\xcd\xb0\xb4\x16q\xc7\xcd\xbd\xd8+\x00\xb2\xd4\xbbU\xad\xe8\x13&amp;\x0b\xae\xdf\xf3a\xa4\xd2z\x88\tq\xbf\x1eq\xe1\x1d\xff\n\xd2\xc6\xb9\xca\x0e\xe7\xb5\xfe9\xdf\xda\x877\x7f\x97\xb2\xe0W\xfe\xb2&gt;7\x97\x01dl\xbeO\x0c\x92;]\x83Xd3z\xc2\x15O\xbf\x96\xdb\x9d\xdb\xd17Z\x7f\xfaK\xb7\x0eXo\x0c\x13\x06\x98\x9bX\xc2\r7}\xf3\xd7-\x7f\x8c\xf5*M\xfd+0\\&gt;\xb8\xe1\xb1]\xa7\xaf\xbf\xc7%\xf9Uzp\xe1_N\xcc\xbeq\x9f\xef\xe3m\xef\xabj\xfc\xd8\xe2\xc0\xab\xb2\xad\xa7o\xe4\x8b|\xf4\xf8t\x19\x01(\xd9\xfe\xe7&lt;\xd8\xfc}\xf9\xcf\xb3\xbcT\xf9\xde\xa4\x9bWSt\x06}_\x17\x95\x8b\x05w\xe8\xfd\xfc\xcft\x99\xd4\xf0\x95\x1b\xfe\xd2\xfc=\xf8\xe8\xbcx\x17\xdc\xf6V\x18\x86\xdf\xbc\xf3\xedD\xb9\xa6[j\x8f\xe6\xef:=\xd6\x0c0*\xfd\xe8\x0f\t\x1a\xd6;_\xc8\xac\x15\x9e\xb0\xfeQq\xde\xaax\xd9\x03\x9di\xa6\xea\xd5\x19&lt;\xd7c\xfa\xbeg=\xd0\xf2\xd7\xd2\x89\xe2\x0c\x82\xe0\x9eW\x1a\xc5\xce\xd5\x16g\xdb\x8fD:s\xc5)\xa7y\x1a9\xfb\'\x82\xe6\xed\xf3Q\x8d\x8d\xf6\xfavfu\x01\xa4\x90\xb0\xc9\x9b2\xaf8\x82 \x88\x1d\xcce\xf7\xff/\xd70bJ\xfa"\xe5\xa4\x19#\x9c\xf9\xc3W\x07,\xa1"Z{\xfd\r\xf7\xfc\xd6L\xcb\xed]n&lt;\x00\xc5\xd9\xe6\xd0kc\xa6l\xb4\x95\xbf\xfeg\x9f\x93\xc9\x1fXb\xb7\x01\xc2\x197@\xde\x042\x19iu\xbdX\xdb\x99f\xe4\x08x\xd1 \x08.\xba\xfb\xdfA\x10\x04\x0b\xc4\xbdE9U`\xb3d]`\xf6\xc20\x8c\xf8x\xe2\xea\x9f\xbe \x8fJ\x01\xea*i[\xbc\xce.\xdf\xec\x98\xf6\xe1\x0c\xcbO\xa7G-s\x9e\xf2\xfd\xe7\xa33n\xf6\xf9+\x92\x14\xd8\xd2\x01\xcf\xb9U\xcb\xe4\t\xad\t\x82 X\xa8\xc7=k\xf1\xed\xd7r\xc5\xbd\x18\xad\x8b\x9c\xee{P\x11\xd6\xdd\xf5\xa2\x98)\xe7^\xe3\x90.S\xa7Y7\xcbh\x00F\xab\xfa\xde\x0e\xd3\xf5\xba\xe9\xdck\x1c\xdc\x9a`\xd2\x08x\x86\xe6\xc4\xf1k\x1fV@`\xd1\x8f3\xc5/\']\x15\x03(\xe8,H\x10\x04A0c\x9cD7&lt;^\xd7\xfd\x13 w\xf7\xbeZV\x13\xb9|\xdf\x14mg\xa1?\xb2\xf7e\x99T\x1c}\xcfT\xa2\xaeq\xebC\xe2^\x86\xa8\xbb\xfa\x1e\xea\x01\xa3\xd5\xaaq\x12\xdd\xf7\x97\xaa\xbf\x1f\xa3\x18\xe9\x86\x8f\xf5\\\x0f\xb1v\x8cl-\xbf\xed\x99\xbdf\xc5\\\x87\x9f\xfa\xe2\x8f\x13\xd5\x18\x86a\xf3\x1b\xc0\xf5\xdcL@=\x15\xff1\xd4\x18m\xdc\xecE\xc4\x91\xd8&lt;1\xd3M^\xc0\xb1\xab\xc5J\x96\xca\xc8\xec\xb3\x0eRTj\xbf\x7f\xb7\xc6\xdd\x95\xbe\x16\x18%\x96\xfe\xd8\xa9\x99\x943H\xb38`\x93\xfa\xd9\x13\x7f2H\xf6\xa4\xa2\xa2\x1d3\xb1\xe7&gt;\xe9\xaags)\xbf\xf2&amp;\x05?o\xc9q\x00\x94"Q\x0b\x1e\x9d\xf8\x98K\x9f\x188\x9cd5\xc6\xf4\xaf\xb4/\x9dH\xfato\xa2+\xb5\xc7\\\xfad\x8a\xa8\x12\xc5CC\xebg\xa4\x7f\xf6\x8a5\x06\x8c"\x11\xcf\xe7\x04A\x10\x04\x1fL]\xf2\xec+\x1f\x90:off\xdb\xbc\xf9s\xc0\x17He\xde_\x86a8\xfd2{f[&amp;\x00)U\x7fTT\xfd\x08#T\'\xf8\xeaD\xd2\xd4\x1e\xd2\x94k\x95\x14\x08@\xd9\xce\xbf\xed\xcd\xd6?g\\v\xafb\xea-\xa0o\xb8\xf5\xcf%t?\x15\xec\xf3F\x18\x93\xec\x96\xe68\x8bs\xfb3\xd9/r\xae\xab\xf1\xfb\xbf\xa9\xf66\x02\x86D\x05;\x8c\n\x86T\xba\x88u\xf2\xd9\x13\x7fZd$Y\x1b\x9f4\xc33v\x0f`\x14(\xf1f\xe3tE\x95\xfa\x8a\xcaX\x19\x93\xe4\x9d?E\x15O&amp;\x89m\xfcZ]^\xb6\xd55\xc23\xaf\x7f%E0\x85i\x8b\xb9\xeb\xbdo\x8dw\x9b8z\x03j\xe9\x7fI\x1a\xaf\xb5&gt;{a\x10,\x98_0\xad\xaa\xd3\xaa\x86a\x18\x04SdTN\x9f)}\x13\xbc\x1dc\xb5\xe4\xbc\xea\xba?\x15=\xc8\x11\xcc\x00\xc1\x00\xd4VY\xcd_\xe6_%J\x977E\xa7\x98\xdaR[\x9eRX]1e\x1b\xc0\xea;\x15\xfb\x15\xa3)\xd6\xc8\xa3\xd4\xd27\n0\x9ae\xdb\xc4\xf4*\xed\x9fa\x18|`\xfd\x0c+\x8a\xe3\xb5\xca\xb5\x9e\x8b\x07)W\xf8r\x99\x87\x02@\x95\xbc\xbf\xe73!\xe7\xdf\xfaf\xafY\xc9\xcd\x1d\'Q\xa2\x8ej\xee\xd5\x0f\xee\x9f\xa8\x0c\xd9\x1e\xdf\xcc\xba\xe2~e\x8f\xc9\xa6\x8e\x98WvlY*\xfe\xe5\xac\xc0P\xabT\x03\x1aqCS\xd7\xe9/d\xf4\xc6\xae\xd4+\xe1\xb4\x1f\xbc\x18?{\xba7o\xe4\xf6\xed\xbft&amp;\xf4K\xb0L\xde\x11,\xb4\xe11\x85}\xeb\xe2K\xdf\xfdS~\x85\x03\xc3.I\xfb\x155\x12\x1a\xb0\xde0\x0c_\xa9L7\xb3\xd3qQ\x1f\xd5y\xe4_\xedq^v\xff\xff\xe2\x14\xdb\xab+-\xb0\x7f\x8d\xf3U\x89)\x93\x16\x1a\x15\xffL\x1fM\x9c%kU:|\x01\xe8\xe8\x0c\xc20\x9cs\xb5\x83\x82$\xad\xd5\x84\xf5\x8ej\xfe\xded\xdf\xeff\x1b^\xa7I\x83\xdde\xb3-v\x8eU\x0e\x8c\x9c?K\xb6\xd5E\xcb\xa9\xabx3\xedy\x820\x0c\x83`\\\x0e\x11U\xd4\xb9?\xfa[\xd9!\x00C\xe0\x03K\xec\x1a1\xb7\xe0AC\xdf\'&gt;{M\xac\x85\xa5?vZ\xd9!\x14-\xce\xc6J\xb4A/\xb9\xe7\xdd\xd4\xc1\xcc\xba\xe2~\xa9\xf3\x02d,\xe6e\xc5\xfa\xf6y\xf1\xedw\xf6\x83\xad\x7f\x9e|\xf5seE\x12$\\\xe1;\x1dwk\xd6\xf5\xcf\xd0\xf8\xe7\xd4k^h\x9d\x1a}\xc1\xf5\xc0\xaf&gt;\xdcYP\x8a\xe7\x9b\xb35\xf3\n\xfb\xc4L\xf9h\x9d?l\x0c\x0c\x91\xc2/\xdd-\x998\xdb\xfc\x9fl\xfe\xdcl\xff+\xb2\x8b$h\xfdBm\xce\xeba\xb1^a\xb4\xde\xc6\x95\xfacJyo\xc4\xff\xb4\x94\xbf\xdf\xd9?/%\x86\x08\xc3pX\t\x0c\x91\x0c\x1b\xb5YV\xdc7~\xe1\x8d\x97)\x1e{\xd9S\x8d?ox&lt;\xe95\xcb\x04\xef\xb7\xca\xe3MO\x83\xdc\x0e\x9d(o\xf4\x15\x87l\xf5\xba\xa0\xb0\xd6g/,,\x06\x80\xaa\xeb}.z\x99\xd64q\xca\x8991\xb5\x9a\x0e\\\x9e\x1d\xf9\xbe\xad\x9f&gt;\x17\xb5\x14\xd1\xcb8~\xad\xc3Z\x13\xcc\xb5\xda\x17\xb2\x08\xb04_\xf8\xda\xaf\x07/\xe4\xb8\xcb\xff8x!\x00U\x91\xae\xabk\xcb\xb5\xc1\x9e\xdf*&gt;\x86"M\xbb\xe4\xeee\x87\x10m\xd9\xd6?\xc20\\t\x93\x13\xf2\xae\xb2s\xab\xed\xdb\xe3\x14t\xa2\xd2\xf6&lt;\xfd\x9e~ic\xbd\xe6%N]\x00\xa59\xa7\xdaOb\x0c\xd8P\x9ex\xe53\x19\x05\x92\x93\x99;\'\xf5Z\xe4o\xdd\xfb^\xce\xc1\xa4\x14s\x1bM\xb9\xc8gR\xe4JV\xdd\x94=\xdf\xf2\x060,F\xd3\x08#\x9be\x99m\x8b\x98\t\xe7X\xb5\xc7\x93\xca\xb3n\x96A\x18\x85\xeb\xb5\xf6.\xbe\xfb\xdf\x9d\x13\xaf\xfb}\x99\x8f\xc3\x01\xe4\xe5\xfc\xdb\xde*;\x84\xbc\x0c\xd8\x92\xf6\xcb\xbeH\xc4\xbc\xff\x8c\x96F|\xe2J\x98z\xdd,K\xcb\xc2|\xeb\x1c\xdeZ\xec]/\x86\xdf\xbe\xef\xbfmi\x1ez3\x0c\x82\x19{\xd6;\xf76q\xc2\xd3\x1f\x03y[\xa9\xec\x00\x92i\xde\xf3\\5a\x8f\xef\x1b\xf6\xcdR\x80\xe5\xb69\xa3\xf1\xe3O\xc5v*\']\xf5l\xe7\xc4\xe3\xbf\xf7\xe7\xcc+\x1al\xac\xdc\xfdi7\x1d0\x90\xaf\xbe\xad\xcc\xff*\xf6\x98\xe9&gt;g=\x10\x9d\xe0\xb1\xf7\xcai7\xc30\xcc\xe9\x0b\xb5\x99\x9am\x90\xcc;\x1e{KP\x8d\x9e)\x0c\xc3\xe6QE\x1ev9\xe9\xa7UXL`\x18U\xb6\xf5\xc90\xb0\xe9\x97\xde3u\xdek~\xd3=\x8c\xbe\xef`z\xaa\xbc\x15\xfb\xea\xc0\xa3\xf3D\xdf\xaa\xca\\\xe7\x13\xc6\xa7_\xfbR[\x9a\x03\xba\xbd\x99\xab\x9f\x9a\x9d\x04\x02j\xa9\xb2\xddj\x9b\xce\xd7q\xb4\xba\xe7\x95\xc4o:,`\xc1\xc7.\xb4c\x10\x04\x7f\x88Q\xd1\xe3\xff\xcd0\x989\xb2+j\xb2\xc2\xf6\x93\xba\xec\x90\x00E\xabf\xfb\xf8|\xa9\xaf\x1a\xce\xb4\xfb\x9c\xac\x9a\xabz\x14\xd8\xe6\xd0k\x83\xe0\x831\x13w\x0e\xa9\x01\xb2\xb6\xc0\xf6\x1d\x93\x16\xca\xb0\xf8\x0b\xef\xf8W\x86\xa5\xa5\xd0\xf5\xb1\x96H\xef\x8b\x97l\xf6\xd6?\xfa\xf5\x9a\xd3%\x8c\xa149u\xff\xe9\x8a]\xeb3_/\xbe\xde\xed\x8f\xbei\xc0J\x01\xd2h6Xm\x1f\x87)kX\xd6\xf6\x9e\xc2\x1f\xfd\xa1\xae\xa3\xc3\x88\x15\xf8\xef\x18\xe3\xf8YV\x88:\x15\x9f\x83\xc5\'\xfe\xfb\xfe.\xaf\xb0x\xf8\xcd\x98[a\xc1\xceI\xcd\xf5p\xdb\xd3\xfd\x0b\xd9\xe2\x80\xab\xe2U\xd4\xc7\xe4\x95?\xefv\x99\x14\x08\x90^\xb3I\xfagG\xeb\xbf\xeen\x17\x8d\xf8{\x86\x8d\n\x89h\x99\xfeIR\x99\xb0\xdeQ9\x95\x9c\xab\x8f}\xe1\x9a\xa5\xb6&lt;\xa5\xf9\xe7\xea;\x9d\x9fa\xe1\xef_x\xe7A\xb2g\xf5U\x89vS\xad\x9d&gt;oFf_\xa5\xc7\xdbN\x00\x8a\xb7\xf8f\'\x96\x1dB\x1f\xd1\xfd\xc1n\xa7\xdc\x15\xa7\x90\x9e\xef\x99\xea]\xf2\xe0g\x05"K\x98\'v\xca\x0c+\xfdpV\xb5$\x95b\x01W\xebqP\x92\xac\xa8y\xb6\x1d&lt;\x12\x80Xz\xb4/\xd3\xc4H\x13\x04A\xb0\xe4\x16\xa7\xf4\x9a\x15\xbb\xae\xa4\x19\xdf\x9fS-A\x10l\xfe\xf9+\xd3e\xdc\xee\xf0\xeb\xfb\xa6\x19eMy\x18\x86\xc1\xf8\xfa\x9d\xc2\xcd\xe4P\t \x03\x9d\x8d\xd15\x8f4\xa6\x8c\x8dH3T\xfe\x92\xc5g\xa0\xda,\xb1\xf9\xc9i\xc3\x99Xx\xae_u&lt;\xfa\xd2\'\xba$\x98v\xfd\x88,MW\xff:Vly\xecTs\xb6|\x8a\xf1\x9bw\xbe=\xf1\xd7\x84\x1d\x9a\x13\xcf\xbd\xe5\x8d\xcc+\x05\xc8\xc6.\'\xfd\xb4\xf1c\x9a\xc53\xfbT\xfb\xa6\xfb\x7f\xafo\x9aFs\xfc\xd9I\xb5\x0f\xae\xd9\xbe\xdf\xfel\xfa\x86\xbeo\'\xd1\xeb#\xf3\xcd\xdf\xeb\xedvq\xea\xda#\xc2\x08\xc3p\xe5\x1d\xce\x1d\xbc\xe4\xceZ\x9e\x8d\\\xe4\xe8\x17n\x0c~\xc54\x0c\xc3\xddO\xbb{\xc0BZK\xabH!\x00QR\xbc\xb2\xb8k\t#L\xe8|\xa8\xa9\xc6\x1a\x0b\xf8L\xefN7\xce\xf4R\x8d\x89\x9c;n\xc0\xd2[\xc7\xe5m\x8b\xff\xd4\xc0C\xf6\xa4\xd93\xbf5\xac\x92\x1b\x14\xa8\xb3"/\x89]p\xfb?\xe2$\x1b$\x9e\xe6\xa7\x9c\x1e\xfdOA/A&lt;\xec\x1b\xbf\xed:\xeb\xb0o\xfe.N\xf6\x98\x13\xe3go\x98q\xd9\xbdb\x16\x92\xa8\xc6\xb4\x96J\x9bq\xde\xe6\xaf\xc8 \x17\xe86q\xb6~\xb9b\x99X\xc2\x98\xd5\x06,\x07 \x19G\xfdAF\x8d\xf8)\xd7\xbc0`\t\xdb\x1czm\xe7\xc4A\xca\x8c.\xa7u,;XE\x13\xdf:\xb2\xdf\xd9?O\x94m\xfcZ\x87ED\xd59}\xa6\xe5\xf6NT~\xcc\xe5\xf2_\x00(_\x8dZ\xa2\xab~\xd5/\xd4\x0f\xac\x1713\x0c\xc3 \x98\xb9\xf7\xac`\xa1\r\x8eI\x14O\x8aUw\xfb3]Nt\x0f~\x99\xa0\xf5\x03\x03\x83\x9d\xd4]\xb1\xef\xb9\xf7\x15?qV\xdb\xac\xbd\xce\xbc\xb7G\xd9c{L\xcf\xd1K\xf5\xd9\x9f\x81\xe1\x92E[?D\xf2_Q\xd3\xe7S\xe9\xca1\x0b\xc9\xf9)\xe7rl}\xc8\x0f\xca\x0e\x01\x18n\xcd\xf7\x1a\x86a\x18\x04\x8bf\xdePF\x9d\xeb\x9be\x93\x91\x7f/\xd2\x961\xdbH:\xa5\xbeUg\x8eU\x0f\xfc\xd4\x17oi\x9b\xd8\xf9\xf4\xced3n\x9c0\xb4\xbc\x84\x93\x04A\x10L\x13u&amp;`\x90*\xfaN\xe9\x98;m\x1e\x91\x00\xd4F\xd7\xe7j\xe6]\xeb\xd0*\x04S#1{\xa0\xb3oz\xbdg\x11\xd3m\x98mH]u\x8ds\xfc\xda\x87\xf7\xcb\xb7\xc2\xe0\x15\xe5\xa7\xd7\x9d\xd8\x00\x95\xd3\xf9\xf4j\x9b\x1b\x9e\xd0\x90\x05A\xaca\xdc \x16\x18\xa4\xcc?\xe5\xf9hM\xc4\x1e\x92\xd3\x19\xec\xf4+3\xc9\x98\xdeMX@\x155\xda\x9d\xbb_*\xb9\xf5\xd1\xfc\rb\xb7S\xee|r\xb0\xe1\xe0\'\x8e\xbc\xa1mJ\x9c\xd3!Qu\xa58\x15?\xcdz}\xcaL\x14\x00@\xf5\xcc6\xf8@g\xa8$Z\'\xc7|\xfb\xc9\x98%\xc4-v\xb6-\xee\xfbK\xb8\xde\xeeQo\xdaz\xe2\x7fq#\xbc\xe3\x85p\xb7S\xee\x8c\x932\xd1R\xcf\xbd\xc6\xc1\x8d\x1f\xef\x84a\x10\xac\x18?\xe3H\xb3\xf7O\xd2\xcb|\x1fO\x9f7\x08\xee}\xd5n\x0f\xd4\\\xd2\xfe{\xb6\x95?\x9fS$\xe9\\\xf5\xab0\x08f\xec\x98\xdc\xf2\x85\xa2\x96\x17\x0e\xf7\xb3L\xf3\xd7\xd3\x958\xacY\xa5\xf9\xab\xb9\x99\x96\xdf\xf6\xcb\x99\x14\x9d\xc7q\x9bcA`\xb4i\xde\x19\xfb\xf9\xf3\x1ej\x9d~\xe3\x13\x19&lt;\x8f4*\x1b\xcd\xc1\x17j\xd6\x15\xf7\x1b \xf7\xc2\xf1\x93F=\xb3;\xeb\xa6\x9d\xd3\x7f\xf6J\xcaEkV\xb4\xec\xd6gDW\r@\xbb\xae\'\x9f\xcbmF?\xb2\xf7e\xa5\xd4;\xe3r\xd1/t\\\xb0\xa08&amp;\x9a\xb3\xf9+bs\x8c]\xe8S}\x0b*\xe6\xf9\xae]O\xbe\xa3\x94\xaa\x01F\x89^\x1f\xe3+\xf2%\xd2\xcd\x1aK\xacb\xcf3~\x16?\xf1\xe0\xa6_z\xcf\x0cki+\xe4w\xff\xees\xdf\xfb\x80\xe5\xc77\xc5\x07w\x1a9a\x9e\xee\xe92\xb5\xe0\x06G\x17P\x0b@\x1fI\xdf\x99\xd0\xa2\xcb\xbb\x99\xc8\\\x9c\xcdq\xef_\xd2\x9f1\xbe\xe7\xe5d\xcfV\x95&gt;\x84\xdd\xe2\xc0\xabr\x8d\xa1\xf4\x05\x04\x86Z\xaf\xd3\x98\x9f&gt;\xfe\xb6_\xfc]\xf3\x94X\x15\x1e\xa1\xc9\xaf_\x89*y|\xe7M\xc8\xef{\xe4_}"I\x1dj\x15\xd63@\xc6ZZ\xab\xc4oA\xca\xa8\xdeQX]\n\x93"l~+"\xfd#:s\xaf~\xf0\xc0a\xb4\xad\xb1\xa9\xdb\x92=\xf0\xd7\xf0\xd9\x8e[\n\xfa\xae\xe4\x93\xaf~&gt;u`\x99\xd8\xee\xf0\xeb\xcb\r\x00\x18"\xe9:\x9e\xeawW\x85I\xf4\xc6\x92\xee\xebm\xec\xea\x99ESi+g^bn\xfb\xe1|a\x8b|\xaa\x00\x08fm\xfb;\xdb\x16\xa7oi\xfd\xab\x9bz\xdd\xcc\xa2\x89m\xab\x83\xaf)\xbe\xd2\xfcd\xde\x8b\xecw\xce\x83\xade\xa6\x1eR\xe7\xf4&gt;\xcb\x0c\xab\xd3\x01\x03\xa5\xd9\xef\x9c\x07\xdf\x0c\xc3\x9f&lt;Wf3t\xd2U\xcfv\x9b&lt;U\xf3\xd7\xcf^5R\xe9\xe2\xcb?|5\xf32\x97\xdb\xe6\x8c\xcc\xcb\x8c\x10\x86\xe1\xd4\x8b\xef\xd2\xf8\xbd\xccV\xa7\x17P\xe3\xb4K\xed&gt;y_\x9a\xef\x13A\x10\x14|\xf1\x05\x18.\x83\xf4^\xa9_\xdd\x10\xad-\xa4\x9b\x9e\xacz\xff\xfa\xd0\x9b\xfd#\xbc\xf3\xc5\xaa/E\xe9\xf6?\xf7\x171S\xe6u\xaaf\xb6-\xc20\x9c\xf8*\xecq\x9b\x07A0\xed\x92\xbbgX\x11\x00\xd5\xd5\xbbk\x99\xa6\x90\xfa?\x90.[\xfc\x1e\xf1\xee\xc8\'\xa06\xfc\xdc\xa5=\xe7%x\xf1gz\xce\xa6\x00\xf9\n\xc3\xf0\xbe\xbf\xf4\xb9\xd6u\xe9}\xffm\x9b\xb2\xec6g\x0ca\xf3T\xf0C\xb1\xf7\xa5}\xba\xb7&amp;\xc6\xf4MQ\xfacE\x8d\xdb\xaf^\x1d\xbe]\x1d(B\xeb\x1d\x9e\xcd\x1fm\x1f\xc6\t\xc3\xb0\xf5\x13\x02\xf1Kn\x9b\xf2\x9d\x07S6d\x8f\xbd\xd77\xe3\xfc1\x8bz\xe0\xf5:5\xa6\xf3\xae\xd9\xff\xdb\x7f}\xe5\xf1\xd5[7\x06\x03d\xa0\xc73\x9d}\xcd\x96\xae\xba[\xff\\\xd4#O\xb3nZX\'\x11\x86a\x86g\x86\x97\xdc\xe2\xe4\x96b\x07\xd5\xbc\x97;\xb2\xb4\xf1A0G\xe3\xd7\x1b\x13\x93}h\xf0\xaa\xe3\xd8\xe1\x98\x9b\xbbN?\xec\x9b\xbf\x8b\xc8\xb5\xfd\xd1\x8d\\mO\x1e\'x;\xb7\x03\x08\xa0d\x07]\xf0\xab\xc6\x8fr\xdb\xa3\xd6\xda\x9b!E\xa4\xc9\xaa\xaej\xda`\x8fou\x99\xfa\xbe5\x0b\xa8z\xfc\xda\x87\x15PK&amp;\x1ey\xbb\xb1\x1d\x97J\x9a1\xcd\x0e0\xcf\xb6\x89\xb3\x00D\xeb\x1c\xfe\x9ex\xe53\x11)\xe7Y\xf3\x90B\xe2\xaa\x9f\x1b\x9f\x08\x83`\xf9\xb2\xa3H#Q\x87\xb4\xd3q?\xce/\x92^zD8g\x10\x04\xf3\xadsx\xc1\xc1\x00d\xa6\xe5\x83\x83\xb3\x04A\x90bH\x91\xb7\xc7\xfe\x93\xf1\xddO9\r\x82\xdf\xab\xce\xd8z\xc6\x8d\xe3\xa7\xfd_\x81a\x7f\xfaK\xb7\x16\xfc\x8e\x17\x80\x8a\xea\xbc\x9b\xa6\xf9\xe7,+\xec\xdb\'\xf3\xf4\x1b\xa5\xa8\xf1\xe3G\xfc0E\xae6)\x9a\xddl\xef\x1b\xca\xbc\xdd?\xf6\xb2\xa7\xbaN\x8f\xf3}\xdf\xf8\x06\t;\xab\x0f\x17\xfe\xf2\x1f\xb9\x1d&lt;\xcd\xb9U\x9a\\\x13\xa5|\xec\n \xa5\xa3\xbe\xf5x]?&gt;\x13\xfb\x9ah\x8c\x9b\xa8\xf31\xed\xfay\x94z\xd6M\xafw]\x99q\xd6\xf0G\xf6\xba\xaco\x96\x96\x89\xf3v-d\x8b\x03\xaf\xea[Q/\xb9\x0eX\xaf|8\xd9\xa7\x15\x01\xca\x14\x86a\x10,\x9c$q\xf7?\x93\xb5nS\xae\x9d qN%\xe4\xa0\xd8\x9b\xaeS:\xf2\x92\xc72\x8c$\xc2b\x9b\x9e\xd0A\xe2"\xf5\x00\x00\r\xa7IDAT9q\xb5\x9d\xce\xcf\xaa\xfc^+a\xdc\x87\xf7\x8f\xce\xf8\xf5\x9f\xfe3\xab\x18\x00\xd2\xfbM\xbf\x8f\xb3\xe6j\xceU\x0fJ\xfd\x94j\xc47\xe3\xce\xba\xf1\xb5te\x0e\xaeq\xa2{\xc9-N\tf\xdb"\x8f\xf2\xbb\x9b&amp;\xf1\x97*\xf6\xfe\xca\xfd\x9d\x13\xa3^&gt;UenQ\x06\xeai\xe9\xbe)z\xf7U\xfd_f\x14\xe1\x03K\xec\x16Yx\x8b\xf9?9HE\x85\x99x\x99\xb9\xf5\xc3\x82S\xac\xd1\x9a\xe0\xf9\xe4\xef\xbb\xc8 \xac\x8e\x1b\xb2\x86\xe1dl\xae\xcb8\x0c+\x10(\xd3S\xbdO8\x8f4\xae_\x82&gt;s\xcf\xba\xe9\xf5t\x19\xab\xa65\xd4\xa7\xc3p\xa6\xe5\xf6\xce\xef\xd9\xe5\xb2\x9e\x8a\xbe\xf9\xa9\xcam\x8e#.~4\x08\xa6\x8c\x998\x0c\xc3`\xa6\xf6#\x92\x97\xea\xb3\x8f\x01\xa3G\xc1\x9fb\xed\xaa\x94\xa7w\xc2I2/\xb3\xf9{\x9e5\x0f\xb9\xeb\xa5\n\xb6\xec\xef/;\x80\x9a\x99\xf8M$\x80l\x85a\xd8\xed\xbdK\xd37\xe7v\xed\xa2~\xfc\xa7\xec\x9ff\xc9\xbc\x8f\xbf\xe6\x91&gt;#\xf2\xcc\xfb\xe0\xce\x02\xd7\xdb\xed\xa2\xba^X\xedi\\\xd9\x01\xf4\x91\xdf\xd9\x02\x80,E\xf7@\xbdg-\x96S&lt;9X\xb5sRs\xa9\xf3\xe8\x80\xcf\xb9\xf9\xaf\x13\xff\x9e{\xeb\xe6\xf4\xb6dY\xd58$6\xd8s\xe21\xe2\x01_}8H\xbe\x02\xd7\xfa\xcc\x85mSl\x02\xa0|\x99=YT3K\xe71\x02\x0e\x82`\x96\x15\xf6\xcd\xbc\xcca\xd6cM\xce\x133W\xf30\xabuV\xeb\xfd\xf3_\xbb\xfd\x1fq\xc2\xf8\xe2\xe5\x7f\x88\x93\x0c \x81\x1e\r\xdc\xec\xf1\x92\r\x9de\xb6&gt;\xbd\xec\x10\x86B\xcc\xfd\xed\xd1\x8ew\x94\xc6\xcf\x0b\xc0\xe8\x14\x86a\x10\x8c\xef&gt;o\x86\x8f\xe4Q\xe3\xb5\xbf\xcd\xbd\xe3)\xa9o\xfbp\xdf\x14a\x18\xae\xbb\xebEmS\xfaf\xd9\xec\xf3W\x0c\x14\x17@\x86ZN\x9f\xf6\xe8&lt;\xea\xa6\x9c&gt;c\x81\xed\x8b\xafs\x9a\xc5wM\x94~\xd2\xb6\x8e\xfa\x82\x93\xd1$@q\xee}u\xe2\x95\xd1=N\xbb\xbbs\xee\xee\xa7\xde\x15\x99{B\x9a*\xf3\x19\x11VG\x05\xbb\xb1\xd6\xdb\xd0r\xad\xe8\xd2{\xdfK\x971\xdd\xa5t\x17\xe0\x81\xd1\xa0\xf1\xa6*22C\xd9\x01\x8c\x10\x86\xe1\xf8\xb5\x0f;\xee;\x7flvW\xeb\xefqIs\xee;\xd5\xee\xc3t\xb1\xc0\xe8Tb\xeb\x96a\xd5\x15\xfa4o\xc5\xd4\xb4\xf7\x1a$\xec\x8c\x17y\xeem\xb2,\r\xa0\xab\xe8G\x84+\xd5\x94G\x07\x93S\xa8\x93N\xc8\x8f\xcd\xa3\xf0\x02Tj\x0b\xb6\x98\xaasR\xfcP\xe7_\xf7\x88L\x83\x01\xa8\x9e\n\rJ\x18&gt;7&lt;\x1e\x06A\xb0\xf3\t\xb7\xf7M9\xc0\xce6K\xda\x8c\x00\x03\x1b\xd9x\xcd\x1f\x04S\xf7\x98U-\x15\x8c-\x8b\x90\xa6\xcd \x8e\xf2\xac\xbe\xd3\xf9A\xd6\x9b\xe6\x9eW*\xb7\xa1\x01b\xe9\xda\x1aF7\x91\xbb\x9ctGk\xca\x1e_\x92Yt\xd0\xc8\x06h\xa9+\xd8\xfb\x06U\x8d\xaa\xaf\x94a\xcf\xf1\xb1 X1\xe3P\xf2\xd1|!\xda\x98\x05w,;\x16`\x98\xb46\xaf?|\xac\xf9\xbb\xcbE\xb8\xcc\x9d\xfb\xa3\xbf\xa5\xcbX\xcd\x9e\xacoT\x93\xdf\x11=|2?\x96:\xfa\xd2\'\x12W1\xdf\'\xba\x96\xff\x9d\x07\x87\xe4\xf5\xab@%ukwf\xd9\xe6\xd0\xeb\n\xaf\x14z\x8a\xf3M\x8bd;\xd5|\x9f\x08\xc30\x18\xbbzs\xc2&amp;\xfb}7mt\x00\t\x9d\xfb\xa3\xbf\xf9V\xcfp+\xe2lGY\x1e\xffo\xff\x17R\xb6\xec\xf0SG%\x05\xc8\xd4\xd8\xdbo\xbb\xed\xbc[\xdeh\x9d4f\xcc\x98 \x08\xd6\xfa\xcc\x85z\xe2\xe1\xf0\xef`\xe6M:\xa7V\xf3\x02|\xcc\x8f\x175-6\xc5\x98\xc8\xf9+\x06\x93v\xf8 \x08\x82\xe0\x9dM\xf65\x02\x06\x8a\xd2|\x1faV\xed\xa6n\xbb\xbeV\xdf\xe9\x82^\xb3.\xba\xeb\x9dL\xaa\xf8G\x8f\xdd\xe3Oa\xd8\xf8\xd6o\xd6\xe6\xed\x9b\xa2\xb1\xc7NX\xff\xa8n3\x97\xc8:\x1e\x80I\x9a\xfd\xe5i?x1u\xde\xc1k\x07\x80\xe1r\xf7\xcb\xd5z\xa1\x15\xc5+e\x07\xf8W\xaa\x0f-\xf4\x98\xb8j\xaf\xf4\xf6m\xa0\xd2z\xb5S\x1a\xaf!\x11\x86a\x9e\xaf|Z8N\xa2\xbf\xf7\xd8\xd9\x1e\xffo\xb8\xdc6g\x04\xc1"\xd1\xd9\xefy9\x8f}u\xf1\x1c\xca\x04hq\xc3\xe3\x19w\xc0]\xbfcX%.\xec\xf5Q\xbb\x03\xb2*\xc7\x06\xd0]\x18\x86/k\xbc\xca3\x84=\xc7Q\x97&lt;Vv\x08\x00\x15\xd0r\xfe\xb9m\\\xb8J\t\xd10\xda]x\xc7\xbf\x12\\\x9a\x9d\xe9\xa3\xc1\xa4\x8f.D;R\xa7\x0e\xd4\xce\xe8\xbfQ\xe5\xfdk\xf5M\xb2\xf8f\'%*2\xe6\x1a\x1b\xe5+6\x07a\x18\xae\xbf\xfb%\x8d\xdf\x1b\xefsyD\xca\xe5\xb69\xf3\xac\x9b^/$(\x80|\x8c\xfe\x0e\x98\xa2\\|\xcf\xbb\x19\x942\xe3G2($O\xff\xf4\xff\x05\xc8\xc4\xa4F\xb3\xde\xdf\xb9c\x94\xb9\xf2\x97\xb9tr\x8e5\x81Qg\xee\xad\xcb\x8e\x00\xfa\xd0\xfb\x02U\xa4mJn\xa6\xb2\x03 \x19;9P-\x07\x9c\xf7P\xa0m\x02\x80r-\xb1y\xb2\xfb\x81\x13\xc9\xb5\x9bw\x0cQ7S\x94\x1d\x00\x00\x000\x94\x96\xf00\x12\xb49\xdbs\xc6@\xde\xf4\xbeYy\xc6j\xcc\xd3\xae\'\xdfQv\x08\x00\x99\xaa{\xef[\xf7\xf831\xcaW\xc2\xb4\x1bD\xcc\xccp\xd9G\xf9j\x04\xaa\xa61\x02\xde\xfc\x80+\xcb\x0e\x04&amp;\x1b\xa4/L\x94\xb7\x91x\xf1\xcdNL]\x1d\xc0@\xeau\xec_\xbb\xef\xe5\x91\xab\xc6\xa6o\xee\x00\'_\xfd\\\xd2\xbc\x00Ek\xb4&gt;{}\xf9\xbe\x9c\x9a!\xad\x1b\xb5\xd3\xb6\xd3\xda\x87\x81\xbch_\x18\x05b\xef\xc6\xe3\x8b\xaa\x08 R8I\x86\x05fU\x14\xc4d\xaf\x03jo\xf0\x86,\xba\x04\re\x1d\x85ax\xc7\xf3a\x10\xccRv \xed\xf6\xf9\xca\x03\x03\x96`\x87\x04\xca2\xa6\xf9+\x0c\xc31c\xc6D$e\x08u\xed\x9f\xec\'\x00\x83\x1b\x9b(\xb5\xe1\xc2\x90\x99\xaa\xeb\xd4\xdf\xbeS\xc3\xdd`\xce\xad\xca\x8e\x00`\xa4\xd6\x0b\xc0\xfa\xd7&lt;,\xb0\xde\x91e\x87\x90R8R\xdb\xac\xb2\xa2\xcaV\x8a\x059\xf4\xc2GN\xba\xea\xd9&lt;\x82\x01\x86N\xea\xfb\xb0&gt;y\xd4\x8dy\xc4\x13\xd4\xaa}\x8f\x08\xb5\xb1V\xdf\x0e\xc3e\xb7&gt;=\xe9\xc9\x86\xd2\xbd0\xb2\xf7=\xe7G\x7f\x0b\xc3p\xea\xc5vi&amp;\xb8\xe2\xa1\xdal\xa3t\x1e~\xcb\x81)\x90\xb3\xd6\xf6\xa5\xf8\xb6f\xdc\x87\xf7/\xb8\xc6b\xcc\xba\xd2~a\x18\x06\xef[s\xe4\xe4\xf7\x95\x13Mr\xad\xbdo\xb7\xb7\xa4}\xe8sg\xfcl\xf6\x95\x0f(&gt;0\x80Q%\x0c\xc3\xe5\xb6=3p\xb0\x9f\xd4\xac\x9b\xf6\x9a\x13\x86\xe1!_\xffM\x81\xa1d\xac\xc7\xf9\xe7\xb1\xc1\xa4\x9dd\xe5\x1d\xce\xad\xe0}\xd1\x99\xf3?\x02\xc8\xd1\xffE\x8e\x805@)D\x9c\xd2\xaf\xcb\xfal\xeb\x80\xefz1\x9cz\xf1\xc6\xf9\xe7qa\x18\x9e\xf6\x83\x17\x17\xde\xf8K\x11\xc7\x1f\xb5\xb6\xe4\x96\xa7\x94\x1d\x020\x04:\xcf?O\xbb\xd4\xee\xcd)[\x1etu\xf3\xf7\x82\x1b\x1c\x1dQ\xce\x03\x7f\xadG\xbfR\x8c\xae\xf7.\x85a\x18\xcc\xbcI\x18\x86A\xb0b\xce\xf5/5x\x11#\x17a\xb1\xb6Y\xdf\xb8\xe3_\xeb\xeez\xd1\xe0\xb5\x00\x0c\xaf\xba\x0c\xc8\xea\xa5W\x07\x9c\xfa~\xb7R4\xa3\xbd\xf8\x9ew[&amp;O\x1d\x04A\x10,\xbe\xd5\xc1\xd7\x94\x13V*\x83\xac\xf3\xbal/\xa0\x96\xba61\x8d\x89o\x8f\xfc\xce\x0cq\xf4\xeah\xeb\xd5\x01\x07A\xf0\xf70\x0c\xc3p\x81\xf5\x8e\nf\xdb\xa2\xecX\x06\x92z\x9do{\xd8uY\x15\x05\xd0E\xa8\x97\xcd\xd8J\xbd:\xda0\x0c\x8f\xbd\xec\xa9\x88\x9cg\\\xffJnQ\xa51\xf9\xa0\xe1\xfdk\x95\x1dK\xaef\xe8&gt;y\xdc\xe6\xc5\x86\x01\x0c\x8df\'\xa1\xf7\xcd\xd6\x94\x8b|&amp;\x0c\xc3o\xdc\xf9v\xeb\xc4b\x86\xbf\xff\x97C\x15\x0bo|\xdc\xd3\x95\xdfC\xfeZH\x84\x1f\xda\xe8\x8b\x05\xd4\x02\x8c~\xf7\xbf\xd6\xbf\x03\xee\xbcQ\x8b8\x9ac\xc7\x93\xaez\xf6\x87\x8fYo\x198\xe5\x9a\x17\x06/\xe4\xe0\xde\x8f\x87\x1dr\xe1#\x8d\x1f\xf6s w\x11#\xe0\xffv\xdc@T\\X1T-\x9eQc\xfc\xda\x87\x15\\c\x8aMY\xcc\xd6w~\x08(G\xdfF\xa7\xe0V\xa9\xad\xba\x9f&lt;\xabM\xac\xb7\x857\xfeR\xcc\x94\xcdM\x7f\xfd\xa3-\x1b}\xdcf\x03\xd6?Xv\x80\xc1\xbc9\xa9i{&amp;\xc6+8&amp;\xac\x1f\xf5(p\xb1V);\x00F\x8fwz\xdf\x84h\xec\x0b\xe4e\x96\x15\xf7m\xfc\xd0\xd0Pqo\xc4\xbbM!\x13\xf7\xbf\xde\xbd\xc0\x99\x96\xdf;\xdb\x8a\x00&amp;7a7=\xa9\'\xa6\xea:{\xdc3\xae{\xb9\x94H\x00\xf2e|L\x95\xd9?\x81Q\xa5\xe0\x1bM\xdb\xfc9\xa2\xf6\x19&gt;\xd2\xf8w\x85\xed\xbe\x12\xb34F\xa1\xd9\xeb\xfdr.\x80\x11\x92v`{\x9cv\xf7\x80%lq\xc0U\x89\xd2\x0f`lQ\x15\x8d\x1e5:\xa0\xb9\xe2\xe1\xae\xa1.\xdd\xf8\'bA\x16\xda\xf0\xd8|"\x02\x88\x14\xdd\xc2&gt;\xfe\xdf\xf0\x17\x7f/\xa7\t\xaeZ\xd3?a\xbd\xa3\xca\x0e\xa1\xe6\xe6\xd96E\xa6D\xbbA\xebk:\xa23\xf6\x9c[\xf3W^\x03\xf5\xd3\xfa\x9e\x8d\xb6\xb6i\x9d]\xbf\x19\xbf\x90\x14U\x9f|\xf5s\xa9Kk\xa4\x19\xf1lh\x16!e\xe8\x82\xdb\xde\xca\xaf\xf0\xd2\x97.\x13\xd7\xfd&gt;\xee\x86n\xda\xee\xf0\xeb\xe3$k1m\xd2\xa8"K\x03\xc8Nt[\xb3\xcfW\xee\x1f\xbc\x90\xa44\x7f1\xd5\xe5\xee\xdf\xe6\x06=\xeb\xc6\xd7\xf2\xae"\xadq\xd9\xc4\x01\x10_\xea\x96K79$\xc20|h\x80\x8b\x11\xbd\xf6\x93\x14\xfb\xcf\xf7\x7f\xd3\xfd\xcd\xe4\x8f\xbc\xdd\xfc=S\x92\xf2\xc6\xc4Id?\x07r1v\xa1\x1d\xb7&lt;\xe8\xea\xce&amp;\xe6\xc1\xbfM\x9c\xf2\xc70\x0c\x82`\xd3\xfd\xbf\xd7\x99w\x08G\xbd\xb5\x082\'m\xcb\x1e\x7fU\xc4}\xad\xe9\x8c\x1b\xa7.m\xecB\x9f\x8a\x998i\xd8\xde\x08\r\xe4\xa2\xb5MY\xe4\xa3\xc7\x97\x18I=L\xb9v\xae\xc5\xd7\xba\x89\x8fy\xd9&gt;\xbaG\xec\xf84\xf5\xf2-\t\x97k\xcb\xde\xf8=\xef\x9a\x87&amp;\xaa\xae\xab\xf7\x92\xac\xf9Zo&amp;\xa0\x8a:\xda\xbe\x11\xda\xae5\xae\xb2\xc3yE\xc4\x94\xa5\xe9\xfb\xa6\xf8G\x8fe\xff\xfcy\x0f\xc5\xaf\xa6^\xads\xech\xe7\x98\xfcs\x9a\xf5R\xdec&lt;\xc9\x98\x05wh\xeb\x1a7\xd8\xf3[\xcd\xaf7N*a\x96~U\x8c\x0f\x82`\xcc\x82;\x06\xd3o\xd4x7x\x9c\xc1ng\x97\xdc\x99\xe6\xde\xbfL\x9a2\xe7V\xf5\xda\x9a@-\xa5&gt;\xbb\xd8\xf0\x96v\xaa\x86&amp;\xf6F\xbd\x1f\x10j;\xfb\x1a\xb1\x93t\x1d\x9b\xb6\xfe\xb9\xf5!\xd7F\xd4\xb2\xeen\x175\x0b\x19\xd9\r\x07\xad\xd3\x83`\xde\xe6\x94\x8f\x1fqCgQ\xf7\xbe\x1av\xcb\xd5\xfd4r\xe3w\xe3\xe2q\x18\x86\xdf\xbe\xff\x7f\xb7=\x1d&gt;\xdfe\x19\xe7j]\xc07\xed\xea@&amp;\xe2\\\xdf\xaa\xcb `\xc0aY\xd5\x16s\xdb\xc3\xae\xeb5k\xfeu\x8fLTT\xaf\x81\xe0v\x87_\x1f\x86\xe1\xdb\x91\x0b~\xd1\xdd\xffn\xf9k\xe6\xae\xc5F_+\xed\xfe\xe7\x14kt\xcd\xd8\xab\xa7\xef\xac+\xa2\xfbo\xb5\xe6\xce_k\xeb\xd7{\xa5\xef:\xb7q\xcfv\x9c\xff&amp;\x00\x00\x00\x00\x00\x00\x00\x00\x00\x00\x00\x00\x00\x00\x00\x00\x00\x00\x00\x00\x00\x00\x00\x00\x00\x00\x00\x00\x00\x00\x00\x00\x00\x00\x00\x00\x00\x00\x00\x00\x00\x00\x00\x00\x00\x00\x00\x00\x00\x00\x00\x00\x00\x00\x00\x00\x00\x00\x00\x00\x00\x00\x00\x00\x00\x00\x00\x00\x00\x00\x00\x00\x00\x00\x00\x00\x00\x00\x00\x00\x00\x00\x00\x00\x00\x00\x</t>
        </is>
      </c>
      <c r="E282" t="inlineStr">
        <is>
          <t>&lt;class 'numpy.ndarray'&gt;</t>
        </is>
      </c>
    </row>
    <row r="283">
      <c r="A283" s="1" t="n">
        <v>281</v>
      </c>
      <c r="B283" t="inlineStr">
        <is>
          <t>steps_per_sec</t>
        </is>
      </c>
      <c r="C283" t="n">
        <v>4100</v>
      </c>
      <c r="D283" t="inlineStr">
        <is>
          <t>5.108258</t>
        </is>
      </c>
      <c r="E283" t="inlineStr">
        <is>
          <t>&lt;class 'numpy.ndarray'&gt;</t>
        </is>
      </c>
    </row>
    <row r="284">
      <c r="A284" s="1" t="n">
        <v>282</v>
      </c>
      <c r="B284" t="inlineStr">
        <is>
          <t>Loss/localization_loss</t>
        </is>
      </c>
      <c r="C284" t="n">
        <v>4100</v>
      </c>
      <c r="D284" t="inlineStr">
        <is>
          <t>0.00495871</t>
        </is>
      </c>
      <c r="E284" t="inlineStr">
        <is>
          <t>&lt;class 'numpy.ndarray'&gt;</t>
        </is>
      </c>
    </row>
    <row r="285">
      <c r="A285" s="1" t="n">
        <v>283</v>
      </c>
      <c r="B285" t="inlineStr">
        <is>
          <t>Loss/classification_loss</t>
        </is>
      </c>
      <c r="C285" t="n">
        <v>4100</v>
      </c>
      <c r="D285" t="inlineStr">
        <is>
          <t>0.13395256</t>
        </is>
      </c>
      <c r="E285" t="inlineStr">
        <is>
          <t>&lt;class 'numpy.ndarray'&gt;</t>
        </is>
      </c>
    </row>
    <row r="286">
      <c r="A286" s="1" t="n">
        <v>284</v>
      </c>
      <c r="B286" t="inlineStr">
        <is>
          <t>Loss/regularization_loss</t>
        </is>
      </c>
      <c r="C286" t="n">
        <v>4100</v>
      </c>
      <c r="D286" t="inlineStr">
        <is>
          <t>0.03531834</t>
        </is>
      </c>
      <c r="E286" t="inlineStr">
        <is>
          <t>&lt;class 'numpy.ndarray'&gt;</t>
        </is>
      </c>
    </row>
    <row r="287">
      <c r="A287" s="1" t="n">
        <v>285</v>
      </c>
      <c r="B287" t="inlineStr">
        <is>
          <t>Loss/total_loss</t>
        </is>
      </c>
      <c r="C287" t="n">
        <v>4100</v>
      </c>
      <c r="D287" t="inlineStr">
        <is>
          <t>0.1742296</t>
        </is>
      </c>
      <c r="E287" t="inlineStr">
        <is>
          <t>&lt;class 'numpy.ndarray'&gt;</t>
        </is>
      </c>
    </row>
    <row r="288">
      <c r="A288" s="1" t="n">
        <v>286</v>
      </c>
      <c r="B288" t="inlineStr">
        <is>
          <t>learning_rate</t>
        </is>
      </c>
      <c r="C288" t="n">
        <v>4100</v>
      </c>
      <c r="D288" t="inlineStr">
        <is>
          <t>0.07999428</t>
        </is>
      </c>
      <c r="E288" t="inlineStr">
        <is>
          <t>&lt;class 'numpy.ndarray'&gt;</t>
        </is>
      </c>
    </row>
    <row r="289">
      <c r="A289" s="1" t="n">
        <v>287</v>
      </c>
      <c r="B289" t="inlineStr">
        <is>
          <t>train_input_images</t>
        </is>
      </c>
      <c r="C289" t="n">
        <v>4100</v>
      </c>
      <c r="D289" t="inlineStr">
        <is>
          <t>[b'640' b'640'
 b'\x89PNG\r\n\x1a\n\x00\x00\x00\rIHDR\x00\x00\x02\x80\x00\x00\x02\x80\x08\x02\x00\x00\x00\x83\xaf^t\x00\x00 \x00IDATx\x9c\xed\xddw\xdc\x1cU\xd90\xe0\t=\x84\x120\x14\xe9\xbd\x08\x08\x82\x84\x80 \xbd\x1bi*\x12@$\x80\x80A\x8a\xd2\x9bTC\x91"M\x9a\x88\x85&amp;\x88\x8a\x80\xcaK\x17\x14\x01\x95\xa2\xa8|4EA\x9a\x8dW@\x81\xf7|\x7fl\xb2\xd9g\xeb\xec\xd4-\xd7\xf5G\xb2\xcf\xec\x99s\xee\x99\x9d\xdf\xb9\xa7\x9e\x89\xa2(\x8a\x96\xd89\x1a)\x84\x10\xa5\xd6\xa6\x92y\xd6\xd8\xaf\xf2\xe1\xf6?\xcd(SW\xbe\xf6\xcf\xea\xe7i\x1f\xe6\xde\xa2\xb1\xfc\xfe_\xbe/A\x84\rA.\xd8\xb4\xdd\x183\x02@j\x8d\xd9%\x84\xb0\xd8\x06\x87w\x9cq\x89\r\x8f\xecXU[\xcb\xb5\x8f\xa7im\xb7=\x1b\xa2(\x8afZ\xaff\xda\x92m\xda\x88\x93b\xc9\xd6co\xe6\xb8\x9e\xc7\xac\xbaO~\x95\x03\x94o\xf9-\xbf\x98G\xb5\x93O\xbd#\xc1\\[M\xf9V\xed\x9f\x95&lt;\x1aB\x98x\xf0\xb5\xb5S\x18\x00\x8boxD\xd9!\x00\x94\xa1\x973Y\xab\xd8\x9e\xcf9\xe67{x\x9d\x00@*1\x12\xff\xbaE\xc4\x01\x00E\xea\xf6\xc07\xc1\x81\xf2\xa8e&amp;u;\x0b\x00\xd0\x9d^&gt;\x95\r\x00%\x88\x99\x1ae\xd0\xaa\x01X\x15n\x05\x07\xe83\x1f\xda\xfd\xa2\xb2C\x00\x00\x00\x80^s\xcc\xd7\x7fWv\x08\x00\xd0\x9f\\ \xa4H\xb67\x00\xda\xb9\xf1qy\x02\x80\xac9\n\x19\x12~h\x80\xde\xa2_.\xd4\x82\xdb\x95\x1d\x01\x00=@\xf6-F\xca\'q\xfdL\x00$\x143\x85,\xb0\xceAyG\x02\x00\x00\x00\x03-\x84\x10B\x980\xe9\xfc\xb2\x03\xc9\xcc\xa9\xd7\xfd\xb1\xec\x10\x00\xa0\x93J\x02.;\x8a\xbe\xb7\xd0\x84C\xca\x0e\x01\x00\x00\x00\x00\xe8\'\xbd\x7fb\xb6\xdc\x08{\x7f\xfd\x00\xd0\x1f\xea2\x8a\x04\x03\x00@.\xech\x02\xf4\xab\xdb\x9e\xcd\xa3\x07_\xf5\xce\xe7\x87=1\x1cy\xf9o\xca\x0e\x01\x80Vf\xdf\xb0\x80F\xc6\xae\xf9\xd9\x02Z\xa9\x9a\xfed\xd4\x92[\xee\xff\xcd(Z\xa4\xc8\xa6\x13s\x1c\t\x90\x96\x9e\xb4\x89q\x13\x0bk*LW\xfd\xb3\xb0\xa6\x01`xU\xb2\xefK!DE\r\x12\xb2\xd26\'Ec6\x8b\xa2\x99${\x00f\x18\xc2\xacP]\xe4{^\x18\x99\x80\x97\x9e\x94\xac\x9e\xc4\x05\x00\x80\xec\xd5\xbd\x0c\xf1\xac\x1f\xbc$%\x03@\xbe\xf6\xff\xf2}u\x17\x9b\r\x8b\r\x00E\x08!D\xa37\x9e\xfe\xd7ZQ\x14\xfdI\x02\x06\xa0Hk~\xec\xcbe\x87P\x82\x10B\x14\x8d\xaa\xfe\xb9\xf9~W\xb6(\xd3\xf2O\x00 \x89\xcai\xe7\x8d\xf7\xba\xbcifm\xf6\x92\xc1qr0\x00\xe4\xa8\xf1\x92p\x08a\xc1\t\x87\x84\x10\xa2h\x95\xb2\xa2\x02`0}\xef7\x0e\xef\xa6\t5\xea\xa6\x94\x1b\x18\x00\x0c\xb2j\xba\xfd\xf6/\xea\x8f\x83/\xbe\xe3\xdfeE\x05\x00\x03\xae\xd5\xf1\xae#`\x00\x06\xd6Wny\xad\xd5WE\xe6?\'\x9c\x01\xc8\xcfre\x07\xd0\xfb\xde3-\x13\xcf\xbdE\xd9\x91t\xe7]{\x0f\x00dn\xfe\xb5\x0e(;\x84\\\xcdSv\x00\x00\xe5q\xfa\x91A\xb2\xd8\x87\x0f/;\x04\x00\x00\x00z\xdf\xbeg\xfe\xb4\xec\x10\x00\x06N\x9bS\xcd\xceB\xd3wl\xb4\x00\x0c\x8e~\xc9jKozL\xd9!\x00\xe4g\xfem\xca\x8e\x00\x92\xf8\xe1\xef\xfbc7\x02\xa04\xfdr\xbc5T\xb2\xf8Qf\xcb \x0e\x00\xa87\xd3zeG0\xc8\xb6=\xf0\xea\xb2C\x00\xc8S\x8f\x1c}f\x1e\xc6VS\xbe\x95m\x85\x00\x90\xb5e&amp;\x95\x1dA\xf6zd\xc7\x02\x00\xba3\xf7\xfb\xf7-;\x042\xd0\xed\x8e\xc8,+|*\xa7H\x00\x18\xa1\xf8#E\xc7\xa6E\xb2\xb6\x01\x00\x002\x92\xed\x01VY\x87k\xf9\xb7\xfb\xde\x9c\xeb\x1f@y\xfe(\xcb\xe4V3\x00\xdd(&amp;\xf1\xcf\xb2|\xe2\xcb\xabc\xd2\xb4\xbb\xdavS\xd3\xcc\x0e\x00\x19\xe8\xc7k\xa2\xab\xefpz\xd9!\x00@l?z\xaa\xffrm_\xd8\xe3\xa4\xdb\xca\x0e\x01\x80~\xd3\xea\x088\xe9\x91\xf1\xf84\xc1\x00\x00\x00@\x8f\x9bw\xab~\xbc\x96\xdc\xe3\xacR\x00\x00\x80\x91f^n\xb7\xf6\x05&gt;s\xfa=\xc5D\x92\xc6\xe5w\xbfUb\xeb[\xee\xff\xcd\x0c\x0f7W\xdb\xfe\xb4\xac\xaa\x02\x80\xbc\x1cr\xc1\xc3e\x87\x00\x00\xd0\xc2ew\xbd\x19B\xf8\xf5\xbfC\xc5\xf7~\xe3\n1\x00\xe4i\x97co\xae$\xdd\xea\x94/}\xe7OuS\x00\xfaR\x1fvd\xab\x96\xd8v\xb7\xab+\xf3\xd5\xdb\x87\xbfW*\x95\\\xbb\xe2\xd6\'V\xfe\x9co\xad)Q\x14E\xd1l\xff\x1c\xb2\xf5\x00\x0c\xa0a\xeb\xd0\xe9\x11\'^\xf5t\xe7Bc\xb7\x9a~\xb0;m\x04\xec\xaf\xde\xfeze\x8b}\xc1v\x0bP\xd5\x17\xb9\xfc\xa3\x87|\xa7\xec\x10r\xf7\x87\x82~\x88\xb1\x05\xb4\x11\xa6[p\xc2\xc1\x95)\x9b~\xe6\x8a(\x8a\xa2Q\xeb\x15\xd0:\x00\xe5\xc8i\x97"N\xb5\x07\x9c\xf3@\xdd\x94C\xbf\xfa\xeb\x07\xffQ\xc2.N%\xdawG\xc6\xbc\xee\xae\x17\x14\xd6zU1-\x02\x14f\xc1\xb2\x03\xa0\xb3\x10B\x14\xcd\x7f\xe9]o\x96\x98\x87B\x08\x0f\xff\xab\xe8\xd6\xd3\'`\x99\x1b\x80\xe4\xaa\x19(\x93t\x92I%\xcbn~\\VU\xb5W\x9b\x83\xb7\xff\xc2\xf5\x12*0H\xd6*;\x00:\xfb[\x08Q4G\x86\x15f\x92\xc9~\xf7n\x11\xe9\xd0\x89h`0\x8d\xfd\xc0gk\xff\xec\xb2\x8f[9}\x00z\xd5~3k\x8ayg\xcb,\n\x80a\xd6k\xb9\xf3\xf6?\xb6\x8fgLN\xed\xae\xff\xa9\x8br\xaay`\x94\xbc\xa9\xcc\xb9I\x99\xad\x03\xf4\x97^\xcb\xee\xfdk\xf5\x1dN/\xaf\xf1E\xcbk\x1a\x80\x92\\~\xcf\x7f\x16\xfb\xf0\xe1eG\xd17\xe6^}\xdf\x9a\xbff\xce\xaf!\xbbV\x00\xc3\xeb\xde\xbf\xca\x01-\xf5X\x82\xccqW\x00\x00\x00\x00\xb2\x93\xe1\x13\xcc\x00\xe4i\xc9O&amp;\x98\xa9m\xff&gt;\xae\x8b\xd9\r2\xdc\xa0n\xdd\xbe\xd9\xb0\xaa\xeb\n\xd4\xfdY}\x97Q\xab\x02M\x8c\x9b\xd8U\x84\t\xcd\xb9i\x11\xad\x00\x0c\xbcd\xc7X\x8e\xccZy\xe0\xb5\x0ek\xa6\xba\xeaR\xae\xc3yV\xdf/nQ\xbbG\x00\xfd\xee\x15y7;\xf3\xad9\xa5\xec\x10\x00\xfa\x90C\xc0~\xf4\xf9\x0b\x7fUX[Ym!]\xd5\x93_a\x00z\x91\xae\xbc\x17\x1c\xfd\xb5\'\xca\x0e\x01\x00z\xd9\xc2\xdb\xe7T\xf1\r\x8fv\xde\x13z\xf4\xcd\xb8{K\xf6\xab\x80\x1e\x15B8\xeb\xa6\x97k;\xa9\x93\xafy\xb6\xc4x\xe8\x05\xbf};\xc7\xa4\xf5v\xa7\x8c\xd8}\xca\xf4R/\x80fz\xea\x10\xe4\xb0\x8b\x1f\xddh\xaf\xcb6\x9a|Y\xb4\xd0\xf6e\xc7\x92\xa5\xc2V\xf2\xd5\x0f\xa6\xbd@\xbb\xd6\xc7\xcf\xce.\x1c\x80!\xd6S\xf9\xb5\x95\xba\x17\xcaN\xff3\xc9H\x87W\xc5\xc8@}\xb1N2\x17\x7f\xa9\x1f\x8b}\x029\x8a\xa2\xc9_\xba3Q83\xac\xb7\xfb\x85)k\x00 \x89\xa6\xafs\x1f7\xfe\xc0\x1eO\x93\xa7\\\xfb\\\xd9!\xf4\x8d)\xe7\xfc\xbc\xec\x10\x00\xba\xd4\xe3I(\x13!\x84\xa6\x17\xb6\x0b[\xf6aX\xc9\x05\xbb\xe4\x8e\x7fw;\x8b_\x01\xe89\x83\xdd1\x8dYm\x9fiG\xc0\xf3m\x1dB\x98x\xf0uQ\x14}\xe5\x96\xd7\x16\xdd\xe0\xb0\xa6G\xc6\t\xbc\x7f\xfbD\xef\xdc\xed\xe1\x8b\xd0?z\xaaG7\x89\xc1\xdeV\x01R\x19\xb3\xda&gt;M\xa7g\xd7u\x8e\xe9\xaa\xf4\xac+\xecQI\xb4S\xaf\x7f\xfe\xa8\xcb\x7f[\r\xa6*N%7\xffA\xbf_&amp;y\x17\x18d\x03\xdc\xc7\xcdH\xb4K\xedR\x99\xb2\xc6\x8eg\xb4M\xc0+\x17\x17\\_\x9bg\xcb\xa6\x93\xcb\xda\x96\x16X\xe7\xa0V_\r\xf0\xe6\r\xd0\xbbZ%\xda\xeat\xbdsS\x03\xb0Z\x06`\x11\x80\x013K\xd9\x01\x14j\xd4\xa8Q\x8d\x1d\xf1\xda\x9f&lt;w\xef\xd3\xee\x9eg\x9ey*\x05\xca\x88+w\xf7\xbf\x12&gt;\xb4@\xf2E\xeb\xc3\xd5\xb2J\x14\xfd\xb6\xf6\xef\xc6E\xf8o\x08\xb3\xf5\xdfr\x01\x03\xea\x8e?\xe5x\x94\xf0\xc8\x1b\xbdr\x082\xf5\xfa\xe7C\x08\xaf\x84\x10BXw\xb7\x0b2\xa8q\xecV\x19TB\x9e\x0e8\xf7\x81\xb2C\x00\xe8\xa4q\xa8\x8a\x12\x83\xe9A=\xb2Bz$\x0c\x002\x90\xf0)\x9a&amp;\xe6\xcf\xa8\x9er\xd4\xdd\x96\xb5\xc5\xfe\xdf(7\x9ed\xd6\xfc\xd8\x97\xbb\xbdQ\xbc\x00s\xbf\x7f\xdf\xb2C\x00\xe8%\xad\x0e\xa7r=\xccJT\xf9\x1c\xd9\xc71R\xb3\x81*\xbb\x9b\xab\x93\xd9\xbb\x0f*\xb9\xf5?\xf5\xd5"\x9bKg\xc1\x8e%:\xbe\xbf\xa1\xc1\xd2\xc9B\x01(\xd9P\x9d\xe7lH\xb7\xf3U\xfe\x1b\xb7\xf6\x81\xa5\xc4\xd3Q\xe6\xbf\xce\xc2\xeb}\xbes\xa1\xf2\x87\r\x99\xaf\xec\x00\x00\xb2\xd0\xd8\x89\xff\xe2\xef\xc3x\x01\xf8\xe9\xd6O\x03\x87\x10N\xbd\xee\x8f\xc5\x87\xd4\x9bn{6\xcd&amp;\xd1\xf2\xb9\xea\xe1\xd9\xd2\x00f\xa8\xf6}M:\xc1\x05&amp;fUy\xd9\xd6h\xffu\x18\xa9:\xb1r\xcbt\xb2\xa5h6\xd7\xf2\t\xea\xe9cso\xd1\xee\x86\xbe%vn\xf9Uv\xe6_\xeb\x80\xbc\x9b\x00\xe8u\xbd\xdc\x036f\xdfe7?\xae\xdb\x81*\x1b\xedz\xfc\xad\xb5\x7f\xde\xf9|\xaa5\xb0\xf4\xa6\xc7\xc4)6id\xa3)\xa5\xf9\xd5\xd2\xac:\x80\x81\xb7x\xcc.\xf2\xa3\x87\\\x97w(%\xaaM\xb4\xbf\xf9o\xa8\x9b\xd8#Y$\x84\x10\xe7N\xa5(\x8a\xbe\xf0\xd5_\xe7\x1dL3c\xdb\x7f\x9d\xd5j\xec\x91\x9f\x03 \x95&lt;\xfa\xb2\x02\xfa\xc7\x99\x97\xdf\xbd\xab\xf2\xe3\xc6w\xbe\x91\xaa\x92hw:\xfc\xc6=O\xbd\xa3nzw\xc1\xe5)\xdb`\xbev\xef\x7f3\xac\xadQ\xde\xabn\xbb\xcf\x7f\xa7G"\x01 \xb9\xbd\xa7\xdeU{\xb0\xbb\xf3\xd17M\xff\xb3\xe7\x9e\xa6\xad\x88\x93Tz&amp;\xf1\xbc\'\xfb*\x17\xdc\xae\xf9\xf496\xce\xbe-\x80\xcc\xb5\xed\xa0\xfb{&lt;\x8d\x04B\x83\xca\xf4\x89\x07_[|0}\xf4\x08\xef-OVV\xd4\x02q\n;\x11\r\x10E-{\xb1\xc5F\xfe9tO^\x86\x10\x0e\xfc\xca/\xca\x8eb\x9a\x0f~\xe2\xec\xca\x87I\xc7epw\x95\xbc\x05\xd0O\xce\xbd\xf9\xd5t\x15,\x93M\x1c4Xh\xddC\x92\xce\xbaz\x96q\x00\x90X\xabc\xa3\x8d\xf7\xbe\xbc\xe0H\xfa]\x91G\x99{O\xbd\xeb\xa2\xffy=Z\xec\xe3\xf5_,\xfeq\x07\xbb\xb5v:\xfc\xc6\xb2C\x00\xe8R/\xf4\xe3\x19\xc6\x90\xe2\x901\xa5r\xde&gt;\xbb\xdf\x99\xf7\x95\xd2nV\xd2\xfc\xf4\x1b\xecqq\x86\x91\x00\x14\xad\xd2\x03\xae2\xf1\xd4\xb2\x03\xc9W\xdb\x8e~\xb66\xb3\x14\xb0\x83\xd2\x0b\xfb@I-\x95l\xb6\t\xbb\x9e_\xf9\x10B\xf8{\xbb\xc5_.Nm\xa7}\xf7/\xc9\xc2\x00\xc8\xdbB\xe56?\xfa}{\x95\x1b@\xf7\xe6-;\x80$\xc6\xae\xf9\xd9\xca\x87\x8d\xf6\xba,\xa7&amp;^O\xbdSr\xd5\x83}\xf4x\x15@\xaf\xba\xff\x95\xa2;\xca\x8c\xba\xe6\xa5\xb2\xa8\xa4\x08\x87_\xf2X\xab\xafz!K\xf5B\x0c\x00\xc3\xa8\xb0\xfe\xb7\x80\x86\xfe\xd1o\xb9\xe4\x03;\x9dy\xfe\x8f\xff\xd18\xfd\x9a\x87Z\xbf~#\xa9VU\x85\x10\xa2h\xee\xacZ\x89\xd9(@\x1f\x18\xb3\xda&gt;e\x87\xd0\xda\\\x9b\x97\x1d\xc1\x80\xfbw!\t\xac:\xb6v\x9eV\xab\xfb{\xea\xf5\xcf7\x94\x19\x9f\x7f\x18\x00\xb1\xdd\xfaT\xef\x1eC\x84\x10\x9ex\xa7w\xc3\x8b\x92\x1e\x81\xf5\xceq[\xdf\x1d\xd3\x03\x0c\x8e6\xc9\xe0\x9d~\xee\x9dG.\xd7\xec\x89\xe6\x02\x80\xdct;\xa0\xffp\xa7\xa8\xcc\x86\xe4\x1c\x98\xd58j\xd9]\xf3\xa9\xb8\xc9e\xe3c\xaex"\x9f\xb6\x00\x86\xcf\'\x8f\xf9a\x14EQ4W\xc9qDQ\xd4\x90\x14\x97\xdf\xf2\x84r\x03(\xcab\x9d\x8bd\xe7\xa8\xcb\x7fSds\xd5U\xda\xb8n\xff:(\xfb@\x00\xf9*\xfd\x901\x93\x00\xee\x7f9\xec=\xf5\xae\xf4\xf5\xf4\x94\xef&gt;\x96\xe5\xdb\x8d\xe6*\xf0\xae\xc0\xc2\xc6Q\x01ha\xee-\xc6\xad]}_\xfd"\x054\xb8\xc1\xa7\xbb\x1f p\xec\xd6Q\x14E\xb3n\x90I\x00\xbdv\xf3TY9\xe0\xa1\x7f\xd6\xb7\x1b3\x92\xbab\x93\xbftg\xed\xf4\xae\x16\'\xf1\xb2\xa7XiEl\xe4\x00q9\x0e \xbe\xc7\xdej\xf3\xd4o\xf3mi\xa1\t\xc9\x87\xe0\xaeT8\xfd\xad\xc3-\x0b\xd4\xfe\xb9\xff\x97\xefoS\xe1\x0e\x87\xde\x908\x18\x80~\x95S\xa6/k\x07\xa2\xaf\xefP\xdb\xe7\xb4\xbb\x1b\'\x9eq\xe3\x0b\x95\x0f!\x84\x17r&gt;U\xb0\xc4\x86G6\x9b\xbcx\x86k\xb2\xd5\xbe\x02@\x0f)`\\\xa4\x12\xad\xb7\xdb\x851K\xe6}\x06u\xfa\xadg\xa9\\r\xe7\x1b\xe9+i\x1f\xfc\xdb\x83\xf5\x92\x89Y\x96\xdf=\x8a\xa2\xb2\xdeI\x05P\xaa%v.;\x82\x96\xce\xbb\xf5o\xad\xbej\x9f$\xbev\xcf\x7f2\x0c#\xd7\x84\xf4\\\xef\xed\x15\x15\xaf\xaf\xcfX\x00\xf4\x90\x19}\xe8\xe2\x9f\xc8\xbb\xad\xad\xa7|{x\xba\xec\x1b\x1e-zI\xe7~\xff\xbe\x05\xb7X\xb1\xcd\xe7\xae*\xa5]\x80\xecu\x95\xa5\x1e}\xb3\x8b\xc2\x97\xde\xf9F\x9b\xca\x9b\xbex`\xf0$\xbbQ9q\x13\xb9\xees$\xab\xfc\x92;\xfe\x9dG\xb5\x00\x03!\xf6\xd9\xe6+~\xfav\xcc\x92\xd3_a\xdbr8\xaas~\xf8J\xcc\xaa\x86Y\xb7\xc9\xa9\xc8dv\xdfK\x12\'@\x91\x0f\xcbV\x9e\xf1\xcd\xb5\t:9\xed\x86?\xd7\xae\xd8k\x1eN\xbe\x92\xaf~0$\xf8\x8d\x1e\x7f+D\xd1\xbc\x8d\xd3\xfd\xdc\x00=\xa4\xd9\xcb\xe6\xa2(\x9a\xb5\xedL\x13r\t%\x8afZn\xb7\x9cj\x8e\xaf\x9a\xa5\xfe\xdeM\xba:\xec\x92G\xf3\t\'\xa1\x94\xb9V\xaa\x06\x06A\x9cW!\xe5\xdd\xdf\rg\x7f\xba\xe1\xe4K\xcb\x0e\xa1\xc6{w\x1c\xf9w\x11\xaf\xd4\xad\xfd\xdd[m\x87\x8b\xac\x7fhca\x80aV\xff^\xf4(z\xcfQ\x97\xff6\xf6\xeckg\x19K&gt;\xba\xed\xf1w9\xf6\xe6\xa65\xf4\xc5\xf30=\x1b\x18\x001-3\xed\xff\x05\xb7\xab\xfb\xe2\x90\x0b\x7fY\xfd&lt;\xfa}{\xb5\x9a\xff\xc2\x9f\xfc\xb3n\xca\xb4\xdc0z\xe3h\xfem\xba\n\xe5\xa9XIe\xf1\x86\x0f=\xed\xfe\x97\x87$S\xb6\x1b\xc6\xf9k\xf7\xfe\xb7\xf6\xcf\xff\xda{\x00\xc8D\xe3x\xbf1K\xe6e\xdcGj[l\xdd\xe8\x9cY5Xm\xe2\xcc\xef\xbd\x98f\xf6\xa6\x7f\xc6\xf7L\xc3\x8c+msR\xb2\xaaR\xda\xf9\xe8\xea\x98b\xb3\x95\x12\x00\x00E\x8b\x9f\xbd\xba\xcfs\x8d\xa7\xf1\xa7Y\xf5\xa3S\xbb\xac\xaa8^o\x00\x90VV\x87\x8fi\xeay\xb9\xf0Q\x88\x97\xda\xe4\x98\xa6\xc5\xe6[sJ\xd3\xe9\x13\x0f\xbe\xb6UU\xa5\xc8*\x86\xb5w&gt;7\x9f\xc5Y\xa3\xf5Ws\xe4\xd0\x1c\x00\xad\xedx\xd8ws\xad?A")\xf6=\xc1k%\x9a\xab\x1c\xb5\xcbx\xf5C\x99e\xe8\xb3oz9N\x8b\xbd\xb0\x8b\x03\x90\xbb\xc2\xf2V~\xf5\x14\xa3\x1am\x1ea\xefq\xd2m\xdd\xce\x12B\xd8\xee\xf3\xdf\xc92\x88y\xb7\xac~\xbc\xf1\xf1$ck\xf4\x85A].\x80\xe2\x14\xd0\x93\xae\xb8\xf5\x89\xd5\xcf\xf7\xbf\xd2\xa9\xb9\x99\xd7o:9\x93Q\x9a\x1b+\x89_\xed6\x07\xb4x\xfd\xc0\xe8M\x92\xc6\xd5+dS`\xf0]~\xf7[\xdd\xce\xd2\xc3\x9d\xe3\xfcmn}\xaa\x95\xc9\x8b\x10\x12\xaf\x87\xaf\xdf\xf7N\xb2\x19\xebl5\xe5[\xcd\xbf\x18\xbdII\xbf\xd1R\xd5O\x8d\x01\xb4y8\xad\xa9\x10\xc2\x16\xfb}#}L\x00\xe5(=Y\x96\x1e@\x9d1\xab\xeeS\xfd\xbc\xc2V\'\xb4*v\xee\xcd\xaf\xb6\xaf\'\xder\xb5|\xe1D\x16\x95\'\xac6}\xe5\xeb\xed~a\xcc\xb6\xe2OOP\x15\x00\xed$&gt;\xd6\xdc\xe0\xd3\x17\xe7\x10N\x87F\xa3hl\xe5\xbf\xee\x07\x92\xccv\xf0\xaf\x992\xad\xad;\xf9%\xbc\xda3\xff\x99;\xf9\x9ag\xf3\xab\x1c\x80|\xb5\xc9=\x9b\xef{e\x93\xa9\xf3l\xd1U%\xe9\xc3ha\x9d\x94-vk\xbbC\x12\xde&amp;\x16\x1ad\x1b\x18@iN\xf8\xf6S#\'\xc4\xba&amp;\x9a^\xa5\'}\xe8\x9f#\x9e9\x19\xaa\xee5\xc3\x85\x1d\xe0\xf5\xd6\xb8U\x84\x10\xde\x1e\xdc\xe5\x05\x98a\xdd\xdd.\xc8\xb6\xc2\xfc\xb2E\x9b\x14\x9e\xebU\xd2\x98\x05\xba\x8ca\xf9D\x11e\xa9\xf4\xbc^\xf9A\xf79\xed\xee(\x8a\xa2hBuX\x8f4\x81=&lt;}\x9f\xaf\xf4\xa5\x03h\xdf\x13u\x91\x06\xbe\xff\xdb\x8c{\xb4\xbe\xe8"\xb3\rrdm\xf3\xc4,\xfc\xbe\x8f\x9c\xd2UH!\x84{^\xcc\xe0\x99\xa8\xbc\xe7m&lt;\xed|\xee\xcd\xaf\xce\xb4\xecnw\xfc)\x1c\xf7\x8d?$\x8ea\xfb/\\\x9fx^\x80\xcc\x84\x10\xf6&lt;\xe5\xf6b\xdb\\\xa8\xb6\xf5\x86o\xe7i\xfbm\x13\x1d\x8b\x1d~\xe9c1#\xebJ\xb5\xdd\xf9\xd7: \x8f\xfa+u\xe7Vs\x1asu*\x90\xcd;\x12\xaa\t\xf8\xb6\xe7B\xed\x94\xbd\xa6\xde\xd5\x17;g\x00YXx\xfb&lt;j\xcd\xe9\xc1\xd9\xa4fO:c\xbb\x0b\xe7M\x97\xa2\xcd\xa2\x15\xb0\xd4\x8d\xef*.\xc6\xab].Z5\x01\xaf\xb1\xe3\x19\x95)\xf7\xbc\x18~\xf8\xfb\x10E+\xf7\xc2)z\x80&gt;V\xee\xa3 !\x84/|\xf5\xd7uS\xf2h\xa5\xe3\x94L\\\xf3p\x87j/\xf8\xf1?2jj\x99\xceE\xb2PM\xc0s\xae\xba\xf7\x0f~\x17f^n\xb7f\xa5\xd6-&amp;\x18\x80\xec\xb5\x19\xe60Y=1\xa7\xc7q\xe7\x9fS\x85\xb4\xec\xe6\xc7\xa7\x99=\xa5n\x17|\xeb)\xdf\xce)\x92,\x8co:\xb5v\xa0\x92\xccU\x13\xf0\xa4\xe3n\x8d\x16\xfd\xd8\xb4\x87\xa7\xe7\xde"\xf1\x16\xe5\xc45\xd0\xa3R\x9f\x17}o\xab/~\xf6j~\xaf\xd1\x1dL\xa5\xac\x87\x1e\xbb"\x10EQ\xf4\xd6\xc8\x87\x807\xda\xeb2[\x080\xa0f\xdf\xa8\xec\x08Z\xca\xaa\xe7\xdd\xf9\xe8\x1f\xa6\xafv\x83=.\x8e9o\x82\x13\x0c\xc3\xf6Ht\xa3\xda\xc5\xff\xec\xd9?\xdb\xe1\x0b7\xe4\xb0N\xe6\xcc\xb46\x80\xa2,\xba\xc1\xe1\xe9+Yo\xb7\x11\xa3\x04\x17v\xb94\xa1\xd97l:\xf9\xddN\x07\x8eM\x97\xeb\xf8o&gt;\x99Y`\x00\xf4\xa94\x87\x17)\xc6\x9a\xe8\xce&amp;\xfb|-\xdb\n\xdbG\xdb&gt;\xad\xa6\xac\xbcO\xad2\xf1K\x03\xb9\\\x00=\xa4\xf8~\xb6\xe0\x16\xfb:\x91|\xe7W%\x04\xbf\xcbq\xb74L\x1b\x9dGCq~\x9a6o\xa6\x02\xe8i\xdd\xa6\x9f\x0c\xd3\xd57~\xf6\x7fYU\x95R\xddB\xc5\xbc\xa0\xbb\xc3\xa17\xe4\x16Qq:\xde\xb2\x1eBH\xfc\xb8\xd1\x1a;\x9e\x990\xac\x91\x0e:\xff\xa1\xbe\xdeO\x02(R\x87\xd1\x13\x93y=\x84U&amp;\x9e\x1a\xa7d\x08!\x9ae\xfd\xca\xe7m&gt;wUF\xed\xafR\xfd\xb4\xd1^\x97eT\xe7\x0c\xf7\xa6\x18\x152\x8d\xf8\x03\x8du\xbeB1\xd7\xe6q\x9ahSI\xd3\xf7+$\x1a\n\xad\xe6EO\xa37\x893;@\xc9B\x08\xa3\x96\xd95}%]\x95\xff\xfcE\xbf\x8a_\xf8\xf8o&gt;Y;\x8ce\x06\xc6M\xcc\xb2\xb6\x91b&gt;\xd3u\xf4\x15O4\x16\xa8\x8e\x9dY\xee\xf1\xdf\x8d\x8f\x8f\xc8\xbb!\x84(Z\xa4M\xf9J\xe1\xaf\xdf\xf7N\xca\xcb\xe7\x8du&amp;\x90f\xb0h\x80\xa25tvsFQ4\xdf\x9aS\xaa\x7f_\xf1\xd3\xb7;T1f\xb3\xcc\xa3\xaa\xda\xef\xcb\xf7\xe5Wy+\xf3\xac\xb1_\xd3\xe9\x95u58\'Hg\xfaP\xe3\xb4\xc6\x03\xdfn\x97\xbac\xc9\x98U\x1d|\xfe\xc31[\x04\x18\x14c6\xcd\xa3\xd6)g\xff,\x8fj;\xca$_v\xaad\xde\xf4M$\x90\xd3 \x9a!\x84\xca\x19\xf8}\xcf\xb8w\x81\xf1\x07\xa5\x1cD\xfa\xf1\xff4\x0f\xf2\xb9\x86\xe0_\xe9rq\xaaok\x00\x18\x10!\x84-?\xfb\xcd4\xb3g\x18L\xe9\xba\x1av\xa3\xa9\xd1\xab\xec\xd5\xb1|\xdd\x89\xdf\xe2\xd5\xde\x87\x15B\x88\xa2\xb5\xaa_\xc5\xbf\x04\x1e\xff\xe1\xb4\x10B\xfb\xbd\x96\xda\xd97\xde\xeb\xf2\xc6\n\x17Y\xff\xb0\x98Q\x01\x0c\xa9\x15\xb6:\xb1\xcd\xb7\xf1\xb3\xce\xa3of3xuS\xb7\xff\xb1\xcc\xf7\x14\xb5W\xfc\x93Z!\x84(Z\xa3v\xe2-O\x96\xf0\xb4X\xfc3\xe1g\xfd\xe0\xa5\xa65\x00\xf4\x96\xde\xec\x9b\n\x1b\xd9\xa3\xa9_\xfe\xab\xff\x07\xfa\x9fw\xab\xacj\x8au\x0bt\xeby\xd3\x07\xf0\x8fT\x95\xcc\xb8e\xacn\xa3\xdap\xf2\xa5)\xaa\x05\xe8m{\x9ct[VUu\xf5\xc0n)\x89\xb0\xabF\x0b\x8b0MC\rG\x99+u\x9a\xe3\xfd]\xb71\xeb\x06m\xbe\\y\xdb\x93sZQ9\x0c+\r\x90\x8f^\xeb\xad\n\x8b\xe7\x80s~\x1e\xa7\xf5D\x8f\xab\xf6\x9a\xfa7\x134\x8d6\x84\x10E\xb3\x14\x12O\xb5\xb9%j\xa7|\xf7\xb1^^\x87\x00\xb1\xf5vJHn\xee\xd5\xf7M4\xdf\xaa\xc9\x9a\x0b!\xc4\xb9kw\xdd]/HV\x7f\xad]\x8f\xbf5}%\xe9}\xe5\x96\xd7\xda}=v\xeb\xda!Yj7\xb3\xdd\xbe\xf8\xa3\xfc\xa2\x02\x18L\t\xb2\xf5F\x93\xb3\x1f7*\x8e\xfcN]\xe6Qm\x9fz\xe0oY\xae\x8d\xd5\xb6?-\x8a\xa2\x93\xae~&amp;\xc1\xbc1\x9f6\xdeb\xffo$\xa8\x1c\xa08w&gt;?\x10if\xee-r\xad\xbe\xaf\x93\xf1\xa1\x17?\x92m\x85\xd5\xb5\x91\xf2A\xe1%7:*~[\x00\x03\xab\xae\xa7\xdb\xea\xb3\xdf\x8a_x0-\xb1s\xde-\x14y\x7fP\xcc\xc12\x1b\xa6\xcf\x91\xb8\xc5O\x9d\xf8\x938\xadgh(6K\xa0\x1f-\xb5\xc9\xd1e\x87\x10E9\xf5\x92\xa3\xd6\xcb\xa2\x96\x117\x1c\xad\xb8u\xbb\xe7\x98;j\xb3\x987\xff\xa1w\xf2\xc4BQ\xebP?z\xc8u\xc9*=\xec\x92G\x93G\x040\xbcf^\xbf\xec\x08\x9ak\x95\'f]a\x8f\x95\xb7=%\xd7\xe6\x12\xec4\xb4=\xac\xec\\,M[i\x0e\xac\x9b\xce8\xf5\xfa\xe7\xa3EwJVaV\x1c\xdd\x02})\xabQ\xf2K\xd4\xf1\xc6\xe3\xde_\x84^\x93\xd3\t\xf0\x99\x97\xdb\xbd\xab\x18\xba\xad\xdf\x0f\r\xf4\xab\x9a\xfek\xe5\xda\xe9\xcbn~|\xb2\n\xd7\xd8\xf1\x8ct\x11u\xf0\xfe\xedOk\x9cx\xf5C3z\xe1c\xaf\xfc}\xfc\xdaN\xff\xee_\xa2\xfc\xfb\xfd\xc9_\xba3~\xb5W=\x98MFi\x88p\xe9N\x05\xeam\xb2\xcf\xd7\xea&gt;\xc4nk\xc4\x94#.{\xbc\xfd\xecqH\xb4\x00U\x1f(;\x80\x8a\xe5\xd3\xcc\x1c\xa7[?\xe3\xc6\x17*\x1fN\xbe\xe6\xd94m54:6\x93\xdab4\x94\xfd\x8c\xe9\x87\xd9J9\x8b|\x0c\x0c\xa4\x85+\xffu\xdb\xc7]\xfb\xcb\x19\xe5\x7f\xf4T\xeb\xf3\x99\x0bm\x9f0\xae2\xc4\xbcv\xdb\xe8\xe9bST\x1eM$^\xf6\xae&lt;\xf8\x8f.\xc6\x16\xcdo\x97\x02\xa0\x08\x86\xc3M)\xef\x11\x9d\x8a\xfcu\xda\xb7\xf5z&gt;o\x1aNY\xa0\xd6\x16\xfbu\x18a\xe3/6u\xa0/\x94\xfb2\xa2"m5e\xc6\x93\xcd\xa7^\xf7\xc7\x82\xcf\xa9V-\xbe\xe1\x91\x07\x9d\xffP\xe5\xf3Y7\xbd\x9c\xac\x92\x95\xb69\xb9q\xe2\xef\xde\xed\x14\xd5&lt;[\xc6\xa9\xbc\xd5\xd2\xdd\xfdB\xe1\x83`/=)\xb3\xaa\x00z\x8d\x83\xe3\xa6\x12\xad\x93y:\x17\x89\xa2M?sE\xe5\xc3\x89W=\x1d\xbf\xb96\x05F\xbfo\xaf\xf8\xd1VK\x86\x10:^\xe1\xee\x9d\rcxv\x13\x81\x815n\xfc\x81\xd5\x17\xcf\x95\xdb\x91ewmo\xee\xc62?~\xa6y\xe5\x8f\xbc1c\xfa\'\x8e\xfaA\xfa\xa8\x0e\xb9\xf0\x97]\x95\xcfJ\x86?\xe2\xd9\xcd\x8e\xc2+\xd5\xee~\xc2\x8f\xeb\xa67}=\xd1\xcc\xcb\xed\x962\x06\x80\xe14&gt;\x8a\xa2\x0f}\xea\xa2\x82[\xed\xb5\xe3\x98\xf9\xd6\x9c\xd2\xe6\xdb8\xd1.\xb1\xd1\x91\xad\xe6=\xe0\xdc\x07\x12\x865\xc2\x9a\xad\xbeX}\x87\x11O\x82uL\xcc{M\xbd\xab\xab\x86C\x08\xcfv\xf9{u;\x18\xd63!\xac\xb6\xdd\xd4js]\xcd\x0b\xd0\xd3FtjK~r\x85\xadNl\xf9m~\xed\xf6^\xfd\tFH\xce\xa3\xad\xee\xcd\x18\xa29f\xb5i\xce\xe2vY~\\WU5Ny\xa9ms\x030\xaa\x0c0\xec\xfe9\xfd4f\xd9\x81\xd0\x85&lt;\x86\xael\xf4\xeb\xffmU`\xf66\xb5\x85\x10\xa2h\x91\xc6\xaf\x12\\\xa2\x06\x18@\xc5&lt;\xeb\x998\x8c\x12\xedy\xca\x1difo\xbaD\xa3\x96\xd95\xf1\xbc\xc9b\xb8\xf6\xe1\xceU\xbd\xd3\xb9\xb9\x99\xa3\x85w\x98g\x8d\xfd2\x89\xaa\xa9S\xae}.\xbf\xca\x01z\xd6r\xd9V\xd7U\xfe\xe8\x99\xd4\xbbj\xd9\x01DQ\x14=\x93\xc5\xda8\xf9\x9agG\x1e\x86V\xb4\x192l\xb6\xd6_\x8d\xae\xee4\xfc-\x84\x10B\xb7\x17\x8c\xdbX\xfc\xc3G4N\x9cc\xe5\xc9Y\xd5\x0f\xd0\xbb\xc2tu\x13\xa7\xff;o\xe2j\x13\x87\xb4\xd0\x84CR\xd6\xd0w\xea\x86\x82\xca\xed\x0c\xed\xf8n\n\xb7\xac?\xc15\xe6\x04\xb3g&gt;/@\x1f\x18\x86n\xae\xd9\x01b\x99&gt;q\xd4M\xfb\x9eqo\xd3\xafbFx\xc4\xa5\x8fe\x1aQ\xcb{\xa7[\xdfS\xbdNc\xc9\xca\x87\xcd\xf7\xbd2f\x8b\xdd\x04\xb8b\xcbof\xdb\xb0\x9bz\x00J5z\x95\xbd\xaa\x9f\'L:\xbfi\x99\x1e\xc9U\x85\t!\xa4y\x17\xf2\xd2\x9b\x1e\xdb\xea\xab\xcd\xf7\xbb\xb2\xb1\xad\xa6g#F\x9a\xa5\xee\xef\xfb_\xae)&lt;\xd7f\xb5_]v\xd7\x9b\x1d#l\xff\x836\rf\xd2q\xb7\xb4\t2\xce-\xcd\xed\xedr\xec\xcd]\x95\x07\xe8[\xf3nUv\x04\xd3\x0c[v\xaf\xfa\xd8\x11\xdfK\x97\xb7\x16\xec\xb6\xc5\xda\xa7z\x9ek\xfb\xd8Um\xae\xad~\xced\xb8\x8fj\x9d\xcd&amp;\xaf\x90I\xe5\x9dZ\x01(\xdb,+|\xaa\xb0\xb6:\xf5\xdd\x19\xf7\xbci\x84\x10\x96\xdb"\xe1\x1b\x91\xbbm\xa8\xe9\x10\xc7E\xa5\x8d\xb1\x8d\x93\xbe\xf5\xf3\x19\x89\xb6\xf1\';\xe3\xc6\x17j\xb3\xf2\x99\xdf{\xb1M\xedy/\xc5\x9c5gn$Z\xa0\x8f\xe9\xc2Zy\xdfGN\x89\xa2\xe8\xd0\x8b\x1f\xc9\xb6\xda\xc6\x0c\xb7\xe1\x9e\x97N\xff\xb8Z\x86\rUG\x95\x8a\xaf\x12\xd8\xdd\x7fi\xdc$\xc6\xa7\xbd\x82\x9e\xe2\xc4&gt;\xc0 \x90n\x0bT\xff\x08\xd0Y?x)jq\x17zE\x86gz\xbb\x12B\x88\x16\xd91\x9ak\xf3V1t\x8c*q\xd8\xdd\xcc8\xa1\xab\x9ag_i\xcfn\x83\x01(N\xd3\xaev\xfd=\xbeZJ0\xed\x8d\xff\xe4\xb9\xa5\xb4\xbb\xce.\xe7e[a\xab\x04\xdc\xf1\x86\xac\xacrs\xf5^\xadw[T\xf8\x89\xa3n\xdal\xdf\xaf\xff\xf8\xe9\xf0\xff\xda\xef\x10\x8c\xde\xe4g\xaf\xc4:,\xae\xfd\xd6. @\x13\xc5w\x8e\xb5-\x1ex\xde\x83\x05\xb7\x9e\x95\xae\xd6[\xab\xeb\xac\x1d\x13p\x13\xa37\xe9\xa2p:\xdd.c~\x9147f\xb3\xcee\x00\x18V\x0bFm\xce3\xcf\xbbe\x08\xe1\x8e?e\x99\xbafY\xbe\xc9\xddv+o{r\xfb\xb9\x96\xd9\xac\xe5\xc3Tu\nH\xb4w5\xb9 \xddT\xc2\x01d\x00r\x97\xa0\xaf,\xeb\x92d\xc1\x8a_\xc6}N\xbb\xbb\xc5u\xd69\x9a\x96/\xca\x9a\xd5\xa3\xf0\xd7b\xac\x93\xd5\xb6;-\xfe\x99\xe7F+m\xd3a?\xa0\xd1\xabC\xb05\x02\x03\xa86\x9b6\xbd\xa35A\xbaMp\xb7N\x02\x8f\xbd5 \xddn\xe39\xe7\xbf\xb58\x1d\x1d\xb3\x86\x8c\xe2\x19\x17\x8d8\x01&gt;m\xe8\x8f\xd9V\xfct\x9c\xe6Z\xddM\x96a\x9cUm\x9e`ni\xcc\xa69\x04\x02\xd0\xa5\x90dP\x85\xb5\xbbj\xe2\xca\xfb\xde\x89\x12\xf4\xbf3}\xa8\xbb\xf2\x85\x1c\xb6f\xdeD\xfa\\u\xc0\xb9\x0f\x8c\x9ck\xa1\xba\x02\xbf\xf9o\xd8\xf43W\xd4\x96\xf9\x9f?\xc6M\xed!\x84)g\xff,\x84\x10E\xabT&amp;~\xf8\xd3\x97\xc4\no\x96$\x8f\x18\r\xc3\xc9\x15\x80(*{$\xe4\x03\xcey\xa0\xfay\xd9\xcd\x13\x0ev\xb1\xc3\xa17\xb4/0l}z\xdb\xe5\xed\xeemW!\x84h\xfem\x9bN\xbf\xf9\x0fy\xac\xd5q\t\xe6\x19\xb6\xdf\x17\x18\x14\xb3~\xb8\xf2\x7f\xfbL&lt;l}\\\x0f^V\xfc{\x8a\x0b\x01q~\xbeuv9/\x8a\x96\xaa|\x9es\x95\xbd\xa3\x19\'E\x16m\xac6\x93\xd3\xe3\xc3\xb6Q\x01\x8cP\x1dM0\x84P\x19\xfe&gt;\xbfn1e\xcdif/\xe6\xbc\xf1\x80i\xbc\x00\x1c\xb5M\xc01\xaf\r_\xffH\x96\xc3w\x0c\xc3\x0f\x01\x0c\x85\x17FtgKf]\xfd|1\xcb5\xed\xa3\xff\x1aB\x14-\x1cg\xf6\xb5w&gt;\'\x8a\xa2\x10\xc2\t\xdf~*~p\r\xd6M1ok\xed\x1e\xd2\xedn\x85\x8f\xfd\xc0g\x1b\'&amp;KH\x9f&lt;\xa6\xc9\xab\x87jn\x05\x0b\x13&amp;\x9dW\xf7\xd5\x93\xd33qe\xca\xc2\xeb~\xbeS\x13?\x8c\xa2\xc5[}\xdb*\xec\x9f\xbd\xea\x00\x1a\x18P\x89{\xb1\xba\x19\'\x1d\x7fkfM,=)\x8a\xa2o\xff\xa2\x88[\xa9\x93i\x8c\xe4cG|?e=c\xd7\xac\xcf\xa6o\xe4\xb3\xbc\x1dW\xe3G\x0f\xb9\xaeZ\xb2\xd5\xa9\xe6\xea\xc4\xba{\xbb\x9a\xdah\xf2eI\x02\xed\xa4w\xb6\x07\x80$B\x08\xb7\'\x1a\xe4aF\xf77z\xe3,\x03j\xac\x7fh\xac\xff\xa9\x11\x83}f\xb5o\x94F\xd3\x1c\xdc\x8f\xb7\x9a\x03\xf4\x9f\x9c\xba\xc28\xd5f;\xfcS?J\xbc\xf2\xb7\xfb\xfcw\x9aM^\xab\xeb\x8a\x16\xdanF\x0e^z\x97\x10B4j\xbdd!\xa5\xf7\xe9Sn/\xabi\x80r\x1c\xf7\x8d?4N\x9cx\xf0\xb51go\x95E\xdag\x17\xc7@u\x92\xdd\x9at\xc3\xa3\x99\xac\xc6e\x0b\xbe\x03.\xfe,\xdb\x1cpUc\xe1\xc5?|D\x1em\x01d)fv\xec\xf8\xb8\xf0\x00\xf7b9/\xda\x8ayV\xde\xb5\xc1\xf8\x1dg]a\x8f\xb2C\x00\xe8\xa4S\x87;6\xbf\xb6\xaa\x0f\xb4dU\xff\xceG\xdf\x94UU\x03\xe6\xf0K\x1f+;\x04\x00F\xaa\xbd\xc5&amp;\xe6\xbd6\x83q\x90\xd4\xbf\xba_\xff\x8bv.\x92\xb0\xe6d\x16\xcc\xa3\xd2\xf3n\xfd[\x1e\xd5\x02\xe4%\x84\xb0\xf9~W\xb6\xf8r\xf9"#\xc9\x8a\xfd\x83n\x85\x10\xa2h|\xd9QD\xe3w\xf9J\xfc\xc2\xb5{\x8d\t~\xf1c\xaf\xfc}\xb7\xb3\x00d\xee}\xb5\x7f|\xe6\xf4{Z\x8fp4\xaa\xa8\x90H\xe8[?\x1f\x84\x9d\x8f\xa6[\xa0\xfd*`@-\xbaS\xca\n\x86\xb9\x7f\x0c!$y\xc2\xa7g\x9cx\xd5\xd3e\x87\xd0\xc4\xed\r\xefk\x1a\xe6m\x0c\x18|m\x06?\xea\x17\x8dCJ\x95j\x81\xb2\x03h\xa7\x7f\x7f\xe8\x9d\x0e\xbf1\xcd\xec\xfd\xbb\xe0\xc0\x80i\xfe\xba\x9b\xc6r_\xb8\xe8Wmj9\xf8\x82\x87\xbbj\xb5c\'\xf8\xaf\x10\x9e\xee\xb7\xbd\x81\xde\x88v\xd5b\x9aI\xf6\x80o\xb7s-\xb9\xf1Q\xbd\xb1V\x01\nQz\x97\xd7\xe6\xf6\xec6\xb3\xe4\x19Q,\xbd\x10CUm0\xb5\x9f\x0f\xa9\xd9U\x9ac\xe5\xc9\x85\xc6Tc\x91\xf5\x0f-\xabi\x80\x9e\xb3\xcc\xa6\xc7V{\xeae7;\xae\x98FC\x08Q4S\xdd\x94\x10\xc2\xa1\x17?2\xb2L\x9cz\xa6\xf9\xca-\xafe\x17`\xfe\xde\xbbc\x86\x95M9\xe7\xe7\x19\xd6\x96\xab\xd2\xf7WJ\x0f\x00\xa0\x896}S\x18\xf9\x8e\xd8&lt;\x9a\xae;W\xd94\x98N\x11\x0e\x93\x05\xb7+;\x82\xb8\x86\xee\xa7\x01\xc8V\xae\xdd\xe8\xb4\xec;\xd7\xe6\xc547|F\x97\x1d@K!\x84h\xe1\x1d:\x95\xfa\xa0\xed\x01\x18|5=\xdd\x84\xda?\xf3\xee\x01C\x08\xbf|}Z\x13s\xac\xbcg\xb4\xd0\xf6\xe9\xea[;uD]Xb\xc3#\x8bln\xc0\xb4\x19\x82-\x93\xadN\xf2\x06zB\xe6o\xb9\xc9\xb0w\xabt\xb8)\x1f8)A&gt;/H.\xc5\x8be\xe4\xaa\x9aMh\x1d\x19\x17\x18X\xad\x92h\xaeO\x03\xeb\x10{G\xe9\x8f}\xb7\x1eym\xda\x87\x9b\xff`k\x01\x06Qw\xb9v\xf6\x8d\xf2\x8d&amp;;\xfb\x9cvw\xa8Qv8Y\xca\xf6\x1c\xc3E\xb7\xfd+\x8f\xf5\x13\xbf\xce\x01\xfbu\x00\xe2\n!,\xbd\xc91uS\xa2\xbc\x0f\x8c\xd2^\xd0m\'\xb4\x96_\xa3\x05zO\x86u\x85\x10\xeey\xb1\xd053\xfbJ{\x16\xd6\x16@O\xab\xa6\xdb\xae\xe6\xda\xed\x8b?\xce\'\x9c\xb4\x1a\x93\xee\xd33\x16m\xb9\xcf\x9c~o\x99\xc1\x95m\xfa\xaf&lt;\xe2m\x80\']\xfdL\x9bYF-\xb3\xeb\xc8\t\xabe\x1d\x14\xc0\xb0\xea\x98z\xdf\xea\xab\x03\xc7\x11\xc7\xbb\r\x8f\xc6n\xff\x85\xeb\xd7\xdb\xfd\xc2L\x1az\xb9\xafVKg\xf3m\x93S\xc5q\xf6\xed\x1e{k\xb0V&amp;@\x1c\x8d\xe7f\xfb\xfaT\xed\xc8\x13\xce\x13\xaa\xd3\xd7\xd8\xf1\x8ci\x9f\xc6l\x16Ec\xca\t\xae&lt;?y\xa6\xc0\xdft\xfem\xbb*\xfe\xc4\xdbMb;\xf0+\xbfh^\xf8\x9d&gt;\xde8\x01\xea\x85\x10n\xfa\xdd \xf4km.\xfan{\xe0\xd5!\x84(z\xef.\xc7\xddr\xc8\x85\xbf,1\xc8R\x9cz\xdd\x1f\xcb\x0e\xa1\x89\xbe\xde\xd5\x03\xc8\xc0\xc08\x89\xbb\x80\x00\x00\x08\xbbIDAT\xdc\xa0\xd4,\x01\xcf[\xfbU\xb4\xd8\xc7\xce\xfc\xfe_\x07ca\xd3\xb0\x06\x00J7S\x08\xe1\xfe\x97\xa3Q\xa3F\x95\x1dI&gt;\xe6\xfc`\xe5\xff\'\xde\x8e\xa2(\x8a\xfe|\xc3SO&gt;y\xdfK%\x04\xd24\xe7\x95\x95\x08s\xfa\xb9O\xb9\xf6\xb9&lt;\xaa\x05\x18L5\x87\xbf\x8b\x95\x1cJj\xbf|}\xc4\xe1\xef}/\x87\xdf\xff_m\x86[)\x8a\xa2\x82\xc7\xa4\x1c*)O\xa5\x9cv\xc3\x9f3\x0c\x06\xa0\xd7\x95r\x10\x96_\xa3?yvD\x0e&gt;\xf1\xaa\xa7\xa3(\x8a\xa2%\xa6\x7f?!\xa7\xf3\xedN\xea\xb6\xd7k\xeb\xc7\xe3\xc8@\xf9\xfa\xf3\x02p\xbb7!\xd6&amp;\xe0q\xe3\x0f\x8cfZ\xaf2}\xc5\xadO\xec\xcf\x85\xed{;\x1d\xd6\xcb\xa3y\xafYv\x00\xc0\xb0\x9a\x96\x90\xe6\xdc\xb4\xec@2s\xd6\x0f^\xaa\xcd\xc1S\xaf\x7f~\xf7\x13~\xdcx_t\x1e\xce\xfc\xde\x8b\xb9\xd6\xdf\xd7rZ\xf9M\xab\x1dy\xe9\x01\x80\x025\xde\x11}\xe5}\xef\x94\x1dT\x7f\x9b|\xea\x1d\xd1\xa8\xf5\xa2(\xda\xf7\x8c\xa1\x1eP\x0c KN\xcc\x12S\xe2\x13\t\xb61\x80\x11*\xdd\xe2\xfff\xd69\xba\xa2\xd6\x83\xb2\xb9\xf1\xbb\x9aA_\x97J\x012\xb7\xcfi\xf7\x94\x1d\x02=*\xe6!\xec\x03\x7f\xcb7=\xa7&lt;\x92v \x0e\xf4\x8a\xea\x19\xc5\xdf6\x1b\x92\x17\x00\xc8K\x7f&gt;\x9c3o\xd9\x01P\xb4\r\'_Zv\x08\x00\x99\xea\xc3\xec\xdb\x971\x135\xff\xe1\xe6\xac\xfdj\xd7\xe3om]\xb2}=I\xc2x\xd6\x86\x04\x94\xe5\xf0K\x1e\r!\x8cYm\x9fm?wu\xd9\xb1\xf4\x818\xfd\xfe\xf7\x7f\xabOoe\xed\xe3\xbf\xf9d\x9b\xaf\xdb\x8c\x98\x1d?\xe3\xda9\x03\xfaF\xb7\x1d\\Y\xda\xf4\xce\x0c\xaa\xea\xef{\xe3\xe3\x1200X\xaa\xbdU\xabn\xeb\x8d\xa4\xdd\xd9{&gt;\xf8\xb9\x841A\x9ev:\xbc\x97\x87\xc6\x04\x86\x89#\x06\x86\x96\x8d\x1f(M\x9aA\x92w8\xf4\x86\xba\xaa\xe2\xcf{\xcf\x8b:&gt;\x928\xf9\x9ag\xcb\x0e\x01 \x07\xdb\x1e\x98\xd7\xadX\x0e5(@\xcc\xcd\xec\xbd\x1f:4\xefH\x00\xe2\xca5A\xca\xbe\x00\xd0\\\xc7\x1c)\x89\x92\xb7.\xb7\xb1e\xf3\x8a\x03\xa0\x00\xb5\x17\x80\xa5X\x86\xd0\xa1\x17?Rv\x08\xc0\xb0\n!\xec|\xf4\x0f{!\xfb\xee\x7f\xd6\xfdE6\xd7\x0b\x8b&lt;\xf0^\xb3\x92\x01\xda\x18\xc8\x83\xe0\x81Y\x96\x81Y\x10\x00F\xa8\xed\xdf\x1b\xfa\xfa\xa5\x0b\x0e\x86\xe1\xf1\xd8[\x05\xedXT\xb7\xea\xf7o\x7fz1-\x02t6"\xe3\xce\xbfM\x14\xbd\xb7\xe5\xb7\x90\x85\xb26*\x1b3\xd0[\xf4J\x05\xb3\xc2\x8bd\xfcp\xa0\xcfTz\xa8\x8f\x1ctM\xbf\xbc\xa7\xa1_\x8c\x18tl\xf4&amp;Vl\x1a\x99\xac=?\x01P\xb2~\xe9\x86\xee\xfcs\x7f\xc4\xd9\xca\xf4\x04\xbcPT\x97\x8c\x07T\xed2N&lt;\xf8\xba\xf83\x9et\xf53\x1d\xcb\x1ct\xde\x83\xed\x9b\x8e\xdf\x1c@\t\x06\xf2\xfe\xe7\x9eU\x97t_\xb6\xce;9\xe3\xc6\x172\xaf\xf3\xe8+\x9e\xc8\xbcN\x80\xec\xdd\xfbb\x9b{\xa4\x8b\xb0\xe2\xd6\'\x15\xdfh:\xeb\xb4\xf9\xee\xe5\x10\xa2h\x8d\xa2"\xe9\x0f_\xbf\xef\x9d\xb2C\x00(\\5\xa7&gt;\xf0Z}r\xad=8\xee\x91\xe3\xe3\x1e\t\xa3\xbd\xfc\x82\\l\x83\xc3\x93\xcdX\ri\x8f\x93\xfe\'\xbbp\xe2X\xb8\xed\xb7\x1f,(\x8a\xe9\xda&gt;q\x07P\x86\xcd&gt;\xf3\xf5\xfaIsm\xb6\xc2\x96\'\xb4\x99\xa5\x98\xfe\xab\xda\xca\xf3n\x07kP\xe2\xda\xc8\xa4\xe97FV\xe2\xc7\x05\x86\xcd\xbc-\xbfy\xcfGj\xff*\xbd\x7f,=\x80\xfe5\x9c\xabn8\x97\x1a\xe8\x1bN\xcaQ\xae\xd1\xef\x9b\\7%\xf1v8\xf1\xe0k\xbb*o\x83\x07J\xb6\xce\xa4\xf3j\xff\xac\xed\x95\xee\xfcs\xac\xab\xbf\x05wd\xfd\xd3o.Wv\x00}\xa9\xf2\x0c\xd2\xdeS\xefN6\xfb\xf2[~1f\xc9\xfe\xd9\x90\x00 \x86\xf4\x89-N\r?x\xc2\xc9\x1b`p,Uv\x00zR\xe2\xeats\xfe\xdc\xc5\x85\x02\x90@\xb2\x84W\x99k\xa7\xc3oL_U~&gt;}\xca\xede\x87@\xbd\xa7]\xad\x00\xa8\xa8\xf4P\xcf\xd5\x1cL\xac\xf9\xb1\xb3\x12\xd7\x93\xbe|\xca\x1e\xf3\xe1\x7f%\xdf\x9f\xe8\x05\xab~tj\xd9!\x14\xa7\xfdj\xef\xeaGYe\xe2\xa9m\xbe=\xf1\xaa\xa7k+\xac^$&gt;\xf8\xfc\x87\xe37\x01\x90\x8b\x9c\xd2a\x86\x91@S\xde\x17\x02\xf4\xb7]\x8e\xbd9\xcd\xec\t\xba\xbfV\xb3\x9c\xf9\xbd\x17\xd3D20&amp;\x1dwK\xbc\x82\xb3\xc4\xaf\xb3\xcd\xcf\x942\x81U\xee\x87\x1aQ\xc9\x92\x9flUm\xec\xfb\xeaWl\xfb\xed4;\x1e\xf6\xdd\xda\xaf\x8e\xb8\xec\xf1\x8e\xad\xc8\xd6@oi\xd6+\xcdUB\x1ce8\xf2\xf2\xdf\x94\x1dB\xf9\xea6\x80^\xceR\x8d\xb1y\xa7\x08\xd0\x97\x9c\xc4\xa3*\xc3\xcd\xa01\xa3\xd7\xa5\xc9\xda\x02?}\xa9Y\xbb\xf3m\xd3XU\xcc\x91\xc9k\xcaLh_r\xf2\xa9wv\xac\r G?\x7f54\xcd\xc4=8\x10GzY\x05\x9c\xb8\x9eo\xdc\xffn&amp;\x01dm\xe5\x8eKtW\xb3W2W\xb7\x9c\x8a\x8f\x1ctM\xe3!i\xfb\xc4\xd9\xf8\xed\x13o7\xdf/lV\xc9ju\x7f\x8f\x1b\x7f`\xd3V\xeey\xb1W^+\x02\xd0\\m\'\xf5\xf8\x7f\x9avX3\x17\x16L\xadk\x1e\x1a\xb4\xde\xb3u&gt;X9\xd1\\\xf5\xc5:\xa6\xbd\xea\xe7_\xff\xbb\xe5\x8eW\xb5\x92\xd7\x13]\xd3\xbd\xef\xa5\xb0\xd6\'\xce\x8e\xa2\xc5\xaaU-\xb9\xd1QM\xc3\x1bY\xd5\xec\xd3?\xac\xde&gt;\x8b7=\xb0\x9e^r\x89\xa6\xb3\xbc\x1c\xc2\n[\x9d\xd0&gt;l\x80|\xb5\xbax\xd6\xa6W]`\x9d\x83\xf2\x8d\xa9\x1bm\xe2&lt;\xe1\xdbO\xc5\x9c\xb7\xdc\xa3\xa2\xd6\xad\x8fMYI\x9c\x8b\x0b5\xdf.R\x9dx\xca\xb5\xcf\xb5:]&lt;\xb2\xb6\xd1\xb5U\xad\xbb\xeb\x05Q\x14]\xffH\x88\xa2\xe8\'\xcf\x84(\x8aN\xbe\xe6\xd9\xdaY6\xd9\xfbk\x8f\xbe\xd9\x98#\xa3\xc5&gt;|DM+\x8bW\n\xefy\xca\xedo4F&gt;f\xb3(\x8a\x9e\x0e3T\xa3j{\xac\xbc@u\xcaE\xb7\xfd\xeb\xe7\xaf\xf5\xc4\xef\x0e\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a9\xfc\x7f\xab\x93n6^\xe1;:\x00\x00\x00\x00IEND\xaeB`\x82']</t>
        </is>
      </c>
      <c r="E289" t="inlineStr">
        <is>
          <t>&lt;class 'numpy.ndarray'&gt;</t>
        </is>
      </c>
    </row>
    <row r="290">
      <c r="A290" s="1" t="n">
        <v>288</v>
      </c>
      <c r="B290" t="inlineStr">
        <is>
          <t>steps_per_sec</t>
        </is>
      </c>
      <c r="C290" t="n">
        <v>4200</v>
      </c>
      <c r="D290" t="inlineStr">
        <is>
          <t>5.309</t>
        </is>
      </c>
      <c r="E290" t="inlineStr">
        <is>
          <t>&lt;class 'numpy.ndarray'&gt;</t>
        </is>
      </c>
    </row>
    <row r="291">
      <c r="A291" s="1" t="n">
        <v>289</v>
      </c>
      <c r="B291" t="inlineStr">
        <is>
          <t>Loss/localization_loss</t>
        </is>
      </c>
      <c r="C291" t="n">
        <v>4200</v>
      </c>
      <c r="D291" t="inlineStr">
        <is>
          <t>0.020125903</t>
        </is>
      </c>
      <c r="E291" t="inlineStr">
        <is>
          <t>&lt;class 'numpy.ndarray'&gt;</t>
        </is>
      </c>
    </row>
    <row r="292">
      <c r="A292" s="1" t="n">
        <v>290</v>
      </c>
      <c r="B292" t="inlineStr">
        <is>
          <t>Loss/classification_loss</t>
        </is>
      </c>
      <c r="C292" t="n">
        <v>4200</v>
      </c>
      <c r="D292" t="inlineStr">
        <is>
          <t>0.4570714</t>
        </is>
      </c>
      <c r="E292" t="inlineStr">
        <is>
          <t>&lt;class 'numpy.ndarray'&gt;</t>
        </is>
      </c>
    </row>
    <row r="293">
      <c r="A293" s="1" t="n">
        <v>291</v>
      </c>
      <c r="B293" t="inlineStr">
        <is>
          <t>Loss/regularization_loss</t>
        </is>
      </c>
      <c r="C293" t="n">
        <v>4200</v>
      </c>
      <c r="D293" t="inlineStr">
        <is>
          <t>0.03545898</t>
        </is>
      </c>
      <c r="E293" t="inlineStr">
        <is>
          <t>&lt;class 'numpy.ndarray'&gt;</t>
        </is>
      </c>
    </row>
    <row r="294">
      <c r="A294" s="1" t="n">
        <v>292</v>
      </c>
      <c r="B294" t="inlineStr">
        <is>
          <t>Loss/total_loss</t>
        </is>
      </c>
      <c r="C294" t="n">
        <v>4200</v>
      </c>
      <c r="D294" t="inlineStr">
        <is>
          <t>0.5126563</t>
        </is>
      </c>
      <c r="E294" t="inlineStr">
        <is>
          <t>&lt;class 'numpy.ndarray'&gt;</t>
        </is>
      </c>
    </row>
    <row r="295">
      <c r="A295" s="1" t="n">
        <v>293</v>
      </c>
      <c r="B295" t="inlineStr">
        <is>
          <t>learning_rate</t>
        </is>
      </c>
      <c r="C295" t="n">
        <v>4200</v>
      </c>
      <c r="D295" t="inlineStr">
        <is>
          <t>0.07999355</t>
        </is>
      </c>
      <c r="E295" t="inlineStr">
        <is>
          <t>&lt;class 'numpy.ndarray'&gt;</t>
        </is>
      </c>
    </row>
    <row r="296">
      <c r="A296" s="1" t="n">
        <v>294</v>
      </c>
      <c r="B296" t="inlineStr">
        <is>
          <t>train_input_images</t>
        </is>
      </c>
      <c r="C296" t="n">
        <v>4200</v>
      </c>
      <c r="D296" t="inlineStr">
        <is>
          <t>[b'640' b'640'
 b'\x89PNG\r\n\x1a\n\x00\x00\x00\rIHDR\x00\x00\x02\x80\x00\x00\x02\x80\x08\x02\x00\x00\x00\x83\xaf^t\x00\x00 \x00IDATx\x9c\xed\xdde\xa0\x15E\x1b\x07\xf0\xe7\xd2\xdd\xdd\xdd\xdd\xdd\xdd\xdd\xdd\x9d\x82\x80J\x0b"-%i "\xd8(H)\xa2\xa8 a`!\x12\xa2\x82\xa2"\xa0\x12\xea\xcb\xff\xfd\xb0\xf7\x1e\xce=\xf7\xc4\xc6\xec\xce\xec\x9e\xe7\xf7\x05\xee9\xbb3\xcf\xd9\x9d\x9dgs\x96\xc8\xa0\xe2-\xe7,\xdbu\xd5\xe8\\\xc2-\x7f\xe3W\x83sd\x05`K(\xee\x96^v\x00\x8c\xb1hP\x91{\xe0\xe8\x05\x80W?c\x8c\xc9\x91\xb1U\x8f\x87\xde\x90\x1d\x04\x93\xe4/\xc9\t\xb8\x98\xbc\xaaM\xea\xf5\xc8n\xd9!0\xb9\nS\x9a\xa6DD\x99Z\xcb\x8e\x841\xc6\xcc\xe2\x83o\xe6"]\xa7\xbd\x868_\xff\x0f|\xf6\x881&amp;@\x98\xae\x04@\xad&gt;\xab\x1d\x8e\x87\xb1\x84\xe4f\xbbG\x9e&gt;\x03`\xee\xf3\xe7\xd3\x94\x1b\xf6\xfaW\xf0\'1*\xc6\x98\xbb%)\xd6\x0f@\xd1\xe6\xb3e\x07\xc2X8\x17$\xa6\xba\x14\r\x10Z\x8bQ\xcfJ\x0b\x8c\xa9\xab\x8a\xec\x00\x98\xba\x8a\xca\x0e\x801\xd7\x18\xfe\xf8\xfba\x12\xf0\x80y\x07e\x07\xc8\x98\xea\xf8\\\x11c\xcc\x8c\x7f\xe3g\xdc\'\x0f\xfe\xe5\xff\xe7\xa0\x05\xef\xc8\x0e\x901\xa5\xbdwE\xbbX\x13\xc5g\x05x\x07\x841s6\xbcs+\xcc\x11\xf0\xa0G\xdf\x96\x1d c\x9e\x92Hv\x00\xe2\xc5\xc4\xc4\xc8\x0e\x811Wz\xe5\xa5\x97\xc3|\xcb{\xb6\x8cE\x9b\x1c\xb2\x03`,\x8a\x849\x02\xa6t\xcdeG\xc7,\xa9\xd3o\xad\xec\x10Dj2\xec)\xd9!x^\xc1\x9e\xb2#pZlg\xc7\x98$A\xb3o\xe3\xa1[d\xc7\xc5\x94\xb0\xe3\x14\xb4n\xb9\xc5\xa8\xad\x89\x8b\xf4\x95\x1d\x0ec\xe2h\x9d\xddO\x9c\x80\x19c\xeaY\xbb\xff&amp;\x1f\x1e\x08\xa4\xfa5\xe0\xfe\xf3\x0e\xc8\x0e\xc1Q111111\xb9\xf926cL=\xff\xfd\xf7\x9f\xad7\xd9\xa4-7\xdc\xbe\xc2\x99a\xed&amp;\xee\x90\x1d\x02c\x8c1\xdb\xf1\xd57\xc6\x18cL\x02\x00\x0fn&lt;-;\n\xc6\x18c\x8cEV\x81\x0f\x9a\x19c6\xc9O\x94]v\x0c\x8c),\xa6\x96\xec\x08\x18c\xde\x94\x9a\x88\xef\xc8c\x8c1\xc6\x18c\x8c1\xe6\xa4Y[\xcf\x86\xf9\xf6\x1c_\x88b\x8c1\xc6\xec\xf0\xd6w!S,?&gt;\x11M\x8a\x01(\xder\x8e\xec0\x18c\x8c\x11U\xee\xbaTv\x08\xcc!\xb1;[\xd9;\xc8\x0e\x841\xc6\x18\x8b\x1ey\xbb\xf1\xd9\x0e\xc6\x18c\x8c\xc5j3n\xbb\xec\x10\x18c\x8c1\xc6\x18c\x8c1\xc6\x18c\x8c1\xc6\x18c\x8c1\xc6\x98\xddZ\x8eyNv\x08\x8c1\xc6\x18c\x8c1\xc6\x18\x0b\x8f\x9f\xfbd\xb6\x02\xf0\xe6\x19nc\x8c\xb9[\xd66\xe3\xfd\x1f\x07\xac~\xf2O\xafm\xd5s\x9f?\xefp\x8dC\x1f{\x97\x130\x8b\x1a\xe9d\x07\xc0\x98k\xa4\xf6\xff\xa3\xfe\xc0\r\xe7\x00\xca\xd0R\xfb\xb3\xde\x80\xf5\xda\xa8=\xddg\xec\x92\x11\x9bG\x8c\\rDv\x08\x8c1o\xe2W\x8d\xbaTa\xcaR\x92n\xdf\xa1\xbf\x0f\x12%\'*Mt*U\xe9!\x8d\x9a4ys\xe5\xb2D\x85\x8b\x16-V&lt;G\x8e\x1c-Z\xb5\xacU\'\xcf\xef\xbfQ\xc72\x14\x13\x93\x94\xe8?\xd9a3\xc6\x18c\xee\x96\x83\xa8*\x11\x11%OV\xbc\x7f\x85N\x8f\x13\xe5\'\xa2*\xdd\x96\xb5\x18\xb55{\xcd\x89\xcdF&lt;\xf3\xd69|\x8bx\xe4F\xcc\x18c\x8c\xb9R\x83\xc1\x1b\x13~\x18S\xa8\xf7\xa8\xa5\x1f\xa6+?\x9c\xa8\x08\x11Q\xb6\xf6\x99\xab\x8c\xad\xd3o\x1d\x82y\x83o\xf40\'[{\xd9\x110\xd9rt\x90\x1dAp\x95\xf8M\\\x8c9.\x17QqJ\xd7\xbc|\xc7E\xb5\xfb\xadm6\xf2\x99Y[\xcfR\xba\xe6DE\xf37\x9c\x1e4\xfb\xc6\x1e\x04\'o ;r\xa6\x0fg}\x85\xe4J\\\xa4\x8f\xec\x18\x18c\x8a(\xd0\xb3\xcd\xb8\xedy\xebO\xcbQs\xd2\x82\x9d\x97\xae\x00\x1f\xfe\x86\xda}\xd7\x16j\xf2p\x98\xec\x0b\xe06\x9f\x88v\t\xbed\xc0\x18c**\xdc\xf4\x11\xa2jDD\x94\xfe^\\r\xfd\xf4V\xbc\\\xbb\xe8\xe5\x9f\x82\x1f\x0437\xb8\x0cT\xeb\xb1Bv\x14\x8c1\x1b%\x92\x1d\x003.o\xb7\x02\x05\x0b\x12}LDD7\x12\xc5\x94\xad?h\xc3\xe4\xb5\xa7~\xber\x7f\x92\xfd\x17\xe8\xdb3g\x82&gt;5\xfb\xf6%\xce\xc1.\x90\x93\xe8\xd8\xf6\xf1\xb2\xa3`\x8c1v_\xf6\xa3\xbf\xe3\x16\x90\xa4h\xbfPSt\x9f\xb1\xeb\x8do\xc2\x9d\x88v2\\f\xce\x05\x80\xf7\x8f\x19cQ\xc1-i)m\xb9\xe1Z\x12=}\x17DY(E\xc3r\x1d\x1e#\xca\x190Y\xf8+\xc1R"g\x8c1\x16Y\x91f3\xbf\xfc\'a7\x9dc\xf2\xbaO$D\xc3\xee+\x1f4\xa1\xce\xdb~!`\xbak\x9c\x80\x19c\xccE\xb4\xde\xf9\xd3\xbf\xe3w\xd015Ct\xdf\xc5\x1c\x0f0\xda\x9d\t\x91PO\x05\x19\xf39x\xaa\xe6\x04\xcc\x18c*\xba\xdfA\xe7\xecDD\t\x9f\x19\x9d\xff\xc2\xc51\xcb?"\xa2\xaf\xff\x03\x80&lt;\xf5\xa6:\x1e\xa3gmy\xef\x9f\x88\xd3\xfc\xcfHN\r\x93\x80k\xf7]k\xc3/`\xcc\x83\x00\xac\xd9\x7fSv\x14\xcc\xeb\x12t\xe8\xd9\xc2L\xdc\xfd\xa17\xb4\xc9\x1a\r\xd9\xecX\x84l\xd8\xa2\xc3!\x13p\xb2\xfa\x01\x13O\xdf\xfc%\x1f\x013fU\xea&amp;\xb2#\xf0\x14\xee\x7f\x82x\xfa\x83\xc0\x83+\x9d3\x02\xb8\tT\xee\xba\x94(\xbb\xad\x112\xcd\xcf!r\xea\x94\xf5\x9f\x05L\x99\xb7\xde\x83A\xa7\xbc\xc1\x1b\x00cL\x92Rm\xe6\xcb\x0eA=\xdb&gt;\x8e\xed\x9d7\xbf\xf7\xcf\x94\xf5\x9fQ\xfa\x16:g\xfc\xf0\xb7\xfb=\xfb\xe8\xe5\x1f\xd9\x1adx\x00\xfe\x8e\x82\xd4\xb2\xfc\x8d_\x13\xe6\xd4\x95\xbb\x7f\x0f5\xfd\xfb\xbf\xf0\xe1/c\xae\xb4\xfb[\xdeZ\xa3\x83\xd65\xffh\xbcw\xf6\xef\xd9w\x9c\x92\xd6\\\xdaO\xda\xe9\xea\xec\xd2z\xdc\xf3\xba\xa7-\x1d\x90P\x0b6~8\xcc\xd4cW\x1e\xf3M\x99\xbf\xc1t\xeb\xa12Y\xf6]pk\xf3f&amp;$/1\xd0\xbd\x1d\x1a\xd3+}\x85\x11o_\x8a\xed\xa0\xcbux,\xc1\xf7\x05\xc2\xcd\x9c\xad}\xd2b\xfd\xd58\xba\xaa\x1e=\x8d\xf5\xe4\x9f\xf7\x17x\xc4}\xa6\x8a\x9d\x17\xaf\xda\xfb\xc7\xda\x03\x7f:\x13\x1bc\x8c1\xbd\xfc\xd3g\x99v\x0b\x12~\x1bt\xael5&amp;\x06-\x01@\xe9\xb6\x8f\xda\x18.#"*~\x178\xf5\x176\x1c\xbaM\x94[v0\x8c\xb1\xe0:O}Uv\x08Lm\xa1/\x10\xe6\rsq\x11\xc0\xb3\x1f\xde#"\xa2\xb4\x01%\xec9\x1b-G\xa2\x8c1\x16J\xad&gt;k\xa2\xe7\xb4\x1c3) }\xde\x1fa8M\xd3M\x87\xefD\x9c\xfdH\x82{|\xb8\xcd1\xc6\x18\x11Q\xd6\xb6\xb2#`jK\x98&gt;\xd3\x95\x1f\xe1\x9fD\x83\x8d\xb2DD\x81\xc3c\xf9\xeb\xf5\xc8\x1e\xc7\xe2g\x8c1\xc6\\)T\x12\xad\xdcu\xa9\x89\xb9\xf8 \x981\'E\xc9\xb6\x96\xa3\xe6\xa4(\xf9\xa5\xe6\x84y7\x1aS\x9a\xb9$\xfa\xde\x15N\xc0\x8c\xc9\x17%\xdb\xda\xed\xe8\xf8\x99,\xea$\xcc\x9d\xf7\xe2\xfe\xf3\xc1\xaf!\x1b}\xf8\xec{\x89\xb7\x16\xc6\x18\x8b\x02\xab\xf7^\x97\x1d\x82\x9bE8\x92\x05\x8e_76\xd0?\x80IkO9\xffC\x18c\x8c9\xa9v\xbf\xb5Qr\x0e\xc6.\x81\xa7\x8esw\xa6L\xad}\x7fvy\xf0\xd5\x8c\x95F\'\x9ck\xce\xb6sa\x12\xf0\x84U\xc7\x9d\xff!\x8c1\xc6\x98\x9b\xf4\x9e\xb9\xc7\x978\xb7\x1d\xbb\xbf/s\x19 *\x18v\xd6\xd2De\x83&amp;\xe0\x08\xe3g1\xa66\xde\xa9g\x8c\x99\x95\xda\xd8\xe4_\xfe\xabe\xcd\xf4&amp;\xaa\n\x91\x80\x19c\x0e\xc9Zm\xbc\xec\x10\xbc }\x85\x91\xdcw\x192t\xd1a\xd9!\xa8\x08\x00Q&gt;\x13\xf3\xa43U]\x19\xce\xbe\x8cyD\xa6\xd6\xb2#\x90&amp;]\xf9\x11\xb2Cp\x93\x7f\xb8\xab\x17\xa8v\xdf\xb5=\x1ez\xd3\xdc\xbc\xfe\xd9\xf7\x1c\xaf\x15\xc6\xdc\xaa8\x80\xb7\xbe\x93\xbd\t\xe7\xe8(9\x00\xc6\x1c\x96\xac\xf8\x00\x00G\xae\x9a\xd8\xf6*\xc4?\xfcM&amp;&gt;8\xc6X|v\x9cjR\xe4\x0c\xd6\x96\xf7\xff\x95\x1d\x02c\x8e\xd36?C\xef\x1c\xed\xf2\xe0\xab\xfe\xd9\xf7\xc5O\xe5o\xbd\x8c)NH\x92S!S2\xc6D\xd2\xf2\xe8\x88\xc5G\xf4L\xfc\xd1\xef\x01\x97~3\xd9\x1d\x1ec\xeeW\x88s\'c,\x08\xedD4\x00\xa2ra&amp;+\xd9z~\xc0\x8dW\x95\xbb.s,H\xc6\x98\x07%\xae#;\x02\xc6\xa4\xcb\xda\xce\x97V\xf7\x9e\x03Qa\xff/G.9\xf2\xd5\xbf\x81\x0f\x1d\xf5\x9b\xbb_V\xb0\x8c1\xc6\x98\xa7\x04\xe6\xd8`\xc6=\xf1\xb1\xec0\x19c\x8c1o\xca\xf0\xa5\xdf\xf1\xee]\x00@\xdb\xf1/d\xa9:\x8e\xaf\xf82\xc6\x18cQ(u\x81F3d\xc7\xc0\x18c\x8c1\xc6\x18SNy\xd9\x01\xd8\xa5\xd1\x90\xcd\xb2C`\x8c1\x83\x14\x19\xef\x829\x00\x00\xe5\xeb&amp;;\n\xc6\x18cDD4\xe5\xc9Oe\x87\xc0\x18c\x8c1\xc6\x18c\x8cyY\xea\xc6\xb2#`\x8c1\xc6\xa2\xcf\xf4\xcd_\xca\x0e\xc1Q?\xf1\x85v\xc6\x18c\x8c1\xc6\x18c\xcc\xf5\x00\x10\x95\x91\x1d\x05c\x8c1{\xbc\xf4\x19\x9f\xc5UVf\xd9\x01xJ\xf7\x19o\xc8\x0e\x81\x11\xed;\xcf=\x0ec\xb1\xcaw\\$;\x04\xc6\xecW\xa0\'?\x9a\xcf\x18c\x8c1\x16+\xb1\xec\x00\x18c\x8c1\xc6\x18c\x8c17\xea\xf5\xc8n\xbe\xd8\xc0\x18c\x8c9+m3\x1e\x88\x9f1\xc6\x18\x93\xc0z\x02\xd6?\xfb\xea}\xd7\xadT\xc4\x18c\xccV\x89d\x07\x10u\xe6&gt;\x7f\xdeb\t:sp\x91"\xe9-V\xc4\x18c\x8cyF:\x8b\xf3\x03\xf8\xfc\x0e(K[!\xd10\x16FL\xa1^\xb2C`L\x9e\x8c\xaddG\xc0\xfc\x94i\xb7@v\x08\xbe\xc3\xdf|\x92\xe3`\x8c1\xa6\xba&lt;]eG\xe02\xf5\x06\xac\x0f\xfb}.\x87\xe2`Ru\x98\xf4\xa2:\xf7\xeb\xa9\x13\tc\x8c1\x16E\xb2T\x1b\';\x04\xc6\x18c\x8c1\xc6\x18c\x8c1\xe6\xac$\xb2\x03`\x8c1\xc6\xa2\xcf\xa1\x1f\xf9\x96\x08\xc5T\xee\xba\x8coTa\x8c1\xa6\x1f\x0f\xc4!F\xc5J\x95d\x87\xc0\x18c\x8c1\xc6\x18c\x8c1\xc6\x18c\x8c1\xc6\x18c\x8c1\xc6\x18c\x8c1\xc6\x18c\x8c1\xc6\x18c\x8c\xb1|\xddeG\xc0\x18\xf34\x00D)eG!\xcd\xb8\'&gt;\x1e\xf7\xc4\xc7\xb2\xa3`\x8c1\x16\x85ru\x96\x1d\x81T\xf9\xf9(\x871\xc6\x18c\x8c1\xc6\x18c\x8c1\xc6\x18c\x8c1\xc6\x18c\x8c1\xc6\x18c\x8c1\xe7\xf0[\x81\x19c\x8c\xe9\xc1\xef\x03\x16\xa9\xdd\xc4\x1d\xb2C`\x8c1\xc6\xa2\x12\x1f\x013\xc6\x18c\x8c1\xc6\x18c\x8c1\xc6\x18c\x8c1\xc6\x04\xc8\xd1Av\x04\x8c1\xbb\xe4\x90\x1d\x00c,$\xbe\xf5\x871\xc6\x18\x93\x80\x130c\x8c1q\x92\xd5\'"\xa2\xd2\x92\xc3p\x83\xf2\x1d\x17\xc9\x0e\x811\xc6\x98\x17\xa4\x06\xc0Gu\x8c1f\x07\xbe\xa8\xcc\xc2\x01\x90\xbf\xe1t\xd9Q0\x9b\x01 \xaa&amp;;\n\xc6\x18s%\xdb\x8eS\xab\xd8S,S\t\x80g?\xbc\';\n\xc6\x18s\xa3\xecT\xb0\x97ME\x03X\xba\xebj\xd0\xcfm\xaa\x919m\xf9\x9b\xbf\xc9\x0e\x811\xa5\xf5\x9f\xbb\xdfb\t\x83\x1e}[\xfbOL\xe1\xdeD\xe9L\x94p\x85\xfb\xdc(\x13w\r\xb8R\x90\xef\x12\xd5v&lt;\x1c\xc6\x18c,:\x00\xa04MeG\xc1\x18\xf3\x9cK|&lt;\xc7\x18\x8bf\x17\xb8\x13dL!e\xe3\xfd\x95\xb9\x8d\xed\x15\xc6\xd4\xb2\xbd\n\xc6XB)J\r\xfa\xd1\r\tx\xd3\xbbwd\x87\xc0\x18c\x8cE\x9f\x91K\x8e\xc8\x0e\x811gd\x93\x1d\x003\xa2@O\xd9\x110\xc6\xf4\xaa(;\x00\xa6\xaeA\x8f\xbe\r n\xe8A\xa7\xf0=&gt;f\xf10U\x8c1\xe6!\xd9\xda;Y[\xab\xb1\xdb\xf8.\x10\xd38\xfb2\xc6\x183i\xd3\xbbw*uY*;\nf\xab\xcc\xb2\x03\x10(\xbf\xec\x00\x18cL\x90Y[\xcf\xca\x0e\x81\xd9h\xfd\xdb\x7f\xdf\xe3\xc3t\xc6\x18S\xca\xb6\x8fA&lt;\x08&lt;c\x8c1\xb7\xf8\xd6[\xc7\x13|\x15\x931\xc6\x98\xc7d\x94\x1d\x80.O\xbc\xf5\x87\xec\x10\x18\x8b&amp;\xdb\x8e\xf1\xad\xf3\x8c\x05\xb1\xf7\x9c\xa0\xed"OWJ\xdbLLQ\x8c1;9\x9d\r?\xbd\xc5\t\x981\xc6X\xd4\xa9\xd2m\xb9\xff\x9f\xfc$7c\x8c\xc5JSv\x98\xec\x10\x98gq\xbae\x8c1\x16\x1cg\x08Y\x129Y\x19\xafc\x8b\x06\xcc; ;\x84(`\xcbe\xd4\xac6\x94\xc9\xc4\x03@\xe9\x9a\xcb\x8e\xc2\xa8LVf\xceY\xfb\x01Qq0u\xf1N\x16s\x89\x82\xb2\x03`\x12U\x91\x1d\x80a]\xa7\xbdfi\xfe\xb4M\x01\xe4k0]L4LM\x00(eC\xd9Q0\x16\x9d\x92\xca\x0e\x801&amp;O\xf2\x92\x03e\x87\xa0\xb8\xb2\x91\'a\xcc8&gt;\xf9\xc4\x18c\x8cIP\xb3\xcfj\xd9!0E\x01x\xf8\xe9odG\xc1\x18c\xee\x96Gv\x00L\xa4\xfes\xf7\x13\xd1\xc8\xa5\x1f\x1c\xbel\xd7\xd9\x0b\xc4\xb1\xa9|\xc6\x18c\xcce\xbe\xfc\x17\x94\xa3#Qv-A\xa6*=\xc4\x8eZ\xb4\xc2=6\xcc8c\x8c1f]"-G\xe6k0\xcd\x8e\xd2\x1f\xda\xf2\x15\x1f\xfe2O\xf9\xfa\x7f\xd1\xdb\xa0/\xf3\xc6,\x87\xcb\xde\xeb\x97\xa2\xe4@~Y\xac\x1e\x17\xee\x9f"\xce!;\x16\xc6\xdc I\xd1~\x16K\xc8]g\x8a\x90H\x1c6\xf3\xd9oyoZ\n\xd7]\xc6\xdbs\xd6M\xd1J\xa4\xad\xd9\xc9\xeb&gt;\x91\x1d\x88k\x00\xc8Xy\x8c\xec(\x98ki\x9b\xdcG\xbfq\x0f\xc5\xf4r]\x02f:\x01(\xdd\xf6Q\xd9Q\xb8\to\x08\xcc\x12\xad3\xed\xf2\xe0k\xb2\x03a\xee\xc07\xb22\xc6Xtq\xae\xc7\xcf\xdc\xc6\xa1\x8alT\xd4\xbe\xa2\xef\'\xe0$u\xed\xabE\x16\x00\xc3\x16\xbd\';\n\xc6\xdc\xcb\x0b\x1d\xa81|D\xc2\xfc\xd9\xdc\x18\x12+r\x10\\\xb8\xc9#\xc2\xcb|\xe1\xa4\xfc\xdf\xc5\x18s\x8d\xadGc{\xc3\xb5\xfbo\xca\x8e\x85E\x0b\xe1\t\x18@\xa96|\xf5\x911\xe6\x1e\x00\xee\xc5\x1d\x8e\x8cX|Dv8L\tcW\x1c\x95\x1d\x821\x8a\x1cR3\xc6\x98a\xb1\x9dW\xden\xb2\x03a\xcc\x0c\xad\x01\x1f\xbb\xc6\t\x981\xe66\xa2\x8e\x1e\xf8\x10\x84E\x04\xc0\x8e\xf1O\x00\xa4+?Bx\xb1\x8c1\xe6\x16\xe5e\x07\xc0T\xb7\xf0\xc5\x1fd\x87\xc0\x82{\xee(\xef@3\xc6\x18c\x8c1\xc6X\x14:c\xe7]]m\xc6o\xb7\xa9d\xcf\xa9(;\x00\xc6\x18c\xfa\xd4\x1f\xb8\xdeb\t9jM""\x00{\xcf\xf1)Y\xd9\x92\xd4\x91\x1d\x01c\x8c1\x1d\xb4\xdb\tgl\xf9JDa\x99D\x14"Dz\xd9\x010\x16+\x91\xec\x00\x98\x1cQy\x8bub\xd9\x01\x884\xf3\xd9oK\xb5\x99o_\xf9\xbe\x16\x929sf\x11\xe5]\x13Q\x88\x107d\x07\xc0\\&amp;W\x9d\x07\xa6\xae\xffLv\x14\x8c\xb9\xd6\xb2]Wc\n\xf5\x92\x1d\x85H\x87~\xb4\xf1\xaa*\xfc\xd8T\x05c\xae\x91\xae\xb9\xec\x08\x18c\x8a\xc9Xi\xb4M%\x1f\xf8\x9eS/c\x8c1\xc6\x18c\x8c1\xc6\x18c\x8c1\xc6\x18c\x8cyAr\xd9\x010\xe6&gt;\r\x06m\x90\x1d\x02c\x8c\x99\xf2\xde\x15\xbe\xe7\x8b1\xc6\x18s\x1c\x80Q\xcb&gt;\x94\x1d\x05c\x8c1\xa7\xf0\x03\xaf\x8a\xd8\xfd-\xaf\x02\xc6\x18\x8b&amp;\xe5:&lt;F)\x1a\x02\xe80\xf9%\xd9\xb1\xb8\xde\'\x7f\x9bO\xa2\xbc\x0f\xc4\x94\x97\xcf\xf6\x1ax\x1b`\x8c\x99c%\x89r\x02f\xcc4;\xef\x9cL^\xdf\xc6\xc2\x19c\xee\x97\xb3\xd6d\xa2\\\xb2\xa3`L\x86\x0f~\xe5]W\xc6\xbc\x80\x0fC\x19s\x19\xdeh\x19\x8bjI\xebQ\x92\xbaDD\x89jY+\xa8\x88\x88h\x18\xd3\xa5\xd9\xc8gd\x87\xe0\'g\xad\xc9\xaf\x9c\x06\x91\xe1\xb7\x8f\xd5\x1d\xf0\xa4\x1d\xf10\xc6,*\xd3n\x81\x03\xfb\xc7\xd9\xaaO \xa2u\x07\xff\xb2R\xd7\x9d\xfb\xb7\xa3\xe7\x11\x16\x19#"\xca(;\x00e\xa5\x91\x1d\x80\x1f~\x1e\x83\xb9\x04\x8f\xd6\xa4\xa2\x15o\xfef\xa5\xf7\x98\xb7\xfd\x82\xd6\xff\x94\xef\xf8\xb8\xc0\xa8\xf4\xab7p=w\x80L\x1a\xad\xf1\xbdp2\xb6\xfd%-\xde_n&lt;\xccQY\xda\xca\x8e@\xaa\x18\x8b\xe7N\x99\x00\xd2\xf3\x1fg_\xc6\x98\xd3\x00\xa4(9\x90(\xab\xec@\xa4\xe1\x9e\x971\xc6\x984\xcf\x1fW$\t\x19\xbe\x0b\xc1:N\xc0\x8c1\xa9bjR\x92:\xb2\x83`j\x89;+\x98Cv \x8c1\xc6X4\x89K\xc0\xf6\x0f\xc3\xc6\x18c\x8c1\xcd\xc45\'#\xdd\x17S\x83(\xc6\xb9\x80\x18SY\xb6v\xb2#`n\x92Dv\x00Li\x193f$\xa2\x98\x980)\xf6\xa8c\xc10\xa6\xba\xab\xbbdG\xc0\x18cQ\xec\xc4M\xbe\x9f\x8b1\xc6\x18c\xcc\x98bD\x15d\xc7\xc0\x18c\x8c1\xc6T\x03`\xda\xc6\xd3\t?\x94\x12\x0cc\x8c1\xc6\x18c\x8c1\xe5l8t[v\x08\x8c\x85V\xaa\xcd\xa3\xb2C`\x8c1[\xd4\xea\xb3Fv\x08FH\x1f\x1b=(\x05C\xf2\x84\xf4q\xab;\xda\x9f\xeb\x05P\x7f\xd0\x06\xd9Q0\xc6\xa2\x1b\x80\x9b\xeae;\x00\x94\xbb\x8b\xec(&lt;H\xcd\xfd-\xe7E\xf3B(\xd8\xf8\xa1h~\'\x87AYd\x07\xc0\x98\xe3\\\xf1\xdeb\xc5\xc3Kh\xe7\'\xc1\x97\xea\x86wn9\x1f\x8c\xeb\x96\x9e0\xc9\xea\xcb\x8e\x80\xe92\xf7\xf9\xf3DD\x94Gr\x1c\x8c\xb1\x84\\\x97B\xda\x8c\xdf\xae\xcen\x8d"a\x18W\x13@\xe6*c\xcd\xce\x9e\xd6\xb5?&lt;J\xa5+?Bv\x08\x8c1OP\xa7\xf7W\'\x12\xa3\x00\x94h5\xd7\xf4\xec\x9d\xa6\xbc,0\x18fZ\xdar\xc3e\x87\xc0\x18\x8b.%e\x07\xc0\x98\xbf\x14\xbd\x1e\xd9#;\x06\xc6\xa2F\x9b\xf1\xdbe\x87\xc0\x98\xd2&gt;\xbb\xed\xd6\xd3\x03F\xa9sM\x841\xc6\xec\x96Vv\x00\x8c\xdd\xc7\t\x981\x16-\x00\x0cY\xf8\xae\xec(\x18\xf3\xe1{\x8c\x19c\x8c1\xc6\x18\x0b!\x83\xec\x00\x18\x8bZId\x07\xc0\x82K^r\xa0\xec\x10\x9c\x92\xb3\x13\x80o\xf9\x9a\x85\x14\x1d\x1fxIv\x08\x8cE\xa92\xed\x16\xca\x0e\x81E\xb3\\D\xb9\xb4;\x06r\xd7\x9d";\x18\xc6\x18c\x8c\xb1\xa0\x0e\xfdd\xd7\x89\x82\xbf\xf9\xceI\x87ei+b\x81\xa7\x12\x10\ts\'\x957\xd8d\xc5\x07\xc8\x0e\x811W\xc9Sw\xaa\xec\x10\xa2\x88\xf5gE\xa6n\xf8\xfc\xa9#\xff\x89\x8a\xc7\x1b\x96\xbf\xf9\x1bQQ\xd9Q0\xc6\\#\xbb\xec\x00\xd4r\xf4\x1a(e#-?=\xb8\xf1\xf4\xea}7&gt;\xf9\x1bBF\xf6\xb9\xa7\xd2\x11\x83\xf5\xc3\x97&amp;\xc3\x9f\xa2\xa4u\x85\x04#\xcb\x8b\x9f\xe2\x8c\xc8\x95R\x10\x00eh!\xae\xc0(\x14\xedo\xd5d,z\xc1O\x8aR\x83\x88r\x11\x95\xa1t\xcd\x1e~\xfa\x1b\xeb\x87\x8c-Fm\x15\x15\'\x13\x02@\xa2\xc2\xbdeG\xc1\x18ca\xa9|\xbdG\x14\xff\xec{\xfa.\x88\n\xc4}\x93\xbc`\xe3\x87]\xf1:E\xc6\x18c\xb6J$;\x00\x0f\xea=3\xdeI\xe62\xc9\x88\xe8b\xdc_wo\xdd\xfa\xdb\xe9\x80\x98\xbaj\xca\x0e\x801\xc6&lt;\xe4\x12\x02\xf9\x7f{\xf2\xcf\xe0\x9f3\xc6\x18cQ\xc4\\\x16\x04P\xb3\xcf\xea0\xdf\xfa;\xebWE\x98\xc4\xcc\xc4\xcb\xd5\x99\x172c,\x94IkN\x12U\x95\x1dE\x143\xd7A\xaf\xda{\xbd\xdf\x9c\xfd\xa1\xbe\xdd\xfdm@\x96\xad\x14\xfbE\x8a\x86\x9c\x80\x9d4~\xd5q\x00\x94\xad\xbd\xec@\x18cj\xb9\x06$.\xd2\x07\xc0\xd8\x95\xc7\x1c\xab\xd4\xc6&gt;?\xae\xe8\x94vU R)\xdf\xff\xecX"%Z\xcdK\x98e\xdf\xf8&amp;\xc1\x89iN\xc0\xf6\x03\xb0\xee\xc0\x9f\xb2\xa3`\x8c\xa9\xa8@\xa3\x87\x9c\xac\xee\xcb\x7fm\xed\xf33\xb6rER\xd9{\xce\xf6 \x13f\xd9 \xe9\xd7\r\xcb\x8aE\x895\xfbn\xf0\xbb\xff\x18S]\xf8\xccQ\xb5\xc7\n\x07cQVV\xbf\x14[\x83\x88\x882r\x02\x96\xc8\xaeE]\xa0\x87-\xc5\xca\xc0#\x911\xa6\xae\xaa\xddW\x10\xd1\xcf\xf73G\xa9Hs\xb0\xcc\xef]\xc1\xa1\x1f\xd1a\xf2\x8b\x9f\xde\xe2\xec\xcb\x9cQ\xd6\xfe*\xca\xd9_\x05c,\x81\x97?\xf7%\x0f\x07\xb6s\x0f\xc8\xb6\xef&lt;\x8e\xdf\x08\x92}op\x02f\xc2\xa5l$;\x02\xc6&lt;\xeb\xf5\xaf\x14\xe8\xb4\x01\xe4k0Mv\x14D\xbe\xf3\x8a)\x1b\xca\x0e\xc4\x98\x89\xabOt\x9b\xfe\xba\xec(&lt;b\xd7\xd7\nl\x12\x8c1O\xbb\xc1\xe7,\x03\xb4\x1a\xbb\xed\xa1\xa7\xbe\x96\x1d\x05\x93\xac\xcb\x83\xaf\xc9\x0e\x811\xe6e|\xc5\x901\xc6\x18c\x8c1\x1dZ\x8f{^v\x08\x8c\xb10\xd2\xc9\x0e\x80\xb1h\xe2\xe4\xd9\xa4h:m\xc5\xb7d\xba\xc3\x1bg\xf8l\xea}\x00:O}Ev\x14\x8c\xa9j\xe7)\x91\x9dE\xa1&amp;\x8f8{9\xa7\xb2\xef\x7f\xde\xbe\x8c\xe4\xe1\x9f\xc6\xbcj\xc3;\xb7\xbc\xbdU:)\xb3\x03uty\xf0\xd5\x1f\x80\x8a]\x968P\x17\x13.\xa6Po\xa2B\xb269\x00\x83\x1e}\xc7\xf9z\x1d\x10\xb7H+E\x9e\xd4f\x8d\x86n\x96\x1d\x82\xe2\xe4\xaf\xa3\xb0\xaa8Y\x19\x8f\xc7 F\xaa2C\xaat[\xe6@E\r\x06oTjm\xf5x\xe8\r\xd9!\xb8\xd2\xcf2Vb\xbe\xfaJ&lt;\xb9g\x87\xb5\xfbo\x02\x98\xb1\xe5+\xdf\'\xbb\xcf:\xba\x84\xe17\xda\xab\x93\xf52\xc1rtt\xb267%\xe0\xa7\x15\x1e\xa6\xeeW\x80\xa8\xa2\xec($pG\xd3QO\xdcV\x17\x8dm\xc6\xa3R\x13\x11Q6\xc9Q0WqS\x02\xb6O\xb4\xff~\xe6\xb8\x91K?\x00\x90\xb5\xfax\'+\x050m\xd3\x17N\xd6\xc8\x98\x9f\x9a\xb2\x03P\x11\x80\xcfnGw\x02\xe2}\x10\x16\r\xb8\x913\xc6\x12J$\xb7\xfa\x98\x98\x1cD\xc4\xefAc\n\x02\xf0\xc2IN\x9c\xccQ|L\xe2\x065\xa4\xd5\x9c\xae\xc2\x08\xa1\xe5\xa5\xe1\xd6\xc6\xd4\x94\xb8H_\x00\xd9kNr\xbe\xea\x9c\xb5\';_\xa9{\x01 *\x13\xf0\xe1\xf7\xee\xecX\xae\xb93\xec\xe8\xf1+\xef!1\xc6\xa2G\xd1f\xb3\xc2O\x00\x80\xdf\x04\xc5\x1c\x92\xa9\xb5\xec\x08\x1cUAv\x00\x8c\xd9n\xe1K?\x12e\xb7ZJ\xfe\x1e"bqV\x8a\xc8o3[w\xe0\xcf\xf0\x13\xf0\x11\tc\x8c1\xb7j7a\x87\x94z\xdf&lt;\x83\xba\xfd\x9f\xbc\x1f\xc6\xc4\xa0a\x944^p\x8c\xe9\x90\x18c\x8c9\xa7\xfd\xa4\x17e\x87 ]\xd50\xdf\x8dZ\xfa\x81\x8dG\x99\xb1#0$\xd3\xee?\x1a\xb5\xf4\x03"\xcaY\xfb\x01\xbb\xaac\x8c\x89\xb26\xd2\xe9)\xc6\xc2\x03\xf0\xe4\xdb\x7f\xfb\x7f2d\xe1!Y\xc1(&amp;\xb7\xf6\x8f\x96\x1ak\xf7]c_M\x05\x1b?\xe4?6\x02\x9fU\x96.\xc4\xd9\x08\xc6\xe2)";\x00\xc6\x14\x91\xe1\x9d\x1fD\xe6\xad\x92\xad\xe7k\xff\xd1\xf2b\xa96\xf3\x05\x16\x9eP\xb1\x16s\xae\x03\x13V\x1d\xb7\xb5\x16\xfd&gt;\xbf\x13\xbd;\x01M\x86?5\xe4\xb1weG\xc1\x18cnbz\x7f4k\x98\xef\xbc\xf4pj\xcaR\x83d\x87\xc0\x18\x8b\xafb\xe7\xc5\xb2C\x10I\x9d\xc3\x08\xa6\xbc\x94z\xf2+\x80\x8a\x9d\x15y\x15X\xc1\n\x9d\x17\'*\xd2Gv\x18\xcc}r\xf1\xbd\x05\xcc\x01\x9e9^a\x0e\x00@\x19ZF\x9e.]s\xfbc\xd1k\xef\xb9\x08-\xfc\x85\x93\xd8\xf0\xce-g\x82a^r\x93;O\xc6\x98c\xba\xcf\xd8%;\x04K\xd2\x94\x1b\x96\xf0C\x00\x15:y\xea\xb4\x16cV\x1d\xb8\x08\xa2B\xb2\xa3`\x8cy\\\xc3!\x9b\x82~~\x15\x98\xb6\xf1\xb4\xc3\xc10\xa6\x84\xbe\xb3\xf7R\xceN\xb2\xa3`\x8cE\xad\xdc\xdbO\xf09F&amp;\xdf\xc2\x17\x7f\xa0y\xdb/\xc8\x0e\xc3\x8cb-\xe6h\xffy\xe5\xb4w\xee\xcfT\xc7\x89\x9b6-\xd2\xc2\xf6\x14\xcb\x18c\xae\x94\xcb\xe1\xfa\xac?\xd2\x90\xaf\xfe4\x00D\xd5\x88\x88\xa8\x00\x9f\xd3f\x8c1\xc6"\xdb\xf55(s\x1b\x8b\x85\x14i6SH0\x8c1\xc6\xf4\xb2\xff]@\x17\xf8\x8c&amp;c\xcaH.;\x00%\xac\xda{=\xfc\x04\x00\xeep\xcf\xc5\\/IT]RL$;\x00\xc6\xc2\xbb+;\x00%\xdc\xb9};\xe24\xe1wU\xa2\xaa_\xf3\x93Tv\x00\xcc\x90\xffbb\xf8MV\x8c1\xf329Z[\x966\xcb\xdf\xfc\r\x00em\x1bj\x92\xe2-\xe7FG\x02.\x17\xff\xcf\x9c^\x1aDS\xb3v\xffM\xd9!0\xc6\x18\x8bU*\xe2\x14J\xe6!\x13o\xf9\x8d(I\xfc?\xab*\xf9\xc3\xad\xa8\n\xe0;O\xfd"fV\xfbI;e\x87\xc0\x18\x0bg\xfa\xe6/\xcbvx\x0c\x00Q\xe9\x84\xdf&gt;\xfc\xf47\x93\xd7\x9er&gt;*[\xf9\']\x00\x9f\xde\xf2T\xba\xba\xcd\xd9\x971\xc6\\AKE\x89\n\x07\x7fu\xc1\xfc\x17.z\xeb\x00\x91\x88\xe8\x9a_\x02\xfe\xc7s\xbf\x8e1c\xd2U\x18!;\x04f\x1d\xdf\x19\xe1A\xa5\xdb.\xf0^\x02&amp;\xa2\xa3\xbf{\xf0G1\xc6\xa2\x94\'\xbbiF9:\xf2\x9aeL\xac\xaf\xfe\x83R\xaf\x0ecj\x19\xbe\xf8\xfd\xb8q\xc4t\xcb\xd5\xd9\x9eX\x98{\xe5\xe2\xe4\xcd\xcc\xaa);\x00\xef\xca\xdfp\xba\xec\x10X8\x9e\xbb5\x94\xd9\xa5\xf5\xd8\xe7\x01P\xb6\xf6\t\xbf\xe2V\xe4I\x00^\xfb\xd2\xfe\xd5jy0D\x16R\xb6\x1a\x13d\x87\xc0\x18\x13\xe0\xbd\x9f\xc1\x896\xaa\x9c\xfa\x8b\xd75c^PLv\x00\x8c1\xc6\x88N\xdf\xd5\xb5c\x95\xaf\xc14\xde\xdd\xf6\x89)\xd4[v\x08Lu|\x84\xca\x18\x13$q\x1d\xd9\x110\xe6\x1a\x00\x9f"f\x8c\t\xf2\x13w%\x8c1\xc6\x18\x0bju\xa4w\xc31\x16\xcd\xf8\x88\x9c1\xe6/\x9d\xd0\xd2*\x0b-\x8d1o\xe3\x87&gt;\x99\x93\xd2\xca\x0e\x801\xe6Z/}\xe6\xa9#H&gt; f\x8ei2l\x0b\xb77aJ\xb6\x9e\';\x04\xc6\xd4\x97\t@\xc5\xce\x8be\x87\xc1\x98d|O\xa2HG\xaf\xc5.\xca\\u\x1e\xd8\xf4\xee\x1d\xb9\xc1\xb8N\xeb\xb1\xcf\xdb\xf3\xd6U\x16\xe8\xed\x1f\xa4n\xf3y\xba\xca\xac\x9d1\xe6q\x99Z[\xd9\xaf\xd9x\xe8\xb6\xc0XT\xf6\xad\xdfR\x92\xb23\x98\xa6\xec0\x87kTA4\xeft\xf7\x99\xb5\x97(\x85\xec(\x18c\xaa\x9a\xb8\xfa\xa4\xec\x10\x1c\x82\xf8\tXb$,J\x00\xa0,meG\xe14\xde\xb8\x18\xd3+s\x95\xb1\xb2C\x90!qm\xd9\x110\xef\x8b\xd6T\x94Cv\x00\x8c\x89\x03\xe0B\x94n\xc9\x8c\xb9\xd5\xbc\xed\x17\xa25\x013\xe6!\x1e\xd8\x8c7\x1f\xbe+;\x04\xc6X\x18ej\xf7[+;\x06\xc6\x98\r\xb2V\x1f/;\x04\xc6Xx\x19e\x07\xc0\x18c\xf6\xb1v\xcb\xba3\x8a\xb7\x9c#;\x04\xf7\x8a\x91\x1d\x80y\xfc\x9c(c\x8c1&amp;\xc1\x9a}7\x82~\xfe\xc0\xbaOW\xee\xfe\xdd\xe1`\x18c\x8c\xb1h\xc7G\xc6\xccy\x89d\x07\xc0\x14\xc2\x1d\x10#"\xca\xd4\xba\xde\x80\xf5\xb2\x83p\xda\xa7\xb7dG\xc0\x98\xf7t\x9f\xb1Kv\x08\x8c\xb9\xc65 \xeeX\xb0\x9c\xf6I\xc1F\x0f\xc5}Y\xb4l\xfb\xc7d\x05\xc6\xdc\xe5\xd3[\xb8\x06\x94j\xf3\xa8\xec@\x82HT\xb8\x8f\xec\x10\xa2\x03\x9fVb\x1e\xe0L\x1bn0h\xe3\r\xdc\xa7}\xf8\xc5?\xb1\x7f.y\xedg\xdfW)K\rr \x1e\xe6j/\x7f\x1e\xd8\x96\x18c\xde\xe4\xed\x8d\xfc\xd9\x8f\x9c\xf9u\xe5\xeb\r\\_\xbe\xe3\xe3\xfe\xaf\xef\x1d\xb9\xf4\x03\xad\x0f\xddw\x01\xfe\x88R\x11\x95\x8d\x9b\xaa\x82#\xe1E\x8bl5&amp;\xc8\x0eA\x8c\xff8\x013\x16\rx#\xb7"m\xf9\xe1;N\xa1\xcf\xac\xb7\xcavx\xacN\xbfu\x83\x17\xbc\xf3\xd5\x7f\xd8\xf3]\xec"\r8_W\xb1\xf3b\xca\xd4\x9a\x88\x00\x1c\xbf\x8e&amp;\xc3\x9f\xd2:\xd9\xf7~\x06Q%\t\xd13\x95\xa5i\xda{\xe6\x1e\xd9A0\xc6LIZ\xbc\x7f\xe9\xb6\x0bdGAD\xf4\xcd=\xcf\xee\xcb\xfb\x8ek\xff\x05\xce&amp;8\x0b\x1dZ%\xa2\xaa\x94\xa2!\xe2;\xf0=\x1f\xf70\xf9fl\xf9\x8a(\xb1\xec(\x98\xab\x08\xe8\xb9R5\x12\x14\x8b"j,\x7f\xe3W\xd91\x10y\xf7~\x02$\xf0\xf1u\\\x02\x0c\xee\xf7d\x9a\xb8\xe6d\xc2\xa2\xf6\x9e\xf3\xe0\x12cn\x90\x12@\x9e\xbaSe\x87\xa1\xb4L\xb2\x030\xa1\xaa\xad\xa5{\xb5\x97\x97(\x7f\xc3\x19B\xca\x81\x17_\xba\x17S\xa8w\xc2\xac\t y\x89\x81&amp;J\x0bZT\xb3\x11\xcf\x10\x11Q\x8a\xac\xd5\xec\x1b\xa8\xb5\x8am%[\x96\xad}\xf5\x9e+\xad\x14\xb0\xee\xc0\x9f\xa2b\x89\x1eI\x8a\xf6\xe3\x8eT\x00\xe5\x12R\xf6\xf6B\x8aI\xf8\xa3\x00\x10eQ\xee\xf72/+\x910_R\x8e\x8e\xa6\x8b;}\'H\x02\xee3\xeb-a\xf1fj\x1d\xf4\xe3_\x15\xded\x00\x10\x15\xb02;w\x08&amp;\x85h-\xcc\x00\xad\xfd\xd5\x1b\xe8\xb5a\x01BmT\xbc\xbd\xa9\xc9\x83+%E\x83\x84\xc9\xd2\xe2\xd9\x82\xd6\xe3\x9eOX\xe6\xec\xe7\xbe\x13\x152c\xccQG\xafa\xd9\xae\xab\xb2\xa3pRZ\xd9\x01\xb0\xa8\x900S&gt;}\xe4?;\x8a\x05p\xe2\x06\x88\xb2X/\x9c1\xc6\xa2\\e\xd9\x01\xb8\x80SO\xee\x9a\xd4l\xc43AN&gt;\x8b\x915h\x0e\xae\xd9{\x95\xa0\xf2\x99]&amp;\xaf\xfb\xc4\x83gz\x18c\xd1F\xf9\x8e\xac\xc4w\xf1\x13d\xf1\x96s\x88*\x889\x01\x93\xb3c\xc2\x04\xbc\xf9\xf0]\x01%3\x11B\rd\x06\xa0R\xd7\xa5\x0e\x07\xc3\x18\xb3W\xb7\xe9\xaf+\x9f\x90DK\xdfBv\x04\x11\xf4\x9e\xb9\'\xfe\xe1o%\xa2\x14\xa2\n\x0fz\x10,\xaapfE\xae:\x0f\x84Z\x17\x8b_\xbd\xe2p0L!\x07m{~\x7f\xe5\x9ek\xc2\xcbd\xfa\x01X\xf8\xe2\x8f\xb2\xa3`\xf7u\x9a\xf2r@v\xdc\xf9\x89\xa8\xed.1ej\x1d4\x01\xbf\xf8)\xe7`\xc6\x14\x94\xa1\xe5\xf4\xcd_\xfe\x14\xb7\xa1\xdeSug9\xcan\x07c\x1e\x95\xac^\xd0\x04\x99\xb4x\x7f\x0b\x85&amp;\xa1\xa4\xf5(C\xcb\xac\xd5\xc7\x07-\x9c\x0f\x82\x19ST\x83A\x1b\x17\xbe\xf8\xc3c/\xfd\x08\xa0N\xbf\xb5\xb2\xc3a\xcc\xcb"%\xc8\xbc\x00.\xe9K\x96[\xde\xfbg\xc0\xbc\x83\xed\'\xed\xf4\x8d\x02=v\xc5Q\x17%\xe0g&gt;\xf8\x9f\xec\x10\x18S\x86\xb8\xf3`AT\xed\xbe\xdc\xbe\xc2\xbd\xc5{\x03\xa8\xe6i4t3\x80:\xfd\xd7\xc9\x8dC\x85&lt;\x14&amp;Af\xaf1q\xe5\xee\xdf\xb5\xff\xd7\x1b\xf0d\xd0\xd9+u\x89\xbdO\'E\xc9A\xbe\x19\x1f\xda\xf25Q\x91\xf0\x85K\xff\xe1\t)\x18\x12c\xd2\x00 JfO\xd9\xa9xc\xd3\t@\x95n\xcbdG!\x9e\n\r@\x85&lt;\x14&amp;A\xfe\x129_\x96\xf4\xbdb}\xd2\xdaS\x00\xea\xf4[{\r\xd8~\x02\xc3\x1e\x7f/\xe0\xc6.\xf5\x13pP\x03\xe6\x1d\x94\x1d\x82\x1dj\xc8\xa84u\xec?e\x87\xca\xa8\x9d1\xc6\x02$\xae#\xb7\xfe\xf09\xd2D\xbe\x04p\x19\xf8\xec\xb6\xb0\x02\xe5\n\x1a\xe79\xf7\xc4\xaf\x1a\xeb\xab\x1e\xc0\x07Wy\xe1\xeb\x90\xb9\xeaX\xfd\x13\xdb\xd3\xa0\xab\xd9P&amp;c\x8e\x1a\xfa\xd8\xbbFg1\x94/\xf5&amp;\xe0\x8c-#\x966\xf7\xf9\xf3\x00\xce\x03\xda\xc3f\x1eH\xc0A\x95\xeb\xb0Hv\x08\x8a\x8a\xb8f\xdf\xfa\xce\xd2\xaa\x7f\xf93\xd77\x1e\xe7\xec\xfa\x9a\x17\x13c\xb1\xa6\xac\xff\xccp\xc7\x91\xba\x89=\xb1\xdc\xa7?\x01\xa7\xaf82L9\xad\xc6l{\xe9\xb3\xfb\x13g\xaf9\xc9\xab\t\xb8\xf9\xa8g\x89\xf2\xca\x8eB9Y\xaa\x8d#\xa2\x05;/\xd9Z\x8b\xd6r\xf8\x196\xc6\x98\x17\xe8O\xc0\x11\x8b\xcaVc\xa2o\xe21\xcb?\xf2j\x02&amp;\xca\xdah\xe8f\xbf?\xf3K\x0b$\xfah-\xa7\xd9\xc8gd\x07\xe2r\xc5[\xce\x95\x1d\x02c\xae\x94\xb8H_q\x85\xa5\xd3\x99}\xcf\xea\xca\x975}\xd3\xaf\xdc\xf3\xbbw\x13p\xc0\x89VaC\x86\xb1\x88\xdc\xder\xd4\xc1\xe7p\x04I\xd7\\v\x04\xcc9\x85\x9b&gt;"\xb4\x03*\xa53\x01/z\xf9\xa7\x88eU\xec\xbcX\x9b\xf8\xe1\xa7\xbf!J\xf5[\xd8\x02\xb7\x1euo7Z\xe6\xf0\x15\xf7\x06\xefn\xc7\xaf\xe3\xf4\x1d^\xf8\x16\x88\xdd\x7f\xb1\xfb\x92\x03c\x9e\x96,L\x8e\xfc\x05\xe8=sO\x85N\x8fW\xe8\xb4\x98\xf2v\xd5QZ\xe5\xa2\xcdg\x1d\xbc\x04\xa2&lt;D\xb4`\xe7\xa5\xb0\x87\xbf\xc9\xf5\xc4\x97\xb7\xde\x83\xbf\x02\xad\xc6n\xb3\xf63\x19cD\x94\xaf{\xd0\x8f/\x00\x07\xbf7\x93\x98\xf9t\x84qR\x1e\x01\xf4\xac\xa7]&gt;|R\x98\x1c\x99\xbd\xe6$"\xa2\x94\xc5\x03\x10\xae\x00\x00 \x00IDAT\x8d&gt;\xbb\xad\xf3\x14t\x80"\xa1J^\xf5\xd6\x1f:\x8bX\xb0\xf3\x12Q)\xe3U3\xc6\xecW\xa9\xcb\x12\xbf\xbf\xf8\xf5\xf5\x91\xe5\xac=Yv\x08L!a\x0fR}\x8a\x86\xbf\x05\xdah\xe1\x93\xd7}\xa2\xb7\x88$uM\xd4\xcb\x18c\x8c)/E\x83\xa09\xb2P\x93G\xcc\x96X\xd9\xf7\xbf\xa7\x8f\xfc\x17\xb4\xf0a\x8b\xde\x13\x12;S\x03\x0f\xb7\xc0\x18ca\xfd\x05P\xe66\t?\x8ft\xf8k^\xd5\x1e+\x82\x9f\x7f\x0eq)\x8a\xb10b\n\xf5\x96\x1d\x82\xbd\x12\xc9\x0e\x80\xe9\xf2\xe2\xa7\xfc(:3,5\x11\xfd\xfe[\xc2\xcfc\xd26\xfb\xe2\x1f\xa3\x85\xe9\xe9+\x92\\\xba\xf8\xfd\xd9\x04\x9f^\xbe|\x99.\xed0Z\x1f3\xe4\xf1W.\x03\xa0\\\x9dd\x07"N\xb2z\xf7\xce=\';\x08\xc6\x18\x13j\xf5\xbe\xeb\x94&lt;\xf0D4%\xaae\xbdd\xed\xa5\xa2&gt;g\x81\x8d\x87n\x13\xa5\xb2^2\x8b\xa4\x02\xa5\xb1}\x185\xe6e\'o\x02\xc0\xe3\xaf\\\x96\x1d\x08c^v\x1d \xa2\xbc\xf5\x1f\xbc\x1a\x97)\x8f]CL\xa1^\x16\x8b\x9d\xb5\xf5\xec\xfdt\x9eD\xf2;\'\x18c\x86\x95l=\xff\xf5\xaf\\t\xae\x95\xcf\xe13\xf7\xa9\xeb\xf7\xae\xdf\x1c\xb5&amp;\xbf\xf8)(q\x9d\xccU\xc7v\x9b\xb1\xcb\xc2qpe\xffc\xdf\xfc\rg\x08\t\x951\xc6\x82\x13x\xf7\x8ap=\x1f\xd9MTIv\x14\xcc\x15\x12\xc7\xfd\xa7\xb8/\x83\xe6\xa97\xd5P\x11O\xbd\xff\xaf\x7f\x02\xcePq\x94\xf0(\x19c\xe6\xcd\xdb~A\xd9te\xce\xb27~U\xf8\x17U\x97\x1d\x80wd\xac&lt;Zv\x08\xc2\x84\x7f\xc0w\xd7\xd7\xf7\x93\xe8\xc2\x17\x7f\xd0[h\xbe\xeev\xdcS\xcd\x98R&lt;\xd0\xb0\x8b\xc9\x0e@\x98\xb9\xcf\x9f\xbf\x03|\xfd?\xd7\xaf\x12\x16\xd1\xac\xad\t\xef\xedu\xa5\xcb\x91\xb3c\xe1\xdd\xdf\xc6&amp;\xd1\xb1+\x8e\x12\x11Q\xe5DE\xfa\x10U\xa0\x98Z\x94\xa86\x11Q\x966w\xfdr\xedG\xbfA\x1b\x05\xfa\xf8\r\x0cy\xec\xdd%\xaf\xfd\x9c\xad\xfa\x04\xdb\x7f\x89\x08\x00V\xbc\x19\xe4.q\x81&amp;\xad=ek\xf9\x0e*mj\xaeT\x00\x88r\x08\x8eE(#\xbb\x8c\xc9\xec\r\x85\xe9\x07\xe0\xba\xfbw\x88\xbc\xc4\xca\xfei\x94\x1c\xb7\xfd\xa7\xe77\xa6n\x92\xb9\xea\xd8\xb8?bV\xbc\x19\xfe%\x0b\x000`\xde\x01\xc5;\xd9\xa0\x00\xfc\x1a\x05+]"7\x9c\x11\xa9\xac|\x84,\x18w\xad\xb3^\x8f\xec\x16\xf2\x9c\x89\xb2Lo\xea#\x16\xbfoh\xde\x0f\x7f\xc3yW\xadz\xeb"&amp;`\xd9\x01\x9a\xe4\xde\xc8\xdd\xc2\r\xcd#-\x80\x96\xa3%&lt;p&lt;l\xd1a\x01\xa5(\xbf|\xed\x92\xf0\x87\x03\xa0\x0c-\xa5\x04\xc3\xb4M\xdd\xe8k\xa7\xdf\xfb\x19\x00\xea\r\\O\x05z\xea\x9e)g\xe8\xafrx\xf5\x88\xeaV\xa8c\xdf\xf9\x07e\x87\xc6\x98+}s\xcfr_\xa1m\x84+w\xff."\x1e\xd7\xa92d\xe1\xa1\xa8\xdd\xffP\x8d\n\xfb\xda*\xc4\xc0\x18s\x05\x01}\xc5o\xd1\xdd\xe3\x14i6\x13\x00QA\xd9\x81D\x8f\xcc\xb2\x03\x08\xc7J\x02\x8e\xe6\xed\x88yX\xf6\x9a\x13e\x87\xa0\xa2#WE\xa4N\xde\xe5\x07@\xc9\x1b\xc8\x8eB]\x9ek\x1e\xe5\xc2|gzsHYj\xb0\xe7\x16\x14\xb3\xa8\xaa\xec\x00\x04\xe0\x04\x11\xca\xd6\xa3\x02\x13pb9\xc3\xce}|]\x91U\x9bn\xfe\x0b\x17e\xc7\xa0(\x8fm~\xe1\x7f\x0e\x80\xc6\xc3\xb6\x98(6k\xf5\xf1~%\x97\xf2\xd8Bc\x86\x94h9\xd7\xe6\xbc\x95\x94(\x83m\x85\xdf\xa7\xfd\x8ai\x1bO;P\x97\x1b\x95\xeb\xb8\xc8j\x11\x99\xab\x8e\x05\xf0\xe9-9\xfd\x85"\xfdT\xad&gt;k\x14\x89DI)e\x07\x10J\x12\xed\x9f\'\xdf\xfe{\xdc\x13\x1f\xcb\r\xa5z\xcf\'\x00\x10e%"\xa2\x92\xa1\x9a\xd3\xc8\xa5\x1f&lt;\xfe\xca\xe5\x95\xbb\x7f_\xb6\xeb\xea\xf27~]\xb9\xfb\xf7\x95\xbb\x7f\x7f\xfex\xec\xfdP;?\x01eh\xe1d\xd8\xcc\x0eU\xbb/\xb7\xb5?\xc9[\x7f\x9a3\xaf\xc7\x00\xf0\xfe\xcf\xe2\x7f\xc8-`\xfc\xaa\xe3\xc2\x8bu+\x00\x07\xbf\x8f\xea\x04\xccBq\xc5\nR\xe1,Y\xa7)/\x87\x8f\xe1\x9b{\xb1Y6\xe23\xb9\xb9\xeaLq,l\xe6J)\x1b9PI\xc4&amp;m^\xfa\x16&lt;\xcc\xdf}\x006\xbf\xa7\xeb\xe5\xa26\xae\x12\x16(\x93\xec\x00\x88\x92\xd6S~u\x97\x94\x1d@\xac\xfa\x037$\\V\xc3\xfd\x1eP\xd6\x8c\\r\x84\xa8\x18Qj\xca\xd2\xf6r\xe8\x1c\xac\xc4\xdag\xea\xca/;\x00&amp;\x8e\xceN\xf6\x89=\xd7\x00\xac\x7f\xe7\x96\xff\x8cV:\xe8\x98B\xbdM\xcf\xcb\x1c\xa0\xc2\x91e&lt;I\xebQ\xea\xfb/L-\xdb~\xa1/&lt;\x00\x1f\xfdfG\xa8\x95L/\x81\x91K?\x08\x96Y\xe3\x19\xbd\xec\xc3\xa0\t\xb8\xc1\xa0\x8d\x96#g\x8c\x00d\xae26\xf2t,\x9c&lt;\xb2\x03\x08Ag\x07=~\xd5q\xb5\xfa\xf1h\x96\xb3\x13e\xef\xa0s\xda\xc3\x97\x15K\xc0\t\xf8\'\xad7\xcf\xa8\x12j\xb3\x11\xcf\x04M\xab9jMJ8\xf1\xe8e\x1f\x01\x180\xef \x11\xed8\x15;\xe5\xdf\x80g\x06\xafv\xa9^\x8f\xecVn\x07\xd48\x00\x94\xa7\xab\xec(\x98=B5\xd0\x80\x0f=\xd0\x8e=\x03\xc0Y\xdd\xeb"Y\x89\x01\x8a\xaf\xb8\xf8\x07\x97y\x8d\xcc\x9a\xdc\xae\x98\xe2G\xb5\xff"N\xfd\x89W\xbf\xc0\xb4M_\x10U\x88\x9b\xa4J\x98\x93\xe7\x05\x1a\xcd\xf0\xcd&gt;\xf0\xd1\xb7)S\xeb\xe6\xa3\x9e\xa5\x14\r\xec\x0b\x98\x05\x05\xa0|\xa7\xc7eGa\t\x80d\xc5\x07\xc8\x8e"\xfa\x84\x7fa\x99@Aof\x03\xd0~\xd2Ng\x02`\x86\xb4\x1a\xbb\xed\x93\xbf\x9c\xcb\xa9\x107\xb4g\xa87\xeb\x85:\xbb\x1bA\x8e\x8e\x02b\na\xcb{\xffh!\x8dXr\x84(\x7f\xa5.K+tz\xbcd\xebyT\xa0\x07Q\x1a\xa2,D\xa5\xc3\xdf\xc5\xdaa\xf2K\xaf}\x19x\x00\xddg\xd6[D\x85\xed\x0b\x9b%4b\xf1\xfb\xb2C`.$\xf7\xc0\x05\xc0\xd0\xc7\xde\xa5\xe4\r\x14?~bA\t\\k\x00\xb6\x1e\x15UZ\xf0\xfb\x92\x94;\xbfR\xa0\xc7\xb2]W\x89J\x13\x15"*\x11\xef\xabt\xcd\x89*\x12\x95\xce]wJ\x88\x87\xbb\x02^\x18\x977 \x07\xaf\x7f\xfbo\xbf\xc3h\x16\xa5:O}E\xad6\xcf\xfc\xf5\x9e\xb9G\x95\xd5c\xe7q\x86\x15\xfb\xce\xab\xb1|\x94\xb4\xe7\xac\xc8\x04\x9c\xa1\xd2(Q\xa5\xa9/\xa6P\xaf\xd0;\x04U\x88\xb2\x13\x11%\xadW\xb1\xf3\x12\x1d\x85\xe5\xa4\xec\x1d\x12^H\x9e\xb3\xed\x9c\xd0\x90\x99\xfb(\xb7\xd3\xc9\x02\xac\xdcsMv\x08J\x9b\xb7\xfd\x82\xec\x10\xa2B\xad&gt;kd\x87\xe0\x9cl\xd5\'\xc4\xf5\x8c\x81\x17\x98[\x8f}\xbe\xfd\xa4\x17\xb5\xffO\\}\xf2\xc4\xcdP\xbdg\x1a\xbf\xff6M_ad\xc2\x04\x0c\xe0GI\x9d\xef\x0f\xdc\xe9\xab\x81\x130c\x8c\xdd\xf7\xc5?\xbeK\xd1U\xfc?o0x#\x80[\xb1Wp\r\xa8\xd3o\xdd\xf4\xcd\t\xae\x03#x-\x0ext\xe7%\xee\xf4\x19c\x8c)%W\xfc\xd4\x18\x8f\xf6\xe1+\xa7C\xa5\xae\x80wC\x15\xbf\xff\xdf\x02=Ce_)\x07@\x8f\xbd\xf4#\'`\xc6\xa2L\xfe\x1e\xb2#\x90c\xf4\xb2\x8fd\x87\xe0U\x95\xc4&amp;\xb0\xdd\xdf\x06\xe4\xc5x\xa3\x14\x01\xf8\xdb@]~\xe7\xae3\xb5R*\x013\xc6\xa2\x8b:\x1d\x8d\xf3a\xa8\xf3\xdbm \xf3\x95\xc0\xda\x82}\xe1\x84\xc8\x1b\xcd\xfc\xe5\xad?\xadT\x9b\xf9\x86J(\xdc\xf4\x11\xa22D\x94\xaa\xf4\x90\xb8\xd79\xc4\x9e\xbbV3\x01\x97\xef\xb8\x88(\xb7\xc4\x00\x18c\x8e\xc8\x1b\xcd\xc3\xb8\x94\x92\x1d\x80x\x12\x93\xc7\x97\xff\x82R6\x12\x1b\xc0\xa8`cI\xbe\xf8\x89\xaf\xfc\xdcO\x1f\xf9/b!\xe3\x9f\xf8x\xd1\xcb?\xed\xbf\x18;{\xed~k\x892~\xfd\xbfp\xd9\xf7d\xc8\xdb\xb8\x9c\xf0\xf2\xe7^\xdd5dJ\xe8:\xed\xf5!\x0b\x0f\xc9\x8e"\xea\x05\xf4\x95\xbe\xffw\x9b\xfe:Q\x8c\xa4\xa0\xa2\xda\x05\xdd\xef\xed\x08J\xea\xd1[\t\xa2\xaa}f\xef\x15[{\xb8\xc3\xd3\x14\r\xb5\xffW\xed\xbe&lt;|!\r\x87l\n\x98\xfd\xdfp\xc97\xd6\x0b\'\xa5e\xc1\xa5\xbb\xae\xca\xaa\x9aE\x87\x9a\xb2\x03p\x83\x1a\xbdW9S\xd1\xfd~-I]gjd\x01\x83.5\x18\xb4A[\x05_\xfek\xbe\xdf\x8f]\x89\x82\xc6\xc6\xd2/E\xa9A\xad\xc6n\xb3\xa3\xe4?Bd\xc7C?b\xea\xfa\xcf|\x7f&gt;\x11\xf6\xb1@\xdf\xb0\xc3F\xd9\xf1\x8bt\n}[\x19\x8bF\xd2\x1b\xa4\xf7\x8dX|$\xc47Y\xed\xaeZ\x85\x1e\x87\x88J\xb5\x99O\x89\xeb\xc8\x8dA\x16A\xab\xc0\x89\xb7\x88;I\x7f\xb2\xac\xdcmY\xd0\x12\xbaN{\xcd\\\xf6\x05\xa0\xce\xdb\x18\x1d\xf6\xc1\xaf\n\xbd{\x83\x11\x11Q\x06\xe9\xfd\xb3\xea\x00\x9c\xfcS\xf82\xca\x1b\xef\xd9\t\xa1\x94Z\xa3\xab\xf7^Wa\'@\x16\xed\xb7g\xa96\xce\xdc\xbc\x87/{r\xb9e\xd1\x9f,\xef\x01A\x07\x16\xf6M\xf0\xce\x0fx\xffg\xa3\t\xb8\xb2\xf3\xbfY\x05\x00\x12\x17\xed+;\nW\xb2\xaf\x13+\xd0h\x86\x1d\xc5z\x84o\xa3}\xe6\xc3{\xb2c\xd1\xa5b\xe7\xc5\xaae\xbb(O\xc0\xdb&gt;6\xf3\xdb\x0b6~\xc8\xbb\x0b-\xa7\xb1\x84\t\xfc\x14\xb0(\n\xf6\x02\xd0h\xc8f""\x8a1Z\x9a\xff\xdb\x91\xa3F\x94\x1e\xf4\x0b\x926\xb6\xe5D&gt;\x93Wz\xb7\xc1!i\xab\xf7\\i:,\xef\xfb\xe1\xfe^\xb3\xf2\xd24M^b\x00\xa5k.;\x8e@\x7f\x00\xa7\xef*\xb2\x00\xf3G\x9eD(\xd3-\xe7\xb5/\x15Ybv\x08|Y\x82\xae\xac\xe9\xa7Z\x8f\x95\x0f?\xfd\r\xa5j\xac\xfdi\xbc\xa8\xd2\xc1\xa2\xf2\xb2~s\xf7\xcb\x0e\xc1\xdd\xf4g\x01\xd7\xe4\x8bhs\xca\xe6\xf7\xd9\xa9\xba\xe2c\x07&lt;:|ENl\xbe\xb7\x1a\xa4+?B\xd5Ed\x972\xed\x16(\xf9{M%\xe0\xa4\xf5\xfcJ\xc8\xb4\xe7,fl\xfe\x8a\xa8:\x11M\xdb\xf4\x85\xc1\x04\x9cS\xd6/g\nz\xe8\xa9\xafuL\xe5\xc1\x87\x1b\x99a[\xde\x0f\xf54K\x155\xb3K\xfc\x8eO\xa7$S7|.&gt;\x94\xccm\xd4\\D6\xca\xdeAv\x04\xc1\x99H\xc0\xfe\xc3t\xe4\xaa\xf3\x80\xf6a\xd6j\xe3\x89\xb2\xc6\x14\xeam,\x01\'\x15\xf9P@t\xb5(\xc6\x9c\x01\x802\xb6\x92\x1dE&lt;\xfe\xf9c\xee\xf3\xe7}\x9f\xdf\x05\xbe7\x9c\xe4\x1cb*\x013\x8f3\x9a}\xf7&amp;x\x0f\xe6\xf27~\x050\xfc\xf1\xf7\x8e\\E\xdb\t/\x10e\xa5t\xcd\x88h\xc1\xceK\xbar\xb0H\x85}?*Q\xe1&gt;BKVT\xf2\x12\x03\x88\xd2\xca\x8e\x82y\xcb\xc45\'\xfd\xff\x04@\x94AR,\xc1mx\xe7\x96\xaf\xef\x00\xb0\xe9\xdd;\xbe\xff\xdfR5\xc3q\xf6e\t\x19\xca\xbe\x7f\x85h&lt;y\xeaM\x9d\xb1\xe5+m\x9a\xb4\xe5\x87\xfb&gt;\xbfe!\x01\x17o9G\xfc\xafe,\xba\xe4MSn\x98\xf5Rd\x0e\xbd\x1bQ\xdar\xf7{\x9c\x98B\xbd\x0f\\\x8c\xd7\xad\x0c\x98w\xd0\xf97\xaf\x05J\xd5\x98\xe2\x86+\x92\x1c\x89{D\xc7\xb2J\x13&gt;;\xd6\xee\xb7\xf6&lt;p\x11\x086rr\xc1\xccU\xc6\xfa\xff]\xb6\xfdc\x00(_w\xff\x0f\xc3\x97\xff\xf5\xffB-\xe4D\xda\x04I\x8a\xf6\x13\xf7c]\x8a/\x933\xa9\\\xd4\x15\xae\x7f\xfb\xef1+\x8e\xca\x8e"\xb8\xa2\xcdg\x01 \xaa!;\x10w\xf8\xdd\x9eV7y\xed)\xa5\xdas\xbf9\xfb\xbe\xfc\x17\xd7\x82e\xc7H\xef{\xa8IT)\xee\xff%BM\x14\xf0\xaa%\x7f\xbf\x01\x19*\x8e\n:\x976\xc1W\xffE8J\x8e\x06\x00\x14|\x9e\x82]\x02\xea\xf4[+;\nG$\xdc\x02\xbf\xf8\'\xaa\xb7I\x03\xfcnr\x99\xfb\xfcy\xcf\xf4e\x9e\xf9!\xea\xd8{.0AF\x9a#}\xdc\x7f\x92\xdd\x06\xaa\x04\x1b\'+K\xb5q\xa1\xb2o\xab\xb1\xdb\x88\xaa\x89\xfd\t\x06e\x90Z\xbb%\xdc\xfe\xa5\x8b\xdbF\xca\xc9\x0eD\x06\xb5\xdb_\xc8\xa3\x01g\xf4\x9b\xb3/\xe0\x93\xef\x01"\n?\x9c/\x8br7\xe2\'\xc8\xb1+\x8f\xc5~\x91\xb5m\x98\xa7u[\x8c\xde\x1a$a\xa7l\xb4\xf9\xf0\xdda\x8b\x0e\x87&lt;\xf8U`\xfb\x9d\xbc\xee\x13\xd9!X!\xb9\x93</t>
        </is>
      </c>
      <c r="E296" t="inlineStr">
        <is>
          <t>&lt;class 'numpy.ndarray'&gt;</t>
        </is>
      </c>
    </row>
    <row r="297">
      <c r="A297" s="1" t="n">
        <v>295</v>
      </c>
      <c r="B297" t="inlineStr">
        <is>
          <t>steps_per_sec</t>
        </is>
      </c>
      <c r="C297" t="n">
        <v>4300</v>
      </c>
      <c r="D297" t="inlineStr">
        <is>
          <t>5.297871</t>
        </is>
      </c>
      <c r="E297" t="inlineStr">
        <is>
          <t>&lt;class 'numpy.ndarray'&gt;</t>
        </is>
      </c>
    </row>
    <row r="298">
      <c r="A298" s="1" t="n">
        <v>296</v>
      </c>
      <c r="B298" t="inlineStr">
        <is>
          <t>Loss/localization_loss</t>
        </is>
      </c>
      <c r="C298" t="n">
        <v>4300</v>
      </c>
      <c r="D298" t="inlineStr">
        <is>
          <t>0.005375506</t>
        </is>
      </c>
      <c r="E298" t="inlineStr">
        <is>
          <t>&lt;class 'numpy.ndarray'&gt;</t>
        </is>
      </c>
    </row>
    <row r="299">
      <c r="A299" s="1" t="n">
        <v>297</v>
      </c>
      <c r="B299" t="inlineStr">
        <is>
          <t>Loss/classification_loss</t>
        </is>
      </c>
      <c r="C299" t="n">
        <v>4300</v>
      </c>
      <c r="D299" t="inlineStr">
        <is>
          <t>0.13735323</t>
        </is>
      </c>
      <c r="E299" t="inlineStr">
        <is>
          <t>&lt;class 'numpy.ndarray'&gt;</t>
        </is>
      </c>
    </row>
    <row r="300">
      <c r="A300" s="1" t="n">
        <v>298</v>
      </c>
      <c r="B300" t="inlineStr">
        <is>
          <t>Loss/regularization_loss</t>
        </is>
      </c>
      <c r="C300" t="n">
        <v>4300</v>
      </c>
      <c r="D300" t="inlineStr">
        <is>
          <t>0.035556115</t>
        </is>
      </c>
      <c r="E300" t="inlineStr">
        <is>
          <t>&lt;class 'numpy.ndarray'&gt;</t>
        </is>
      </c>
    </row>
    <row r="301">
      <c r="A301" s="1" t="n">
        <v>299</v>
      </c>
      <c r="B301" t="inlineStr">
        <is>
          <t>Loss/total_loss</t>
        </is>
      </c>
      <c r="C301" t="n">
        <v>4300</v>
      </c>
      <c r="D301" t="inlineStr">
        <is>
          <t>0.17828485</t>
        </is>
      </c>
      <c r="E301" t="inlineStr">
        <is>
          <t>&lt;class 'numpy.ndarray'&gt;</t>
        </is>
      </c>
    </row>
    <row r="302">
      <c r="A302" s="1" t="n">
        <v>300</v>
      </c>
      <c r="B302" t="inlineStr">
        <is>
          <t>learning_rate</t>
        </is>
      </c>
      <c r="C302" t="n">
        <v>4300</v>
      </c>
      <c r="D302" t="inlineStr">
        <is>
          <t>0.07999277</t>
        </is>
      </c>
      <c r="E302" t="inlineStr">
        <is>
          <t>&lt;class 'numpy.ndarray'&gt;</t>
        </is>
      </c>
    </row>
    <row r="303">
      <c r="A303" s="1" t="n">
        <v>301</v>
      </c>
      <c r="B303" t="inlineStr">
        <is>
          <t>train_input_images</t>
        </is>
      </c>
      <c r="C303" t="n">
        <v>4300</v>
      </c>
      <c r="D303" t="inlineStr">
        <is>
          <t>[b'640' b'640'
 b'\x89PNG\r\n\x1a\n\x00\x00\x00\rIHDR\x00\x00\x02\x80\x00\x00\x02\x80\x08\x02\x00\x00\x00\x83\xaf^t\x00\x00\x07\xedIDATx\x9c\xed\xdd\xcbk\\e\x18\x07\xe0\x93\xd8"\x89\x8a\xb5\x94\x08\xb5vSo1\xa0B\xa0\x1a\xb4H\x91\n%\x8a\xa2\x14\xc1\x0b\x05\r\x95\x8a\xd5\xaa\x15q\xd1\x85h7U\xab\xe0B\x17A\xbc\x80\x17\\\x88\x8a\x0b\x11A\xbcQw.\xfa\x0f\x14AP\x17.\x94"T\xfc\\\x8c\x1d\xcc\x99\x8b\xdf\x99s\x9fy\x9eMNN\xde\xf3~\xef\xee\x97\xef\xcc\xcc\x99$\x89v\xe0\xe5\xe3\xf1\xc51B\x08\xf1\x05!\x84\xd4\xafY\xbb\x01\x00}HP\x00h\x8cu;\xea\x9e\x00\x00\x18\xe8\xd2\xba\x07\x00\x80\xfa\xdc\xf2\xe8\xbb\xb5\xac{\xf3\xfe7kY\x17\x00Z\xcfk\xc0\x00\xd0&gt;\xf2\x1b\x00\xd6\x10\x8d\x00P\x8a\xd4\x87t\x01\x80I\xe1?\x00\x00&amp;B\'\xf0\xc4\x1e\x00\x00\x00\x00\x00\r\xf7\xa3[\xd9\x00\x00\x00\x00\x00\x00\x00\xed\xe5\xf3K\x00\x00\x004\xc3\xff\xeeP{\x0b.\\z&lt;uf\xf9\xc0;E\xce\x04\x004\x81\xfb\xd8\x00\x00\x00\x00\x00\x00\x00\x99\xc5\xbf\xd4z\xfb\x13\x1f\xe4]e\xc3\xee\x91;\x00\x00Q.\xba\xe1\xc9\xeeq\x08!I\xe6#\xc3\xde\xdb\xaf\x00\x98([K\xed\x9e3V\xa52\x00\x13\xe4\xe2\x1b\x9f\xca\xdf$&amp;;\xdf\xf8\xe6\xaf\xfc\x0b\x01@\xfb\xec\\Y-\xbcg\'z\xf3o^\xbf\xff\xcd\xf6\x17\x80\xb10w\xed\xc1\xb2\x97(*}\x01\x80X\x0f\xbd\xf8mL\x99x\x06`\x0cE\xc6\xdb\xa9\x06\xa7\xa0\x84\x06`|l\xda\xfeH\xdd#\x00\x00\xffQ\xde\x8e\xb3og\x1b\\\x00\x18\xe6d\xf6\xa4\x0c!$\xc9B\xfe\xa5\xdf&gt;.\xa4\x01\x18\x0f[\xf6\xc4Tm\xdbu8g\x87\xe1l\x7f\x01\x00\x00\xa8\xde\xd6\xbb\x8a\xed\x97gw\xbbq\xf1\xe1\x02\'\x01\x80z\x84\x10\xd6\xc4\xe1\xb9\xbbJZ%I\x92$\xd9\xd2=\xf3\x87;\xcc\x00\xd0\x95\xcec\x00\xa0\x12\xe7d}H\xe4\xe6\xeb\x0feZ`\x84\x80_\xdcslx\xc1\xdd\x87?\xcd\xda\x13\x00\x1a\xe4\xc1\xe7\xbfn\xec\x0ex\xd0\x03,\x1b;0\x00\xe4\xd2M\xb8\xde\xa8+$\xfcz\x9a\xcc\xe4\xef\t\x00\xadw\xdf3\x9f\xa5\xce\x8c\x94\xbb\xdb3U\xc7/a\x07\x0c@\xbb\xad\xbflod\xe5\xe8_&amp;\xb8\xf9\xce\xf8Z\xc9\n\x00}\x8c\x10\x90_\xfe\x14u\x89\xe8\x05`\xd259\x0b\x9b&lt;\x1b\x00\xd4\xe3\xf4\x80t,&lt;5\xc50\x00\xe3nj)SyI\xef\x9a\x06\x80\xd6{\xeb\xbb\xbf;\x07\xa9h\x9c\xb9\xf2\x81\x98\xcb\xe7\xae{l\xd0_r\x8d\x15M\xa2\x030\x11\xfa\x06\x9e\x07X\x02@\xa4\xe9\xce\x8f\xfb\x8f|\x91\xe9\xb2c\x1f\xff\x92\xf4\xc4\xf0\xd4\xd4TQce"\xf5\x01\x18s!\x84\x17&gt;\xfa\xb9s\xdc\xc9\xe0An=\xf8^\xea\xc2\x12\xc7\xfa\xd7\x05\xe5/\x01\x00u\x8b\xbc\xe1\\\xcd}\xe93Kxz%\x00c\xa1\x13l7\xed{=u~z\xdb\xbd!\x84$Y\x8c\xb9&lt;\xbf}G\xbf*\xa4\x0f\x004\xd1\xda\xbc&lt;;c}\xd6\xfe\xfd\x1dz\xed\x87,-\xaf\x18a\x0c\x00\x18\x07U\xe6\x9f\xac\x05\x80\x94\xab2U\xbf\xf4\xc9\xaf\x9d\x03\x99\n\x00\x15\x99_~6\xbex\xe9\x9eW&gt;&lt;!\xa4\x01\x98\x0c\x7f\x8e\xfcU\x83E{z\xf5D\xb2n\xc7\xf0\x9a&amp;\xcc\t\x00\x95\xdb\xb0\xbb\xb8^\xb3\xa3}riv!\xea\xa9\x99\x00\xd0J\xbd\xd1x\xf5\x1dG\x8b\\`\xee\xb6\xbe\xab\x00\x00\xe5:\xf2\xfeI\x01\x0c\x00\xfd\x9d\x7f\xcd\xfe2\xda\xce.\xacH_\x00\x00\x00Jf\xeb\t\x00\x00\x00m`\x07\x0f@[L7;\xb46e\xaa&gt;]\xd2\x14\x00P\xb8\xca\x02\xb8\x82/\x06n\xf6?\x13\x000\xd4\xce\x95\xd5\xb5\'\xce\xabg\x8e3\xc4*\x00Td~\xf9\xb9\xbaG\x00\x80\x92\xf5n1_\xfd\xfc\xf7\xee\xf9j7\xa0\x97T\xb8\x16\x00\xd4g\xfd\xe5{\x87\xfe}\xa6{4\xe0E\xdc\xb3\n\x1fidnV\x03\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93\xe7\x1fl\x98\xb5fd\xd7\x15\x18\x00\x00\x00\x00IEND\xaeB`\x82']</t>
        </is>
      </c>
      <c r="E303" t="inlineStr">
        <is>
          <t>&lt;class 'numpy.ndarray'&gt;</t>
        </is>
      </c>
    </row>
    <row r="304">
      <c r="A304" s="1" t="n">
        <v>302</v>
      </c>
      <c r="B304" t="inlineStr">
        <is>
          <t>steps_per_sec</t>
        </is>
      </c>
      <c r="C304" t="n">
        <v>4400</v>
      </c>
      <c r="D304" t="inlineStr">
        <is>
          <t>5.300946</t>
        </is>
      </c>
      <c r="E304" t="inlineStr">
        <is>
          <t>&lt;class 'numpy.ndarray'&gt;</t>
        </is>
      </c>
    </row>
    <row r="305">
      <c r="A305" s="1" t="n">
        <v>303</v>
      </c>
      <c r="B305" t="inlineStr">
        <is>
          <t>Loss/localization_loss</t>
        </is>
      </c>
      <c r="C305" t="n">
        <v>4400</v>
      </c>
      <c r="D305" t="inlineStr">
        <is>
          <t>0.009008909</t>
        </is>
      </c>
      <c r="E305" t="inlineStr">
        <is>
          <t>&lt;class 'numpy.ndarray'&gt;</t>
        </is>
      </c>
    </row>
    <row r="306">
      <c r="A306" s="1" t="n">
        <v>304</v>
      </c>
      <c r="B306" t="inlineStr">
        <is>
          <t>Loss/classification_loss</t>
        </is>
      </c>
      <c r="C306" t="n">
        <v>4400</v>
      </c>
      <c r="D306" t="inlineStr">
        <is>
          <t>0.1570674</t>
        </is>
      </c>
      <c r="E306" t="inlineStr">
        <is>
          <t>&lt;class 'numpy.ndarray'&gt;</t>
        </is>
      </c>
    </row>
    <row r="307">
      <c r="A307" s="1" t="n">
        <v>305</v>
      </c>
      <c r="B307" t="inlineStr">
        <is>
          <t>Loss/regularization_loss</t>
        </is>
      </c>
      <c r="C307" t="n">
        <v>4400</v>
      </c>
      <c r="D307" t="inlineStr">
        <is>
          <t>0.03559624</t>
        </is>
      </c>
      <c r="E307" t="inlineStr">
        <is>
          <t>&lt;class 'numpy.ndarray'&gt;</t>
        </is>
      </c>
    </row>
    <row r="308">
      <c r="A308" s="1" t="n">
        <v>306</v>
      </c>
      <c r="B308" t="inlineStr">
        <is>
          <t>Loss/total_loss</t>
        </is>
      </c>
      <c r="C308" t="n">
        <v>4400</v>
      </c>
      <c r="D308" t="inlineStr">
        <is>
          <t>0.20167255</t>
        </is>
      </c>
      <c r="E308" t="inlineStr">
        <is>
          <t>&lt;class 'numpy.ndarray'&gt;</t>
        </is>
      </c>
    </row>
    <row r="309">
      <c r="A309" s="1" t="n">
        <v>307</v>
      </c>
      <c r="B309" t="inlineStr">
        <is>
          <t>learning_rate</t>
        </is>
      </c>
      <c r="C309" t="n">
        <v>4400</v>
      </c>
      <c r="D309" t="inlineStr">
        <is>
          <t>0.07999195</t>
        </is>
      </c>
      <c r="E309" t="inlineStr">
        <is>
          <t>&lt;class 'numpy.ndarray'&gt;</t>
        </is>
      </c>
    </row>
    <row r="310">
      <c r="A310" s="1" t="n">
        <v>308</v>
      </c>
      <c r="B310" t="inlineStr">
        <is>
          <t>train_input_images</t>
        </is>
      </c>
      <c r="C310" t="n">
        <v>4400</v>
      </c>
      <c r="D310" t="inlineStr">
        <is>
          <t>[b'640' b'640'
 b'\x89PNG\r\n\x1a\n\x00\x00\x00\rIHDR\x00\x00\x02\x80\x00\x00\x02\x80\x08\x02\x00\x00\x00\x83\xaf^t\x00\x00 \x00IDATx\x9c\xec\x9du@T\xd9\x17\xc7\x0f\xdd\r\xd2\xdd\x8d\x88\x80"\xa5\x80\x82\x82`\x11**"\x8a\xddbwwwwww\xac\xb1\xf6\x1ak\xac\xba\xe6\xea\xee\x9a\xbb\xea\xba\xee\xee\xf9\xfd\xf1f\x8673\xaf\xe7\xcd\x80\xfe\xfc\xfc\x03\xcc\xbc\xb8\xcc\xbc\xf7\xee\xbd\xe7\x9e\xf3\xfd\x02\x00\x00\x18\xc1W\n""\xe2\xa5?\x91\xfam\xe7\xc6`T\x9b\xf9\x08\x9eu\x06\x8a\xd9 \xed\xb8c\xcfp\xca\x8e_\xe9\xb7\xa8\x06\xe0)\xe6\x19+\x0b\xd6\x15\xdd\x00\xf19\xfe\x0c\x8f&lt;\xa6\xb9\xb4\xca\xf1\x15\xe3T^b\x1cD\xbd8\xd5\xea\x1d\x93?\x9da\x83\xe4\xb6\x8b\x10q\xfd%\xd6O\x8c+7\xff\x11\xedPb`\x8eR\x98\xb7#\xb6\x89-\x98\xc9\xb0\xcdO\x88\x88\x98\xd5c\x03\xe5\xee\xf3\x8f|\x00\x00\x00{\xd66\x11\xe7\xb2\x8d\xee\xc6\xba%\x00\x80^\xfc\xc4\xad\xbf\xd4-]\xc1ic\x8d\xf0\x13\xe2\xc9\xe7x\xfeM\xa5\xfa\xa2\x05\xe0D\xfbNT\xb3)\xed\'\x9e\x1c\xb9\xf6\x81w\xca`\x00-\x80(\xfa\xa3\x18(\xfc]\xab\xd5\\\xd0\xaa)N\x0b\xd5C\xfb\t\'\x10q\xed\x05\xfa\xef\xcf.S\xdf\xbf5\xe7\xe3\x19\x8a\xd0\xa6J\x8d\xbf\xda\x8e\xec\xc3xi}\x91\xec\xbfO&lt;m\xf5*\xba!\x95\x8e\x9es.Q\xf6C\x0f\x11\'o\x7f!\xd6Yl\xa3\xbb\x82~\x02\x00(&gt;\x85\\\x9a\x8au\n\x00(\x1as\x84\xb5O\x05\x80-\xd7d\xbd\xaf\r\xf3\x96\x03\x96\xdc|\x8b\xe8\x9a\xd8\x0f\xc0\x99~+\xad\xceS\xcf&lt;F\xcc\xea\xb1^\xe9-W\xe2\xc7\xe0\xe5\xb7\xad\xaaubkW\rD\x04\x88f\xdb\x0c\x00\xe0\x01\xa2yx\x07\xa7Z\xbd\xb9l\xacI\xdaO&lt;\xd9|\xc8\x1e\x8d\x9c\x8a}L\xc3\x97\xf6\x13NZGu\x06\xa8F\xb7\x81g\x83nk\xab6\x9e\xd4g\xfe\xd5\xba\x1dy\x8e}\x1crZ\x0e\xdb\xafj\x03\xd5\x8d^\x02\xc3\x9b\x1e\xb5\x07\x80v\x1c\x80\x8e\xc6\x9a\xf3\x7f\x8a\xa8\xcfD\xd50\xbc\xcb\xf6&lt;5\tm\x07\x10*\xfdK\x17\xc0\x07 Ly\xb3\xb4\xd2\xe5\xbf#\x02D}}c\x0b\x151\x0c,\xa2\xea\xb4\xfc\x01tA\xa7\x16\x80\xbb\xd0\x03k)\xfc\xed\x92\xd0\x97j3\xb9\xa8\x83Ud\xa7\xf9G&gt; \xa2\xf0\xd9\x82m&amp;\xeb\x06\x1c\xa7\xbf\x00\xe0WoXP\x83\xd1`\x98\x0cvY\xcc[\xee\xba\x83\x8b\x8e\xfd\xc5\xabm\x99\xdd\xd7\x01\x04\xcao\x11\xcb\xda$\x00\x00\xd0&gt;\xf6\x0cszo\xe2\xb6\xb1(\xd4\xe0\xbc\xa5\xa7U$\xebP\x83\x82\xb8\x96s\xf8\xed\xe0\xdcX\xc0Y\x18a\xfb\x1f\x8d\x82\xdb\x12\x97uX\xf6\xf8\'\x88\xe0\x99/v\x0bTAW\xdd\'\xf8\x8c\xd8a\xe2Iu\x9f\xe5\x1b\x95\x8a\x89[\x7fax\x97\xe8&lt;t}\x0b\xa5/\x04\xf8\xd5\x1b\xbe\xf6&lt;\xfe\xc3\xe1\xd9\xfa\r)\xee`]_\xe9E\xc7.\xd3\xce\xee\xfd\t\x8d\x83\x8b\x85\x1eV`&lt;\xbf\xd3\x943\x88\x08fiB\xcfK&amp;\x04\x11\xa3\xf3\xe4\x82\xed\xd3v\xbf\x94\xf6\xbe\xb6\x1c\x8e`\x0e`\x02\x10\x04\x10\xc2\xbc\xdd\x885\xf79\x1c\xcdp\xec\xc6\xc7\xa4?\x03@;\x8e~\xe3P\xfa\xb7\xc0,\xac\xbd\xfc\xa1*\x10s\x80H\x15\x0f\x11\x9d7\xbdY\xff\xed\xa2\xb4F\x9dhI\xbah\xdf\xbaCS\xdb/\xa3\xdb*\xb2\xc9\xa4V#\x0e8\xc7\xf7\x11p\x02\x81\r\x03\xe3\x9b\xff`H\xd6\x18\xa1\xbbs\xc1Oz\xdb\x18\x83\x07y\xe4QQ\x13b\x86\x90\xd47\xd4\x81\xa5t\x16\xe2Gz\xd1\x11l\xc8\x9d\x87k\xd9\xa2\xeb\xff "\xa2\xaeoK\x8d\xb6\xee\x8b\x86*\xe61q\xeb/\x888|\xf5=\xcd6\xc5\x00\xc0D\xf0\xce\x91M\'+\xbc\x82\x88\x1f\xe5Gc\xa4\xe9\xaf\x1f\x00\x18\x07\x17\xa7vXFs&lt;S\x1e\xa7n";\xb5%\xeb\xc6\xfb\xee\x957\xc9\xb3\xce A]i(\x80\x03\xff\xbd\xd4\x80C\x0e\x80\x0f\xe3\x16\x8a\x8f\xe8\xef\xdf\xe0\xc8\xb5\x0f\x14^\x8ck9[\xd4f\x95\x13\x96=NMG\xa6\xe0\x99\xf4\xf2\x9as\xe0\x1d\x80\xa3\xa6N\x1bt\xf4\tN\xde!\xd6\x8a\x91R\x12\x90]VP\x83\xd1\xc6\xc1m\'m{\x0e\xe0g\x1c\\\x0cN\x8d\xa4\xefy\x8btR\x9eTi(m\x1b[\xc8\xebk\xc3B\x1d\x07\xb5\x8f\xedQ\xfe\x91\xd2\xa1-\x1f\x96\xd4\x8dW\xde@\xf6x\xd5\x0fh-b\xf3\x84\x91\xd0f\xbew\xea\xe0\x8an\x85P\xac3\x10\x11\x9c\x9bh\xf2\x9c-\x87\xed\xdb\x7f\x1f\xfd\xea\r\xe3\xbf\xab\x11\xd7\xb1\xb8k\xb3.\xd3\xce\x16\x8d&gt;B\xfc\x85\x88\x83\x97\xdd\xe6\x7f:eL"\x1aM\xf0\xad;\x94\x7f\xd0\xdeO\x16yn\xd4g\xb3\x18-\xe1H\x15\x91\x8e\xe3\x04\xae\xcd\x18\xde\xd6\xf2j.\xf7\xb7M\x03D\x8cj6\x85\xdb\xc1m\x01\xb4\xc1\xad\x19\x000F\x0bh\xd1\xf3ou\xe8\xa1\xa6\xe2aa\xd9\xe3\x91\xc4\xfc\xc3\xef\x95\xb3\xb1\xd4\x83s\x93~[\x13\xdb,P\xe1\x08^\xa0U38st\\\xe1\x1c\x8aLo\x9b\x06\x97\xffD\xd3\xb0\x12-\xaf\x02M\xe5\x813\xaf\xf0;\x83]\xa6_\xdda\x00\xc0\x1a\x9b\xfa\xea\xe09\xee\xb6m@\xf3FU\xf9?\xc3\x01\xaa\xf39\xaeSX\xcex\xa5\x17}\xfeFD\xc4\x846\xf3\xf9\x1cJ]\x98\x85\xb5\xaf\xe8&amp;\xa8\x84e\xd5\x8e\xaa\x1d@\xdf"\xa2\xb4q\xdf-\xdcw\x88\xca\x9d\x8a\x88\x8f\x10\xb9$"T\x89\xe9\xde\xb4l\x1b\xf1\xbbU\xb5N\x9d\xa6\x9c\x11\xd0\xc4\x0f\x88\xfd\x16\xfc\x00\x00\xb3\xf6\xbdQ9\xa8[\rl\xe8\xaev\x8ep\x9c\xfd\xeb\x92g\xe7\x83\x96\xdd\x020S\xed\xbc\xaaP5\xad\xc3r\x86\xb7\x0b\x87\xef\xcf\x1f\xb4\x0b\xc0\xa3\xfc%\x93\x14nGv\xb8,)\x8a\xa1\xc8\xea\xa8\x8c4\xee\xbb\x05\x11/\xbf\x97\xc5X"4uf\xaf\xc5\xc7?\xad8#|\xa0\x11\xd9dr\xed\xe2E\x0b\x8e|\xa0\xcb,Xt\xfc\xd3/\x88l\xb1\x0e\x05B\xc04\x95\xeau\x15\xa3\xc7fnI\xfd\x8dC\x8a\xab6\x9e8n\xd3\x13\xd5\x0eUi\xd0OT\xdb\xa1uh\x12\xb6)\xd7\x8d\xa4/\xea\xd4\xe2w\x12\xfd\x04p\xcb-\x1e{Tz\xe5+\xaf\x9f\x05J\x0f[\x81\x8f\xaa/\r\x8f|\xff\xf4\xe1\x82\xf7\x8eo=\x0f\xdcr\xedb\xb8\xd5\xd5\x94c\xe2\x9f&gt;\x82K2\xb0{r\x7fD\xd4\xf1\x11e\xad\xc1\xe97niY\x00\xd1\xe0Y\xc0&lt;\xe7\xd30\x88\x98\xdeyUE\xb7\x82\x96\xe4\xe2E\xd2\xbb\xb2\xbcBO\xcf\xbf\x95\x98\xe7`\xcc\xdeU\x89*Y\n9\x04L\xd4)Y\xb2\xf3\x16B\x15\x96\x84=u\xf0@\xf2\x11\xb3\xd4\xc6\xf4\x9a{Yi\xb8T\x05\xc0\xe0\x0e""\xce\xde\xff\x16\x8c\x92\xa9\xf7\xb4\xcd\\t\xfc\xd3\x81\x9f\xf1\xe8\x13\\x\xec\xaf\xd5\xdf#\xb7\x95\x7f\xc5\x84\xf2\x1f\xffED\x0co4\x81\xc3\xbe\xd4$\x15-\x98{\xe8Obp\xa3\xf2\x14\x81\x1a\xb7\xa4\xfe\xd2_\xf5\xd5q|\x8d\xc3%A\x8f\x98\x10S-\x9a\xb8\xe5*M\x97\xe5\xe84\xe5\xf4\xbc\xc3\xefC\xb2\xc6\xbeBD\xc4\xbb\x88J\xebp\x06\x99\xdd\xd6\xd5\xeb\xb4\x12l\x1b\xd4j5\x97c\xa3\xff/0M=\xfaD\xd6\xeb\x98\x81C\x0e\xf9\xcd\xa0\x06\xa34\xdf"^x\xd6\x1eHJ\x02\xe0\xb1d+\x04\xc3d\x00\x9b~\x0b\xaf!\xe2\x7f\x15\x9f\xe5\x17\xa5\xe7\'\xcd=4P\xdf\xe8Y\x0c\xb4\xe3\x10\x11\\\xc9!\r{\xb5\x87fMS\xa5\x9d\x91\xb6*\x87\xc9\xee\xb5\x91\xc7\xd6\x8d\xfbn\xe56\x88\x13\x9f\xe9\xbb_""\x183ieD\xe5N\x9d\xb0\xe5\x99Bx0w\xc0\x0ep\xcf[t\xfc\x13"\xf6\x9ew\x85a\xf7\x90\x86cQ\x1e\x9e\x13b\x02/\x95?\xa2\xa0A\xcbn\xa9v\x04\rcO\x95\xe6Z\xb9\xe8\xbf\xf8\x06\xe9\xaf\x18\xa5\xf7\x99\x04O\x88\x8b\xc14\xb4$\xa9\xed\xc2_\x11\x01\xdc\xa8\xb6\n\xf6\xac3\x08\x00d\xa5\x99\xdf\x00\x00\x00+b\xb0\xa2\xe3\xd3"\xb3\xfb\xba\x1e\xb3/\n&gt;P\xc9\xf8\xe3\x88\xc8\xbcBD|S\x93\x99\xc4m(\xb1\x13\xdc*Q\xb1\x00\x00pi\x82\x88;oU\xc0c\xd6\xbeF\x0f\xd9\xef\'\x9f\xe3\x9e\xbbD\x1b*6\x15\x8b\xa5\x90ZJ\x00\xf7#&gt;\xa4x&gt;;#b\xe3&gt;&lt;\xd62|\xeb\x0e\x93\x8e\xe6\x99\xc6\xee\xe5\xb0\xa9&lt;q\xc6&gt;[\xa4\x03\xf1\xa3a\xcf\r\x0f\xd8:\xb6\x13\xbf\xe0\x0b\xb9[T\xf2\xe5\x99\x85\xb7O)Y\xb2\xf2,{\x11z\xdd\x8e+\x94\xfa`J\xf4\xd4;\xc2\x12\xa7FBc\x04|\tY\xc1\xe4\xef\x8b\\\r\x19\x04`\xcc|\x9f\xbb\xc4\xf7\x9d\xbd\xff\xad\xe4\x0f\xe5\xcc,V\xec\x1b\x02\x98\xf1zF|\x95\x18\x06\x16\xc9\xe5?\x96\xe79r\x82\x18\xfd\xef\xbb\xcf\xf4\x10`\xbbm\x85AW\xef$z}\x84CN\xef\xcdD\xdc\xfb\x17\x8d\xcest\xc3s&amp;\x00!\xa6$\xe5\xec+l;\xe6\x88\x06\xdb\xa01\x8c\x10Q\xa1\x928\xb3\xfbz5\\6_\x15\xbec7&gt;n\xd8\x93B\x8c\x8d\xcc\x8e\x1f\x11\x11\xa9\x068\xfc\xb0\x8e\xea\xac\xe5\xd5|\xfd%a_I%R\xc8Zz\xf2\xb3z\x92\x8a\xbf\x82\xbeD\xf6\xf4\xe4\xbd`\xcfAr\x88\n\xf7\\!{}m\x94O\xa7\x823\xc7\x80E]&gt;\xfb\xea6\xe9\xb7u\xe8\xca\xbb\xcc\x1b\xc5\x14\xcc\xa8T\x0b\xa8\x02\xa8$\x9d\x01\xaf\xec65\xd1~\xc2\t\xa5o\x93\xa9|Y\x05\xac,\xaa\x96Vd\xc6\xabE\xbd\n;5+\xc3V\xfd\xf4\x111\xb9x\x11\xf3f\x93\xb7\xbf \xae\xdd\xc0\xfa\x15\xb9\xb6\xe4\x92\xd07 cD\x056\x80\nQ\x83l\x86\xc9\x8a\xa9\xff_\x12\x8e\xe0\xd2\x84y1B\t"\xaf*8\xb6`&amp;\xd7\x88\x13\x07\xdc\x93\xfbWX\x91\x9b\x18\x045\x18\xadZ\xa8F\xc00\xceI\x03\x82&lt;\xcaT\x89\xed\x0eN\xa2\xeb"\xd1\x82\x88\xbd\xe6\\\xd6\xd8\xe9*7\x1aLi\xb4\xca\x90\xfef\xa1\xbe\xea\xb8\x85G?J\xbby\xb1t\xfe\r\x93D:\x10-\xd2nud\x95\x98\xee\x8cR\xfe\xa1\xf7\x11\x11q\xa5\n\xf9\xd2\x02\x91\xcb\xf2u;\xfe\x0cy\x8e\xeeE$F\xba\x18I\xa0\x07\x00\xb1\x053\xe5\xd5E4\x83\x9f\xb4F\xa8\xa2,%,\x95^1\x1c\xb7\xe9Il\xc1\xcc\x8b\x7f \xe7\xa4z\xa7\x93\xcf\x11\xac\xebO\xdb\xf5\xfbw\xbfb\xfe\xa0]\xd2&gt;@\xf9\xe0\xfcp\x8c\xeb\xa5\xe2\x11\xbe\xa1\x02\xf4\x9a\xf8J\xb4\xa5\x91\x80^\xf6\xdd\xbfjP\x1e\x8dRaX\xf3\xff*E.]\xce(\x1e{\xb4b\x1b\xf2ur\xec\x19\xb9\xf6\x83%qW\xcb\xaby\xaf\xb9\xe4\xf1\xa3\'\xb3\xd9\x88x\x94\xd7\xd8YGuV\x9b\x94U\x0c\xd86\x00\x08\xe2\xb8u\xbd\x8e+\xbb\xcf&lt;_\xb3\xe5l\xce\xf5\xcd\xa2\xcd\xc9LCK\xd4\x958\xca\x94\xf3e%\xad\xea\xb37\n*\x92\xbd\x9a\xd1y\xf5\xc1\x9fq\xc4\x9a\xfb\xf3\x0e\xfdY8|\x7fL\xfe\x0c\xf3\x88\x0e\\N\xd5\xb4l\xdb+D\x97\x84\xbe\xb2\xf5E\xd7\xc4~\x00\x16\x95?\xef\xec\x1bl\xf0\xb8CG\xae}@\x91(`RG\xeeO}\x01\xc5*U2\xba\xac\xe6\xbf\xd77\xfe\x8fQ\xa5tO\x05\x04\n\xc8\x15\x8d9\x02\xeeyJ/\xfb\x7f!\x158\xe5\xe3\xf4\xc0\x06\xa3:L&lt;\xd5a\xe2\xc9\xba\x1dW\x98\x84\xb4\xe3\xb8\x7f\xbbq\xc7\x8f&lt;\xc6\n\xf2\xc9\xf0\xa8\x88\x93\x02\x80\x9b\xa4\xe3\'I\xdbD5\x9b\xba\xf4\xd4\xe7\xf6\x13N\x82c\x0e\xed~\xb4\x04\x00\x00"\x9e}\x851\xf93\x00\x8cx\xcd\x9f\xd4\t\x17\xb5a\x01\xa8TY\xf1\xa5`\x19\xc9\xb7\xc6O@M\x04\x17h\xbdq\x00\x00\x1c\xb2\x01\xcc\xd5s\xde\xff#\xca\x16]\xaf\xe8&amp;p\xa0\xcb\xb4\xb3\xe0\xd6\x0c\xac\xd2I\x9d\x93\xe2\x8a\x97Q\x10\xe1m\x12\xae\xe1\xb6\t&amp;&amp;\x7fF\\!O\x1f\x8c\xca\x82v\xd1\xe8#\x00\x1e`\x94\x0c`\x99\xd0f\xfe}\xc4Q\xeb~.\x18\xbc\x9b\xbb\x04\x8aQP\xdb?\x10\x11\xb1\x02\x86M\xac\xbe1\x15\x80f\x84\xdbh\xb1\xaa\xd6\xe9\xd6\x7f\xa8\xbc\x90i\x1f\xdb\xe3\xc0\x03\x14#\x83\xcfC\xe5#Tv\x02\xeb\x8f\\w\x11\x15W\x07\xf5\x13\xbfJ\x9fiFtX:\xefo\x94c\n\x009\xbd7\xb5\x9fpB\x13\x85\x82\xc2\xc2c\x88\xb8\xe5\x9a\xbc\x87e\x95,r&gt;QN\xef\xcd\x7f!\xfe\x8a\xc8Y\xeb\xab\x92\x13[\x11\xa3K&gt;\x93\'\x8f|\xf0*\x88\xc9\x9f\x01fi\xa0\x1dg\x19\xd9\x91\x94)\xc0\x95\x1f\xfe\x92\xc4N\x0bG\x1c\xe0\xbb/\x89\n\xc9\x0f\xa4\xee\x90t|Z\xa8\xd3\xaeX}\x98\x7f\xa2\xab\x931LF\xc4\xf1\x9b\x9f\x8a}\xc6\n\x1ep\x90P1fP\xde\xdd\xb6\x1dsd\xa1\x921_t\xfe\xf4~\x0b\xaf\xa9v\n\x81\xedQ\x03Vl\x1b\x04\xab\xf3\xec\xff\xef\xc4\xb7\x9eW\xa3\xf9\xacNS\xcf\xa8\xb0\xc0/\xc8%\xc1\xb2j\xc7;\x88`N\xca\x1e2H"\xe7\xaa\x9c|\x81\x88\xd8z\xd4!\xa1\xcd\xfa?\xc788s\x0cGCl\x11i=\xf2\xa0z\xea#Y\xe1\xbaP\xad\x04\x91K\x12\xce\xc7%TDL\xc1\xb1\x11\xd8f\x82C\x8euTgq\x0f\xfd\x13""\x9ezA\xf1E\xb4\x1eu\xc8%\xa1\x9f\xb8\xa7\x13o\xb0/Z\xee\xb7 &lt;\xe4\xb3:\xbe\xf1\x05\x11V\x19J\xaax\x91\xd1y\xb5o\xdd\xa1`\x98TQ\n-\xb2n?*&lt;g\xfc\xe4\xed\xe5\x1eDfa\xed\x11q\xc0\x92\x9b\x00.\x00\x00`\xac\xf9\xc6}\xb9\x847\x9aPQ\x15~\xe5\x1d\xb0\x06\xab\xcd\x92\xdb\xb2\x94\x8d\x89\x8f[.\x95\x83\x02?\x1ck\xf6\xea6\xe3{\x80P\xce\xb3\x9c@&gt;&gt;*6\x0cK\x89\xde)\x95\xd1\xda\xc8=\xb9\xbfT\x0f9\xd0;uHE4\xc1\t\x0ci\x14d\x01TOG\x971r\xed\x03\xcd\x8f\x8f+3A\rF\xd3\xbe\xc7UM\xdd[jxP\xc1\x98\x84\x14+\x8f#\xdd\x93\xfa\xfb\xd5S^\x9b\xab\x1cq\xa3\xd0\x86c\xa7\xef~\xa9$\xc3mX=w\xaa\x1a\xc5\xa9\xbf\x16R\xda/}\x85H\xb2\x02\xf5\x18\xbc\xfcv\x85\x95\xd8\x9b\xa6"!bl\xcff\xc9\'"Z5\xd9\xb7\x11\x95\xf4\xce\xab\xce\xbeD^\xe9u\xdbnh\xfe\xeb\xf0\xa2{\xa3\xe3\xe4\xd3b\x9fK\xdf"\xa2T\xb5#h[Gu\xf6M\x1b\n\x00\x13\xb7\xfe2p\xe9\x8f\xa24Ku\xcc#:\x18\x04\xb4\x01\x00\x15+\x83\xa3\x9aM\x15\xcf8\xafr\xe6=\xa8\x89rM\x15\x99\xf7b\xa5\x82\xa3ah\xf5\xdci\xe2\x9dS\r\nE\xd5\xf3\xa6\xd1\xc8\x81\xfa\xa8\x10c\xfc"\xe0_\xbdJ\xd2)tO\xea\x8f\x88\x7f\x93\xbb[\xab\x0c5\xc8\xd7q\xc5;up\xcf\xd9\x17\xe5\xdd\xe6\xbfA\x814\xec\\!\xd1\x1d\xb1\xd7\xf6\xcc\xd2\xae~\x10m\x84\xb1\xfc\xf4\xbfUb\xba\x8bu4U1I\xb1\xae\xd6Y\xf5\xb5\xd8\xd8\xe6\xa2\xd6(:5\x06\x80jM\xa7\x80q\x1d\xd6me\xeb\xe2\xa1\r\x19\x1c\xdd\xd5b\x8f\xad\n\xa2\xaf\xcb\xa8\x83\x05G?\xb6\x9fp\x82\xcb\x96\xb6\xd1|\xdd\xb44\x0b"\xce9\xf0\x8e\xfa=\xf7\xbcp\x95#~b\x11\x925V\xecCV\x07`\xb0\x9b\xa5\xe0\xd4\xaf\xd8g\xfe\xd5\xf2\xbfMS\x11Q\r\r\xe3H\xa4W\nY\x91#\xa8\xcd\xa8C\xadT\xca\xc3\xfa\x7f \xf8\xf0#\x04\xb00\r+\xd1\xc8\xe9\xe4&amp;\xeb&amp;\xa1\xed\xc4\x1c\xd4Z\xd4\x03\x00}\xff\xd6b\x1c\xcb\x04\x08]\xc0\xca\x84Qp\xdb\xc1\xcbE\xf1\xba\x07p\xcb\xe5u\xa73\xd3f\xd4!m\xef\x16\x1c6T6\x05!`M\xc2\xaaH\xaa\xc4v\xaf\xe8&amp;\xb0\xf3JbW\xcfN\xb5\xa6S\xc4;\xad\x17@\xacTGEP\x1e\x16\x05F\xb5]\x12\xfa\x8at,\xb5\xc2\xd17\x833\xae\xcd\x98D\xbe\xac2\xa2\x9aM\xa5\x1a\x9fjL*/\x0c\xaa\xf0\x8d\'\xfbv\x9d\xfe}%\x1cS\x8b\x0b\xd9\xd4\x85?\x91\xef\x11A\x8d\x92:\x8c\xd1N\x8f\xfc\x1a-f\xa9\xe7\xbc*\x81\x88\xd5\xf3\xa6\xb5\x1ay\xb0\xa2\x1b"\x87mtW\xf14_\xb9/\xfb\x99T\xe2\x1eHtY\xae/\x95\t[\x9e\x81\x8b\xba\xe4$)Ij\xbbp\xf9\xe9\xff\x96\x9c\xf8\x1b&lt;\x0b\xe2\n\xe7\x00h1l\xdc{\xde\x95\xc8&amp;\x93\xe6\x1c\xfcCc\xcd#\xa8Bk\xc7[\tql\xc4$\xa0o\x99\xeeQ{\x80\xfa\x1b\x11\x9dT\xb4\xb0\xed\x98#\x01\x19#\xc6n|l\x1aJ\x9e\x96E&amp;\x16-\xe0\x7f\xc0\x8aMg\xd5\x04\xb5\xdb-Ve\xf7\x98\x82\x19b\xb5D\x81NS\xcfH-\xdeh\xd0O\xe4\x16\xba\xd44\x8f\x11\x01\xdc\xd5|\x12{\xde{\xf0\xc8}\x13\x17\x81\xfanZ^\x05\xe2\xb6\xe3kGMb\x82j!\xb9\xed\xc2\xb6c\x8f&amp;\x15-\x04\x00\xfa\x95&gt;C\xb2\xcaM\x9b\xd1\x87\x99\xfb\xe9\xffgB\xaa\xe7N\xa3s\xde\x98\x7f\xe4C\xbf\x05b\x15\x1d\xeaiy5\xa7\xd3\x1e\xb2\x8f\xedA\xe4m]\xfe\x13\x93\x8a\x16R\xcd\x9f\xfc\xa4\xe2\x91,\xeb\xffz~\xadTn*3\xb1\xec\x9b|!\xf8\xd6\x1d*/\xeeM\xe0\xa1\xe2a\x9b\x0f\xd9C2\xf3q0\x0c,R\xd8@\xa8\x01\x17W\xc2\xb2\xc7\x81A\x92\xfa\x8e\xafa\xa6\xed\xfa\x1dLS\x8b\xc7\x1e\xd3\xf0y\x85\x7fG\xaaJ\xfcW\x94\x0b\x99[\xc5\xf5\x13nj\x10\xb1W\xf8\x18#E9h\xc7)\xa7\xcd\xc2\xdb3G@\x11\xf15\xe9\xe2\xd9p\x19\xff\x1ffDB\x08\xc9\x1aK\xeb\xc6e\x94L\x99\xcc\x1c\xdfz\x9e\xb0;\x93&gt;\xb1\xc5\xcb\xbeF\x8f\x84\xd6\xf3g\xee{m\x1e\xae(\\&lt;\x88\xc8G\x953ia\x16&amp;\x0c\xaf\x04%\x16\x15`e#\x00\xfb\xd8\x1e\xae\x89\xa2\x97\xe4J\x8e\x0c\x00\x00\xfaA\rFw\x9arF!\x87h\xd4\xba\x9f\x1118\x93\xbe\xf6C5\xe8J\x90\xbfP\xc2\xb2+&amp;\x01e\xdf=d\r\x93XW\xeb\x0c\xe0\x0fZ5\xc0Q\xde\xf6X\xb2@\xf8\xff&amp;\xda\xc5\x0b\xb9XH\xe7\xa9g\x10q\xf1\xf1O\xd2\x17j\xc8\xfdB!3\xcc\x0b;\x00\xa7\xea\xb9SY\xb7\xe3T\xc0\xe2\xc6j9*d\x8d \xb4q\xdf-\x00\x0e\xffO\x19\xf6\x04\x14\xe90\xe6\xe1\x1d:O=3c\xefk\xb2\x16\x98qp\xb1\x7f\xfa\xf0\x1e\xb3/\x1e\x7f\xc6Q\xa4S6\xea\xd1\xf2I\x1b\xca\xa4\'g\x9a\xaa\xe0\x83\x96V\xba\x9c\xf8\x85\xf0\xd0&amp;Q\xcd\'m\xa8[R\x19\xf3\x89\xa3r\xa7V\xa8\xa6\xc1\x97\x92\x83\xad\x0f\x8e9\xa0\x97\xa0\xac\xa1=z\xfdC\xd5D\x9d\xdc\x08\x99\x91\x9c\xde\x9b:N9=s\xdf\x1b\xb2\xa0\xff\x86\xcb\x92rm5\x85\xc1k\xb5\x9a\x0b\xa6\xa9|\xf7\xca\xea\xb1\xbeb\xb5\xaf\xdb\x8d;&amp;\xe2\xd1\x06,\xb9)F\x18 \x98s\'\xca\x10\xafvQ\xb9\x19"\x13\xd4`TE\xa7\x80\xb9\xe4\x0e\xd8!\xff\x8ayZ\xe9\xf2\xec^\x1b\x01\x8c\xc13\xff9"\x18\xd5\x96\xbd\xe7Yg \x801\xfdw\xc1XV`]\x9f\x98\xd9#b\x1bzu)DL.^D\xdc\x98\xac\x9e\xf4\xea \xa6i\xd96\xd3\xd0\x12\xe9\xe0\xfdk\xc6*\x92\xc5k=\xae\xe5\x1cD4\njKzM\xb7\xdd\xb8c\xba\xbe\x85\\\x8e\xdf\xb0\xe7\x86\x16\xc3\xf6m\xba*\xd5\xf2\xb4ip\xe41\xb2]\xf1a\xe4s\xf5\x99\x7f5\xaa\xd9\x14}\xff\xd6\xd2k\xcb\x8b\xd4\xab92\xd63\x00\x80\xef\x9e\xbb\xf83"\x80\x1b\x97\xd6\xfe\x7fC\x1ds\x1b\xbd\xfe\xa1j\xfa8&gt;\x93\xb7\xbf\x00\xb03\x0f\xef\x00fi\n\xea\x89b\x08\x96\x89_\xe7v\xe5=\xca\x86}_\x01\xf5\xbb\xac\xe9=\xef\n\x80oE7\xe4\x1b\x948\x82)Y\xe7\xd8\xd4;epz\xe7U`S\x1f\xc0\x11\xc0\x89jl\xaa\x8d\x88\xd2r^\xb9\xda\xd1\x9e\xb3/r\x11\x0cA\xc4;\xf47\x1d\xa1Fr\xe29"\xe2\xb8MO\xb8\xfd\x17"\x10,\x1b\xbbi{\xb7\x00\xf7&lt;\xf1\xd3\x8c+\x1b\x86\xc9\xaf\x10Y\x8d\x86|\xd2\xf8\x8a\x01\x11\xd7\x84\x8eqH\xf1\xf8\xcdO\xe5\x1f\xb2&amp;\x0c\xb2\x0c\xd4\x98\xa44\xec\xb9!\xb6`\xa6\xb0(\x16qj\xd6qF\x85A*\xa4\xd6&lt;\x86AE\xccV\xac\x86\x81E\x0e5\xf9\x98\xf8\x9a\xa5\x81]\x96\xdc+F\xc9\xf2\xfd\xab\\\xbc\x84\xf8vV\x9d\xfbz\xa2\xc4\x00\xa0&gt;\xd1\x9e\xcfB\x07+\xdc\xf2!\xb8&lt;\xee|\xc0\x8cwD\xe1\x1b\x00\xc0\xd1\xbax\xe6\xde\xd7rj\n\x0e\x94Vf\xf6\x92\'\xaak\xb3\xbc\x81;\xe5\xde1H\xe4R[?u\xd7\xef\x8d\xfbnU|\x95"\x0bD\x1dP\x96\x1d:5B\xc4]\xb7\xf1\x0b)@\xfa"\x88\xe8:\xe3{D\xac\xdaxR\x85\xe9a\x01|\x92\x9c\xba\xd2\xc5\xbe\x08\xe6\x1c\xfc\xa3uE\xd5\xbaX\xd7\xef\xbf\xf8\xc6\x9a\xf3\xe8[w(\xe5\xfb\xe19\xe3[\x0e\xdf\x8f\x88-\x86\xed\xe3xH\xb7\xa420HR\xc8\xd7\x0b\xcb\xa6\x8dR\x14\x8d9\x82\x88Z^\xcd\x01l+\x8d\xe3\xa1Z\xb1\x06\x8f\xbc\x9c\xde\x9b\x04\xee\xadS+\xa7\xf7f\xfe\xbb9\x88&amp;}\xe5\xda\x94\xbfM\xaaVE)\x0cW6\xba\xcf\xba\xc0\xba\x8dl\xbaB%\x18)a\xf1\xf1O\xd2\'\xaa\xf2\xd7\x1a\xc4\xcd\x07\x9d"\xdcu\xe4\xb1z\x1f\xd1\x8e5{\x81u}\x00\xdd\x94\xf6Ke\xae3Z\xb2\xcc~\xe2_\xd2\xe4\x8c\xfbk\xc7\x13\xc0\xfc\xf4\xef\xb2/\x95[Q\x87CN\xf5\xbci"6\xa2V\xab\xb9\x95[\x1b=\x8c\x90J\xf6I\x1b\x02.M5{j\x93\x89[\x7f\x99\xb0\xe5\x99T\xe0P\x0e}\xff\xd6\xb3\xf6\xbf%E/\x98\xc7\xefDQi\x95\xd5\xe7\x10\x88\xa4Y\xce\x12\xdcW&gt;\xe0\xa2c\x7f\xb9\'\xf7\xe7\xd7\xf6/\x13\xe2\xa3^p\xf4\xa3\xda\x8c\x8d)\xa0r\xbc\xd0\x01\x88&amp;M6,9\x1f\xec[\r\x89z\x91\xddq\xfb\xef\xd3&gt;\xb5~GD\xc4\x13\xbf\xa8\xf8X\xa3T{\xe4\x84IH\xb1\x80\xbd\x10\xf1\x03\xe2\x07\xc4\xed7Qr\xc9\xd9\xc7\xf6h\xd4g\xf3\xf8\xcdO\t\xad\x86\xf4N\xabl\xaaw\x15\xdc\xaco\xa8\x86Sh\xc3\xb1i\x1d\x96\x8f\xd9\xf0H\x80M\xac\xbe\x7fkr\xaaB9\xaeM\x7fF\x14O\xa5E]\xb8%\x96I\xc7\x82\xd55wVz\x93\xcd\x90\xac1\x0e5z\x12\xcf\x82\xbf8\x8f`\xfc\xd3)e"X\xcb\x1e\xbe\x99\xcdU\x18z\xfe\xad,\xaa\xaa\xa8\x9e\xfd\r\xd1(\x1a}8\xa8\xc1h\xa5\xb4,9V\x9e\xc1\xe9\xbb_\xaa&amp;!\xe7\xa2R\xc0\x99\xc9)\x84\x01\x9b\xa2\xd1\x87\x11q\xc7\x8f(\x19\xb2\x1b\x05\xb5\x05\xad\x9a\x91M\'\x93\xaa\x15\xa90M\xe5\xbdrY\xb90\x05\xa8\x06`\x00P\xb52\x8da\xcb{\x9a\xba\xa5+\x00l\xc0.\xd3.\xa6\x1bU\xed\x10Mp\xd2\xa4\x8e]t7\x80H0M-[t\x1d\x11\xcf\xbf\xa5\xe8*\xde#\x82A\x12\xc75\x98\x8a\xc2\xb1f/\x91EzU%\xda-\xb1\xac|\x06L!\x91\xc6\xe3\x8e \x0c"\x93\xda.T\xb3\xad\xec7\xd4\x8e\x88R\xdb\xffoD4\x9e8f\xc3\xa3\xe2\xb1\xc7R\xda/\xe5\xb6\x07\x9d\xc9\x8aeH\xd6\x18\xd1\x9a\xa5Q\xc2\x1f f\xf7\xdc(`\xcf\xaf@u\xc1\n\x9c\x1bk\xde\xb1G\x81\xf4\xce\xabJ\'\x7f\x17S0#\x7f\xd0.\xd0\x966\xc6NZ\xf1\xe5\x90\xc3\':\xe7S\xbbx\x91[R\x19\x80#\x80+"&gt;\xa2\x9e\xab}AV\xf6\xe6\x1a8\x87\xb6O\x8bC\x0fY\x1e\xa3\x01\x19#\xae}\xc2\x8b\x7fH:\xe0\xa1+\xefJ\xd3\xb5\x04F\xaeF\xad\x7f8r\xed\x03\x1d\xdf\x96R}\x8f\x88\x8a\x93YP/&amp;!\xed\xba\xcd&lt;\xaf\xdesP\x06{4\x81."\xca\xeb\xd3\x11\xd0]\xb7\xce\xdf,\\IT)\x1as\xa4`\xf0\x1e\x8e\xfa$\x88x\xfe\xcdW7\xdc\xa1\x9ay\x8bg\xce%\x87&amp;\x1e\xa6\x1a \xb5\xfd2\x11\x8f\x86$\x16\x1d\xfbK\xf2\xaa$\xa6\xe1\x97\xdaa\x19\x9fG\xbc&gt;\x80\x15\xc9\x83\xddU\xbe\\J\x82\x7f\xfa\x88:%K\x12\xdb,\x10M\\\xd0*C\xf9\x95\x06\xdd\xd6\x8aspM\xa0C\x93])\x8f{^\xbdN+\tG\xc9\x7f$+\xc1\xcc~Y,\xb5^\xde\xa9\x83\xfd\xd3G\x18\x05\xc9\xf4\xb0\x94+\x88D\x91\xe2\xabR\xa7d\x89\x18\xc7Q\x01\xae\xde\xb1\xbc\x90\x8f]Ye\x8c\xdf\xfc\x14\x0c\x92\xc4\xb0\x07\xb62\x08l\xc3\xb5f]\xbeL\x9f\xc0$\xb4\x1dM\xa6\x95\xb1\xfa\x84N\xbf4&lt;\x88\x1fL\x96\xc3$F\xae}P\x81\xb9\xab\x1a\xc5\xaf\xdep\xaf:\x83\xd8\xb7\x93\x12\xda\x90\xa3\xdb\x8f\x80\xb9\xc2\xffC\xba`\xd8\xac\xfdo\xcf\xfc.\xe9\x83\x8d\x82\x15\xbaLz\x8d\x0ev\xcc@;N9\xc6.\xeb\xef\x19j\xcf\xf9Q\xa5!\x85\xfc\x08\x93\x12z\x888\xe7\x15\x05\xd7\xa6|\xe3\xc0V\x91\x9dLCK\xe4l\xaf\xa8\xa1\x96\x17\xa5\x87\xce\x1bGUTP\xf5\xfa\x82\x82%\xa0\xe5\xd5\x1c R2\x7f\xb0o\xa8\xc2\xc3Z\xcb8\xb8Xxn63v\xfforF\xd4,=\xf9\x99r\xecBO,\xe8\'\xaa\xef\x1e\xe1H\x8f\xd9\x17\x15\xa5\xcdD\xa7\xcd\xa8C\x8b\x8e\xff\xf55\x15\xaa\x0f]y\xb7\xb2\x0c\x9dl3\xe9\xc3q\xc6\x96U;\x16\x0e\xe7a\x17\xe8Yg \x00\x008\xd2\x8eT\x0c\x92j\xb6\x98\xad\xf0\xda]\x0e\x89\x85\xea  c$\x00\xb8$\xf4+\x9d\xfc\x9d\x017\xafl9\x14\nj\xc5D\x0f&lt;E\xd7\x9b\x15\xd0\nu\xd5\xcb\xaa@\x85k\x97\n\xe7\xdc\xeb\x8a\xbf\xe5]\xe2\x15\xcb8]\x13\xcb\x00|\xc1&gt;[\xecS}q\xda\x96\xe2\xe4\x81:\xd4\xe8\xc9mCq\n/\xfb\xce\xbfJ\x94i\xa8\x91\x90\xac\xb1+\xceT\xdeRQ\x9e\xf8\x82S\xa3*\xb1\xdd\x11Q\xda]U0\xdbo2&lt;\x17\xf4\xf2\x06\xee\xcc\xe8\xb2\x9a~\x03\xe5\xf5`"\xf7/\x82j\xe3\xaa`\x9f\xfd\x1f\xe5\xc8\xc3\xa2\x9eo\xdd\xa1\x9b\x7f\xd0\xd8\x13*\x10\x00\xcac\x83\xc6u\x9c\xe2zk\xea\xd4l\x18%\xe7\x0e\xd8\xe1\x9d2\x98~\x0b\xeeFu4\xd8g\x839\x93\xbe\xc77\x84\xc0n6W\t\xd6\xbcLS\x15\xee\xd9\x7f\x11\x111\xab\xc7\xfa\x8aj\xd1W\x07\x97\xe4g\x11G\'&gt;\xaa\x14,q\xc4\xc4\xa9V\x1fu\x9fC\x83X\x1c\xfc\x19Eu]V\x80\xa3`\x02\xa7\x11\xdf{DD\xbc\xf0\x16\x9d\xe2z\xdb\xc7\xf6\x90\xaaT\nP\x8e\xb4\x06\xcf|\x00\xc3\xb2\x85\xd7(W\x82\xb3{mD\xc4\x86\x82\x12\xf0\x00\x80_\x1a\xbcxV\xe7\xe2\xa3\x9f\xb8\xf0\xd8_J\x91\x7f\x19&amp;\x88hU\xad\xb3\xca\xa7Q\xf3\xa8\x997\n\x0b\x9cU\x9c\x95\xe6j_:G\x9f\xaaI\xb9\xd7[\x95\x9d\x89\xe0\xd3\xcbJ\x12\x90\xfb\xc2\x99\xb4\xed9"r2y\xac\xd2\x10\x0c\x94\xd2\x9dLi\xcb\x0e\xc9\xc4\x16\x88^\x8e\x11\xa9q\x91\x83\n\xc5\xa1f/\x8d\xc4\xa3\x98\x8c\xee\x93\x8b\x17q+i\xf5\x97\xad\xd1fv[\x07z\xaaH3:\x00\x80U\xb5N\x94\xe1\xf7\xf0\x9c\t\x9f\x117^\xa9\xbc\x0f\x02\xe3\x90b\xcdT\xbb\xd9T\xef\xc2\xb0\xd6\x8e\x88Q\xcd\xd47z\xab\x10\xf4\x94/\x89\x16C\xf7VHS\xd4\xc7\xd1\'\xac9;\xbc\xcb\xeb\x01\x04\x17}JXs^\xa6\xe5b\x03\x00\x95\xd3\xfe\xf9K\xa1d\xfc\tD\x0cj0J\xa4\xe396\x1f\xb2G\xb5\x03\xb0.\x0f\x07\x11\x19\xfb\x93\xb6=\xb7\x8eR}X\xff\r\x19F\xb5\x032(U\x17\x04\xb2\xee""\xa2YX{\xd6-#\x9bN^y\x86\xe9ACW\xd5=v\xe3c\xaa\n\x8a\nf\xdb\r\xbc\xf6\t\x93\x8b\x17\r^~[\r\x87\xb7\xa4z\x91)Vi\x1e\xa1h\x04IO\xc5\xda\xc8\xf0\xa0BS"\xcc\xcd\xc2\xd9\xafjQ\x88\xce\x9f\xae\xd2\xfe\xa6)\xd2\x02\xa7(}\x7f\xd1\xec\xb4\x11\xf1=\xa2W\n\x8fD\xd7o\xb0\xa0]S\xe8%]\xae$Z\xb5\xf1Du\xdf\x17W&gt;\xa0M\xf5.\x00P0x\x0f\xc9`Q\x1c*[\x90ME4\xa7\x8dGG\x9d\x92%\xd2\xd5S\x00\xf3\xba\x01\x19#L\xc3(\xfa\xcb\xfd\xf7\x11\x11O\xf2\xf7y5\r-\xb9W\xf9Ba\xae\x89e\x88\xd8m\xc6\xf7z~\x9c\x0c\xa6\xf8B\xf5\xe0s\xa5\xd8\x0e\x00 \xb6I\xbfm&lt;s5\xe5\x11\xc1\xf6\xee\xeb#\xa0\xff\xa2\xebl\x15\\\xa2#8\xf1^Mi\xb7_\xb4\x90Q\xe5C?18\x93\x8f\x16\x87[\xee\xd4\x9d\xbf\x01\x80\x82,\x9ds\xbc\nk\xaf\x1c\xf2\xdb\xe5\xad\xdfE\x95#\xf4O\xa7\x15\xcb\xae\x08\x82\x18m8\x95\xf1\x92\xd5\xa5\x01\x00@$\x80\x89HU\x98\xf2\xe8\'\n\x11\r\xd0\x8d\x07\x00\xe7\xf8&gt;V\xd5\xa8\\\x8c\xcc\xeb""\xb3Z\x1b;\xa6\xa9\x02\x9cb\xbfHLS\xe5\x0b\x84L\xe8\x14(\x1b\xf5\xde|\xec)\xae8\xfd\x1f\xd5\x9b\x91Jk\x81\x94EGj\xcf\xd7\xf8\x02\x89:\xf83\xd6\x10_\xe6\xecK\xb1\x9a\xfe\x86\xf8\x846\x1c\xdbv\xecQ\xbaw\xb7^G\xfb\x1a\n^\xbaU\xeav\\\xa1\xeeV\xfd\xff\x92\xd2~)\x1f\x9b0\x13\x93\xd0v\x1d&amp;\x9d\x92\x94K\xba4\xed8\xe5\xb4\x9a\x1a\x86\x88e\x8b\xae\xf3\xdf\x8f%\xcfK\xa5\xde\xd7\x85(\x84\xd5\t\xc9\x1a#R\x91\xa2\xe7m\xc4\xe2\xb1\xc7\xc48\x14;IE\x0b\xca\xff\xe0\xecy #\xb5\xfd\xb2u\x17Ia\x00\x9dZ\x88\x84\xb4,A\x08\xc5\xfc\xb8JCy\xd5\xaaJ-\xeaY\xc9\xd0\xef1\xfb\xe2\xb9\xd7\xeaP#\xff:u\xc4\xbejD\x93S$\xb4]\xe9\xde\x1d\xb0\xf8&amp;\xf5\x1b\x1e\x02\x8b\x0fw\xdfA\xb0\xa9\xc4\x89\xa5\xea\xa3\xff\xe2\x1b\xa0UC\r\x07\xb6\xae[\xba\xc29\xbe\xaf\x7f\xfa\x88\x91k\x1f\xf0w\xfc\xe5J\xadB\x01fD|\xfd\xcex\xe16v\xe3\xe3\x1b\x9fQ\xb9\\X\x15\xc4\xd3\xaca\xe9\xdb|R\x87l\xbd\x8e\xac\xe2G\xd6\xd5:\x17\x8d&gt;\xcc\xe5|\x91M\'#\xa2\xb5\x08i\xcf\xdf\x10\x8c\xb5\xa0\xd4\xa4o3`\x06*\xa3\xfe\xe5\xdf\x88\xe0\xdaL\xe8\xde\x8a\x85!\x888s\xefk\xce\xbb\xfb\x83V\xcd/Kg\xa6R\xb0\xf0\xd8_\x8bO\xfc\xad\xf4\xb28\xeb\xb5Sv\xfc\x8a\x88\'\x9e\xabcYTp\xe9\x82Y\x83nk\xc1\xad\x99\x96WsA\xc5H\xect\x99~\xael\xd1\xf5\xcc\xee\xeb\xd4qp%\xaa\x0c\\\xfa\xa3\xb2\x04f\xbbq\xc7\xa86\xb6\xa4\xcfA\x93\xe5\x93\x07G\xe5N\xe5p\xde\xb05\xe7\x91[\xf0\xdf\x03\x11#\x1aM\x00\xe05\x9f\xfe6\t\xfe\x06O\xcc\xd3LB\xda\x95\xffi\x9ar\xf1\x0f\xe4\xe9\r\xf3e\x0b\xf2O\xd9\xf1\xab\xa0\xfd\xdc\xc1\xa5\xe9\x8c=\xaf\x14\x86\xf8\x07\x7fF&gt;\x0b\xf6~\x157b\xd3\xbe\x83H!\xdf\xcb\x8a\xae\xafZ\x92b*\x0fM\xfam\xad\xbcr\xa36\r\xc0\xbe\xa1z\x0e\xed\x1b\xda\x90\xd6"^L\xb4j\x0eXrs\xebu\x94yN\xcb\x18\xba\x82\xce}\x8b\x90%\xb7a\\\x8f/\x17\xca\xf0N\x1d\xf2\xddoh\x18TDd\x004\xeb\xbf\xdd8\x98l\xd5YM\xea\xa0@\x8fQ\xed\x96\xc3\xf6m\xbd\xce\xe3\x1a0\x08h\r\xe0\x00\xe0\r\xa0Kz\x99\xcb\x9c\x835\x0c\xab&amp;Uv\xc1\x08\xaa\xdb\xf9\x06\x05\x16\xe6\x11\x1d~B$_\xbd\xa9\x1d\x96U\\{\xbe0\xa8\x1e\xd45\xc0!\xbbB\x1a\xc3\x9d*1\xddW\x9de\xeab\xd8UE\x86\xac\xb83q\xeb/\x95C\xf9\xccU\xf4\xcer\xcb5DD\xb0J\x17\xf5\xa8\xdata\xe4\x1a\xcdg\xf2\xcf\xbbs\xa1R\xed\xe7\x86N\x9c\xda\xe6j\xac)o\x01\x81\xf5G\xad\xbb\x88\xb3\xf6\xbf\xa1z7\x98q\xf9Yy\t&lt;\xa4\xf5\xc8\x83\xca\xdb\xf9\xa7\x8f@\xc4\xa6e\xdb\x00|\x01\xc2\x01\x1c\xc9\x05\xbe\xd5s\xa7\xdaF3\xf9[\xa7wZ5z\xfd\xc3\xdc\x01;\x19\xb6\xe1\x80#\x97\xfb(\xbd\xd3*f\x8f\x84\x95\x8c7\xea7\xbe\x02\x94\x0bQj\xb5\x9a[!-\xf9\xe2\xf0O\x1f\xf1\x04\x91\\\xb6;r\xed\x03\x9f\xb4\xa1\xca[J\xef\xb2J\x12mfL\xfe\x9f\xb1\xe7\x15\xdb\xfe62\x99\x887\x88*\x8a\xc2\xa8Nz\xe7U\xa2\x1fS\x93\x93\xe0Z\x85s\xab\xe7M\xd3\xcc\xb9\xe81\'b\xef\xaaD\xb4\xd6\x9eGf\xfb\xa3\x85\xc7&gt;\xee\xb9\x8bM\xfam\xbd\x83H\x154\xf6\x8bo5\x8f\xfb\xe9\x1ck\xf6BD\x8b\x08\n\xe3t\x83\x806\x92\x00\xb2"\xe1\x83\x96\xddb\x0eRm\xfe\x01\x11q\xfe\xe1\xf7\x8c\'\x17\xc7@\xda\xa3\xf6\x00\xc6&lt;\x0e\xb7cO\xbfu\xc0\xffw,?\xfd\xdf\xa5?\x90\xa8z\xf8\x06%\x0e5\xc9\xe2\xcf\xb2\xc5G/\xbabBi\x8a%\x17\x11\xa4\x8a\x06\x11\x97\x9e\xfa\xa7\xc3\xa4S\x0cZ\xf9\x93w\xfc*\xeb\x83\xbd\x98\x14t\xbfT\\\x13\xfb!\xe2\x13\r=\xfbb\xeaw]\x03\xa0\x8e\xb42\xaeL\xdd\xf9\x1b\xf1m\x8eXs\x1f\x00\x84\x99p\xac8\xfd\x1fSoa\x90D\x9c"\xa1\xcd\xfc\xb4\xd2~l\xc33\x00\x00 \x00IDAT\xe5M\xcb\xb6)ob\x1f\xdbC\xf1%\xf3\xba\x00 \xed\xf0\xe4\xdd&amp;,\xea=@t\xaaE!(M\x08\x98PE\x80\x8d\xb8\xd4\x9eF5\x9b\xdaa\xe2\xa9\x9c\xde\x9b\xc4\xcdJ\xa3\xc4\xb2jG\x00P*\x90\x00\x00\xd0\xf6n\xa1\xe5\xd5\x1c L\xddm\xf8F\xa5B\xc7\xb7\xa54\x84S\t\x84\xac\xbf\x0e\x04\xac\xb6V\x14\xda\xde\xcd\xcf\xbcDD\xec\xb7\xe0\x07\x96M=\x0b\xfc\xd3\xc5\x14~\xaaTt\x9d\xf1\xfd\xa5?\xd5\xde\x01ky\x15t\x99vv\xcc\x86G\x06\x01m\xd4}.\xb6\xa6\xd4\x94\x08\xe3\x01t\x9fy&gt;\x91\\\xd8\xc3\t\xef&amp;\xfd\xb62\xbcm\x11QJt\xc0%\x13Np=\xa4s\x13D\x040\x08m8\x16\xc0[y\xb9T\xc7\xa7\x05\xe5~\xc4\x89\xa8j\xbd,\xb9\x9c\xd6*\xb2\xd3\xb0U\xf7\x88\xbb\xa0\xff\xe2\x1b`I\xbd\x18\x11\xdehBN\xef\xcd\x94oE4\x9a\x08\xf6\r\x01BI\xaf\xc5\x00\xd8s9\xfb7\xc4\xc5?}Df\xf7u\xe6\xe1\xdc\xb5\xcc*\x1e\xe7\xf8\xbe\x95X\xd4H\xf4\xe215\xe0\xd2\x14\x11\xebw]S\xd1\xed\x10\x8amtW1L\xad\xd5\x81\x92\xe9\xec\x17\x8dN\xad\x07\x88\xff \xaaI\xf2I(\xe6\xdcL\x88m\xa5w\xa3.{f\x93c#\xa2_\xe4\xe5\xbf\x84\x88\xe0\x90\xa3\xa4\xef\x18\t\x1ey\x0c{e\xf5X\x8f\x88\xa9\xed\x97I_\xf0\xf2\xac=\x90W\x8ewr\xf1\xa2\x9d\xb7$1\x9e\xb5\x17\x10@_y\x9b\xbe\x0b~\xa0\xfc_V\x9cAD\xec8\xf9\xf4+\xc4\xf6\x13O\x02T\x07\xb3\xd4\xd3\xbf}\x0b&amp;\xd3\x12\xdb|\xa6Z\x14o*5\xaa\x98|\x7f\x83\x85\xb7\xd2\x00\xadfO+\xbf2\xa5 \x9f\xa7SK\x93MQ\x1f\x1aH\xbb\xd7\xe8Z}\xfb\x89\'g\xecy\xc5\xb9J\xcfY\xc7\xa7\xa5z\x1b\x04\xc01K\xcb0\xb0\xc80\xb0\x08\xc0\x8e\xd9\x82B\xc6;,\'\x7f\xd0.\xf97i\xcc\x8c\x01\xa4}\xbc\xf4\xe26\xae\xe3\x9d:\x84\xffl\xd2\x16\x9c\x99\xe4$\xbdR\x06)\xcct\xab6\x9e\xf8\x01\x11\x11G\xaf\x7fHiG\x18\x981\x92\xd2\x88t\xfc\xe6\xa7\x88X4\xfa\xf0\xaf\x88s\x0e\xbc\x03\xf0\x05\xab\x8c\xa1+\xee \xe2W\xa9\x14\xe1T\xab\xb7\xc0\xd55\xed\xb8\xa1+\xef\x02\xd4\xe0l&amp;\xf6\xf5\xd0\xb8\xef\x96\x8an\xc2\xd7\x8c\xb6wsD\x1c\xb4\xecVE\x9c\xdc\x02\xc0\r \x10\xc0H\xf6R\xad\xc2\xb9\xac\x89#\x99\xdd\xd7\xcd\xde\xffV\xacFT\x15\xeb@\x04\xed\'\x9e\x14\xf7\x80\xa2`[\xbd\xab\x18\x03\x023\x9e\xf1g\xb5+\xe8\xda\xd7\xe8\xc1\xe5\x1b4\x0c*\xe2u\xd8\x85G?"\xe2\xbb\xf2\xc1)\x17\x17O\r1k\xff\xdb);~\xe5\x12\xf51\x8f\xe80r\xed\x83\x8e\x93O\xcf?\xf2\x81NC\x00\x11\x01B\xc9w \x00\xc8\x0b\x9d~=d\xf7\xda\xa8B^}(\xfb&amp;J\\\xf9\xf0\xc5\xc7\x128j\xc2h\x04U\xea\xdc\x02\x95.r\r\x81\x88\xc3W\xdfc\xde\xc6*\xb2\xd3O\x95"\xecT#,{&lt;\xebF\xde\xa9C\xa4\xda\xd4\x95\r\xa3dD\xe4\xec\x95\xa6\xcb\xbe\xc9\xff;\x1c\xe7+\xb1\xe2\xe6\rz\xa5\x0cZ\xf6\xdd\xbfuKWt\x9c|\xba~\x975\x00\x11\x00\x00\xa0_)\x16G\xab4\xe4&lt;\x96r\xee\xbb\xe0\x07\xe9\xcc8Z\xbd\xad\xe2\xc7\x97\xb08\xf7\x8dop\x82b\xd1G\x1e\xf6q\x03Q\x91x\xbf"\x17\x835\x1f\xf1\xb2\xaeo\x1e\xde\xc10\xb0(\xb4\xe1X\xaa\xb7\xb9H*R\x88=u\x9ar\x9a.\x17F\x01\xf3\x88\x0e\xf4\xce6\xdf\xa8H\x0c\x03\x8b\xc02\x1d\xc0\xdb8\xb8mj\xfbenIe\xd2w*HkB/\x01\xc0\x849\xa2\xd0v\xcc\x91\xf0\x9c\t\xca!\x8a\xf9\x87\xdf\xbbT\x12\xfbz\xa3\xda\x00\xfe\x00\x11\x87\x1ebr\xf1"5\x9f\x8c\xd3Z\x83\xc6q\x05\x93\x14\x80\x90\x8a\x9a\x8d\x89\x80$\xdb\x9f\x03\xac\xc9\x16j\xc5!\xa7"\xcf\xce\x81\xb6c\x8e\x14\x93,\x19\xb0&lt;\xde&amp;"\x14\x0bR4\xf0\xd7g\xb4\xa8Z*\xcb\x86\x15\x84a\xd3\xb2\xed\x00`\x16\xde\x9e\xaa\x82\xc2\xcd\xbeF\x0f\xe6\x0c\x1a\x15\xf1\xac=\xf0\xd83\xca\x8f\x9b\x87\x82O\xadVs\x111\xb6@t\xb7\x96\xffk"\x9bL.OL\xd0\x8e\x03\xf0\xaf\x8c\x936\x9b\x06\x84R\x87u\xb5\xce\x00\xae\xd5\x9aN\x96\xbe\x11\xc8\xb0SEa\x1d\xd5\x99d\xc1F{\xb7;\xc5Q\x14k}5d\xf5X\xdfy\xea\x99\x0e\x13O\xaa\xa0*LF\xd3\xc2\x06A\rF#bJ\xfb\xa5\xea&lt;\x898\xa93\tm\xe6\x8br\x1cfT)mE\xc4\xbb\x8aB\xee\x01\\"\xc0\x95\x85\xc5\'\xfeV\x7f\x16Rh\xfb\x89\'e\xa3i\xeb\xa8\xceb)\x1b\x00\x00\x80\xe3\xaf\x88\xaa\xac\xb7e\xf7\xda\xb8\xfa{\xd9\xb8I\x95\xb1\x88"\x11\x8d&amp;\x80}6\x9b\xca|\x90u\x14o\x1b\x80\xfe\x8bo \xe2\x17 \x13\xa8j*\xa0\xda\x05\xe5#\x9bL"\x02G-\x86\xee\x05\xd3\x14p\xcb\x95\xbe\xc3Ucv\xe6\xbe7\xab\xce\xa1\xb6w\xf3\x80\x0c\x91\x8a\xf4x\x98z\x89H\xe5\x9c\xecR\xa1\x97\x90\xd9}\x9d\xbe\x7fk\xd6\r\xb9\x14vK\xbf5\x11\x9fHl\xb85\x93eEPV\x84\xab\x8aa\xd2}\xd1\xa6\x80\xa4\x1bP\xab\xa6H\xc7\x14\x97h\xabj\x9d\xe8\xdcE\xbf\x00.\xbc\x93~U\x9cd\x87]\x84\x9e\xc7\\f\x83\x1c\x9e3\x81\x8f\x85\x05\x03\xf6=f_\x14\xe10\x96\xe9\x84\x92\x03"\x8a&gt;\xef\t\xcb\x1e\x7f\xfe\r\xf9f\xb0\'\x05\xcc\xf5\xa4\xc9\xc0\xbc\xbb\x99\xd3\xbf#"N\xd8\xf2L\xf5\x16VZ\xbcR\x06\xddA\x04\xcbtr\xc8:\xbd\xf3*5\xddl\xc1\x99\xa3\xc1&gt;[\xf2\x94\xb1\xcb\x8aj\xc6\xc5\xef\x01@\x1a\xf5\x1a\xbd\xfe\xa1W\xca`\x93\xd0v\xec;0\xa3\x9f\xa8\xea\x11\xbe\x01\xd0\xac\xffv0J&gt;\xf1\x0b\xb2\xe9\xefW=\xf03\x02\x98N\xde\xfeBC-\x03\x00\x00\xf3\xf0\x0e\x1f\x10S;,[z\xf2\xb3z\xce |\x06\x1c\xd9d\x12\xf5\xc8\xbe\nW]\xfa\x90,\xca\xe5H\xcdc;f\xc3#\xe27\xdf\xb4\xa1\x953\xb1\x17\xa4\xc5\x12\xa6.\t\xaa,q\xa97\xad\xa6n\xc7\x15\xee\xc9\xfd\x15^\xac\x9e;m\xc3e\x14+Ix\xcf]\xfc\x88\xd8o\xe150P\xdf\x13P\xeb\xdckD\xc4\xf7\x88Ec\x8e\xa8z0\xfbl\x11Z\xa4nl3\x07\x0b\xac\r\xf0\xd4\xf7o\x15\xdb|\xa6r\x84P\x8c\xf8R0@\x15\x00\x1d\xbayOR\xdb\x85-\x87\xed\xe3x,"E\xcb0\xb0\xa8\xcd\xa8CN\xb5\xf8\xaa|\x0b#J#g\xd1$"\xc7\x81\x17\x9f\xf8\xbbp\xf8\x81\xa8fSX\xb7\xac[\xba\xa2p\xf8\xfe\x1e\xb3.\xa8\xd9\x03T\x91\x9c\xde\x9b\x00\xc2\x85\x89\xd0\xa9\x17:QL\xf7&lt;\x1e!7\xf7\\\xf6m\xc4\xc2\xb9\t\xb5\xac\x82I\x8a\xac0I\x84\x85a\xed8\xb5\xf8\x01\x9f\x7f\x83`RG\xcf\xbf\x95*\xcew\xeeI\x8a\xbd\xa3\nX)\xbf\xd4n\xdc\xb1G\x88JB\xf6,\t5JX\xcaf\xe1\xd4X\x10\x99\x11B*%\xb8\xa0\xe7WH\xaa\x8c%jF+;\x91M\'\xc7\x14\xcc\x90tT\x92\xd0\xa8)@u\xee\x89\t\xe36=QW\xe3\xb8Q0xw\xc7\xc9\xa7I/\xe8\x83U\xbaMT\x17p\xcbU.C\x8a\xc9\x9f\x01&amp;)\xe0\x90\xcdK\x01\xe6\xec+\x1c\xba\xf2\xae\x7f\xfap\xf5.(Vl&gt;\xce\x17\xc5\xf6\x9b\xf8\x94\xf3\x03\xb7Jl\x0f\xf5\x18\xd5\x991\xbe\xeb\xa7\xc9%\xa4\xf4\xce\xabf\xed{\xd3j\xe4A\xb2\x99\x01\x00\x80Y*\x95\xd9\xeb\x97\x84O\xdaP\x00/\x86\r\x88\\E\x95L/\xec2\x0f&lt;@\x95m3\xa8\xd67%2\xa4n\xb9,\x9d\x13\x15\x01\x19#[\x0c\xdb\'n.\xa2e\xd5\x8e&gt;iC\x94_o\xd2o\xeb\xd0\x95wUN.\xa8\xd8\x02\x18\xdb\x19{^%\x16-\x88+\x9c\x937pW\xd7\xe9\xe7*\xb41\x9c D\xa6\x10\xb1i\xd9v\xabj\x9d\xc0\xb3\x00\xc0\xd14\xb4D\x8d\xa74\xae\xc3Q\x14\xb7\xf5\xc8\x83\x83\x97\xdf\x06\x08a\xdel\xda\xae\xdf\x11QI|\xdb\x8e2o\xc09\xbe\x0f\xbd!1-\xfa\xfe\xad\xa5EV\x94h\x03\xf8\xfe\xffi?U$\xe37?\x1d\xb9\xf6A\x856!J49L\xad\x9a\x8a\xbd\xa6@\x94\xa7+&amp;\x0b\x8e~\x94\xc5i\xa5\xb0\xba\x9c}a,8\xf2A\xf5\x83\xf4\x98}\x91a\x95\xb6N\xc9\x12\xe6\x1b\xfc6\xdd\x14\xfc\x0e\xe2\xec\xfdo\x05\xe4\x8f\xb8&amp;\xf6\xf3O\x1fA\xaa-\x11\x07\xa7\xb8\xde{\xee\xe2\xb0U?\x89{Xz\x8c\x85;\xfdI\x0eP\x87{\xf9\xd7\xd6\xeb(R\xea\xa6\xc6\xf0=\xf4\x08O&lt;g\x9dL8\xab\x90\x1f \x0c\x8b\x92\xf1\xc7I\xebR\xb4q\x8b\xe4\xe2E\x88x\x8f~&gt;\xe4\x9e\xdc\xff\x1e"\x80\x13\x80\x0b\xc7\xbe?\xb2\xc9d\x1a\xff\xa5\x8a\xc2\x19&lt;\xf2+\xba\r\xea\x85Y{\x1c\x00\xc87\xf2\xa6\xab\x987pg\xedv\x8bi\xd33\xb5\xb8\xb8\xa1\xd4hD\xa3\xfe\xcd\x01\xc3\xc2\xe1\xfb\xb9m\xe9\xc0a\x1bkmoj!t\x15\xd1\xf5U\x87\xd0\x9eA\xa5\xd2a\r\xac?R\x84\xa3\x18&amp;3\xbc9l\xd5O\xcc3\xd8a\xab~BD\x80`\xc57b\x0bf^\xff\x1byN\r\xb5\xab\xe7M\xdb}\x07\xb5\xbc\x9a\xb3o[\xa5\xa13\xcf\x85\xb1\xa5\'?#b\x9f\xf9Wy\xed\xc5\x8b\x98\x82\x19\x92\xdfLSU\xcc\xd4\x8dh4\x11\xaadq\xdcX\xba\x14\xf1e\xd5/\xca\xfb@\xbb53\nn\xab\xb0E\xb5\xa6SZ\x8f&lt;\xc8\xf9\x89#\x00?\xd0K \xff=f\xc3\xa3s\xaf\x10\xc0]\xf2\xb7\xb9,&lt;K\xb1\x92W\xb3\xc5\xec\xb8\x96r\t\xb1Y\xdd\xd7g\x94k\x83\x84#\xa2S\xad&gt;|\xea\xe8\r[\x0ec\xf8g\xbf9\x1a\xa9\x826\xe5\xab\'~ay\xa6\xfb\xa7\x0f\x97=\x04\x89\x1bm\xd4\xba\x9f\xd3J\x97\xd3l\xeeU%\xa6;\xf3\x01\x97\x9e\xfaG\x95\x8e$\xa9h\xa1\xe0}\xd9`]z\xb3\x00[5,Xr\xa5\xaa\xdc\xe7\xc6\xf9\xf1\xa8\x0eLCK\xd8\xeaP8`\x97%o\x89(*\x94\x1e\xab\xcch{7\xa7\xe8\xcc)\xa8B\xdc\t\xc3V\xfd\xc4+\xe1\x1e\x11\x0f=\xacDc(\xf1p\xee2\xed,\xb86\x03\xed\xb8\x8an\x89*\x90\xd6\xae\xf4\x12B\xb2\xc6 \xe2\xc4\xad\xbf\xb0\xf9\x1f\xd8\x81C\xb6\xb0\xf3E6\x99\x9c7p\'\xf9\x95\xad\xd7\x89\xa1\x0c\x97\xd9\x03\x05w\x11\x11\xb1p\xc4\x01a\xbb\x03\x00]?\x01\x00\x1a\xe8\x80\xb3{mT\x18\x91|\xf5\x18\x06\x151K`N\xdf\xfdr\xf0\xf2\xdb\xc4\xef\xba\xbe\x85k/\xa0\x7f\xfa\xf0\xaa\x8d\'Qn\xdc}\xd6\x85\xdal2&amp;\xa7^ \x91^\'{%o\xe0\xce\x8a\x9b\xdb\xf1\n\xd4\xd1\xad.\xfb\xb3.\xd9|\xc9P\x84\xc1b\nf\x88\xf0\x95\xb96#&gt;7\x9f\xb4!n\x8c\tO\xf9\x83v)\xba2T$\x9e\x05\x84\xc7\xf8\xfaK|?\x02]\xff\xf4\xe1ji\xd2\x17\x83\x98\x15\xc9j#\xda9\xbe\xef\xe5\xf7\xb8\xf4\xe4g\x9b\xea]\xd87\xe7\x9dF\x18n\x1e\xde\xa1l\xe1\xf5\xfb\x88\xe7\xdf*^BCW\xde\xe5y4\x05\xd4Ud,\xd5\xc1`\nr\xaa\xe8G\x99\xdds#\x85\x9b\xf2\x97\x8bN-\xd6%\x0c\xabj\x9d\x98;`\xebj\x9d\xe54y\x1cr\xc2r\xc6\x83KS\xa5\r\xbd\xbcS\x07\x0f_}\x8f\xfd\tc\x92\xf2\x1c\x11\x11\xc7l|L\xbc0`\xc9\xcdJ\x15\\\xad\x9cT*/\xc8\xfc\xc1\xbb\xc1 I\xd5\xa3\xe8\'\x12\xdf\xbb]L7\xd5\x9b$&amp;\x87\x1e\xe1A\x91\xa7\xaa\xaa\xad\xc8j\x16N\xbd\x8e0&lt;\x0b\xd4udE\x04\xda\x80\xd7*\x9c\xdbe\xdaY\x00P\xc1\xca\x94c\xbaGU\xc2n\x88\xd7\xa1;M=#\r=\x198\xc7\xf7\x05\xa3\xda|\x1b\xa7"\x88|Wv\xf8@\xa5\x8a\xa0Z%aE\xe2\x9d:d\xd1\xb1\xbf$\x7fh\xc7\xe5\r\xdc\xa5\xbc\xcd\xcf\x88\xacE\xd2Jz\xfd\x16\x94c\xbeF}\xb6\xb4\x1c\xbe\x9fK\x90\xd6*\xb2\x13\x11\xc3#\x0c\xb3\xfb/\xbe!\x9aA\xaas\x93\xf4\xce\xab\xc49T%\xe3\xc4s\x040GD\xcf\xda\x03+\xba-\xb0\xf3\x96\x18\xdd\x93mf%\x1dxM\xdd\xf9\x1b"\xd2/\xb4\xc8a\x</t>
        </is>
      </c>
      <c r="E310" t="inlineStr">
        <is>
          <t>&lt;class 'numpy.ndarray'&gt;</t>
        </is>
      </c>
    </row>
    <row r="311">
      <c r="A311" s="1" t="n">
        <v>309</v>
      </c>
      <c r="B311" t="inlineStr">
        <is>
          <t>steps_per_sec</t>
        </is>
      </c>
      <c r="C311" t="n">
        <v>4500</v>
      </c>
      <c r="D311" t="inlineStr">
        <is>
          <t>5.316583</t>
        </is>
      </c>
      <c r="E311" t="inlineStr">
        <is>
          <t>&lt;class 'numpy.ndarray'&gt;</t>
        </is>
      </c>
    </row>
    <row r="312">
      <c r="A312" s="1" t="n">
        <v>310</v>
      </c>
      <c r="B312" t="inlineStr">
        <is>
          <t>Loss/localization_loss</t>
        </is>
      </c>
      <c r="C312" t="n">
        <v>4500</v>
      </c>
      <c r="D312" t="inlineStr">
        <is>
          <t>0.0113435425</t>
        </is>
      </c>
      <c r="E312" t="inlineStr">
        <is>
          <t>&lt;class 'numpy.ndarray'&gt;</t>
        </is>
      </c>
    </row>
    <row r="313">
      <c r="A313" s="1" t="n">
        <v>311</v>
      </c>
      <c r="B313" t="inlineStr">
        <is>
          <t>Loss/classification_loss</t>
        </is>
      </c>
      <c r="C313" t="n">
        <v>4500</v>
      </c>
      <c r="D313" t="inlineStr">
        <is>
          <t>0.2736605</t>
        </is>
      </c>
      <c r="E313" t="inlineStr">
        <is>
          <t>&lt;class 'numpy.ndarray'&gt;</t>
        </is>
      </c>
    </row>
    <row r="314">
      <c r="A314" s="1" t="n">
        <v>312</v>
      </c>
      <c r="B314" t="inlineStr">
        <is>
          <t>Loss/regularization_loss</t>
        </is>
      </c>
      <c r="C314" t="n">
        <v>4500</v>
      </c>
      <c r="D314" t="inlineStr">
        <is>
          <t>0.03565095</t>
        </is>
      </c>
      <c r="E314" t="inlineStr">
        <is>
          <t>&lt;class 'numpy.ndarray'&gt;</t>
        </is>
      </c>
    </row>
    <row r="315">
      <c r="A315" s="1" t="n">
        <v>313</v>
      </c>
      <c r="B315" t="inlineStr">
        <is>
          <t>Loss/total_loss</t>
        </is>
      </c>
      <c r="C315" t="n">
        <v>4500</v>
      </c>
      <c r="D315" t="inlineStr">
        <is>
          <t>0.320655</t>
        </is>
      </c>
      <c r="E315" t="inlineStr">
        <is>
          <t>&lt;class 'numpy.ndarray'&gt;</t>
        </is>
      </c>
    </row>
    <row r="316">
      <c r="A316" s="1" t="n">
        <v>314</v>
      </c>
      <c r="B316" t="inlineStr">
        <is>
          <t>learning_rate</t>
        </is>
      </c>
      <c r="C316" t="n">
        <v>4500</v>
      </c>
      <c r="D316" t="inlineStr">
        <is>
          <t>0.07999108</t>
        </is>
      </c>
      <c r="E316" t="inlineStr">
        <is>
          <t>&lt;class 'numpy.ndarray'&gt;</t>
        </is>
      </c>
    </row>
    <row r="317">
      <c r="A317" s="1" t="n">
        <v>315</v>
      </c>
      <c r="B317" t="inlineStr">
        <is>
          <t>train_input_images</t>
        </is>
      </c>
      <c r="C317" t="n">
        <v>4500</v>
      </c>
      <c r="D317" t="inlineStr">
        <is>
          <t>[b'640' b'640'
 b'\x89PNG\r\n\x1a\n\x00\x00\x00\rIHDR\x00\x00\x02\x80\x00\x00\x02\x80\x08\x02\x00\x00\x00\x83\xaf^t\x00\x00 \x00IDATx\x9c\xec\x9de\x80\xd4F\x1b\xc7\x1f\xdc\xdd\xdd\xdd\x0ewwwwwwww\xf7\xe2V\x1c\x8a\x15)P\xa0\x94\x02E\xdf\xd2"\x85\x96R\xda\xd2"\xc5J\xe5\xff~\xc8n.\x9bL\x92\x89\xed\xee\xdd\xe5\xf7\x01n\x93\xc9\xcc\x93d2\xfa\x08\x11\x11\x00\x00\xc4\x81\x902u\x99!D%y\xd2kP\xb3\xf7f\x9e\xe2\xc4\x7f\x05\xa2fkK\xe9\x9b3\xa5R\xbb\x9c\x88\x88rk\x97\x02\xa0B\xe7\xd5DD\x94j\xf5\xe9\xf7\x00\xc6\xac\xbf#KP\xae\xc3JYA!\x8dg\xcb\xca\x9d\xb4\xf5\x81\x860\xde\xe3\x99\xd6\x9d\xfbg\xc0\xe2\xcb\xde#Y\xc4\x04\xeb\xcf\xff\xebI\x9d\xa6\t\x80\xa5\xc7^V\xef\xb5\xd17\xb7\x14\x8a[\xf3a\xc0\xe2\xaf\xf2\xd6\x9b\xaeq\xb3\x9c\xcc\xde\xfb3S~\x00\xe7~\x91\x16\x1dM\x96\xec\xb3\x9f\xc4\x84l\t\x014\x1b\xb9\x9f\x88\x88\xd2\xf2H\x02\x05=\xe7\x9c#J\xc5y#\xbe\xa41u\x15\x175zor.s\x13\x1c\xfa\x8e\xeb\x8bv\xb1\x83\xa2\x9c\xed\xa7\x8b\x8b\x92\xd8\x94\xbc&gt;gRi;H\x94^7%Q\xa6HYZ{\xfb\x98\xb8\x96E\x95S\xb4\xc5\x02Q\x9e\xe6\xa3\x0e\x08\xe5\x1e\xbc\x83\x9d\xd7P\xa3\xd7&amp;\x00\x14\xaf*q\x8c0\xc4\xb3/\x01\xa24\x0b\x0f\xfd\xee\x93&gt;nUi\xa7\x12%[[\xe1p\x92"}\xa5\x99D\xcf\xd9\x81\x88\x88\x12\x02\xb8\'+.F\x05\x00\xef\x00"*\xdb~\xf9\xa4\xad\x0f\x88h\xf0\xb2\xaf\xa5\xa5\x8c\xdftW\xfaS,Q:\x14\x90\x9e\xddyMZD\xe4\x19\xbb\x1e\xcb\xeeEAhgy\x1f\xf8Q\x91,o\xbdi\xc2\x1fQ\xb2\xb6\xcdXi\x143\x0b\x00\x1b\xbf\xd0y\x92\x00n\xbe\xf7M\x93\xac\x9e \xd5\xf4]\x8f\x01\xd4\x1d\xb0]v\xb3\x94\xa9\xa5F\x9eD%n}\x80\x98\xf9wnc\xe7\x12\\\x94\x10G\xc6a\x9d4e\x87\xba\x83\x89\xe0%\xb4\x1fJ\xd5\x88+\x99\xad\xcc\xda\xf3\x84\x88\xe2\xe6\xef\xb6\xe2\xc4k\xf99\xaf&lt;\xbaE\x03 *\xa8y\xd6\x876\xe3\x8f\xac=\xf3\x97\xf4\xc8\xa5\x17\x98\xb0\xf9\x9e,\xd9\xc5\xdf\xf1\x06 \x8aLD)K\rb\xe6\x9c\xa7\xee4\xe1\x8f\x96c&gt;!"\xa2\x92\x00\x88b\x10Q\xad\xbe[V\x9f~OTTM0\x81\x07^\xf1\x00\xfc\n\x00HV\xbc?Qb\xa2l\xc2\xf1\xcf\x9f*\xee=f\xc5\x9fU\x97\x07\x92\x10\x11Q\x02\xf1\xc8g\x8fe\xf3\xd7$\x92+b\x11\xd7bI\x11f\x82#\xf7\xec\xa9\x0c\t\x0b\xf6\xb2%\x1f\x970G\xd0v\x0cN\xb4u\xdaD\xca\xdc\xda\xd2\xf5\xe9\x9a\xa9\x9d\xf1\xff\xbd\xb8p!\xbc\x95\xfa\x83&gt;\xe6|=\xf1Cz\x008\xf33\xa2dmS\xb9\xebGk\xcf~`&amp;k:b\x1f\xf3x\xc1\xc6s\x982\x00 *\xcc\xbcD\x9c\x99qNv\x99xWGC\x8b\x13\xa7\xf2\x14\xad\x9c\xaf\x18\xbe$\xabG\x14\xbfL\xbb\xe5DT\x7f\xd0\xc7\x1a\xe5\x16j:W&lt;\xf8- &gt;\x81\xb7\x92&lt;e\x1f\x18\x80\x04!=%\x99\xc4\x92I\x02 w\x9d)DtV\xd9\x01\xb3nYXN\'\xa2(Y\xdbR\x8c\n\xe2\xf15g\xfe\x8a_\xa0\xbbRx"\xda\xe0]\x1e\xd7x\x80\x15;\xaf\x11\x12,9\xfaB-\x8d\x8cb-\x16p\xa6tq\tN\xc2W\xa7\x95D?\x89K@\xc9\xc6\x99\xaep\xd3\xb9V\xeae\xf2\x12\x03M_k\x9c\xac\xcaC\xc2w5t\xe5u\x00D\xc9\xc5\xe3u\xfao+\xddn\x99^\x86\xf2]g\xcdG\x11\x83\x88\x96~\xfa\x8a\x88&amp;o\xfb^\xf9=\x17i6\x1f\x92\xb9\xaf\xb8(=b\xf5M\x00u\xfao\x03\x90\xb8p\x9f1\xeb\xeft\x9dqZ85|\xf5Ma4\xc0\x04\x00Ql\xef\x1f\\\xabg\xfd\x16^\x12d\xc8Qsb\x91f\xf3UR\xa5!J\xaez\xa7)\x1b(\x0e\xe5$\xca\xc8S\xbaK\x90\xd3s\xee\xf9@\x8b\x100z\xcd=\x1f\x8e:`\x97@\x03\xe0\xf6\xdf\x0e\x8e\xe9\x00$,\x14\\\x0b\x89\xccEc\xa2\xbc\xb6\x16\x92\xd3\xf7g\x01\x9e\x9eO\xe8\x8c\xe7\x1f\xfcM:\x1d\xef\xbf\xf8+\xe1l\xfa\n#\x004\x1c\xb2\xeb\xae\xef\xe61\xa5j\xd4}\xd6Y\xedu\xf8\xe9;\x7f4z\x03s\xf6=\xd5M\x13?\xa4\x87\xfa\xc9\xd4\x83\x97\x7f\xcdQN$~\x91\xc2+\xb6h\xd2\xd9B\x8d^\x9b\x88bV\xee\xf6\x91f\xaa\x9c\x11\xbe\x07\xb2\xaa\x94j\x9a2\xed\x96\xaf=\xfb\x81_\x8fG\x83\xa5\xc7^Z\xcf\xc4\xc5\x1e\x00\xa4-;L7\x8dtfF)\xb8*\xc1\x9d\xffP\xa0\xe1L\xab\xf2\x19$z\x8e\x0e\xda\t\xda\x8c?\xa2v\xea\xb9j\xe3R\x80\xd1\xeeD/\xef\xf33M\x13]\xd9\x94\xa4\xf0\xcc\xfec\x00Xu\xea\xadx\\x\xe0\xeb\xce\xfdC\x94$AHO\xa2L\x00\xbc\xfa\xae\xc9\x844\x15:\xad\x06\xd0f\xfcQ"\xca\\e\xec\x99\'j\xc23V\xf2\xb3T\x1d+\xcc\x8c\x89h\xe8\xca\xeb\xabN\xbd\xe5\xfc\xb0%\xcfAk\xd42d\xc55\x9e\xdc\xac0h\xe9\x15\xf6\x89\x045\x9c.:\x14Y\x1d\x08\x12\xe2Ww(\xe3\xae3\xceD\xf8\x0e8`&lt;r\x9f|8\xa3|\xa7UDD\x94\xce\xd8e\x19Z\xd8\xfc\x11\xc6\xachcf\x8a\x99Y!\xe9\x0fA=J$M\xd9\xa1\xc2\x1f\x9a\xd3\xc4\x18D\xb9\x88\x12\xaa\x9d\xb6\xf24\x00\x1c\x7f(7\xc1"\xa2\xbc\xf5\xa6)\xb3\x1d\xf5\xd1\xff\x94\x97\x03X~\xe25QdJkx\x04\x90\xaf\xfet"j&gt;\xea\x00\x00\xa2\x1c\xac$\xf2^\x16\x00Q&lt;\xa3\x05qr\xfbo\xc4\xce\xdb\x853\xb1\xdac\xf7\x9a\x99\x85\x19\xe2\xe5\xef\xe6@\xae\x89l\xcf\xf1\x83\xf0\xc0\xa3\x97\xb3=g\x97\x08\x8e;\xaaS\'^5[\x9eN\x82\x82=\xadg\xc2"\x8a\xec\xb7!i\xaf\xfc\x898y\xbb\x12Q\xea\xd2C\xd4\xd2,&gt;\xfa\x82\x12\xd5\xf29\x94\xbc\x9e-\xea\x18\x99*\x8f\x01\xf0T5\x9f\xc4\x9aWGo?\xf9\xb8"\xc7V\xe6$9\xf0\x8dG\x86\xcb\xaf\x103W\'\xef\xe1\xf8\xc1\xfca\xa8\xcbf\x7f\xdf\xe3b7\xbc\xfa%\x81\xa5t[]\x15\x90\x88\x8aD\xa3\xd3:\xc1\xdc\xce\x04\x18\xdf\x9e\xa6\x183M\xc96Kt\x97Gxz\xac\xf6\x93&gt;M[\xcew1&lt;qm\x0e\x19\xcd\xa9\xf3E\x02\x10\xba\xa5*\xebb5\x01\xb0\xf9K\x00h;\xe1\xa8Z\x02\x9e\xbd"\xe1\x99\xc4\xcd\xe7\xc4\x04\xc8&lt;\x00\xa4\x06K\x81\x15\xc6\xc5\xc5\xc5F\n5aX\x9d\xb8\x04/\xe5:\xae\xe4I\x06@\xd7C\x90\xa8\x91\xabrJN\xca\x92L\x85)?\x93\x91y4T\xe0\x94\r)R)\xa2\x02u\x07l\x17\xcf\n\xaeB\x1cDs\x19\xf0\xfc\xaf\x16{\xcd&lt;\xd6.wqq1M\xac@\x0b\xe0\x12Dd\x050\x96\xe5\xa1\xc9\x1c\xcdF\xeeg\xf6\xb5\x00\xf6\xffO~\xfc[\xfb\xa6_&lt;&amp;\xb3J\x94n\x1a5I@TD\x92y\x88\x91km\xc4\xc6\x0f8\x81}Y\x19\xa3|\xc7U\x81*\xda^\x82j\ta\xc0\x92\xcb\x81\x16\xc1\xc5\x85\x81`\x99\xe9\xc2@0U\xb2+\xb7q\x1b\xbf\x936ISw&lt;\x12\xfe\xa8\xd0\xc9\x7f\r\xee\xcc\xdd?Qx\xb3\xa9\'"\ni4\xcb\xce\xec\xa2\x94\xf1\xc3\xf3)\xd9z\x89\xa3\xf9\xc3\xeb\xb3\xcc\xc5%l\x11\xceZ\'M\x12\xc5Sq\n\xe4Bm\'\x1c\xa5\xf8\xd5\x88\xf2S\xda\xa6\xf6\xe5\xea\xe0"\xa7\xc5\x8a\xdbw\xe1\x97vI\xe2b7\xe6\x023\xb8xHT\xa8w\xa0EpqqIZ\xd7\xde\xe1\xd5\x99\'\x10|\xe8\x07\x03\x16\xa7\xb6\xf9\xfdm\xb8\x1c\xcc\xce(\x8a\xf8\xbfH\xcdw\xa7\xea\xd9;\xc0$\xaf\x17h\t\\\\\\\xc2\x02B\x03\xf7\xcc\xd6\x0e\xf8;\xa7\x97s\xa3\x96\xe5Ok\xa4\x03NfN\x9c\xa0@\x11\xabQ\xca\xff\xfe\x81h\xe2\x1c\xb6\x08\x9b+oA\xa88\x13\xdd\xe9\x02D7m2\xba\xcf\xfe\xdc\xe9\xa2]\\\xc2*\xfel\xe0l,\x8b\x19\xaaO\x8d\xf6\x93&gt;5]\x90\x1f\x9e\xcf\xdc\xfd\xbf8\\B\xb4\xca\xdd&gt;"\x8a\xe9p)\x8e\xa0n\x15\x1d\x06(\xd2l^\xa0E\xf0\x1fas\xa8\xe4\xe2\x128\x00\x18\xf6{e\x98\x9c\x9d\xa7\x9d\xb29K\xf5\xa0Z\x0cbW\x0e\xf6\xa6!nU\xf5sLwT\xc1\x86\xdc\xf9\x89\x9d\xa4h@\x94\x83\xe2Tq\xb0\x08\x17\x17\x17\x97\xc0\x11M?\x89yBz\xcf\xff\xc2\xde\x1c-t\xa8Q\x82\xbd3\x96ST\xcf\x1b\xbe\xfdl\xfc\x02\xef\xc3\xd8S\xf2\x10t/\x97\x11\x06*"\x90&gt;\xd0\x02\xb8\xb8\x84\x11\xda\x8c?"\x8d\xb8\x17\xee\x89\x91\xb3c\xa0E0\xc0\xa7\xdf\xdb\xb6\x9bn\xcc\xc1\x16+\xa8@\xa0,\xb5*w\xf5\xf7\x10\xc4\xc5~R7\x0e\xb4\x04ANN\xe7|\xaa\xbb\x847:N9\x11h\x11|\xb15\n\x8dj7\x93\xaa\x91\x8d\xa5p\x12L\x06\xca\x91\xbez\xc9#I\x88\xd3r\xb8\xb8\xb8\xb8\x84O\xce\xff\xc6\xd1\xc8\x06\xa2+R#a\xa1^\xfe\xea\xa2\x18\x81\xfc\xfcPh\xd0t\xc0.....\xfe\xa2\xc5\xe8\x83|\t\x0bh\x9cKUj\xb0-\xc2h\xf0g8\xef\xa22\x07Z\x80\x80\x93?\xd0\x02\xb8x\xe0\x1c\x0e\nq\xa9]\\\\\xecg\xf9\xf1?\xc5\xbf\x93\x15\xef\x0f`\xd8\xca\xeb~\x96\xe1oiC\x10\xb3\x82\x9fKwqq\xd1 i\xb1~\x81\x16!l\xe3\xae{\xb9p\x01 \x7f\x03?\xbb\x8brqq\tF^H\xba\x8d\xdd7\xdc.\xc4&lt;n\x07\xec\xe2\xc1\xab\x07\xc4\xed(*~u\'\xc5qq\tvN&lt;r[O\xcaSw\xdak\xb7\x171\x85\xdb\xfb\xbax\xc8Pq\xa4\xf0\xc7=\xee:\x11;o\x17\x1b\x05(\x1c\x91\xdc\t\x053\x81\nQ2f\xfd\x9d\xb0e&lt;\xe6\x8b\xdc\x95\xca\x8f\x11\xabm\xcd\x1dh\x01\\\\\xc22e;\xac(\xddv\x19\x11\x01x\xa7\xd9v\x00h&lt;l\x8f\xbf\xe4\ns\xc4\x0e\xb4\x00a\x00\xf6\xc0?A\x8d\xcf~\x8aP\x9d\x96K\x84\'e\xc3@K\xe0\x12\x1c4\x18\xbc\xd3\xb3\x04\x1d\xb9\x94N\xd2\xa4uj\xf7\xdb\xe6\x17\xa1\\\x02\x83\x8d\xa1\xa0\xc3=\xdfE\xac\x99\xae\x7f\xc9\xd8"`E\xc7\xaelw\x8ei\xec\xce\xd0%|!t\xc0G\xef\x83(j\xa0e\t^\xce&lt;q\x1b\\\x9b\xc9[oZ\xa0E0\xcf\x05\x1e{\xfap\x8a\xbb\x85\xe9\xe2b\x1b\xd9\xabO\x000x\xd9\xd5\xa0\x8c\xb3\x16,4\x1b\xb9?\xd0"\x84G\x92\xd6\r\xb4\x04......\x11\x8c\xb1\x1b\xbe\x05p\xfd]\xd8\x98N\x05\x93\xd3\xd0@\x12\x9e\x1eB\xb4\xec\xed\x03-B\xd8&amp;k\xb5\xf1\x81\x16!\xcc\x93]\xfb\xf4\xe7\xbf\x84\xb6;\xd7\xdf\xa1`\xe3\xd9\xf2\x14\xb1*\x11\x11Q\x12\xdb%s\t\xf7\x0cZz\x85\xd25\r\xb4\x14r\xd4\xfa\x18\x00#\xd6\xdc\xf2\xb30N\x10\x9e:Q\x17\x970\x0c\xc7\xa7\x98\xc0\xfd\\]"\x14j\x15~\xfa\xce\x1f\xfd\xfc-\xb8\x9f\x9e\x8bKx\xc6\xfd\xc2-\xa3\xb3\x84\xe0\xe2b;\r\x06\xefT?\x99\xd4\xb9r\xddux\x17\x17?1\xff\x93g\x81\x16\xc16lo5b\xe4\xec\x10\xbe[\xa2\xf8!=\x02-B\x90\x12\xfe\xde\xbb\xa1;Zz\xece\xb9\x8e+\x9d\x13&amp;\xc2\x90 \xd0\x02\x04\x8e\x0c\x8133\x0bC\x04yC\x93\xb0\xa0\x7f\xc2\x14\xba\xbe~,\x115{\xbb@\x8b`3\x00\x882\x06Z\n6\x99*\x8f\xd6\xd8\xc0V\xbbJq*V\xe6\xcac4J\x01@\xa9\x1b\x9b\x91\xcf^&lt;\xda\'.6\xe0\xdf\xd6&gt;\xa6\x1f\xcbrq\x8c\x85\x87~\x0f\xb4\x08.:\xcc\xde\xfbs\xa0E\xb0\xca\xf1\x87\x06\xda\xa6\x1f\x80u\xe7\xfeqN\x18-247\xdd\x8cv\x9av\xca.)\xe2\xe4\xedjWV\xbaL\xdf\xf9\xa3\xdf\xca\n\xdf\x04\xf9t\xcb%\xec(9G\xd2s\xe9\xe5b\x96\xb2\x1dV\xb0\x0e\xfb\xb8\xe1\x8c\x94\xa5\xb5\x7f\x84\tB\x12\x17\xe9\x03`\xca\xf6G\xd2\x83|\xfb\xa6\xf1M\xb5\x80\xa9\xa5?^\xb9m\xa8\x8b\x8b\x8bi\xea\r\xd8a=\x13\xd7G``\x89\x08C\xe9\xbb\xea\xcb\xbc\x00\x9e\x03Dq\xf3\xd6\x9b.=\xe8\x84\x18c7|++\xbd\xc9\xf0\xbdN\x14\xa4Vb\xd02a\xf3\xbd@\x8b\xa0$\x8a\xecw\x98\xf9RR4\x08\xb4\x04\xe1\x94&lt;u\xa7\x9a\xbeVhV\xd6\x9c\xf9\xcbFy\xec\xc0\xdd]\x08$\xe5:\xacL[nx\xa0\xa5\x08\x18\xf0B\x94\xc5\xd3\xbc\xc6\xae\xc4\xd3\x01\x0f_}\x93\'\xffJ]\xd6p\x8a\xc1\x93\xcc%\xac\x93 \xa4g\xa0EpQ\xa7B\xe7\xd5f?\xc5T\xa4\xf7\x19\xd7\xe8\xbd\x89\x88r\xd5\x9eb*\x7f6\x95\xba\xac\xb517\x17\xff\x13\xc1\xf5c\x85\xbev\xff\xffP\xab\xcf\x96b-\x16\x12\xd1\xab\xd0.\xd9"\x86\xfd\xb4\x97\xef\xb4\xcar\xa1\x96\xf0\xf38`\xcb%\xd7D\xca%\xe2\xe0\xc0\xba\xc4\xb8\x8d\xdf\xa9\x9f, \xfb}\xf8\x9e\xca\xc7\x16\xa9\x14\x80\xc5G\x9ew\x9cr\x82\xa7\xd0K\xcf\xdd\x8f\xd6:\xf9\x88\x8a\x10Q\xf6\xea\x13\x02-I Q\xe9k\x13\x89\x7f\x05\xcf\x10\xd3\xe1\xbe*\x9a\x93\x99\xfb\x8d\xc8\x81\x16\xc0\xc5\xc5\xaf\xc4W9\x1e\x89uP5\x04o\xe7\xe9\x9f\x8dY\x7f\x07@\xe4,ml\x11\xcb\xc5\x85\x93\xce\xd3N=\x04&gt;\xffEk\x93\xd8\xcf"1\xf9\xe2YP\x88\xe1OdO&gt;H^\x84\x8bK\xf0\x90E\xed\x84\xfb\xb5\xb8\xb8\xd8\x88\xfbA\xb9\xb8\xb8\x84\xf2\xf5\x1b\x94h\xb5X\xed\xec\xd0\x15\xd7\x9c\xdc_L\xe6X\xce\xe1\x85D55O\xc7!\xa2\x1c5\'\xf9G\x96\x88\x8a\x1b\xae;X\x00 \xd9/\xf3Dq\xad\xdek\xa3\x89\xacJ\xb7[f\x93P\xbc\xb8c\xaf\x00\x106\x1ez\xd42\x81\x96\xc0\xc5\x97T\x8d\xf8\xd2\xe5\'"\x00\xfd\x16^\xd2H$,\xc0\x96m\xbf\xa2\xfe\xa0\x8f\xed\x10\xce\xc5\xc5\xdfH\x14\xdd\xe5\xb4\x18}\xb0"\x9f\x9a\xba,C;\xe4\n+\xa8\xaeq\x86O\x06-\xbdJ\x14\x8f&lt;\xaf9\x82\xdd\xbc\x7f\xc8\xd4\x92\'U\xf1\x96\x8b\x9c\x16$\xd8I\xdfLh\xb9\x16\x1fy\x0e_\x9eF\xac6\xc8%\x0c\x13&lt;\xbb\xf8f\x89\x11h\x01"$e\xda/\xd78;e\xfbC\xb5Zu\xf6g\xf6\xf1\x96c&gt;\xb1A\xac\x08C\xd8\xffn-\x93\xa8\x96\xac\xdf\xdd|1\xf4\xef7\x00E\xb8\xd9\x80K\xd8\xe3\xd2\x0b\xb7\x8a\xba\x18%y}\x8d\xa6\xed\x91)S\xc5U\xa7\xdeZ\x16+x\x99w\xe0W\xdb\xf3\x04@\xc9\xea\xd9\x9em\x98\xa0\xf9\xa8\x03\xd2\xae\xf7G\xc0k\xa9RPcM\xcf\xc5%\xa8\x00\xb0\xe4\xe8\x0b\xdd4\xbf\x06\xae2\xab|G\x99\xfd-\x87\x8b\x14\xa1\x81\xcb\xdf`\x86\xc6Y\xc5\x9b+4h\xd9U?\xc8\x16,\xa4i\x1c%k\xa8\xcdR\xc9\xd6Kl/!~H\x0fa; \xec\x12\xd9\x94\x9f\xe7\x1c5\'\x8aul\xdfmH]\x16{k]I\xb7\x0fv\tz\x92\x00\xe82\xfd3\xb5\xd3\x00f\xecz\x1cl5\x19\xc0\xa2\xc3\x7f\x88?\xd7\x9d\xfb\x87\xe2W\x0f\xa0&lt;\x11\x14\x00\x85\x9a\xcc\xd58\xfbAa$\x17T\xd5\xc8\x0f\xb4\x18\xed.\xaa\xdbO\xdb\tGC\xd7\x9c\xbf\x04QZ\xf1T\xf2\x12\x03\x88H\x88\xf3q\xf6)\x004\x1c\xb2;0R\xba\x84;z\xcd\xbb`{\x9eB5V\x8b\x8e%]\xe3\xd1\xc8$^\xfe\xee\xb6\x0b\xc6C\xd3\x11\xfb\x02R.\x80\x84\x05{\x05\xa4\xe8\xb0A\x19\x96\x1e|\x04\xec\x80]\x8c\x91\xbe9G\xa28\xb2}_\x8aTRz\xfa\xda\x1b\x10\xc5\xec\xb7\xe8R\x8d\xde\x9b\xfc\\\xe5\xdc\xea\xedb\x90\xbc\x92\xfe\xb5 3E\xa2\xc2\xbdu\xfb`\x00\x14\xdb\x91H\xc6\x19*\x8ct"[\x8b\x00\xd8u\xcd\xfd\xd6\\\xec\xe6B\xc4\xf3%d\x94\xe5\xc7\xff\x84\x02\xdf$\xe9\x84%\xb2\xac\xd5\xc6\xbbc&gt;\x97 \xa7\xfe\xa0\x8fy\xfaWK\xd58nU\xf3\xd7\x06%\xff\xba\xdf\xb5\x8b\xc8\xf5w\xbeU!n\x15\xf3y%\xadkQ\x98p\x8f\xb2\xf7\x05@\xb1*\ng\x85h\xea\xc2\xc1d\xc5\xfa\xef\xba\x8e\xa3\xf7m\xf8V\xdd\xaf=\xdc\x93\xa0\xa0\x83Q\x80\x9a\x0c\xd3\n\xe9\xc8\xb3\xc8\x1c\x10\x82P$/\x91\x88\x12\x06Z\x06\x17\x17\x0f9\x03-\x80\xa3\xf8\x04=\x9d\xba\xe3\x11\xa3\x03\xf6\xfa\x1d\x03\x105[;\xe1`\xb6\xea\x9e\x19\xf0\x8d\xf7\x08x\x18\x1f\x97\xb0C"\xfd$,\xcawd\xd41\xa1\x0f\xdb\xf6\x95VO\xa6\xdb\x01\'.\xdcG\xfc\x9b3\xf6\x06\x80\xc3w\xc3\xf3\xb83u\xe9!\x81\x16\xc1%L1w\xff/\x9f?u\xa4B\xbf\x0b\xe2\xef\xc4v\xe6\x1f\xfcM\xd6\xfb\xae=\xfbA\x9a ]\xf9\xe1\x00:N9\x91\xbd\x86GS:\xfc\x05\t\xe0\x8c\xca\xe5\xc2I\xcd&gt;\x9b\xd5N\xf9\xa7\x13\xf2v\xc0\xcc`0f\xdc\x85\x9e\xfe\xc9\x16\xb1\xd3\xea\'\t\x1ce5\x1dQ\xb8\xe8\x10\'o\xd7d\xc5\xfa\x07Z\n\xff\xe2\xcc\n\xb3\xdf\x07\xaaI\x9c\xc84]\xf9\xe1\xcc\xe3\xb2\xbb+\xd2l\x1ek\x0385\x80u\xe7\xfe\xc9Zm\xdc\xd2O_\t)+uY\x03 Y\xf1\xfe%\xdb\xd8o\x00\xe6\x0c\xaeme`\x00\xc0\xf4\x02T\xb8\xd9&lt;\x0b\x1fW\x06\xfe\xa4/\xbd\x95Yj\xde\xe3\xe2\xc2\xc53CuT\xbaE\x9a\xa9\x95\xed\xc2\xb8\x84\'f\xee\xfeI\xd9\x02\xb2\x96\xa0\x89\x88\xb6~\x05\x8aYA\xf8\xbbN\xbfm\xc1\xb9\xaf\xe6\x12\x94$M[\x8e1\xfek3\xfe\x88\xffEQ#F\xce\x8e\x86\xd2\xdf\xfc\xcb\xce\xca\xef~J\xc1\x8b\xdb\xd2\xf9\x99\x9f#\xd0\xd3N\xcc\xacZ\xb2\x0e\xf8\xd8\x03L\xdcr?~H\x0f\xe1\xec\xb8\r\xdfy\xebd\x1c\xffJ\x1b\xf6\x89Q!\xd0\x12\xb8\xb0)\xdcT\xd5\xe9B\x84 v%"\xea\xed\x80)v\x98\xc7\xed\x80\x8d2u\xc7#"\xcaRul\xa0\x05\t\x0e\xb4L\x18\x8b\xad?\xffo\x92\xa2}\x99\xe7J\xb6Y"\xeb\x89\xff\xf7\x0f\xf2\xd6\x9b&amp;\xfc]\xa3\xd7&amp;\x87\xe4\r\xc74\x1b\xb9?\xd0"\x04\x8e\xb8Ul\xda:uq\x8a\xff\xdc\x8eF\x85\x90@\x0b\x10\xe6(\xb1\xfd\xb2]\x95\xa9\x10\x00JQ\xdf\xa6\xdc\xc2\x16Y\xaf\xbd\x95\xafHO\xd9\xfe0\xd0R\xb9\xb8\xb8\xb8\x04\x82\xb6\x13\x8f\xe5\xae35\xd0R\x18\xc6\xe9I\xbc\xa3\xbe\xd3n}\xc0\x9e\x9b\x11wlx\xeeW\\\xf9\x13\xa7\x7fB\xd5\xee\xeb\x03-K8\xa4`\xe39\x81\x16!\x1c\x103\xa0\xa5\xe7\xb2rq\xf2\xe2\x03l\x12\x83\xcd\xc5?\x8c\xb5]\xee\x82\xab6y\\\x07\xbc\xfc\xd8V\x99\xe2T\xb6\'\x9f`\xc0uHb\x86L\xfe)&amp;\x824\x7f\x03\x16\x7f\x15h\x11"$)\x1a\xe8&amp;\x81\x1dV\xcea\x9b\xf6\x93\x8f\x07Z\x84pB\xe3a{\xccE*\xec\xb7\xf0K\xdb\x85q\xd1"I\x9d@K\xa0\x85\xdf\xfa\xc5\x08\xd2\x01\x9b\xf5\xb5\x94\xdd^!\xa4T\xe9\xbe\xce\xb9\xcc]\xc2=\xe9\x02-@X\x85\xb7\xc9\xb3\xe2\x05\xd3\x08\xd5{n\xf4OA..\x01&amp;r\xe9@K\xe0\xe2\xc2O\xcc\x8a\x81\x96 \x1c2n\xe3w\x81\x16\xc1\xafl\xfe2\x82\xcc\xb1\x88\x88(}\xb3@K\xe0\xa2J\xed~[\x03-\x82\x8b\x8b\x8be\xfc\xb5p\x17\xd7\xdceMG\xeck&gt;\xea\x80\xbd\xa2\x18%\xc2\xacm\xba\x04\x84\xd4&amp;\xae\t\xbe:\x19#\xd0\x02\xb8\xb8\xf8\x97\x95\xa7\xde2\x1d\xe5\xb8\xd8K\xf6\x1a\x13\x02-\x82\x8bKP\xd0h\xa8\xab\xc7\xaa$\xab\xf0_\xa7\xa9\xa7\x02+G\xd0\x93.\xbc\xad\xaa\xdd\xfa\x10l\x03a\xe7\x89m]\xad:\xdb\xd8\r\xdf\xda \x89K\xf0\x11\x16M\r\xb9\xc9CIj\x07Z\x06\x17\x17\x07x\xad\x19wz\xc9\xd1\x17)K\r\xf2\xa7&lt;\x9c\x0c\\z\x85(R\xa0\xa5\xe0\xc2\xe0\xa2Y\x88\xca\xf1\xa4&amp;\x8a\xeeo\xc1r\xc3\x0f&amp;\xbc\xe6\xb4\xcd]\xf80\x10{\xc0\xc5\xc5%0\xb4\x9f|\x9c\xa8\x10Qq\xb5\x04E\x9a\xcf\xf7\xa7&lt;\xfc\x04\xdfn\x10\x83HYZ\x0fXr\xd9\xc8\x15\xac\x8d\xb1h\xe5\x8e}o\xcf\xcd\x1a}h\xe9\xcb\x8f\xb0\xa5\\\x17?\xf3{X\xf8:\\\xc2\x01o\\\xcf\xc7&gt;\xa4l\xe0\xfd\xabP\x00\xa5\x08C\xc4\xcd\xd7\x95\xe2U\x0b\xb4\x14Z\xc4\xc9\xd7U\xb7\x8a\x9fy\xc2\xf5\r\x00\xa04M\xf8\x8b\x06\xd0u\xe6\x19\xa6P\xd2\x1f\xa9\xcb\x0c!\x8aN\tj\x08?\xf37\x98\xc9_\x84\x8b\x8b\t\x00\x10\xe5\t\xb4\x14\x0e\xf2\xc2\xa9^-{\xb5\x1e\x1bB\x7fy\xbfY\r\xb4\x1b\x1f7\xf4\x80\x87\xed\x97\xf1\xd1\xe7\x7f\xdfx\xaf\xb5\xa4\xecOy\\ld\xebW8\xf7\x0b\xba\xb1\xfb\xc2\xc0\x93\xa1\xe2\xc8\x94%\x07I\x1a\xc4X\x81\x94\xc6%\x02\xd0i\xea\xc9@\x8b\x10\xe6)\xdb~9O2\x9d\x8e#jY{\xa4\ts\x00\x18\xf5\xd1\xff\xc4\x9f\x1b.\xfc\xa7\x9d\xfe}\x80;\xe04\x01-=\x8c\x13K#B\x91_IV\xac?Q\xfc@K\xe1\xe2B\xd5znp\x03\\Z\xa4|\xc7U\xbai\xdc\x99\x9b\n\x11v\xe8\xe1\x12!pGl.LB\xf5$\xde\x03Y\xab\x8d\x0f\xa0(.\x12\x8a\x84\xfe\xe9z\xb3\t{\xa4mj(\xb9;.sq\xf1\xa5d\xc4\x88\xc1\xe5j\xb7\x04;\x11=6\x03\x11\x95j\xbb\x94y\xfc\xeak\x14h8s\xdfm\xec\xba\x1e\xb6\x9f\xd1\x9d\xff\x02&amp;\xbf\xdb\xf7\xcb\x00@\x99Z\x05Z\x8a\xa0%\xb9\xe6Y[\xe3\xe2elign..FXx\xe8w\xe1\x8fgn\x0b9\xff\xe0o)J\x0eT\x1e\x070j\xed\xed\x0eSN\xa4+?\x9c(\x99\xff\x05#"\xa2\x9c\x01*\x97\x01\x80\x13\x8f"|u\xb1\x81D\x81\x16 \x18\xa9\xd8yM\xa0EpqqqqQ\x00 F\xce\x0e\x81\x96\xc2\x9d\xd0;I\xf8Z\x18h=\xeep\xa0E\x08\x0c\xeb\xce\xfd\x1dh\x11l`\xd1\x91\xe7V\xb3HV\x8f\xa2\x95\xb3C\x16\x17/\t\x0b\xf5\xf2C)A;\x15\xa8?\xe8\xe3@\x8b\x10hbT\xc8Ru\xac\xf20\xf3\xa0\x8b!\xea\x0e\xd8n\xec\x82\xf4\xcd\x9d\x11\xc4%lp\xd7\x1d\r\x87q\xe2\xf9\xbf\xc8\xff\x00\x1e\xdf\x0bi\xca\x0c\xf5\x830\xc6)\x11h\x01\x1c\xe7\xbe\x91\xaf\xda\x9d\x10\xdbJ\x0eC\xa9\xdd\x87o\x9a`XL\n6\x92\x15\x1f ?\x94\xa4N\x00\xe4\x880\xa4\x0fT\xc1\xe5;\xe9\xdb\x93\xb9\xf8\x93\xc2M\xe7\x05Z\x04\x173L\xfb\xf8\x07\xcf_\xa9\x1a\x06T\x90pN\x9f\xf9_\x04Z\x04\x7f\xf3\xaf=\xc3\xbb\xa2vd\x12\xeeH\xae\x1c\xec8\xc0\xd0\x95\xd7\xfdPJ\x84\xc5\xf0\x8a\xa5\x066DOr\xd1\x85/\x1c\xac\x11_\xa7\xd5zl\xf0\xce\x83\xb5\xd5\xa7\xc3\x16\xb9\x02-\x80\x9cRm\x96\x04Z\x04\x7fc\xcb\xfaJ\xd4\xec\xed\xacg\x12^1\x19\xfe\xdd\xc5\xc5\xc5\x1cj\xe6pi\xcb\r\x13\xff\x06\xd0x\xd8\x1e\x7fI\x14\xb1`\xdaz\xb8XD\xa3\xab\xd6\xed\xc5\x93\x15\xeb\xdf}\xd6Y\xbb%r\xb1F\x8b\xd1\x07\x03-\x82\x06a#\xb2\xa1K\x00a\xb6;\xa5\xda.\xe5\x99U\x00\x98\xbd\xf7g\x07\x84rq1C\xbc\x02\xdd\x03-\x82\x8be\xe2\xe6\xebf ul\xffy3~g\xaf&amp;K\x94\xd2v\xe6f\x1c\x8b\xeb\xd2\x912\xb7\x9e\xb2\xfd\xa1M\xb2\x84\'\xa2X\xcd R)\xfeP0\x13\xb7\xdc\xd7K\x12\xb7D\xab\xc5VEr\x8c8y\xbb\x04Z\x84\xf0D\xd6@\x0b\x90-e\xa9\xc1\xba\x89\x00\xfc\x00P\x9c*=\xe7\x9c\x13\x0f\xc6\xcb\xefv\xde\xc1\x8b\xeb\x1b\xddv2[\xba:eC{\x15k]5])\x00\x8e?\x94?\x10\x8e\xbe6X\xf8\x93\xfbm.V7!\xcdSo\x9aM\xe2\xb8\xd8\x06\x80\xac\xd5\xc6M\xd8|O\xed,\xf7\x87\x1c(gM..\xe1\x83\xd4\x8d\x03-\x81\x8bKp\x13\xa5L\xa0%\x08\x00\xb9jO\x0e\xb4\x08\x11\x8c\xe5\xc7\xff\xf4\xfe\x19b\xe2r\xd3\xb3\x9fp\xad\x81\x12\x9d\xd28\xde\xc3I5z\x02I\xaaF\x81\x96\xc0\xc5\xc5\xc5\x1f\xac&lt;\xf9\x86q4VE\xbf\x0b\x12^\xf8\xd7\xc0\xb2\x03\x83\x19\xbb\x1e\xdb(L\xf0\x115\xd0\x02h`y\xb72\xdc\x92\xd2\xd6\xdc2\xd9\x9a\x9b\x0e\x01Y\xccOR\xb4\xaf\x8d\xb9\xb9\xfb\x11\xba\x84Zu\xfb\x8f\x00\xf8br\xe1\xa1\x04\x80{\xc0\xce\xaf\xdd\xcf\xc6\xc5%\xc0\x18rO\x16\x9c\xf0GT\xab\xdc\xed#G%q\x11\x99\xb4\xf5\x81]Y\x8d\\s\xdb\xae\xac\\\x88\x88*uYkd\xfb]\xce\xc1;\xc8Xq\x94\xbd"\xb9x\xf1\xeb\xf4\xcbF\x86\xaf\xbe\xc9&lt;\x9e\xc1\xad*.^2U\x1e\x13h\x11\\\x0c\xf0\xb7\xb5\xe5\xd2\x08H\xd09\x9aQ\xa8\xef\xbaNB\x9c#_\xa0\x05pq\xd1\xe2\xecS\xb75\xf7\x07v\xf5\x9an\xef\xeb\x0cQ\xcb\xfa\xad\xa8\xa2\xcd\x17\xf8\xad\xacp\xc6\xbc\x03\xbf\xae&gt;\xfd\xceB\x06|\xfe\x11\xc3\t\xd6\xcc\xb4\xec\xa7\xa4\x89k:O\xff\xccv9\\\\\x04\xae\xbf\x95Ng\xe3\x12\xe5\xb1\xbf\x8c\xb8U\xed\xcf\xd3\xc5F&gt;\xf9\xd6\x81!U\xa4R\xf6\xe7\x19,\xa4p.\xeb\n\x9dW;\x97\xb9\x9f\xf9\xe2w,\xfb\xf4U\xa0\xa5\x10\xc9am\xea\x10\xd96A\xc2+\x8a)D\xb2\xe2\xfd\x03"\x88\x06\xdem\xbe"\x81\x16\xc4$\x82\xfc\xa9K\x0f\xe1L\xff\xc53w\xba\x1c\x06\xc8\x1dh\x01\xc2\x151rv\x0c\xb4\x08\xc1\x82\ra\xc6\x83\x047\x18\xb0\x1dd\xab&gt;&gt;\xb0\x02\x14j2\xb7\xed\x84\xa3\x81\x95A\x93T\x1ciR\x10\x11E\x0e\xb0\x13\xc0\xa0\xc6\xe4X;ve\x00Dil\x91!K\xd5q\xca\x83\xf9\x1b\xcc\xb0%s\x970G\x0f\x89\xcb:\x83$6]h\xa3\xa1\xbbM_\x1b\x1e\t\xb65y\x17)\xc5\xfd_d\xa1&amp;s\x8f\xdcs\'\xa9v\x03\xa0\xa7\xf1\xf6n\xf2\xb6\xef\xad(B\xb3IT\xcb\xce\xdc\\"&lt;k\xce\xbc\x0f\xb4\x08.a\x18\xb5\xf6\xad\xe1\x90]~\x96$\xe0\x9c\xff- \xfa\xcc\xe9\xfc^\xa2\xdfQ\xefG\xb5V\x18Z\x8e9d\x7f\x07\xec\xe2b+\xe1\xbe~\x86\xfb\x1bt\t"R5d\x1e~\xe6X%\x8c\x10\xd5;g\xad\xc9\xe6T.]\\\x82\x9cRm\x96\xa6/?"\xd0R\xf0\xb2\xf5\x92\xe1\xe6&amp;B\xb4P.\x01$~u\xfd4\x8e\xa9.\xbb\xd5\xdb^x6\xed]\xc2;nP\x07\x17k\xb8\xed\xb2\xdf\xb0}\x99\xb3T\x9b\xa56\xe6\xe6b\x00\x93/\x92g\x08\xa6I\x91f\xf3\xf9\x13\xe7\xa9;UvD-\x14W\x18!A\xa7i\xa7\x02-\x83\x0f\x17\x7fw[O\x17\xd3$"\xb2\xa1Mp1\xcdGg?\x18J\xbf\xf6\xec_\xabO\xbb\xaa\x18\x9at\xf6K\x1b\xcd\xd7\x01\xdb\x1f0\xa0\xc9\xf0\xbd\x9c)+tZ\r`\xe0\x92\xcb\xe37\xdd\xb5]\x0c5\xf2\xd5\x0f\x87\xca\xde\'\x7ft{Y\x97pO\xa4@\x0b\x10\x06\xe83\xff\xa20\x8d\xee\xe2z\x89\xd1\xc5]\xdbi3\xfe\x08\x80y\x07~\r\xb4 a\x89+\x7f\xca\xab\xcd\x08\x15\xc7\xce.\xe1\x88`\x0e\xfc\xe5\x17\x12\xd6\xf4gia\xd8d?I\x9d3O\x90\xa6lp\xc4B\rf\x0c\xad\xd6\x86K~\x03j\xf7\xdbj\xe8\x12\xd9\xa8e\xee\xfe_\n5\x99k\xabPa\x82\xa2D4d\xc5\xb5@\x8b\xe1\xe28\xc10L\xaf7pG0\x88!E\x12%\xddE\x82\xeb\x16\xc6\x02\x0e:2\x0c\x1e\xf6\xde\n\xfd\x92\xdbN8j\xe5\xc3\x8e\x92\xb5-\x11\x11\x15\xb2,\x94\x1d$\xabgcfo4\x1f\x0b\x80\xccU\xc6\xca\x1e\x1d3\xf6s\xe7i\xa7\xfe\x0c\xb2\xa6\xd3\x9f\x84\x03\xff\x9d\x01\xea\xf9\x12\x11e\x13\x7f\xa8\x85\xd9\x01\x90\xbc\xf8\x80\x14%\x06R\x82\x1a~\x94M\x83\xf8\x81\x16\xc0~\x92\x16\xed\x17l\xa3\x9f\xf0OH\xa3YF\xa7\x86a\n\xa9\xc3\xd5l\xaa\xa9\xc2\x14\xd5zn\xd08\xdb}\xd6Y3\x99F/O\x94\x9c\x88\x88bK\x0f\x97h\xbd\xd8Ln\xce\xe0\xb6\x0e\xe1\x0f\xa5:\xee\xc2C\xbfCB\xd9\xf6+\x02%[\xb0\x01 \xad\xd3\xeb\xbd\xc9\xeb\xcbJt\xb6\xb8\x08G\x8c\n\x81\x96 l\xa1\xea\xb7/c%{\xc2\xd9\xdan\xcfjn\xb98W\xed\xc9D\x05\x89\xa8\xef\x82\x8b\xb3\xf7\xfel\xafH.2\x12\x16\xec\xd5b\xf4As\xd7V\xeb\xa15\xfc\xb2\xc8\xc9\x1f0rm \xa3\xac\x8f^\xf7\x8d\xb2K\xfe\x1eH^b@\x80$\x8a\xd0\xe4\xa9;-\xd0"\x84Sf\xedy\xe2\xad\xe8\x91\x88\xa2\x07Z\x9c\xe0\x05\xc0\x885\xb7\x02-\x85\x01\xba\xce&lt;c\xe5r\xd7\x0f\x9aQL\x8cx2W\xb1\x12\x7f&gt;\xff\x98\xf5w,\\\xae\x8bmaQ\x8cV$q\xd6\xab&lt;\xc5o\xf2\x10\x81\x89\xe3P\xben\x83\xe0\x04\t\xbcu=)\xff5\xd1\xb2\xb7\xd7M3w\xff/\xb2\x17\x16+Og\xa2\xd4\x86\x05\x0c\x0eR\x97\x1e\x12\xc0\xfaW\xac\xe5B\x83W\xc4\x02\xf0\xd5\x0b^\x81\xbb\xcf\xfa\\q,\xf7\x16\xe3\x9e\x9b"2\xdcJ:\x05\x9c\x95#\xec\xc3\xea}C\xb7\x90\xc2\xf5N\x99\x92h\xd6.\x8f\xf0\xaa\xec\x01\xe7\xc6{\xfdf\xd4\xa1\xe9\xcek\xe7{\xac\x1c5\'J\x7f\x02\x88\x9a\xad\x9d\xd1Lr\xd7\x99";\x92\xb3\xd6$\xa2X\x96$\x0b4)J\x0e\x02\xf0\x8e\xef\x15D\xcf\xd1\xc1H\xde\x19\x8e\xdegd[\xb6\x83\xca.]\xaaFF2w\xd1\xc4\xbf\xb61D\x94\xb2\xd4 \xbf\x94\x13\xea!\x80\xd9\x1cM\xdd\xf1\xa8X\x8b\x85D\xd4i\xda\xa9@\xcf\x83C\xec\xcd\x0e@\xb0\xe8u\xba\xd8N\xdd\x01\xdb\x03-BX\x84\xb1\xfe\xf6\xd1\xe7\x7f\xfb_\x0e+\x008\xfb\xb3#c\xa0g\x00E/\xaf&lt;~\xfe7\xdb\x8bKhw\x86\xceaX!\xb6d0\xa9\xb6)\xf1g\xc4\xdc|\xf5\xa7\x0b\x7f\xfc\'Q\xbc\x92&amp;\xb8\xfd\xb7x$\xef\xf76\x8c\xecSg\xa80\xd2\xdc\x95\x83\x97]\r\x88\xedM\xe4,m\xfc_\xa8K\x10a(\xa2\xea\xf6+a}\x01\xb38\xcfJ\xbb%\x12\x18u\xb9\'\xb8\xe6)\xc8\x99\xda\xb95\xf3\xce\xd3?\x03@i\x9bJ\x8ee\xf2\xbf\x18a\x1d\x83\x0b\x0f\xfe\xa6Z\x8f\rSw&lt;2\xb49e\x8e\xd1\xeb\xbe\x11\xff\xee\xbb\xf0K\xb0\xfa\xe0\x1a\xbd7\x89?\xcd\xd5\xa8\xee\xb3\x95\xfb,&amp;\x89\x91\xb3\x83]Y\x99`\xe9\xb1\x97\x01,\xddF\xdc\x96A\x8bD\x85{\x13\xa5\x97\x1eYp\xe8w\xcf#KXS\xf2\xec\x921/\xdftQ\xf5\xe1\x96i\xb7&lt;E\xc9\x816\x89)%\xa1\x03y\xfa\x0f\x0e-\x9e\xfc;\xaf\xc1k&amp;DD:\xda\xec\xfbn\x07E\xfd\xee9\xf7|\xa0E0O\xec&lt;]\x9c\xcb\xbc\xe3\x94\x13\xceen\x9dT\x1e\xbd\x87$\x8e\x96"\xebhw]\x07\xb3\x03&amp;o{\x1d)Kk\xb7\xe1\x0e4y\x85\xed\x00+\x14m&gt;?\x8c\xfb\xe1\xb7\x83\x98\xb9:\xfdg\xaa6O\xdd\xf1H;A\xe3a{LId\nSV\xf9\x00\xbexf\xf5K^r\xf4\x85\x95\xcb\x05c\x0f\x00\x94\xba\xf1\xb1\x07:\xc2d\xab&gt;\xde\xe9\xd6\xd0\xc59b\xe7\xe5\xea\xcb\'m}\xe0\xb4$\x9c\x008\xfa\x00\x0e\xee:\xa7j\xc8\xda\xeeM\xae\xd6\x01\xbb\x84\'\x12\x15\xee\x1dA&lt;Ai\xb1\xf3ZX\xaa\xe8\xf6\x1a\x02q\xde\xb8?\x1eN\xac\x8a\\\xc9\x92\xd6)\xdfq\x95\xc3\xa2\xf8\x03\x8d\xd5\x11\x05\x85\x1c\xd8W\x0e\x0can%\xe0\x9b\x7f\x03\xd32\xcc\xde\xfb\xb3\xd8\x01W\xea\xb2\x962\xb4\x10O\x05\xd6:9\x08\t+M\xb7\x8b6\x85\x03-@\x80H\xdd\xc8\xbe9e6J\xd5\x882\xb5\xb4)7&amp;y\x9c\xcc\\\x9f\x00}\xed\xec=\x8e\xa0%o=^\xaf\x05A\x1e)+Q\xa1\xde\x81j\xdf?\xf9\x162\x1e\x03\x00\xc6m\xfc\x8e\x95\xbc\xa4\xbf\xe5\x0b&amp;N\xfd\x08U7&gt;\xbe\x0e\xadxh0x\xa7U\x81\\l"g\xa0\x05\xe0"q\x91&gt;!\x8df\xf1\xa7\x8f\x99\xab\x93\xf8\xb7\xb9\xd9\xff\xf2\x13\xaf\x87\xaf\xbe9\xd7\x99\x90J&lt;\xba\x8e\xa2\xfb\xad\x9es\xcei$k=\xee\xb0=2\x85RB\xfa\xc3\x1d}\xdb\xcb\xf5wH_\xc1f\x87h\x16\xb9\xf5\x01D\x14\'oW\x8e\xb4\xf2\xe6b\xc1\xa1\xdf\xabt_g\xa1\xf0\x8c\xd2\x0e\xf8\x07\xdf\xca\xd6t\xc4~\x0b9\x873\xc2\xd8\x08\xd5\xc56J\xb7]\x16h\x11\x88,\x98*\xbe4\xd5\x01\x1b\xda\xa0\n`/\xe5t\xd1\x87\xbe\x83k\x1aa\x95$\xb5\x03-\x81\x16\xd6zP\x1d\xdbV\x00z\xdeK\x8a\xfe\x00\x00\xb0\xc9\x962\x17_\xb2\x0cv\x94\xe5\x1c\xb9\xc3\xf0\xc07^\xd5\x14%\x9cP\xbf\r\x8bD-\x1bh\t\xe4\x84\x95\x8a\xe5\xed}\xcd\x7f\xa8\x85\x9a\xcc\xd1O\x94\xb8\x96\xe9\xfc\x05t\x9fg\xa3\xa1\x96\x14\xe5\xa2dm\x1bV^\x19?AuGA%\x8c\x1a\xd1sth6\xd2\xec|4a\x90\x045\n34\x1by \x0ci\xedh\x00\xb06\xdc\xc5\x00\x00 \x00IDAT\xa0\xf7\xbc\x0b\x81\x96\xc2o\xa4m"\xfd5z\xdd7\'\x1e\x05\xdd+4T\xabD=\xf8\xca\xdd&gt;\xd2L\x18\xcf\x84$\x0f\x00\xa2D\x1a\t\xc2\xc1\x07`\x9d\xf2\x9dV\x01HR\xa4o\xa0\x05\xd1"G\x8d\x89\xfa\x89$\xfc\n\xf8\xc1\x81_\xf8hC\x1d\xe5\xca\x9f\xee\xf3a\x92\xdd\xad&lt;a\x9fxU\x03-\x81&gt;\x00\xe2\xe5\xefn1\x07\xebbT\xed\xb1\xdez&amp;R\xfa,\xb8\xf8\x0eHUzp\xd3\x11\xfb,fu\xf1\x0f\x8cYw\x07\xc0\xee\x1b\x86\xee\xd4\x9eM\xa3\x0f\x00\x80\xe3\x0f\r?\xe4\xf8!=l\x11\x80\x8flD\xa9\xf8Sw\x9cr\x82(\xaf\xf0w\xa0\x9b\xb9"\xfaI\xc2;5\xfbl\x0e\xb4\x08\x11\x8e\\\xb5\xa7(\xeb^\xa0\xbf\x05\x17\xe3,\xf3l\xf0dU\x9c\xc9\xcf\x99C\xc3!\x06|o))\xdb~\xb9\x95\xcb\xc3\n\x97^\x80\xd3\xc6T\xe0\xeak\xd5o\xa9\xc1\xe0\x9dm\'\x1c\xe5\xcc\xc7\xf4H\x1c\x00\xc5\xaff\xe2B\xd3\xb4\x1a{\xc8H\xf2\xe2DDT`\xdd\xb9\x7f\x1c\x91\x86\x83\xce\xd3N\x01\xf8\xe2\xf7\xf0\xdd\xeaE\n`\xd9%Z-\n`\xe9a\x0b\xb7\xf7\xb5B\xc0t\n\xb4#\xc6\xf3\xb0\xe8\xc8\x1f\xb6H\x12\x10\xb2T\x1d\xc7\x99r\xdb\xe5`\xa9\xdf\x86\xfa\xd4\x96c\x0e\x99\xd3!\x02@\x94\xc3\xc4\x85\xfe\xc5pt\xce\xe9;\x7f\xb4\xaf\xf4b\xc2\xbbHYj\xb0}y\xba\x98\xc4\x90\x9d\x85\x8b\x8bK\xe0\xb12l\x0c@\xec\xe1X\x15\xe3\xe5\xef^\xaa\xcdRCQfw\xdf\xb0s;\xaa|\xa7\xf0\xe0fD\x97\xe0\xd7\x9f\x0f\x8b\x04tg4r\x80\xca\r3\xb4\x1cch\t*\xfcr\xed-n\xfd\xe5~\xd8~!C\xf3\x8c\x15G\xf1%\xe5\xf5$\xb0\xe8\xb0\xe1%\x01\xce\xed\xe1\x8a]\xd6\xd4\x1f\xf4\xb1^\xaa\x12\xf2\x03q\xaa\x10\x11QZ\xa3R\xf9\x91\xb0\x1a\x82:\x8c\xe0nT\x07\x0b\x07\xbe1\xd8\xb0\xc7\xad\xe2\x8c .a\x9b\xc4\x01)5h&amp;\x1cI\x92\x17\x1f`cv\x00\xbe\x05b\xe6\xea\xa8\x9d\xac@\xa3Y\x0e8\xeepq\t\x00\x01\xfd\x96\x13\x04\xaeh\xff\xe0\x0e\xb9\xc2\x02\x97_"\xac\x05\xd05\xea\xe81\xa3\x13B\xd4\x1b\xb0\xa3x\xcb\x85O\x15-\xc8\xe7\xbf\x98oS\x00\xe8\xba_\x8e\x93\xb7\xab\xb9E\xbc\xd8y:\xff\x03\xc8\x02g\xd9E\xd4\xec\xed\xb8\xd2\x99\x8a\xc6a\x07Y\x82f\xdc\x16\x1e\x00\xf0\xf1\xd76&lt;\xcf\x08\xf2Rj\xf7\xdbz\xc1r8\x19m\xac&lt;I7\x14\xbd\x1e\xf1e\xf1h3e\xac4\xda\xae\xbcc\xe5\xee\xfc\xc1\xbf\x9f\x81\xc7k\x8fYo\xcc\x1b\xce\xffk\xa74A\xc6\xb7\x00c\x01\xd9\x17o\x07\x9c \x7f\x03\x03&gt;\x8a\xef\x06h\xef-\x824\xb2\x11\x8da\xabnX\xcf\x04\xc0\xac=O\xcc\\\x19\x8f\xad\x9c_\xb2\xcd\x12K\x02\xb9\xb8\x08\x00\xd03?\xd5q \xa7N\x80C\x05\x04\x9c&lt;u\xa7v\x9cz2\xd0R\x88\x98\xd8\x97\xf5\xac\x9e}\xf6\xd8\xd3\xb7\x8d\xdb\xf0\x9d\te`\x97\xf0A\xd6j\x82\x1a\x7fhE\x8a\x9aMgA"H\xb4\x85S\x964\xe9\x9b6\x9c\x13\xb9\xb4\xec\xc0\x80\xc5_\x05D\x90\x88\x8b\xee2\xe3\xcaSon\xbc71\xb7HE\x14\xdf\xb4T\xe1\x86\x1a\xbd6\x06Z\x04\x1b\x10jH\xa3\xa1\xbb\xd7\x9cy\x1fhY\\\\,\x92\x80\xe5\x8a\x80\xc1\xd9\x9f\xdd5\x15\x17\xe7\x99\xb1\xeb\xb1\xf6l\xd5\xc46L\xc1\xc6s\xba\xcd:kA(\x06\xc1\x13\x99\xdc\x0e\x12\x11e\xf2C1\xddg}\xaer&amp;\xbb\xde\xa5\xa1\xd1l\x84\x90d\x03\x97^1-\x86\r\xef.uc\xab9\xb8\x04\x05\xb95\xce\xa5+?\x9cy\xbc\xc5\xe8\x83\xf6\x14\x1e\xbd|\x10\x05\x98JV7\xd0\x12\xb8\xb8\xf0\x93\xbey\xa0%\x90\x92\xd4\xf9"\xf2Y\xcf\x02\x10"\x14e\x93\x9f\x88S\x85bW&amp;\xa2\xb5g\xfe\xe2\xce,\x9auy\xec\xc2\xf5\x7f\x1b\xa1\xb0\xcb\x03O\xae\xda\x93\xb7\\\xb2^m\xfc\x17.\xfd\x11\x00 ~\x01\x7f\xfaju\tV\xcc\x079\xa1\x14\x8d\x86Z\xf2"I\xa4\xaa\x10\x11\xc1)\xd7a\x85\xc6Y\x00D\xc9\x99\xa7\xee\x02\xe4\xed\xc9\x16\x1f}\xe1\x84l\xce\x01\xa0\xc9\xf0\xbd\x0e\xe9Z\xbb\x04\x1f\x05\x03-@`p\x07\x9a\xe1\x9c6\xe3\x8f&amp;*\xd4\x9b;\xb9\x13\xab\xa6y\x1d\xc8\xd3\x06r\xd6\x9a\x14\xd0\xf2\xd9\xbd\xa6\x14\x00\x03\x97\\\xb6h\'}\xf1\x0f\xac&lt;\xf9F;M\x8a\x92n\xcc\xce\x88F\x14\xfe\xa4\x00~\x05\x86\xae\xb8\xe6\x94,1+\x14j2Wa\xa3\xe1K\xbafN\x95\x1ePb\xe5\xeel\xb0\x03f/Se\xb2\xcf\x9e\xc5\xc5\x12\x95\xba\xaeU\x1c\x0bd\xc4\xe9\xe0\x0f`\xe7\x04\xa3&gt;\xfa\x9f\xf1\x8b\xe2\x88\x7fE\xcd\xde\xee\xcb\xe7 \xca\xac}\xc1\xbe\xdb\xa04B\xdc\xc9\x8cji\x84!\xf6\x8c]\x8f5\xf2\xc9Yk\xb2\x119\xc3\x1f\x05\x02-\x80-8\xe5\x02\x0c\xc0\xb1\x07\x06:\x89O\xbf7?\xa5\xeb\xb7\xf0K\xce\x94m\xe4AD\x14\xbb0\x11\x95\xdb\x7f\xbbS\xea\xf0\x0e\xbf\x03\xe1\x8eSN\x14i6\xdfQa\xac\x10(\x93\xd6H\x99[[\xcf\x04\xc0\x89\x1ft\xe4\x07\xf0\x1e(\xd8x\xb6\x89"\x86x\'=e\xdbk-\x83;D\x9c\xbc]\xb9\xd3:m\x11g\xdaT/\x18\ti4k\xce\xbe\xa7\xfc\xe9c\xa8{U\x93\xae\xa0\xfe\xea\xfd\xc3{\xc4\x7f\xe3\xfe\x02\rg\x8d\\{[#\xc1\x92c/\xfd&amp;\x8cQ\x00\xa4(\xe1.A\xb9\xf8\x91`\xdb\xf6H_a\xa4?\x8b\xeb:\xe34Q.\xcd$\xf1xL)\xe2\xe4\xd3\xea\xa2l\xd3,%\xf2\x7f\x0f\x14T5\xa4\xeb\x8c3O\x82I\x1e\x1b1\x1d\x7fw\xce\xbe\xa7\xb1\xf3t!J/\xbe)\xef\x982\xda\x9e\x9bj\xcf\xca\xc0\xba7\x07&gt;\xebC\xb2\nc\xb9\xfe\xf8uO\x1a\x80\x91\x8dBc\xc4\xc8\xd9\xd1b\x9cu"\xaa\xd8y\rG\xaa\xb8\x16K\x89\xf0p{\xeb\xae\xddo+E-\xeb\xa8,.\xce\x91\xb7\xde\xb4@\x8b\xa0\x83\xc5\x06\xb4t\xbbeD1t\x93\xc5+\xc0n\x98\xea\xf6\xf7q\xaa7\xed\xe3\x1f\xc2\xe9\n\xa7\x8f\x1e~\xc9\xd6\x8b\xf9\xaf\xcc^c\x82\xf0\xc7\xa6/\x9c\x1a\x9a\xe8\xd5\x818\xbe?S\xfa\xfeT\xdb\xbeq\xc4u3+hJ\x16C\xeb\xf6\x02\xfa\xe3\xbc\xd4\x8d\x9b\x8f:`4\xdb\xa0\x1a\xce\x86s&lt;\xaf\'`\xcerE\xc2\xbd\x8fr\r\x8c-\xbe\xe5\xaa\xed\xf8\x16\xac\x9e74\xbf!S(K\x12\x18)\x14\x14j2W\xfa3\xf8tS\xf3s\xa6;t\xd7\x80\xd8\xcf\xed\xb8\xc7b-\x16\x1a:\x1eA\x08i4\x9bR4p"g\xbf\xd5L\xe7&amp;\xe5\xe1\x1f\xd9\x10\xde\xff\xb4\x1c\xf3\x89\xef\x01-\r\x91G\xc1\xd5\xd8Y%G\xcd\x89\x81\x16!\x14a\xb7\xde\xd6\xd0\xf1\xe1\x90X\xb9;\xc9\x8e\x04Y\x07\xccK\xf6\x1aZuo\xfe\xc1\xdf\xa4?\xab3\xfc\xb8\t6\x0b6XC\x84\x85\x07\xe8\xf8\xaaF\xd2\xa2\xfd\x94\x07\xad\xbb\n\xe94\xf5$Qj\xbb\x9ep\xa1&amp;s\xcc^\xea\xba\xadU\xe1\x9b\x7f\xfdX\xfb\xe3V5}i\xcf\xb9\xe7m\x14$L\x00@\xf4\xbdl\x12\x85\x8bW]\xf6\xff/\xf0\xada\xd3\x11\xfb8\x9a\x8ct\xfe\x10\xc5%\xe2\x12\xcb\xc6\xbc\x00\xbc\x038]\xc8\x15k\xb1\xc0\xc6\xa2)a\r\x0b\x1dpL\xb7\xef\x0c$\xd1st\x08\xb4\x08\x1el\x89\x85\x12FHEQ\xcb\x90\xc1\xc5\x89&amp;\xc3\xf7\xdaRv\xad\xbe[\xfa\x9b\xf1\xc3\xae\x13O\xc9\x01\xfc\x1f\xe1\xc3\x06\x7fd\xfe!F\xce\x8e\xfak\xd1\xd1\xca\xd9X\xa2\xd8\xc4\xa7);\xec\xcf\xe0\x9e\xd1\x16o)_\xf1&gt;x\x07Di\x02"\x0c\x13\xce\xfe\xd2\x8f+\x07\xb1\xfdUPD\xa4 \x8f\x12\x8a?\t\x0bKRAJ\xb7\x99gL_{\xfa\x89\xf8\xd8\xc3\x80\xb5k\xac&lt;\x9d\xfd\\\xa2\xae\xc5v\x94\xacm\xfd#I\x10\x92\xbe\xc2\x88\xc9\xdb\xbe\xf7\xfc\x88\xef:\xaa3GI\xcf\xff\xe9U}\x89\xf4[x\xe9\xfa[\xbb\x9bGWI6P\xb4\x9b\xf4\xa9\xa0E\xf2:\x88\xfa\xbct\xe1\xa6\x03\x8e_\xa0G`}\x9b\x08\xb4\x9ft\xdc\x96|\n7\xf5\xea\x1fY\xd8J\xb0\x8b\xdd70g\xff/&gt;\x87\xd26\xe5\xb8Nn\xb2\x95\xa7\xeeT"\xa2\x94\r\xad\x8b\x14|\nY\x86\xb1]\xfe\x14%\x06\x86\xf5gb\x9d_\xb9\x9f@\xfe\x063\xb5\x13\xdc\xf9\xcf\xdf\x0f3\xf4\xab7\xce\xf2\x13\xafm\x94$|\x02/\x01\x94A7\x98h\x18\xe5\xa4\x9e\xef\x0b\x01\x00\xb2U\xbb\xa2\xcd\x17\x18/M\xc3\\8\x0b\xf3\xe8c\xa3/=\x81\xa6\x0b@#\xf0\xc4D\xea\xa4\x1bA9aM\xeb\x92\xc0\xeb\x07\xdbb\x0e\xe4\xaf\x0e\xd8\xb9"\x94\xf2\x9br\xd3\xa6D\xd0`/R\xa1\xd3j\x13\x17\xd7\xe8\xbd\xc9\xba\x04}\x17\xa8\xb9\xcd*\x16=g\x07\xeb\xf9\x87\x0f\xf2\xd5\x9f\x11h\x11"\x1e\xc2Wg\xc4\x97\x90\x03$\xaf\x1f\xc8\xd2\x03M\xf3Q\x07^\xc8[\xd5\x9c\xf1Cz\x94j\xb3\xc4\xa6\x12R\xd8\x94\x8fm\xe8\xf6"\x00~\xf3\xcb\xa0P\x90d\xe2\x96\xfb\xd6\xb3*\xd4d\xae\xa3\x1d\xb0\xa03\xdf{\xfe\x17\xce\x15!\'\x85m\x1f&amp;\x00\x8a^\xdej.\xa6\x16*\xea\xf4\xdf\xf6\x06\xe0\xb1dKX\xb0\x97\x89\xfc\xb5\xc8\xd8R\xfd\\\t\x00\x14\xbb\x92\xcd%Z!fE\x8aY1\xd0BD0\x0c\r\xdb\x85\x94\xd9\xaa\x8d\xdf|\xd1\xaf3\xe6\x189U]\xdc9C\xde\x1f\xc2\xc5\xba\x19\x00\xa2\xb4\x01+&gt;]\xb3FCw\x97\xd5\x8c\xd1\x14p\x96\x1f\xffS\xf8\xe3;\xc0\x86\xb8\xebA\xb08o/,5L\xc7m\xb2c\xe5fn\xf0g\x1f\xb1\xe6\x96\xd3E\xab\xf1\x01\xb0\x1e\xbeP\xb6Xb\x8b\xb2Uw\xfb\xa2\xadG\xcb\xde\xde\xae\xac\x04\x8a\xb7\\do\x86\xe1\x10\xfez\xd0z\xdc\xe1\xde\xf3.P\xdc\xaa\x9b\xfc\xdb\xfb\x06\x82\x18D4{\xef\xcf\x81\x14!\x96\rCQ\x00\xd2\xd01\t\x0b\xf6\xf2c\xac\x18A\x0b7g\xa8n\x8e\x8c\xc4\xb5xrIUzp\xc5.&lt;\xce\xedl\xc0\xa2\xf9\xc7\xc0\xa5W\xfcj\xd4\x17\x8eIep\xa6\xeb\rh\xdfq\xca\t\xe6\xf9\xb6\x13\x8eY\x94\xc8"m&amp;\x1c\x955\xb3\x1a^\x9d\x01$*\xdc[\xfa\x93\x88\x88\x8a9%\x9c\x97b\n\xfdp\t)\xd5O\xb9\x98&amp;E}\x89\xeek\xf0\x92\xb1\xd2\xa8\xfe\x8b.\xbd\x00\xb6\xda\x10C\xdb$B7\x90\xa5\xea8\xe9\xc1y\x07~u\xa2\xacK/\xa0\xed2\x9e\x9b|o\x00\x12\xc3\x08&amp;\xab\xc7qIR;\xca\r$3\xf7&lt;1u]&lt;\xe6\xd1:\xfd\xb6\xf1g\x91\xa6\xecPSE\x9b&amp;\xaa\x7f\x8b#\x8f\x16\x9b\'\xb2\x96S8\xb0\x92/\xb7\x1a_\xc1\x8e\xbc\xe9\x94\'s\xaeyN\xaaFj\xd7\x0eq.\xc2#\x1f\xad\xc6\x1eR;\x95\xa1\xe2(\x7fJ\x12\xae\x10\xab\xc5\xc0%\\\x16\xe2\x81!F\x05\x95\x15\x1b\xbfZ\xa7\xad:\xf5V\xfc{\xcd\x99\xbf\xb4\x13[lA\xde\xf2^\x1e\x99\xa8\x80f\x88\xc0\x04\x1a\x01jX\xc4}\x0f\x10E6r\x89\x8c8\xfaI\xac\xa3\x19\x11\xf6\xe2\x1f\xc2\xd33\xd7\x98\x06\xdd~\xb9\xd3\x84c-e\xa1\xd1\xc8Ty\xf4\xe8u\xdf8^\x98\x96;\xc9\xb8*\xde\x9e\xb9\xec?\xb3V\x1b\xa7\x9f(p\xb4\x1aw\x98\x88(S\xab@\x0b\x12\x16\xf1\xc6T\xe8=\xef\x82\xf0\xc7\xa1\xefP\xb9\xebG\x81\x13(\xcc\x90\xbb\xce\x14"Z{\xf6\x83\x13\x99\x03\xd0\xff8S\xcb\xc6\xcb\xfan"\xc2qSk\x99\xb8&lt;q3\x83\xfe\x01\x1a[\xbd\xf0\xdc\x8ew\xfd\x96\x87r\x1dW\x06\xfdC\x08%K\xd5\xb1\x81\x16A\x8b0\xf4$]\x1c"\xa6\xec\xf7\x92\xa3/\xec\xab\x16\xd1\x18\xc7\x92\xd4\xd6\xb9\xc6nE\x00K\xa4i&lt;|\xf5M\x8d\xf3C\x96\x7f}\xf4\xbe\x13_\x11_\x8c3#\xce\x8c\xfa.\xfc2e\xa9\xc1\x06\xc5`\xbdAM\xae\xfc\xa9\xaf\xde\xdcu\xc6i\xce\xdcN&lt;\xf2_\x0b\xc5S\xed\xc5e\x18\xb6#\xe5h\x86\x1d\x1a,\xf4\x89\x8dSR5\x1d\x1fF\x87\x837\xff\x02QQ\xa2\x1c{o\xf1&gt;\xe7\x1a\xbd7}\xfc\xb5&lt;q\x95n\xeb\xde\x03D\xd9\r\x95\xceBg\x9bS\xfa\x8e\x00\xac?\xf7\x0fg\xe2\xf0\x89\xbf4\xfe\x92\x15\xeb\xef\x9f\x82\\|\xc8[o\xba\x95\xcbS\x95f4\xf7\xa7,:7v\x91\x90\xbe\xbcU_\xed\x02\xf7T\x9a*\x13\x15\xe0\x8cB\xa5\x80\xc7\xe4W\x8dp\xdf\x86\x06\xf6\x06g\xedy2~\xd3\xdd\x99\xbb\</t>
        </is>
      </c>
      <c r="E317" t="inlineStr">
        <is>
          <t>&lt;class 'numpy.ndarray'&gt;</t>
        </is>
      </c>
    </row>
    <row r="318">
      <c r="A318" s="1" t="n">
        <v>316</v>
      </c>
      <c r="B318" t="inlineStr">
        <is>
          <t>steps_per_sec</t>
        </is>
      </c>
      <c r="C318" t="n">
        <v>4600</v>
      </c>
      <c r="D318" t="inlineStr">
        <is>
          <t>5.412577</t>
        </is>
      </c>
      <c r="E318" t="inlineStr">
        <is>
          <t>&lt;class 'numpy.ndarray'&gt;</t>
        </is>
      </c>
    </row>
    <row r="319">
      <c r="A319" s="1" t="n">
        <v>317</v>
      </c>
      <c r="B319" t="inlineStr">
        <is>
          <t>Loss/localization_loss</t>
        </is>
      </c>
      <c r="C319" t="n">
        <v>4600</v>
      </c>
      <c r="D319" t="inlineStr">
        <is>
          <t>0.0044313385</t>
        </is>
      </c>
      <c r="E319" t="inlineStr">
        <is>
          <t>&lt;class 'numpy.ndarray'&gt;</t>
        </is>
      </c>
    </row>
    <row r="320">
      <c r="A320" s="1" t="n">
        <v>318</v>
      </c>
      <c r="B320" t="inlineStr">
        <is>
          <t>Loss/classification_loss</t>
        </is>
      </c>
      <c r="C320" t="n">
        <v>4600</v>
      </c>
      <c r="D320" t="inlineStr">
        <is>
          <t>0.21975857</t>
        </is>
      </c>
      <c r="E320" t="inlineStr">
        <is>
          <t>&lt;class 'numpy.ndarray'&gt;</t>
        </is>
      </c>
    </row>
    <row r="321">
      <c r="A321" s="1" t="n">
        <v>319</v>
      </c>
      <c r="B321" t="inlineStr">
        <is>
          <t>Loss/regularization_loss</t>
        </is>
      </c>
      <c r="C321" t="n">
        <v>4600</v>
      </c>
      <c r="D321" t="inlineStr">
        <is>
          <t>0.0357229</t>
        </is>
      </c>
      <c r="E321" t="inlineStr">
        <is>
          <t>&lt;class 'numpy.ndarray'&gt;</t>
        </is>
      </c>
    </row>
    <row r="322">
      <c r="A322" s="1" t="n">
        <v>320</v>
      </c>
      <c r="B322" t="inlineStr">
        <is>
          <t>Loss/total_loss</t>
        </is>
      </c>
      <c r="C322" t="n">
        <v>4600</v>
      </c>
      <c r="D322" t="inlineStr">
        <is>
          <t>0.25991282</t>
        </is>
      </c>
      <c r="E322" t="inlineStr">
        <is>
          <t>&lt;class 'numpy.ndarray'&gt;</t>
        </is>
      </c>
    </row>
    <row r="323">
      <c r="A323" s="1" t="n">
        <v>321</v>
      </c>
      <c r="B323" t="inlineStr">
        <is>
          <t>learning_rate</t>
        </is>
      </c>
      <c r="C323" t="n">
        <v>4600</v>
      </c>
      <c r="D323" t="inlineStr">
        <is>
          <t>0.07999016</t>
        </is>
      </c>
      <c r="E323" t="inlineStr">
        <is>
          <t>&lt;class 'numpy.ndarray'&gt;</t>
        </is>
      </c>
    </row>
    <row r="324">
      <c r="A324" s="1" t="n">
        <v>322</v>
      </c>
      <c r="B324" t="inlineStr">
        <is>
          <t>train_input_images</t>
        </is>
      </c>
      <c r="C324" t="n">
        <v>4600</v>
      </c>
      <c r="D324" t="inlineStr">
        <is>
          <t>[b'640' b'640'
 b'\x89PNG\r\n\x1a\n\x00\x00\x00\rIHDR\x00\x00\x02\x80\x00\x00\x02\x80\x08\x02\x00\x00\x00\x83\xaf^t\x00\x00 \x00IDATx\x9c\xec\x9de`\x14W\x17\x86\xdf\x8d\xbb\xbb\xbb\xbb{B\x90@BB\x02\x04ww\xf7R\xa0H\x91\x02\xc5\xa9Q\xa3F)-uww\xea\xee\xee\xde\xaf~\xbe\x1f\x9b\xdd\xac\xef\xf8\xccn\xe6\xf9C\x98\x9d\xb9\xf7\xec\xee\xec\xdc{\xcf=\xe7=\x00?&lt;\xb3\xa6\x90\x011u+\x80$\xc0\x83g\xb3\x0e\x82\xbb\xdc\x068\x08Ic]\xd3&amp;\xc8m\x84J\x9f\xc4w\x80\xdc\x1683\x1e\x99S\x10:Tn+\xc4&amp;I\xbc\xa6]x^\xff\xe7\x9b\x97\xbb\xa6M\xd4\xff711\x11AY\xc0_&lt;\x9bu\x10\xfe\x96\xdb\x001\x08\x00\n\x84m\xd1\xcb\xc7\xbb\xb0\xb8X\xd86UT\x18\xe1\xed\r\x84\xc9m\x84\xd3\xf2\xd7[\x97\xe3\xbb\xdb\xac\xbf\x1e*\x9d)"\x12 \xb7\x01vH\xd0\xaf\x80\x110\x08P\x1f\xb5*&amp;\x14\xc3\xab\x9f\xdc6\xa8\xf4U\\\xeb\x00/\xb9\x8dPQ\x11\x8d~\xd3/!\xa2\xbb\xdf\'\xb9\rQQQQ1\xc4\x17Icr\x86nm\x9eyl\xecz\x1bk5\xfe\x94_\xf5\xb4\x03=\x00\xf3\x18\x9e7p\xce\xe5@\x96\x98\x96\xa8\xa8\xa8\xa8\xa88#\xb5\x93\x8e\x10\xd1\x99\xdf)\xa9y\x9d[\xfa$\x91{\x8b\x13\xb9}\x19 \xa2\x9f\x88|\xf3fV\x8c\xd9/\xb7-*\x02\x13w\xc7;\x14\\:\xdf\xf0\xd0\xf5/\x10\x91\x03M$UTT\x94L1\x11]\xfb\x1c\xc1\x7f\x90\x1a5i\xc25\xcf2|\xd2&amp;#\xba\xeb\xa6Wi\xcd\xc5\xaf\x88k\x90\n\x1b\xdc^\xff\x87\xd7H\xf9\xb1n\xe78\x7f\xd8v\x83\xc3\xc5fG,\xe2\x82\xc8N\xdd\xdf1|\xccPQQa\x80\xe3\x06\xd4x\xc2\xa3\x11&gt;\xfd\x017\xb9-Q\x10\xda\xc7/\x10\xcf\xf0\xfc\x9e(\x1f\x04\x89i\x94\ncz\x03\xaf8\xe2\x7f\xe3+\xc4\xaf\x11o\x83\xbf\xf9\x86s\xab\xa8\xa8\xd8$\x10(\x92\xdb\x06&gt;d\xabO\tCt\x0f^_V\xe7\'5\x9f%\xaaU\x92\x12\xde\xe1\xc0\xdeV\x83\xb1\x93\x8fc\xc7\x9f\x88\x80H\xc1\xccRQQQQ\xb1\x07\x11\xfd\xc6f\xf8\x99\xb9\xe3!"\n(\x9a#\x9eI\xd2\xf31\xc3O \xbak\xebu\x1f\x8ak\n{rt\x03\xb0\x1a\xe2\xaf\xa2\xa2\xa2\xe2\xe4\x94v\xef\x95\xdb\x04\x99\xf0jz\xe5\x0f\x02RX^\x16%\x8a1z\x12\x9a\xd6,=\xfc\xbc\xb8}\xa8\x08Dx\xe5b \xd3\xecp\x92\x12v\xd0\xf3:\xb6\x8fZ{\xb3\xc1\x81t\xd9L\xe9\xa3\xa8\x9b\xa3*N\x80dKA\xc7\x8d\x87\x10ZeI\x85!:w\x05\xb7[\'\x0b\x08\x16\xd8\xa0^\xa2t\xb61\x8d\x07Q\x91\x16/\xf6s\x7f\x15\xe7\xc5o \x02\x07\xcbm\x84E\x92\xe56@\xf1t.?\t\x94\xc8m\x85\x83\x104D\xd0\xe6J/\xbc\xff7\x1es7\xf1\x06`\xc0o\xe0\xd7\x8e\x1b\r\xa1\xa2D\xfc\xe46\xc0y\x89\xee\xaa\x1e\x7fH\xfd\x84\xed\xa3\xa9\x01\xfc\xe56\xc2\x88|"B\xf2X\xb9\xcdp\x04\xbc\xfa\x11QV\xeb\x16\xb9\xed\xe0\x8c*\xc0\xab",\xaa\x9f\\T\x18\xff`5\xd5\xe7\xdd\xf4\x05|\x9a\xc54\xc6\xd1\xf1\x03\xc2\x82J\xe6\xd9\x15\x11\x938.\xff\x95\xe6\x99\xc7rrs\xa5\xed\xd4!\xa9\x1b=\n@^&gt;S\xc58\xe5\xf1\xad\xdc\x06\xa88\x17^\xf5\xa1\xe5\x0b\xe56\xc2\x89a\xfc\x83\xa5\'\x0f\x1d8\x98V[\'\xa61Z\x14\xe2Rf=J\x12\xfdB\xf4\xcd?\x7f\xff\x03\xbc)\x86A*Rp\xf2\x0c\xa5\xf4_/\xb7\x15**\n!Zu\x9eIH\xf9S\xdf\xdb\xde\x15\xea+\x0e\x89\x88\xca%\xec.\x88\x19\xae\rjy\xe3\xdf\xbe\xb5\xad\xa6\x91\xdb\x00\x15\x95&gt;\x8e\xd8atj\xa55\xe9\x98\xbb\xe7q\xb9M\xe0\x86wL\xed\x8a\x99;\x1e\x92\xab\xfb\xd8\xfa\x95\x0f\x7fA?\x13\xc1\xa7\xbf\\6p Un\x03\x1c\x1a\x07\x0e\x8bWq"\x98\xe78\x14Y9\xee\x03D\x08b\x8aJ_%\xa4s\xf9\xc9\xcfD\x0f\xea\xf4\xb1r\xbc8g\xe86\xa0P\xe4\xdeU\x14D\xfc9W\xbf\'\xb7\r**\xac\xf0\xb4|\xd8\xab\x1f\x11Y}UE1xfM\xe9\xb3E\xbe\xdf\xf8W\x9b6i\x1e\xcc\x14x\xe1\x03\xbf\xb3\x12Wv,q\xd4\x1c\x85\xd63\xf1\x1b k\xf7\x9f\xfc\xf0\xc3\x0fj\x12\xad\x8aC\xf1\xa7\xa5\x83\x81\xf0\xf0\xf8\x07pp\xd1\xe9&gt;\x81\x9f\x9f?|\xac\xad\x02\x9d\x9clW\x8dF\x93\t\xbcf\xf6\xca\xdf\x87\x0f\x1c0;(J\xbe\x16S\to\xa1X~\xe4E"\n,\x9a\x0bdK\xdc5\x03T\xe5&amp;\x15\x15\xde\x84\xb4\xa6\x0cX\x0f\x94\xcbm\x87\n\x132\x80X\xb9m0\xc7OiO\xe3#\xf7\xfe\xec\x95=M\xf0fS\x81L\x06*\x86B\x89a\x16i\xd7\xf5\x17=\xf8\xbf\xa0\xe2y\x88\x1d!P\xb3N\x80Z\xc7B\xc5i(r\xcf\x9c,\xb7\r*\x0e\x8d7\xe2\xba\r*\xd5\xf2 `\x90\x00\x8d\x00\x08isI\x1d\xaf\xfb\x8f?\x10h\xf2\xba\xa8\x82\xd1\x81@\x98\xae\x84\xa4kz\xcb\xc6\xc9\x9b\xef\xe1\xd4N^x\xc5\xe2\xdaIGr;\xceE\xe2h A@\x13\x85@\xc6Q0Zu&gt;\xab8\x05\xd1@\x1aP%\xb7\x19*}\x964\xb1\xf7d\xfb\xcf\xbat\xf7\xe9/\x8d\x0e\xd5N&lt;"j\x97\x00\x80\x10\xdd\x1f\x1e\xc1%\xf3\xb9\xb6\xa0\x90\xa4l\x0bhR\xc7\x03\xf9\x826\x19\xa3\xcb\xaab\x92[%\xea\xf0\xaf\xc8Mw\x15\xa7\xc3;w:P\x05\xf7\x06\xb9\rQ\xe9\xb3\xf8\x00\xa5"w\xe1\t$\xd9=\xc9\x8ez\x96\x1c(Zw4\xbav\xf9\xd2C\xcf\xb1\xbc\xc8\xe6\xb25\xaaK\x932\xde`\xe2b\x97\x18\xb87\xc0\xbd\x01(\x82k\x1d \x94~V\xe1\xbd\x1f\x12\x1b3\x18\xe2\xdaw\xb2\xf8Ul\xa2\xaf\xf1\xe0^9v?\x90\xa3\xf3\x96\xa9\xa8\xa8(\x88Bq\x8b\x01\xf0\xc4\xb3\x91\xfd\xae\x83m\x91\xee$DuYO5\xb3p~\xf9\x98}\xd7=OC\x17_\x97\xd8o\xed\xdbD\x95c\xcd\x83\xf18\x11\xde!L;**\xa6\xf8FT.\x81\xdf@\xdd\x7f\x95\xb6\xaf\xa4""c\xd7\xdf\xc6\xfcd]bO\x90h\xe6\xa886ql\xfc\xc0\x1af\xeet\xb6\xc5\x0c\xca[\x17^\xdd8\xf5B\xf8\x0e\xd8~\xf2\x13"\n*\x9e\xc7\xb2\x05\x15aQV!\x14E\x12\xa8\x16\xed\xe8\x93x}K\xc4\\\xbb\x90t\x88j\x93J\x1f\xc1\xa7t\xd4^\xa0L\x9c\xc6\x83\x00\x00\xf1Dt\xf3\xeb\xea\xfd\xaa\xa2\xa2\xa2L\x02\xd9\xe8\xf7\xa5\xf5\x9fu\xa9k\xdaD\x11\xcdQqdXmQ\xbbhgs\x06\xb1\xe9*******l\xd1\xd4\x18\xc4\x920\xe27\xd5\xa3\xa2\xa2\xa2\xa2\xa2\xa2\xc2\x87\x95\x17\xbeDD@\x0e\xcb\xeb2g\xecxh\xc6\xf6\x07E\xb1I\x14\xd4d$\x15k\xd8U\xe3a\x02\xdb_\x90\x8a\x8a\x88d\xb7m\x91\xa5\xdf\n\xdf\xbc\x99\xb2t\xec\xa0\xe4\x0c\xddJD\x88\xe1\xa6\xcc\xe5\nx\x08l\x90X\x04\xc8m\x80\x8a\x92\xe1V\t\xb4T\xeb:\xea7\xe3\x12\x97\xb4\t@2[O\x92\x8a\x8ah\xc8\x93tS&lt;\xe6\xac\xdb\x80JY\xfavTd\xae\xc4\xa0b\ru\xd5.\x06q@\x1c\xe0%DS=\x8d\x10Q\xfd\xe4\x0b\x80 \xb5\x06\x83J\x1f$\xdd@y\xc3G\xdd\x9bTQ\x00\x82TY\xd1(R,^\xc5\x8c\x98\xe1L\xe4\x81TT\x9c\x90\xcc!\x9b}\xf3\xf5n\xe7\xa8\x9e\x018\xa4MN\x9b\xac\xe1\xd1(\xb7\x05*\xd2\x90-\x84\x0b\xc8\x1dn\xf5p\xa9\x15\xc0\x1c\x15\x07\xc6v6\xb6\xabDV\xa8\xd8B\xea\xdaz\xca\xc1\xe5\x9f\x7f\xfe\xfe\xed\xfb\x1ft\xff\xfd\xf2\x7f\x00\x00\xfa\x8e\x85L\x89\x01\xa6u\x1e\xac\xa3Ah\x1b\xcb\x05J4\xfe\xfb\x8f\xb5E*\x0e\xc9\x1b\xc0\x0f\xf6\xcf\xb2\xc3\xdf\x88\x8f\xbb\xe1\xc5\xc7b\xeaV\n`\x91\x8a#\x12\xd5E\xf4\xf3\x05\xf7\xfff\xed\xf5\xc7\xbf\xfeGu\xf8)\x80h+\xc7}\x14.B,8\xa1\x08\x1d\xca-"\xd1@\xac\xa4\x80\xd9\x15A\xf0\xea\xc7\xb4\xf5\x88a\xf0l\xe2`\x95J_f\xc4\xaa\x1b\xb5\xf7\xa4O\xde\x0c\xb9mQ\x91\x83\xe8.{{jEO\x7f\xaf\x0e\xc0*\n!f\xf8Y\x97\xbe\x01d\xb0\xbd\x8e\x0c\xa8\x9f|\x01o;LC&lt;\xa2j\x96\xc1_\xa0\xea\x8c*}\x86\xc0\xa2\xb9\xaa\x88]\x9f\xc7W\xb8\xda$**b2b\xd5\x8d\'\xcf\x10\x02\x07\xb3\xba\x8a\x8ci[t\x8d\x08\xa6\xf9\x00\xc5"4\xab"\x00i\x836\x8e\\}Zn+,\xf3\xd8\xd7DD\xc7\x9f"E\xd6\xf8RQQQ\xe9!\xd7`\xb9\xc0\xc2\x0bm2\x00\x03\x85\xd6\xcf-\x80\xa6F\xcd\x0fqX\xdc-\xa9.\xb8hR\xc6\x8f\xdfp\x07\xe0)\x83E\x0c\x08-[\x88\xc8N ]nC\x94\x8f\xab\xf5\xdd8\x86\xa8?m%\x10!\xb7\x01*\\\xf0\xd3\x0f\xa2\x01\x85s\x98G\xa6\x05\x97\xcc7\x1e\x80-\xe3\x93;\xe3\xd5\xbf(m\xd0F6\x1a\xdc*\n\xc2-cRD\xe5\x12\xb9\xadPQqh$\xd0\xb4\xc9\x15\xbf\x0b\x15QH\xd6\x0e\xa2Y\xad\x9bY\x05\xe8_\xfdL\xcf\xe8\xdb\xbd\xe6\xb4\x95S*\rFhA\xb2\xf8U\xa4\xa7\x10\xd1]r\xdb\xa0\xa2\xe2\xd0\xa8E*\x9d\x1e\x19\xbeb\xcf\xb1\xebo\xbb\xf9u\x02J-\xbe&lt;y\xcb\xbd\xfa\x01\xb8n\xd2\x11{\xade\xc0\xa7\xbf\xe0&amp;\xaa\xb0\xc4\x9a7\xb2JR+T\x1c\x1e\x85\xeeM\xa8\xa88\x01~@\xb9\xdd\x93\x82K\x17\xe8\x07\xe0\xe8\xda\xe5\x12\x98\xa5\xa2\xa2\xa2\x0c\x02\x05\x926S\xb1E\xfb\xe2\xeb\xe46AE\xd1T\x8dZ{\xcb\xe8u\xb7\xc8m\x86\x8a\x8a\x8a\x8a\xb3q\xfd\x8bj\xae\x9d\x8a\x8a\n\x17B\xe7\xedy\xbc\xb0k\x17\x00u\xb5\xa4"\x10j\x89C\x15\x15\x15\xa5\x12T&lt;On\x13\xf4\xe8D\xc8UT$g\xed\xb1\xd7\x0e\xdf\xfd\x93\xdcV\xa8\x00p\x91\xdb\x00k$\xcbm\x80\x8a\x93\xa1\xa9^{\xec5 \xce\xca\xcb~\xd6\xe2\xe9DD\x99%@T\x9c\x9d\x96yW\xca5\xf9\xbb\xf2\x89\xff\xb6\\\xfb\x81,]\xab\xb0D-\xad\xa6"$^65G#\x11;R:[TT\xe4\xa4H\xc6\xe0\xd0\xd8z\xb5X\x88\x8aJ\xdf"An\x03\x98 F\xa98\x87x\xe3*\xe2a)\'*fx\xf1\x88\xf3|\xf3f\x02n\x92\xdb#\x14\xd6\\Y*\x8aF\xb1&gt;w\x15Q\x11&lt;53\x0f\xf0\x8f\xac^*h\x9b\xff\n\xda\x1a\x80R\xf8e\n\xdd\xa6\x8a\xc2I2\xfe\xef\x9f\xe6gd\x15\x15\x7f\xf6\xe9g\xbf}\xf7-\xf0\x8f$&amp;\x89\xc1\xf7r\x1b\xa0\xc2\x05u\x00v\x0e4p\xabgs\xfe;\xc2v\xef\x96Q\x02\xef\xf2W\x9e\xd8\x8b v\x95&lt;\xa4\xa4\xb0k\xd4\x86#\x87-\xc9Y\xab8/)5vO\x89\x8d\x8d\xfd\xf9\xe7\x9f\xf1\xc5C\xe2[#\x1e\xbf\xcbm\x80\x00\x0c\x9asE\xf3\xcccr[\xd1G\x89S\x15s\x1c\x13_\x84\xb4\x02\x00\xdc\x86\xcc\xbf\xca\xbf`\xb6\xcc\xe6Xg\xe0\x9c\xcb\x9d+\xd0\xbaZn\x03\x98\x10\xc6\xf8\xcc\x84\xc0\xe2\xb9"\x1ab\x8bl\x07\xf90\x9d\x1eW5\xd6I&amp;\xa2\x87\xc7\xd5\xaf\x82\xdf@\xb9\xedPaM|\xc3j\xb9M`H\xda\xb4m\xf7\xcbmC_#\x89\xc19\xee@\xee\x9aK^%"\x80\xd7\x1eA\\\xfd*\xae\x97\x16\xf0\xe9\xb7o\xa3\x16\xd7\x11\x97J\xa1\xab\x8c\x85Z\x8e\xaf\xf1hD\xc40A;RQQq\x00\xfc\x0bf7L\xbd\x90\x88\x10\xd0\xc2\xa9\x01\xfd\xf3\x84\xcf\xfe\x82\x1a\x1f\xa0\xa20\xa2j\x96\x8b\xa0\x90P\x05\x14\x1b\xfc\xd7q#\x0fU\x1c\x8e\n\xb9\rP\xb1@h\xf9B\xdds\x86\xb9\xcbZE\xc5\xe1\xb1\x13\x84\x95\x9c\x9c\xa4\xfd#\xabu\x8bp\x9d&gt;\x05\xbcj\xf0_\xc7\x8d&lt;TQ\x18\xc9c3\x06o\x02\xa2\xac\x9f\xa1F\x1d*\x91\xef\x9e}\xb2\xe7/\x0f\x91j\xd9\xa6\x03i\xe2\xb4\xac\xd27I\x17\xa4\x15;\xcf\xa3\x1f\x7f\xecQh{\xe3\xf6\xf5\x82\x96\x92\xfe[\xb8\xa6TTt|\xf0ZDd$&lt;l\xf8\x12\x9f\x92\xce\x98\xbe\x0b\xdb\x82\xdf\xa1\xc0\x07\x11UK\xaa\xc6\x1d\xc4_\xbf\x8ab\x11\xdeA`\xaa8-\xab\xf4=\xc2\xdb\x89\xde\x96\xa6\xabH}\x19\xc1\xf1\x1b\xee\x90\xa6K\x15\'AS\x03\xeff\x00@\xaaM\xd5-\xe1;\x96\xb0/\x15s\xd8\xae5#\x81\x18 \xb9\xb0k\xa7\x7f\xc1l \t\x88\x10\xc3,\x15\x15\xa1X{\xec5\x89z\xf2\xc9\x9b\xa1\x1d\x80\x7fr\xaa\x14\x0e\x15\xf1\t\x1d\xdao\xfa\xc5\x08h\t(\x9a3m\xdb\xfd\x8a\xf1\x01\xaa+!\xc5\x92\x8a\x88a@\x14\x12G\xcbm\x89\x8aB\xf0\x96\xdb\x00\xa5 \x86.\xa0J_\xc0\x1b\xc8\xf5\xca\x9e\x86@n\x01\xaeB\xe2\x96&gt;\x91\x88\xeez\x8f\xd4x{\x15\x15G\xe4\xe9\x1fH\x932^n+\x14D\x19\xef\x16|\x05\xb0\xc2\x89\x08,\x9e\x0b\xf8\xcbm\x85H\xc8\x1e\xf1^\xaeu\xe7\xbc\xfc\x07\xa9\x93k\x15\x15\x07$B\xad\x13\xa3\'r\xe7\xa9\xcf\n:w\xf0nG\xc0\xf0.\x87\xe7\x9e\x0f\x1c\xb12\xae\xd2\xb4\xe0md\xaeg\x02\xfe\x88\x19\x0e\x84Hg\x8e\x8a\x8a\x8aJ/=\x99\x1a&lt;\xb32\xbez\xff\xbd\xf7\x82\x83\xf9?\xc8~\xe6\xdd\x82\xf30(Y\x932\xe0l\xb9\xad`\xcb\xa7LO\x8c\x19\x01D\x8ai\x89\x16\x1bqXo\x01\xbf\xe0\xf3\x1b\x01\x1f\xf1\xcdPQQQ1\xe5\xfc[_\xb9\xfa\x19\xcb\xab,v\x82\xccq\r\xab\x11\xd9)\x80E*\xbd\x08\x93a\xa6Ltz\x0b\xf2\x07de\xb7m\x05\xa2\xe5\xb6\xa2\x8fBD@\x9e\xdcV\xa88$\xa5\xdd{\xe56\x81/\xda\xc7`\xeb\xc2\xabM\x8eG\x02\xae,7e\xfdU\xf1\x1a\x81I\x1a#\xb7\x05"\xf2\xca\x9fDDc\xce\xba\x15AC\xc4\xed\xc9o\xa0\x1dq\xc1\xa0\xc1\x9a\x94q\xe2\xda\xa0b\x05"Bp\xab\xdcV(\x8d|\xb9\rp\x0cv\xdd\xf8\xb9\xb5\xe5\xa3\xa3\xa0\x1d\x80w\x9e\xfa\xcc\xf8\xb0\xba\x96U\x91\x8e\x12\xa0Th\x99qc\xc2;Dl\\\x85\x17jV\x85)\x99C6\xcbm\x82\xc3\xb0\xee\xd2\xd7\xe56\x81\'\x89D\x94:p\x83\xc4\xbd:kp\xaf\ng\x8a\xd8^@D\xdf\n\x13\xa4\xe6\xaa\x04O8\x1fR\x07\x9e\xbd\xf1\xb8\xc0\xa5\x9dUTT\xa4\x82W\x05^\xb6\x82\x06\xfe\xc65\x18TT\xb8\xf0-\x11\x11\xf9\x15\xcc\x12\xa2\xb1@!\x1a\x91\x15\x97Z\xb9-\xe0\x80\x9a\x00\xe6\xb8\xa8\xc5\x07\x95\x02\xff\x0c`\x15\x15\x0e$\x0cYp\x95\xdc6\xa8\xf0\xc0\xa7Yyyk*\x0c)\x91\xdb\x00\x15-\x9a\x1au&amp;\xab\x02\x00\xc1C$\x8fh\xe5\xe5\xbaQ\x91\x9c"\xb9\rP\x11\x84@ En\x1bTTT\x0c\x88\xacZ\xea\x80\xca!\x86H\xa7\xcfED\x0f\x7f\xe1\xd0\x9f\x15k\xfe&amp;:p\xc7\xf7r[\xa1\xa2\xa2\xe2\xe4\xf8\xc9m\x80\n7|$\xcc\xbdNU\xccd\x85\x83\x08\x0f\x17\xd5\xd8\x17~\xa5\t\x1b\xef\xe4p\xa1\x8a\x8a\x8a\n+\xe4\xd9 9z\xdf/7\xbfN\xec\xeb\xb0\xaa\xa8HC\xa5\xdc\x06\xa8\xa88-\x1e\xd2V{U1E\'/\xa5\x86\xc59\x01\xb6\x85]=$\xb2B`T\xad\x1e\x15\x15\x0b\xf0\xd4\x82\x06\xe0\x05D\xc1M-\xa0-\'\x1a\x8df\xe3\xf1w\x10\xa0V\x17p\x02l\x0be\xff%f\xd7\xd9C\x17_k\x16O\'\xc8O\xfb[!\x1a\x91\x90\xe8\xe1r[\xa0\xa2b\x9f\x00 \r\xf0g\xb99\x94\x02$\xb2\xed\xa9v\xe2a\xc7\xac\xe1*\x99\xd4CP^\xc7vU`\xc8\xf1\x11u7\xda^\x19\x0c\x97Z!&amp;\xe5\x86T8\xa0\xc2b\xa1b\xf6\xe9UT\x84&amp;g\xe8\xb6\x99;\x1ff9\xb3\xf6$\xa2\xab\x9e"\xb7\xf4\x89\xaei\x13U\r}\x8bD\xd7.o\x9eqLn+\x1c\x92\xd2\xee=D\x04\x94\n\xdd0\xf3\xbd\xcf\x12\x83\xbbZ\xbc\x11\xab\x00&gt;\xfdEk\xdc\x1c\xef\xa0\xe2y3v&lt;$a\x8f\x82\x10z\xec\x11Q=\r**2\xe2?p\xe9\xa1\xe7&lt;2\'\xb3K#\x8e\x19\x11T&lt;\xcf\xbf`vT\xf52 ^4\xe3\x1c\x1b"\x1a\xba\xf8Z\xb9\xadp4\xfc\x07\xb9gL&amp;\xa2\x0b\x1f\xf8]\xe0\x96#\x861U\x0e\x8a\xef\xd6\xa4\x8e\xd7\xfdG\xbc:\x89n@\x92\xbds\xaaD\xeb]EEE\x11h\xcb\xb5\x86@S\xc3\xe0\x89`B\x8c\xe0\xd68\x0f\xf1\xa3\xae\x7fQ\xf5\x9e9\x1c\xd1M\xd3/\xcen\xdb"{&amp;\xdb\xd6\xeb&gt;$\xa25\x97\xbc*B\xdb\x85\x9eYSEhVE\xa5\xaf\xe0#B\xa2\x8b\xb7\x9a&lt;\xe3\x8c\x84\x02q@\xb8\xdcf\xf0AJ\xb1\xad\x84\xa5\x87\x9e\x7f\xf5/\xe2\xb1\xb7\x12\xeb\x97?\x93\xbf\x1d\xf9\xc3\xb6\xeb"\xea\x05\'\xf5\xb9\x9f\xa8\xdf\xf4K\x98\x89P\x06\xdb|\xd5\x17\x88\xb5\xf2\x92\x1a\x03\xa1\xe2\x14D\xd5,sI\x9b`p@\x15\xffSaE\x9a\xa3\xd7\x1a\x92\x90\x80\xb8\x86\xd5\x15c\xf6\xc3\x95Oe\x05a\xa6;\xe1\x95\x8b\xc5Y\xaaf\x11\xd1\x0b\xbfRH\xd9B\x06\'\xdb*\x9b\xf6=\xd1\r/i\xa7\x08\xb1\x88\x19a\xf4Z\xdcH\x84\x0e\xe5n\xa3\x8a\x8a\xdcd\xc1\xad\x1e\xde\xcd\xfb\xef\xf8~\xd8\xd2\xeb\r\x8e3\xc9\xe4K\x0b)[`}r\xaa\xd2\xa7Pgll\x08\x1a\x82\xa8N\xc4\x8eD\xec\x08\xe7\xd5\xbbO\x05J\xf8\xbf\xbb\x1f\x0c\xd7\xe8q\xdd\xa6]\xc4\x8f\xe2\xd9\xbe\x8a\x8alhR\xc7\x0f_y\n!mI\xcd\xeb\x80\nV\xd7\xb6-\xba\x86\x88\\\xd3&amp;\x8ad\x9b\x8a\x8a\xf3\x92\xe1_0\x1b\xbe\x03\xb2\xdb\xb6^\xfc\xe0\xff&lt;2\xa7\xc8m\x0f\x1f2\xc5m&gt;~\xd4\x86+\xdf\x16\xb7\x0b\x15\x15y\x08\x184b\xd5\x8d\\W\xb1\x15\x8f}Ml\x87m\x07&amp;x\x88\xdc\x16\xa88\x13\x05\x80\x0f\xe0\x87\x98\xe1\x0e^g\x8c[(\x99\'P\x0e\x140;\xd9A\x15\xc1TT\xec\x90.B6\xa4s\xe2\x9b7\x93\xf1\xf3BEE\xc5.\x19+/|In\x1bTTdF\xbc4D\x15\x15\x95&gt;\x8et\xc5\x1f\xe5 Hn\x03TTl\x11(\xb7\x01J\x80KY7f\xa8I\xd2***\x8eN_\xd9b\x90&gt;m\xeeO\xdd\x1f\xee\xc0\x7f\x92\xf7\xae\x0c\xdc\xab\xf1\xdf\xb7\xc0\xdfB\xb7\xeb\xd1\xb6\xf0\xc8\xb7\xffF\xfd\xf1\xc5\xb3B\xb7\xac\xa2\xa2\xa2"\x19\xff\xcam\x80D\x08+\xbcn\x8d\x82\xfca;\xe0\xd9d\xec}Rf\x9a\x8a$3\x92\xbf\x1f\x01~\x13\xba\xd1\x18 \xae\xa4\xac\xb4\xa6\x96O.\xa9\x03@D\xfbo\xffNn+T\xd8\xa2\x11\xa8\x9d\xa8\xb3.}\xc3+{\x9a@\xad\xa9\xa88\x06\x1e\xc3\x96]\x0f\x943&lt;\xfb}\xa2Cw\xfd\x08T!b\x18\x92\xc6\xb4\xcc\xbd2g\xe8V\x83Jg\xdep\xad\x13\xc7\xce\xbe\x8dK-\xe2FJ\xde\xab\xa4ZfD\xf4\xb6Z\xac\x86\x11)r\x1b &lt;i\x836\x10\xd1\xdc\xdd\x8f\xc9m\x88\x8a\x8a\xb4DT-Io\xd9\x08\xbf\x81\x0c\xce\xf5\xd5\n\xdau,=Q\xd8\xb53\xb9\xff\xfa\xf6\xc5\xd7\x05\x14\xcd\x01\xaa\xf4\x1a7\xc9\xfd\xcf\x12\xd5Z\xa5"\xfe\xdeF\xe8P1\xf7\x98\x19\xe1\x919\x05\xee\xf5\xaa\x12\x96\x8aM8\xba\xdfj&amp;\x1c\x82g\x93\xa0\x96\xa88."\'\x9d+\x06_\xf8\xf4\x87G#\xa2\xba\x18\x9d\x1e\xd6\x9e\xde\xb2\x11\x88\x06r\x00_x6\xe9\xe2\x83\xf4\t\x8e\x0e-\x14l\x83\xfc&gt;/H\x9b;d\xfeUc\xd7\xdf\x961x\x93K\xea\x04 Dn{\x1c\x08w\xb9\rp\x10\xbc\x9b\xe5\xb6@E\x19\xf4%\xe5\xd1\x00A[c^*\xd5\xe1\x10\xf6\x83r8\xa2{\x14\x0755@\xa9\xf3\xa6J\x87\x8c^wK_\x15^M9x\xe7\x0f\xb2\x1a\x90%k\xef*\x8a\xc1\x7f\x90\xdc\x168*\xe2U\x1dWQ\x91\x82\x8b\x1e\xfc\x1f\x119Ef\x9d\xad\xe2\x07\x169\xfe\x14\xa9\x8a=*\n\xc0\t\x03\x1d\xa4!\x89\xc3\xcf^I\xc4\xcbm\x80\x8a\xec\xf8\x00\x85r\xdb \x13Ic\x8b\x86\xefbv*\xff\x8f(\x87w\x0b*\xce\x8ax\x03\xb0s+\xc6\x00\xc2\xfd\xae\xe4\xf8\xa4\xbc\x9bC\xca\x16\xc8\xd0\xaf\xf2\x89\x1eND@\xaa\xdcv\xa80\x84\x9bt3\x98:\xb1|\xfasm_\xa5\x8f\xc0\xa4D\xb4e2\x06oB\xe40\x00\xc2\xc7\x9aD\x0f\x17\xb8A\xf68mH\xc8\xec]\x8f\xf0\xcfdHo\xd9\xa8&amp;SY\xe4\x9ag\x08\xc9c\xe5\xb6B\x81h\xbd&amp;Be\xc4\nAp+\t\x9c\xd3\x15]2r\xb7\xa0\r\xaa\xa8X\'x\x08\x12\xc7\x88\xd1pa\xd7N Q\x8c\x96U\xf0\x9b\xb6\xa4h\xe0`~\xcd\xf8\xa8\xdf\x90\ns*\xc7\x1d\x90\xb5\xffd\x8bG\x9f\xf8F\xe8\xa4\xea$u\xee\xa5"\x1eR=r\x93\xc6BScv4\xf0\xe1\xcfI\x82\x14\x1e\xe6\xe9\xaa2\xa7\x9cr\xa5\xec\xf2\xc7\xfe\x01"\xe46C\xa5\x8f {\xa0V\ns\x15\x1d\x15\x15\x05#\xa5Lt\x11B\x87\x9a\xa6\x1a\x87w\x88\xdd\xab\x0b\x90\x0b\x043;9YI\x9b\xd5jd\xb5\x8a\xa2P\x8e\xa6|)\xe3_\xb4c\x13U\xb3Ln\x13\xec\x914\xf6\xb9\x9f\xc8\x9cm\'&gt;\xaa\x9fr\x81\xdc\xc6\t\x05\xab\x92zI"\x19\xc1\x9f\xca\xb1\xfb\xeb&amp;\x1d\x01\xa2Dj\xdf\x92\x18ML\'\xf0\t\xc00\xcf\xef\x03\xe0\x1f!-\xe2Cx2P"\xb7\x11**:4er[\xa0\xe7E\xe0\'\xb9m\x90\x82/\x9f\xb8_n\x13\xac\xe1\x85\xc8\xce\xb9{\x1e\xa7\x0f\xae)\xb5\xa4\x14\xa0\xd1h&gt;\xf9\xe8ch\xaa\x95\xaa\x93\xcf\no6QQ\xbe,\x93J\xac\t-\x08_H\xf7\xcc\x8bg\x92SS\xf3\x86-\xd6\x1d\x10?\x80#\xa5\xffz\x03\xd1f\x95\xbeI\x1f\xd7\x12Qq,8\x07r\x8b\x8d\x0b\x90\r\xdf\xfe\xc3W\x9e\xb2\xb4\xe85\xe2\xc6W\xe8\xf2\xc7\xff}\xfd\x1f\xda|\xcd\xfb\xddkN\x07\x97\xce\x97\xdbx\xc9\xf0\x0b.\x99\x0f\xe42&lt;\xdb;g\xba\xf9\xc1\xc9\x9b\xef%"Q\xd2\x02\x93\xc7\xfa\xe5\xcf\x12\xbeY\xab\x04\x0ev\x82\xb2\xb2\xad\x0b\xaf&amp;\xa2+\x9f\xa4gu7~\xeb\xc2\xabC\xcb\x17\xfa\xe5\xcf\x02\xc2\xe4\xb6N\xf9(YM\xb3/k[*g\xbbG\xc5*Y\xad[\n\xbbv\x15\r\xdf\xb5\xf3\xd4g\xff\xd8\x1bwm\xf0\x15QP\xc9&lt;\xb9\xdf\x8d\x14xfMeVe\x00\x00|rg\x98\x1f\xd4\x7fh@\x95\xa0\xa6\xa9\xb0a\xc1\xbe\xa7\xdefpg\xffB\xf4\x1e\xd13?\x12\x12Fs\xed\xaa/\x0f\x03\xf2\x92$Z\xcb\x12\x04X\x06\x89\xdf\x85\x8a\\dF\xd7,\x9f\xba\xed\xfe\x0b\xee\xfb\xf5S\x1e\xe3\xae9W?\xe3\x88\xe5\xbf\x92V_\xfc\n\xb33\x03\x9e\xfd\x89R\x06\xac\xe7\xd3\xd9\x1d\xef\xe8\x06`\xf1\x83\xa4T,\xb3\xfa\xe2W8\xdc\xdc\xeb/\x7f3\xa9y\x1d\xbb\xd2=\x01\x83\xd2\x06n\x10\xed}8\r\x0e\x97\xa3\xa5\xa4\x0c]\x89\x08\xec\x93\xefZx\xa6\x9d\xfb\x80\x90C\xae\x19\nv\xb3[#\x87\x88\xd2[6\xda;-p\xee\x9e\xc7\x89h\xf9\xd1\x17y\xf5\xe6;\x80\x88&gt;$Bx\x87W\xf6T^M\xa9\xb0\xc7\xed\xcd\xff\xf8\xdf\xe2\xcc\xc9n[t\xadXoER\\x\xf8\x00\xc4\xc3Y+eY$\xd8Z\x86\xae\xc8\xb8\x03\xfe\xedKNL\xd8t\x97\xc1\x11\x15\x0e\xb8\xbf\xf2\'\xef\x01\xd6\xfe\xd3\xc9)\xb3\xc8\xfc4)\xe3\xbf\'"\xa2\xf5\x97\xbf\xc9\xb3\xad\xa7\x7f\xa0\x13/\x90{\xc6d\'\xfd\xac\x94J\xf9\xe8\xf3\x0f\xdc\xf1=\xff[|\xf8\x8aSr\xbf\x159p\xa9U\x98\xa0y\xdfY\x90ic\x11\xe2\xe4\xa8\xe8\x92\xa8\x97\xcb\x88\xaeY.y\xefND`\xcb\x1f\xfc\x1f=\x0c\xb8\xfb}\xf1\xbc\xd0\t\xa2\xb5l\x97\x82\x11\xabn\\\x7f\xf9\x9bD4\xe9\x9c\xbb\x85h0\x94g\x8d\x10"B\xc40!,\xe9\x1b,\xdc\xff4\xdb[y\xc8\xfc\xab\x0e\xde\xf9\x83\xb5Wc\xebW\xc9\xfd\x9e\xf8 \xd9\xe8%\xbb\xb2\x84\xe3\x13\xd7\r\xb7z\x00\xd2\x7f\x98\x05\x9d;\xbe\x14X\x81\x92\'\xd9DT&gt;f\x9f\xdcf\xb0\xa5r\xd5E/s\x1fTu\xfcB4\xee\xec\xdb\xcbG\xef\x1bs\xd6mO~g\xf9\x9c\xef\x89\xe4\xab^#bZT\xeb\x82\xabg\xed|\x98\x88J\xbb\xf7\xda8\x8d\x88\xa4\xd1\xfd\x8d\xad[)A/\xce@\\\xc3\xea\xc7\xbff}\xaf\xd7M:\xe2\x96&gt;\t\x08l\x9ey\xcc\'w\xc6moY8g\xf7\xe9/\xe5~s\x1c\xf0\x00\xfc\xc5\xc8\x843#\x1b@\x9f\x1f\x80\x05I\xd3\x8a\x97kc/\xb6n%\x11))\xd6=\x98\x88\xd6\\\xf2\xaa\xdcf\xb0c\xdc\xd9\xb7\xb3\nr\x9e\xb9\xe3!x4\xc2\xb3i\xe8\xa2k_\xfc\x8d^\xfb\x9b\x8e\xde\xfbK\xce\xd0\xad\x06\xce\x7fO J\x93:~\xe5\x85/\x99_\xde8\xed"\xf9\xde\xab%\xc5\x08a\x88\xf1\xca\x9e\x06\x84\x8a\xd6\xbe\x8a(\xe4\xbe\xf67\xbb\xa1\xf7\xd2G\xffB\xc2(\xb3\x1c\xa4\xe2\rWZ\x88\x9bV\x98WVEEX\x12\x95\xa7\x18\xe5h;\xd0\xf1\xdd\xacv\xbe\x9a\xa6]\x0cxYo\xce\xcdt&gt;\xe47`\xc4\xaa\x1b\xef\xf9\xc0\xa8\x91\xda\x89\x87#\xaa\x96F\xd7\xaa\xbb\x06*\xb2b\xf7v\xd7\xa6\x01\xfcD4a\xe3]\xa1e\x0b\x87\xcc\xbf\naCm4\x18X&lt;\xd7\xf0\xf2\x9d\xa7&gt;\xb3xZT\xcdr9v\xecTLp\x05\xbcM\x8f%\x8f\x05\x8ad\xb0E\xa5\x0f\x928\x9a\xd5\x02`\xca\x96\xfb\x80bN=\xf9V\x8d;h\xbe\xcd|\xcf\x87\x8a\xdaAPQ\x10\x85f\xa9\xd0\xd1\x0c\xaa\xc3\x9a=O\xad\xf3\xe8\x97vn\xf7S/\xd3\x8a\x0b\xce\\\xfb\x1c\x8dZ{3P\n\xf8\x03)f\x8ee7Du\x99\xd8\xf0\x9bA#V:\xcf\x88\xadW7\t\x94J\xd2\x18%T\xf1\xe4J\x92\xdc\x06\xc8\x88\x83e\xac=ee\xa7\xd6"\xfbo\xff\xae}\xf1up\xaf\xe7\xd1\xa1\x9fv\xa3T\xcfmoQ\\\x83CG\xab\xf4\x1d$u\xed\xc4-\xd8\xf7T\xdd\xa4\xa3\xc6\x07\x85\xdc?8r\xcf\xcf\xb6o\xf7\x1b_\xa1\x82\xce\x1d\x08n5\xc9\xc8&gt;z\xef/f\x8dY\x98\x93&gt;e\xe0U\x12\xd0l\x15\xa9\xb0;\xd5S \x95\x00\xe0\xdd,_\x94\x8d\xecd\xda?E1\x04\x97\xccg1\xfc\x12U\x8c\xd9\x1fR\xb6\xc0z{\xc5\xbey3\xec\xfb\xd5\xa2\xba.y\xc8t%|\xc7;\xea3\x8a5\xa7_\xa3\xea\xf1\x87\xe4\xb6B\x14\\\xc7o\xbcS\x9c\xa1\xab7\xb6\xe8\xb1\xaf\xec\xdc\xee\x936\xdf\x93\xde\xb2\x91s\x94Pa\xd7.}S\xbf\xabc0;\x82,\x1dt\x02ey\xb1Q?"\x87!\xa5\xffzV\x82?o\xfeK\xcc\x9c\xcf\x91\x0c\x96J\xa1]+n0i_\x80\xb7d\x1f\xbf\x01\xb3.\x93\xa4#)\x90\xf0s\x93\x1a\xaf\xf1\x1bz\x06\xe0\xe1+O\x01\x9e\xac\x1c\xcb\x0cy\xf1W;w\xfc\xb6\x13\x1f\xf1\x92\x03uo0\xbe\xbf+\x84\xb3\xbd\x8f\xd0g\x97qJ@UH\xd5#J\xb5\xef\xe5G^d&gt;\xfa\x12Q\xc6\xe0M\xac\xfb\x08k\xb7\xfa\x92O\x7f\x93\xf6\xf3:\xce\xe5\xf1n\x98\x92\xd4\xbcN\x82^,!\xbc\xf8\xf9\x1f=\x0fv\xe7,\x06\x1f\xa3\xbd-\xbe!j\x9eyl\xf9\xd1\x17\x85\xae\xab\x13d\xf7\x8e\x7f\xfc\x1b\x82\xef\x00\x1e]\x14\x19\x0f\xc0\x91\x82\xd9\xae\xa2\xa2\xe2\xc8\xc47\xaef5\xfa^\xf4\xe0\xff8\xc9\\\xd8xf\x86?\xfd\x83Q\x177\xbd\xea\x9c\x8b9\xf1H\x19\xb0&gt;\xbde\x93\xdcV\x88\x86[\xc6$\xa3\x01,BHil\xbf\xfcYvo\xfaOzR\xb6\x13\x00_\x0e]\xf8\x17\xcc^\xb0\xef)}k\x8b\x0f&lt;#\xa0\xfd\xec\xe9;\xb2P**vI\xb1\x99\xc9#2a\xed\xc7\x1ef\xa19y\xeae\x8a\xa9[a\xa5\xaddx4r\xb3b\xea\xd6\xfbL:\xea\xdb\xe1{\x1c\xc8\x92\xdb\x00\x11\xd1\x00\xf0/\x9cmps\xb0\xaa\xb4l\x87\xc0\xa2\xb9\xc4\x80\xdb\xde\xa2\x8a1\xfb\x80h\x0e]\xa4\r\xda\xb0\xe6\x92Woz\xd5\xf0\xfeVQa\x85\x83\xc5\xf4:\x0c\xc9c\xd9Dt\n\xac\xb0\xb8\xec\xc8\x0b\xccG_"Z\xb4\xffix\xf7\xb3\xd2\x98-\x01\x96\xe9\xe7&gt;p\xf1C\x7fX{|\xc57\x98\xae\xc2\x87:\x89.\xbd\x8a\x00d\xe8\xff*\x19\xb9\xc7#k\x8a\xb0\xad\x9b\xcf\xfe\xacq\xe9#\x7f1L\xd8\xbd\xf8\xa1?.z\xe0\xf7\x9e\xffhj\x88\xe8\xcd\x7fi\xff\xed\xbdy\x06p\xa9\x15\xf6]\xa8\xa8\xa88\x1c\xef\xb2\x1a~\x896_\xf3A\xe5\xd8\xfd\xf0lb\xddST\xd7\xdc=\x8f\x07\x14\xce\xb14\x06\' y\xdc{\xc6\x1d}\xad.\x12\x9c\x05\xfe\xd1\x98\xbe"n\x9a\x86\xb73\xbf\xfb\xaf|\x92\x98-D\xa2{FY\x00p-\xed\xdec\xde\x14"-js\xab{\xc3*J\xc0\xb3/\xd5\x18\xf6\x90\xb1o\x96\xe3/}J\xb4\xe4\xd0s\xfc\xe2QLj\xa4\x16\xc3w\x80k\xda\xc4\x8e%\'L\xfa*\xe9\xde\xc3\xeb\xbd\xa98\x11\x89"\xed\\&amp;4\xada\xf5\x03\xe8?\xebRD\x0fwM\x9bh\xa3\xcd\x86)\x17jO\xee7\xe3\x12\xa0\x1c\t\xa3\xb4\xc5)\r\t,\x9ek\xe9R\xe5\xe8\xe8*\x84 \xb9\rP8\xa9\xe2TI\xf3\x07\xa2DhV\xc5\x14\xb6\x030\x11\xcd&gt;\xefQ \x0f\xf0\x03*g\xefz\x84Uw\xe7\\\xfd\xde\x8a\x0b\xce\x04\x15\xcf\x03b\x8d_\tO\x1dx\xb6y_\x02\xbeS\x85!M\x92^\x90\xd3\x04\xdc\x04\x9a\xdd1\x02\x918\x86\xed\x0f`\xe3\xf1w\x80t\x00p\xab7\xdf{\x9fs\xde\xa3\xfa3o\x7f\x9bZ\x17\\=p\xce\xe5\xe1\x95\x8b\x9bg\x1e#\xa2\x97\xff\xd7\x17nn\x15i\xd0l\xb9\xf6\x83\xe6\x99\xc7\x10jK\x0f\x95%\xd9\x0c\xce\xe1Si\x98\x9bt\xa2\xd3\xc2a\x00~\x87(g\xe8V\xa0,\xb0x\xee\xfa\xcb\xde\x80O3\xc3\xbe\x0e\xdf\xfd\x93\xbe\x913\xbf\x13\x02Z\x0c_\xf5\xcb\x9f\xf5\xe2o\xa6}\x89\xf0\x8e\x95\x80\x0f\x02[$\x91\x98\xf5@\xc2(\x9e\xa5\x0cEE\xc8X*nt\xad8\xc5\xea\xee_|\xf0Y\xdbk\x0esEK$\x8f\xd3\xa4\x8e7o\xca\xd2\xd5&lt;R\x8d\xa5 ]\xa62\xef*V\xf0l\x8a\xa8Zb\xe6TT0\xaej\xe8\x83\x11\xac\x1e&gt;z\xf6\xdf\xfe\x1d\xdc\xea\x81\xcc\xb3\xafxk\xc3\x95o3\x13&amp;\xf47id\xccY\xb7\x19\xbc\x1aW4\xe2\xbc\xfb&gt;2:\xe1\x13\xa7\x1d\x803v\x9e\xfa\xcc\xca\x13X$\xc4pS9\x05lo}\xbbK\x04s\x9fvr\xff\xb3\xda\xcd\xf6W\x104\xc4\xec\xd2\xca\xc2\xae\x9dH\x1c\x03h\x00o \\\xa4\xb7\xcc\x19M\xcax\xb3\xbaO***\xdca\xfb\xfc\xd1\xf25\x91&amp;e\x1c\xe0\r\xf8\x00^\x16\x85\xf1\x1b\xa7]dt0\xbc\xc3\xa4\x91\xcc!\xe7\xf4\xbe\x1a\xd0\xb2h\xff\xd3\xd7\xbfht\xc2\xb5\xcf:\xeb\x00\x0cx5\xfdE\xc4-\xa7\x94\x13\xf1\xcc|K}\x0f\xe67\xfd\x9c\xf3\x1ee\xe6@+3\xbc\xea\xc4\x0b\x04 m\xd0\x06\x93\xd6,\x97&amp;\xf4f\xeaMRQ\x11\x08uF%\'\xcc\x9f?&amp;\x14v\xed4\x1e?\xf2\x8d\xda\rn%\xa2\xf1\x1b\xee\xd0\x1f\x88\xa8\\b\xf6\x08\xca3\xb8\xa0&lt;\xa2jI\xc7R\xa3u\xc2\xab\x7f9\xef\x00,\x03iH\x1e+\xb7\r\xca\x83\xf9\x1doE\xc0L\xbb\x99\x9f\x00`\xe8\xa2k\x910\xbau\xe1\xd5/\xfeF\xef\xeb\xaf\xd2\xd4\x00\x18s\xd6mf\xad\x89\xb3\xa5\xad\xa2\xc2\x8eT\xb5\x14\xa6\x8c\xb0\x1cv{9x\xd7\x8f\x06\x83n\xa8\xb9\xc3\xcc\xaf`\x16\x92\xc6\xe8\xff\x1bQ\xb5\xd4\xf4\x11\x94&lt;\xae\xf7l\x9f\xfe\xb5\x13\x8f\x98K\x82\x88\xfc\xee\xfb\x16\xf2Io\nHD\x07\x11\xd5L8\x0c\xf8q.\x8d`@4\xc3\xdb\xbdu\xe1\xd5=W\x98f\xe0e\x029\xba\x9dQ_\x04\r\x81K-\x82\x86\x00\xd9\xfdg^\xaa=#\xb4l\xa1y\x83\xbc-WQQ\x11\x8d\xc4\xd1\xd2\xf4\xc3~\xe4\xed\xc5\'w\x06\x10\x04\xe4#f\x84]}\xe3\xee5\xa7M.\x1f\xb6\xecd\xef\xcba\xed3w\x98\xd5ER\x1fS*\xa6D\x0e\xeb\xb93\xbc\x9b\x05\xa9\x89\xc8\xe4F\x7f\x97\x08\x08\xed\xb9 \xb4\r\xaeu\x83\xe6^a\xe9\x06\xcd\xb1\xb4\xb3\x0b\xc0m\xe4\xea\x9b\x0c\x1b\xfcB\xbd\xb3U\x1c\x12\xc9\xf6\xcc\xe4&amp;\xb8U\x9a\xd06\xb6\x83\xae!\xe5\xa3\xcf\x87O\xff\xc8\xea\xa5&gt;\xb93\xac\x85\x8c\xcc\xdb\xfb\xc4\xf1\'\xe9\xf5\xbf-\\&gt;s\xc7\xc3\xfa\xd3|r\xa7\x9f}\xc5[\xe6\xe7H\xf0\t\xa88\x10\xf19C\xb7j\xef\x8c{&gt; \xf8\xf6\xe7\xdf\xe2\x8d\xf6\x8a\x80\xbdk\xc9\xf9\xac}\xe9\xd0]?2\xec%\xb1\xdf\xda7\xfe\xedm\xf3\xbc\x9b\xbe\xe0o\xb9\x8a\x8a\x8a\xa3\xc3e\xe0\xd5Q=\xfe\xa0{\xc6\xa4\x81s.\x1f\xb1\xf2F\xa0\xc4\xd1\x1eW\xef\x00\x00 \x00IDATb\xfb\x1f[\xbf\xdc+{j\xefy\xb1#\xfa\xcf&lt;\xf6\xb2\xd9\x12\xb8q\xeaE\x12}\x10*\x12\xc29\t:\x7f\xd9\xe1\xe7\xf57\xc7\xfc\xbdOrj$\xc2D{\xdd3k\xeak\x7fY\xbdM\xff"\xf2/\x9c\xcd\xd5`-Q\x0b\xf6=\xf5\xbeA\x9b\x9d\xcbO\xda\xbfHEE\xc5\xd9y\xcf\xea\x83\xc7&gt;C\x16\\\xdd2\xf7J"z\xe4KmVE\x80yh\xe7\xf6\x93\x9fX\xbcv\xf6\xaeG\x8c\xe3\xef\x92\x10\xd99AWy]\x0f\xa2\x87K\xf9i8"\x97?\xf6\x8f\xdc&amp;p\x81\x9b\xf7\xd8/\x7f\xd8v\xed\x9d\xb1\xe3\x86O+\xc6\xec\x13\xc8\x98@\x8b\xee\x17=_\xda+ X7\xf9h\xda\xa0\x8dVrd#k\'\x1d9x\xe7\x0fF\xb7\xb5\x8a`\xa8u\x82U\x1c\x18C}x\xb6\x1c\xbe\xfb\xa7\x86)\x17t,=\x81\x906\xc0\x13\x883k\xde\xd3\xda\xb5\xe37\xdci|f:b\x86\'4\xad59M\xa2OA\xa9\x8c\xdbp\xc7\xf0\x95\xa7l\x9cP?\xf9\x02"\xea\x95\xfd\xef\x0bh%\xa5\\R\xc7\x039\x825\x1a;\xd2\xc6\x8d\xfe\xc0\'d[\x80\xe2s\xed$\x14\x00\xbc\r\x8f/\xda\xff\xb4yk\xff\xeb\xf3\xb7\xb5\x8a\x8a\x8a\x96\xb6\x85\xd7p\x19{u&lt;\xf1\r!h\xb0\x8d\xf6/y\xf8\xcf\x07?\xb3p\xe1\xbe\xdb\xbe5&lt;\xcd7oFv\xdb\x96!\x0b\xae2&lt;\xe7\xa1\xcf\xfa\xfa\x93\x8a\xec=\xab\x83K\xe6\x13\xd1\xc09\x97Kb\x8eS\xd32\xf7J\x8b\xfb\xc1{n\xf9\x1a\x91\x9d\x1c\x1a\xf4\xcb\x9fu\xeae\x9at\xce\xdd&amp;\rZ\xce\x00VQQ\xe9{\x84\x94-\xe03\x00\x13Q\xdb\xa2klu\xa0\xa9\x06\x82JF\xf6\xd4\x83y\xeb?:\xf6\xc8_\xbf\x10U\x8e;`|^(\x12F]\xf6\x98Q\xb0Vi\xf7^1\xdf\xbaT\xb8\xd7#\xb0\xc5\xfei\x960\x1e\x80\x0b,\x9e3l\xd9\xf5\xdc\x1aW1\xc1\xdd%mBz\xcbF\x13=6-_rY\xb6\xc6\x03\x1eZ\x1f\x85\x9e\xc3\xf7\xfc,\xbc\xe1**L\xc9\xb0\x7f\x8a\x8a\xa4$\xf0\x1c\x80\xafx\xfc_\xf6\x9a\xbe\xfa\xfa\xc7\xbd\xb5\xdd\\R\'\x98\xb4l\xae\xae\xd5\xd7 \xd5[)9i%#w?b.\xe8\xdcsG2y~y\x02\x80\xef\x00 \x06\xc8\x7f\xfd\x9f\xde\xcb\xaf{\xbeo~\x9d\x1ev\x93\x14UT\x84\xa3\x00(\x93\xdb\x06\x16\xdcf+\xfe\xc42W&gt;\xf9\xdf\x94-\xf7\xde\xa9+&amp;\x9c\xd8o-\xc7\xbe\xbd\x9b}\xf3f\x02\x00\xc2\x86-\xbb\xde\xb0\x8bi\xdb\xee\x17\xee-:*Vj\xd6\xa9\x88E$\xe0\x0f\xf8\x03E\xab.|\xc9\xfc\xbe\x9f\xbd\xeb\x11\x04\xb4 \xd0\xe2\xa6\x8b\xbfA\xa0VU\xfe\xb0\x1d\xe6\x97\xef\xbc\xf1\xf3\xd8\xfa\x95\xd2\xbd\x1bS\xcc\x0bq\xf3\'\xca\xee\xe0\x1aU\xb3\xdc-}\x92\x08]K\x86\x92\xebO\x04\x00\x00\xfc\x81\x1c\xf8\x0f\x94\xd9\x16e\xe0\x9a6\x11I\x86\x9a\x7f\xfc\xe5zD&amp;p\xf0\xf1\xa7\xd8\r\xc0\x03f_\x06\xff\x81\x08\x1d\xaa?R6j\xef\xd4\xad\xf7\x9d\x7f\xeb7\x0f}N!e\x0b\xedui\xaaK\x1cY\xbd\xd4P\x04\xabb\xec~\x91\xde\xab\x8a\x8aer\x86n;\xdf80\xc1|\xfbV\xcf\xe2\x03\xcft\xaf9\x1dV\xbe\xc8\xe0\xf40D\x0e\x0b\xafX&lt;b\xd5\x8d\x86)\xbfz\x9e\xfaN\xbb\xfc\x15.p\x8c%\x1e\x99\x93]\xd3&amp;\x08\xdcf\xd6\x14Dt081B\xd8~\xc5\xc70S\xceA\x02\xad\xfd\xf8\x14iw\x1e\xc2+\x17g\xb7n\x91\xdb\nvDT-a\xbe\x0c\xfe\x95h\xe3\xf1w&lt;2\xa7 `\x90\xc5\x13N\x9e!\xa0\x82y\xef\xaei\x13MZ\xf0\xca\x9e&amp;\xde\x9bUQ\xb1@n\xfb\xb9d\xe4\xf1\x8fg\xf2c\xd8s\xf3Wp\xab+\x1eq\x9e\xed\xd3\xce\xbf\xf5\x1b\xd9\xde\x98\x9e\xd0\xa1\x88\x1f%h\x8b\xe95\x13\x0e\xa7\xb7l\x04\xca\x818\xb8\xd5+\xa1\xbe\xa4\x10$\xc0\xbd^n\x1bTt\x84\xb5\xcbm\x81\x04\x04\x8cXu\x13\x93\x07\x8e\x96\xd7\xfe\xa6\xac\xd6-p\xad\xad\x9b|\xf4\x1b\xe3\x97\xaez\x8a6\\\xf9vT\xf52&amp;\x9d\x02~@\x95\xf9\xfa;\xa6n\x85\xe8\xefXE\x02\x02\n\xe70p\x01\xf9\x19\xd7\xe5\x90\t\x9f\xfe\xee\x19\x93\xf5\xff\x9b\xbb\xe7q\xe6\xbf\x07\xdb\xecU\xc2\xe8+\x06\xc1\xad\xbbn\xfc|\xc1\xf9O&gt;\xfd=\xed\xb9\xe5\xebQkoFx_xV\xaaH\x8bl\xae\xf5(I{\xd3T_x\xffo\xcc\x9f*\x03\xe7\\\x8e\xa8. \x12\xf0\x01J\x103\xc2-cRi\xf7\xde\xf4\x96Me\xa3\xf6\xfa\xe5\xcf\xeam9y\x1c\x90e\xa9\xcb\xac\xb8\xfaU7\xbdj\xa1q%\xd7\x90WaNXv\xdb\xd6\xc2\xae\x9d\xf6N\x0bTF\xad\xc44\x93\nE\'^0\xba)_\xf8\x95\xd1\x0fc\xe4\xea\x9b\x80\xc4\xc8\xaa\xa5\xda\x14\xfb\xf4\x96\x8dr\xbd\x1f)\xf0n\x0e(\x9c\xa3}\xe3\x13\xcf\xb9\x1b\xa8\x92\xdb \x15G\xa2h\xf8\xae\xc2\xae]\xf6\xce\xea+7\x95g\xd6\x94}\xb7}\xcbp\x00~\xeb?\xaa\x9dx\x04H\x02\x00\xc4\xc77\xae\x19&lt;\xff\xf8\xbaK_7\r\x14\ro\xd7\x9e\xbf\xf6\xd8k@\x08\x00DuV\x8d;\x80\xc0\xc1H\x1e\xbb\xfc\xc8\x8b\xe6-\xbf\xe7\x84\xa1\xbf^\xf6OqJ\xdc3&amp;#\xdc\xee\x1e\xa1+\xe0\'\x855\x1c\x88\xefvM\x9b\x983t\x1b\xc3_Et\xcd\xf2\xdek\xa3:\x81L\xd9,\x97\x8exm\xfcd\xc5\x98}@\x90\xc0m\xbb\xd5\x13\x91A\xd6\x84\x8a3\x11&lt;{\xd7#\xc6\x01S\x16Hj^\xd7gn\x80\x90\x82\xce\x9d[\xaf\xfb\x90\xe1\xd3f\xce\xee\xc7\x104\x04HApk\\\xc3*\xd3\x92\xc0\x00\x80\xdd\xa7{2:JG\xed\x9d\xb0\xf1\xce=7\x7f\xb5p\xdf\xd3I\xcdg\xc1\xa5V\x932\xced\x8dq\xff\xc7\xe4\x92*p\x98\x88\x8a\xbcd\x00Er\xdb \x00\x9a\x94q\xbf\x11\x9d}\xf9\x9bc\xce\xbaU{\xb3N\xdct\x17\x80\xf0\x8a\xc5\x88\x1b\xa9;\xcb\xd5-}\xd2GD\xb9\xed\xdbd4Ub\xea\'_\x10\xd7\xb0*\xa1i\x8d8\xd1\xc2\x11\xdaO\xdb\xd2K\x1eH\x1a\x0bM\x8d2\xdc\'*\x9c\x88\xea\xd2\xfd\x15\xa3\xfb\xc3\xb3OG\x00\xf9\r\xf0/\x9c\xbd\xec\x88\xf1\xc0h\x9d\xcc!\x9b\x81R[\xdb|\xd1\xc3\xf3:\xb6\xbb\xa5Ol\x9av\xd1\x8fD\xb7\xbcAy\x1d\xe7\xc2\xb5\xce\xaf`\xd6\xea\x8b\x8d\x84\x87nz\x95\x1c b\\EPX\x84\xea9\x04\x0f|B\tMk\x00\x8d\xdc\x86\x08O\xc6\xe0MW&gt;ia \xd4MG\xee6\x91\xe1\x14\x8eLK\x03p\x18\x10\x0c\x94"aT\xdf\x08\xd2q\x08\x8aG\xad\xbd\x85\xd3\x85A\xd1\xb5\xcb{r.]jl\x06\x10\x150v\':\xae\x88DVV\xebf\xf3\xc2D\x16y\x8f\xa8k\xc5\r@\x1e\xe0a\xa5\xb5\xb8\x96yW^p_\xcf\xfe\xd9S\xdf\xd3\x87D\x1f\x10\xfdc\xd6\xd4\x80\xd9\x97I\xfa.U\x14@\x88\xdc\x06\xa80\'a\xe4\xea\x9bt\x89\xa7\xbdl\xb9\xf6\x83\x9eE\xaag\x93\x84\xc6\xa4\x1b\xdc&lt;J\xdd\xbf\x10\x9d$\x85\xe5wi\xbe \x02|\xd8^\x96\xd0\xb8f\xc6\x8e\x87V\\p\x06\x88\x8d\xacZj\xc5\xe1\x01\x00\x81Es\x19\xd5\xe7\x89\xea"\xa2\xe8\xda\xe5\xf6\xcfT&amp;\xf1\xa3\xf6\xdf\xf1=\xc3E\xf0\x07D\x87\xee\xfei\xcb\xb5\x1fL\xd9ro\xeb\xc2k\x10c\xf0\xf9x6M\xdbv\xff;\x0c\x1ay\xe4\x0b\x02\xca\xe5{\xc3\xcc\tw\x96T\x0b\xe5\x12\xa7\xb0\xc7\x8a\x8a\x1e\xcbE\xbf\x97\x1f}\x91\x88r\xdb\xcf\x95\xd8\x1a\xc5#r\xe8\x87O3\\\xeb\xc4\xed\x82\x1f\x0c\xebx\xfa\xe4\xceHo\xd9\x88\xd8\x11\xda\xff\x96\x8c\xdc\xcd\xbf\xeb\xe1+N9\xa0\xe8\xba^\xd3&amp;c\xec\xfa\xdb,\xd7\x11d\xc0\x96k?\xe8Xzb\xc1&gt;\xfb\xea\x1eo\x11M\xddv\x7f\xf3\x8cK\xa4\x9d=\xf3\xc4$ \xc0\t\xdd\x8d\xf2\xe2\xd2\xb1\xe4Dx\xe5b\xb9\xcdP1\'\xd59v\xf4\xa5\x82\xf5Z\x90=\x9cV-\xe1\x1d\xd6\x94\xe5\x05%/\xcbD\x10#b\x98\xf5\xb0\xc4\xbe\x10\xaeh\x0b\xb7\x8cI\xff\xe9\x97\xfe\t\xa3\xb7\x9f\xfcd\xebu\x1f&gt;\xc0y\x10fF\xd5\xf8\x83\x86r\xd0**Z&lt;eT\x8cR\xb1N\x12o\xe7\x84d\xbe\rn\x05\xa7\x85%\x08\xf0\x95\xdb\x06\x0b\xd4M:Z5\xee\xa0\xd8\xbd\x04\x97\xcc\xd7\xd5\xbc\xeb\t\x0e\x18\xb1\xea\xc6\xd6\x85\xd7\x88#\x89\xea\x1c\xf4\xac\xedny\x83\x88h\xf5\xc5\xafd\xb7m\xddp\xe5\xdbO|co \xe5J\xdbB\x9b\x95\x94\xfa\x16}d%\xed\xde`\xe5\x85T\x83pb%&gt;\xb6\x1c\x13a\xef*\x19\xef\xd18\x03\xa9m&amp;d\x02\xa1\x00D\xf6C\x06\xdb|\xd5[\xa9a\x86\x1a L\xfc^\x8at.\xe8\x9eM\xfa\xc2\xe1\xbb\n\xbbv\x02\xe9\xe2w\xed\xd8\x84U,z\xedom\rr\x1f \x11\x9a\x9a\t\x1b\xef\\{\xec\xb5\xeb\x9e\xa7g\x7f"K\xe5}92\xe7\xbcG\xe5~\xafJ@\xfb#M\xb4\x98\xc7%\x06O|K+/|I\x9a\xbe,\x12j\xf4?\xaf~\x11UK\xb47\xc4\xde[\xbe\x06\xa2\x10\xd2\n\x14\xcbd\x9b\x93!\xc86\xa4\xa7\xb5\xdd_)\x19\xb9\xfa\xf4\xd4m\xf73Nv\n\x04\n\xc55\x08@d\xa7\xbd1XO\x1f\x99_\xdb \xff\xc0\x1d\xdf\xbb\xa4M0H=R1\'\xd6\xcaq\x0f\xa0 \xa8x^\xf7\x9a\xd3;n\xf8t\xf5E\xaf\xac\xb9\xe4\xd5\xbb\xde\xb3&lt;\xac\xfeMt\xe5\x13\xff\xd9\x1d}\xcf\xfcN\x9d\xcbOJ\xfa\xe6\x94\x89}\xa5\n\x81\xb9\xf3]Zr\xe89\xa5\xac3Mn\x0b\xb9\xcd\xb1A\xb5$;g*\x96q\x84;\xc4\x06\x12M\xae\x19\x11\xd1\xb1\xf8\xe0\xb3\x8c\xa7\x0e\xc2\xe0\x92:\x9e\x88~!\x1a\xbb\xfe6\xd12\xd6\xfa\x00\xde\xcdp\xab\x07\xca\x11:\xd4-}bn\xc7\xb9\xbbn\xfc\xdc\xf0\xf9y\xc5\x13\xff5N\xbb\xa8j\xdc\x81y{\x9f\xb01\xfa&gt;\xf4\xb9\xf6\x8bp\x08\xaa\x07\xcd\xbd\xc2\'w\x868\x8d\xbb\xc2\xb5V\x9c\x96m\x11T2O\x16\x01\x03\x0b;\xbb\x17&gt;\xf0\xbb\xf1\x00l\x9a\xe8\xa2\x10j&amp;\x1e\xae\x9b|\x14\x01\x83\xac\x9f\x92\xab\x8e\xd0bR\xa8\xbbC\x1c1&gt;\x80\x9d\xc4\x81[\xfa$q\xb6\xb1]\x01\xd7\xf8\x86\xd5D\xd40\xf5B\xa1\x1b\xb7\xed\xed\xf7#\xa2\x0f\x88\xd8T\xe4\x94\xc0O\xee\xa0\x84\x01\x9e\x80\x1b\x02Z\x82K\xe7\xd7L&lt;\\3\xe1\xb0\x7f\xc1l\x04\x0e\x06\xd2\x81\\\xa0\x18\x81\x83[\x17^m1\x07\xe9\xd2G\xff\x06r\xe5~\x0bL\xf1\xca\x9e:l\xd9\xf5\x02e\x1b*tp\x91\x99\xa1\x8b\xae\xd5\xdf\x1cm\x8bD\x8a\x0b\xe0+/\x1eV\xb1x\xd5E/\xa7\x0e&lt;\xdb\xfa)\x1e\xd0T;\xda\xec\xde/\xbbm\xabG\xe6\x14\xc65\xcc\x03\x80b\xf9J\xe4V\x05\x169G\x89l&amp;B\xffn\xe28\xae}\x11?\x8a\x88.\xbc\xff7!S*\xc3\x86\x16v\xed\x14!\xf0;^\xe2\x95\xba\x83\xa0\x8f~\xf7\xb2\x1e\x1a\x19\x99\xd4\xbc\xaeq\xdaEG\xef\xfd\xc5P`z\xd1\xfe\xa7%\xb3R \x1cWSE\x8b\xab\xdc\x060`\xc8\x82\xab\x14\xefcL\xaa\x18\xb3?\xa9y\x9d\xdcfp \x08\xc8\xb0R\xd76A\xfb\x99kR\xc63l+\xbav\x05\xcb`fo\xc0\x0b(1Hs\xb4\x88_Lm\xdf)\x82\xe6i\xff\x14\x11I\x188\xfb\xf2\xcd\xd7\xbc\x8f\xe4q\x06\x91\x8f&lt;I\x81\xa6F\xa0\xa6\x0cH\x1c\x1dQ\xb5\x84\xd1\x99\xac3Y\x83X\x9e\xcf\x1fA\x1e\xc4\xa5\x08\x1e\x02\x14\xda\x9f\x9aDv\xf6\x9fu\xe9\x8eS\x9f\x9dw\xd3\x17D\x94:p\x03\x90\r\xef~B\xd8\xa0d\x94\x17l\xe1;\xc01\x02\x0f\xf5\xda\xa4r\x1bb\x83,\xc7L\x9bK\xb2Q(\xd0\xbf`\xf6\xdac\xafIb\x86\xed\x018s\xd6\xce\x87\x95\x12\x98\xe0\xech\x7fh\xa3\xd7\xddBD\xd0T\xcbm\x8eu\xbc\xfa\xb9\xa5O\x04\xd2\xec\x9f\xe97\x10\x88DH+\xb3v\x13\xd6_\xfe&amp;?\xcbXQ\t@\xcd\xbfRQ:\xc9\xcdg\x8d\xdbp\x87\xdcV0\xc7\x81\x8a\xb4(\xbf \x97\x17#\x95AT\xeaJ\xb0\xf55\x84T\xdc\xfc\x97\x88\x88\x86\xcc\xbfj\xc1\xbe\xa7\x94\x15 fJ\x85w\xcet\xa0\xc8 u\xc2\xd6\x12\xc7-}\xd2\x97Lg\xf0R\xfexC$\xefQ\x85\x15jA\x17e\xe3\x9b7\xd3R\x1e\xaa\x8b\x1a\'"$n\xf5@5\x12F\xd98%e\xc0\xfa\x85\xfb\x9e\x92\xcc"%\xc1`\x15\xc8\x9c\x90V"\xaa\x9b|T\xc86\xc5 iL\xffY\x97\x86\x94-\xf0\xca\x9e\xa6{J\x9a\x0fcF\xe1\x0b\xcc\\\xd6\x8e\xb0-\xa7\xa2\xc7E\x84\xdd\rC\xdc\xea\x05j\xa8H\xa0v\x1c\x9c\x05\xfb\x9e\x12Xt\xc9\xa3\x11\xc9\xe3\x84lP\xc5\x02\t@,P\xe2\x80a\x17\x0cC\xd88\xa0\x8b\xdb\xf4h\x14t\x9e\xee\xbe\xea\xa2\x97\xe17P\xb8\x06E"\x00\x9a\x1a\x84\xb7</t>
        </is>
      </c>
      <c r="E324" t="inlineStr">
        <is>
          <t>&lt;class 'numpy.ndarray'&gt;</t>
        </is>
      </c>
    </row>
    <row r="325">
      <c r="A325" s="1" t="n">
        <v>323</v>
      </c>
      <c r="B325" t="inlineStr">
        <is>
          <t>steps_per_sec</t>
        </is>
      </c>
      <c r="C325" t="n">
        <v>4700</v>
      </c>
      <c r="D325" t="inlineStr">
        <is>
          <t>5.3564496</t>
        </is>
      </c>
      <c r="E325" t="inlineStr">
        <is>
          <t>&lt;class 'numpy.ndarray'&gt;</t>
        </is>
      </c>
    </row>
    <row r="326">
      <c r="A326" s="1" t="n">
        <v>324</v>
      </c>
      <c r="B326" t="inlineStr">
        <is>
          <t>Loss/localization_loss</t>
        </is>
      </c>
      <c r="C326" t="n">
        <v>4700</v>
      </c>
      <c r="D326" t="inlineStr">
        <is>
          <t>0.0964177</t>
        </is>
      </c>
      <c r="E326" t="inlineStr">
        <is>
          <t>&lt;class 'numpy.ndarray'&gt;</t>
        </is>
      </c>
    </row>
    <row r="327">
      <c r="A327" s="1" t="n">
        <v>325</v>
      </c>
      <c r="B327" t="inlineStr">
        <is>
          <t>Loss/classification_loss</t>
        </is>
      </c>
      <c r="C327" t="n">
        <v>4700</v>
      </c>
      <c r="D327" t="inlineStr">
        <is>
          <t>0.4041712</t>
        </is>
      </c>
      <c r="E327" t="inlineStr">
        <is>
          <t>&lt;class 'numpy.ndarray'&gt;</t>
        </is>
      </c>
    </row>
    <row r="328">
      <c r="A328" s="1" t="n">
        <v>326</v>
      </c>
      <c r="B328" t="inlineStr">
        <is>
          <t>Loss/regularization_loss</t>
        </is>
      </c>
      <c r="C328" t="n">
        <v>4700</v>
      </c>
      <c r="D328" t="inlineStr">
        <is>
          <t>0.035799723</t>
        </is>
      </c>
      <c r="E328" t="inlineStr">
        <is>
          <t>&lt;class 'numpy.ndarray'&gt;</t>
        </is>
      </c>
    </row>
    <row r="329">
      <c r="A329" s="1" t="n">
        <v>327</v>
      </c>
      <c r="B329" t="inlineStr">
        <is>
          <t>Loss/total_loss</t>
        </is>
      </c>
      <c r="C329" t="n">
        <v>4700</v>
      </c>
      <c r="D329" t="inlineStr">
        <is>
          <t>0.53638864</t>
        </is>
      </c>
      <c r="E329" t="inlineStr">
        <is>
          <t>&lt;class 'numpy.ndarray'&gt;</t>
        </is>
      </c>
    </row>
    <row r="330">
      <c r="A330" s="1" t="n">
        <v>328</v>
      </c>
      <c r="B330" t="inlineStr">
        <is>
          <t>learning_rate</t>
        </is>
      </c>
      <c r="C330" t="n">
        <v>4700</v>
      </c>
      <c r="D330" t="inlineStr">
        <is>
          <t>0.0799892</t>
        </is>
      </c>
      <c r="E330" t="inlineStr">
        <is>
          <t>&lt;class 'numpy.ndarray'&gt;</t>
        </is>
      </c>
    </row>
    <row r="331">
      <c r="A331" s="1" t="n">
        <v>329</v>
      </c>
      <c r="B331" t="inlineStr">
        <is>
          <t>train_input_images</t>
        </is>
      </c>
      <c r="C331" t="n">
        <v>4700</v>
      </c>
      <c r="D331" t="inlineStr">
        <is>
          <t>[b'640' b'640'
 b'\x89PNG\r\n\x1a\n\x00\x00\x00\rIHDR\x00\x00\x02\x80\x00\x00\x02\x80\x08\x02\x00\x00\x00\x83\xaf^t\x00\x00 \x00IDATx\x9c\xed\x9de\xc0\x15E\x17\xc7\x0f\xdd\xdd\xdd\xdd\xdd\xdd\xdd\xdd\xd2\xdd\x02\x824\x82\x94\x80\x02" (\xa9t\t\x82\x08\x82\xa8\xa0(\x88\x8a\x82\x88\x81\x84\x82\xbc\x02b{\xde\x0f\xfb&lt;\xf7\xb9\xb1\xbd3;\xb3{\xcf\xef\x83&gt;\xec\x9d9\xf3\x9f&lt;\xbb\xb3\xb33\x00\x00\x00\x80\x88\xca\x7f\x95?\\\xc0\xb5\x84\xa2\x99\xe0\nE\xc4\xf2\x9d\x96\xac|\xf3\xd7\xc8Z&gt;rM\xa5.\x10\x11 \x0f\x00L\xddp\xd9\xb0\xb2\xa86\tOC\r\xd8\x1f$+\xfe\x84h\t\x0e\xb0\xe4\x80\x11q\xfa\xabW\x82\xffi1\xb5\xd2Oo\xfc\xcab\x14\x8f\x13\xaf\xba\xcb\tFV\xa8r\xe5\xbb\x88\x8b\x8a\xaf5\x8c\xaeMV\xfb*YS\xa2\xd53\xa2%\x10^b\xf0\xc2S\xe4\x80\toC-\xd8\x90\xdcu\'\xeb\x07`U\x86_\x07=\xf5~\xf1O\x98\xcd\x82\xe6Sy\xfb\x06\x97\x19\x91]\x9fZ\xb6\xe9r\xeb\xa2\xc6\x1c=$/9@\xb4\x04\x82 \xac\xc3b\x98.\xc3\xda @\x82\x9a\x0c\xfd\xc7\xe6\xb3\x08\x90\x8b\x955\x05_\xba7_f\x8a \x08\xe9@D\x80\x9clm~\xf6\xa7\x9f\xc7/\xad\xd1Y\x99\xe3\xfd\x96\xe9\xd8\xed\xe6\x8b|\xe7D\xce\x90\x8bR\xe2\x90\xcb\xe13\r\x04A\x10\x1c\xb0\xf4\x9e\xb8\xd7\xcc#fBf\xac4\xca\xbc\xd9G\xa2\x87\xe9Ik/1\xb4v\xfc{\xbd\xecX\xf5I\x1e\xf4a%D\x0b \x08\x82\x08A\xda\x81\xb4\xa0\xa5\xd0\xe6\xb3\xd1{\xd6\x9b\x85\x1a\xcf\xd0\t\xd0b\xd4VKI\x13\x04A\x10\x84\x7f\xe0=\xc3Y\xb2\xf5|\x9d\xa4\xf9\xa5\xab\xca\xc0\x05\'U\xae\xe6\xe8\xc8;\xdd\xd4e\x87\x04\xfe\x96\xf6F\x8c\xf0\x1f\xd4\xd8\x08Bj\xbe\xf8\x87\xaf\x03\x96\xff\x15\xa6\xeb\n\x19\xbfn\x97\x16\xc9\xeb\x9d \x08\x19\x88\xf6\x81\x82w\xfe/\xb9\xbb \xab\xd1\x90\x8d\x1b\xcf\xfc\xebf\x8a\x04A\x10\x04Ax\xe0\x99\x9b \x08\x82\xf0!\\}\xcf\xac-\xdf\x04\xef\x96%-\xe4\x80e`\xd0\xb3\xef\x88\x96@\x10\x04\xe1&amp;\xb9\xbb\xf0\xb3]o\xc0\xba\xd4e\x86\x18\x87\x13\r"\xd2\xc70VQ\xddA\xda\'\xe4\xed\x069;\x89\x16A\x88a\xfd\xa9\xbft~\xfd\x1f\xdd\xac\x13\x84\xb4\xc4/\xd8S\xb4\x04\xc2)\xe9\xca\x0f\x17-\x81\x10\xc6\xb2C\xf7t~m3n\x87kJ\x08"*\xa0)h\x82 \x08\xc2\xd7\xa4i\xc2;\x05r\xa5\x04A\x10\x04\xe1U&gt;z\xe07/^\xb9\xebr\xd1\x12bX\xf3\xf6o:7I\x07\xbe\xf4[\xc9\x13\x04A\x10Q\x8dW&gt;\xb5\xf2\x84H\x82 \x08\x82\xb0\xc0\xa0gO]\'\xf7F\x10\x04A\xb8\xc6\xc2\xdd7\xe9\xb9J\x81\xca\x81 \x08\x82p\x99h\xd9N\x99 \x08\x82\x88F\xe8\x01\x8b \x08\x82`\x08\xb9\x15\x93\x94\x15-\x80 \x08\x82\xf0\x15\xe4\x80\xa1H\xb3\xd9\x86a\xa8\x98\x08\x82\xf0+4\xbe\x89#\x91h\x01\xa2\xf9\x17q\xca\xfa\xcfE\xab \x08\x82\x01C\x16\x9d\x16-\x81 \x8c\xa1\x9b\x1e\x82 \x08\x82 D\x83\x88\xb3\xb7~c&amp;\x18@\n\x17\xf4\x10\x04\x13\xd2\x94\x1b\xaa\xf5\xd3\xf7t\x0fN\x10\x84@\x94M\x94\xa6\xbf\xf2\x95\xa5(\xfc\xf4\x10\xfe\xa6V\x9f\x17EK \x08_RF\xb4\x00\xc2:s\xb6]\xf7\xcaF\x86\x04A\x98"k;\xd1\n&lt;\x03\r}\x84`~@D\xc4\x82\x8d\xa7\x8b\x16B\x10\x04A\x10\xd1D\xeb1\xaf\xd1m A\x10\x04A\x10\x04\xc1\x91aK\xde\xdbx\xe6_\xd1*\xd8\xb0\xf7s\xbau\xb6\xc9\x8e\x0bTt\x84G@\xc4\x87AO\xc9\xf4\xc4L\x10n\x92\xb6\xfc0\x9d_\xa3\xad?F[~\t\x7f\x82\x88\xc3\x96\xbeg2$5z\x82\x10\x85~\xefC\xc4q+\xcf\xbb&amp;FG\x86\xcf\x12"\x08\x8e\x1c\xba\x82\xe7\xfeGM\x99 \x08\xbe\xc8\xe82\x93\xd6\x13\xad\x80 \x08\xd7\xd9\xf6\x91|\x83\x11AD\x13\xed&amp;\xecB\xc4\xc6C^\x11-\x84 \x88 \x96\xec\xff\x89{\x1a\xc9\xeasO\x82 \xa2\x86\x91\xcb&gt;\xb0\x1f9e#vB\x08\x82)/\x9f\xfe[\xb4\x04G\xc88\xf1E\x10D\x18\xb9\xbb\xe8\xff\xae\xdf\x91w}j\xbf\x9b\xd3\x10A\x98\x84\x9a\x8ae\xdaO\xdc%Z\x02A\x10\x06 "@i\xd1*\x08B\x0fr\xc0\x04A\x10\x04Ax\x9cN\x93\xf7\x8a\x96@0\x80nK\xbd\xc5\xef\x11\xf5E5\x18\xed$\xac%Z\x81\xc7\xe9\xfe\xf4\x1b\xa2%\x10\x04AD!\x95D\x0bp\xca\xf2C\xf7DK\xf08t\x0fK\x10\x04A\x10\x04A\x10\x84?\xf9\x13\xf1&amp;=\xf0\x10\xbe \x0f\x80\xe57\x10Y\xaa\x8e\xe5\xa2\x85 \x08\x82 \xa2\x8c\xcc/\x1c\xf9\x9fh\r\x04!\x0b\xb4\xf1\xbb\x0f\x88\xac\xc1"\xcdf\x0bQ\x12u$\xae\xd3i\xf2\xbe!\x8bNGQ\'\x8a\xa2\xac\x12\x04A\x10\xf21p\xc1I\x0cE\xb4"\xb7@\xc4\xc2Mf\x8aVA\x10\x04Ax\x98\xe4%\x07\xd8\x8bx\x15U\x88\xc7V\x9c(\x101^&lt;\x9f\xe4\x85 \x08\x82\x88\xc4\xbb\xe3\xbc\xd6\xc3n|\x97up\xc2\xa3\xb5B\xf0c\xf7\xa5\xa8\x99\xde!\x88(`\xe8\xe2wEK\xb0\x89\xceTs&lt;\xf0\xf2m\x05A\x10\x04AH\xcbo\x88\xc9\xb5\x7f\x8d\x0f\xf4\xf8\xe8#\xa2\xe8\xad&gt;OT\x8b1I\xd1~\xee+!\x08\xc2\xd3\xe8x\xdfXR4\xd0\xff\xbd\xd7\xcc#\xd1\xb5d\xcb\xb3P5\x11\x84\xb7\xa0\x0e\xebg2\xb7Q[z\x15C\xa5\xae\xcb`\xe2\x8b\x17\x0c[@\xd4\xad\x99\xe6\xc3\xa4\xb5\x97DK \x08\x82 \xcc\x12\xe9\xf8,\xf9A\x1d\xef\x1bc\xe7W\x13\x9e\xf5\xba\x9e\x03\xce`^\rA\x10\x04AD\x03)J\r4r\xc0\xa6\xbd\xe7\xdb7T\xbc/=\x16\x13\x04A\x10^\x87\x87#\xdbrN\xdf\xff"@\x1aG\xcb\xaf\x14\xd1\xb4\x86\x8b \x08\x82`\x0bz\xfc\xf3\x1cC\xa7\xfe\x1f@B\'\tx\xbat\x08\x82 \x08i\xf1\xb4\x7f\x19\xb8\xe0\xa4a\x98\xf8\xbe\xd9\x88\xc3\x7f\\xLs\xfb\xd2A/\\\x08\xc2g\x0c\x98\x7f\x82\x87\xd9\xabW\xae\xf20K\x10\xd1\xcb\xe9;\xe4\x80\x89h\xe4\xed\x1fdi\xf9\xcco\x829\xddU\xcf\xd9v]\xe7\xed\xaf\xc2\x81/e)U\x82 \x08B\x1c)\x1b\xe9\xfc\xd8j\xccv\xd7\x84\xe8\xe3\x15\x07\xbc\xf3\xa2\xa1\xff\xa5%\xcc\xfe%y\x89\xfe\xa2%\x10\x04!\x06\x1a\xd9Ya\xbb$M\xb9_Dz\x07\xecOJ\x97)+Z\x82\x14\xd0HD\xf8\x92&lt;u\xa7\x88\x96\x10\x15\xd8^\x086y\xddgl\x95\x10\x84\xe7\xc8L\x0e\x98\xf0%%Z=#Z\x82\x1d\x9e\x98w\xdc\xb9\x91#\xd78vjf#F\x92\xba\xdfj?\xf8\x16n:\x0b\xf2v\x8bL\xab8\rX\x84o\xf8\x8e\xde\xb2\x10\x04!\x88Vc\xb6G\xba\xdeCW\x02#Rr\x95\xd1\x89\xde\x0c\x13\x04!\x90n\xd3\x0e\x8a\x96@\x10lX}\xeca\xb0\xf7=q\x03\x01\xca\x05~Uq\xb5K\xf7\xffD\x0e\xd8]R\x89\x16@\x10\x84w)*Z\x00\xa1M\x8e\x0ea\xcb\xa1!]s\xd1\x9a\x08W\xa0\x1b)\x827e;,\x12-\x81 \xa4Fy\xa6\r\xb0\xfd&lt;\x96l=\xdf\xc2sW\xa96\xf3y\xca\x13G\x8e\x0e\xa2\x15\x10\x04A\x10\xbe&amp;S\xeb\xb0\xd7\xc0\xdf"B\xd6v\xa2e\x11\xe1\x94\x14-\x80 \xbc\x04\xcd\xf1\x10\x1e G\x07\xd5\x85\xd0\xa2e\x11\xa1\xcc\xdd\xfe\xadh\t\x04a\x83l\xa2\x12\xa6Q\x8c\xf0\x04Y\xab\x8d\x8bt\xc0\xcf\x1f\xbe/Z\x17A\x10\x04A\xf8\x9c\x12a\xcb\xa1\xe9!\xd8\xc3&lt;\xf5\xf2\x17\xa2%\x10\x04A\x10\x16\x88\xf4\xc0\x93\xd6^\x12-\x8a \x08\x82 |O\xa6\xd6\x88\xf8\xd1\xaf\xf4\x10,\x88,U\xc7\x8a\x96\xe0\x08i\x9b\xcb\xfc\x1d?\x88\x96@\x10\x04aHIH\xde\x00\x00\x00\xcam9G\x0eX\x97\xed\xe7\xa9t\x08\x82 \x08.\xec\xfa\x94\\\x8c6\t\x0b\xf7\x16-\x81 \x08\xc2$\xc5D\x0b \x08\x82\xe0\x0f\xcd\x1d\x11\x04!\t\x19D\x0b\xe0\x88o\x86Z\xdfd\x84 \x08\x82 \xa2\x9b&lt;]yX\xa5\x1b\x05\x82 \x08\x82\xd0\'\x05\x17\xaby\xbb\xd9\x8bG\x9e\x9b "\xa1~\xa1\x90\xb3\xf6\x93\xa2%\x18\x90\xd3\xe0\xf7\x94\x8d\\\x91Ax\x8b\x04\xa2\x05\xd8d\xcc\x0b\x1f\x89\x96@\x10\x04a\x96\xec\xa2\x05\x10\x04A\x10\x84\x97\xf0\xed\x89\x82\x04A\x10\x84!Y\xab\x8f\x13-\x81 \x08\x82 \x08"\xaa\xa8\xd0i\t\xaf5;\x9cY{\xf2\x0f\xd1\x12\xc2\xc8"Z\x00A\x10\x04\xc1\x80x\xea\x97\x93\xd4\x85?O\xaa\xfe\x82\x88\xf1\xe2e\x05\xb8c\xca|\xb2\xfao|z\xbcY\xc1\xb8\x0b\xbf\x00\xd4o\xbf(^\xbcxw\xee\xdcN\x9a4\xe9\xf5\xe3k\x00\xeeZ\xd4L\x10NA\xc4x\xf14\x1a?A\x10\x84\x87\xc9\xd1\x01\x11\xefG\x9e\x7f\x18\xc4\x85\xc78q\xcd\xc5v\x13vB\xde\xae\xe5:,\x12\xad\xd8}\xd2\x89\x16@\x10\x04A\xf8\x88\x82\x8d\xa7\xeb\xba]Mn\xd2\xc7j\xa2i&gt;b\x8bh\tz\xd0\xe7\x8c\x04A\x10Z\x94\xe94y\xafIw{\xf9_\xf5\xeb\xa2\xb3@\x10\x04A\xb0&amp;k;\xd1\n\xfc\x8eI\xd7\x0bI\xea\xd4\xe9\xb7\x06rv\x1a0\xffD4\xfb\xe0\xa6\xc37\x89\x96@\x10\xecH\xd7\\\xb4\x02\x82\xf0\x18\x0c\xbf\r+\xf4\xcc\xeb\xdfk9\xdd\x0b\xbfa\xa1&amp;3\x00*\x84FI\xdek\xe6\x91\xc8\xc0\xf7\x10\x81\xe6\x1b\t"*\x99\xb3\xed\xbah\t\x04\xe1=\xe2\xe9&lt;\xf5\xf6\x98q\x18 \xafZ\xac\xb2]\xa7\x1e\x88\xda\x87`\x82 \x08\xc2O\x88\xf2_\x955\xe7\x9c\xa1\xa8n\xc4t\xcdFlV\x8bU\xc8%\xe1\x04A\x10\x04\xe1]T]\xefk\x1f#\xa4ij\xce@\xb5\x8e\x93\xf6\x04\xc7\xad\xd8\xf99\xbe\x8a\t\x82`\r"&gt;\xb9\xe6S\xd1*\x08"\x9a\xa87`\x9d\xaa\x03\xce[\xef)\xf3F\xe2\x17\xe8\xf9#MD\x13\x84 j\xf7]\xa3\xf5\x93\xf9\xce\x88\x88\x9d&amp;\xefe#\x88 \x083\xbc\xf9\x8d\x8a\xf7m3\xeeu\x88W]7^\xde\x8c\x95Gu\x9bv\xa8P\x93\x19\x009 Y\xfd\xf2\x1d\x97\x848\xe0\xd4\x8d]\xca\x00!\x9e\xe4\xa2\x05\x10\xea,\xdew\xc7\xe2\xddpy^R\x08\x82\x08#w\xdd\xc9\xaa\x8f\xbf\x9d\xa7\xec\xcbW\x7f*@\x19\x80$\xaa\x11\x1b\r\xde\x18\x08\xfc\xdc\x81\x9fk\xf7[S\xb6\xc3\xa2`\x0b\xad\xc6lw9/\x04AD\x90\x90\xd3t\xd4\xef4\xcbE\xf8\x9aUG\x1f\xf0N"\x87\xaa\xf7U\xb8\x8e\xb8`\xe7\x8d\xcdg\xd5\xbbYd\xf8s\xf7\xf1\x0e\xcdB\x13,)-Z\x00A\x10&gt;d\xf2\xba\xcf\x0c\xc3 "@q\x8e"*tZ\xaa\xe3\x80\x15\xfe@l5Z\xe5Y\xf6\x88\xda\xc4\xf5-r\xc0\x04A\x10\x04a\xc8\xe7\x7f\x1b\xfa_D\xc4)\xeb?\x07H\x14\x16\xf7\x86\x89\x88B2E\x10\x04A\x10\xd2\x11\xe6\x14\x9b\rW\xf9\x847\x8c\xb3\xbf @\xb5HS\xdd\xa6\x1d\x8c\x0c\xfc\xe2\xf1\xdf\xc8\x01\x13\x84\xff\x88\x92\xee&lt;l\xc9\x19\xd1\x12\xfcJ\xf8#\x9c\x10\xd6\x9e\xf8]d\xf2\x88\x18\xbf@\x8f\xc0?\x7f2\xf1\x14\xfb\x07"\xa4h\xa8b+e\xa3\xefBCNX}\xa1\xcd\xd8\xd7\xc9\x01\x13\x84\xff\xa0\xeeL\x10N\xc9\\eL\xb0k\xac\xd3o\x8d\t\x17\x8cy\xeb\xab|\x10\x9c\xbf\xe1\xb4A\xcf\xbe\x13\x083s\xf3\xd7\x00\xc5K\xb7]@\x0e\x98 \x08\x82 T\xc9|\xee\x7fq\xae\xd1\x8c\x03\xee;\xe7\x18@\xeap3)\x1a$-\xf6\xc4\xf8U\x1f\x97m\xbf0q\x91\xbe1\x17\xd3\xb78{?&amp;\xd6\x0f\xe4\x80\t\x82 \x08B\x0b3\x0e\x18\x11\xaf!\xf6\x9eu\x14 {\x84\x81\x02\xc1\xff\x08\xde\x8b\xc3\xb5,\x10\x04A\x10\x84\xf70\xe9\x80\x11\xf1:b\x9ezSt\x8d\xa5\xd8}).\xbcK\x19 \x08\x82 \x08\x07\xd8vX\xf1\x1d&amp;&lt;w\xfb\xb7&amp;C\xe6\x05(_\xa1"@*\xad\x00\x03\xe6\x1flW2\xe6o\xb3F\t\xc2/\xbc\x7f\xd737\x9dt\x7fL\xb8\x80\x87\x9aY\xbcx\xf1\x04\xa5\x9c\xb9\xb5\xe1\xb3\xefg\x7f\xe1\x0f\x88\x93\xd7~\x06y\xbah\x9f3\x98\xff\xe2cz\xfc%\x08\x82 \x00&lt;\xe5\x80Eb\xe8\x80w\\\xc0n\xd3\x0e&amp;/1\x00 \x97\x96\x91\xb4\xe5\x86\xed\xf9,&amp;\xfc-*w\x82 \x08\xc2\xef\xd8\x9a\x82N\xd5h\xc8\xa2w\x03\xff\x8a\x17/y\xbd\xfeku\x82\xff\xfc\xf3\xa3\x92\xa5J\xd5\xab_\x7f\xd1\x9es\x90\xbb\x8bJ\x88\xbc\xdd:u\xe9\\\xa8p\xcc\xbf\xb2\t{\x9c\'\x08\x82 \x08\x0b\x1c\xfb\xd6\xddY[\xe59\xb5\xcbS\xfb\x83/\x96j\xb3\xe0\xdc\xff\x8c\x97bm\xfa\x00\x01\x12\x87\xda\x8b\x0fP M\xd9\xa1}\xe6\x1c\x1b\xbc\xe8\xb4{\xd9 \x08\x8e\xf0\xdc\x84\x9d \x08i@\xc4\x9c\xb5\x9ft5=u\x87\x9f\xb1\xd5\xa8\x15\xe7\x8c\x9d0b\x95n\xcbCc\x16\x84\x84\xb5\x00\x12\xba"\x9f \\ \x99h\x01\xb2\x80\x88e\xdb/\x12\xad\x82 D\xe1\xe2P\x90\xa7\xde\x94wn\x19\xfa_&lt;u\x0b\xc3\xbe\x00&amp;\x08\xc2\x97t\x7f\xfa\x90h\t\x04\x115(\xab\xa8\xaat[\xb1\xf9\xac\xa6\x03~\xf3\x1b\x04(*Z)A\x10\x84\x14\xa8\xcf)\x12\xd2\x92\xbe\x85\'\xaa,W\xfd\x81\xeb#\x1dp\xab1\xaf\x01$\x10\xad\x8d \x08\x82 |N\xb1FC6*\xae\x97\x8e\xeb"\x08\x82 \x08\xc2\x1e\xe5\xc6\xae&lt;/Z\x03A\x10\x04AD\x1f\x9e\x98\xfd\xf7\x07E\x9a\xcd\x16-\x81 \x08\x82\xf0\x05\xe4\xbc\tB\x14\x92\xf7&gt;\xc9\xe5\x11\xccqz\x18C\x94\x90\xaf\xfe\xd4\xa0\x7f\xe5p\xd2O\xc4m\xdb\xede\x92\xd4\x05\x00\xc8\xde\xc1|\x8cQ\xcb\xcfr\xd2Bx\x97\xa1\xd2\xafA\xb9\xa21\xb6\x90o\xf6\n\x8f\xa9\xa6xS\xac\xc5\x1c\xd1\x12\x08\x82\xf00\xaa\xdb\x19\xe9xYr\xc06\xa87`]7\xd7?C\xbfF5E\xb8O\xa7\xc9{\x1dZHV\xbc?\x0b!\x04\xa1O\x1e\xd1\x02\x08\xc2\x0c\x19Z\x8aV@\x10\x84\xefI\x00\x90A\xb4\x06\x82\x90\x86*\xddW(3$\x9d&amp;\xed\x15\xad\xc5\x9f\xd0\x84\x92\x0e\x88\x98\xa3\x96\x8b\x9b\x9b\x13\x04#&gt;~D\xfd\x9a`\x81\xe2\x80\x0f~\xe5B{\xca\xc4?\t\xe9\xe8\xf0\xe4n\xd1\x12\x18\xb3\xec\xe0]\xd1\x12\x08\x82\xf0-\x99\xaa\x8c\x16-\xc1]T\x97\t\xf8\x98\xa8\xca,\x1fh\x7fo\x82 \xb8\x10\x8d\xe3s4\xe6\x99\xb0\x0b"\xe6\xa97E\xb4\n\x82 \xdc%Y}\xd1\n\x08"\xea\xa1\xdb5\x82\xe0\xc1\x07\xbfP\xcf"\x8c\xa0\xf1\x97p\x97\xdc\xa2\x05\x10\x1eF\xe0x\xf5\x88\x86J\x82+\x88X\xa6\xdd\xb3\xa2U\x10\x04A\xc8E\xb4\xad\xad!\xec\xd0y\xca&gt;\xd1\x12\xbc\x81\'\xfaR\xfe\x86\xd3DK \x08\xc9HV\xcf\xe5\x04\xb7}\xe4\x81\xb1\x82\x10O\x92b\xfd\xe86\xcd$\x88\xd8w\xee[&amp;\x03\xbfsSL\x916\x18\xf4\xb2\x90t\tBZh|\x8b&gt;\xca\x89\x16@\x10\x9e\xe5\xe5\xd3\x7f\x89\x96@\xf8\x87\x1a\xbdWu\x9dz@\xb4\n\x82 \x1c\x92\xa1%@1\xd1"\xfc\xcf\xe5\x7f\xe9\x91\x85 \x08\x82\x08\xe2\x83_\x1cM\xd7\x1f\xbd\xaeD/\xdfg\xf6Q\x86\xaa\x08\x82 \x08\xc2\xff8q\xc0\xf4\xba\x9d \xfcO\x8e\x8e\xa2\x15D\x1d\x88\xd8l\xc4f\xd1*\xfcK\x86J\xa3DK`@\x9f9\xc7\x10\xf1\xe9W\xbe\x12-\xc4)\x97\xfe\x14p\x1b\x11\xc5\xf7.\x15\x0f|\xe9\x81\xbcGq\x05\x11"\xc9[\xff)z\xb6\xe1\x8b\x17\n7\x99\x99@\xaf\x7fB\r\xc5&amp;\x88\xb8\xffr\x94\x16]\xf6\x9a\x13\x84\xa4;`\xc1Ij\xae\x84\xfc\x90\x03&amp;\xdc\'&gt;W\xeb\xed&amp;\xec\xe4j\xdf*\xd4\xc7\x04\x91O\xb4\x00\x82\xf0\x0c\xc7\xbe\xa51\x8a`\x81T\xden\xc1\xce\x1b\x88x\xc7\x99$\xa9r\xe43\xa8l\t\x02\xe8\x0b\x0eBrR\x94\x1c@\x83\xb5\xff\xc0XD\x0b!\x08q$\xa8)Z\x01A\x18A\xc3\xb4\xff@D\x80\xbc\xa2UD\x01\xd9\xda\x89V@\x10\xd1A\xce\xdaO\x8a\x96\xc0\x85b-\xe6\xda\x8bH\x9e\xdbM,\x96vv^:\x88 \x16\xed\xb9\x85\x88\x90\xbc\x81h!\x04A\x10\x04A\x10D\x14R\xaa\xcd|\xd1\x12\x84\x92\xb0\x16=\x92\x12\x84@&amp;\xbcxA\xb4\x04\x82 \x84Q\xcaRhD\xa4\xcfZ\x08\x82\x1d\xd4\x9b\xa4\xc0\x03\x8f"\x03\x17\xbc\x03\x90F\xb4\nB$\xce\x17\xca""\xa4i\xcaJ\x8fc\x8a\x88\x16\xa0\xc77\xf2\x0f\n\x843&lt;0\xee\xbb\xce\xb6\x8f\x10\x12\xd6\x12\xadB\x9dt\xa2\x05\x10\xd1\x0e"n?o\x7f\xd4\xc8Zm\x1cC1\x04\xe1m\xd26\xeb1\xe3\xb0h\x11\x849\x10q\xf8\xd2\xf7D\xab \x08\x82 \x88("&gt;\x00\xc4\x8b\x17\xef\xce\x9d\x9fD+!\x08\x82 \x88\xa8\xc4\x85\xd7\x06\xf4f\x820"\xb9h\x01\x04A\x10\x04!=\x19+\x8fJUz\x90h\x15\x04Ah\xe2\xcb\xad@\xc7\xad\xfaX\xb4\x04\x82\x10\r"\x02\x145\x13\xb2@\xa3\xa7y\x8b\x11\x02\xeduL0C\xa2e\xfcRC=\x8e \x00\x00\x10\xb1\xc1\xa0\x97M\x04LJ\x1d\x86p\x17S\xe7p\x13^\x84\x1c0Ap\x81\xfa\x15!\x03\xb9jO\x02(/Z\x05A\x08e\xc6\xa6\xab\xa2%\x10:\xa4\xb4\x14:O\xbd)\x9ct\x10\x04c\xe8p!\x82\xf049jN\x14-!@\xc1j=^`l2qm\xf3\x13A\xdb\xcf\xe3\x91kl\x1em\xcb\xb4[\xc8\xc4\x0eA8\xc1/\xb3\xa0\xd6\xb6\x8c\x95\x07_\x14&gt;\x115\xfc\xc9\xa1\xbdR\x1f \xa2\x90\xcdg\x11\xf4\x1c\xb0,\xdf\xd1\x99\xe9\x9e\xdf{\xb9\x0b\xd3\xf8C\x10\xd1\x0e\xd3Q\x80\xd7\x8e\xb0\xcf\x1d\xf8\x19\x00 m3N\xf6\t\t\xa9\xdese\xd8\x15\xf2XNI\\[\xb4\x02\x82 \xa4\x07\x11\xdf\xfa\x8eF[\xbe$-\xf6\x84h\t\xfe\x81\xc1Y,\x04\xe1:\x05E\x0b $ ]\xf3\xb0\x0b~yCI\x10\x04A\x10^\x83\x1c\xb0HhK\r\xe9\xa1\x0eB\xb8E\xaa\xc6\xa2\x15\x10\x04\x11\xbd\x9c\xbam\xc7\xdbq\xf5\x91\xe4\x80\t\x82 \x08\x82\x01\xc7\xbf\'\x87J\x10\x04\xe1a\xaa\x06\xff\xe3\xc4\r\x1a\xd3\xa5\x86\x9eb\x89\xa8f\xf6\xd6o\n5\x99)Z\x05a@\xd9\xf6\xb4{\tA\x10\x84\xdf(\x98\xa3\xe6\xc4\xeb\xec\xeeC\xafx\xe4\x96\xd6[\xb7\xde\x88\xd8|\xc4\x16\xd1*\xb8C\'\x9a\x13\x04!\x80\xbc\xf5\x9er+\xa9\x04\xef\xdc\xc2~s\x8f\x03@\xa5.\xcb\x02W\x0b6\x9e\xfe\x8d\xc4c\x93\xb2{\x91\xe4\xb0\x1d\xdc\x93\x15\xef\x1flY\x88\xe7p3Q\xfa\xf2\n \xa9h\x01\x04A\x84S\x8d\x95!\x0cB\xebWVi\xb1\xc5\xbc0\x81Y\xe0\x97\xf4\x8f\x88\x00i8\x19\x8fVR\x89\x16\xe0\x07\xda\x8e\xdf!Z\x02Ax\x83\x8a\xa1\x0e8C\xf0o)J\r\x94\xd9\x01\x13\x84WHUf\xb0h\t\xdc\xc8\xd7=\xf0\xa7\xce\xad&lt;A\x10\x11\xa4j\x8c\xa1\x04~\xa9\xd2m\xb9$\xdd\xa9\xd3\xe4}b\x05\x10\x04\xa1N\xb2z\xe1W\x92\xd4\xd1\x8f\x119\x9e\x08\x1fa\x08B\x18Z\x0eX\x7fj\x9a\x10\x0e\xd5\x0b!\x98|\xdd\x994\xc2\x01\x0bN:7B0\x83F\x167\xd9\xf4A\xb0\xa3-\x1a\xb8~\xf8kr\xc0\x04A\xa8\x93\xa9\xcahV\xa6J\xb7]\xc0\xca\x14\xc1\x00D\x04\xc8\x03\x90X\xb4\x90\xa8@\xcb\xcb\xf6\x99s\x8c\x1c0\xe1&gt;\x19+\x8d\x12-A&lt;\x88\xb8\xf7s\xcf\xf6;\xda%7\x98_i\x00\xf5\x11%[\xcf\xe7`5a\x8aR\x03c\xffNR\xad\xc7\xf3\x90\xa4\xee\xf74\x05-\x8e\xe8,\xf3\xe8\xcc\xb5\xffHU\xda\xbf+\xcel@\xcd\x9a0M\xe03\x8c\xf42{\xdfN\x93\xf7\x8a\x96`\x87\xec5\'\x98\x0c)g\xb1\x13VI]f\x88\x8dX\x13_\xbc\xc0Z\x08A\x10^ C\xc5\x91M\x86\xbe:q\xcdEi\xbd/\x00\x00d\xb4\x1c#S\xeb\xd7&gt;\x966;n#q\xcd\xfa\x19\x93\x0b\x1b[\x8d\xd9\xee\x9a$\x82 \x08\x82p\xca\xe2\xbd\xb7!y\x03\xd1*\xf4\xd0\xfa\xe2\xc0g\xf88kL(\xa4\xfco\xd3\x07TL\x04!\x05;/Rg\x8c\n\xa2\xc4\x07\xdb\'^u\xd1\n\x9c2t\xc9\x19\xd1\x12t\xa1fGx\x17j\xbdZ\x98)\x99\xeeO\xbf\xe1\x82\x12\x991\xe9}\xeb\x0fX\xef\x9a$\xc2\x1b\xb0\x1azh\x08#\xbcKT\xb5^%\xb3\x87\xae\x9a\xca\xb2\x99\x92\tZ\x94T\xd1\xbe,\x9bdw+\xa1d\xceM\\G\x84\xd0"EDHP\x13\x11\x01\xb29\xb7/%\xf4\xddi\xee.\xa2\x15\x10\xbe%\xaa\\\x97?Xz\xe0gN\x96\xa7\xbfz\x85\x93\xe5Hn#\x8e}\xe1\xbck\xc91a\xf3Y\x04H\x14|\xc5\xfd)\xeb\xbes\xder39_A\x83\x1dA0\xe7\x1f\xeaV\xbe \xe0\xccN\xdd\xf6L\x85\xd2;c/!\xb6\xaa\x8a\xb5\x98#0u\x82 \x08\x1d&lt;\xea\xcc\x10\xf1\xa9\x97\xbf\x10\xad\x82\xf0\x02\xd3_\xbd\xe2\xc5&amp;N\xc8E\x966\xa2\x15\x98\xa4\xa4h\x01\xfe\x84\xc6\x900\\.\x10\xf9\xcb\x1f\x11\x01\xf2\x8bV\x11\x81\xfc\x05G\x10\x04\xe1iz\xcd&lt;\xc2\xd0\x9a\x99A;,\x0c\xbd\x13AD\x80\x94\xa2U\xd8e\xd4\x8asU\xba\xafp?]\xcf\xdd\x1fxN\xb0\xbb0X\xf6\xc9\t&amp;\x15\xe7\xd1\x19KB\x08\xb6\x9aJR\x93s\xcbj\xc6\x93[O\xce\x1a\xd4\xfe}\x05U\xa7\xcf\x90\xb06\xd9Jr\xd0b31\x94\xe1\x11\xe21\xb2\x93\x94\x91\x1d\x82\x19A\xbd \x99\xb3.V\x9c\x81\x1a\x8f"\xfc\xb4/\xd6\x0e8\n\xc78;\xc4\x94y\xae\xce\xecL\x16\x0f\xb1,\x13l%\x15k1\x97\xa15\t(\xcd\xcf4"\x1e\xff\x9eE\xe1gm\xc7\xc0\x08\xc1\x81Ik/qO#~\r\xeeID-\xf4\x04L\xf0\xa6l\xfb\x85\xacL\xf9\xaf\xb9z";\x9f\xfd\xe5\x92H\xf7K#E\xc9\x81\xc6\x81\xd4@D\x80\xb4L\xb5h\xe2Z\xf9\x13\x04\xe17&lt;\xe1c\x08&amp;\xcc\xdc\xfc\xf5\xbb?y\xa9\xba\xad4\xce\xdc\xe1\x9baAZj\xdb\x84\x0e9D\x0b\x90\x11i\xfaLf\xd1\x02\\\xc2j\x81\xdfC|\xe7\xa6$uDXC\x9a\xcee\x16\xf3o4\xf6_FD\x84\x14|\x8fx\xf2\\\x01\x12z\xacy\xfb\xb1h\t\x84:Z=m\xd9\xc1\xbb.+\x91\r\x9ap#\x9c\xc0\xc9\x87-;t\xcf\x05\xef\xe8o\x07\xdct\xf8&amp;\xd1\x12\x08B\x17\xcd\x1e(\xf7\xe9\xaa\x04!\x03\xbb&gt;\xc5\xba\xfd\xd7\x8aV\xe1\x8c\x0c-\xad\xc6\xa8\xd4eY\x8f\xe9\x87yh\xe1\xc1\xef\x88\x1d\x9e\xdc-Z\x05A\x18\xf1\x17\xe2\xfaw\xfe\x04gK\x7f{\xce\xf0L\xcf$\x08\x13\xa4\xc9^s\x82h\r\xfcHdc\xa5\xa1\x99(?\xf8\xfa\xd9\x9a`\xcco\x1ei.\\?\x03`\xb2\xe8\xd7\xb3\x93Z\xb9\x02\x7f\xbd\xfa\xde\x7f\x02u\x10\xef\xfd\xec\xd1&amp;\xc4\x95T\r\x06r9\'\xb8T\xdb\x056\x1c\xb0\x89P%"/\xf5\x7f\xe6\x84\xa5\x84\x08\x82\xb0\x86\x13\x07\xec\xad\x15\xadDt\xc3kU\xa3\xaa\x97\xcaU{\xd2\xec\xad\xdfpJQ\x1e&lt;{\xfb\xeeI\xe8\x10f\x01,\xdc}\xb3T\x9b\xf9\xfc\xec\xef\xbc\xa8\xda\x852R\xd7"\xfcD\xe9\xb6\xcf\x8a\x96\xe0Cr\xd4\x9a\xc8\xceX\x06v\xa6\x08\xc2*\xc9\xea\x17m&gt;[\xb4\x888^|\xeb\x91h\t\x04A8\x05\x11\'\xac\xfe\xc4j\xac\x93?\xbaz\xff=\xef\xb5\xefV\x1d}\xe0f\x8a\xecIP\xb0\x97h\t\x84\x05\xe8\x11\x93\x88f\xfc\xde\xfe\xd3\x8a\x16@X\x07\x11\x01\xaa\x8aVA\x10\x04a\x96/\xff\x13\xecJ\x11\xb1F\xefU~\xf7\xe8&gt;C\xcam\xa0\xa8\r\x11\x04\xe1E,\x8d]\x88\xc8t\xd7\x05\xee\xc7\xfcIE\xd8g\xb2\xe45\x98\xe1\xd7\xa2&lt;u\xdb\x9f\xf9"\xfc\xdab\t\x7f\x90\xa9\xcah\xdbqK\xb7]\xc0P\t+\xf6|\x16\xfe\xf1!"\x8e[\xf5\xb1\xfbJ|\xd0\xf7\xffQ\xb2\xf0?\xef\xe7\x84p\xc2?\x88\x00\tE\xab0@\xb5\xbf\xf9\xa0\x13\x12&gt;F\xab}6\x1b\xb1\xd9\x89\xcd\xeeO\xbf\xc1D\x86\x8d`\x88\xd8u\xea\x81\xd0k\x05m\xdb\xac\xd3oMpH\xab\xd3\x18\xe6\x03[\xc2\xd5Q%i\xb1\'\xfa\xcd}\x8b\x062\xf7\x91\xa7\xcc\x11\xf1\xb5\xf3\xb2\x88\xd1B\xb7\xb8*\xb8\xa7\x83 Lc\xb5\x8f\x1f\xbef\xca\x05\xf2\xd9\n\xc3\x94eD\x04(e5\xe9\xf8\x05z\x9a\x8fb\x92\x87\xd2\x8c\x9f\x0c\xc8U{\x92h\t\x840\x10\xb1j\xf7\x15\x00E\xe5\xb9\'\x80\x88Q#q\x91\xbe=\xa6\x1f\xbe\xf8\xbbD\n\t\xc2\t\xb9\xebN\x01\x80\xea=_\xc0 \x16\xee\xbe\xe9\xd8p\xc2\xc8Y\xe2!\x8b\xdf5\x8c\xb6\xf5C\xf6\x07Z\x9b7\xf8\x8a\xc5\x1d\xe5\xa4\x1a\xac\x08\x82\x01\x05\x1b\xcf\x10-!\x0e\xea`\x84O\x89\xff\x0bb\xe4B\xdc\x80\x0f\xd6\x8aV\xa7\xdfK\x86\xa6;O\xd9\x0f!\xcf\xb2\x05\x0c\xcd\xf2\xc3d\xba\xdf""b\xaa\xd2\x83]\x90\x14\x8dh\xecvD\x10z\x90\x03\xb6I\xb6v\x1f\xfeJE\xe7I\x8a\xb5\x98S\xa3\xf7\xaa\xe0+\xe6\'Z\xff\nu\xb4\xc1\xdd\xc7ZW\xca\xd3U\xe7G\xab\xafi3V\x1ae&amp;\x98y\x9b\xb6\tM%\xbf(\x19\x0c@DH\xdf\\\xb4\ng\xe4\xee\xec\xd0@\x8eZ\x13k\xf7]c\x1c\x8e\x08e\xf2\xba\xcf"\xe7\xc7 ]3Qz\xa2\x90/\xffC\xc8\xd1Q7H\x19\x97\xa4D\x1b\x19\xcd\x9e\xe5\x87\x88{?7\xfb\xe4:v\xe5y\xfd`B\\K\xa6\xca\xa3euii\xadF\x905#\x91dj%Z\x01\xe11\x10\x11\x12\xd6\x14\xad\xc23$/1@\xb4\x04B\x87\xc2Z?X\x1a\xc4\xabt[\x117u\x9c\xa5\xad\x13A\x88\xb8\xd2\xe2&gt;\x8bl\xfcM\xee.\xde\xf1[R\x92\xa2\xd4@\xd1\x12\x08\xc2\x00\xea\xe4n\xe2\xb9-s\xf5\x9b\xc7\x94\xf5\x9fC\xfc\x1a\xcc\x13\xcd^\xd3\xe9!\x01\xaf\x7f\x12\xbc0\xcba\x0b\xa7\xf9\x0c\x89\xa1\xf1\x8b\xf04\xf3w\xfcp\x93\xda0!5\x89\xdaM\xd8i\x18(xn\x031\xcc\x01\x17\xe5)\x8f\xb0\x00c\x8fI\x0e\x98\xe0\n50"\xcaIYz\x90\xc9\x90\x81UK\x18\x01O\x81l\x90y\xa15[\xfe\xf3Bu\xb8@R\xd1\x02\x08M\xe6\xbe\xf6\x9dh\t\x04!\x9e\x18\x0f\x11\xaf\xbaa\xc8i\x1b\xbfT\x02W\xec\xbc\xd4\x9e\x036\x0cV\xb25\xc7\xb3\xbd!uc\x8e\xc6\xb5)\xd4d\x86\xcc7(2ks\x84o3F\x98\x86\xda\x00!7\x15nYyD\x0b\xb8\xdb\xb3\xf7\xc3\x1d\xf0c\x7f6\xf5J\x00\xf0\xceM;O\xb1\xd4\xf7\t\xc2\x9f\x1c\xf82\xba\xfa\xb6\x9f\xc62y\xf2R\x7f\xc0z\xc5wN\xddp\xd9d\x94\xe5o\xfc\xf2\xea\xfb\x88\x88\xcdFl\xf6\xe2,\xb4%br\x94\xb3\xd3\xbe/\x10\xf2t\xb1\x11\xddj\x99\x9c\xbec-|\xdd\xfek\x01\x12OY\xff\xb9\xa5Xa\xf8\xaf\xe2\x0852\xb7\x16\xad\xc0\x98\xf7\xefQ[\x94\x91\xc0\x18A\x83\x05[\xec\xf9\xcee\x07\xef\x02\x00dn\xad\xe3\x80\x11\xf1]\x8b\xeeD6\x10\xf1\x8a\xb3\xf6\xc6\xb5\xb92\xb9\xe9\xb9\xed\xc7;\'\xc2\xabP[$\xa2\nU\xf7y\xf9_\x84,m\xccD\xdfq!.\xba\x95oy\x13YW*\x00D|\xf1\xadG\x0e\x8d$/\xc9\xe5\xb3x\xbf\xce:\x10\x12\xf1\xe67\xd4\xbc\x087X\xb0\xf3\x86X\x01BF\xd2e\x07\xef\x86=\xc2*\'"\xb4\x1a\xb3}\xe3\xbb\xff\x98?S\x88\x89\'\xb0m![\x8d\xf1\x0e\x93\xe6\x84\x92#\xff\xf8\xc8D\x85\xfb\x00d\x04\xc8\rP\xc6\xb0\xca\x0b7\x9d\xe9\x96.\x82\x0b\xd2\xf6+\xcf\x92\xdc\xb5\x94\xf2\xd5\x9f\xeaZZ\x84m\x96\x1d\xba\x17\xf9\x1e\xf7\x01"@^K&gt;\xf5\xc4\x8f\x0c\x0e*\x88L\xceu\xd7\x95\x93\xad\xb9"\xcdf\x81h\x07\xcc,\xf5\xb0\xa9\x12\x9d\xf6Q\xa3\xd7*z6\xf7"aUV\xbe\xd3\x12QJ\x08"J\x88t\xc0\xaa\x93\xd2\xba$E\xc4\xcb\xffJ5\xde\xe6\x82$u\xad\xc6\xd9\xf5)\x97,\xf8\xc4\x13\x05\xda\x84\xf2\xcd\xb8N\xfb8\xff\x00\x11\x11\xb2\xb6sW \xe1\x14\x89[jJ\xd1\x02\xa2\x80d\xf5E+\x88F\xb6\x9fw\xe8}\x01$\xeb\xb9N\x9e\xbez\xcfzs\xd6\x96k\xe2\xc4df\x98\xb4S\xd2y\xfc4#\xe6&lt;\xbb\xfbf\xa6*\xa3E\xab \x08B\x133g\xdb\xc9\x86C\x07\x8c\x88\xed\'\xee\xd2\xfa5i\xb1\'\x82\xfe\x15\xcf\x99R\xb3zl;\xe07\xbf\x89\xba\xa9S\xad\xfcF[9\x18@\x93\xea&gt;\xe3\x17\xaaM?\xd2y\xca&gt;\xd1\x12,s\xe9Ou\x07\xbcx\xef\xed\xc6C_\xd1\x8f{#h\\BD\xab\x9f\xb1J\x88\x90\x91\xb6\xf9\xc8-\xf9\x1aLs9Q#r\xc7\xfc\x9f\x1c\x0f\x00\xbc\x7f\x97\n\x81\xe0\x8d\xcb\x1f\x87\x94v79B\x13U\x07\xfc\xe9\xef\x06c\x8e\x12\xac\xdb\xb4\x83\xee\x88t\x07!\xeef\xd8\xd2\xf7\x9a\r\xdf\xec~\xba:\xfc\xeb\xe9G&gt;\x0fK\'\xbc\t\xcf&amp;\x97\xc4\x8b\xa7h\x9b\xdf\xdd\x89\x00\xa8\x10\xe9\x80\x13\x14\xec\xa9\x13A\t\xf3\xf2\xe9\xbfX)\xd0o\xc0\xbdf\x1e\xb1dm\xfc\xaa\x8fm\xcb\x18\xbe\xf4={q\x9d`8\xd9@X\x00\x11\xcd\x7fEG\xb8N^\x80\x0c\xa250\xe6\xa5\xb7\x1fg\xaa2F\xb4\n\x89\xf0\xf0Mp\xfa\x16\xee\xa7Y\xa0\xe1\xd3f^\x03\x07~\xfa\xe0\x1eB\x9a\xa6\x0c\x05\xdc\xd5\xad\xaf\r\xef\xfe\xa3\x1f\xfd\xbd\xbbl\x9e\xd8\x10\xf19e\x9f/\xebT\xe9\xb6\xdc\xb9\x00\x82\tn,7p\x93\xe5\x87\xee\x99\x0c\xb9\xfe\x14\xb3\x9bbK\xe8\xdf\xb0;\xa4\xe3\xa4=\xfc\x8c\xb3"t\xc1K\xb4\x83\x88\x00\xa9!s\xdc\x8eNs\xb6]\x17\xa8\'\x0c9\xef\x0f\xd4\xdf\x06#&gt;\x7f\xf8\xfe\xc8eg\x03\xff\xdc\xfa\xa1\\\xe2\'\xae\xb9\x88\x88\xe5;\xd2\x87\x8bNa\xd6,\x0b6\x9e\xc1\xc6\x90#\xf2\x89\x16@\x10\x84\x8c\xbc\'\xf3\xaa\x8eL\xad\xcf\xddG\x0c=qa\xd8\x923\x9b\xde\xc7\x95G\x1f\xf4\x9ds\xcc(~17D\x86\xd2}\xfa\x1b\xee\'\xea\x15\x1a\x0e\xda`2$+\x07\x9c\x08\xa0"\x13C^G\xce\x1bm\x82 &lt;B\xe5\xfd\x97]\x19C\xd26\xe3\x9d\x02\r\x86\xf6\xd1z\'A\xe8\xf3\xea\xfb\xe1\x85\xe6\xc5/%d\x86\x9ae\x00*\n\xc2[\xac|\xf3W\xd1\x12\x1c\xf1\xbbk=Nq\xc0\x89\n\xf7\xd1\x0f\xd6t\xf8&amp;w\xf4\x10\x04\x11\x8e\x88\xd5C&gt;@\xb6\xa7\x8b\xa7^\xfeb\xfd;\x7f\x8aV\xe1\x13\xc6\xaf\xfa$\xf2\xa2\xd5\x1a\x9f\xbd\xf5\x1b\xd5\xebc^\xf8(f\xad\x83kH\xd5R\t&gt;T\x12-\x80 \xdcc\xdf\x17\x88\x88G\xaeI1\xb2=1\xef8\xe4\xedV\xb1\xcbs\xf2\x8c\xb4k\x8e\xff&amp;Z\x82\x13\xca87\x81\x88\xaf\xbe\xf7\x9f\xeaO\xe6\xd6\x87Vp\xae!N\xca\x85\xdfdi\x19D4\x91\xc2\xe5\xf48\x8d\x80\x88\x08iY~@\xe2\x10y\x06z\'8\xc9E\x9f\xd9G\x19*\xd1A\xaa\xa2\x96J\x8c\xe4PY\xb1\xc7|\x99"\xe2\xb6\x8f|U\x01ay/\xd9\xfa\x19QJd&amp;g\xed\'EK \x08\x82\xf0#\x88\xb8\xe5\x9c#\xb7\xea\xed\xdb\xa2x\xd5E+\x90\x88;FU\xd9b\xd4Vw\x94\x102\xf3\xc1/^\xee\xf2\x84\t$\x19\xd5%\x91\xc1\x11\xd9V^\xb8K2:~\x8e &lt;\n\xab\x81K\xf2\x01PK\x1e"\x02$\xe7\x92d\x82\x9a\x05\x1aM\xe7b\xd9\x08\xdbuQ\xfe\xaa\xdc\xb5\xa8\xc53\xaf\x7f/y\xfb\xe3\x07\xeb\xbc\xa7eg\xca%\xdc\xaaz\xbf\xed\xc8F\xf8\x8b\x1cN"\x9b\xd8\x12\xc4!\xe9#/}\x8b\x88\x88\xa7n{n\xe8f\xb7\x0e+\x98\xe8~\x8e$4\xb9G\xad\x82\xf0\x05\xef\xdc\xf4mK\xae\xdes%\x00\xf4\x9cq\x04\x00\xba&lt;\xb5\xdfjt\x1a\xf9\xcd\xf3\xf2\xe9\xbf\x03\x7f\xff\xc3\xa4\xdczL\x7fCg\xd3p\x82\xd0\'W\xedI\xa2%0C\xe7Dt\x1fP\xba\xed\x02\xd1\x12\x9c\xf2\xc4\xbc\xe3\xca\x1f\x19+\x8d2\x0c,\xe7\x80\xb6\xfd&lt;\xb75\xf9\xb9:\xd9\x8c\x9c\xad=S-\x84\x15\xbe"\xef\x1b\xc0v\x0b\x8eZru6\x0c\xf2\t}\xedF\x10\xb18\x19iW\xbf\xf5\x90\xa1\x12\xdf\x10\\\xa4\xa5\xda,h3\xee\xf5\xe0_\xa7\xbfz\x05\x00V\xbf\xf5\x88|\x1c/\x96\x1f\xba\xf7P\x9a\xc2\x8d\xaaj\xce^s\x02\'\xcb\xf2Th\xb4!S\x03.)Z\x80C\nE^*\xd6b\x8e\xfb:&lt;M\x99v\x0bC/d\x11\xa3\x83\xf0\x08\xa9D\x0b \x08\x82\x10\x8c\xd6\xc4\xea\xaac\xfc\x9f\xe3\xe9\xdb\x10\xab\x94j3\x1f\xd2\xb7\x00H\'Z\x08A\x10\x1e$a-\x99\x9e\xdd\xcd\xe0\xf6\x96p.3y\xddg^\xab\x91\xe8c\xe3\x99\x7f/\xfe\x8e\xb3\xd2\r&lt;\x00\x00 \x00IDAT\x9f\xfd\x85{&gt;\xc3\xec5\'@\x8a\x86\x90\xb8N\xf3\x91[\xaa\xf7Z\t\x99\xdb\x00\x14\xa2\xd3\xd1\t\xc2s\xd0\xc8+?J\x1d1\xab\xa9\xac\xed\xd8\xd8\xf1\x0e^j\xe4\xcdFl\x8e\xb8\x96\x15C\xd9\xf7\x05.\xd9w\x075`$$\x8d\x890e\x19\xa5\xe5\x88\xca\xdd\x96\x8b\x96\xe06\x924hIdx\x1ay\xcaP\x1e%2\x10Y\x1a\xca\x95aK\xdf\x13!\xc7\x14Oo\xfcJ\xb4\x04\x0e\x08o\x97Z\x8eV\x8b\xa7^\xfe\xc2a\x8a+\x8f&gt;\x10\x9ek7\xf1`f%]^\x81\x88&amp;\x17\x04\xc9Y\xe6\xc9K\x0ep?Q9\x8bB #\x96}\x10v%{\r^k\x18\xad\xd2|\xc4\x16\x00X\xf1\xc6/\xa2\x85D\x17\xb9#\xaeT\xd5\x8f\xd0y\xca&gt;&amp;\xfd\xca\xaa\xf7U\xd8\xf7\x05\xbew\x17\x01\xaa8I\xd7\xb9x\xc2\x97\x0c\x98\x7fR\xeb\xa7\xb6\xe3w\x98\x9c\x86a:[\xe3m\xa2\xa9\x1c\xd2C\x96\xb6\xfa!\x94\x86q-\xa8L\x10\xb1\xc1\xa0\x97\xaf!\xce\xd8t\x95\xaf:B6\xd4\xfaF\xd1\x80\x9f\xb3\x1e\xd7r\xea\xe6\x19\xb8\xe0d\x83A/\xf7\x99}t\xc0\xfc\x13\x13\xd7\\\xfc\x15\x11\x11\xaf"V\xed\xf1\xbcC\x19\x84?Inj\x01$\'\xf7\x80\x88y\xeb=\xc5\xc3\xb2\xb7@D\x80&lt;\xa2U\x18\xc3\xf0qb\xf1\xde\xdbOo\xfc\xd2L\xf8\n\x9d\x96@\xde\xae\x90\xbbK\xf7\xa7\x0f]x\x8cu\xfb\xafM^B\xc0\x14\x85\x13\xa2\xe9\xee\x8a\x03\x18\xf1\xfa\xbd\xf3\x94\xfd\x01\x9f\xb7\xe9\x03\xbd\xc2ux\x8fo\xc6\xe9\xf6\x9ay\xa4\xfe\xc0\xf5\xc5[\xce\x83\xd4M"-\xe4\xaa=I\t\xf6\x15"@b\xab\xa9\xdbVNx\x02\x93U,yK\xf0\xf4SQ\xd9\xf6\x8b$/\xde\x00Nt\x16j2\xf3\xd9]?\x06\x0f\\\x16"\xa7l\x94\xb6\xdc\xb0\xb3\xbf\xc4D\x9c\xb5\xe5ZD\xf4$\xb6\x85Y\xe5\xd5\xf7qd\xc4\xf4\xb8\xc2\xc1\xaf\x0c|\x01\x1fE~\x07\x11\x8b\xb7\x9c\x1bV|\x88\x08\xc9\x1bpN9\xa5\x19\x07\x9c\xa8H\x1f#\xcfZz\xe4\xf2\xb3\xbf#\xae?\xf5\xa7\xa5\xe4\x1d\xde=\x04HSn\xa8\x83\xd8\x19\xa9\xe1\xf2\xa0\xed\xf8\x1d`zPx\xe5\xbd\xff"/\xca\xb3\x14\xc5\xbb-\xa4\xe1\xe0\r\x10\xbf\x06\'\xe3\xcc\x8b\x05\x11!i]\x1b\x11\x97\x1e\xf89x\xc8\x1a\xb7\xeac\xab\x16N\xdd\xc2\x1b\x11C\x1fdn\x03\x00\xe7\x1f\xe0\xb1o%m\x00\x89\n\xf7\x11-\xc1/ "@~7S\xfc\xdb\x84\xf7=\xfc\xb5\xd2\xf2\x8a\x18\x19+\x91\xbe\xe2\x88\xfa\x03\xd7[=\xc3\x87M\x1fNZ\xcfQ\xf4\xcc\xad\x19h \xc2\xc9\x04\xdc\\W\xba\xf2\xc3\xbd\xeb\x14}\x03\x17\x07l\x87R\xe1\x8e\xd3\x81\x00V\xa6\xdcA~\x85^\xc2\xcd\xd2\x8c_\xa0\xa7\t\xffk\xf5\x84\xc8*s\xb6]_~\xe8\xde\x94\xf5\x9fs\x90\\\x9c\x83M\x82/\xdc\x9at\xe1\xd8?T\xceV\xe3\x01m\xc6\xa9\x86\xe1}y,\xb1{!\xe9?\x9e\xdai-9:\x84\rYe\xda=k\xd9H\x90\x800\x8a6\xa7\xbd*\x05R\x94\x9b\xe5\xccm"\xaf\x8dZ~.\xf8|%\x1dN\xdc\xc0\xc5{ok\xfch\xe6\xe3Z\xa8\xd7\x7f\xad\xa1\xf7-\xd7aQ\xb8\xe9rC\x93\x14\xed\x17z-d\x07\x99\x01\xf3O\xc6x\xee\x845\xcd\xc80\x8f\xf0{=O\xbf\x08\x94\x93\'_\xfa\xd4^DD\x9c\xbd\xf5\x9b\xea\xbdV\x06\x0e\x04\xed&lt;e\x1f;]\xea)r\xb5\xef\x03F-?\xab\xf5Sp\xe9}\xf4@\xb3$\x17\xee\xb9e5Q\xb6\xcf\xac*\xd6rwqb\xd0+d\xa96\x8e\x9f\xf1\xc6C^\xe1g\xdc&amp;\x0e\xdb\x8a\xf3\xa6\x96\xbc\xe4\x00C\x07\x8c\xb1\xab\xc3n"B\xfa\xe6\xca\xdf\x1d\x9e\xdc\xddr\xf465\x93\x15\x01r\xb5\x19\xf7\xba\x12\xd1\xc6A\x98\xfa\x08\x1f\x01\xbf\x11-\x80\x08\xc0d\xb4\xb5\x84\x8e\xdb\x00\t\x1a\xa7\x0c4\x1a\xbc1P\x0ea\x05\xc2\xaf|"\xc6\xab\x8a\xfa\xe1\xd3W\x18\xa1\xf3k\x93\xa1\xaf\xaa\x8d\x81y\x19\xaaee\xcaC\x0c]\xfc\xae\xc0\xd4\x8b4\x9b\xadr\xb5\xd3\xe4\xbd\xf66:`u\xaf\xd7p\xf0\x06C\xef{\xe0\xcb\x90\x7f\x0e]rF7\xd1\x92\xe9\xca\x0f/\xd1\xea\x19%p\x95\xee+\x9c\xc8\xb3D\xdd\'\xd6\xba\x91L\x8e\x8en\xa4\xe2e\xdc\x1c_\x101S\xe5\xd1NR?\xff\x10\xabY\xfc|N+\x89\xfd\x97\xa3q`Ue\xeb9\xa6[*\x06\xa1jS\xd9\x0bA\xe1\xb9\x83wC~3q:\'\x00\xcc\xdf\xf1C\xda\xf2\xc3b\xfe\x91\xa5m\xe408D\xa8\xff\x90\x82L\xad\x98\x98\xc9Z}&lt;\x13;\x968r\x8diSd\xe2\x80{\xcf&gt;j\xe8}\xbbN=\x00P^?\xb9\xda\xfd\xd6\x84\xae\xba*\x04I\xea&gt;\xfd\xcaW+\xdf\xfc\xf5\xc9\x97&gt;\x05\xc8`[\xa1%\x10\xd1\xe4\xc4;A\x04HV\xa2\x7f\xc2B\xbd,E9\xfe\xbd\x87\x1d\xad\x9b\xb7G&lt;\xd0\xd0_\xd2\xfax\x98\xf0oD\x80\x827\x11\x93\x95\xe8\x1f\x14\xb7\x82\xeaH\xd8k\xe6\x9b\xac5KB\x994e\x9d|?b\x95\x94\xe9*\x0c\xd7\xf9\xd9LY\x95j3\x9f\x9d\x1eg8\xa9\xda\x0b\x8f\r\xbc\xaf\xc9\x8aQ\x02\x8fZq.\xf8b\xae:\x93&amp;\xad\xbd\xb4\xe5,\xbaq\xd0\x95B\xb6\xf6.%$1i\xcb\r\xa3\xa32\x88h\xc3\xfa\x03I\x19\x00\xd8\xfb\x05\x02$\xaf\xd0i\t\x00&lt;\x88\x8d\xdej\xccv\xd5\xc1\xf0\xa5\x13\x8fy\xe6@\x18\x16\xefZ\x88 V\xbf\xf5\xc8I\xd9\x19\xb8_\xc4\x9e3\x0e\x07\x87\xbf\x17\x92V\xbcH;A\xbffIQr`\x9e\xbaS\x96\xbf\xf1\xcb\xd8\x17&gt;\xb2\xad\x90\xb0L\xaeNkO\xfe!Z\x04A\xb8I\x9a\xe0Q\xcb\xcc\xc7\x17\xf9\x1bN\x0b\xbb\xd2r\xf46\xc3\xf1\x10\xd2\xb7\xe0\xa3_$\xcf\xbc\xfe\xbdx\x1f\x9c\xae9\xf7$R6\xb2\x1c\xe5g\xa3rqXj\x86\r\x0e\x11!Y\xdc\xc7\xb5e\xdb\x87/\x87V(\xd4dFp\x15~\xfe7B\xce\x8eI\x8a\xf6\xeb9\xe3p\xfb\x89\xbb\x00\xaa9\x11ID3\xe2\x87\x06W8z\xdd\x1by\x94\xb3."G\xadi\xe6\xb6\x9f\x04\x80\xfe\xf3O\xcc\xdarM\xcbN\xf8`(\x1f\xfb/\xa3\xe1a\x01\x86H\x9b;\xb7\t+\x08Dl2\xecU\xde\xc9\xe9\xf3X\xb3bRW\xe8\xb4\x14 \x1b\x00T\xec\xf2\x9c\x12\xf8\xa6\x128]\xb3\xd2m\x9f\xed=\xeb\xcdW\xce\xfc;k\xcb\xb5T\xa5\x07\xf3\xcb\x02\x11G\xa2\xda\xa2\x15p\x01\x11\x7f\xe4\xb0\xd5\xc3\xe5\x7fi\xc4\xb1L\xf6\x9a\xb2\x9c\x14\x14J\xd5\xc8\x81\xeb\xe0W\x08\x90\xe9\xe2\xef\x98\xae\xbc\xde\x1bG\x00\xd8\xf4&gt;\x9e\xb8\x11\xb3d\xcc\xb9\x03\xb6\xea\xc9\xba?}H\xe7W\xfd\xdd\xfdL\xaa2\x13\x0c\x11\xb7}\xe4\xf3\x1e\xb1\xfe\xd4_\x06!\\\xbe\xd5\xfa\xd5\x8c\x07F\x04(\xac\xff)\xf4\x96\xb3q\x81W\x1f{\x08\x90~\xe6\xe6\xaf\xfb\xcc&gt;\xd6v\xfc\x8e\xda\xfd\xd6@\xden\x00P\xa3\xd7J\xc8\xd1\xc1\x9d|E\'\xcc\xbf\xf8\x92\x8b|\xdd\x19\x1a\xb3\xd4\xcb\xdc\xec\x92r\x82\x88\xc5[\xce\x03\x80y\xaf}\'Z\x8b:\xaa\x03\xd7S\xeb\xbf\xb0Pq\xf9\xba3q\xc0V\t[\xc3\x1f\xcc\xed\x98D\xcb\xeaDg\xe8\x807\x9e\xf9\x17@\x99\rNeh\xd3\xbbL\xddpY\xefg\xd35\x9d\x19\x00\x1a\x0fu\xf4i\xb39\xffk\xd8\xfeJ\xbdr\xe6\xdf@\x98)\xeb?\x9f\xb3\xed\xfa+\xef\xfdW\xbe\xe3\xe2\n\x9d\x96\xb6\x9f\xb0KY\xc9\xb5\xce\xd1\x8b\xc9\xbc\x0e\xe2JH\x81\xe1\xd2\xeco\xcc\x924ME+\xe0Bp\xe3_\xf9\xe6\xafb\xc5\xe8\xf3\x15b\xa6*\x9a\x03\xbam\x96\x1d\xbc\xbb\xf5CyoA\xde\x8e\xdc\xbe9\x88\xff\x10!G\x073\x8dS\t\xbf\xf9\xac\xa6)H\xc1{[\xfep1\xb1\r/\xee\x10\x88K\x7f\x86\x7fZ\x1d\xa8q\xed!:\x91qzy\xba\x06\xfe\xdc\xf1\x89\xc8\xban8x\x83\xc0\xd4M\x93\xb1%\x133\xe6\xbd\xef\xb6\x8f\x10\xa0\x18@\x81\x88[\xb6\xc4\xc1\xdf\x00&lt;\xf9\xd2\xa7\x00\x05 {\xfbBMf\x14l4}\xf6\xd6o\xde\x8cy\xbfepvz\xde\xfaSU\xaf\x9f\x7f\xa8\xe3\xfb\t\xf7\x98\xf0\xe2\x85\xd1\xa1\x0b\xdd\xc38\xf2\x8d\xf7\xaa\t\x11\xcd\x1cq\xe3\x95\x16\xc8[\'"\xba~\x9b\x95:\xf8\x06(\x92x\xf9{\x18\x8e]\xbf!\x9a\xf84\xa0*"~\xa3k\x07\x92\xd4e\x9a5M\x9a\x0c\x8b\xdb\tD?d\xbd\xfe\xebJ\xb7}\xf6\x07D\x00\xc8Y\xfbIW\xd4\x11\xec0\xe3zo\xc5\xfe\x91\xbe\xc2\x88\xe2-\xe7\xaa\x1bJR7\xb8\xb9T\xee\xb6\xbc\xe7\x8c\xc3E\x9b\xcf\xde}\tU\x8f\xb8Q\x95\xa1\xf3\xab\xad\xccI\x8e\x89\xdbR\xc2\x05\xb2\xbb\xfff\xa4\x18\'\xbb\xae\xf4\x94*\xda\xebB\xb8\x80\x885z\xaf\xd2\t\xf0\x9f\xd1\x08\x96\xa7\xee\x94\x88H\xd9\xd5,\xe5\x04\xdd!\x91Q\x86\x8c\xe99\xe30"\x8ey\xe1#D\x1c\xb2\xe8]!S\x80r\x8e\xban\xee\xec\x14\xc2"\xeb\xfb\xa3\x9a\xc1\xd0\xfb~\xf2[\xcc\xb9\x98C\x16\x9d\xd67\xf5\xfc\xe1\xfb\x0bw\xdf\x8c\xfbw\xba\xe6\x00U OW{[}\x99\xa3&lt;7\xcb\x84WIR\xac\x9fq q\xdcp4\x94\xeb5x\xd7\xfcDd\x12\xc9\x8a\x8b\xfc\xf4\xfc\xe5\xd3z\'\xba=\xbd\xf1+\xab\x06?\xf8E\xdd\x14\x0f\xf1Z`\xec\x06\xc0n&amp;\x1aL\x9ez\xc1w-\xa6\xcf\xdbp\x85\x89k.B\xbc\xea\xf6\xe2\xda,RN5a\xe8\x80\xfb\xcc&gt;\n\x90\xe7\xf0\xd7\x81\x13\tUq\xe9,\x1a\xc2\x06\xff\xb3\xdbr\xe4\xbc\x05&amp;\xb4p\xd3\x01\x8f_\xfdI\xe0y\x11,\xac\\q\x94\xa8\xea\xdf\x00\xf0\x9b\xee\x08\xf6\x03"\xa4nl5\xb9\xf7\xef\x86\xdb\xa9\xd7\x7f\x9d=\xb5:d\xae2\xc6a\xb9y\xba\x93\xfek]&lt;"\xa6\xaf\xa8\xb7\x8f\xb7\xc7\xf8\xc9\xc8\x01\xbf\xa0\xac:\xc9\xd6^g+mw\xba=\xc1\x8f\xdd\x97\xa2\xbd\x06\xfd\x91}D\x9c\xb3\xed\xfa\x13\xf3\x8e\xf30\xde~\xe2\xee@*\x81I]\t\xb6\xbf\xceg4\x86\xe1]\xc4\x1c\xb5&amp;Z\xb5\x1bla\xc5\x1b\xbf\xf0\x90n\x95\xc8V\xea\xe9vkC\xbc\xa7\xf3\xabJi\xfd\xb6{\xe0K\x04(\xf0\x1fb\xb6\x1a*;h\xa7.3\x84\xbc\xaf*\xd9j\xc8\xf9\xc5\xa4\n\x88\x08\xb9:1\xafD\x1bC\x9eC\x9cdA\xf9\xcc\xc6\xeb b\x9d\'^r%\xa9R\xae\xa4\x12G\xa2\xc2}\xb4~\xd2\x1f\xc1l\xa7\xa8D_\xb4\xe7\x16\xabs\xf4\xf8\x1c\xa4V\x8e\x83M\xb8\xc2H\xaaQ\xf9\x0b\x98\xd9\x96\xce[\xe97\xdfN\x93\xf7V\xeb\xf1\xc2\xbe/\x02M9\xd7\xfc\x1d?4\x1f\xb9\x05\x00V\x1e}\x80\x88\xf7\x10\xf9NA\xa7\xb2\xbe\x85\x98 \xfe\x10Z\xb5\t\x0b\xf5\x16\x98:!\t/\x9d\xf8=x\x88\xf9\x85O\x9b\xcc[\xff)\x1ef\xed\xc1\xc3\x01\x9b\xb7\x10/\x7f\x0f\x13\xf6\x8a\xa8\xd8\xc9\xdcZ_\xc0\xdc\xed\xdf\x9a\xb0l\x95\x92aJz\x84\xee7,\t\x9d&amp;\xef\x15-\xc1=r\xe94\xdf\xd3wb\xfe\xe86\xed\xa0\x12z\xc2\xeaO\xca\xb4{V\xacb"\x92/\xfe\x91\xec\xce\x8e\x10\x84&lt;\xf7\xf8\xef\xdfsC\xc9#\x1d\xef\x1b\xb4\xc9p\x96\xaac\xcd\xdb\x8c\xb3`c\x0fa\x00\x00\xc8Tyt\xa0"\x9c\xdc\n\x04Xq\xf8~\xc0\x9aCS\x000c\xd3U\xdbq\xe5i`&amp;q[\xb0\xf5\xf4\nk\xb5\xe0\x9f\x10\xe7\xbd\xf6\x1d"B\xa6V\x90\xbd\xfd\xb2\xb0\xb36\t\x82\x00Xy\xf4\x01\xa7\xc9@\xe6p\x1d\x8c\x98x\x1a{|\xfa\x87\x86\x0f\x86\xc2\xba\xf1R\xa8^\xcdXy\xd4\xa1+\x08Y\xda\x1a\xa6[\xa3\xd7J\xc30L\xca$4S\xdcq\xb9\x1e\x9d\'gd!\x97C\xfb\xb0d\xdf\x1d\xa7&amp;t\xd1\xbe\x8f\x0cTy\xc2\x98\xa0.\xee\x08C0\xc7s7\xb0^!\xf8\x89\'\xeej\xe2:\xb1\x7f%\x0c\x8f \x82l\xd5\xc7\x03\xdf6\x90\x9c\x9be=\xb2U\x1f\xaf;v\x99\xe5\xf2\xbf\xec=\x9c;^\x13\x11{L\x7f\x83w*\xc0\xa7\xf1\xe8\xef\x89-\x05\xeeT!"\xbe\x7fO\xa5\x11\xcf\xd9v=M\xd9\xa1\x00I\x01\xca\x15h4\xdd\xb5Ma\xdc\xa7\xeb\xd4\x83\xa2%\x10\xce\xc9\xeb\xfe\xd3XXrC\x97\x</t>
        </is>
      </c>
      <c r="E331" t="inlineStr">
        <is>
          <t>&lt;class 'numpy.ndarray'&gt;</t>
        </is>
      </c>
    </row>
    <row r="332">
      <c r="A332" s="1" t="n">
        <v>330</v>
      </c>
      <c r="B332" t="inlineStr">
        <is>
          <t>steps_per_sec</t>
        </is>
      </c>
      <c r="C332" t="n">
        <v>4800</v>
      </c>
      <c r="D332" t="inlineStr">
        <is>
          <t>5.3911514</t>
        </is>
      </c>
      <c r="E332" t="inlineStr">
        <is>
          <t>&lt;class 'numpy.ndarray'&gt;</t>
        </is>
      </c>
    </row>
    <row r="333">
      <c r="A333" s="1" t="n">
        <v>331</v>
      </c>
      <c r="B333" t="inlineStr">
        <is>
          <t>Loss/localization_loss</t>
        </is>
      </c>
      <c r="C333" t="n">
        <v>4800</v>
      </c>
      <c r="D333" t="inlineStr">
        <is>
          <t>0.008123809</t>
        </is>
      </c>
      <c r="E333" t="inlineStr">
        <is>
          <t>&lt;class 'numpy.ndarray'&gt;</t>
        </is>
      </c>
    </row>
    <row r="334">
      <c r="A334" s="1" t="n">
        <v>332</v>
      </c>
      <c r="B334" t="inlineStr">
        <is>
          <t>Loss/classification_loss</t>
        </is>
      </c>
      <c r="C334" t="n">
        <v>4800</v>
      </c>
      <c r="D334" t="inlineStr">
        <is>
          <t>0.3054626</t>
        </is>
      </c>
      <c r="E334" t="inlineStr">
        <is>
          <t>&lt;class 'numpy.ndarray'&gt;</t>
        </is>
      </c>
    </row>
    <row r="335">
      <c r="A335" s="1" t="n">
        <v>333</v>
      </c>
      <c r="B335" t="inlineStr">
        <is>
          <t>Loss/regularization_loss</t>
        </is>
      </c>
      <c r="C335" t="n">
        <v>4800</v>
      </c>
      <c r="D335" t="inlineStr">
        <is>
          <t>0.035834543</t>
        </is>
      </c>
      <c r="E335" t="inlineStr">
        <is>
          <t>&lt;class 'numpy.ndarray'&gt;</t>
        </is>
      </c>
    </row>
    <row r="336">
      <c r="A336" s="1" t="n">
        <v>334</v>
      </c>
      <c r="B336" t="inlineStr">
        <is>
          <t>Loss/total_loss</t>
        </is>
      </c>
      <c r="C336" t="n">
        <v>4800</v>
      </c>
      <c r="D336" t="inlineStr">
        <is>
          <t>0.34942096</t>
        </is>
      </c>
      <c r="E336" t="inlineStr">
        <is>
          <t>&lt;class 'numpy.ndarray'&gt;</t>
        </is>
      </c>
    </row>
    <row r="337">
      <c r="A337" s="1" t="n">
        <v>335</v>
      </c>
      <c r="B337" t="inlineStr">
        <is>
          <t>learning_rate</t>
        </is>
      </c>
      <c r="C337" t="n">
        <v>4800</v>
      </c>
      <c r="D337" t="inlineStr">
        <is>
          <t>0.079988204</t>
        </is>
      </c>
      <c r="E337" t="inlineStr">
        <is>
          <t>&lt;class 'numpy.ndarray'&gt;</t>
        </is>
      </c>
    </row>
    <row r="338">
      <c r="A338" s="1" t="n">
        <v>336</v>
      </c>
      <c r="B338" t="inlineStr">
        <is>
          <t>train_input_images</t>
        </is>
      </c>
      <c r="C338" t="n">
        <v>4800</v>
      </c>
      <c r="D338" t="inlineStr">
        <is>
          <t>[b'640' b'640'
 b'\x89PNG\r\n\x1a\n\x00\x00\x00\rIHDR\x00\x00\x02\x80\x00\x00\x02\x80\x08\x02\x00\x00\x00\x83\xaf^t\x00\x00 \x00IDATx\x9c\xed\xddy\xfc\x15\xd3\xff\xc0\xf1w\xfb\xbe\x926\xed\x0b\x95J\x1b\x95R)E\xa5\x8dV"E\xb4\xa1\x14\x91\x84H$\x95H)T\xd6R\xd6\xacQ\xd6\xc2\xd7.\x11_\xbb\xf8\xfa\xc9\x96}=\xbf?\xe6s\xe73\xfb\x9c\x99;\xf7\xdeO\xf5z\xfe\xe13s\xe6l\xf7\xe61\xef{f9G\x04^\x8e?\xef\xde\xa8E\x94RJ){Z\xcd[\x9f\xff\xdb&lt;j\xcd\xa9Y\xa1\x94\xea&amp;"W\xde\xf3\xb9\xb1{\xf0\xb1\x97=\xf3\x95\x12)\xecY\xa7\xb1;\xe1\xda\xad\xfd\'\xaf\x15\xa9\x93:R\xd7\xdd\xdc\x86\x1dJ\xea\x0e\x0fk\xffP{\xc1\xc6:}\x06\x00 \xc7\xaa\x1c~\x8ee\xafL`\xd0=\xd08:s\xe5{"2g\xedg"\xf2\xbeRb\x0f\xeaJ\xa9\xeecoq\x95\xad\\\xb6\xf9\xd8{\xdepfv8\xe5\xb2\'DJ\x98\xf5x\xe6\x193g\xb3\xebP%\xff&gt;\x03\x00\xd2\xa39\x1a\x0bU\xa9\xcd\x84D\xea\x89\xa9^\xe8x.\x1b^\xff%\xc2\x97\xb9y\xa7\x92\xe2]\x8c\xed\x81S\xd7\x9b\xe9*\x15z%\xff_\xa7T@=\x1dN\xba\xde\xd8hu\xfc&lt;c\xe3\xc9O\x8dRe\xf4;c\xe5\x08\xe4I\xfd\x1f\x02\x00\x80[\xf9\\w \xc4+?Z\xa2\xe0\x81\x83\x8d\xbf\x9e\xa1Q\'^\xfa\xc5W\xe2.\x00\xec\xa9\x1e\xd8^\xa0\xce\xda\x15s\xdd\x81\x9c(\xdco\xf2\x1a\x8dl\x85DJ\x04DY\x020\x00`\x8f\x91^\xd0\xaa\x9fX?\xe2\xfa\xcf\x8f\x04]\x00\xc0\x9e \x9d\x88\xabYv\xd4\xec\'3Z?\x00\x00\xc8\xb4\x96\xd1\x8b\x1c\x98|/\x00\x00\x19\xf2\xf8\xc7\x8c\xbd\xf6`\xe6\xd0y\xc5\xd3\xbf\xe7\xb6\'\x00\x00\xec+vX.\\\xbf\xf8-?\xa4\x00\x00\x05Q#\xc7\xfe\xe9W=\x93\x93~d\x08w\x91\x01\x00Z\x0e\x1b\xbe\xc8\x9df\xfc!\x96\x00\x00\xf6&lt;\xd9\x8d^\xed\xf5\xb3^}\xef\x97\xf6\x84\x0e\xa9\x8dr\xc6\x9f\x18=\xbf\xff\x9d\xbd*T\xf3\xcb\x03\x00`(\x9a\xeb\x0e\x88\x88\xd4\xe845\x0b\xad,z\xf8\xdb,\xb4\x92\x94\x0f\xbdCu\xb3l\xf7\x03\x00\x90\x1d\xcf\x7f\xbdW\x0f\xd1\xaa\r\xccI\xb3k^\xf3\xfbV\xebf\xb3\x1b\x00\x00}%r\xdd\x81\xbdH\x85^R\xb9O\xae;\x01\x00@,\xdc\xc5\x94\x1c}\t|\xf3\x00\x90qI\x9fj\x8bG/\xd2"\xd1\x0ed\xdf^u\xe5\x80\xd0\x0b\x00YR\xae\xc5\xd8\xa8E*\xb7\x9d\xe8\x91Z\xa5\x9fN\xd9\xd1W&lt;\xe5\x7f\xb0J\xd4\x9e\x14\x04K\x9e\xd8\x9d\xeb.\x00\x00\xf6a\x89\x8c\x9cn\xdb\xba\x97\x0c\xbf\xf6\xc4q\xe4!\xfd\xe6\xb8\xd2\n\xe5\xa0\x1f\x00\x80\xbdZ\xe1\\w@\x8b_ \x1f3gs\x96{\x02\x00\xd834\xe93;WM_\xb5~g\xae\x9a\xce\x8e\xe9+\xb6\xe5\xba\x0b\x00\x00\xec\xcd\x0e\x08\xcb\xd06\x1b\xbd\x00\x00 \xd8\xfc\x07\xbe\xcer\x8b\x05\xf2^o\x83\xa8\x05V&gt;\xffw&amp;\xfa\x01\x00\x08p\xa8ug\xabu\x11\xbaZC\xb2\xdc\x95}\xd6\xac\xdb&gt;\xc8u\x17|\xcd\xbe\xeb\xe3\\w\x01\x00\xf6:\xef\xfeS\x00Go\xe9*\x90C\xd2\xac\xe2\x1b\x00\x80=I\xc5\xd6\xe33Q\xed\x84\x05[3Qm\xda*d\xb9=3(\x12\x1d\x01\x00H\xd8\xdcu_\x84\xe6\xd9\xf3\x02p\x9da\xb9\xee\x01\x00\xa0`\xa8p\xe8\xb8t\x8a/z\xe4\xbb\xa4z\x12\x89\x11z\xfd\x97*\xca\x86O\xec\xe1\xbf\xdbi+D\xea\xe7\xaa3\x00\x00\xc8\xd2\xa7~\x91=qx\n\x00\xd8{\x94\xe8\x9a\xeb\x1e\xc4\x17\x1cA\xf7k7\xc9\xf7X\xb5\x01\xa1\xc5\xb5\xed\x913Z[\xf1C\x04\x00\xb2\xa3\x9dug\xf9\xe6\xdf\xd2\xa9\xeb\xe1\xf7su\xeen!Q#G\xed\xa1\x99\xeaK,\x84=\x00\x80]\xa5\xde\x99\xa8\xf5\x88\x91K2Qm\xb64\xccu\x072\xa9x\x97\\\xf7\x00\x00 "\x0c\xce\x00\x00\xc8(\x02\xed\x1e\x8d\x7f&gt;\x00\xd8Wd\xf4\x8coT&gt;\xf6\xaag2\xd7D:\n`\xb4+\x80]\x02\x00 \xf7N8\xff&gt;\x11\x11)cM\x0cz6;P\xa6\xc3-\xe1\x1c\x002%\xfdee\xeb\xf7\x98\xa9\x99\xf3\xb5\x9f\xbd\xcf\xe6\xdb\xff\xf6H\x1f8u]\x84N\x1c\xd0?BfS\xf5\x81qJ\xc5P\xe58)\xdc1\x8d\xf2\xc5\x83\x0f\xef\xdf\xee\xac4*\x07\x00\xec\x81\x0e\x1b\xb60[M\x1d\x1cx\xb4F\xf4\n\xcb\x1b\x7f6~\x9a\xee o\x87c\x98X\xaa[\x9a\x15Z\x85\xcem\xb9\xfe\xad\xfc\xd6\x13\x1f\xb02\x02\x06\x80\x82+\xe6[\xbfE\x8e\x88\x94=3\x91\xa0t\x06\xea\xf4p\xff\xf6d:\xef\xf8\x12t\xbe\x936\x83\xe7\'\xd24\x00\x00\xd9p\xd1\xad\xef\x1dx\xe4y\xee\xf4\xc6\xc7\\\x12\xa36\xffHYX\'[\xaf\xf1\xab\x87\xcdx\xc8\xaf\xf2S.\xdb\x18\xa3K\x00\x80}\xc4\xfe\xb9\xee\x80U\x11s\xcb3\xe6Y\x13sx\r\xf6\xd6\xe7\xfe\xcaU\xd3\x00\x80L+\x1c\x9e%\x90v|\xda\x15\xbb\x89\x95\xcf\xff\x1d\xbb\xac\x8f\x7f\xcc\xadB\x85\n\x05\xe4\x0b\xf8t\xd5\x8f8W\xb31w%\x1a_Ze\x11\xf9\xf0\xc3\x0f5\x9b\x00\x00 \xa6\x83\x8e\xbd,\xd7]\xc8W@F\xc0\x05\x07_\x02\x00\x14tY;S_}\xef\x97\x99\xac\xbe\xf2\xed/)1&gt;N\xf8\x0bN\xed\xc22\xf8RJ\xb5\x1d\xba\xc0\xd8~\xfd\x97\xbc\xaf\xee\x8c\xab\x9f\x8d]a&lt;\xe3\xaey&gt;\xcb-\x02\x00r\xcf\x8c\xd9\xdf\xeb\x05\xef!\x17&lt; \xfe\x91\xfe\xf2\xbb?I\xa8_\xfa\xb4\x96d(\xd9d\xb4;Qg\xa8\xad\xfd\x9b&amp;\xd2\x8bX\xadED\xa4m\x94"\x00\x80\xac\xa95$\xbd\xf2%\x93\xe9\x86\xc5\x0b\xdfD\x18aw:\xf9\xc64\x9a\xaa\x1d\xbdH\xa94\x9a\x03\x00\xec\x9b\x8a\x1d\x19\x96\xa3f\xf0\xe1Wv\xabC\xfa\xcdI\xaa;\xb0ae@\x00\xd8\xc7\xbd\xfcC\xb4[\xbc\xf1\xde\x9a\xd5R\xa5_\xc0\xc1\xe0\xcb\xb6\xa1\x17u\x95R\xe6&lt;Y\x05\xc1\x989\x9b%3\xf7\xd7kt\x9a\xaa\x99\x93\xe7\xb0\x00`\xcf\x13v\xeen\xed\x91V\xf6h\x91r\xd6\x84N\'/I\xb2O\x81\x12\n6-R\x1b\xe1\xb1|\xe6\xaa\x1d\x01\xed\xce\xba\xed\x83$\xfac\xd2\xbb\xba^\xb4\xb3u\xef\xf1\x8f\x08\xc0\x00P \xdd\xfa|\xc6g\x8d8\xe3\xea\xe7R\x9bM\xddG\x7fsF\xaf6\xe9\xc7\xd1&gt;g\xddinw\x1cyC\xd4\xe2u\xbb]\x98f\x07\x0c\x8c&gt;\x01\x00\xd9\xa3\x94J7\xf0\xd4\x1d\xeeJ\xca\xf4\xe4\xcf%\xdcI\x17\xad|/nmuc\x95\xd2\xbex^;\xf4!\xbb\x06\xe6?\x01?\x02\x00`\x0fS\xab\xcb\xf9\x96\xbd\x84\xdf{\x89\x1c\x15\xaa\x0e\x88\xd1\xca\xea\xad\xff\xea\xb5^\xce3[\xef\x89w\xd8\x13l+\x01\x0f8\xf7\x9e\x18]\nRm\x80eGk\xa6\xb3\xf5o\x86\x7f\x8d\x7f\x12\x80\x01\xa0@\xd1\x0f\x81g/\xfe\x8f;\xf1\xaeW\xf2\x8aWj=!\xa3c\xac$\x1e\x07\xab\x90~72\xa1\xd7\xb8U\xf1\nj&gt;R7u\xe9\x1b\xf1\xea\x07\x00d\xc8\xa1\x8e\xfd\xde\x93\xee\xf0\xca\xa6\xad\xee0\xeb^h&lt;.\xdf\xf2\xcc\xb4\x9a\xb3\x88\xbd\xa0}\xe8Z\x0e\xa1.^\xfd~\xbc\xa6#5\xdab\xc0\xdc\xa8E\x0c}\xcf\xbe+~\x9f\x00\x00\x89\xfb\'\xf9\xd1j\x13\xeb\xcem[\x95H}kJ\xe2\xe3\xe3\xc1\xd3\xefO\xb6B\x07\xdf\x0e{\xbdr\xdd~\xc4u"\x8dE\xe4\x92\xdb\xfe\x1b\xb3\xbd\x1a\xc7G,\xc04X\x00\xb070\x1e\xfc\xc9\xd2\xfa\xf6.!\x17\x87\xd7\xd9\xefqn\xfc$\x99X&gt;h\xda\xfa\x18\xa5&amp;-|Q\x82~OT7\xb7~\xf4ZF\xa9\xc3\x89\xd7\xc7h\x14\x00P\xd0U\xef\xa8\xbb\xca\x9eh\x8cJ\xcb6?=\xbd\xeeT\xf3L\xed1\xf6Vwb\xa9fc\xcc\xedK\xef`!?\x1d\xedu2\x95nvZ\xa6\xfb\x01\x00\xfb\xa8\xa1\x17&gt;hOh\x95H\xb5\xe6{D\xf7\xbe\xad\x1c\xe9\xc6F\xbf\xc9k\xfaOYkl\xcfY\xfb\x99_%\x89t&amp;im"\xe56&gt;E\xe0g\xb1\xc5B\xfdW\xb06\xec\xc8\xc6\xf7SP\xff\x15\x00`\xdfc\x9c\x91?\xd0\x8e\x13\xd6l\xedO\\ll&lt;\xf2\x81m- \xc3\xec\xbb&gt;\x0e.\x9e\xa7r\x9f\x88]\xd6b\xaer8h\xda\xfaLG\x9d\xf5oe)\xaam\xd1X\xc1\xe2\xc8QK\xc5\xf9S\xc9\xfb\xad*\x00@Vy\xbeD\xe4\xa6\x94\xfa\xdd\x19\xb7\xea\xa5\xd7r\xc8"\x10{\x15\xfbs\xe0I\xd0]\xa0\xc9X\xe4\xd1\xb0\xd3\xf2/\xd8e\xf4M""R5\xc9N\x01\x00B\x9d9\xef9{B\xcd\x08\x0f\x01\x95\xe8\xba3\xd1A\xe4\xb5\x0f\xfe_\xf4B\x05bM\x05\xd7`\xba\x81;\xcf\x92\'vg\xa73\x00\x80\xbd\x8d\xff5\xdb\xa0A\xb0W\xa9Z\x89\xf4GD\xdc/+\x17\x1c[w\x19\x1f\xbc\xa8_\x86$\xaf\x81\x87/7)"\xb2\xea\x85\x7fR\x9b\xf9C\xde\x81S\xd7%\xd6\r\x00\x80\x83\xe3\\\xbfyg\x9cy\x985g\xa5\x88\x17W\xce\xbb\xe9\xad\x18\xa5\xf4)\xa5\xae{\xf4{s;\xa3m%B\xe7\x16\xf2{\xff\xc6\xf9 #/yLD\xf4/_\x03\x00\x12P\xb9\xcdDc\xc3\xfaVO\xb0\xe0i\xa4\x16\xa7\xa2\x9a\'3\xd4u\x19}S\xf3\xfeWj\xb6\xe8\xc9x7\xc9x\x92\xeb\xfc\xe5o\x07g&gt;\xf9\xd2\xc7\xcd\x0e(\xa5D*)\x0b\x9d\x0e\x8b\xc8\xae\x84\xe2\xf4gQ\xea1\x16.\xccS\xa1W\xbc\x16\xf7\x88_\x18\x00\xb0\x0f\xd9\xaf\xdd$\xebn\x89\x83O\x15\x11c\x9a\x8bF\xbdfY\x8e\x1c\xa2QY\x8e\'Z\xd2\x891g\xcc{\xce\x91-/\x00\x97&gt;*\xa3\xedfP\xf5AI\xd5\xd4r\xd0\xd5\x96=\x8f\xf5\x1f\x01\x00iiu\xfc5q\x8aU\xe9\xe7\x95j\x9d\x91\xaa\x85W\x06S\xde\xb2}w\xbcl{\x13\xc9/\xb7\xf5\x90N\x84\xd3|\x8fV)%\xe5zZS\x9e\xff:|\x10l\xfa[\xa9C\xfa\xc5\x19\xb5\xeb\x07\xe9\xde\x13\xefHd\xea\xab\xe2\x07\x8d\x8a]\x96\xe12\x00dC\xaf\xf1\xab=\xd3\x8f\x18\xb9$R=I\xddB\x8eG\xb7\xaa\x03O\x109\xd8\x11\xdd\xd3Y\x87x\xbf\xb8\x8b:\xe4\xdb\xff8\xcf\xe4?"v\xc9\xf3\xbe\xc0u\x8f|\x17\xa7K\x00\x80\xec\x18r\xc1\x03\xcf~\xa57|\x94F\x0flO&amp;j\x9a\xd35+\xa5\xda\r[\x98H\x9d\xa1\xfaL\xbaS\xa4\x82RJ\xa4\x83\x88\x88\xd4I3\x00\xc7P\xad\xe3\x94\xc4\xebl9\xf0\xaa\xaa\xed\'\xc7,\\\xa4\x93u\x8f\xe1/\x00d\x96R\xaa\xdf\xe45\xe6\xb6\xfd`\t\x9fB\xbaO\xc9\xfa\x9d\xc4\x8b6\x1a\x19Z\xb6h\xa3\x93\xcdm\xf3jy\xc03V\xc3f&lt;\xa4\xd9+\xc3\x9c{&gt;\xb7\xee\x1a\xd1w\xdc5\xcf\x87\x16|\xf0\xbd\x9cG\xa6v\xc6\x9f\x113\x1f\x16\x11\x91F\xb1+\x9a\xbeb[\x12\xfd\x01\x00\xa4-\xf6\xb8g\xd0\xd48\x0b\x04\xe5+\xda\xb9T\xd3\xd1\xee\xe4\xc3\xbc\xc6\xc4\xb5\xbbN\x97$\x86h\x0f\xbf\x9f?\xf8VJM\xb8v\x8b\x88\xbc\xfeKp\xb5\xcd\xcd-\xb3\x03\xb1z\xa2\xb7~T\xf9\x98O;\xc7c\xffDm\x8c\'\xc6\x19\n\x03@\xe2\x8ax\xa6\xde\xf3F\x8c\x13n\xe5\x80c\rz\xcc\xcc\xc4I\xdc\xb3\xceN\'\xdf\xe89\xdb\x94H`0\xab5DD6\x7f\x91W\xe1\x99\xf3\x9e\x0fh"\xb8\x03\x12eA\x85xt^\xb0NM$\x99pC\x00\x80$]~\xf7\'\x8e\x94\x0f\\g^3&amp;\x19\xbe\xcd\xde\xa99\xc2\xe5\xee\xa4\x02\x86w=\x96\xf8\xdd\xf8\x98K\xad\xd9&lt;\xd7&lt;H\xb73\x15\x8f\xb5\xee]\xbc\xfa\xfd\x80\xbc\xe3\xaey!\xad\xb6,\x9c\xdd\xaepLR5\x03\x00|EZg~\xe1\xc3\xdfz\xa6Wn31\x9d\xd8\xf3\x9bR\xc1\xf3{\x14@\xcf\xfe/\xde\xe7m\xbaa\x87Jv\xca\xcc\xe0o\xbeH\xc3\xf0[\xefr\x80\xf55\xb3\xfa\x95\xdbL\x1c3gs\xba\xdd\x02\x00\x04\xf3{\x13)\x92\x97\xbeS\xee\x9b\xa3\x17\xdc\xfc\x8e\xb1\xfb\xe2\xb7\xe1\xe3\xd4\xc7&gt;\x0c]C\xd7\xa5x\x17s\xb3\xc5\x80\xb9m\x06\xcf\x0f\xb8&gt;\x1cTO\xed\xa1\x8e\x84\x7f\xcc\xfce{\x84V\xb8y\xa7\xb5\xf2t&amp;tl\x1f\x9e%\xcc\xb9K^\x93\xe8\x03\xf1\x1b\x9f\xfc\xd9\xdcV\xe1\x8b\x19\x03\x002I\xf3\x14\xdcr\xd0\xd5\xc7\x9fw\xaf\xbb\xacR\xea\xeeW\xf2k\xf8.U[\x87\x13\x17\x97oy\xa6\x88&lt;dy\xae\xb8a\xcf\x8b\xfd[\xc8[\xdaa\xe3\xa7!\x13w\xe8\xcc\xecq\xf5}_]l\x99\xdc1\xd2M\xd3U[\xfe56n{Q78\xfd\xd75\xf1\x96~s"%\xa3d\x8e\xc7\xf1\xc4{\xfeB\x11k^#\x00\x03@\xd2\x16=\xf2\x9dHakJp`x\xf9\x87\x08Q\xc4qSV)up\xef\xd9\x01\xa5\x8c\xf4\xd4z\x00AF\xcd\xde\xe8\xaed\xeb.e\x8c\xb3\xfdU\xae\xdd\xf5\x02{\xc1*\xa1m\xc5\xe4\x1aI\xfbi}\xc2\xfc\xc0\xe3e4Cu\xc3\x9e\xb3\x823\x98\xf5\x8c\x99\xb3I\xabg\x00\x80\x02\xc5/\x1e\xac|\xe1\x1f\x91B\xee\t\x96\x8d\xcb\xdaY\x9e\xe3\xc2\xb0a\x87\x12\x91\xcf=\xdb\xf5\n\x90[\xbeQ\x95\xdbL,q\xf0\xa9\x1a]\xad\x9d~\xf7\xb2\xa6f\xe7i\xf6\x04\xdfe\x10S\ne\xaa+\x00\x00\x83\xe7\xbcW:\x91\xb2^\xf7\x19\xa1\x99K5\x1dc\xcc\x99%iO\xf48x\xfa\xfd""R\xcc}\xa8d\x13\xf7\xdb\xc3\x87\x9b[k_w\xb6X\xb6\xf9\xe9"\xd2v\xe8\x82x=\tf|\xc0\xeb\x1f\xfb!4g\xbd\xee\x17\x05\x1c5_P\x16i\x9dfg\xf4\x959\xe4ts{\x8f{\x0e\x0e\x00\xf6$\x9e\'\xe8\x07\xdf\xcdKL]\xd2\xac("\xd6{\xa5Zj\rv7\xa1\x94\xaa\xd6q\x8a\xe3\xf9\xac\x8f\x8c\xddZC\xe2\xf5\xd6\xcd\x98\xa3\xc3\xea\xda\x87\xbe\xb1\\jn\xa6S\x89\xc3\x95\xf69\xb3\xac\xcc\xc5\r\x1d\xce\xba\xee\xe5\x18\r\x01\x00\x10\'Py2\x06\xbe\xa5\x9b\x9d\xa6]\xa2\xbc\xf1\xe7\xc3\xe8\xc3\xe5\xfb\xb6)\xd7\xb3\xc7\xa5D\xeaG\xad\xc7\xca\x1d\xf8\x8d\x07\xc7\xac.\xbd\xe3\xc3\xd0R\x16\xad\xc32\xe4\x86\xadK\xa5\x8er\xa6\x00\x002\xe1\x96\xe7\xfe26\x1c\xe7\xdcB\xf5Ot\xe5-l\xcd\xa9\x94\xca\xbbeX\xba\xbbRJ\xca\x1d\xad\xd3\x9c\xf5\xca\xf0\xf8\xf9[\xbc3Y^Hu\xbc\xa0|\xd4i7\xeb\xb4\x92\xd20Jfo\xef\xfc\xa5\xb5`\xa2~\x9eWv\xab\xd9w}l\xee&gt;\xff\xb5g%A\xab/O\xbd\xf1\xf5\xd0v\x1d\xda\x0e\xf1\xbd\xf0&gt;f\xce&amp;\x91\xfd\xac)D_\x00(X\x02\xce\xcb\xaf\xfd\xac\x1d\x8a\x8a\x1d\xa9\x94\xaa\xdcf\xa2\x91X\xf7\xa8\x0b\x83\x1b\xaar\xf89\x8e\xa37?\xfb\xa7F\xaf\x8c9)\x8b\x8aH\xddn\x1eM$\'\x7fb\xe7\xa7w\xe6_c?\xfb\xba\xffh\x94mkn\xdd\xb4\xe9W\xe3\x83\xfc\x1c+\xf85\xed{\xb9u\xd7\xff\x8d\xac\x83\x02\xabq\xdfh\xcf\xc2KP\x00\xb0/Io-\x810&gt;\xef\xe1\xf4;g\x8d#\xe5\xd1\xff\xfa\xb5^\xc2wV\xe7\x14\xf7C\xd7\xdb\xff6R\xeaNX\xb0U\xa7\x9b"\xd2f\xf0\xb5\x9a9\r\x01k&amp;f`.\xcc\x8ai\xb6\xe5\x9d\xad\xfa@\xeb\xde\xfc\x07\xff/\xa8Hv\x17\x84\x00\x80}Q\xf3\xfes\xad\xbb\x8f}d\x9e\x88\x0f\xf58\x8f\xd7&lt;\xc1\xf8\x1b)\xea\xb4&gt;\xe1\x9a\x80\xa3\x81\xb3p\xd8X\x1b=\xa0\xfd9:E"^\xb8\xd6\xe11\xd7\xd5\xdcu_\xa4[k\x9d\xfc\xdf.\x91\xe6\xf3r/\xc8\xd8\xf1\xa4\xeb=\x8b\x07.\x07YDD^\xddm\xd6\xcf+I\x00\x90\x15\xcd\x8e\xbbB\'\x9by\xf5\xd8\xaa\xc7\x19\xb7\x8a\x88H\xf3\x8f\xb4Brc\xbf\x03\x9dG-\xd5(^\xde\xb1_\xae\xe5\x19\x1a\xa5"\xd1z\x12-\xf4\xf7\x875C\xdb!\xce\xd1v\xd9\xe6c\x8d\r\xe3\xad\xe5\x00\xc64&amp;"\xe2z\xa2\xadn`\xb9j"\xd2r\xe0\xd5~\x87;\xd8\x834\xb7~\x01 \xdb\xe2\xbe\xa7\xdbVD\n\xd5\x1f\x11\x92\xab\xda\x00\xcf\xe4\xfa=.2[76\xda\x8fX\x1c\xbd\x0f\xf1\x94\xb3\xee\xfc\x16k\xe5\xc1\xd0lJ)\xf7S\xd3\x1a\xaa\x85\xe6\xb0\r\xe8K\x1d\x15\xbd\t\xb9h\xe5{\x92\xe9;\x11\x00\x00M\xc6Y\xb8h\xa3\x93s\xdd\x11O\xc5D\xa4\xc1\xd133Q\xf5{\xff\x06\xcdI\xf2Bj\xc1\xc1\x113\x1f\xd1\xa9\xed\xc5\xef\xac\xb5\x1db\x8dm?y\xc4\xb9\xb2a\xf5\xe5-\xb7\xbczk\xd4\x15&amp;j\x86\xd5\xec\xa5\\\xcf8\xa5\x00\x001x\x9d\xc1m/\xa5|\xea=Nj%"\xa5\x9b\x9dv\xd7+\x1e\x01\xc0\x9c\xd3#\xa0\xc5\xd3\xe7&gt;\xe3\xaa\xb6\xaeg\xfeB\rN\xb46\x9d\xa1\t\x8d\x8d&amp;\x9e\xf88d\x82\xb0\xcf|\x02^\xbb\xa1\x0b^\xd9\x1d&gt;\x8e\xdc\xad=\xd6t\xfc\xbbLZ\xf4R@\xe6\x1f\x92[\xbch\xca\x92\xd7\x06N]gl\x0f\xbd\xd0yk\x19\x00\x90\x84\xca\xbd=N\xd9E;\xa7\xb6Z\x19\x7fRy\x9co\xb08^}q\x08X\xdbN\xff\xf1\xa2e\x9b~\th"\x11\xd7?\xfe\xa3\xb9}\xfbKf\x07\xda$\x12\xcc&lt;\'!)s\x88\xfe\xcc$\x91-\xf2Y\xaaY\\\xafo\x85\xe2\xba4\x00d\x83\xce\xd9\xf6\xd0A\xf3\xe2\xd4V\xa2\xab\xf9:i\xa4Uf\x0f\xee=[)%Ra\xea\xd27D:\x98\xe9Q\xa3r\x8c\x9b\xb8O}\x1e^\xa4\xef\xd9w\x19\x1b\xfb\xb5\x9b\xe4:X+\xb4\xdd\x1c\x85\xb7V"\x07;\x92\xdcOP\x03\x002\xcb\\\xd1\xf6\xd7\x84\x82\xc1\xe6/T\x9b\xc1\xf3\xef\xdb\xe6W[\x1b\xcf\xd4t\x16\x9dM(\x8cU\xd7\xc9t\xde\xb27\x03\x9a6&gt;\xb5g\x7f2\x11k?u\xd5\xb98\xb5\x0e\xc4\xdf\xb1\x9ac\xbc\x0b\x00\xb9\xe2|\xe9S)\xf5\xdaO\xb6\x93r\x97S\x9d\x0b\xd7\x1f;\xf1vs\xfb\xc8S\x97\xa5\xdf\t\xf7\xf3\xd8\xfa\xe3\xc8\xe9+\xb69\x8e\x86\x0ed\x8b\x1f4\xca\x9d\xb8\xe8\xe1o\x97l\xdc\x1d\xdaOG\x8ac\xbdd\xcf&lt;\xc1\xb6\xee\xca\xcfo\x96\x9d\xb5\xfa}\xc73\xdb\xfa\xeb\r\x1b\xde\x8f\x1aYS/y\x17k\\0\x1f\xc7\x03\x80=\xd9&amp;\x9f\xc8d\xc4\xbfk\xee\xff_p\xf1\x85\x1bv\xd9\x13jXw\xdc/\xbc\x9a\xda\x8fX\xfc\xec\xffBn\x00\xbf\xfc\x83:\xf0\xc8\xf3\x1c\xd1\xab\xfb\xe9\xb7\x04\x14I)*"\x13\xaeuM\x83U\xf1X\xbf\xfex\xd5SS)u\xef\xdbq&amp;y\x8e\x94\xadQ\xafK\xdc\x89\xaf\xfe\xe4\x91\xd9\xeb\xd9i\x11\x11)\xd2I\xaf\'E4\xf28\x1duz\xe2S\x97\x00\x00t\xb5\x0b8\xa67\xe1\x867s\x98\x1b\x10\x15\xb6\xa4\x86\x83\xbd\xc6\xaf6K\xd9\xb3\xf8\xbef\xf3\x9c\xf7\xf2\x06&gt;\x1f\xa7J?\xeft\x8f\x16\x9d\x13\x80\xa4\xe3\xccy\xcf\x99+.l\xfb3\xe8\xf7PXM\xde\xd3;\x1f:h\x9e\xf5iv\xcd\xfb\xf7\xc5\x0e:E\'\x1b\x00 a1N\xf7}\xcf\xbeK\xca\xf4\xf0\x9c\x86"\xb8\xb6\xcam&amp;z\x96\xf2\xebL\xbb\xa1\x0b4k\x16\x91\xe5\x9b\x7f\xf3;t\xc3\x13\xbbEJ\x98\xf5/z\xe4;\xf3\xd0\xb2M\xbf\xba\xb2\xef\'^\xef\x0e\xd9;P1\xb83\xb1%r_v\xf8E\x1bDd\xe4%\xde\xab\x17g\xa8Q\x00@d\xed\x86.\x0c\xce\x90:A7O%\xb4\x0e\xad3x\x02\x8d\xb3\x17{/\x1ct\xae\xef\xa2{\x95B[\xf4Q\xd4\xf8\xf3E~\x8ciY\xb8\xc1\x89\x0b7\xec\x12\xa9b\xcdg\rBu\xba]\xe09\xf3\xb3\x88\xd4\xee:\xdd\xc8\\\xb4\xd1\xc9i\x8c\x8f\x1d\x8f%\xeb~\xbaI\x0b=\xdf\x0c.l\xfe\x8bX?\xc5\xbb\xffD\x0b\xab\x84a\x00\xc8\x08\xe3\xf4:\xef\xbe\xaf\xbc\x0e\xd6\xd2\x99\xe2\xb8^\xf7\x8b2\xd0/]\xd7=\xf2\x9d\xa4&gt;E\xcfq\xab&lt;\xf3\xc4\r!\x07z\x15,\xe1\xcew\xc1\xcd\xefx6aL?\x190\x947w\xebX\xd6It\xe7\xb1\xae\x19,r\xc8\x96]\x01\x1f\xa7\x89_=&gt;l\x13\xadTm?Y\xa3\x08\x00 1\xcd\xfd\x0e\xdc\xf2\xdc_\xbau\x94\xec\xe6\x99\x9c\xb9\xf1\xd3\xe6/\x8c\x9a\xeb\xc6,\x9fz\xc4\xd7\xa0\x94\xaa\xd5\xe5|G\x8a\xa3\x84\xdfg\xd9\xa9\x94\x88\xdc\xf2\xec\x9f\x01y2d\xf2\xf5\xaf\x8a\xc8\xa8\xd9\x1b\xcd\x94\xdfm\x1dh\xef*Q\xce\x95\xe2\xcd\xf1A\x9e\xf9\x92q0\x00\xe4B\xe4\xb8R\xc7\xf6\x86\x8cRJ\xa4v\xcc\xaaDjv\x9ef-\xdbo\xf2\x1a\x11\x91\xd2\xdd\x8d\xc4\xcb\xef\xfe$\xa0l\xad.\xe7\x9bo9_v\xe7G\x11Z\xad&gt;HD\x0e\x1b\xb6\xc8\xe7p\xfe\xd4\xcd\xc6\x8c\x98\xb6\xcfUg\x98Hu\xfd\x10\xae\xb9\x96\xa2\x9bQ\xe1?\x1a\x17*\x94R&gt;?\x92J\xba\x93\x9a\x1d7G\xca\x1d\x1d\xafK\x00\x80\x04\x948\xf8\xd4\xde\x93\xeeH\xed\xd9f\xcfh|\xcc%#/y\xcc\xd8v\xc7\x95&gt;g\xdd\x99N\xbbw\xa7\xa6\x95\x8e\x14\xad\xad\x99\xcf\x98\xf7\x9c\x88H\xd9\xa3\xf3\x13]\x0f9\xb7\x18p\xd5\xeb\xbf(\x11Y\xb0a\xd7\x989\x9b\x1e\xd8nm\xab\xb0H\xc8*\xf4F\xcd\x8b\x1f\xfd\xbeb\xab\xf1\xd6\xa6\xcd5\x1b\xac\xb6\xff\xedL\xf4\x9c\x9c\xb2b\xeb\xf1~\xcd\r\xbd\xf0\xc1\x80\xceX\xb4Jm\x1c\xae\x97\xdf\x86;\xbe\x00P05\t~%)M\xe1g\x7f\xc7\x12=\x15\x8f\x11\x91\xaec\x96\xa7\xf6[\x8aH\xc9&amp;\xa3}\xea\xec\xb0\xf9\x8b\xf0\xb7\x9eB\xbb\x94\\\x88j\xa1\xd1n\xc3\xe0*\xa6/\x7f\xdb\xef\xd0\xf9\xfe\x87\x00\x00\x05N\xc0\x04\x8a%\x9b\x9cj\xec\x8e\xb8Xk1\xbet\xfc\xeb\x13\xe4f\xdd\xf6A\xafq\xab\xa5\xda@kb\xf3\xfeWF\xaa\xbc\xdd\xb0\x85\xda\x8b@\xd4\xd4\x9fQ\xf2\xe1\x0f"L\xd9\xd1\xc6g\x8a\x926\x83m\xe9e\x9b\x8f\r\xb8k\xdb{\xe2\x1d~\x87\x8c\xa7\xb1\xec\xfd\x8c\xfc\xcb\xe9\xde\xb7u^&gt;\x06\x00\x14&lt;\x8e\xf7t\x07M[\xef\x97-\xa1\x06\xab\x05L\xa6am\xa8\xc3I\xd7\x1b\x1b\xe6T_\x8e\x91q\xbd\xee3\xa2\xf6M\xe7ugcc\xff\xc3\xce\xb2\x1dH\xcdc\xe5\xee\xa7\x884=\xee\nc\xa3P\xfd\x13\x03\xb2\x053\x17|\x94j\x03\x82\x8b\xe7\xe7\xd4\x9b\x16\x1b\x00\x900\xf3\xec\xbc\xee\xcd\xf0\x07|\xa4\xeep\x9d\xaaROK\x1dh\xecvLE\xc10&gt;C\xb7\xea\x83\xbe\x0b\x8d@\xd5\x07\x06\x1c&lt;}\xee\xd3\x8e\x14\xb3\xabM\xfb^!b\xbb\x07\xec\x8e\xaf-\x06\xcc\x15{\x18+\xd7\xe2\x0c\x91\xfdC\xba\x14YK\x9dLF7\xce\xba\xeeeGJh\x11\x0b\xdb\x1bVm\x06\xcf\xd7\xeb\x1e\x00\xa0\x00\x08&gt;\xe9\x9bG\xef\xdb\xa6D\x1a\x87\xe6Oq\xbfK\xa3m\xbf&gt;f\x13\x8dz\xcd\n\xcek\xefL]sk\xea\xd27D\xc4|\x06\xed\x7f\xf6\xf7z_\xfa\xce\xf75\xdf\xcc*\xd1\xc5\x91\xa0\x94\xf2\x9c\xc9\xc4\x9cs\xfb\x99\xaf\xb8\x9e\x0c\x00\x05L\x86"\x87\xb9\xaa\xcf\xa0i\xf7\x9a\x89~\xd3V\xa4X\xaf|v\xb0\x1f\xca\x9b\xa3j\xfd[JD\xa6\xde\xf8z}\xdb\x1c \xc5Dd\xf4\x15\xf9o\x04\x15m\xa4\xbb\x86\x8f\xfe\xc7\xef?y\xad\xa3\xa0uq\x88\xc6\xc7\\\xaaYO"\x8c!x$\x01\xb3\x82\x88\xe4\xbdy\x15P\x04\x00\x90%\x01\x13)\x1b\x94R\xf7\xbf\xa3\xacSE\x9a\xe7k\xf7\x89;5u\x86\xf7\xed\xd2+\xd6|*"\x9b\xbe\x08?\xdd{_\xbb&gt;\xa0\xbf\xb9\xd9\xa8g\xde`\xd7\xefY\'\xc3\xec\xbb&gt;VJ\x9dp\xfe}\xa1-z\x8a\xf4@\xf5\xfc\x07\xbeNm\x96\r\xcag\xaf&lt;8\xf1\xf0\xe1\xd7\xe9T\x95\xa6?\x95\x12\xa9\x97\x85\x86\x00`\xdfb\xac\x1e\x1f\xc3\xa1\x83\xae\xd6\xcb\xd8HDZ\x0c\xbc*^+n\xfd\xa7\xac\xb5\'T0?\x82R\xca:W\xb3R\xaaY\xea\t\xa6\x18B\x06\x8b"E\x1a\x8e\x8cQ\xa7Q\xd5\x0eg\x85\xc5\xfdf\xa9\x0c\xee\x98\xa3G\xc1M\x8b\x94\xb1\xa6\xacx\xe6ws\xbb[\xfe\xab\\~2\xf8\xfa\x19\x00\xec\x8b\xae\\\xf7\x85~\xe6]\xc9]\x8d\x9c\xb6\xecM\xeb\xae1!F\xbe\xaa\xfdEK\x93\xf0,\x81\x94R\xfd\xa7\xdc#":+I\x88\x88T\xf2ZQ\xb8L\xf74\xbbav\xc63\xb8\x1e}\xe6J\xdb~\xe0\x93\xde\xa6\xe6\xfd\xafL\xe7%\xe6j\x1d\xa7X\x87\xf87y,\x0f\x05\x00\xc8.\xf3\x1d\x9e\x1a\x9d\xa69^\xc9\xd5\xe7\x88\x04M\xfa^\x1epT\xa4\x9aW\xa2\xab\xc2\xf2=\x032\xf8\x95\xd2\x88I\x87\xdf\xfb\xb6-\xcfA\xc7^fl\xd4\xeb~Q\xb71+\x8e;\xe7\xee\xd0V\xc4\xd2\xff\x87\xdf\x8f?\r\x88\xe9\x80\xf6\xe7(\xa5~\x8b\xfc\x93\xa8\xb1+\xa5\x9e\xa4\xd6\xb4pik\xe9F\xf1\x88\r\x01\x00\xf4\x84\xc6\xa1\xc3\x86-\x0c/\x95\xffJ\xab\xf7\xb2}\xce"e=&amp;\x1cn\xd4\xeb\x92\xe0\x9e\x88\xc8\x9b\xbf\xe5U\xd2\xd5q\xed4\xed\xc1\xa8q\xff\xd8xU\xf7O\xff\xfb\xd9F\xe2+?\xda\xe2\xf7u\x8f~\x1f\x90\x7f\xdc\xfc\x17\\G\xf3\'\xbar\xfc\x140\xb7\xd7\xbe\xee\xec\x83;[\x89\x83\x8d9R\xda\x8b\xc8E+\xdf\xf3\xfc\\FN\xebc\xd2w\xbc\xac\xca4?\xdd3\xb3\xb5T\xf7\xb1\xc6Sf\xa5\x83s\x02\x00\xd2S\xea(G\x82\xfe\xfa\xed\x0eJ)s\x08%"m\x87.06N\xb4L\xa4u\xdbV\x8f@u\xec\xc4\xdb\xb5\x1b\xa9\x9cj\xa8\xb2=\xbd\x89=\x9ey\xac!\xe80\xf6\xaagE\xa4~\x0f\xdf\xe5\x8a\x97?\xfd\xbb\xdf!}\xae\xc0\x1c\xfapSc\x91\xfa"\xd2\xf7\xec\xbb~\xb1\x975\x96\x0et\\\xc9\xb7\xf0\xb8e\xeb\x0c\xe1U\x8e\xcb?Vm\xa0\x88\x18\xefU\xbf\xf4}\x8e^\xac\x02\x00\x88\xd7\x99\xd7o8X\xf7\xa8\xbc\xb5l\x8b5&gt;\xc5]\xcf\xf8k\xb7x\xd6\xbf\xe0\xa1o\x02Zo\xd8\xf3bGO~w\r\x105bC\x99\xa8\xf1# \x7f\xb3\xe3\xe6D\xaaJD\xcc\x05\xa0\x06O\xbf_\\\x17\xa2\x83\x9d\xbb\xe4\xf5\xf0Li\x188u\x9du7\xffm\xe9\xd4\x03\xe4f\xe2\xdd\xaf\x12\x83\x01 \x8b\xbe\x0e\x8a\x13A\x8f\xec\x1e1r\x89c\xd5\xbf3\xe6=\xa7\x94\x12)\xda\xa4\xcfl\xcf\xc0\xf9\x8f\xed:\xaa\x96\xc97\xbc\xeaNl\xd8s\x96\xd8c\xb3\xb1q\xdeMo9rZ\xa3\xe9\x9c\xb5\x9f\x89\x88\x94\xe8\xea\xdfZ\x07\xffC\xf9~\xcak\xb4\x85_\x88\xd5\t\xbd\x8b\xbc\xef\xc5\xdaj\xb0\xd6S\xb8\xc1I:}\xfb\xc8(R\xf8\x08\x9d\xcc\x00\x80\\j;t\x81\xb1\xc2\xbc\x9d\xfb\x11\x9e\xc8W)C_\xef\x11\x91)K^\xb3^\xbe\x8eW\xbf\x19\x89\xbb\x8c\xbe\xc93\xe7\x8f\x81\xef\xda\xbe\xfb\x8f\xedh\xc5V\xe3&lt;+i;d\xc1\xc8Kc^\xa57\xbc\xef\xd5\x8dJ\xa9\x89\xa3\xdd\x1d\xf3\xdc\xf5\x94\x9f\xa7X\xe7\x80"7n\xfc\xc9\xd80\x1f.\x13\xddk\x0c\x00\x80\xd8*:\xdf\xab\t\x9d\x02B\'\x82\x06\x1f\xf2Y\x19&gt;\xafT\x8cH#\xf6\x15\x88\xcd\x91\xa2\xb1\xf1\x9c1\x17c\xed!\x91\xfb\x19E@=\xb7&gt;\xf7\x97;\xd1\xf6\x06v\xf4\xe7\xb7\xfd&lt;\xe2\\\x94\xe9\x10\x11\xe9|\xcaR\x9d\x97\x97V\xbe\xf0wR\xdd\x00\x00$C3\xe8\x8a\xc8\x01\xed\xcfq\xe7\xaf\xd8*o\x9d\xf9\xeb\x1f\xff1\xb4\x86|\x96\x99\x11\x8f\x1c\xb5,&lt;\x7f\x89."2l\xc6C"r\xd2\xacG=\xb3\xb8c\xa1\xa33\xa1\xef:o\xfa&lt;\xd6o\x0e\xd7"\rg-z\xd93\x9f\x17\xad\xc9\xb3\xecj\x894\x10\x91\xab\xef\xfd\xd2\x9a\x1a\xfe*\x97\x88\x94N\xe6\xb5f\x00@\x08\xc7\x9c\xc9\x8e\xd8\xf9{jw\xde}_}f\xb9\x07\x99\xb7\x12Q\xf5\x81\xf6\xe1\xe6\x81~\xad\x18\xcf\xeb\xce\xbe\xeb\xe3\x0bn~\xc7\x9a~b\xd8\xea\xc2/\x1a\xab\x1d\x94\xe8*"\x7ff\xf8\xba\xa8\xe5j\xf0!\xc195\xbbq\xcf\x1bJ\xe4\x80\xd0l\xe6W\xf7\xeanu\xee\x92\xd7\x82[I\xe2\x1bH|\xc9&amp;\x00@to\xfe\x96\x1f\xd5z\x8e[e9\x92\xff\xf6N\xe8\xc8I)u\xc6\xd5\xcf:\xd2\xdb\r]("\xa3foL%\x1c\x96\xdah\x1e\\s\xe7S\x96:\x8e\xea=B\\\xf4\xce\xff83\xbc\xf3\x97\x12\xa9\x14X*\xef\x16\xa9HSkZp[\x07\x1d{i\xbf\xc9k\x82k-\xd9\xc4\xe3\xb12\xcb\xb2\xbe\xcdBz%""_*\x95\xff\xb6R\xea5\xeb?3\xf9+\x04\x00PpY\x83S\xd71\xcb]sD\x94t\x17\xb9\xf4\xf6\x0fcT."O}\x16\xe1\x96\xb0q\xf4\xd0A\xf3R\t\xfb92,\xd8\xb0K\xaf\x17\xf9#`w\x8b\x0b7\xecRJI\xf1#\xed\xc9\xee\xa7\xc6&lt;.\x1do\xfeB\xe9N{\x99b[F0x\xea\xb1"\xf1\x9fs\xb6\x7fL\xa6\xdd\x00\x80\xeci\xfa\xa5\xce\rB\x11\xe3\x02f\xefIw\xf8\xe7\xad\x19\xaf\x07\xd7\xdc\xff?\xebn\xfb\x11\x8b\xc3J8\xe7\xdb\x1a\xeb\x1a\x85\xfb\xa8a\xdd\xc9\xfbh%\xbb\xea\x95\x15\xf1Y]x\xa13\xba\x1b\x8b\x1f\x94xu\xb7\xef\x17k\xdc\xb1^\xf3\x9a\x92\xfa#&lt;\x7f[\x18\x0fc\x7f\x94\xd4\x90\xb7V\xe4\'\xd1nx\xfc\xc7d\x9a\x06\x00\xb8\xfd\x13\xe3U\xa2B\x1d\xf3v\xea\x0e\x8f\xd1\xa2\xfdZ\xb7\x7f+q\x1e\xb4\xf6\x18\x7fkZ\xfb\xba\x1a3\'\x7fEa\x976\xc1\xddh\xde\x7f\xae\xdf\x1d_\xa5\x94\xb9\x9e\xb1_\x06g\xa3&gt;\x83]c\x0e\xac\x80z\xac\xbb+\x9e\xf9\xc3\xbak\x9f\xb6\xba\xb9x\xf1\xfa\xec1\x9e\x02\x03\x00\x84\xb3\x05\x86$_\x00\xb5\x8c\xb7\xde\xfb7\xbfN\xebDW\xa1\xcc\xfe\xb4\x19\x9c\xb7\xb8\xafk-?]\xb3n\xfb \xe0\xe8\xe89\x9bD\xa4z\xc7s\xed\xc9\x15D\xc4}{\xdb\xddII=\x98fl\x1b\xb3I[\xdd\xfeR\xe4n\x1b\xf30[\'p\xb6(+\xe5\x12{yI,c\xfam\x7f\xa8\xb6C\x16\xa4\xfe\x1f\xe0Z4\x00dEZ\xa1\xd7\xffMS\xcdj\x1d\xef\xb0\x8e\xbb\xe6\xf9\xe0\xfc5:M3j\xfe\xc15\xfbU$\xb6\xb2\xf6O\xa1\xf5\xf0W\xeab@:\xdf\x9e\xe7\xef\x9e\x99\xabvD\xa9\xa3ax\x16\x8b\x807\x94\xac\xdb\xab\xb6\xfc\xbb_\xdbI\x91j\x06\x00D\xa3\x94:}\xee3~\x87Dd\xf5\x96\x7f\xfdf\x95\x92bG:n\xfd\x96m&gt;Vg\x15wsqC\xcf\x16}R*:\x8e~\xa0\x94\x88\xd4\xe9zA\xf0&lt;\x1e\xadN\xb8\xc6z\xc8\x98\xa7Z)\xd5\xd02\x01r\x88\x90\xd9\x1ck\x05\x1cSJ\xb5\x180W\xaf\x9eL9i\xd6c\xee\xc4S.{\xc2\xbak|c\'\x9c\x7f\x9fD\x9c\x1f\x14\x00\x10\xdf\x90\x0b\x1e\x088\xaa\x94\xaa\xd1i\xaa\xb1\xfd}\xe0\x95\xea\x9a\x9d\xa7\x15i4R\xecOE\xfd7\xcaj\x04O}n\x9b\xcd\xcaj\xcdk\xae\xb1\xda\x81\x83\xa5\xf6\x10\xfb \xb8\xa8\xd7ZC\xf5\xdd\r\x99k\x08\x1a\xde\xf8U\xf9\xe5\xacq\xc4TG\xca\xbc\xfb\xber\xf6$\xc5\xb64E\xf1.\xee\x0c\xa6\x95/\xfc\xe3H\xc9\xfb\xd4U\x07X\x13G^\xe2\x11;mj\x9e\xe0\x9d\xbe\xbf\xb1\xeaQyKRC\xc9\x9f\x89\xb3B@\x95#f&gt;\xecz\xb2\x0c\x00\x904\xa5\x94\x14\xee\x18\x9eO\xe4\x07\xa5\x96m\xfaU\xca\xf7\xb2\x04\x95\nbY\xbc\xd6\xd4z\xf0\xfc\xd4f-\xf7\xfc\x0fJ))\xd5\xcd\xb6ks\xa0N\xb4\xd6\xbf\xf0\xeb\x1e\x1c\xd7;j\x86gNcV\xe4\x07\xb6k\xbc\x01Ug\xa8#\x869\xb2\x1d3\xe16\xcf&amp;\x8cU\x86\xba\x9c\x9a\x7fEA\xff*\xba\xf1\x82ux\xdf"V\x9b\xbf\xf4\xa4k\x82\xd2\xfc\xb1;\x00 Y\x93\xaf\x7fED&amp;.\xd8*"\xa7]\xb9\xd9\x9d\xe1\xb7\xb0\xd3\xf7\xeb\xbfx\\4VJ\x9d\xbf\xfcmc\xb7\xed\x90kC\xbba\x1d\x82;\x02\xc6\xdcu_x\x16\xf1\xbby\xa9#o)$\xc9\x0b9\xfa\xc5\xafZ\xbf\xd3\x9c\r\xc3\xf1\xa4\xb1\xdb\x85\xb7l\xd7\xac\xd9/[\xd9\x16cc\x94\xd27\xc1\xbejdbO\xe1\x01\x00\xd2g}\x1c\xa9z\xc7s\xf3CW\\\xd6\xe5\x13\xcc\xe7\x93\xfd\xc6\x8b\xfd\xa7\xac5/GWh5N)5b\xe6\xc3\xd6\x0c\r\x8e\x9ei\xf6\xb3R\xeb\t\x9e\x9dwk|\xcc\xa5\xc6\x86\xf1`v@\xe0Y\xf9\xfc\xdf"uE\xe4\xaa\xf5;\xcdD\xc7\xc2\x8bn7?k\x8b\xcd\x81/O\xe7\xa9\xd3\xed\x02s\xfb\xe5\xefm\xfd\xd9\xfamf\xe3\xe2!\xfd\xf2Vi$\x00\x03@\xc6\x9d\xb7\xcc\xb9V\xae\xce\xb291\xb4\xc9\xbf\x16-\xe2:\xc5o\xd8\xe1\xbc=\xac\x13\x03N\x9a\xf5\xa8T\xb7\xbd,k\x06ik\xf1\xb2\xcdu\x87\x8f\x95\xda8#\xb7\x9f\xe1\x17=\xecHQ*\x7f\x8a+\xcb\xad\xebR"\x07\x8b\xebjv\xa8\x18\xd7\xd5\xa3\xbf0\xedk\xf8E\x1bDd\xe6\xaa\x1d\xf7mK\xee\x9d4\x00\x80\x9b\xce#\'\x1f\x12\x00\x00\x16\xf2IDATI\xd68)[-\xdb\xf4\xeb\x11\'/\xf9\xdb\x11\x00\xea\x8f\xf0\xab\xa1h\xe3\x93\xfd\x0e\xf9u\xc3\x9dr\xf8\xf0\xeb\xec\t\xb6\xc9&amp;\x03\x1e\x81\x0e\xad\xd9\xf4\xd8\x87\xd1B\x8e9\x01\xb5g\x9d\xeeG\xb7\x02y&lt;\xfc\x95\xbef\xc7]\xa1\x9f\xd9\xfa\x0b\xc6\xfcDw\xbeL\x18\x06\x80,)d&lt;\xbb\x1b\xea\xe6g\xff\xb4\xed\x97:\xca\xf8\xfb\x8dk$j\x8c\x0b\x97=\xf5\xcb\xd5\xf7~\x19\x1a)\xfd\x02d\xd4Q\xb2\xd6\x8b\xbc\xde\x1a\xb8R\x8a\x1b\x7f&lt;\xe7\xa1\x0cS2n7\x82\x9cw\x93\xe3\x02F\xf5\xb4\xabl+\xa9\xc50\xacK:\xfe\xca8\x18\x002\xc1z\x916\xf6C\xc5\x9e^\xff98^6\xb2\xee,~\xec{K\xb6b\x8e\xfcG\x9f\xb92\xa0Q\xcf\x17\x96B\xf5&lt;3|FL\x87\xe6\xfd\xaf\x0c\xcd\xe3yY\xf8\xc3(\xdd\x0b\xfd,;\xfd3l\xfb\xd3\xef\x90\xf7\x1a\x8b\xfe\xbfi\x8c\xfcU\xab\x1c~vpg\x00\x00\xb1\x05MS\x9c\xa6nc\x96g\xa6\xe2:G\x9e\xbaLD:\x9dr\xa3\x88\x94j6\xc6H\x9d\xb8\xf0EG\xbe\xe0`\xf6G\x06\xc6v~\x8f\x92%e\xcb.\xdd+\xed&gt;\x19\xbc\x97c\xaa\xd6a\x8a\x91s\xd5\x96\x7f\xcd\x82\xf1~\xd9\x00\x00\xe2\x0b\xbb\xd8\x9b?Kp\xaf\xf1\xab-\xe9e}\xf2\xcb\x88\x99\x8f\x18\x87\xce^\xfc\x1f\x91\xc3E\xc45UV\x15\xc7F\xf0\xa9\xdf\xf3\xe8C\xef)\x91\x8a\xa1e\xdd+\x15\x1a\xae\xbc\xe7\xf3\xc0RZ\x8a\x1dt\x8a;1\xd5\x9f\xca\xe9\xd7oN\x87\xe2\xaa&lt;X\xde\x08\xf8\xff\xfc\xaf\xff\xf7=\xeb.W\xa9\xc6Q\xbb\x07\x00\xd0W(Rns\x84\x14\xe0\xa8\xd3V\x88},\xa8\x13$\x8e\x18y\x83\x94\xb7\xac1p@\xbf\xb6C\x17X3X\x07d\x9e\x15\x9a\x893n}7\xa0\xa1\x1b\x9f\xfc\xd9\xd8(\xd1\xc46\xdbb\x1a\xf7\x8c=\xfa "R\xa9\xb7\xe3\xe8\xa8\xd9\x1b=\xb2\xc5\xe2\x8e\xc4^B\xfeq\x83n\xb7\xfb,_\x08\x00H\xcc\x9b\xbf\xa5\xce\xc2\x07\xd8^C\x9a\xff\xc0\xd7\xc6Fp\xb4p\xbc\x95+""%\xee}\xdbY\xe4\x94\xcb6Zw\x8dY\xfe\x95\x85\xc8a\xd6\x86\x1e\xfd\xafG8TJ\xe5M&gt;Uk\x88\x88\x8c\x99\xb3I\x8at\xf2\xeeV\xe9\xee\x01}\x8e\xadH\xc3\x91""R\xb5I\x9f\xcb\xbd\x8e\x17\x17\x11\xa93\xcc\xaf\xb8\xe6\x05a\x1d\xae\xaa*[\x12\x8b\xc5\xab\xf3\xd8\x89\xb7\x076\x01\x00H\x88RJ\xa4\x85~~\xe3\x9d]\x87\x96\x03\xaf\x92(\'k3\xae[\xfa\xe0\xab\xff\x94\xb5\x87\xf4\xf3~\xf4\xa9\xdd\xd0\x05"\xa5\xcc\xe2\xd3\x96\xbdil\x9cz\xc5S\x9a=\t\xee\xc0\xf8k\xb7\xdc\xf6\xa2\xe7\xa1\xa2\x9e\xf9[\x0e\xbcZ\xa7\xad\xcb\xee\xfch\xfa\x8am\x11\xfa\'rK\xfe\xd3\xe6\x87\x05ds\x0c\xe8uXW\x8a4\xb9n@T\x88Z-\x00 \x9aC\x07\xcdKm\xa6\xf7d\xd6\xfe\xc7\x89\xff\xc3\xc9\xa9\xc4j\x9a\xd7\x93\xab\x1fq\xae\xb9\xfbozc\xb2\xb7\xff\xb0\x15?\'\xb5\xda\xees_\xa79\xd4\xab\x1a|\xb8r\x9b\x89\x8e\x94\xa7w\x86\xb7\xe8\xe8\xad\xe9\x86\xc7\x7f\xd4\xec\x96Ha\xc7w\xeb\xb7\xae\x83#[\xf0\x04&amp;\x00\x80\x04\x04\x8f\x17\xcd\xf3\xb21_c\xb0\x80\xb1l\xafq\xab\xbd\x92K\x9a[\xc6S\xcd"b&lt;!\xe5\x9em*\x8a\x86\xf5{\xcc\xd4\xcc\xfa\xca\xee\xfc&gt;\x1b\xcb0\xc4\x93\xf8\xd5\xda\xb6C\x16x\xa6[\x7f\xb5\xb8\xe7\xddth\xda7\xc2,\x1c\xd6\xf5\x9d\x1cm\x01\x00\x12\xe6y\x86m\xda\xf7\xf2O\xbc\xd2\xc7^\xf5\x8c\xcf\x19\xb9\xc5\xf1\xe7\xdd\xebY\xe1\x057\xbf#"\xdb\xff\xf6(u\xea\xe5OF\xee\xae\x881\'s\x824\xa6\x01\t\xbfD\xefX\xdf\xde\xaf\xe6`\x0flWR\xae\xa7\xa4V8v\x1b?\xff\x85\x87\xde\x8bRg%\xe7\xbaF\x86%\x1b\x7f\xb2\xec\xd5\r\xad\x860\x0c\x009\xd3\xb4\xaf\xe7\x03GV\xa5,\xdb\xce\x95\x07E\x9a\x99\xd3n\xe4\x9d\xfd\xf7\xeb\xf3\xd6\xefJD&amp;\\\xbb\xe5\x99\xaf\x9c\xe7\xf7\xea\x1d\xcf\xb5\xec\xd5\x12\x8d\xa96\xdc#\xe6\xbeg\xdfu\xc5\x9aO#\xbc\xf9S\xba\xbb\xe4\x05\x9b\xdaF\xc2\xb0\x19\x0fy\xe7LM\xf8ez\xf9\x87\xd8!\xaa\x8c\x88\\\xb1\xe6S\xbf\xc3\xbf)\xf5\x93\xdf\xf5\xf9\xca}\xa25\xe5z$\xdb\xb1 c\xe7QK\x1d7\x05\x8c\xff\x86\xae\x85\x05\x00\x88\xccs]\xa3\xda]\xa7\xdb\x13j9\x82\xdfp\xc7c\xcf\x96\xe7\x8d\x03#eCk6c\xc3\xefZ\xf1\x85\xb7l\xf7J.c\xdb+\xdbC\xa4\xaek\x82hg\x13\x91\x06p\x83\xa6\xdd\xeb*R\xfa\x95\x1f5j\xa87\\\x8a\x1c\xa1\xd9J\xd5\x0eS\x8c\x8d2\x87\x9c\xee&lt;V\xa2k\xf1\x83F\x05\x17\xaf\xd5\xe5|\xeb\xae\xc7\x07,\xdaI\xf3S\xf7\x9f\xb2\xd6\xbak&lt;\x0f\x9f*\xdb0\x91\xf7\xb2\x00\x00\xde\xaa\xb6\x9f\x9cD5\x95\x8c?\x8e\'\x81\x83\xcf\xdd\x13\x16l\r\xad7\x15\xab\xaa\x8b}5@\x87z\xddg\xe8\xc7\x89s\x97\xbcfO(\xb2\xf4\xa9_4\xcbv&lt;\xe9zw\xe2\xfe\xed\xce\xd2,\x1e\xc3%\xb7\xff\xd7+\xb9\xa2\xb9\xd5&amp;\xb5\xd6\xf2\xff\xe2FJ\xa5\xd4\xfa\xb7\xdce\x0f\x15\xa2/\x00\xe4\x9c9\xb4\r8#7;\xee\n\xff\xe7\x99\xdb\xb8\x92\xebX\x8e\xea\xaa\xd4zB\x97S\x97\x89\xc8iW&gt;\xadYp\xcb7\xba\xf57\xef?\xd7\x91R\xb3\xd34\x9d\x82\x89-WP\xb9O\xc0\xd4\x19\xe6\xe7\x9d|\xc3\xab\xa15\x19\x99\xcdOd\xcc\xd9i\xa1\xf5\xfe\xf1\xa7J\x89T\'\x06\x03@\x01\x91\xf7\x86\x92\xe5\x8d\xa0r\x8e\x1c\x85\x1b\x9ch=k{^\xc25\xe6|\xa8\x9a\x9a\x828\xaac&amp;\xdc&amp;R\xa5\xf4!\xa7\xf9\xc6\xd7zyk#6\xe93[D\xccY\x15\xad\xcd=\xeb\xbc\xfd\xdcRD\xa4B\xaf\x18\xfd\xd1V*4\x87\xe7\x17\xb2j\xcb\xbf1\xbe\xa8RMG[w}^k\xce\xf3\xbc\xcf\xbbX\x87\x0f_\x14\xb5]\x00@\x88t\x067\x17\xad|\xcf\xb6_\xf8\x08\x11Y\xf7F\xe4\n\xcd\xc7\xa1W\xbe\xf0\x8f\xb1\xf1e\xdaC\xae\xb0\xcfU\xbd\xeb\xe8\x9bD\xa4\xe5\xc0\xab\xfaM^\x93Jl)"C/|0V\x83U\xf3\x82wD\x8e\xf5\x1c\xd7\xbc\x1a\xdc\xedz\xe6\x96\xdf\x07tO@\xe6\xbcqn)\xee\xae\xc4\xf3\x81/\x00@F,x\xe8\x1b\xbfC\x9a\xe1\xb9Z\xc7)\xc9u\'\x19\xbe=\xb7?9\xec\x98k\xdaY\xf0\x80\xfe\xee\n\x96&lt;\xb1[DN\xbbrs\x91F#C\xbf\x9f\x12\x07;\xa7\xa6RJ\xbd\xfc\x83\xba\xfc\xeeO|\x9fVs=bm\xb2\xbe\x83\x144\x87s\x1a\xb8\xda\x0c\x00\xb9P\xd1\xfd\xdah]\x91\xbc\x90\xa0\x94\xb2?\xb1\\\xc7\x9a\xef\xe4K\x9f\x08\xad&gt;\xde#B}\xcf6\x96\xe8)*\xdaK\xef\xe9G\x11\xa5\xd4\xf0\x8b6\x18\xf9\'-z)r\xe7\xbc"\xb4w\x07\xca\xf4H\xa5\xefo\xcd\xe6\xd9\xd5\x0e\'z&lt;\xe7\xa5\xa9h\xa3\x93C\xf38\xbe\xa55\xaf)\x11\xe9x\xd2\xf5\x97\xdf\xfd\x895\x03\x00\xa0 \xba\xf2\x9e\xcfE\x1a\x1b\x13G\xc4\x10\xef\x14\xaf\xbf\\`\x8f\xb1\xb7z\xa6Oq&gt;\xff\x9cUJ)\xf3\xe9\xe5\x1f\xf3\x97\xa0\xf0\xcc\xe6\xabV\x97\xe9\x9e\xe9^\xabV\x04\xa9r\xd8\xd9\xae\x9c\x87\x9f\xbf\xfcmw\xf1\xe5O\xff\x1e\\\x15\x00 S.^\xfd\xbeu\xd7zv&gt;\xee\x9c\xbb\xcd\xed\xbf\x9c\'\xfdF\xd9\x1cK5\xea5K\x0e&lt;!\x89\x9aJ\x86\xe6\x88\xf7\xb9\xbeTJ)\xf5\xfa/J\xa4\x9cr\x05\xe0q\xf3_\x88]sDy\x0f\xcd\xf5\x1c\xb7JD\xac\xab#_\xf3\xc0\xd7J)\xe3\x05$\x11\x19w\xcd\xf3\x92\x1a"\x03\x002\xe2\xbc\x9b\xde\x8aQJ)e\x1d\x95z\x07\x8f\xa2\x9d\xa3W\x9c\xec:\xf0u\xc2\xb3\xa4]\x89{\xc9&amp;\xf7\xf5\xf0\xe9+\xb6\xe5]3\xa8\xd2\xcf\x1d\x80s\xacLw\xeb\\\xd0\xc6}}\xa3{\x07\xf7\x9e\x9d\xb3^\x01\xc0\xbeL)u\xc4\xc8\x1b\xac)\x13\xae\xb5M\xa0q\xebs\x7f\x15\xa0@\x12&amp;\xbd\xae\xda^\x9f\xf5[\xad\xc8\xcf\xca\x17\xfe9m\xee\xd3"uE\xf6\xaf~\xc4\xb9i\x06\xe07~u\x96\xd5\\\xd3\xe9\xfa\xc7~\xd0l\xc2oVj\x00@\xc6uvN\xe0\x90O\xff\x89\'G\x9e\xd4\x95\xcf\x90l1\xf9\x0f\xb8k\xe8\xcd\xaa\xa1\xc3\x98\xb2\xd1\xa5th\xc1\xa2\x8dNV\x16\xee\x0c\'\x9c\x7f_\xda\xbd\xf3R\xb2\xab\xf1\xd7\xb3]\xf3&gt;B\xc5\xd6\xe3\xcd&lt;\xbbb\xcd\xe5\t\x00\x08\x17~b\xad3\xd4\xba\xd7y\xd4\xd2\x08\xb5\x17\xe9\xa4\xd5\x84\x88Tu&gt;K\xbc\xf8\xd1\xef5\x1bQJm\xfc\xd4\xf6;@3\xd8\x17\x1c3W\xeep\xa4\x84|i\xc5\xbb8\x12\xce\x8a\xf2\xfcv\xea\xa9r\x17\xcb\x13\xddD\\\x00(\x10N\x99\xbd\xd1\xd8p\x9f\x977\xecPs\xd7}\xe1W\xd0\xcco,J\xe8\xd0\xed\xb4\x15:\xad\xbb\x97\xb2OS\x94\xd5\xec\xb3\xca\xf37\x84f,\x1c13\xe6\xf2\xc9\x01\xf5\x13\x86\x01 S"\x9ca\xf3G]-\xc4\x7f\xb8\x19\xe9\xa6\xe6~\xed&amp;\xe9\xb6\xee\x94?\xb5\xd3iWn\x8e[\x89S\x9a\xf1\xa6\xeeQ3\xdc\x0b\xda\x07k\xd4\xeb\x924\x1alp\xcc\x84\xdb\xfc\x8e\xf9}\x96\xb3\xae{\xd9\xba\xbb\xe2\x19\xdb\xfbE\xce\xa9\xcd\x00\x00Y\xb6e\x97V(r\x87\xe1\x93/}\xdc;kjZf\r\xed\xb4s\xe6P\xbd\xf0,\xe9I\x7f\xf4\xf9\xeaO\x1e5\x18k0\xbb[Y\xb5\xe5_kJ\xd3\xbeW\xa4\xd9:\x00 a\xc5\x0e:\xc53\xdd8q\x7f\x9bz,\xeb\x94\xcb6:\x0e\xf9\xd5\xa7\x97-1;\x93h\xe5\xfew&lt;*q/l\xbcygn.\xe1\x96?\xf4\xcc\xf4+\x89:\xa7\x18\x00 \x8e\xf7\x95\x12\x91\x81S\xd7;\xd2\x1d\xe7\xdf\x97\xbe\x0b?\x1d\xaf{3\xadSv\x8dNS\x833|\x1f\x18\x12\x86\xcdx\xc8\x9d8}\xc56s\xbb\xc0D\x94\xf2:\x99\xfaOY\xebs\xc4w\xc9\xc20\xed\xf5\xb3\xfa\xddh\x00\x00$\xc3\xbcq\x9b\xdb\xf3\xacu\xf2\xc8/\x92\xeb\x89\xe6\x82\xbe\xb9\xf2\xf0\xfbJD\xce\xb6\xdf\x9a\x8d\xae\x98u\xa7\xf7\xc4;\xf4Kz\xdd\xb6?\xc0\x96R\xa8\x03\x01\x18\x00\x12f\\\x8f}\xed\'\xdf\x81\xce\x8e\x903o\x1b\x9dVz\x9c\xe1=-s\xc0i\xfd\x89O\x12&gt;\xe3?\xf2A\xd6B\x88sid\x0f%\xbb\xf9\x1c\xa8bn-|\xf8\xdbd\xba\x13\x91\xfb\x1f\xe5\xc5o\x89\xbe\x00P\x90\xb8\xce\xd45\xdcW,\x7fS\xaa\xe5\xc0\xab\x02*\xf9\xcer\xe78D\x8dA\xd1\xbb\x04\x87\x9a\xc6\x9f\xe5\x9b\x7f\xd3/S\xb0\xe6\xcb\x04\x80}\xd3\x86\x1d\xae\x13q\xcd\xe3\xfd\xb370\xfe\xb8N\xdf\x95\x93\xecS\xfc\xbb\xa1\x89*\xd2)\xd7=\xd0\xa2\x19J\xa3.\xac\x04\x00HW\xafq\xab\x93\xaa\xaaR\xeb\t:\xd9\xbe\xca\xd1\xc9=8\xa8d!\x02-yb\xb7\x884\xed{\xb95\xf1\x9c\xc5\xffIm6\t\xad\xc1\x18\x9b&gt;\xf3e\xd0\xc4\x96~\xbc\xde!\xae\xed\x97\xf9\x07\x020\x00\x14|\'\xcezt\xdb\x9f\x91\xce\xd7E\xfd\x0f\x15\x8c\xd1\xad\x9f\xf2\xbd\x8e&gt;s\xa5\xff\xe1\xfd\xfc\x0f\x85\xf0\x9c8\xcc\xea\xc6\x8d?\xc5\x9e\x02\xe5\xb0\xe1\x8b"u\x86K\xd0\x00\x90\x11i\x9f[\xab\x89H\xd9\x16c\x13\xe9\x8cC\xa6\xcf\xfb\'^\xfcHF\xeb\x0f\xa6?\xdf\xb5\x88\xecv\x85\xdb&amp;}f\x8b\x88\x1c\xd0\xcfH9o\xd9\x9b\x99\x8b\x94\x04`\x00\xd8\xc3\xb9V\x11\xd0\x10\xbe\xbeP\x81\x15\xf2:P\xad\xc1\xb1k6"\xe2\xff\xd9\xa7\x8c\xf6\r\xc0\xbe\x0f]kj~\xfbK\x04`\x00\xc8\x9d\xd4\xc9\xbd\xb1$:$\xea5&gt;\xa9\xbb\xce\x01\x97\xb2\xb3-\xd3CF\xa5\x94H13\xe2Vj=\xc13\x00_v\xe7G\xe9\xb7\xe5X\n\x1a\x00\x90[\xf1op&amp;\xaai\xae;\x90\x1b\xee\x00\x1f\xe39\xacP\xa5\x9a\x8e\xf1l\x0b\x00\x90\xa0"b?\xd5\xde\xfd*\xa7\xdd\x02-\xf5\x8fUIDju9?\x15}\x0fudk\xd8\xf3\xe2\xe4\xda\x02\x00d\x86\xb9&gt;`\xf0\t7\xc2C\xce\x95{\x9b\x9b\x9fq\x12OH\xfb\x11\xd7\x19\x1bg\\\xfd\xac\xb2H|\xe1d\x03OA\x03@\xceL[\xfa\x86\xef\xb1:\xc3\xdci%\x9b\x8cv\'\x8e\tY\xb8\xb7C\xc4N\xedC4\xe2\xdf!\xb9\xee\x00\x0</t>
        </is>
      </c>
      <c r="E338" t="inlineStr">
        <is>
          <t>&lt;class 'numpy.ndarray'&gt;</t>
        </is>
      </c>
    </row>
    <row r="339">
      <c r="A339" s="1" t="n">
        <v>337</v>
      </c>
      <c r="B339" t="inlineStr">
        <is>
          <t>steps_per_sec</t>
        </is>
      </c>
      <c r="C339" t="n">
        <v>4900</v>
      </c>
      <c r="D339" t="inlineStr">
        <is>
          <t>5.299133</t>
        </is>
      </c>
      <c r="E339" t="inlineStr">
        <is>
          <t>&lt;class 'numpy.ndarray'&gt;</t>
        </is>
      </c>
    </row>
    <row r="340">
      <c r="A340" s="1" t="n">
        <v>338</v>
      </c>
      <c r="B340" t="inlineStr">
        <is>
          <t>Loss/localization_loss</t>
        </is>
      </c>
      <c r="C340" t="n">
        <v>4900</v>
      </c>
      <c r="D340" t="inlineStr">
        <is>
          <t>0.010659755</t>
        </is>
      </c>
      <c r="E340" t="inlineStr">
        <is>
          <t>&lt;class 'numpy.ndarray'&gt;</t>
        </is>
      </c>
    </row>
    <row r="341">
      <c r="A341" s="1" t="n">
        <v>339</v>
      </c>
      <c r="B341" t="inlineStr">
        <is>
          <t>Loss/classification_loss</t>
        </is>
      </c>
      <c r="C341" t="n">
        <v>4900</v>
      </c>
      <c r="D341" t="inlineStr">
        <is>
          <t>0.1455825</t>
        </is>
      </c>
      <c r="E341" t="inlineStr">
        <is>
          <t>&lt;class 'numpy.ndarray'&gt;</t>
        </is>
      </c>
    </row>
    <row r="342">
      <c r="A342" s="1" t="n">
        <v>340</v>
      </c>
      <c r="B342" t="inlineStr">
        <is>
          <t>Loss/regularization_loss</t>
        </is>
      </c>
      <c r="C342" t="n">
        <v>4900</v>
      </c>
      <c r="D342" t="inlineStr">
        <is>
          <t>0.035892166</t>
        </is>
      </c>
      <c r="E342" t="inlineStr">
        <is>
          <t>&lt;class 'numpy.ndarray'&gt;</t>
        </is>
      </c>
    </row>
    <row r="343">
      <c r="A343" s="1" t="n">
        <v>341</v>
      </c>
      <c r="B343" t="inlineStr">
        <is>
          <t>Loss/total_loss</t>
        </is>
      </c>
      <c r="C343" t="n">
        <v>4900</v>
      </c>
      <c r="D343" t="inlineStr">
        <is>
          <t>0.19213441</t>
        </is>
      </c>
      <c r="E343" t="inlineStr">
        <is>
          <t>&lt;class 'numpy.ndarray'&gt;</t>
        </is>
      </c>
    </row>
    <row r="344">
      <c r="A344" s="1" t="n">
        <v>342</v>
      </c>
      <c r="B344" t="inlineStr">
        <is>
          <t>learning_rate</t>
        </is>
      </c>
      <c r="C344" t="n">
        <v>4900</v>
      </c>
      <c r="D344" t="inlineStr">
        <is>
          <t>0.07998715</t>
        </is>
      </c>
      <c r="E344" t="inlineStr">
        <is>
          <t>&lt;class 'numpy.ndarray'&gt;</t>
        </is>
      </c>
    </row>
    <row r="345">
      <c r="A345" s="1" t="n">
        <v>343</v>
      </c>
      <c r="B345" t="inlineStr">
        <is>
          <t>train_input_images</t>
        </is>
      </c>
      <c r="C345" t="n">
        <v>4900</v>
      </c>
      <c r="D345" t="inlineStr">
        <is>
          <t>[b'640' b'640'
 b'\x89PNG\r\n\x1a\n\x00\x00\x00\rIHDR\x00\x00\x02\x80\x00\x00\x02\x80\x08\x02\x00\x00\x00\x83\xaf^t\x00\x00\x16\xdcIDATx\x9c\xed\xdd{\xbc]\xd3\x9d\x00\xf0\x9fG$A$\x11\x8fd$R\xf20Z\x8f\x04\xf1\x8e\x12\x92xt\xa2\x94\x84"\xb4TBi\x91\x89\xf7\xb3\xedhC=:\xde34(\xa3\xb4\xcc\xa0FG\xab\x9f\xd2*:\xdajk\xda*\xfd\x98&gt;P\x8a\xceh\x99)\x9d\xee\xf9c\xdf{\xee&gt;\xe7\xec}\xce&gt;\x8f{o\xf0\xfd\xfe\xe1\xae\xbd\xd6\xdak\xff\xe2\x9f\xdfY\xfb\xb1V\xc4[P\x92$E\xf5w\xfc8\xbf)""FV\xba\xa52M\xab\xc6z\xf3\xda\xb8"\x00\xf4\xafi\xfb_\xd8\xad\xa1\xba\x9b\xcc\xeaF\x9b\\\xa9L\x92$6\\\xf0\xe0\xf3\xc9\x8f\xff\x94\xed\xf3\x9e\x88\xf8\xd0\xa7\xbe\x1e\x11\x11\x9b\rX\x9c\x0008\xd6\xdar\xd1`\x87\x90\x1a[s\x9c\x9bhe_\x00\xfa\xd7\xf2o\xffy\xb0C\x18|\xd2-\x00+\xb8\xda\xe9#\x00@\x13\x07\x9d\xf9\x95\x88\x88\x98X\xfe\x94tr&lt;z\xeb\x8f\xf6OD\x000\x18\x1a\xbc\xcf&lt;\xc0\x91\x00\xc0\xa0\x1a\xbdw\x83\xc6\xbd\x8e\xbbi\x8fE\xcb\x07,\x96\x81q\xf1]/\x0ev\x08\x00\xd0\xff\x1ex\xce\xec\x16\x00\nm7\xd8\x01t\xd3\xec\xc5\xd7g\x0f\xbf\xf1\x9b\xf2?\x02\xc6~\xf2\x96g\xfa&gt;,\x06\x80.j\xb8\x80T\xf7\x9d\xb1\xfc\xa7\x03y\xb9&lt;C\x07;\x00\x00x\x879\xf2\xfco\x0cv\x08\x00\xb0B\x1a\xb7\xd3\x92~\x1d\xbf\xe4\xcd\xe4K\xefy\xd9mg\x00\x06\xc8\xc1=\x1f\xcb\xae\xe8&gt;\xff\xad7\xfbs\xf85*%9\x18\x80\xee\xdb\xf1\xb0+\x06;\x846\xad\xb3\xed\xc7\xfbo\xf0\xecC\xf1t\xeb\xa4\xdd\x8e\xba\xb6\xff.\x07\x00\x03l\xf5\xf4\xcf%w\xff\xae\xebC\xcf?\xed\xae\xb6\xcf=\xfc\x13\xf7U&amp;\xbe\x95\xbd\x0b?\xff\xe0\x1b\xdd\x89\x0c\x00h*I\x92S\xaf}b\xb0\xa3\x00\xe0m\xa72\xfb&lt;\xf7\xa6\xa7;\x1c\xeac\x7f\xff\xddVO\xf9\xc2#\xddy\xc2:\xf3\x88\xab#"\x86\xee\xda\x95\xd1z\x8c\xddo\xff\xa5\xb7GD\xc4\xfa\xdd\x1c\x16\x00V\x04\xbb\x7f\xe4\xf3\xbd\xc5U\x073\x0e\x00X\xf1\x8d\x9c~\xcci\xd7\xfdGQ\xeb\xc0\xee\xb2\xd0\xe2\xaa\x1a\xc3g\xf5C\x0c\x00\xd0o\xb6&gt;\xf0\xe26\xce\xda\xfb\xf8\x9b\xbb\x1a\xc5\xa4\x12}6\xeb\xea\x15\x01\xe0\x1do\xfd\xedO\xac\xaf|=I"b\xa5\x8d\x0f\xf9\xc8g\xbe\xd9O\xd7\xf550\x00\xef8\xd3\xf6\xbf\xb0Aknj\xac\xa9\xfc\xc2\xc39}\x9ex\xc3\x16\x0b\x00\x0c\xaaG^i-\t\x9d\xf3\x85\xa7\xfa)\x92N\xa4;\xfbf\x13\xea&gt;\xc7\xff\xd35\xf7\xbf\xd6\xc1\x90;t\x1c\x14\x00tf\x05\x9e)N\x8c\x88\xcd\xf7\xfdtz0~\x97S\x065\x18\x00\x18\x04\x1bve\x94\xa6\xc9\xbe\x8d\x0f\x8e\x01`\xc57\xae\xa8a\xd6Q\xd7\xb5&gt;\xda\xe4NB\xa96t\x87C//\xd9u\xad-\x17\xb7{\x95\xbfn\xf7D\x00\xe8O+\xca\xed\xe8\xd5w\xcf\xaf~\xcfQ\xbd\x11\x0e\x19\xc8p\x00`0\xad(\xe9\xb9\xab&gt;|\xfe7\x06;\x04\x00\xde\xe6f\xb4q\xcez\xdb\x9d\x90\x16~\xdd\x97}G\x17u\x1e9\xed\x98\x82\x96\xda\t\xeb-\x8f%\x1b\xeezjD\xac\xb6\xc9\x11\xb9\'\xcc&lt;\xfc\xaa\xf2A\x02\xc0\xdbD\xd5dw\xe4\x9eI\x92\xc4\xf0Y\x11\x1b\x95\xea\xdfU\xe3vZ\x929zW\xfa\xe7\xefn\xfdeM\xb7w\xcd:\xbd\xd5\x91\xaf\xf8\xb7\xffn;*\x00(\xe5;/U%\xc8N\xf3\xe5\xc4\x83::\xbd\x15\xf5\xa1&amp;I2\xff\xb4;\xdb\x1b\xe1my\x17\x1d\x80\x15\xd1\xcf\x8b\xb7O\xa8\xc8V\xa6\x85\x9d\x17\xd6\xde\x01N\x9b\xfa;\x81e\xc7\x9f&lt;\xe7\xec\xcaa\x92$[\xee\xb7l\xe95?L\x0f\xa7\xed\x7fa\xc4v\xb5\'\x8f\xde;"Fl\xb9\xa8\x93\x8b\x02\xc0@H\x92\xa4\xbdg\xc3U\x86\xed\x96=\xdai\xe1\x95\x9d\x0e\xd8\x81V\xb3\xe9\x96\xfb]0\xe3\xa0K\xfb\'\x16\x00\xc8\xe8MQ\xef\x8a\x88\xa7j\xa7\xbf\x1bD\xc4\x94\xb9\xe7\x0cJ`\r\x94L\xab\xe7\xdf\xf6\xabV\x12p\xe1W\xd1\x00\xb0\x82:\xf7\xa6\xa7\xbb1\xcc\xb0f\x1d\xa6t2z\x83d|d\xe6\xeb\xa3Q\xd3\x8f\xed\xe4*\x00PJW\x1fy\xf6d\xd0\x07\x9ekm\xcc\xf5\xb6?\xa1\xbab\x8d\x93\xff\xe1G\xb9=\x1f|\xbe\xb5\x91\x93$\xb9\xe1;\x7f)\xd99\xdd\xd1a\xc1\xe9w\xb7t\t\x00h\xcd\xad\xdf\xaf$\xb3\t5MI\x92,\xbd\xfa\xf1\xea\xba\xed*M\xcd\x06\x1e\xd1^&lt;\x7f{\xd5\xe3EM\xb7\xfd\xa0T\xde\xcd}G\xdaKU\x00\x0c\xa6\xd7k\xf2\xd0\x84\xf9MOI\x92d\xdf\x93nK\xcb\xc7]\xfaH}\x87I\xb3\xcf\xaa\xad\xaa~\x03\xabW\xc7/v5\xb3\xfd\x07/+jj\x9c\x80\xa7\xcc=\xb7\xfb\xd1\x00@3\xeb7n^\xf8\x89\xfb\x1a\xb4\xe6\xce8\x1b\xb4\x96\x1f\'\x95\xae\xa7\xd1\xad)le\x9c-\xf7\xbb\xa0\xa0K\xd3\x87\xd0\x000\xa8.\xb8\xe3\xb9\x96\xfa?\xfcR\xf3$zJ\xc1s\xdf\x8a)s\xaa\xde\xc7\x9ey\xc4\xd5\xd9\xc3\xdb\x7f\x94s\x89uf|\xacDt\x11Ui\xbe\x8b\xdb:\x01@\xbbV\x9drX\xc4\x9a\xb9\xd3\xd0\xeb\x1e|#{\x98\xe9\xb3i]MD\xe6F\xf1\xac\xa3\xae\xad\x1f\xed\x91\x97[\x9e\xe9\xb649\xfe\xca\x93\x1e\x06\x030\xa8\x1a\xe4\xad\xecjS\x95\xca\xe5\xdf\xfes\x99s\x1b\xdb\xe5\x88k^\xea\xf4f\xf2\xa8\xec\xc1\xd6\x07^\xdc\xde(\xf5\xff\x84\xcf|\xf97\xed\r\x05\x00\xed\xd8\xea\x80\x8b\xba4\xd2\xd0J\xa9A\x96\xed\xf8\x9d\xe4\x8ds\xea\nv\x0bnI\x1a\xd5\xca\x93\x0e\x8d\x88\x01xe\x0c\x80w\xa8\'\xfeT\x94\x05\xd7\xa8\xaf\xfa\xda/{;\xd7\xbe8\x9d\x7f_:\xb5\xe0\xf4\xbb\xfa\x0e\xd6\x9a\xdb0\x9c\xe1U\x83n~tZx\xado\xb9\xe9\r\xaa\xfb\xaf\xfe\xb7\xd9O\xa4\x86\xcf\xaa\x19\xaeQ\x8e/\xca\xd6#\xe64\x8c\x10\x00\xbai\xc3\xf4\xcf\xb2\xdb\x9f\xcdm\xee\xc9d\x1b\x1c\x90\x1e\xce;\xf1\xd6\x9a\x0e\x1b\xed~F\xee\x89\xbf-?\xcd\x1d\xb2K\xf6(\xfbP\xb97\x8f\x8e/:\xb5\xd93\xddi\x11\x11k\xee\x91\x1e\x0c\xdb\xf4\xc3eC\x02\x80\x01\xb4J\x83\xb6\x83\xcf\xfcJ\xf6p\xd4\xf4c\x9f\xcc{T\xdc\x92\x17\x8aNl2].R\x98\xa7\xcbY\xbbR\xba\xe9Q\xefj\x01\xd0m\xad\xbf\t&lt;\xb4a\xeb\xa4\xba\x9a\xb5Z\x1c\xbf| \xbb\xa6\xc9\xbe{\xcf\xad\x01`\x00%I\x12\xb1R\xe5p\xe4\xb4\xc5\xf5\x1dN\xf9\xc7\x1f7\x1ed\x83\x99K\x0bF\xee\xb1\xe6\x16G\xb7\x18RjX\xd5\xce\xbec\xf7\xcbv\xfb\xbf\xaaI\xf3f\xd9\xa6-\xf7[\x96\x1bF\x83\x08\x8bm]\xa2\x0f\x00\x94\xf3\xc1\xb3\xee\xa9O?o4LH\x1f\xbd\xe4\xe1\x88\xd8z\xfe\xc5\xb1\xee\xbc\xa8\xce^\x99\x15\x1c\x87\xd7\x9f\xd8\xaa\xfa\xc0\xa6\xed_\xb4XUDD\x8cy_\xe9\xb1\xd7*\xbaD\xc6\x9a\xd9\x83\x1f\xfe\x8f[\xd0\x00\x0c\xbc\xde\xdc\xd6\xc9\xf7B7\x96\xda\x80h\x8b\x06m\xd5W_\xa7q&lt;\xb9\xd3\xf1\xe2\xd1\x00``\x9du\xc3\x93i\xa1qB*\x99\xae2\xdd6\xe9-L\xae\xe9\xd0ti\xe8$I~\xf2\xe7\xfc\xfa\xfcs\xd7\xd8\xa3\xaff\xe5\x1d\xd7\xdf\xe1\xc4\xa6\xc1\xa75C\xa6.\xac\xef\xb3\xd3\xc2+\xeb/\r\x00\xdd\xb7\xda&amp;G\x145\xad&lt;\xe9\x902#\xfc\xa6 =\x7f\xf8\xef\xee\x8f\xea\xfc\xf7\x91e\x0f\xc4\x889\x0f\xbdX\xf5\xbetu\x82\xacy\xc3\xab\xcd}\x0c+\x9b(\xdc\xfc\xdd&amp;?\x1dL\x85\x01\x18LU\xabd\xb4.\xdd\xb8&gt;\xf5\xd0\xefr\xbeG\xaa\xc9s\xabL&gt;,{X\x99\xdd6H\x87\xe9\xaa\xd15\x1d\x9a\xa6\xcf\xb9\xc7\xde\x18\x11\x17\xdd\xf5bQ\x87\x12\tx\xa3f\x1d\x00\xa0S\xab\xd5\x1c\x8f\xddqIm\x97\x8d?X\x7fZ\x92$\x11S\xda\xb8^o\xfe\x9b&gt;u\xcf\xf3\xf2\xda\xd7\xcb\x947K\x92\xe4\xa9\xaeNXs\x97\xb9\x06\x80\x81s\xe89\xf7\x16%\xa1\xde\xfa\te\xc6)\xcedc\xd2\xafu\x8b\x16\x7f\x9e4\xfb\xac\xb40z\xab\x8f\xe6\x9e?u\xcfs#FW\xd7\r\x89\r\xe7\xe7v^i\xe3\xde\x9b\xe7\xa3\xf7\xaaT^\xf3\x8d\xd7j\xbam6\xef\xd3E\xc1?#%\x03\xd0\xaf\x9e\xa9\xcb\x88Eo-\xb5\xe4\x88O}\xbdL\xb7\xec\xc8G/{\xa0q\xe7o&gt;\xd7 \x8cq\x95\xd2\xec\xc5\xd7GD]\xb6\xee3~\x97\x93\xb3W\xbf\xfa\xfe\xda\xc4\\q\xcbc\xd20\x00\xdd\xd6\xc9}\xd7\x8d\xf78\xb3\xa0ej\xf5\xe1\xc4\x88\xf8N\xefS\xe1\xffit\xc5\xbe\xf7\xadn\xffQ\xe1\\|\xf2\x9c\xb3\xd3o\x90j\xdc\xf5\xb3\xfc\x17\xa7\xb3\x87\xcfV\x1f~\xeb\x85\xbe\xc3G^\xa9j\xda|\xdf\xaa\x991\x00t\xcd\x82\xd3\xef\xea\xdb\xe9h\xed}\xea;T\xb2\xd7\x95\xf7\xbd\x1a\x11U\xdb\r\xf5z\xbe&gt;\xa1\x8e?\xb0\xc9\x85\xd7\xe9\xf9\xaa\xf8\xf1\xd7\x93\x888\xe8\x8c\xbb#\xb6\xa9\xef\xb5\xea\x94\x85\xed\xfd&gt;(yVe\xd3\x88\xf3n\xfeE\x1bW\x01\x80~\xd4r\n\x1c1\'".\xbb\xf7\xf7\xad\x0eR\xddg\xf3\x86}+_\x18\xc7\xf7\xff\x98\x94Y\xde\xb22\xf8^\x1f\xbd\xa9\xa6i\xfc.\xa7\xb4\x12\x18\x00t\xec\xfb\x7fLS\xcb\xe4\x9a\xfa\x07\x9e/\x9br\xfe\xf5\xa9&amp;=\xbf\xfc\xc3\xb2C\xdd\xf1\xe3$\xfb\x10\xb7b\xb7\xa3\xae-9B\xc5\x8e\x87^^_Y\x94G\x9f)~\x0bz\xadi\x8b\xa3\xe1G\xd2\x00\xd0U\xc3v+\xd3\xab\xf8E\xad\xf7DD\xfa\xe8\xf7\xe7=5kT\xfa&lt;W8\xa1\x1c\xdb[xOn\xf3\x9a\x9b\xe7\xcft\x9fx\xa3v\xc0\x91\xd3\x8e\x89\x98\x90Y\x98:"\xe2\xd3_\xfau\xc1u#"\x92$\xf9\xdc=/\x17558\x11\x00:\xb4~\xf5\xe1J\xd9\x83\x07\x9eO\xea\xd7wL}\xf2\x96g\xa2\x95,\xb5\xea\x94\x85\xcd;\xb5\xe5\xe8\x0b\x1e\xac\xa9\x192\xf5\xf0\x181\xbbr\xd8v*=\xe4\xec\x7f\xddl\xde\xf9\xedG\x06\x00\xad\x9aq\xd0\xa5\xf5\x95s\x8f\xbd\xb1\xe7u\xe2\xb66i\xb8\xe8\xce\x17\xb2\x87\'\\\xf6X\xac57;\xce\x17\x1e\xae\x1dm\xea\x9e\xe7V\xcau\xd7\x1a\xfe\xcbl\xcd\x90]*}zz\x8e\xd9\xa7g5\xcaL2N\x9dy\xfd\xcf*\xe5\xc5\x9f\xfdvuceQ\x91\x8d\x1b\xffs\x00\xa0M\xef_\xf2\xa5J\xb9\x92\xde&amp;\xeevZD\xc4F\x1f\x8c\xba\x9c\xb7\xf5\xfc\x8b\xb3\x87I\x92|\xe9\xf1$"N\xbc\xe2{\xe5.\x98Mi\x9b\xd7\\7\x95N\xac{\xa5O\xa9\x87f\xbbMx\xef\xa9\x111\xff\xb4;#b\xde\x89\xb7V\x9a\xf6X\xb4\xbc\\\x0c\xcd\xfd\xc9"Y\x00\x0c\x8c\x97\xebVcNW\xadZ|\xe1\xb7\xaa;n\xf9\xd9\x7f\xf9\xed}\xcf\xd4\xa7\xa5\xf1\x95-\x10\x1ah\x90\xcfr\xb7"\x9e\xba\xe7\xb9E\x9b&amp;ED\xcd\xdd\xf2\xcb\xbe\xfa\xfb\xdcKH\xa2\x00\xbc5$I2\xef\x84[\xebV\xd5\xa8\xb6\xee\xbc\x9aSz\x8bS\xa37\x9d\xd7\xab\xbf\xad=z\xeb\xaa\xb5\'\xd7\xdf\xe1\xa4\xea\xd1b\xf2\x9c\xb3k.\xb1\xcb\x87\xae\xa9\xb4f\xde\xc3\x9aQ\xa9\\z\xcd\x0f\xa38\xef\x9e\xb1\xfc\xa7\xb9\xf5\x15\x126\x00\xfd\xae~q\xe67\xfb\x0e\xc7\x14\x9du\xfc\xe7\x1e\x8d\xf5\xe6\xe56U\x8f6\xaa\xa0\xbe\xc0\xaa3\x9b\xf5X\xa9\xb0e\xf5\xdd\xb3W\xb9\xed\x07-\xcd\x83\x87\xa4\x7f^\x92z\x01\x18Xk\xb5\xd8\x7fH\xf5\xe1\xb4J\xa9:\xa3\x0f\x8bX\xbd\xb7\xbcv\xc1P\x1bTN\xcco/\x9cj\xe7\xa8\xac\xb61t\xd3\x0f5\xe86j\xabc\x1b\xb4\xa6\xff7\xd2\x0b}\xe0\xe4;"\xd6m\xd8\x19\x00Z\xf1d\xb3-x\x1b\xb4\xa6\xf5\xef\xfb\xf8-\xd9\xca\xc7_O\xd6\xdd\xf6\xe3\x111y\xf6\xd9\x11q\xc5}\xafF\xc4\xd1\x17&lt;\xb8\xf66\xc75\x1e\xed\x81\x9c]\x16\xc6G\xfa)Qm$}\xf7\x99o~4\x19\xb1\xc5\xa2\x88\xd8\xf6\xe0\xcf5\r\xb8\xb1Y\x1f\xb9\xaeR\x1e\xb3\xcd\xf1\x1d\x8e\x06\x00eL\xac\xafJ\x92\xe4\x8d$\x19?\xf3\xe4\x88\xb8\xf6\x9b\xff\x1b\x11\x95\x95\xaav&gt;\xfc\xaa\xfa\x8fsN\xfe\x87\x1f\xd5\xd4\xdc\x9d\xb7;B\xaf\xda]\x87\x1b\xa8|StL\xef\x97B\xb9I\xf1\xfc\xdb~\xd5S\x9axP\x99\x01\x8b\x0e\xabL\x98\x1f\x11\xc7]\xfaH\xf9h\x01\xa0\x84\xbf\xfa@n\xf5\xb2\xdb\x9f-w~\xd5\xf2\x1d\xff[\xfd\xfat\xfa\xdf\x9d\x17^\x99\xe9\xb2ZM\x87\x88\xe9\x99\xd6\xd1\xb1\xf6&gt;;\x1ezE\xe5\xf8\xa6G\x93\xe8\xdd\xd9\xb7\x92&amp;{\n\x99m\x80\xeb3\xe8\xf0w\x1f\xf9_\x99\xca\x87~\x97D\x0c\xcf\xfd\x07\x1cx\xea\xbf\xe4\xff\xcbzG6\x03\x06`\x80\xcc&lt;\xfc\xaa\xb4\xb0\xefI\xb7\xf5Tm\x90\xcd\xd39[\x01F\xc4\xa9\xd7&gt;QS\x93I]\xd3\n\xd2\xd8\xf4Xy\xa7\xb44g\xf1\ria\x87C.\xbf\xf7\xe9\x9c\x19j&amp;\x17n\x11\xd5\xb7\xa6Kh\xe3\tne!\x0ew\xa1\x01\xe8\x17\xe3b\x95\x9ds\x1b\xb2\x89\'\xdd\x99\xa0\xdec\xaf\xd6\xcez{\xac7\xaf&amp;o\xbdP\xe2Is\xba\xa4\xc66\x0b.i\x10I\xac\xb2S\xf5\xc8}\xef\x8e]\xf9\xb5?T\xca\x95\xa7\xce\xb5\x86\xee\x9a{\x0b\xba\'\xc1\xf7n\x95\x98\xad\x8f\x88\xa9{\x9e\xd7 x\x00h\xcd&gt;\xc7\xffS\x8bg\xacQu+x\x8d\xdd+\rO\x17\xe7\xd7\xd9\x8b\xafo:n\xde,\xb3\xea-\xeb\xb1;\x9eT)\x1f|\xe6=\x99\x96\x8dJ\x0cU\xd6\xdf\x9c\xf0\xc5\xec8\xe9P\xcf\xba\x11\r@\x7f(\xc8.\xefN\xd7\x89L\x92$\xd6\xde\xa7\xe9 \xef_\xf2\xe5\xa6Y*\xedp\xdd\x83oDL\xcaT\xd7f\xd0&lt;\x9bd\x0f\x86m\xfa\xe1\x12\xa7tbt?\x8f\x0f\x00\xcd\x8d+\xca\xac\xe7\xdd\xfc\x8b\xdc\xfa\xd9\x8b\xae\xaf:\x1e\xbdw\xcd\xf2\x96y\'\xad\x9f.(\xfd`\xefn\xc4\xe9S\xe1\rf.\xad\xe9w\xf5\xd7\xff\x18\x11w?Y~J:"z\xbe\xe5-i\xe3\x18\xbakD\xecp\xc8\xe5\x11\xb1\xe4\xaa\x1f\x14\xc7\x0c\x00\x1d{\xf4\x95f9f\xe4\x9e\xd1\xfb\xe1o\x9a\x90\xd2opS\xf5\x9f!\xadh^-H\xa2/\x16\xfc8Xx\xde}\xfd\x1e\x13\x00\x947v\xc7%\x11\xb1\xc5\xfb?\x13\x11\xeb\xcc\xf8X\xee\xec\xf0\x91\x97\x8b\xd2\xf9\xe89\xc7\xdc\xd0p\xf8Q\r\xda\x1ez\xb1\xef\xc5\xa8\xfd\x97\xde^&amp;\xda\x92\xd6\xd9\xf6c\x95r\xb3\x08\x01\xa0\x0bVm\xd6a\xf5\x88Xp\xfa]\xd9\xaa\xa2\xed\x89\xc6\xcc8&gt;"\x8e\xbb\xe4\xe1\x9a\xa6\x83\xce\xf8Jm\xef\xde\x0f\x902\xb6M\xff\x8c\xdd\xe1\xa4\xba\xa6\xd2\xc6\xec\x13\x11\xbb\x1e\xf9\x8f\x11\x11\x1b\x1d\\\x13^Z\xb8\xf9\xd1\x96\xef\'[ \x1a\x80\x81\xd6\xbby\xd1\xf8L\xd2\x1d\x1b\xe3\xf6OKo6\xccL\xe9)w\xfe$\xe7-\xe2\xd57;\xaa\xbarzM\x87\xdc\x1c\xffL\x89D\xf8\xe9/\xfd\xbaw\x9d\xe7\xf1\xbdu\x85\xfb7\xd4_\xe5\xe8e\x0f\xd4\xd4\xd4\xfc\xf8\x00\x80.;\xe1\xf2\xc7jj\xde\xfd\xbeO\xb54\xc26\xf3k?\xe1\xadw\xff\xafjs\xde\xc7/\xfb\xf7\xea\x05\xb3:U\xf4\xce\xd4\xecE\xcb3;C\xe4x\xbd\xc46P\x00\xd0m\xc3v\xad\xdb\xe3\xa8}%\xde\x1c\xde&gt;\xdb\xf9\xcd$\xa9Y\x03\xab\xc8\x16\xef_\x16\xf1Wi9\xdd*\xf8\xb7\xe5n\x11gC\xdah\xf73\x1a\xc7\x99\xd6\x1f\xfe\x89\xaf\x95\x19\x19\x00ZS\x9f~\xd2\x9a\xde;\xb1\xc3j\xea\x93$\xc9\xdc\xa4\xdd\xa1\xa5kMx\xef)\xc5\x8d\xd9\x9d\nkoGw\xc7\x1a{4\xed2y\xce9\xfdri\x00(\xa1g\xcb\x84\xde\xdc\xbcMvQ\xc66\x1cz\xce\xbd\xdd\x89+\xa36\x98\xcc+]\xe5\xe3\xfc\xe7\'\x92\xad\x0e\xb8\xa8r\xb8\xe4\xca\xefO\xdc\xed\xb4nD\x07\x00M\xd5\xcd\x0bk\x12\xd8\xd97\xfe\xbcq\x87~\xf5f\x89\xdc\x9f\xdd@\xa9\xcf\xf0Y\xcd\xe2\xac}\xfd\xfb\xab\xbf\xc8\xf9 8I\x92)sM\x8b\x01\xe8\xba\xeae&amp;\xd3\xe5\x9f2\xd6\xcb;gF\xf6`\xd2\x1egEl\x9d\xad\xa9\x9eG\xd6\xbc\xcdT\xf8Brye~\x01\xb4\xfd+a\xcc\x8c\xe3\xeb\xce\x1d%\x07\x030\x10\xae\xb9\xff\xb5J\xb9\'\x1b\x8d\x9c\x1b\x11g,\xffiD\xac2\xf9\xd0\xdc\xb3\x9eN\x92\xecf\x06\xa9\xffx\xb3\\"\\w^\xabAN\xff\xc0g\xf3\xaa\xab^\xecju\xcc\x88H?^\xba\xec\xde\xdf\xb7u.\x00\xb4.7c\xa5kO6\xe8Pmh\xe9\xab\xadVP\xdf\xe83\xa1&lt;#\x1b5\xae\xd7\x93\xd7\xffz\xefO\xd67\x96\xce\xd0\x9b\\y\xdf\xab-F\x05\x00\xa5\xed{\xd2m\xd9\xc3\xa2\x17\xa4\x1b\xd4|/\xb3=p\x8c\xda\xab\x9b\xc1U\xd9\xaeY\x875\xdb\x18\xb4A&gt;\xb6\x19\x03\x00\xfd\xeb\x84\xcb\xfe\xbdq\x87\xf4\x83\xdd\x88H7/\x8a\x88\x8dw?\xb3\xd2\x94\x7f\xce\xb0\xdd\xd2\xbf\x87\x9d\xfb\xd5Xi\xc7\xae\xc4\xd9uw\xfe\xa4Q\x8a\xfd\xde\x1f$`\x00\xbad\xcc6\xc7W\xca\xcb\xeex\xae\xa8[\xd3Y\xef\x86\xbb\xbe5&gt;\xddi&lt;\x8b}\xbd\xb6uJ\xa6&lt;\xd1\xf6\x0c\x00\x0c\xb4\xa2\xbc\xf5\x93?\xbf\xa3&amp;\x85\xdb7\xef\x02\x00-i\xf1\x01\xe7\xc4\x9a\xe3U&amp;\x1fV\xd0sZ[\xe1tS\xb7f\xae\x9e\x01\x030p\xfa{]\xc6\xb9\xc7\xdc\xd8\xaf\xe3\x97\xd4p\x81\xcc\x08\xd9\x17\x80\x81\x94\xcd:I\x92tq\x93\x86\xb6\xcc\xc8D\xd2\x9a6Ny\xae\xc4\xeb\xdf\x00\xd05E\xef[=\xf2J\xce\x86\xbeo\t\xdd\n\xbb\xecr"\x00\xd0\xbe!\xbb\xd4T\xbc\x85\xb2og\xa1\x16\xad\r\xf2V\xfa?\x00\x00+\x90\xeb\x1f\xfa\xbfNN?\xef\xe6_t+\x12\x00\x18U\xa6\xd3\x99\xd7\xff,"\xf6X\xb4\xbc\x7fc\xe9LK3\xd4\x83\xcf\xba\xa7\xef`\xc3\x05\xa5\xce\x99X\xae\x1b\x00\xf4\x8f\xc2\x9b\xb4o\x03\xbf\xcblA\x98-\xb8\xff\x0c@7\xfd\xa1I^Y\xa5\xf3KL\x9a}VG\xe7\x8f\x98S\xd00\xa1\xa3a#\xe6\x1e\x9b\xfb\x05\xd4\xb6\x11}\x0bgF\xac,\xf5\x02\xd0}%\xb3\xcb\r\x05OO\xaf\xf8\xb7\xff\xeej89\x92d@\xdf\xbe\x1e\xfe\xee#\x8b\x9a\xbe\xf8=\x99\x18\x80~3\xb1\xe1\xaa\xce\xb9\xb9p\xe7\x85WU\xca\x1b\xec\xbct\xd9\xed\xcf\x96\xbf\\\xe3\xe4Z\x97}\xc7\x95\x1f\xb9\xc4h\xcd\xbdk\xd6\xe9\x95\xf2\xcc#\xae\xee\xe4\xea\x00P\xa5:\'\xad\x1e=Y\'w/\xbf\xce\xefH\xd7/\xa7\xbcQ\xc7c67{\xd1\xf5\x11\x111\xba\x93A\xa6\xcc\xed\xdfE\xc1\x00\xa0\xcf\xf4\x0f\\\x98=\x9c\xb1\xe0\x92\xc1\x8a\xa4\xc8\xb8\x9d\x96DD\xfd\xf2\xd4\r\xbc\xd4\xfb\x9bc\xc1\xe9w\xd54\x1d\xf3\xd9oG\xc4\xcd\xdf\xed\xe9\xf0\xb3\xbf\xf4\x14\x1e}%\xe9\xfc\xa93\x00\xb4`\xb3y\xe7ou\xc0E\xd9\x9a\xc1z1\xf8\x84\xcb\x1fk\xdc!\x8ds\x97\xba{\xc5\xed\x85z\xf5\xfd\xafE\xdd\xeb\xd0\x00\xd0_\xaa3\xcd\x98\xaa\xb6\xe1\xb3""b\xd32\xe3\xecu\xdcM]\x8b\xa9\x99~\xcd\x8eOI\xbd\x00\xf4\x93\xbay\xde\xf8\xec47\xf3\xfa\xd2\xc4\xed\x0e\xfe\xdc\x7f&amp;}\xea\xcfM\x92$\xc6\x1f\x10\xd5I\xf1\xd9\xbcy\xe4Ew\xbeP*\xb8\t\x076h&lt;\xf7\xa6\xa7\xd3\xc2\xa7\xbe\xf8\x9f\xa5F\xcb\xb3\xff\xd2\xdb+\xe5\xbc\xf9\xfd\xa6\x11q\xc3w\xfe\xd2\xf6\xf8\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c0[\xda\xff\x03\xae\x87\x10J\xfb\xdf#\x97\x00\x00\x00\x00IEND\xaeB`\x82']</t>
        </is>
      </c>
      <c r="E345" t="inlineStr">
        <is>
          <t>&lt;class 'numpy.ndarray'&gt;</t>
        </is>
      </c>
    </row>
    <row r="346">
      <c r="A346" s="1" t="n">
        <v>344</v>
      </c>
      <c r="B346" t="inlineStr">
        <is>
          <t>steps_per_sec</t>
        </is>
      </c>
      <c r="C346" t="n">
        <v>5000</v>
      </c>
      <c r="D346" t="inlineStr">
        <is>
          <t>5.3213115</t>
        </is>
      </c>
      <c r="E346" t="inlineStr">
        <is>
          <t>&lt;class 'numpy.ndarray'&gt;</t>
        </is>
      </c>
    </row>
    <row r="347">
      <c r="A347" s="1" t="n">
        <v>345</v>
      </c>
      <c r="B347" t="inlineStr">
        <is>
          <t>Loss/localization_loss</t>
        </is>
      </c>
      <c r="C347" t="n">
        <v>5000</v>
      </c>
      <c r="D347" t="inlineStr">
        <is>
          <t>0.0080039045</t>
        </is>
      </c>
      <c r="E347" t="inlineStr">
        <is>
          <t>&lt;class 'numpy.ndarray'&gt;</t>
        </is>
      </c>
    </row>
    <row r="348">
      <c r="A348" s="1" t="n">
        <v>346</v>
      </c>
      <c r="B348" t="inlineStr">
        <is>
          <t>Loss/classification_loss</t>
        </is>
      </c>
      <c r="C348" t="n">
        <v>5000</v>
      </c>
      <c r="D348" t="inlineStr">
        <is>
          <t>0.18180466</t>
        </is>
      </c>
      <c r="E348" t="inlineStr">
        <is>
          <t>&lt;class 'numpy.ndarray'&gt;</t>
        </is>
      </c>
    </row>
    <row r="349">
      <c r="A349" s="1" t="n">
        <v>347</v>
      </c>
      <c r="B349" t="inlineStr">
        <is>
          <t>Loss/regularization_loss</t>
        </is>
      </c>
      <c r="C349" t="n">
        <v>5000</v>
      </c>
      <c r="D349" t="inlineStr">
        <is>
          <t>0.035947677</t>
        </is>
      </c>
      <c r="E349" t="inlineStr">
        <is>
          <t>&lt;class 'numpy.ndarray'&gt;</t>
        </is>
      </c>
    </row>
    <row r="350">
      <c r="A350" s="1" t="n">
        <v>348</v>
      </c>
      <c r="B350" t="inlineStr">
        <is>
          <t>Loss/total_loss</t>
        </is>
      </c>
      <c r="C350" t="n">
        <v>5000</v>
      </c>
      <c r="D350" t="inlineStr">
        <is>
          <t>0.22575624</t>
        </is>
      </c>
      <c r="E350" t="inlineStr">
        <is>
          <t>&lt;class 'numpy.ndarray'&gt;</t>
        </is>
      </c>
    </row>
    <row r="351">
      <c r="A351" s="1" t="n">
        <v>349</v>
      </c>
      <c r="B351" t="inlineStr">
        <is>
          <t>learning_rate</t>
        </is>
      </c>
      <c r="C351" t="n">
        <v>5000</v>
      </c>
      <c r="D351" t="inlineStr">
        <is>
          <t>0.07998606</t>
        </is>
      </c>
      <c r="E351" t="inlineStr">
        <is>
          <t>&lt;class 'numpy.ndarray'&gt;</t>
        </is>
      </c>
    </row>
    <row r="352">
      <c r="A352" s="1" t="n">
        <v>350</v>
      </c>
      <c r="B352" t="inlineStr">
        <is>
          <t>train_input_images</t>
        </is>
      </c>
      <c r="C352" t="n">
        <v>5000</v>
      </c>
      <c r="D352" t="inlineStr">
        <is>
          <t>[b'640' b'640'
 b'\x89PNG\r\n\x1a\n\x00\x00\x00\rIHDR\x00\x00\x02\x80\x00\x00\x02\x80\x08\x02\x00\x00\x00\x83\xaf^t\x00\x00\x0erIDATx\x9c\xed\xddi\x8c]U\x1d\x00\xf03t\xa6\xcbt\x98\x99.t\x83\x96\x16\xbaH)\xed\xb4@\x0b\xb4\xa5PJ\xa1P(\xa5 -\x84\x96\xb5eM\x81\xb2%\xc8\xa2,\x81\x8aa\x8b\xa2$\x94\xa8(\xbb`\x0c`\x04$\x02*\x08\t\xc4`H\x04#\x08\x06\x12#$\x1a\xbe z\xfd\xf0\xe6\xcd\xbc\xe5\xde\xb7\xcd\xdb\x86\xfe~\x1f\xde\xbbg\xff\x7f;9w9\'\x842\xed\xb5\xe2\xdar\x9b\x94.\x8a\xa2\x9c\xeb(\x8a\xd6n{&lt;\xb6\xdaS\x7f\xea\xad|\xeb\x13\x7f\xbf\xfd\xa9O\x9e\xff \n\x000X&lt;\xfaf\x1d\xe7\xad\xf6#*i5rE\xea?\x8a\xa2\x10\xa6\x84\xecy:\xe5\xec[^,\xa1\xa31\x95\x8c\x0e\x00\xa4MI\xfd\r\x99~zV\xf6\xf0\xc3\x1b\x10\x0b\x00\xec\x0c\x86\xce\xda\xd4\xe8\x10\x00`p\xe8\x0c!\x840\xa2\x81\x11\xe4\xdf\xb5\x06\x80\xa62!6\xf7\xbfU\x9e\xc0\xda\xd3\xb32\x00Pc\xc9\xcb\xd0\x85\xff\xab\xc2\x04?m\xc0=\x00\xc0N\xa6J\xb7\x88\xbbcs\x0f&lt;\xe5\x8e\xd0\xbd\xaa\x1a\xfd\x03@\xdd\xc5\xce\x91M\xf5l5\x8a\xa2\xd8x&gt;l\xa6 \x01 \x84\xd0Zz\xd5\x96\x96\x96\x123\x1b%)\x98\xe7_\xf9\xb2\xce\x91\x00@qI\xab\xd8\x1f\xbf\xdaD\x0b\xc7O\xaa\xb0\x8a\x1d]\x858\x00\xa06\x86e&amp;\x92n\xea\xd6Z\x14E!t\xc5\x14L\xddP\xf7X\x00\xa0\xee\x9e|\xbbwC\xe6jt6%\x84p\xc9=o\x94\xd9jn\xc5\xe3\xb5\xce\xd8Xq[\x00h\xb0F-\x82\x01`\xe7\xb2\xf8\xf4\xeff&amp;;{\xcekT$\x00\xc0@Lot\x00\x00\xd0t\xda\xaa\xd4\xcf\x1eU\xea\x07\x00v2Q\x14\x85\xf6\xe5u\x1f\xb6\xc4cz\xbb3\xae\xc7\xd7"\x0e\x00\x18t\x0e\xa8Q\xbf\xd7&lt;\xf0N\x19\xb5G\x1f\x9b\\\xd6\xc8\xb3\x98\x00\xa0l;^\xfeO\xe9\x95k\xf7\xbe\xb47\xb1\x01\xd8\x19\x0c+^%I\xe7\xca\xea\x85\x912\xb6\xda\x1d\x02@S\x19{\\\xc3\x86n[Z\xbd\xbeFZ.\x03\xf0U\xb6d\xe3\xbd\xf9\x99+6\xef\xc8L\xeeq\xe8\x95\xa5u\xd6\x13\xda\x0e\xcd\xceYXN,^\xcb\x02\xe0+j\xfa\xca\xeb\x12\xf2\xaf\x8f\xc9m\xad\xe2\x8a\x16\x00h\xa8Y\xab\xbeUi\xd3\x8ej\xc6\x01\x00\xb5\x93\xf9$5\xf6\xa9j*\xb3\xb2\x07\xae\xd5~L\xdbD\xc7\x12\x03@\x852f\xc7\xd9\xe9\x8b\x05\xb15O\xba\xea\xc9\xa4N\xde\xfa&lt;~\x8a-w\xea]{\xf9\x13e\xd5\x07\x80An\xf2\xc9\xd9\x9f\x00\r\r!\x9cz\xdd3\x99U\xb2g\xd3Qy]Tk\x9f\xcb\x81\xb0G&amp;\x00\xcdh\xff\xd8\xdcc.\xfeI\x816\xab\xb7&gt;\xf4n\xfa\xfesUn&amp;\'u\xb2\xea\xa2\x07\xcb\xeci\xf8\xc0\x83\x01\x80\xfa\x89\xa2\xe8\xa0S\xef.\xab~\x08a\xe1\xfa;\xab\x17BONz\xe1\x86\xbb\xd2\x97s\x92[\x8d\xed}\x00\xbc\xdb\xf1\xd5\x8b\x04\x00\x9aKG\x18\xb7\xa6\xfcVc\xb7}\xef\xcd\xea\xc7\x12\x16\xe5\xa4\x0b\xac\xc5m\xcd\x01\xc0\xa0t\xc6M\xcf\xd7a\x94\x0b\xef\xf8}l~\xf9\xd3g\xe6\xd3\xe8\x9e\x10\xe6\x851\xab+\r\n\x00\x9aEW\x08]\xd99\xbd\xb7\x88\xbb\xe6\x9f\x9f\x99[\xf4C\xa6l=!\xb4\xa4\x1f\xe2\xf6\xbet=i\xc9\xe5\x03\x88\x13\x00\x06\xa7%\x9b\xb26\x9b\xec\x9dD[\x0e\x89\xab\xbb[\xd1\xdenz\xf8\xfd\x10F\x17\xac\xb2\xcbM\x0f\xbf\x1f\xc2\xc8\xf8\xc2\xf6#\x8a\x0e\x11c\xca\xd7+i\x05\x00u\xb3\xeb\xdc-U\xeai\xcf\x82\xa5\x19G-\xed\x96s\xfcC\xdc;\xccS\xd7\x17\x1fp\xf7\x93\x8a\xd7\x01\x80\x9d\xc3\xa4\xd4\xdf\x83\xaf\x95\xf4\x04w\xe4\x9cs\xe3\x0b\xba\x8e.\xdav\xcb\xf6\x972\x93\x1d\xfbm\xceL\x1et\xda=\xa5\x04\x00\x00\r0y\xd9\xd5\x15\xbe*&lt;\xea\x98\xcaF\\v\xe6}y\xcf\x92\xf3\x15:\xe6(&gt;\xe0\xbc;\xd5\xe9j\xfb\x96\x1e\x1b\x00\xd4A\xea\x99\xeb\xbc\xbe\xf4\xbc\xb5\xb7e\x16\xbf\xf6it\xf3#\x1f\xd42\x80\xa4i\xf8\xc0\x90\xbc\xd7\xc7\xa4%W\xc45\x19\xd1wu\xd1\x9d\xaf\xa6.\xba\x17\\\x10|\x89\x04\xc0 4!\']\xc2\x17\xb7YM:\xe6n\x8e\xad\\J\x87i\x9d\xc5*\xa4,\nC\x96\xc4\x16\xdc\xfa\xf8G\xa5\xf5\x00\x00\xcd\xe2\xc0\x02e3\x8e\xba!\xf5_~\xb7\x07\xe7g\r|\x9d\x9a\xd1\xc3\xd4\x01v\x05\x00\x8d5%\x84\x10\xc2\xcc\x0252\xa6\xbd\xd6\xc4J\xd36\x84\x10\xc2\xd8\xac=1\xb6l\x7f)\x84\xfd\xd2\xa9]\x93G\x98\x1bB\x18\x7f\xf0\xa5\x85\x03M\x87\xb1O\xe1j\x00\xd0\xbcJ;\xee\xb7\xc8yG\xa7]\xf7lN\xce\xf2s\xee\xcf\xee3\xe1\xf8\x84\xb6\xa5\xb1\xd9\xcb\xce\xbc\xaf\xe0&lt;\r\x00_E\x7f\xf8,q&gt;&gt;a\xdbcq\xd9\x89\xdf\x04\x1fv\xd6}\x99\xc9g\xde\xcb}\xd9\xea\xdf\xc5oG\xc7\xce\xc4\xd3B\x08\x93\x0f\xbd\xaa\xff\xb5\xb2\x11\xcb\xeb\xb3\x95&amp;\x00\x94k\xef\x9c\xf4q[\x1f.\xa1\xd5\xeeY\xa9\xc9\x89{NEQ\xf4\xec{%\x9d\x94\x90\xf5\x0e\xd7\x90\xc5%\xc4\x90a\xfc\t\xe9\xab\xc2\xfbm\x01\xc0W\xc4\x82\xc4\x92\xde\'\xbe\xd3c\x8a\xf2\x0e\x10\xccY\x01\xa7\x92\x8b6\x94qH"\x00\x0c&gt;\xa3\xf7\xbf(\x84\xc9\x85\xebt\xf5\x9c_\xb8Ba\xa9Or\xcb\xd1\x7f\xae\xd1\xc9W\xff&lt;}\x99\xfapy\x9fB/[\x8d8&lt;\xf5?\xf3\xe8\x1bR\x17W\xde\xf7\xc72\x87\x06\x80\x9a)\xf7\xb3\x9f\xcey\xe7Ue\xdc\xd7&gt;\x8b\xc2n\xc7m\x7f\xf2\xe3\xac\xdc\x8e\x15\x99\xa9\xb8\xd8\xbe\x16\xd3\xd7\xf0\xc32SC\xa6\x9f\x9e0\xe6\x90\xb2"\x04\x80\xc6H\x98\x9b\xe7e\xa5\x86-\x0b!\x84\xd0\x91\\\xbf\x90\xbb\x9f\xf94uq\xe2\x15O\x14\xab\xbb \x0cY&lt;qq\xd2\xe9\x84\xddI\xcd\xba\xe7\x97\xbb\xe6\x06\x80Fh\x9fsN\xe1\xa94\xbf4\x8a\xa2\xbb\x9e\xfeg\x14E\xef%5\xcc{\xdc\x9b\xa5\xeb\xa8\x8c\xc4\xd0\xec\xb2i\xd9\xc9\xe4\x87\xcdq\xfaC\x1d\xbal\xe6\xd1\xdf,\xab-\x004\x91\xa4\xb99\x8a\xa2\xf4j\xb8\xec\x0e\'\x1cr\xd9\xc0\x82\xca\x8b$m\xf5\xd6\x87R{X&amp;\xdf\x97\x06\x80\xe6\xb0\xf5\x9e\xd7\xdb\xf7=\xa7\xfcvS\x93\n*\xb85\x1d\xdb\xa4\xc8\xc6 \xbb\x1cR\xee(\x00\xd0dF\xadJ(\x98\xb0z\xebC}\x89\xa1\xb36\xa5/\x13w\xa9\xcc&gt;\xcbhVfQ\xdfiE!\x8cO\x9e\xa4[\xb2\x93\x997\xa8\x17\xc5T\xdf\xa5\xccO\x87\x01\xa0\xb1JZ\xa7N;5\x8a\xa2\x10\xc6\xf4\xbdQ\x9c\xd7\xaa%\xafM\xd6\xd6\xd0\xcf\xbc\x1b\xf3\xfc8a\xb0\x11\t\xf99\x16\x16\xab\xd0\xe5 B\x00\x9aU\xc2\x11~!\x84\x07^\xf9\xb2H\xdb=N\x0e\xfd\xf3\xe8\xa2\xd6\x19\x1b\xa3(\nSzw\xc5*:\xf9M_y}\\\xf6\xe8\xf4\xef\xec\x9c\x82uW\xfe\xacH&lt;\xfd\xa6\x15\xaf\x02\x00\xcdf\xe1\xfa;C\x08\x99\xdb:\x16\x9eM+zr\\\xae\x9e\x10B\x08\xc32\xb3N\xd8\xf6x\xed\xc7\x05\x80\xaaJ:\xe0o\xcb\xf6\x97\x92\x1b\x8d\xec\xbb\xdat\xe3s\xe9\xcb\xee\xd0\x9au~\xd1@n\xfc\xbe\xf8Q|\xdb\x9f\xbe\x9e\x9b\xff\xb7\x98Q\xda\xf2.r\x1eE\x03@sH\x9e\x9c\xfa\xd6\x9acz\xff\'\xaeM\xae&lt;3\x84\xb0\xe5\xdb/\x87\x10\xfa&gt;\xd8\x8d\xa2h\xef#\xaf\x8d\xab&lt;\xae\xffr\xc8\x92U\x17=\x18WgJb\xc4E\xf4\xaf\xda\x7f\xf5\xd7\xc8\xbdh\x00\x9aQ\xec\x84z\xcd\x03\xef\x8c\xda\xff\xc2B\xd5&amp;\xad+\xda\xf3\x0f^\xf8\xbc\x94\xb1*v\xe6\xcd/\xe4\xe4\x9c\xff\x9d\xdf&amp;\x8dh\x05\x0c@3\x1b\x19;Q\xa5&amp;\xe35\x97=\x1a\x86\x1d\x16B\x08\x93ONU\xfb0\xa6\xf2\xcc\x10B\xd8\xf3\x94\xbc\xfc\xcc\xb3{\xdb\xb2\x8b\x86}\x1cs"a\xca\xdcR\x03\x8f\xd7\x99\xfa\x9b\xbf\xee\xf6\x84\xc3\x83\x01\xa0\x89=\xfd\xe7\xe8\xed/\xfa\x97\x92{\xad\xf8F)\xad\x96\x9f{\x7f\x08\xe1/\x19\x13j\xeb\xcc\x8d\t\xaf=\xa7\x8cK.\x8aupN\xfa\xa8\x0b~\x94\x93c\xe1\x0b\xc0 56?+{V\xcb\xfdR(\xde\xb85!\x84\xc2\x8fc3\xba\xcd;\xf5h\xc2\xda\x92F\x89Q\xe2\xf7\xc4\x00\xd08c\x0e\xb88?\xf3\xf4\x1b~\x99\xd8\xa0u\xe9\xb8\x83.\x89+H\\\xcb\xc6,I\xbb\x8e.%\xb6\x94\xc9\xcb\xae\xee\x7f#\xac\xd7&gt;{\xad\x88}\xcf+\x840\xa7\xd0\xb8\x00\xd0\xd4\xc6\xacN_\xf5\xde\xf2\x9d\xbf\xee\xf6\x95\xe7\xfd0\xaf\xde\xc4\x10Bh9$=\xd5u\xa6\xf3\xf7\x08\xb9;9\xb7\xff\xee\x1f%N\x87\xc3\xfb\xae2g\xd09\xc7\xdfRb\xec\x00\xd0\x94F\x1f\x9b\x9fw\xfc\xa5\x8f\x94\xdfQ\xee\'C\x93\x0f\xbd\xaa\xd8\xa2sb\xfa\xa23\x84p\xd0\xa9\xf7d\x14\x8d\xcc\xaf]\x8a\xec\xcf\x9a+\xfe\x8a\t\x00\xea\xe8\xdc\xdb~\xd3w\x9d7wv\x9c\x95\xf7\xcdO\xbd\xb4\x16\xaf\x12cx\xdf\xc9\rn&gt;\x030\x88L\xad\xac\xd9\x11\x9bw\xc4\xe6\xff\xfa\xc3\x12g\xc1\xbc\xd7\xaf\x00`\xe7\x91\xbbj\x1c\xb1\xbc:\xfd\xa4:\x9b}V\x99\xdd\x1c\x90\xbe\xd8\xa5\xb20\x00`\xd0\x88\x9b;\xf3\xb6\xc5\x88\xd9p\xa3Yd\xef\xff\xbcW#C\x01\x80\x01i[Z\xbcN\xf9\x86\xce:\xa3\xe4\xbaCJ\xaa\xb5\xe7\xfa\nC\x01\x80\xc1\xa0\xbd\xd1\x01\xe4\x88\xd93$m\xc4\xaes\xb7\xd4/\x10\x00\xa8\x91\xb8\x1b\xd4=\xa57\xdf\xf1\xf2\x17\xe5\x8c\xd6l3=\x00\xec\x1c\xd6_\xf3\x8b\x81v\x11\xf7\xc53\x00Pc\x9d+\x1b\x1d\x01\x00\xf4J}\xd5\xd3V\xa4\xd6\xe0\xd1:ccRQ\xf7\xde\xd3\xeb\x19\t\x00\x0cH\xdb\xccM\t%\xa3\x92\x9a\xbc\xf1\xaf\x9a\xed&lt;\xb5k\xe5\xabX\xfba\x01\xd0D\xb2\xa7\xa5\x02o\x11\x97c\xd8a\xd5\xe9\x07\x00\xa8\xa5z\xecoe\x05\x0c\xc0\xa0\xd4\xc0\tl\xe9\x19\xdfo\xd4\xd0\x00P\x13}\xd3j\xdb\xac\xa4g\xbd\xb9\xda\xe7\x9cS\xb3pja\xe6\xa8\x05\x176:\x06\x00(b\xd8\xc0\xbbx\xec\xad:\xac\x95\xf7.\xb9\xe6\xc2\x10\xf6\xada \x00P\x99\xd4"\xb8{\xfe\x055\xe8{\\bIU_\xd4\x9a\xb8x[\xd1:U\xd8\xca\x03\x00\xaamj\xdf\xd5\x88\xd9g\x17\xa8\xd7w\xcb\xba\xe7\xc4\xed5\rh\xc0Z\x1a\x1d\x00\x00\x14\xd1w\x87\xb6\xa3p\xbd\xfd\xd6\xdcZ\x95{\xd4\xe5\x9bTA\x1b\xaf=\x03\xd0\xcc&amp;\x84\xfe\xb9j\xca\x92\x8d\xf7\xf6\x15\xa42\xa3(\naLNf\xc8\x9d\xde\xba3r\xa6eu\xdfqd\xcexg\xdc\xf8\\\xf1\xa0\xc6T\x7f\xdff\xf3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b5\xf5\x7fJ\x8e\xe2\x9cXq\x7f\xab\x00\x00\x00\x00IEND\xaeB`\x82']</t>
        </is>
      </c>
      <c r="E352" t="inlineStr">
        <is>
          <t>&lt;class 'numpy.ndarray'&gt;</t>
        </is>
      </c>
    </row>
    <row r="353">
      <c r="A353" s="1" t="n">
        <v>351</v>
      </c>
      <c r="B353" t="inlineStr">
        <is>
          <t>steps_per_sec</t>
        </is>
      </c>
      <c r="C353" t="n">
        <v>5100</v>
      </c>
      <c r="D353" t="inlineStr">
        <is>
          <t>5.136793</t>
        </is>
      </c>
      <c r="E353" t="inlineStr">
        <is>
          <t>&lt;class 'numpy.ndarray'&gt;</t>
        </is>
      </c>
    </row>
    <row r="354">
      <c r="A354" s="1" t="n">
        <v>352</v>
      </c>
      <c r="B354" t="inlineStr">
        <is>
          <t>Loss/localization_loss</t>
        </is>
      </c>
      <c r="C354" t="n">
        <v>5100</v>
      </c>
      <c r="D354" t="inlineStr">
        <is>
          <t>0.0038525877</t>
        </is>
      </c>
      <c r="E354" t="inlineStr">
        <is>
          <t>&lt;class 'numpy.ndarray'&gt;</t>
        </is>
      </c>
    </row>
    <row r="355">
      <c r="A355" s="1" t="n">
        <v>353</v>
      </c>
      <c r="B355" t="inlineStr">
        <is>
          <t>Loss/classification_loss</t>
        </is>
      </c>
      <c r="C355" t="n">
        <v>5100</v>
      </c>
      <c r="D355" t="inlineStr">
        <is>
          <t>0.104099095</t>
        </is>
      </c>
      <c r="E355" t="inlineStr">
        <is>
          <t>&lt;class 'numpy.ndarray'&gt;</t>
        </is>
      </c>
    </row>
    <row r="356">
      <c r="A356" s="1" t="n">
        <v>354</v>
      </c>
      <c r="B356" t="inlineStr">
        <is>
          <t>Loss/regularization_loss</t>
        </is>
      </c>
      <c r="C356" t="n">
        <v>5100</v>
      </c>
      <c r="D356" t="inlineStr">
        <is>
          <t>0.03604152</t>
        </is>
      </c>
      <c r="E356" t="inlineStr">
        <is>
          <t>&lt;class 'numpy.ndarray'&gt;</t>
        </is>
      </c>
    </row>
    <row r="357">
      <c r="A357" s="1" t="n">
        <v>355</v>
      </c>
      <c r="B357" t="inlineStr">
        <is>
          <t>Loss/total_loss</t>
        </is>
      </c>
      <c r="C357" t="n">
        <v>5100</v>
      </c>
      <c r="D357" t="inlineStr">
        <is>
          <t>0.1439932</t>
        </is>
      </c>
      <c r="E357" t="inlineStr">
        <is>
          <t>&lt;class 'numpy.ndarray'&gt;</t>
        </is>
      </c>
    </row>
    <row r="358">
      <c r="A358" s="1" t="n">
        <v>356</v>
      </c>
      <c r="B358" t="inlineStr">
        <is>
          <t>learning_rate</t>
        </is>
      </c>
      <c r="C358" t="n">
        <v>5100</v>
      </c>
      <c r="D358" t="inlineStr">
        <is>
          <t>0.07998492</t>
        </is>
      </c>
      <c r="E358" t="inlineStr">
        <is>
          <t>&lt;class 'numpy.ndarray'&gt;</t>
        </is>
      </c>
    </row>
    <row r="359">
      <c r="A359" s="1" t="n">
        <v>357</v>
      </c>
      <c r="B359" t="inlineStr">
        <is>
          <t>train_input_images</t>
        </is>
      </c>
      <c r="C359" t="n">
        <v>5100</v>
      </c>
      <c r="D359" t="inlineStr">
        <is>
          <t>[b'640' b'640'
 b'\x89PNG\r\n\x1a\n\x00\x00\x00\rIHDR\x00\x00\x02\x80\x00\x00\x02\x80\x08\x02\x00\x00\x00\x83\xaf^t\x00\x00 \x00IDATx\x9c\xec\x9de@\x14]\x17\xc7\x0f\x82t\n\x8a\xd2 %\xa8\xb4\x88\x12\xd2\x88\x98\xa0(&amp;\x8a\xa2`\x17\xd8\xdd\xdd\xdd\xdd\xdd\xdd\xdd\xdd\xdd\xedc\xd7y?\xdc\xdd\xd9\xd9\x9e\x99\x9dY\xf0y\x9f\xdf\x17e\xe2\xde\xbb3wn\x9e\xf3?\x00Z\xc2\x0e\xecSyO\xb4a\xbfm7\x11\x07-\xbb\xe7\x1c\xddC\xfelh\xc6\xc4\xd0\x8c\x89V\x81\xb9M\x06\xee\x0cH\x1d\xcd{\xee\xff\xcfL\xd9\xf1\xc1\xab\xea\x80\x82.\x85&lt;&gt;\x9d\xa7\x9em3\xfa\xb0\x10I\xaf8\x8b\xd7\xff\xa0\xb1o\x16\x80;\xe3\x9b,\x11\xf1\xd8kdxuA=\xd2\xc4\x9c\x85\x88x\xf1\x1b\xbd\x9c%\xd8%a\x9e\x88b\x94]\x92=\xf2`\xcd\xce+\x99$fR\xb6%@Iv\x05P\x02)\xd2\x1d\xe5\xa5\x02(\x01\xe0#s(\xb8\xde\xd8\x85\xc7\xd0\xbf\xce(\x8d\xf37\x14\xff\xc7\x18 \x04\x00\x00,\x13Z/\x10\x1f\xac\xc8$\t\x832\x99Sv~d\x97m\xa9\xda\x9bn0\xadu\x85\x90\x01K\xee\xcc=\xf8\x03\xcc\x12\x00B\xd6\\\x10\xd5\xab\xd7\xa4v9\xa7\x17t\xe9\xfe\x0et\xa4\xfer\xcd\x98\xbe\xe73\x80\x03\xbfy4\xe8\xbd\x19i\x00\xb8\xd0\xcfv\x9er\xa6\xc9\x80\x1d\xe0\x90\x06\xce\xf5\xf9\xcd\xb7\xa00\xf7kmP&amp;S\xd7\xbd\xb1\xfc)\x87\xc8\xee\xe3\xb7\xbc\xa1\x1d0\xd6Z\xa9\n\x1c\x03\xeffZ\xc8E\\\xc7\xbcX\xdd\x15\x986\x1a\xc0\x9b\xe1\xc5\xce\xd1=\x00l\xd9\x17\x8d3\xc5\xc9?\xadF\x1c\x10\xff:\x1d\xd57(\xa3R\xe3)j;`\x00\x8b\xedw\x10\xc0\x86[\x16\x1c\xb1\xa9\x0ev\xaa\x86\xfe\x17\xbe\xca\x97\xd9\x94\xfc\x90\x81K\xeej\xf2\x1d\x99\x95\xcf~\x8a(\xdf\xbbk\x05\xf7\xc22\xe5\xb0L\xe2p\xd3+\xc4e\xa7\x11\xc0\xc1:\xa4\x1dU\xafB\xd2\xc7%\xe5.\x1a\xb3\xe1E\x8b\xa1{\x01\x1cy/\xe9\xbf\t\xa7\x86}\xb7\x02\xb8\xd1\x8e\xb8\xa4\xe5\xad+R\xba!\xdf\x19\xf9v\x9d~\x9e|B\x8a&gt;~\x1fm\xf4C\xd6)&amp;e\xb3\x00\x00\xa08\xe7\xf6\x8b\t\xb1\xad\xe6"\xe2=D\xb0PT\xa7\xcd\x12\xe6\x1f\xf9\x1d\xdfz&gt;8\xa4\x81Q\xb4KLO\xe1J\xf2\xff\xc9\xbc\xc3?U\xf6.&lt;\xe0\x12\xd3\x8b6g\x12\x18\xe3\xd8k\xbf\xb1l\x8da`\x96\xd0o\xd1-u}\xa7\xba\xc4|[\x90\x14\xbe\xa9LD\xc3\\\x04\xa2Z\xfb\xa5\x00\x00`+~\xf8em+v\nk8\t\xc0O\x83T\x83\xc5?\xb6\x82\xb2+V\x9c\x15\xe6Q\xd8\xa7\x01\xd8\x00\xd8\t\x928sL\xe3\x87\xaf~\\\xae\xe6p(U\x9b\xed\xad!\xf5\xc7\x877\x99f\xe0\x9d\xd9t\xd0.\xd9\xb6\xdd\xb9\xfe\x0b\xc4f\x83v\xd5\xea\xb2\n\xc0\x9e\xe72\xabA\xe6\x91z\x9fxW\xe8*3\x00\x00\x94\xaa3\xfb\xc0w\x93\xb2-%\x07*w\x19\xb9\xf6\xe9-D\x80\xd2|g\x16\x1cTw,\xf5\x92\x9c\xa2\xf2i\xa7L\xf9\xceK\x01/\x11\x11q\xcdEl9|?\x18F\x0b\x97\xd1\xb4]\xff\xa8\x9cdx\xce9\xf0\xfd&amp;\xe2m\xc4&gt;\x0bn\xa4\xe5\xad\x07\xb0\x10\xae0\xff!\x0cZj4]c{\xdd\x17\xd7\xa5\xde\xf3\xaf\x1fzN\xd5\xab\xa2\x9c\xd3$)&lt;T\xd9\xbf^\xf9\xc9\xaa\x03\x0e\x04\xb0\x10\xcd \xcd\x12\xe2Z\xcd+R\xba\x11\xe7\xe2\xa9\xa3\xd4o\xc4m\xb7\xf9lOW_ ?V\xe9\x92\xc6\x90\x15\x0fx\xcc\x8e\xa2\xc7\x9c+.1=\xc1,A\x88\xc4\xd9P\xce2 G\x93\xfb\xf7?\xa5\xcd\xac\x8aU\x93;oR\xb6\xc6P\xf1\xff\xcbh\x92\x11C|R\x86\xd0\xff|\x80\x88\x88\xa1\r&amp;\x14\xc2\xe5F\x9d\xe0zc\x01\xfc\xc9\x1f\xba\xee\x8d\xa8\xe78\xe7\xe0w\x01\xb2\xd3\xcf\x1c\xbc\x87\xa4O\xdb\xec\xb1\x04\x08\x15 /YH%\xf9\x8d\x989d\x8fMH{\xe12*\x16\xdcV\xdd*\x9f-@q\xb0O\x03\x9dJ\x00f\xc2\x95\xe4?\xfev\xfa,\xb8A\xd5\xa5=\x0f%\xcd\x9cf-f\xf95\x17\x11J\xaa\x9a\xee\x90\xb5nf\xa9\x99\x07\xa6\x8d\xdepUT\xb0Gjj\xbe\xa6$\xe6,t\x8d\xed\xc5o\x9a\xa4\xddsO\xe8\xcb\xfeV\xb3\xd1\xeb\x9fs\xcd\xd6\x12\xc0\x88\xf9\xd5e\xaa\r.\xa0Er\xf54\xe8\xbd\x85\xbc\xf4+?\x15\xbew_D\xcc\x19sDK\xa5\xb1O\x1b\xbc\xfc&gt;\xedo\x0bR6\x8b\x806\x000f\xc3\x0b\xcf\xa4Bh\x13CpN\'e=\xf1V\xa8\xef\xa7r\xe3\xa9;\xee\x89&gt;\xd1\x99\xfb\xbe\x8a\x0fs\xd9rv\x8c\xca\xa3\r\xac\xd4\x939x7\xe9\x80\xc12\x89\xb5\xe9\nKl*\xb4\xff\x808~\xf3kAs\xf9\x7fAj%\xdf\x94\xda\x10\xfd\xff\xc0\x93\x9a]l\xb9%\xe9\x80ifG6\xed\xc6\x1fg\xbf\x8fh\x02\xfaQ*/\xb05,\xd3\\]"\xe2Ex\x9b\x14\x94C\xc5\x8a\xaef\x081\x89\xf1D\xc4\x1b\\\x06\r\xb6\x83\x96\xddc\x7f\x97\x03"\xbeQ\xb6E%\x83e\xd2W\xc4\xab\xbfp\xed%t\xaa\x92\xaf\xfez\xf5\x14\xe1#\x11Y\xc2\x1aM\xee\xb3\xe0\x86\xa0+\x8b\x8c(Yk\xfd\x15\x9c\xb9\xef\x0b\xfd\x18\x8af\xc0\x13\x01\x8a/9\x89KO\x15\xce\xe5h\x00\x00\xa8\xdfk\x93\xa0\xdd\x86mX\xe7\xe4vK\x8e\xbfED\x1c\xbe\xfa\xb1&amp;I\xcd;\xf4\xf3\x03b\xef\xf9\xd7\x19^\x1f\xd1l\xba\xb8i\xf0Ty\xa1\x93&amp;\xa5\xfa\x0f\xdei\xd4o;\xf5\x7f\xcb\xc0\x1c\xeb\xe0v\x05X\x98\x82 \x04\x11_!\xb6\x19sd\xd9iQ\xf7\xd6q\xf2i\xf1\xd9\x00\xd7\xd8\xde9c\x8f\xb2L\xd3+\xb4\xc1\x04\r\x8b\xe5\x99\xd4\xdf\xa6B\x07\x00S\xd0\x8bP\xd4\x01\xd31-\x94\xa6\xf8\x12H\x99S\xbb\xafey\x9fnT\xf3\x99\x1c\xb2\xf3O\x1d\xb5\xfe\n\xba\xc6\xf6Vs\x9d~d\xf3!\xa2%\xc32\xd5\x06s\xc8\xe8\xff\x90\xee3/\xae\xbb,U\xfdju^\x85\x88\xe7\xbf\xa0O\xca\xe0\xe4vK\xf8\xb2\xdb\xff\x7f\xe7\x1b""\xdeb1n5l\xdc\x7f\xfb\x9c\x03\xea\x96\xd6\x8bT\xd6\xac\\\xfc\xa0\xeb\xde\x18t\xc3\x01\x00\xc0CS{\xd4\xa2\x91|\x94\xe8?\n\x8c\xdd\x0f\x10\x11\xf5&lt;\x9a\x00\x94%\xcdq\xd7\xe9\xe7\x19\xde{\x1f\xf1\xd2w\xd9o\xc4\xc8\xb7E\x8b\xa1{5,UB\x9b\x05Au\xc7:Dv\'\xeb\xe4Sv|0\xf2i\xd1\x7f\xf1m\x99\x0e8-o\x9d\xe8\x88\x82\xdd\xc1\xc2\x025n\xc8\x9f}\x99\xcd}V1Ys\x00\xac\x84*\x16\x00\x80\xab\xe8\xe9\x19T\x112\x17\xcd\xb0\xa9^\xd0%\xa0a\x143i\xfb{\xfa\x81\xa2\x9eM\xc83\xbc\xa7\xf0\xfd\x9a%\x00\x98\x03x\x00\xe8\x92\x03nq\xbdM\xcb\xb5\xd2JY\xfff\x88\x9d\x08j\xe0\x92\xa1\x08s0O\xe4/5\xee\x8c\xdf\xfc\x9aj\x14\x16\x1fG\xdf\xeaC\x13\xda,\x10{(\xb2\xc2x\xf6\xfeo\xfc\x97\xef?\xb4\x8a^\xaed\x8e[\x16J\xd4d|#e\xe2K\xb70rZt\\\xd9v\x1d\xc1\x97A\xca\x16\xc3V=\xd2qk\x18\x90:\x8a\xaa\xa8;\xef\xe1\x81\xa7\xd4W\xe9\x04\xe0\x08\xe0\xb4\xf3\x9e\xe8\x88\xb9_k\xc6\xc5\xd66\xd4O\xf8\xc9f!\xda)*\xdf1*O\x1bF\x94\x85\xaa\x87\x93&amp;:k\xf6\x98\r/t\xdcxw\x9c\xe1NL\xd6\x1c\xd0\x8f\x02\xa8X,\xb8-\x00\x80U2\xd5\x01\xcb,\x7f\xea\xb85$\xa7&gt;"\x1ez\x81]\xa7\x9f\x87\x125\x15\xba\x8f2\xc4P\x00\xbf\xab\x92\x00~\x02\xed\x1c\xa8\xc5!\xb2{l\xab\xb9\x00\xa5\xe4O=\x10\x7f3\x8e\x91y\x1a\xe7c&amp;q\x83+\x1c\x1d\xf0\xde\xc7\x92\xd5\xbc\xedw\xb1Q\xbfm\x88\x18R\x7f&lt;\x87\xa4\xa6\xef\xf9\x0c`\xc9s\xf9\xfe\xe3\xafAOv\x84j[\x0b\x11/|U\xdc\xd3\xd4\xe8\xb4\xe2\xd8\x1b\x8cn1[]\xb2E\xda\x8e?\x0eE*\xfbV\x1f"\xbf\xfe\x8cR\xddX\xb1%\'\xf1&gt;\xa2@\x86\x17%+u\xd6&lt;\x917\xe2b\x1fe$\xc6B6\xbf\x9d\xc9-c7\xbe\xd4\x97vp\x0fN\x1f\xa7y\x91\xfe\x16\xe6\x1e\xfc1i\xfb{(^\x90C\x847J\x87M\xe6\x00`V&gt;\x1b\x11\xa5-\xb3D\xbc\x15\xbf\xf7j\xed\x96\x82m-\xbb\xf0n`\x9f6\xef\xf0\xaf\xf8\xec\xf9\x00!\xe5k\x8d`[\x12\x9d\xe8,\xb5_\x8e:\xf4#\xa3\xb3fK\xdbh\xe8i\x9a&amp;\x00@I5V|\xe6\x89t\xa7Xs\xbfl\x80b\x00^\rzo\xb1\xab\xdcU\xf6Z\xbf\xd6\xd4\xa7.\x1a\xe6h\ns\xd5$m\x10\xd7j\x1e\xf5\x03_ \xd6\xcd\xdfp\x1bq\xe0\xd2\xbb\\\xd2*RY\xf9\xfa\x95\x07@iVfM&amp;\xe5Z\xaa\xbfH1\xde\x00:\x00\xe5\xb8\xde\xce\x01K\xdeS,U\xb9\x0b\xefi\xd2Ys\x11\x01\xca\n\x9a\x05@\xb1\xec\x91\x07\'l}\xab\xe8\x94\r"\xce?\xf2\x1b\xc0Zm*\xce\xd1=\x00l\x00&lt;r\xc7\x1e\x95\xe9}i[\xd4\x14\xe6\x00\xe5x\xf7&gt;\xc8\x19{\x14\x115\xdf6"n\xac\x9bn`\xad.\xabdd\x82\x94\xe1\x9e\xd0\x97\xfa\xbd\x0f\x10\xb3G\x1e\xa4N\x15\xaf\xd0A\xc3\xf2\x88\xd1\x86\x7f\xa6\x868U\xc9O\xef\xb9Q\xb5Q\xbd\x02\\3N\xbcE\xb0J\xd6\x8e\x13\xa6\xbeW3\x85\xc7)\xeb}\xab\xc0\\\xd0\x8b\x00\xf0\xf4I\x19L\x8e\xf4]xs\xd4\xbagP\xbc\x86\x16\x8a\'\xc5\xfc\xc3\xbf\xa6\xee\xfaG\xe1\xa4S3\xfc\xa5\x15?\xd4a\x1a\xaf\xfc\\\x91\xdcq\xc7\x06,\xb9\x83\x88\x93\xb6\xbdc\x98\xde\xa0e\xf7jtZ\xc1\xa2\x00\x05J\xd9\x1a\xc3\x10\xf1\xf0K,[c\xe8\xe8\xf5\xcf\xb7\xdeB\x0e\xc31\x1a\n\x1d\xbdJ\x82mM\xb0H2\xf6\xcdb\xe4\x8ch\x9e\xb8\xe3."\x92F\x8a\x1dnq}\xde#\xce9\xf8]\xc6&gt;BH\xf4\xe6\x1e\xfc\x01:\x95\xb4\x95\x1d\x0fL\xdd\xf9Qn\xfa(\x146\n;\t\x83*\x88\x08\xae\rX&amp;fK\xef}\xaf\xfdVP~\xdf\xeaC\x11\xf1\x1bb\xb9\x9a\xc3\xb8\x14W\x11Q\x993\xc5\x8f+X\xf3\xd4\x82\xd3\xc7\xa5v_;e\xc7\x87Q\xeb\x9e=B4\xf6m\xa1\xfaz\xb7\xb8\xde$\xf7\x9a\x9dW"\xe2\xa3\xc2\xa7[R\xd8Qc\x87\xaf\r\x8a\x94n\x84\x88\xff \x16\xaf\xd0a\xe6\xbe\xaf\xfb\x9f\xe0\x91W\xa2jlV\xbe\x95\xae{#\xb0J\xd6\xf6\xf2a\xde\xcc\x8b\xa1\r&amp;r\xb8\xd1\xac|\xb6\xca\xf3e\x01\xcas+\x92,\xc5k\x80S=Vw\x18\x96iN\x1e+}\xa0Z\xb8)\x85H\x16\xee\xfcc[\xceADS\xeeSO\nK\xfa\x1f\xceUz\x80c=\x93\xb2-\x83\xeb\x8dS\xf7\xeeD\xb4\x1e}\xf8\xcc?8e\xc7\x07\xd69\x97\xac\xf5\x04\xf1\xfao\xdc\xf3Pk\xedT\xf1\xfa\xbd6k+/~H\xed\xbeVk\x1d0\x85_\xed\x11\xb5\xbb\xae\xa6,\xf5R:,\xe3\x96\x0em\xf1\xd9Y\xeed\x009\xd5\x9aG\xf5o\x87\xb4\xeb\x7f\xe4\x97\xbb5\xc3\xa5\x01"\x12\x1f\x8d\xb9\x07\x7f\xa8\xbc\xb4\x18\x80\x0b"\xce\x16\x19u\x06r\xb2\xcf\xf8\x0f\r\t\xe2I0\xb5T\xd7\xe9\xe7eVq\xc04\xaedX\xe7\xbf\xeb\xb5\xca\x7fxt\x8a\x16\xf5l\xcaK6\x8eQ\xac7};O9Ck \xb4+r\xcb\x95.\xd3\xce\x855\x9a,\xfa\xa3d-\xcd\x13L\xed\xbe\xb6\xc3\xc4S6\x15\xda\x03\x04\x00\x94\x19\xb2\xe2Ax\x93i`[\x8b\x85\xf7\x9e\xae\xea\xb5\xbe \xa5gJ\xd5\xd9\xf3\x10\x0f&gt;\xc3S\xef\x997\x97\xaa\xab\x932\xac"\x9bM\xe7tc\xa1\xc0=\xa1\x9f\x16s+\x0e\x00Us\x17\xb7\x1d\x7f\x9c\x97\xe4R\xbb\xaf\x05\xd38\xf9\xe3\xde\xc9\x83\xf2f^\x04\x08\xe0%\x17\x11&amp;q9c\x8e\x080^\xd1s\x8d\xed%\x1e\xfb\xaa\xc35\x83\xd7\xac\xffUt\x9ct\x8a\x0cPb[\xcd-\xe8\xb20\xc1\x8f\xde\xfb^\xf8\x82\x00\xee\x00\xb6\xf5zll&gt;d\x0f\xb7\x14\xd5n\xdc\x9a\x81E\xa108b\x8d\x9an@\x01\xbd\xe6^\xa5\x1e\xaex7\x9e[\xfb\xaeM\xe4\xd7\x8du3\xfal\x01\x08\xe4\x96\\\xf1\n\x1d\x10\xf1\x13b\xce\xd8\xa3`[\xabb\xc3I\x06\xde\x99\xcc\xf6\x1a\x18-]\xa8\x98q\x06\xd5\x1d\x83\x88\x8d\xfamc\xbaZh\x95l\xe0\x9d)\x7f\xb8\xed\xf8\xe3\xaau\x01#\x9aNW+N4i\xdb;Uc\x05A\xa0\xdb^j9\xeb\x7f/\xd6)\x02-\x18t\x9d~\xbe\xa0\xccN\xff5\x10=\xde\x86\xfd\xb6\xc9\x9d\xd1/\x80\xd2pe\xf2\xf6\xf7M\x06\xec\xe0p\xa3#O\xb2)\x05\xc9\xee\x07\xc8m1\\\x11\xe6\x94\xa1c\xa5\xc6S\x00 w\xdc\xb1\x83\xcf8\x7f\xba\x94q\x84\xa0\x95I\xc1\xc6\xed\xfe\xa7\xa8\xa8;\xf4`\xd8\xac\x13\xab\xbfv\xacg&lt;\x9a\xcb\x0f\xb9f\xf4\xddZ,H\xbd\xb9\x9cM\x85\xf6m\xc7\x1f\xef4\xe5Lj\xf7\xb5\xf2\x83$Q\x83\xebXW\xd9\xed\xc3V=\x9aw\xf8\x97\xea,z\xce\xbd\xea\x12\xc3\x93\x9c\xa1K}\x00\x00\xe3X\xd5\xe3\x18\x9e\xec\x04\xffC\x96\x88\xa6\xd3Z\x0e\xdf_\xd0\xa5\xf8\x0f\x05\xd4\xee\xba\xfa\x9e\xe2\xb1Q\x99\x88\xa6\x7f\xf1\x1a\x15/\xf0\x19\xc8\xa5B\x83\tu\xf3\xd7\xf3\x98 E\xe3\x01;\x92r\x17\xc9\x1d\x0e\x00p\xe5\x96\xa0\x9eG\x13\xe9\x03\xdc\\\xb6L(\xedLs\xff\xd6\xa0\x17\xce\xad0\x0cPg\r\xeb\x96\xe1_gdR\xee\xa2\xea\x1d\x97g\x0e\xde\xcd$\xc5f\x83v\x8d\xd3\x86@&amp;g\xad\x19\xdd\x0e\x13O\xd6\xef\xb5\xa9~\xaf\xcd\xd5\xda-M\xca]D\x0fLk\xe4#\x8a\xe4S\xb6\xc6\xb0\xc4\x9c\x854\xb7\x16\x85\xd6\xf5$\\\x81\x82y\x8c\xb9??\x0e\xa9\xd1Y\xb3\x99N\xbfXx\xee\x16*\n:P\xcf\x7f\x88\xb0,\xe8\x02\x10\xd8\xcc7LbO\x7f\xc0\xffT\x80\x14b\xef\x18\x95\x07f*\xcc\x8cYQF\xc0\x9dj\xdbZ\xb4?&lt;\x02\xd3\xc6\x8c\xdb\xfcz\xf5y\xe4\xdc\x07\xb3\xc0!M~\xf5?\xaa\xf9Li\xa7\x9dP!#\x1b\xaa\xd933\xf0\xce\x1c\xb4\xec\xde\xdaK8p\xe9\xdd\x96\xc3\xf7\x07\xd5\x1b+XI\xd8a\x17.\xeb6\xc6\x94b\xd5\xce~\xc2\xc8\xcc\x19\xfa^\xcd\x02RG\xb5\x9bp\xe2\xca\x0f\x89\x08\x1f\x15\xe5\xa2\\\xcda]\xa7\x9dw\x88\xec\x0e\x00\xe0\x9a\x81\x88\x8a\x8c\xc8T\xc4\xeb\xe5\xc7\xc2?8}\xdc\xb8M\xafT]Q\x98\xd5\x8b\x94R\x01\x11w? \x03\x0b\x0bcQ\x04\xcf\xff(8\xcc\x13\x0b\x85\xaa\xbcQ\xcc\x17\x91\xc1\xb9.\xc3\xe67.{^`\xdd1B\x97Kk\xd8\xe9ypW\xe8\x00\x00\xd0\xad\x0cVU\xed\xc3\xbb\x95\xab9\xbc\xd3\xe4\xd3\x9c\x96n\xac\xa1T\x1d\x8d\xca\xa0\t:a\xf5{mZt\x0c\x11\xb1xh\x07\x00\x1d\x00\x1bV\x11EX\xe2\xb3\xe7!\xca:\x05\xaa\x8c\x19\xce7\x0c\xbd\xb6\\\x00\xca\x01\x94\xfb[w\xf4\xa5\x89\xce\x9a\xed\x9e\xd0\x17\xc0\x03\xc0\xa8T\xe5.\xff ^\xf9\x89\x19}\xb6\x90e\x9b\x84\xd6\x0b\x0e&gt;C\x00\x8ff\x83vy\'\x0f\x04\x00\xb0O\xdb\xf3\x08Y\xf6\xa9&lt;\xb8W\x12\xab\x02\xd5\x1d0_V\x87ZD\x9f2\x95Xs\x11\x8b\x05\xb5\xe5`\xf0\xf8\x1f&lt;\x925l\x1f"~(\x14&gt;NE\x8c|[\x80i&lt;\x18\xc5\x14tI$\\\xfe\x81/\xb4\xf4p\x1c\xebUl8\x89\xf3\xdd\xd9#\x0f\x9e\xfd\x84\xcb\xcf\xe0\xe8\xf5\xcf\x97\x9c\xc4^\xf3\xaeY\xf8\xb7\xe1\xa9d\xbc{\x0c\xab\xc0\x07\xcc\x12|\xab\xb3\x08\x82\xa4\t\xed\'\x9c\x10{e8\xa8\x8b\x1b\xf8wXVk\x8a}\x9av\xf2\t\xaa;\xa6R\xa3\xc9t\x99C\xb0N\x11\x9ft\x060\x1f\xb3\xe1E\xfb\x89\'\xb5S\x18\x05\x14\xabFJ\xa5\xc6\xfbS\x80\x19\xb0}x7\xde\xd3\xa4a-\xe3\x8c1h\xd9\xbd\xc2\xb0\xfe9y\xc7\x07!\x8c\xad\n3.1=\x7f\x89\xdfB\xbfE\xb7\n\xb0$(\x15=\xb6\x00\xa8\xd1iE#)c\xae\x8a`\x1c\x0b\x00VA\xb9\xe4\xf9pP&amp;\xe0\x80\x99&amp;\x86y\xd4\x17u\x07\xf1\xf2\x0f\xac\xd1\x91GI\ns&amp;S\nc\xdf,\xcf\xa4\xfe\xfce\xaa%\xec\xc2\xbb\x02\x94\xad\xd6~iA\x17\xa4\x90\xc0\x93\'\xb7:\xcaT\x1b\x84\x88\xab/ \xa5\x15\xb7\xff\t\xbd\t\xf0\xc8\x9bu\xa9\xf7&lt;\xa6\x81\xb0\xf8\xc6\x1a\xa0\x1c)\x95\xea\x15\xda\x8e\x93Ok\xae\x91[7\x7f\xbdt\xeb\xa3:\x96\x17\x85\x8a\x15x\x958\xd6\x93\xe9\x83\x97\x9d\xc6\xa8L.1\x7fxD2\x0e\xfbk\xf0\xd0\xe8n\xdbZ\'\xdf\x89~rb\xceB\x9e\x8a\xc4\x85\xaa\xb9\x8b\x11\xb1A\x9f-2\xc7\xcb\xd7\x1aa\x15\x94\xab\xa5B\xd8\xd6\xec#\x8ez\xe7\x932\x04\x11\xb7\xdc\x14\xd5\x04\xf2\x88"$\x9e\x87n\x1d\'\x9d\n)\x84R\xa094\xb9\xb8\x03\xcf\x14Z\xd2r\xa4D\xc5\x8eKO\xa2\n\xf55\x97\x98\x9eM\x06\xech\xd0{s\xf3\xa1{5\xc8\xd7\x17\xc0\x80\xcd\xf5~\\3\xfa\x0fM(\x7f\xea\x03\xd6\xea\xcc\xc3\x80\xb4\xcf\x82\x1b\x83\x97\xdf\xdfu_\xd2\x13\xc8\x85\xb4\xd3\xac\x8d\xd3\x90\xa2\x91\x85\xb8?0\xab\xd6~\xa9\xf4\'P\x1e\xc002s\x06\x13\xd7\xd5\x80\xd4\xd1(\x07-\x02q\x01@/\t\xc7$\x1c\xea\x8a=\x05\x1c\xe6\x1f\xfe\xb5\xf2,\xca\x99dB\xfb\x89\'G\xad{\xa6QA)\xecS]c\xb9Z\xda\xebG\x81^D\xcf\xb9W\x11\xf1\xec?\x05[\xc7Lf\x1f\xf8^\xa7\xdb\x1aE\xa7\xb4\x17\x96\xfb\xdcg\xc9{\xef\xbb\xf0&amp;}=\x8cT\x89\xa0\xbacS\xbb\xaf\x15Ux\xc3*Z+\x18;\xf2f^\x1a\xb5\xeeY\xfb\t\'f\xec\xfd\xa2\xfejfX\x06\xe4\x90G\xf0\x00\xd1\xaf\xb6B\xadD\xeb\x19{\xbf\\\xff\x83w\x11\xc7oy\xc3D\n8*s\xa6\xfc\xb7\xe1\x9d&lt;\x90U\xa4\xder5\x873\xbf\xf8?h\xd8i\xb6\x9c\x1e\x84\x88}\x17\xde\xe4\xa7,E*o\xbf+jvg\xed\xfb\xfa7\xb8ns\x83wg\xb6"\xbb\x1f\xe2\xc0\xa5w\xe3Z\xcd-[\x83\xda\xaf1\x9e\xbe\xe7\xf3\xb9\xcfL\x1a\xf4\x8a.1=\xe5\xfb\xe0\x02\xfc\xa6\xc6mzE\x15\x83\x83#uF\x9f-\xa7&gt;\xa0g\xd2\x00\x00\x88m9\x97J\xea\xd8\x1b\xc9\xd3\xc8\x1eyP\x94\xbe^\x04O\xa5V\xe6\xbcWQ\xf5m\xae\xb1\xbd\x00,}R\x86\xd4\xeb\xb1A&amp;\xccCA\xe0T\xe0m\xa9d\xe0e\x99D\xbd\xbb\xf9G~\x01\x04\x92\xff;F\xe5IvB\xb5\xaf\xde\xcc\n\x97\xe8\x9e\x03\x96\xdc\xe1+\xb5\xd5\x17D\x8f\xe3\rb%J\xb6I\x1as\xff\xd6CW&gt;D\xc4%\'Qm[\xe3\x9d&lt;\xf0\x16bb\x1b\xd9U\x97\xe4vK\xbc\x93\x07\xf1S\xe8\xffP\x0e"\x9e\xf9\x075\t\xe9\xa1\xeb\xde\xd8:\xb8\x1d_:\x06\xa5\xe3\xfb \xe2wDf\xeb\x1f\x82\x85\xda\x16\xce\xf8\xaeDMD\\v\x9a\xe7\x89\xce\xf23x\xe1+\x0e^~\x7f\xed%z\xca:JT\xc1\x95B\xc2p!b\x9f\x057\xf8\xeb\x99\xb80h\xd9=R\x92\xc6\x12a\x84\n\x8c\r\x0f]$\xff5\x8e\xa5\x8f*\xc4F\x1e\xa5\xa8#\xddg^\xe4\xb1\xd8\xadF\x1et\x8b\xeb\xcd\xee\x1e\xeb\x14\x00G\x80b$\x98O\x81\xe2\x96\xda}m\xbfE\xb7\x84\x8eA\xa2\x9a~\x8bn\x91\xf0\xd5\xf6\xe1\xdd\xe8\xef\xaed\xa5\xceV\x81\xb9\xf9\xb3/\x03\xf8S\xeb\xe1\xcd(\x87L\x9dJ"7}\xe1\x9a\x05\x0eD4\x9d~\xfa#or\x8cT\xfc\xed\xaca\xfb\xc0*Y\xc5\x95n\xb1\xbd\xd5\xed\x01{\x01\x00\x80\x91\xb5\\\xc8\x94\xe3o\x10\x11\xcf|\xc4\xe0z\xbc/\xee\xff[\'U\xdc\xf0"os\xe9)\xba\xd1\x13/\xc8\xe9\xb2\x19\xc5(\xd4\xbaRD\x18\x93\xe0&lt;BRj\xcc\x86\x17\xea\xaeqY}\x01\xb7\xdef\xd9\x8fZ\xa7&lt;GD\x89\x99\xabg\\\xf6&lt;N%\x94G\x97\xb3\xaa\xb3\x1c.&gt;)\x83yJJS,\x03r@\',\xa1\xcd\x02D\xdcq\x17\xbd\xaa\x0e\xe4\x90\xc8GZ#\xdet\xe0.\x00\x00\xd0!\x7f\x0eZv\xef\xd4\x07\xfe\x06C\xa6q\xe7\xbf\xb0\x08\x18S\x88(Q\x93\xde\xd5\x01TP|\x99i&lt;\xd8\xa7js\xa0\xb0A"i\x88\xba\xee\x8dJU\xee\x82\x88nq}f\xef\xff\x06&amp;\xf22\xa8T\xd7\xab\xda\x84V\x8b\x84\xa4\x8fGDbE\xa69\xd5;.\x17\xbf!\x17V7\xfa\xa4\x0c^\x7f\x05;O=+9\xe4\xda\x00 L\xfeJ\xeb\x90\xf6\xd4\x13\x9f\xb5\xef+XU\xd5\xac\xc8\xda\xc7\xb2\xa0\x0b\xc0\x02\xf2\x9c\xf7&lt;\xe4\xd9\xb0p\xc3U\x94\xd6T\xf1=\xf2\x12\xa7\xee\xfa\x87\xc7,\x04e\xe115\x8d2\xad\xa9b\x81\xf4\xca*\x00\x80\x91\xba &lt;\xff\x01\x00\x87_\x88\x1eZ\xde\xacK\xdcR\xa0\x1e{+qt\x96+?\x11\x11\xadC\xda\xd5\xef\xb5\x89\xbf\x92\xaaE\x97\xd5\xd5\x02I\x1e\xc9\xe0Uu\xc03Z\xef\xfbKy\xad\xae\xd9ye\xed\xaek\x00\x8ai\xa1Tr8\x03\xc0\xcc\xbd_\x10\xf1\xfc\x17DD\x85\xa1\xcf\xec#\xba\x03\x04\x81n\xb8+_\xe2w\x00\x00PF\xa3\xbbmk\xf1\xb5\xed\x94\xda}\x1d\x87vg\xca\x8e\x0f\x92v\xc7FM$g\xcf\xa4\xfe\xd4\xc5\xb3\xf7\x7f\xab\xdcx\xaa\x82\x8b,\xab~g_\x0c\x05\x08(k\x05\x7f\x8d\x08\xaak\xc67DD\xec6\xfd\x02_\x9f\xd6\x1b\xe9H8\xc4\xbbQ\xac\xf6\xf0W\xa0Fj\x86\xa8b\xb1\xad\x81T\xc5~^x\xed\xb9\n\'6\xd4\xa3\xe3\xa6\x8eP\xbd\x83h\xe6\x90\xdeS\xd2\xddr\x17\x90\xe1J\x85\xfa\x13\xb6\xde\xc25\x17\xf1\xe03\xa4GCW\x06"\x82S\xba\xe0\xc5r\xac\xd7q\xf2ivcJ\xfd\xa8\x02\x08\xa9\xeeXw\xff\x13\xc9@\xa1T%\x15\xeb\xe4\xc5\x11\xb1\xc9\x80\x9d\xa1\x19&lt;h\x1b\x9b\x9b\xfb\xb5.\x04\xdb\x03\x00\x00\xa1\x19\x13\x7f"\xf6_t\x9b\xf9-\x06\xde\xcd\xa8Gv\x83\xd9\xdb\x95T\x05\xa3\x18\x0b\xff6\n\xe3og\r\xdf\x8f\x88\x83\x96\xdd+SmP\xdf\x857K\xc7\xf5a^$\x1a\xde\x9c\xeeb\x84\xb1o\x16\x98\xc63\x08\x92Q\xf0\xf4\x9aw\r\x11\x9f"\x82\xa5\xaa\xf5\x06\x8f\xc4\xfe\xfd\x173{\xf5\xce\xe9t\xf5\x9c\xe6C\xf6 \xe2\x9a\x8b\xff\xaa^\x87C\x07\x0c`\xb0\xe88\x1f\x03\xc7\xffC\x8cb\xc4\x0f\x9cM\x94q\t\x81\xac\x9a \x81\xb8\xf1\x87j\xdb\xf0\xe27\xf5%)\xcb_4e%\x14\x07\x00\xd0\x8f\xb2\n\x14\xb9\xd8\xc6\xb5\x92\xd9\x13)D\xfb\xa9F\xbe-\x9c\xa3{\x1ez.z\x80\xb7\xb4\xe4\x10lS\xbd\xf7\xfc\xebZ\xf3\xc8TO\xc9\xdal\xef8\xf8\x1c\x11\xf1\x1b\xe3\xaa_&lt;\xb4\x03\x93\xd6\xcd5\xa6\x17U\x9by\x8c\xfb\xcd\x1f^\xa0S\t@\x87k\x93!\x83\x0b\x80\x93\x91\x8fP+\x96\xba\x0c&amp;\x16\x81i\xa3\xd5\xbd\x14\'%Re\xbe\xcf\x11\x05\x0b\xbdW\x0cJ\xb1\xae\x93|\xa0\xc3\xd7\xce\x8eR\x0c\x04\x8da\xceth\xb8\xf4$V\xef\xb8\xbc\xd9\xa0]\rz\xb3\x88\xb8\xfc\x06\xb1\xcf\xfc\x1b\x9c\n\xa6\x14;\x8ddI\x8a&gt;G\xd4\xae\xb6\x9d\x14\xf5{mBi\xee#\xaa\xb5\x91f\x83\xd8\x0c\xdb&lt;\x81\xd5m\xbe\xd5\x87\xd0KU\xae\xe6p\xb1\xd3Qy^T\xe4x\xa6d\xed\x01K\xeeP\xa5\xad\xd6~\xa9X\x07^0\xc2\x1aN\x16t\xaeV\x08\xf1I\x19|\xee\x13\xaa}\xfdd&gt;\x81"\xc3\xf4\x7f7aM\x07\xee\\~\x06\xa9\xc8\x10\x9c\xe0\x12\xe6\xa8l\x8daEJ7\x02\xf0\x02\xb0Rt\xdeN\x912\xb3&lt;\xa59d\xad\x02]\xf7\xc6\xe0\\\xdf\xd87\xeb\x05\x97\x99(Sl\xc3:\x17\xa0\xbe&lt;\xb5a)4\xde\xc9\x83\x94\xf7\xc7\xd6o\x11\xcf\xfc\x83\x0b\x8e\xfe\x99\xb0\xe5\r\xf34\xc9\x87\xf9\t\xd13i\x00\xb8f\x80\xbe\xa0\x83\x89\xbf\x80\\\x9a6\x03EF\xdf\xad\x1a&amp;\x1b\x9a1q\x94$"g\x19]\xf7F(\xf2#`\xca\xec\x03\xdfdJ\xe5\x18\x95\x07`P\xb2R\x97\xe4vK4,\x9e \x98\xc6QE\xfd\x86\xf8Z\xea\xc7\x96\xd2\xf7j\n\x00k/\xe1\xb5\xdfh#g\xe1\xfb\x7f\x85\x97\x16\xf2\xf0\xad&gt;\xb4\xfb\xcc\x8b\x7f\xc5J\xaf\x86l\xbc\x86\x88\x18\xdeD\xd1\xa68C\xac\x92Y\xca\x9b\x80ST\xfe\x13\xc4O\x88\xce\xd1\x8a\xb7\xac\x8a\x87v\x04\xebj\xdc\x8b\xc4\x89\x8a\x19\x13\xa9\x15E&amp;\x8b%\xdc &amp;\x97\x17\xbe\x14\xd8\xa2e\x9dnk\xd5\xc7\xc8\xe2\x83e\xa71\xbd\xe7Feg\x1b\xf4\xde|\xf9;\xd6\xe9\xb6\x86\xfdt\xcd\xd95\xb6\x17\x80\xbd\x86\xc5\xfb\xd70h\xd9\xbdM\xd7\x11,\x92\x8az6\xe5Ic\xb9T\xc3\xbe[#\xc5\xcaP\x88x\xe9;"b\xbb\t\'\x98\'A\xb7\xd1!\xd4\xee\xba\x86\xdf\x18z\xbc#S\xe0\xe8\xac\xd9\x00F\xe5k\x8dx\x8d\xb8\xfe\n\xd2/P\xa2+\xf2\x1f\xff\xc1\x12\xe2\x03\x96;\xf6\xa8\xaa\x8b\xac\xab\xb9\xc7\xf7U~\x9a\xb5^Xx\x93i\xfeuF\x89"\x11)\xc0\x84m\x82|A}`?\x10\xdf\n\xd3\x01\'\xb7["\\\xef.F\x95\x9f.\x7f\x9eEjXq\x16\xd7]V\xf13\xcbn\xba\x8eKN\xa0o\xf5\xa1`\x97:d\xc5\x03\xed\x8c\xadUS5wqA\x17\xa1\xd0\x81\x88O\xb9\xa8\x98\x95\x93\xe9\xcf\xb6\xdcD\xbb\xca\xda\xb6Pc\x85\xfcZB\xdd\xfc\r\xd4\xff\xc14~\xfa\xeeO\x92?\xff%8\xd5\xe3\xdd,\xde\xc8\xa7\xc5\x95\x9f\xa8dm\xf3\xff\x105\xd3S\xaf\xaa\x03\x94\xb89y\x81U2\x80\xef\xf0\xd5\x8f\xdb\x8c9\xa2&lt;\x015\x11\x0f\xff.\x06,\xbe\xb3\xe88\x0e^~\x1f \x98\xfd\xdd6U\xdb.V\xfd}Vi&gt;\x0b\x11\x9d\xa3{hPF\x95\xe8\x85S\xb9_\xfe\x81\x8a\r\xfe\xb5\x81O\x9f\x057~ *\x9f\x93\x99n\xbe\x89\tm\x16\x84fL,\x1e\xda\xc1!\xb2\xa0\xb7{L\xe37\\\xc3~\x8bn\x81y\x02\xef[\x1b\xff\nX{\xcd\xd8\x86u\x96\xe9\xcfx\x13\xe9\xe4\x0f\xdb\x8a\x9dL\xca\xb6$\xff\x97\xef\x80g\xec\xf9L\xfd\x7f\xcc\x86\x17I\xb9\x8b\xc8\xffm+v\x92J\xa5\x90l\x85\x98\xf9ew\x9c|:\xaa9\x0b\xd5\xf5\x06\xbd7#b\xe5\xc6Sx,\x06\xb1\xbe\x1b\xb2\xe2\x81\xd4QS\xbeB\x17\xffe\xc4\xb7\x9e\xcf\xe6r\x030K\x00\xabd\x00\'s\xbf\xd6\xadG\x1fn1t\x9f\xb8GQ\xb6\xe8\xa7\xcdHV\x85\x97\x1dw\xa5&gt;\xdd\x92a\x9d\x15^fZ\xaeeB\x9b\x05\x02\x96\xa3D\rD\x04\xb0\x00q\x83bZ\xae\x95\xc6\x89\xba\x95\xab9,-o\x1d\xf3\x1bl*\xb4O\xe9\xb0\x0c\x11\xf7?\xc1v\xe3O(T\xa0\xf3\xab=\xd2\xc0;\xb3\xfd\x84\x13\xaa\xb7\x81\xf5&lt;\x1agR\xcaD\x82\xf1S\xfc\xe2\xca\xd6\x18j\xee\xd7Z\xe8\xec\xfe6\xca\x85q\t\xa3Wr\xe8\xaaG\xe4\xa9~B&lt;\xff\x19\xa7\xec\xf8\xc0=\xc2\x870\x90%@2\x8b\xa8\xd2|VD\xd3\xe9\xd4\'\xbc\xef1\x8e\xdf\xfc\x9a\xa8D\xbdG\xd4B%\xd4\x90\xd2\xb7\xc4E\'+\xe6\x0c\xef\xda\xf7\x18#%\x91(\xf8!w\xec\xd1\xf0&amp;\xd3\xa4\x8f\x05\xf2\x9b\xc5_C\t\xc6\xba\xa6%k/8\xfa\xbb\xdb\xf4\xf3f~\xd9\x00\xa6`\x12\xdb\xa8\xdf\xb6Z]V\x91w\xdae\xda9!K),\x86&gt;\xcd-\x03r\x86\xacxp\xe0)r\r\xc0P\xdc*0W\xc5\xb2\x8a\xcc\xd8y\xf7C\x15\x9f\x80z1s\rpGD\x00G\x00\xe89\xe7\n)\x8cC\x84h\xb5\xbf\xdd\xf8\xe3\r\xfbnSy\xbbb\xc6n|\xc9A\xb0\xc25\xb6W\\\xf6&lt;\xe5\x9b\x14d\xedD\x8d=\xff\x1bDDl&gt;d\x0f\xdb\xdcY1|\x8d\xc8\x1b\xf4\xd0s\xce^I\xac\xf0n\xd0{3\x94\xa8)|F\x9aS\x92\xb3e&gt;\xf59l\xba\x81\x00e\x01\x8c\xc18F\xa9 \xbf\xd6\xcd&gt;\x08\xc6\xbeY\xf46\x81*sR\xee"0\x8aq\x8c\xca\x0b\xa9?^\xd9xZ J\xa6\xe5\xad\x8bh\xca\xaeS\xec8\xe9\x14\xbd\x01b\x99#\x87\xe5&gt;v\x8cX\xf3\xa4\xb4\xaa\x8dL9L\xe3\xfee\x8b\xabj!\xc6G\x97\xbec\xf9ZTH\x8c\xa2\x00\xd6\x0f\x10\x111w\xdc\xb1\x02*\x175dv\xac\xd4x\x8a\xb4K\x92\xea\x9e\xac\x04\x91\x9f$\xa2\x83\x92\xb9i%n\xdf\x92\x91o\xf5!*N\x93\x19pH\xfa\xb8\x06\xbd7o\xbf\x83*\xab4\x17\xbbqn\x90\x9f\xdc[\x1c\x88-\xb8\xde\xb8\x08\x8e\x83]]M\xa5{\xa4\xf1\xab=\xa2D\xc5\x8e\x8c.5\x8bGD]w.Z\x19\x12,\x92\x18\\T\x1a\xa0\x94\x7f\xaa6B6\x855\x9c,j\'\xcd\x19*Qk\x1f\x1ej\xe9Y\xc9\x9e)v\x9d~\x9e\xa8Q\xa2\xac\x9d\xb6\x19\xe8GZ\x06\xe4\xe8\xb8\xa9\x8f\xb2\xa5\x05\x1a\xf7\xdf\x81\x88\xc7\xdf"s\x7f\xe5\n\xf5\'\xf0\x19\xb7;\xa2\xd9\xf4\x13\xefX\x06p6\x88\x92\x99\x01\xf0V\x1a~\x08\x11\x97\x8a\xa9\xc9\xa5U`n\xe6\xe0\xdd\xffW\x1b\xc9^U\x07 \xe2\xa4\xed\xefd\xbe=]\x8f\xc6\xddf\\\x00(QP\x05\x13\xa1S\xe9&amp;\xe2\x8e\xbb\xea\x1d\xc9\x00\x00J\xd5\xce\x9bui\xc7=\xf4\xab3\xf2\xa1\xb8NN\xdc\xf6N`\xebY\x86\xd1#|\x85,\x83\x14!\xf5\xc7#"\xb5\x1aT\xb0\x01\x01\xa5\xd0\x15T0\x0e\x00 \xa2\xd9t\xb0O\x13:\x17n\x8c\xdb\xf4\xca\xbf\xce\xa8\xec\x91\x87\xf8H\x8c\xef\xd9\x8bA\x15\xb0O\x83b&lt;\xccG\x07/\xbfO\x05\xc0\xa0\xfa\x85\xfe\x8boO\xda\xfe\x9e\\\x80\x88\x07\x9f\x91\xd1\xaa\x0f\xe3T\x85\x15\xad$k~\x0b\x8e\xfea~\xcb\x92\x93\xb8\xf0\x18\x02\x18A\xb1j\x00\xfe\xc5\x82\xda\xee~\x80L\xa2v*\xc1\xa1\xae\x7f\x9d\x91\xec4\xca\r\xab\xc8v\xc0\xdc\xb3\x17\x02WR\xaaS\xef\x99\x8e\x0c\xc2\x9bL\x1b\xbe\xfa1\x80wH\xfd\xf1\x1b\xaf\x15\xb6\xf1\x04\x13\xfe\x85!"b[\xce\r`:Aqi6hW\xcf\xb9W\x83\xea\x8e\xa1}\xfc\x0c\xddo\xd8E\xfb\xe1\x1b\x01\xf5\xe9\xaa\xb5_\n`G\xfdi\x1f\xde\rL\xe5\xd5\xe7\xff%4\xe8\xbd\xb9\xa0#p(\x87?\x93\x945\x17\x0b\xe5\xf6\xa4Mu\xaf\xaa\x03\xe6\x1e\xfa\t\xe0$\'Wn \x8e\x8cd\x87\x8c\x03\x8fZ\x07\xb7\x03\x00\xb2\xb7"4iy\xeb\x06-\xbb\xc7\xf0\xe2\xf4\x9e\x9b\xc4?M&lt;\xb06\x89}\x8c\xd8\xa8\x1f\x97\xbd\x1e\xe0&lt;\xe7[sQ\xa6\x0bF%\x02F\xaa\x11\xea\xf9\x96\xaa\xdc\xe5\xc2\x17\x14\xc7\x96b\x80~\x94\xd8T\xb5\x08\xbf\xc1\xc5\xfeCK8\xa57\x19\xb8\xd3=\xa1\xaf\xa862S\x80\xd2\xf7j\x86H\xac\xa0\xb5I \x98\xc4i\xe6\x9e\xcbN\x91_\x8c\x1f8\xd4\x05\x00\x97\x98\x9e\x96\x019\x1a\xe4\xfe\x1f\xac\xf0\x10y\xde\x17\xaf\xc1!2\xb14\xa6.\xd1=Y\xd9\xc7i\x07C\x9f\xe6\xb3\xf6}\xddt\x1d\xc9\x18\xc8\xa4lK\xd1g\xa8S\t\x00|\xab\x0f\x01\xf0\xb7\xf0o\xe3\x91\xd8_U*%k\x81a4\x00\x94\xad1\xccC(\xcd;\x8dx\xafd\xd1\x17\x11/|\xe56m\xe3\xba\xdf^,\xb8-\t(A\x11\x999C\xd9\xc5Jd\x96\x8dju\x16P\x87\xd3\xb6b\xa7B\xa4\xbe\xf9\x1fBc\x95L\xea\xe1\x91\x97\xc8\\\xef\x90\xda0\xd6T\xb1\xd6)\xdd\xaf\xce\xc8V#\x0f2\x087k7\xff\xc8\xef);&gt;Tk\xb7T\xa3\x1c\xffC\x8ci\xb9V5\x85lI4d\xc5YD\xc4\xb6\xe3\x8f#b\xcf\xb9W\x19\xdf\'\xd6\x05rm@\x89\xa2[\xf8\xb7\xb1\x0enW&lt;\xb4\x03\xff\xa5TI\xcb\xe1\xfb\x83\xea\x8eep\xa1dSf\xc6\xde/\x88\xa8\xef\xd5\x0c\x00\x8e\xbf\xc5\xedw\xb0\xe5\xf0\x03*\'\x9a\xe5\xc9\x97\xb8G\xbc\x87D;U\x06\xc0\x06\xc07\xac\xa1\xa2\xf8\xf1\x86U\x18\xfd\x06\x8di3\xe6\x88\xcc\xea:\x85W\xd5\x81\xacC8\x13\x0c\xcbdr^dw\x89\xe9\xf5\x8aV\xa0i\xbb?)\xb9\xd0\xc26\xac\x93\xc2\x13=\xe6\\\x11\xd0*A?\xd2\xd87K\xa8\xc4\xb5\x83\xb0\xa1\x96\xfee\xb8^\xfb\x8d\x88\xf8\x8e\x8dEB@\xea\xa8K\xdfq\xec\xa6W\x8a6)\xcb"\xb2\xb0\x8d\xb0\xa9\xd0a\xc9I\xa2+\xab\x86\x83\xcfp\xec\xc6\x97\xe6\xfe\xffy\xbf\xf0\x82C\x87\x89\'ktZY\xd0\xc5P\xca0\xb1s\x0e"~@\xac\xd7c\xa3G\xa2hz\xf7@\xa4\x18%\x83\x07\x18F\x1f}Ez/kqs\xef\x0c\xae\x193\xf6~\xe90\xf1T\x83\xde[\xb4\x1ab\xd5)\xfd\xc03nA\x0bD\xdb\xd5\xfb\x1e\xe3\xf238\xe7\xc0wDT\xb6\xe7\x12\\o,\xf5\x94N\xbe\xc7\xc0\xb41\xb2W\xe8V\x0ek8\x19@Gn\xd5\xd6\x92}\xc18a\x9d\xa2\xac\x03\xd6\x80"\x955\xdb\x03\x0bu\x8c\xca[v\x8a*\x13%iPc\xd2\x9d\x00\x00 \x00IDAT-\xd9\x92\x8ci9\xc7=\x81\x8dA\xf2\x7f\x10lk\x1dz\x8e\x94\xdb\xf8\xff+\xea,\xb0$2\xcb~`\x9d\x02\x10\xcaV\xf3&lt;\xb8\xdeXGE\xba\x10\x94\xee.\x8b\xb4TF\x82\xa2Q\xa2P\x85\x88\xf9{\xd0W\xe4Tf\xc6LH\xbc \x99\xbd\xff\xdb\xa1\xe7\xf8Y\xae\xf9&amp;\xffo6h7\x00\xe8{5\x1b\xb8\xf4\xee\xd1\xd7\xa2\x0b\xc6o~\xdd{\xdeu\x80\x92\xa2\xeb]\x1a\xb4\x18\xb6\xef6b\xc7I\xa7z\xcc\xb9\xa2\xdd\x08\xc4\x00\x00\x1a5D\x0ei\xee\t\xfd\x06/\xbf\xaf\xfakBi\xa4O\x1a\x008\xc4\xb7\x9eO\x8c&lt;\x16\x1c\xfd\x03\xe0\xa94!aD :\x88\x1d\x7f\xee#\x82^\x04\xafi\x97\xaa\r\xa0\xa3Y\x12\xc5r\xc6\x1c\xa5mMI\\\xebF\xae}\xdam\xc6\x05\xcd\x12\xff\xbf\x83H\x9b7\xe8\xbd\x19\\\x1a\x14tY\x94\xe2\x932\xb8\x10\xad\xa3\x1a\xc5\xf0\x1d^\xb4\xe2\x94\x1d\x1f\n\x89\xb3\xc4\xff5\xa6\xf1\xab/`\xe6\x90=\xb4\xa6\x99\x9bowAb\x1d\xd2N\xaaw)\x96L\x8e\x9b\xfb\xb7\xae\x9b\xbf\x9e\xbe\xb9\xb8\xf88n\xba\x8e\x00@V\x07\xc9\xc1\xfdO\x90\xc4/\xbf\xf8\x8dz\x08\x9a\x9a\x07O\xdc\xf6\x8e\xac\xf7V\xccP\'\xbb\xa1\x1b\x8e"\x03fn\x18\xf7]xs\xf9i,_k\xb8\xea\xeb\xa4\x83\nS]\x92\xa9_\xed\x11\x00E\xbaN?O$\xa7\xef"\x82\xadR\xa7j\xdf\xeaC&gt;\n\xe0\x98\xd3}\xc6\xc5c\xafI\xb2z\xd4\x1a\x06?\xec\xb8\x8b?\x05t%*W\xd0\x86\xa6\x7f\x1fW~\xf0\xb8\xca!\x14\xa4E\x18,\xa3A\xf6\xafB\x89\x86@\xc1Q,\xa8\xed;q\xc5`\xb3\xa1X\xa8`\xd7s\x8c^\xff\x9c\xb4\xb9|\xaf\xfei\x9d\x125\xa9\x9f #\x8d~\xe6\x1fD\xc4\x1b\x881Y\xb3e\xef\xd2\t\xa3\xf7\xdcW~\x8a\xfac\xcd\x8bS\xa7\xdb\xda\x96#\x0e\x8c\xdd\xf8\xd2\xc2\xbf\x8d\x8a\xcb\xf4&lt;\x1a\x1f\x7f\x83\x13\xb7\xbe\x85Ru8\xe5C\xb9\xe1U`\x12\xf5\x8f\xf6\x96%\xe3\xe9\xaa\xb9\x8b\xc1"\x89\x1c\xaf\xd2bV\xdd\xfc\xf5t\x1d\x0f\xab\xc0\\\xc9\xfdE#\xeb\xe6\xafG\xc4z=6\x00\xb8p*\xb0\x1a\x88\x89\xd9\x89\xb7\xfc\xd5\xc36c\x8e\xcc;\xfc\x8b\xb7\xe4\xb4\x89}\x1a\x80e\x91\xd2\x8d\x84q\xe1-H\xb7`V\x91S\x0b\x04\x12Ss\xdc\xe6\xd7\x96\x819\x00\xe6B(N\xb8\xc5\xf5\xb6\x0b/\xd4\x92\xeeL0.\x9b\xc5\x97\x9f\x98\xb8m\xf2\xf1N\x1e\xb4\xe4$\xfb&amp;\x80I,[g\xc6\xbe\x03\xd20\t\x08\xcd\x81\x01K\xeel\xbe\x81#\xd7&gt;\xfd\xbb{_\x11\xc5+\xd4\x9f\xa0\xf0\xc4\xdc\x83?:N&gt;\xad\xec\xb6\x86}\xb7\xb6\x9bp\xa2\xfb\xcc\x8b\xd3v\xfd3f\xe3K\xae}!\x00\x84\x90\x7f"3g "\xe8\x853\xe8\xa5J\xd1\xb6u\xd8E2u\x8e\xee\xd1c\xce\x15v\x05\x04h?\xe1\xe4\xf4=\x9f\xe9G\xa6\xec\xf8P&lt;\xb4C\xafy\xd7\x10\x11\xc0k\xd4\xbag\x92\x1e\xda5\xe3\xb5l\xadpm\xd0{3\xd8\xa7\x01\xb8\x11+0\xdeAD\x96\xa2\xbf*\xb1\n\xca\xf5Nf\xe3\x07\xcc\x95\xe0\xf4q\xf7\x10\x07-\xbb\xc7\x97\x03\x92S\x95|\xdb\xb0NO\x10g\xed\xff\xaa\xe7\xd1\x84\x974i\xfcKt9\x1c\xa3\xf2\x00\xf4\x95\x9c,c\x15\x94\xcb\xd5\x81\xd2\xb4N\xb75\x00\xe5\x00\xec\x9c\xa2\xf2\xc1\x8es\xa3\xa0\x94\x8b_\x0bo\x9b\xdbu\xfay\xd2%\xd4\xeb\xb1a\xd7}\x1c\xbe\xfa\xb1\x92\x0bK\x91\xcb^"\x121BM"\xa4j\xd4\t\x15\x8dD\xc4\xda]W\xcb\x1e\xd7\x0bo9\xe2\x00\xd9n/[c("\xa6\xe5\xadg\x9f\xba]\xf5\x8e\xcb\x01\xc28\x96M9\x0b\x8f\xfe\xd9\xff\x14\xcbT\x1b\xfc\xff\xab/\xcb\'\xa2\x0e\x98X,2\xf6\x0b/\x02`h\xee\xdfz\xce\xc1\xef\x8a\xce\x1a\xaa\xd8\x14 \xb1u5\xc5)]\xf2\x7f\xeb\x94\x85\xc7\xf0\x86d\x8d:l\xf9i%_\x84Q\x8c\x7f\x9dQB\xc4\x99]v\x9a\xe7P\x13\xee\xa0\xc3\xff\x97\xe3\x932\xd8*(\x97~\xa4\xdb\x8c\x0b\xa4\x05Q\xbb\x19\x00\x00`\x18\xedW{dl\xab\xb9*\xc5_\x9c\x00\xfc\x8e\xbe\xc6\x9d\xf7Q\x9b\x92C\x7f\x1b\n\xdd\xb1L\xc1"\t\xecRu\xdc\x1aj0?3#\xff$\xb4Y\xa0\xa0e\xd7\x18RaxO\x96F\x18\x98\'\x12\xef\xcc\xcaM\xa6\x12\xf1&lt;f\x04\x9e\xfe\x88\x88x\xe9;Vn25\xa8\xeeX\x15\xeb\xd5\xbb\x1f\x88V\xd5~K\x96\xd7\xb8\xe9\x9e\xda#\xe2\xd9O\x9c\x1f\x88\x05"\xba\xcbyX\x92"M\xd9\xf1\x01\xc0\xa8\xcf\x82\x1b\x1c\xfax\xbf\xda#\x8c|Z0Y`\xe4@\x85\xfa\xe3\x9f\xa9\xdc\xf3\xfb\x0f=\x8f\xc6\x88hR\x8e\x85\x9dT\xe6\xe0\xdd\xcf\x11\x95\x8f\xcb%8G\xf7 U\xa2\xdf\xa2[\x8a\xfc\x98C7^\xc3L\x81\xb5\xbb\xa5)\xd7\x7f\xf1m\xb0I!\x7f\x845\x9c|Oz\xbd\x9aF\x10{\x85(\x0ej\x16\x82\xe1\x10\x99\xa7\xeb\xde\x88\xf3\xed-\x86\xed;\xf5\x1eI\x1bM\x96\x02\x02RG\x89?\xef\x1057\x9b\xc4]\xfc\x8a{\x1eb\xebQ\x87\xd4\xcb\xa4\xd9\xa71U\x9a\xfd\x0f1-\x87\x1f\x90\xe9w\xe3\xb3\xe7sN\xadf\xe7U\xd3\x95\xfa\xa11\xa2r\xe3\xa9^U\x07\xc8\x1e\xd5\r\xef:\xfd\xbc&amp;\xc9\xaa@\xdf\xab\xe9\x0f\xa9mE\xf5\xa6=-\x86\xee\xe5\x9a[0\x80\xd3\xa2c\x88\x88&gt;)\x839\xc7*_q\x16\xb9\x86\xcfs\x03(\xa3P\xe1\xf9\x9ax\\`\x1b\xd6i\xd7}.\xfb\xacM\x07\xee,R\x9a{C\xa1\x96\xa2\x9e|\xcc\xa2\xfe\xbd\x10YY\xb6o-\xb4\xc1D\x00]\xb5\xa2\xb3\xf3\x8f\x88\xea\x87b[Z\x8b\xa46c\x8ed\x8f&lt;\xa4\xcd\xc0G\x1d\'\x9f.U\xa9\x0b\x00\x847\x9dF\xca\xe6\x932\x98\x87tmk\xf1\x90\x88\x0c\x16\x01\xaa6\xd8i\xd8):\x18\xa2\xe1Z1-\x92\xa2(\xfevz\xcf\x8d\xcavA\xe8\xf4\x10\x87va\x1c\x18KX\xc9\xd0\x7f\x1f\xadF\x1c\xb0\x0ei\'u\xc8,!1g!K\x9dq\xd1k\x8di9g\xfb]M\xa6\xaa\xde\x93w|P\xf4\x15\xe9j\xaa\xcb\xaf\x18\x170\x8c\x06\xdd\xf0 \xb1\xf7!\x93{\xc4\x1e"\x08\x0e\x1ah\x0eSJ\x1dF1\xadF\x1e\xec&gt;\xf3\xa2\x16\xa2\x80\x94\xaf=\x02\x11\xb7\xddV\xfa3\x9f\xa2,\xea\x92\x942\xab\x8c\xc9\x9a\xa3&lt;\x08R\xa1\x82ukfZ\xbe\x95[\\\x1f~CS\x08\x81[\\o%m\xb8\n*\x82Q\xb4\xfa\x85}\xb3\x84\xceS\xce\xf8\xa4\x0cQ\xe6MZ\xa4t#D\xfc\x85\x08P\x1e\x9c\xea\x01\x04\x19\x96i&gt;`\xc9\x9dA\xcb\xeey\xaa\x96\xbe\xe2\x01\xb7\xad\xb7\x10\xe5C\xf6r\xa1D\xebQ\xbc\x88uK\xa1\xb3\xed6\x8e,|\x81\x91\xd5\xb2J\xb4\xbf\x86\x13\xb7\xbe\x15X\xc9\xdd\r\xc0D\xc8\xf4\xff\x02\xf4&lt;\x9a\x90\x1a\xec\x10\xd9\x9d\x95,\xbb[\\o\xd1*\x96c\xbd\xa1+\x1fr\xcd\xdf\x13\x0c\xa2\xc2\x1aN\x96WX,\x16\xd4\x96\xe5^\x0bsC0\x96&amp;cE*\xdfg\xda91\x82Z\x97\xbe\'\xfc&amp;w\xcb\xe1\xfbQ\x14\xf2E)o\x11\x11q\xed%&gt;\x7f\xe3\x7f\x14"\xcc\x13\x15\x8e\xad\xebt\x93W\x02\x91B\xdf\xbb\x19mXV\\\xfe\x02\xea\xec\r\xc4y\x87~6\x19\xb0#&gt;{\xde\xbe\'x\xfd\x0f\x9ed\xac\xc6\xcf\x1d\x97\x06W~`\xf6\xc8\x83`\x93\xa2\x99\x7f\x9a\xce\xfc\xc3\xbf\xf8\x1di\xb9\x02\x14On\xb7$\xb9-w\xa3\x8f\x82b\xdb\x1d\xd1K\xddv\x1b\xc1U\x91/,W[M:E=\x9b\x82k\x03\xa9\x1d\xfe\xffK\xb2G\x1e\x94\xb4\xb9\xe2\xcd\x15\xf6\xf0\xbf\x06\xd5j\xe4AT\x19d\xbe\x88{#j\x16.\x18\xde)\x1d\x96\xf1\x12.\x86\x8eD\x1e\t\xd1\xc0;\x93\xdf\xc4\xe5\xa8\xd0|\xc8\x1e\x06v\xf5b)\xc1"\x955\xce\xb1\x90E\x07Q\xb0\x17h\xa9\xfdR\x14(&gt;\x00A\x006\x00\x9e\xa1\r&amp;RR\xe4\x88x\xe0\xa9\x8an\xd2M\xed\xba\x08u\xf6\x1bb\x93\x01;DG\r\xaat\x98t*\xa1\xf5\x02~\x7f\x832Z\x0e\xdf\xaf\xf9\x1aL\xad.\xab@?\n\x00\xc0ZY\x1bh\xc5\xc2\xf8\xf9\xc2W,[c\xa8\x86e*(\x16\x887\x1e8X\xb1\xcbc\x11\xd0F\xb1V\'\xc3\xa0\xd0\xc2\x07S+X\xf4&lt;\x9a,=UX&amp;=\xd5;._qF\\\x18\xd7\x8c\xf7\x88\xe0\xac|\x84d\x14-P1\xac\x83\xdb=A\\r\x12\x11\xf1\x8903\xc2\xd4\xeekI%\xbf\x8bx\x9fQUw\xb2\x0c\x94\x04Q\xc8\xe8\xb3\x85\x99.\xbf\xab\x00\x0e\x02\xaa\xa8\xd1i\x05"\x82U\xb263U\x81\xb1o\xd6\xf5?Xh\x83\x15\n\x8fa\x97i\xe7D\xd2\xa76\xd5)\xfd`(^\x03\x00\xe6\x1e\xfc1C\xda\xe7\x87F\xb1\xe9\xbbE1~\'\xefx\xaf\xcc\x07\xe9\xd8\x1bQ\x82W\x7f\xf1d+\xc7\xdd\xc9J#\x02RG\xad\xbf\x82\x86&gt;\xcd\x15\x9e\xf5\xab=r\xd8\xea\xc7\x888s\xef\x17e)\x94\xa8\xd8\x11\xc0$\xb8\xde8\x8f\xc4~\x80\x88\xa7?\xa0\xc6\xf17\n\n\xdf.\xd3\xceA\xc9\xda\xbc\xa4\xd5u\xfay\xb5+-J)Vm\xd7\xfd\xc2\xd29\tF\x19\xae\x81\xeb\xf9F\xb7r!Y\x02\xa5\xbc\x8c\x04.\x8f\xa1o\xf5\xa1Dk\x02\x11\x8f\xbcBs\xff\xd6\x00\x06J/\xa7\x8d\x05?I\x97\xcd\xc8\xa7\x85`\x85d\x8b\xfbs\xc49\x07\x7f\xb8\xc4\xf4,\xe8\x92\x881\x8e\xfd\xffUV\xb7HzJ\xf3[]~\x86Q\x95\x8ej&gt;\xd3\xab\xea\xc0\x85\xc7\xa8\x8b]\x94_\xab\xbf\xf1\x1a\x0eY\xf1\xa0\\\xcd\xe1\xbct7#\xd7&gt;M\xed\xb6V\xf3tXc\x96\xb0\xf7\x11&amp;\xe5.Rr\xda\xae\xf5\xe8\xc3\xaa\x1e\x9dk\x83=\x0f\xb1Q\xbf\xedD4\x06\x9a\x0c\xd8\x99?\xfb2g{\xcb\x02B\xad\xcf\x96\x0b\x87D\x9b\x0e\xdc\xe5[]\x93\xc5\x00\xe6\xde)\x14\x1e\x88X\x985\xe2\xc5\x14\x05\x00\xbb\xca]\'n{[,\xa8mA\x17\x06@?\n\x11\x1f\x17|\x07\xac\x83\xd2\xf0\x1f\x08\x9dFH\xfa8z^\xf3\x0e\xffT6\x0c\x97\xc6]\\6+\x10YB\tXHV\x18\xfbf5\x19\xb0\xe3\x06"\xb5\x9amZ\xae\x95Kt\xc1\xf6\xc7f\x05\x9a{\x81\xe1\x10\x99\xb7\xf3\x1e\xfaV\x1f"&gt;\xe0\xb8\xf0\x18\x86\xa4\x8fWs\x9bs\xbaI\xd9\x96\xed\'\x9c\x14\xd51&amp;\x12.&lt;\xe1\x16\xd7;4c\xa2*\xb5g\xc1\x08o:M\xb5\xa2\xed\x1f\xe5\x1d\xf0\xfc\xc3\xbf\x10\xb1~\xaf\xcd\xfb\x9f\xe07D\x00\xb0\x06\xf0\x11\xa4\x98\x82\x11\x9d5\x1b\x11\xfb,\xb8\xa1\xec\x822\xd5\xb8\x99\x9b\x97-\x88\xd0\x84\xfe\xbc\xa6V\x9c\xaf\xf5\x00yz\xce\xb9z\xee3\x1e}\x85l#\x19\xfc{)B\xef\x11\xbf\t&lt; H\xe9\xb0L\xa6\xbf_y\x16\x9d\xaa\xf4P{ch\xc6Dj-\x11\x00@/\xc2\xb9J\x0f\xb6\xe6\x11\x93w|@\xc4\xceS\xcfr(\xb9*\xac\x92\x11q\xf5\x05\xac\xd3mML\xcb9\x99\x83w\xbfC,\xe4\x06\x8f\xeb.#"\xfe\xfb|\x1a]bz\x96\x08\xed\x98\x98\xb3\x10\xc0\x02\x00\x12s\x16\xcay\xed\xfb*\xec,\xfcj\x8f\xbc\x8f\xb8\xf6RA\x0c\x88m\xaa\xfbV\x1f\x12\xd9l\xc6\xa6\xeb\xa2\x8f\xe2\xdcg\x0cH\x1dU\x00%\xa1c\x14\xa3\xccX\xfa\xd8k\xdc\xfb\x08m\xc3:Uj4\x85T!3\x86a\xc9\x0b\x0fK%\x81\x95\xfeC\x06\x1f\x19#a\x1d\xb7\x86\tmx\xb0q\x08L\x1bC\x9e\xf9\xae\xfb\xf87Z\xa6X\x05\xe6\xb6\x1eu\x98\xdf4c[\xce\xd1\xca\xfa\xb3\x88\xf0&amp;\xd3P\x11\xa3\xd7?g\x97\x90eU\x0e\x05\xee=\xff\xba@\xbfq\xff\x13D\xc4\xf1[\xde4\x1d\xb83\xac\xe1dDl\xdc\x7f{!\x16\xb4\xf2 O\xcf\xdc\x8f\x8a\x14\xa9[ \xf30\x010\x85\xa2\x91\x81i\xa3\xc1,At\xc0\xa1\xae\xf4\x05\xd6BH\xc9\x02\xc0\xb4\xdd\x9f\xaawX\xce\xf5n\xef\xa8\xcc\x992\x1f\x85\xd8\xceK\x10\xd5\x17\x80\n~\xb5GN\xde.\x8a\x8eq\xfc-&gt;D\x1c\xb7\xe9\x15\x93;\xef!\x06\xd5\x1b\x0b\xe0\x0c`\xefT%\x1f\xc0\xb1\xee\xe0\xe5\xf7\x85)\xa5P\x10\xf7\xdf\xb9\x87~\x16tA\n\x1f&amp;2\xa2q\xc5N\x7f\xc4\x0b_Q\xf3\x80\xca\xa5*uA\xc45\x17\xb9\x85\xfc\xe4\x01c\xdf,\r\xac\x84|\x9b\x0f\xd9\x83\x8a\x04\x9e8\xf3\x0f\xedk\xef5\xef\x1a_\</t>
        </is>
      </c>
      <c r="E359" t="inlineStr">
        <is>
          <t>&lt;class 'numpy.ndarray'&gt;</t>
        </is>
      </c>
    </row>
    <row r="360">
      <c r="A360" s="1" t="n">
        <v>358</v>
      </c>
      <c r="B360" t="inlineStr">
        <is>
          <t>steps_per_sec</t>
        </is>
      </c>
      <c r="C360" t="n">
        <v>5200</v>
      </c>
      <c r="D360" t="inlineStr">
        <is>
          <t>5.360437</t>
        </is>
      </c>
      <c r="E360" t="inlineStr">
        <is>
          <t>&lt;class 'numpy.ndarray'&gt;</t>
        </is>
      </c>
    </row>
    <row r="361">
      <c r="A361" s="1" t="n">
        <v>359</v>
      </c>
      <c r="B361" t="inlineStr">
        <is>
          <t>Loss/localization_loss</t>
        </is>
      </c>
      <c r="C361" t="n">
        <v>5200</v>
      </c>
      <c r="D361" t="inlineStr">
        <is>
          <t>0.004137953</t>
        </is>
      </c>
      <c r="E361" t="inlineStr">
        <is>
          <t>&lt;class 'numpy.ndarray'&gt;</t>
        </is>
      </c>
    </row>
    <row r="362">
      <c r="A362" s="1" t="n">
        <v>360</v>
      </c>
      <c r="B362" t="inlineStr">
        <is>
          <t>Loss/classification_loss</t>
        </is>
      </c>
      <c r="C362" t="n">
        <v>5200</v>
      </c>
      <c r="D362" t="inlineStr">
        <is>
          <t>0.11415445</t>
        </is>
      </c>
      <c r="E362" t="inlineStr">
        <is>
          <t>&lt;class 'numpy.ndarray'&gt;</t>
        </is>
      </c>
    </row>
    <row r="363">
      <c r="A363" s="1" t="n">
        <v>361</v>
      </c>
      <c r="B363" t="inlineStr">
        <is>
          <t>Loss/regularization_loss</t>
        </is>
      </c>
      <c r="C363" t="n">
        <v>5200</v>
      </c>
      <c r="D363" t="inlineStr">
        <is>
          <t>0.03613848</t>
        </is>
      </c>
      <c r="E363" t="inlineStr">
        <is>
          <t>&lt;class 'numpy.ndarray'&gt;</t>
        </is>
      </c>
    </row>
    <row r="364">
      <c r="A364" s="1" t="n">
        <v>362</v>
      </c>
      <c r="B364" t="inlineStr">
        <is>
          <t>Loss/total_loss</t>
        </is>
      </c>
      <c r="C364" t="n">
        <v>5200</v>
      </c>
      <c r="D364" t="inlineStr">
        <is>
          <t>0.15443088</t>
        </is>
      </c>
      <c r="E364" t="inlineStr">
        <is>
          <t>&lt;class 'numpy.ndarray'&gt;</t>
        </is>
      </c>
    </row>
    <row r="365">
      <c r="A365" s="1" t="n">
        <v>363</v>
      </c>
      <c r="B365" t="inlineStr">
        <is>
          <t>learning_rate</t>
        </is>
      </c>
      <c r="C365" t="n">
        <v>5200</v>
      </c>
      <c r="D365" t="inlineStr">
        <is>
          <t>0.07998374</t>
        </is>
      </c>
      <c r="E365" t="inlineStr">
        <is>
          <t>&lt;class 'numpy.ndarray'&gt;</t>
        </is>
      </c>
    </row>
    <row r="366">
      <c r="A366" s="1" t="n">
        <v>364</v>
      </c>
      <c r="B366" t="inlineStr">
        <is>
          <t>train_input_images</t>
        </is>
      </c>
      <c r="C366" t="n">
        <v>5200</v>
      </c>
      <c r="D366" t="inlineStr">
        <is>
          <t>[b'640' b'640'
 b'\x89PNG\r\n\x1a\n\x00\x00\x00\rIHDR\x00\x00\x02\x80\x00\x00\x02\x80\x08\x02\x00\x00\x00\x83\xaf^t\x00\x00 \x00IDATx\x9c\xec\x9du\x80\xd5F\x13\xc0\x07\xb7\x03\x0eww\xe7pwwwwwwkqww)\xd0\x16w\xa7@\xf1\x02\xa5\x94\x8fR\xa5\x94\x02-\x85Rh\xa9\xcc\xf7G^\xf26\xc9\xeef#\xef\xdeq\xec\xef\x8f\xbbd\xb32\xc9KVgg\x00 \x1b"\x02\x03D|\x84\x08\xe9\x9a\xb2"\x18\x08\xc9\xd7\x8d\x95O\xd5\xee\xeb\xb2U\x1f\x0f\x00\x89\n\xf7\x06(I^2\xc4\x04\x80T\xa5\x07\x03\xc4!\xc3?\xba\x85\x888{\xf7\xcf\x000g\xcf\xe3\xbd_\xa2\x16\xbf\xfb\xcc\xb3Z&amp;[.!\x99\x15-\xf3\x8cMG\xec\xba\xf4\x0c\x111\xb4P/R\x00D\\q\xe2\x95v\x9a\xb9\xf2\x18\x93x\xb1\'m\xf9\x1a \xb6\xd0\xb30\xdd\x9dA\x9e\xd2\xed\x96pDM]f\xc8\xf9\'\x08\x90\x9b\x93\xb3\xc6\x9a3o\xc4ErF\xb7\xe9g\x02\x979\xe7\r\xb4I|\x8f\xf2\t,\xde\xdd\xafD"\x89\xbchU&lt;\xeb\x92r\xdct\xc4.G\xd9\'\x98\xbd\xfb\xe7sO\x10 \xb5\x92[\xbf\x05\x97\xbeG\x04\x80\x87\xdc&gt;\x01\x00\xfc\xe6\x8fP|\xc8\xd2\xeb\x00\x001\xca\xb5\x18\xbdW\x8b\x96\xb1\xe2(\x00\xb8\xf2\x02\x0b6\x9aiHK\xfc\xcd\x0f\x00\xefo\xff&gt;A\x81\x1e\x00Q\x80\xd1f\xef\xb9\x831stPN\x1b\r\xfd\x90\x88\x10\n\x00\xd9\xaaO 3\'\x8ecN\xd9\xf6\xed\xe8\xb5w Y=5\xb8("N\xdc|\x9fuS\xda\x1d\xb5\x9dp\xb8\xc9\xf0\x8f\xcb\xb6_\xd6w\xfeE%\xa8F\xef\x8d\xb4\x87Q\\I\xbb\xfc\xc4+\xda\xd5w\x93\xbc\xc1\x16\xc0\x9a\x08\xd2\x00G\x101$\x12\t\x95T\x888e\xdb\xb7\xf4\x8b\x89j"b\xc9\xd6\x8b\xdeX}\xc6\x0ft\x112\xa8\x9f}t-h\xc7g\xfev\xd1@\x8b\xd1\xfb\x0c!g\x7f\xf6\x0fX\x15\xf2\xd4}O9UFi%\xdb,\x02\x00\x08\xad\ti\x9a@HU2-"\x02\xa4\xd1N\x87\xaf\xbcE-\x97h\xa1K(\x07\x0f\x10\x0f\xddG\x00h4\xf4Cm\xf0\r\x00\xa7\x1f\x1a\x1a\xdd\x9c\x90\xb8\x96rz\xe1\xa91\xdb\x14%\x06\x02\xc0\xf4\x0f\x7f4\x84\xaf&gt;\xf3\x06\x11!]3\x80\x8c\xe6\'\x00\x00#W\xdf\x06\x88A\xbd\x140\x92\x85oq\xef\x16\xb2\xe5\x93H$FX\x83]6\xd9!C\x0b\xed\xa4\xcb\xb4SE\x9a\xcf\xf5\\*\r\xead5\x85\xd4\x8d)ae\x86\x02\x00@V\xe54q\xe1&gt;\x86\x08\xdd\xa6\x9f.\xdba\x99\x92m\x81\x86\xd3\rC\x7f\xf58\xed\xbaO\xfeQNo\xfeIo\xb6!Au\xce-D\xcd\xd2&amp;\x7f\x83\xe9\xe6\xf0\xd6\xe3\x0epR\x85\x17\xfa\xe9\xee8\x95\x82$\xc6\xbb@\x12\xcf\xdb\xe0E\x87\x9f\xdb\x8a\xff@v\x02$\x92\x88\xc6\x95\xe7\x08\x90\xc7\x1c\x8e\x88\x17\x7fe\x8eS\x15\xce=6_J\xe2\x81Li\xfd+\xd0\xed\'\x1d!.\xe4\x00\x88A.\'\x03@\xd4,\xadC\xf2u5\xe7Q\xb3\xcf&amp;SX\x1c\xfdil\x80\x989jN45\xba\x05\xc0\x7f\xd7q\x88p\xf8N\xff(\x06-\xb9F\x9e.;\xf62Y\xb1\xfe\x00\xf0-"$\xafO\xbd\xb3\xec\xd5\'\x00@\x96\xaac\xa9W-\xd9p\x81S\x87\xa62\x9c+\xc2\xbc%8\x1c\x7f7\x1e\xf6Q\xc7)\xc7\xbc\x15E"\x91H\xc2\x8dX\x94\xb0L\xad\xc2]\x0c*\xfe\xe5\xbd\xab/\xb4\xb6\'\x17\x19#f\xce\x0e\xeaarD\x84\x0c\xcd\x01@\xe9:X\x91\xdc\xdc\xb7H]z\x88v\x1c#{{\xed\x18\x11\x01\xd2)k\xc0\x04\xd9\x0c\xc9\xbbM?\r\xfe\xc6;\xb9\x12X\xbc\xd5\x02\x01a\xdc\xf2\xde\x07\xdfA\x8a\x06dH\xd2\xa2\xfd\x02UX\xd2:\x81\xcaY\xf2v\xd2n\xe2\xe1`\x8b \x91D\x16\x88\x96)\x16#\x9c\x15\xdf\xcf\xa1\xfb\xfe\x19\xdd\xf2\x1dWP\x13\xa6,5\xc8\xa6&lt;&lt;\x1e\x9bg\xd4\xd35K[n\x18+\xcf\x7f\x03&lt;)\xe7\x13&amp;v\xc5\x80\x96B\x90"\xbc\n\x92\xbcM\xf4\x9c\xf5I\xb0E\x90H$\xa2\xc4r\xb0^u\xe9\x19\x7f\xbd6\x83\xad\xdc\xee\x0b\t\x90\r\x12T\xa3\x04\'\xad\x0b\x90H\x15 }\xcc\x1c\xed)q$n\xc9\x1e\xa0|\xd3\x94\x1d\x1a\xa0\x9c%\x81\xe3\xd6_r\x81Y"\xf1\x08n\x03L\xdf\xf5\xf1\xb3:\xfa\xec=\xe7&lt;\x00\x94h\xb5\xd0\x13I2V\x1a\xe5B{\xc5sEb\xe3:\xab\x10QJy-\x86=J\xb7]b\x1dI"q\xc1`eg\xa0D"\x11"Z\x19\x07\x89\x02\xb8\x9b"]3\xd1\xcc\xfd\xbbl\xdf&gt;\xb4\xed\xc5\xce(\xd4t6\xb8\xd0\xe1\x92H$\x12I\x90Q\x9a\xba"\xcdl\xef 2\xb6\x91\x19[\xbaJn\xe7j\xc4"yp:\x01o\xd3#\xb2\x85\xebe\xf2\xa3\xdf\x8a\xedX\x93H$\x92\xe0\x121\xab\xa7p\x93*b\xde\xbe\x08\xa3\xd6|\x01\x10\x95}=P\xeb\xb2*i\xac\xa3H$\x12\x89\xc4\x8aD\xe1_\xe4\xe8\xb5wD\xa2\x895\x90\xa9]\nCb6V\xe5\x06\x83\xfce\xda/\xf50s\x0e\xf5\x06|`\x0e\x1c\xb6\xe2f\xf8\x94.\x91H$\x12\x11\x92[Z\xcc\xb8\xfc&lt;\xe2\x0f\x13\xediVs(\xd1j\xa1\xa1\xd5,\xdf\x89\xbeo\xca\x016\x07\xdc\xc9\xb9W\x8bD\xcb\xda\xd6\x954\x12*\x8eT"$\x12\x89\xc4\x15\xa9J\r\xa6\x86{\xd8\x02\xd1(\x11\xd1\xf6&amp;\xee\xb9\x13\xf1;\x1c\x12\x89D"\x89\xe4D\x05\x80?\xd4q[\xe3\xa1\x1fy\xb8h\xaaeu\xe1\x17\xd9\xe0\x05\x8eww\xb1\x96\xea{*\x980\x8c\x92\x8a\xf3\xf6\xaa,H$\x12[\x146XZ\x06\xf9\xfdK\x82\xcd\xd4\x1d?\x88D\xd3^\xd4\xef"\xd7\x1b\x1b\xc1&gt;\xc0\xfc\xc1\x16@"\x89\xb4\x14\x00\x00o\x1c*H\xfc\x14\xf60\xaf^\xb3\xcfy\x98[$%s\xb0\x05\x90H$\x12\x9b "$\xa8\xf6\x1b\xad\xc7\x1d\xc1\xba\xe1\xb6\x90\x16\x92%o;\x14\x7fe\x12\x89$R\xa1\xf8\xdd\x8b\x97\xb7K\xb0\x05qL\x96`\x0b\x10`\xc2\xcf\xaf\x83\x91\x00\xb8\xbb\xc9\xe7u\x86\x12\x89D\xf26\xf36\x8ft#?\xf9\xeaO\x95?\x90D"\x91\xbc+h5&gt;\xa9_\x9a\xae\xfc\x88 \x89\xf3n\x93\xbc^\xb5\x1e\xeb\x03Z\xc2\xb1\xef\x8c\r|Dh\xf2\xb7]\r\x9c\x0c\xc5\x03\x96\xb3D"\x91\x88\x91\xacX\xff@V\xb5F\xdf\xf5\x92\x88\x89\xf9\x1d\x08\xd8[\x91\xd2\xdb\xec\xd6\x9d\xfb\xd7\xdb\x0c%\x12\x89$(\xc4\r\xb6\x00~\xa8\r\xc0\x9c\xbdO\xf8\xa9n\xfd\x19\xfcq\x9b\x81\xe2-\x17\x04[\x04\x87\x04r\x00j\x8fVc\x0fp\xae\xfe\x1a\x01\x06\xeb^\x92\xae)\x00\x9c\xf8!\xc2\xdeT\xee`\x0b \x91Dn\x12T\x0f\x9fr"\xc2&lt;gD#~\xfe\xee\xc1\x16\xc1\xc7\xf9\xa7\x02\xbfN\xb2\xba.K\x11\x1a|\xc7(k?c\xcfL\x96FJ\xe4\xa7\'\x91Dp\x92\x06[\x00\xc9[\xc9\xf2\x13\xaf\xf8\x11\x12\x17\xe9\xab\x1c$+\xd6_,\xcbx\x86\xf3\xe4%\x06\xd8\x95J"\x91H\xdeJ:L&gt;Z\xa9\xcb\xea`K\x11i\x99\xb2\xed\xdb`\x8b\xe0\x19\xb1rv\xb4\x9b\xa4\xf9\xa8\xbd\x81\x90$\x10\x9cz\x18~\x03G9H\x95H"\x0f"\xdfsH\xfen\x19+\x8d2\x87w|\xefx\xb2\xe2\x82\x83\x15qR\x90ZZ1\xb2\xb7\xf7:\xff\xb7\x86\xda\xfd\xb6\x04[\x84\xc0\xd2j\xec~\x81Xi=/\xd7\xd36\xac\x84wYI$\x12\x890\xde\xb5\x10E\xb4\xa3\xa4E\xfb\x19\xae!\xe2\xd9\x9f\xf1\x9d2\x00\x94\xaf\xfe\xb4`\x8b\xe0\x96\xc0\r\xd4\xdc\xe4\\\xa1\xd3J\x0f%a\x90K;b\xb9\x17\x8b\xa4\x84\x05[\x00\x89Db\x8d\xd1?\x8f\x9cU\x93\x88#\xdf\x16\x0fYx\xf0Y\xb0E\x90H\xdey\xc2\xb3Rc\x94\x15\xc4\xcd\xc1\xa1\xc1+:\x84\x1a\xdax\xd8G\x88\x18\xe9\xa7\xa0%\xce\xf0\xeek\xcdr\xe0\x9e\xec\xcdH$A&amp;;"\x02\x14\x0b\xb6\x18\x81%C\xc5\x91\xf4\x0b)\xdczi\r\x12\x11n\xe7e\xfc\x02\x11e\xaf\x94D\x8c\xf4^d"\xfdMI$\xee\xa0\xf6\xa9\x11q\xe9\xb1\x97dH\x8c\x1c:\x95\xa8\x97\x91e2\xf0m\x9c\xd5,\xd4dv\xb0E\x90\xbcED\r\xb6\x00\x12\x89\x84\x01"\x0e\\|\xd5\x1cH=\x8e\x80\xd4\x1b\xf0\x81\xbb\x0c"\xdchR"\t\x10Y\xab\x8d\x03(\xa4\x1c\xe7\xaa=9\xb8\xc2H$\x12\n\x9b/!D+\xa3\x9d""@,\xedt\xfc\xc6{\xc1\x10*\xa0\xa4\x0e\xb6\x00\x00\x90\x8b|\xc8\xe1M\xfcjA+\xfa\x1d%\xb1\xad\xd8n:\xc1\xe1\xd0\x81~\x1d\xb1\xfb\xe8\x12\x89$H$\xad\x1b%s\xab`\x0b\xe1)\xb1+\x90g\x0e\xcc\\D0\xd2\x05[\x80\xe03j\xcd\x17\xc1\x16\xc1\x15\x11|\x92L"\x91x\x8e\'Z$o/)\x94\x7f\xc9\x8a\xf5/\xd9zQpE\x91\x18(\xdb~\xa9!d\xd5\xa9?\xbd\xca\xdcVk\x17&gt;Mc\x8e\x9a\x93\xc2\xa1\x14\x89D\x12\xbedl)\x1ew\xfa\x87?:+\xe4\xd8\xf7o]\xff\xdd\xbfq\xeb\xe0W\x11E\xf8T\xa5\x87\x04[\x84\x00\x12\x8e\xfe\x19\xdfJ\xe4\xd3\x90H\x02E\xc2\xb0\x9e\xca\xc1\xb0\x157\x83+\x89}"\x90GEaJ\xc8\xea,\xa2a\xf8Ej\xf4\xde\x18\x88"|\xa5Dw\xe0\xeb\xc9\x82\xcb\xcf\xe5\x1b%\x91DT\xfc\x1f\xff;C\xc4\xbd\xdf\x90\xaa\x96\xb2\rY\xf6Y\xb8\x88\x12ND\xc8\xdf"U\xb0\nN\\\xb8O\xb0\x8a\xb6K\x84\xfc\xe1$\x92\xb7\x90\xbb\x91\xe5[\x1a\xbc\xf4z\xfdA\xdbm%y\x14\xf1\xee=ud\x9e\xd1-\x18l\x01$\x12\x89$B\xc2\xee\xd5\x06v\x9f\x8c\xecM\xbf]\xe8gM\x02bL-S\xa5\xd1\x81\xc86\x92\x90\xb0\x86H,\xb3Q\x1d\xdb\xc4\xab\xcc\xcf\xdfU\xe6\x12\xc9\xbbL\xca\x92\x83La\xb9(\xf1\xde6\x101Q\xe1\xde\xfc8\xcb\x88\x8a\xa9\xff\xc2\xcb\x01\x96(B\xb0\xec\xf8\x1f^e\xa55\xc0\xd4\xf5\x0bO\xeaeY\xb9\xbf%\xe4\x0c\xb6\x00\x12I\xa4 k\xb5\xf1\x86\x90\xb7\x7f\xa7\xa9\x8e\x0bO\x03Y\xa7\xbbU\x9f\x89\xee\x8d\x18\xe1\x02\xd9\xee\xe6\xae\xf3^p\x85\x89(\xc4\xa9\x14l\t$\x12I\xa4\xa0\xc3\xe4\xa3Z%\x9b\xa4h\xdfp/?Z\xb8\x97\x98A$\xd2\x8f\xb6\x87e\x89,c\\\x7f)\x87z\x11\x8a|\x961\x02&lt;:\x17z\x15%\x12I\xa4\xc5&lt;\xb5X\xc6da \xd0\x02\x84gq\xee\xc8\x1bl\x01"+\xef\xc4\xf4\xe6\xa9\x87o\xd1\xabN\xc0]\x1e\x96H$\x0eH\rj\xeb\x8b\x88\x90\xaa\x91\x1a\x9e[k\x11\x11\xb1\xcf\xdc\x0b\x81\x97\xe4]\x19\x07\xb8\xecj\xbcU=\x15\xc7Dr\xa7\x99o\'\xf6\x8cZK$\x12!\xb4\x06x\xc5\xc9\xd7\xca\xe9\xb9\xc7\x08\xb1+\x86\xb3\x18\x9d\xde;n/A\\\xf7]r\xa1\xa9\xef\xec\xd5\'\x94n\xbb\xc4\x1c\xcen\x0b\xf3s\x9b\xc9\x94\xa6\xab\xc9E\xc4\x90\x04\x973\x8f"Q\xd7\'e\x03\xdfA\xd2\xba\xe2\x89\xde\x8d\xce\x9fD\x12(\x92\xff\xe6\xfb\x84B\xc9P$\x00\x80\xfe\x0b.\x05A4\'\x84\x9f{\xc1\x8f?\xc7\x1d\x9f\xb9\xaf}B-c b\x99vK\x00\xa0v\xbf-\xae\x8bsC\xcc\xa0\x96\x1e\x11I^|\x80\xb7\x19\xa6+?\xdc\xdb\x0c\x1dp\xee\t\xfd\xad\xa6\xb6\xb5u\xfao\r\xb08\x12I\xa4c\xef\x97\xd6-\x07"\x16i&gt;7\x1c\x84\x91\x18\x89d\x1e\x9c"5\xef\xce\x10\xf0\xdd\xb9S\x89$\xa2\x80\x88i\xca\x0e\x0bP\xe6\xe5:,\xe7G\xb8\xf9\xa7\xfc\xe6\xdfu\xee\xc9z_"\x91Dvb\rZr\x8d&lt;G\xc4.\xd3N\x05w\x1f\xf0\xcc\x8f\x7f\xb2\x15?s\x951\x01\x92$\x88\xc4\xce\xd5\t i\xb0\xa5\xb0O\xdcwoSl\xccr\xc1\x96 8\xc8\xc1\xb1D"\xf1\x1eoj\x16\x93V\xcb\xbbQa\x15\x0c\xb6\x00\x11\x99\xb4\xe4\xc9\xc5go\xd7\xfbP \xd8\x02H$\xef\x12\xc5[\xcew\x99C\xa6\xca\x91fl\x1a\xd5~\x92&lt;\xac\x0b\x11A\xe9&amp;@\x8c\xdfx\x8f\xafb6x\xe9\xf5\xf0\x92E\x12 \xde\xc2\x89\x19\x89$BQ\xb1\xf3J\xf24m\xc0V|\xdf5hv\xb6]\x91\xa5\xea8o3\xf4\x8eP\'\x89\xd25\x83\xa8\xa5=\x16\xc49\xa1\x001\x02\x98}\xac\n\x01\xcc\xdc5\x1d&amp;\x1f\x0b\xb6\x08\x12\xc9;\xca[\xb8\x9b&gt;\x86\x88\xd5\xe5\xf0s\xe9\x9a0\xacg\xb8\x95\xf5\x96\x90\n\x00\xdaN8\x94\xa1\xe2HN\xa4\x85\x07\x9f\x05L\x80L\x01\xcb\xf9]\xc7\xe8\x8e:J)\xe5\xff\x95\xe7o\xd7D\xbaD\x12I\x88\x0f\x00\xfc5\xbf\xf0Y\xf5l8d\xa7\xbb\x0c\xa4\xf9\x0b\'&lt;B\x84\xd8\x15\xa8\x97\xee\x07}\xb5;\xdc\xad\xc7\xbc\xe5\xa4\x0b\xb6\x00\x12\x89\xc4\t\xa9\xb5\xa3.\xd3N\x85c\xb9\xde\x9a\x0b\x8eo\x19\xe3\x01b\x14\xe1\xad\xba\xad\xc7\x1d\xb4/CI\xfbI&lt;\x87p\xffl5Q\x1c\\\x9d\xb2+/\x98\xa5\xf7\x98\xf5\x89!d\xd5\xa9?\x03,\xce[\xc3\x9e;X\xaa\xcdbC\xe0\xb9\xc76\xacpH$\x92\xa0S\xd42\xc6\x07\xd7"\xce\xd7[\x10\x00\x00\xf2\x07W\x08\x89$\x10\x14h8=\xd8"H$\x12\xd7\x08vx\x11\x11R6\x0c\xb40\x11\x90\x85\x87\x9eA\x8a\x06\xc1\x96"\x9c\x08k&lt;\xd3\x93|\x82?\x8a\x8a_\xd5\x10\x10|\x91\x02O\xc9\xd6\x8b\x0c!_\xfeg\xef\xaeW\x9cx\xe5\x9d8\x12\x89\xc4\n\xb3/B\x1ev\xac\xb7\xf3\x90\xcbu\x14\\\xee\xf4H\xe6\x8d\x14^\x90\xbd\xc6\x84\xe0\nP\xa2\xd5B\xd6\xa5\xd1k\xbe\x08OI\x82\xcb\xae\xdb\xf6\xbb\x1d\xf1\xab\x05@\x10\x89DB\'f\xd5\xee\xebD\xe3fh\xc1\xbe\xa6m\xedp\xb0}V\x02\x00a\xc1\x16 \xf2\x90\xaa\xf4`\xd6\xa5\x95\'_\x87\xa7$\xc1\xe5_\x9b\xe3\xfewa\x9e@"\x89H\xc8\x0e/\x8d\xc8Q\x13\xd9\xe8Z\xd9&amp;\xde\xe4\xad\xdfXF\x9a\xb6\xf3A\xc0\x04\x88\x84\x04\xfe\xadS|-g\xa4^\xb3\xb4\xc7&gt;\xe3\xa3\x87\x1e\x8b#\x91H\xbc%\xb2\x9b=\n\xa4\r\x07\xaf9p/\xf8\xdd\x88\x9c\xb5&amp;\x05[\x84@\xe3\xd9~\x9e\xe0v\xfbb\xe6\xe8P\xbb\xdfV\x80\x90 \xca \x91D*D&gt;\xe9O\x7f\xc5\xdes/\xd8\xca\xb6b\x97U\xdaq\xfdA;l\x8b%qKZ\xeb(\x00\xba-Fo\x05!U\x82-\x81\r\xcau$}|\tZ\xb9Io\xb3\x90(6\xe33A\xc4\xc7\xb6\x1bx\xb9WX"q\x01"\x02\x14\xd2N\xa3emC\x8dCo\xa7\x93\xd4\t\x9c`\x12O\x88\xa8S\xe5\xa1\xc1\x16@b\xa4\xc5\xe8}^eu\xf2A\xc4|\xeb$\x92\xc8N\x8c\xec\xed\x82-\x82D\xe2\x8a\x7f"h\xaf%P8\xf24\xca\xf5\x83\x94\xa2\xbeSY$\x12\x89M\xbc\x1dfu\xe5\x1a\xcf"U{\x96\x1c\xfd\xdd\xc3r\xed\xd2~\xd2\x91@f\x9f\x11\x00\x00\xb2\x04\xb2\x08\t\x85\xa4\xc5\xfaE\xd4i\x83\x88@\x1c\x80\x9c\x00\t\x83-\x86D\x12y\xa9\xd6s\xbd\xad\xf8\xf9\x1b0\xcc\xeeD+\xe3\x814z\xec\xedK\x8e\x9cH\xef\x02A\xc7\xeeJ\xadF"/\xa5\x08\x06\x88\xf8\xf4]\xff\x00%\x12\xcf\x89[Y=\xca\x1dL1\xacX~\xe2U\x9fy\x9fr\xa3d\xd3\x8e\xfa-\xb8\x14hy\xbc G\xb0\x05x\x8b\tPol\xfbu|\x16\xd8f&amp;K\xf2\x12\x03\x02\x99\x7f\x80\xf0\xd6\xdc\xbaD"yk\xf0\xcd\xc7F\x9a\x11p\xd3\x11\xbb\xeb\x0f\xda\x0e\x10\x9dz\xd5\xe5m\x16j2\xcbM\xf2w\x13\xff3O\\{\xe8\xf2\x1b!\xf9\xba)gm\xc6\x1f\xaa7\xf0\x03ZW)\x85U\x96\xd6.=&lt;\xa4j\x8fu\x00q\x96\x1e{I\xbb\x98W0\x93H\xf3}I$\x12\x0f\x11\xb5\xc5\x185\x8bQ\x97\xbbX\xcb\xf9^\x0bcFlKO\xfcj\x10R5^\xde\xae\x01\x16&amp;B\xd0t\xc4\xae5g\xde\x04\xba\x14\xd9`H$\x92\xb7\x9e\xaa=\xd6)\x07n\xd6Y\x07-\xb9\xe6B\x04/75z\x95\x95B\xbb\x89\x87\xf9\x112W\x19\x93\xba\xcc\x10\x91\xac\xcc\x8f\x97\xef\xac&gt;\xc2b\xf9\x90\x13\x17\xee\x13&gt;\x92\xbc\xc3\xc4\x0eV\xc1\x89\n\xf5\x0eV\xd1\x12I$\xe1\xf6\xdf\x8e\xbd~\xd2M:\xff\xe0A\xcb\x97YX\x06\x7f\xa7A0~ I\xec\\\x80\x90\xaa\x00E\xb43\x17\xfa\xd5\xd9\x9d&amp;\xf4\x84"\xd6Q\x02F\xec\\\x9d,\xe34\x1f\xb5\xd7*\x8aw\x96%\xd27\xf7,+=\xefo\xff~\xfc\xc6{\x01\xca\\"\x91\xbc\xad\xbc\xf7\xc1wA,\xbd\xef\xbc\x8b\x90A\xad\xf52\xb5\n\x7f\x01\xac\x1a\xe0P\xd6\x85\x04\x05{\xec\xf8\x0c\x03\xa14\x1eP\xd2\x95\x1f\xee"q3\xef\x04\xd1Y^\x0b\x04\x15:\xad\x0ch\xfe:\xd26q\x93:[\xf5\xf1^\t\xe2\x98\x04\x05z\x04[\x04\x89$\x12\x91\xbb\xce\x14\xedXif\x10\x11 \x13\xc4(\xa7\x8b\x17\xbf*@V}\xd2\xa8\x10\xb5t8H\xe8-]\xa6\x9e\xa4\x86w\x9cr\x8c\x93j\xef\x97\x91p1\x92\xf5("\x14)K\r\xaa\xd3o\xab\x9b\x1c\xeeR\x97]Bk\xba\xc932a\xb9\x04\xa3\'\xabu\x14\x89DB\x85\xbe\x06\x1c/\xa0fx3\xdaM\xc0\x1anR\xc3\x13\x14T\xba\xe4B\xf6x\x11Q\x9b\x067\xf0\xbf\xe0\xeb\xfb\xf0&amp;\x99\x83=\t\x0f\x00p\xec{\xa6\x0c\xfd\x17\\\x0eP\xa1\x88\x98\xb2\xd4 \xe7\xe9S4\xe85\xe7\xbc&gt;\xa8\xb8;\x89\x82ODx\x19$\x12\x89\x13\n4\x9a\x11l\x11,\xc9\x99\xac\xf8\x00{)\x92\xd6)\xddv\x89\xcbR\x93\x15\xef\xef2\x07\x03\xc1\x9d\xb7\xf7\x80D\xb5\xd8\xd7\xc2\xcbdR\x82j\xc7\xd9\r\x7f\xfc\xfc\xdd\xd9)\xf3\x05B\x9c\x08\x82l\x83%\x92HL\xa0F\tb\x15Gt\xcbh|u\xeeE\x87\x9f\xdb\x94K%E\x03m\x87(\x00\xfcM\x14\xe1\xa6\xca\x8b\xa4\xd5e\xcc\xf0*(\xa5H\xa4\x97\xb4\x87\x1c\x99\x9e|\xef9\xf6\x1c\x97I$\x92\x88C1\xe1\x98I\x1c\xe4\xbe\xf1S\xe4\xae\x0fy\xacF\x1b\x0ev+\x13\x17\xee\x83\xfa\x06\xd8q\x89\xcdF\xee9\xf5c\x04i\t\xa2\xb9\x7fn9kM\x06\x00\xf3\xd6\xb2pn\xed\xc2\x1a\xcf\x0c\xcf\xe2\x82ND\xb0\xd5\xaa\xae\xf8H$\x12;\xb4\x1c\xe3\x99K2KH\xb7\n*\xd1\xa81\xb3T\x1d+\x9e\xed\xa7\xbf8\xa9}\x16\x1d~\x0e\t\xaa\xf7\x9b\x7f\xd1N\xa20Dl?\xf9("\xd6\xec\xbdI\tBD\x88U\x81\x88c\xa3\x9b\xf2C\x04\xa8:5\xf2\xd5\x9f\x06\x00\x16No\xb8\x9c\xfe)\xa2\xdc\x8bs\x12\xd5\x02\x80\xd6\xe3\x0e\x04[\x8e\xf0#{\xf5\t\xe4\xe9\x93\x08\xf3BJ$\x12kN\xfd\x88\x00E\xb5\xd3\x84\x05{\xb2bn\xbe\x84\xc2\xb6\xe9\x05\x9d\x99\x07\x07\xc3\x08\xb8\xed\x84C\xac\x98\x1f\xddB\xc8\xd8B$\x1f\x0e\x85\x9a\xce\xb6%\x9e\x1bv\x7f\xe1q\xfd\x9b\xb1\xd2(DL_a\x84\xb7\xd9\xba\xc4l:-2\x15gMHUj\xb0\xd5\x0b\xe9\x99\xd9\x1c\x89D\xf2n1\xe3\xa3\x87\xec\x8b~\xe3\xcc\x82\x8db\xcd\xde\x9b \xb4&amp;?\xf2\xdc\xbdOB\xf2u\xe3\x8f\x89#\xce\x08\xd85\xa1\xf4\xe0\x90\xaa\xc1\xb9\xc7\xf8\xd5\xbc\xcd\x0f\x11\xcbw\\\x01\x90Z\x17\x1a\xb5\x94\x8b,\x1d{X\x8a\xe7\xa2P\x00\x00H\xd5\xc8m\x0e\x00\xee\xd5\x1b%\x92w\x99L\xea\xfcsz\x80\x18\x01+\x85n?\xcb\r\r\x06\xeft\x90*m\xd9a\xec\x8bl\xb3\xf5\xa9\x1b\xf3\xb3\x1d\xb9\xfa6\xeb\xd2\xe6K\xac\x86G\xaf*\xecuS\xf1.\x93\xa4h\xdf`\x8b\x10\x11\xc8f\x1d\x85\x8f\xdc\x0f-\x91DL*w[\xe3?\x89W%U\xa9\xc1\x96Ij\xf5\xdd\xec\xa1\x00\xad\xc6\xee\xf707\x92\x91\xabo\xdf\xfc\xd3\xd7j\x0e\\t\x05\x92\xd7\x17I\xc5\xd9\xa0,0\xf8+6\x89\xb24\x1e\xe1\x88D#u#O\x10g\xeez$\x1e\xff\xe3\xcfm&lt;\x8a\xa2\xcd\xe7\xd9\x16\xc8).\x87\xa4\xa2?q\x86@Y\xdc\x94H\xde!f\xa9\x95N\xfd\x81\xdb\xd5\xb0\xf8\xd9kL\xb4\x9fSr\xffa\x8c\xb2nD\x8a\x9e\xad\xadH\xb4\x02\r\xf9[\x96Ss\xafz\x06)\xc6\xb7\xb4\xca+o\xbd\xf7\x85*5\x8f\r\x87\x15\xd2\x9fF\xe8\xd5tW\xc4\xae\xa0\x1ee\xa2]\xb6\xe1\xc8\xb6`#\x1b\x8a\xd3A\xea\x8b\xa4\xf123w\xc6/%\x12\x89[\x1e\xf9\xc6g\x85\r\xe1b\xf5KQ\xeb(T\x0c\x96,\x03JH\x15\x00\x18\xb0\xe8J\xf8\x95h\xc07\x8f\x97\x0f\x00\xcawZ\x1141$\x11\x17\xfa.\x80\xc0\xe0_9\xbe\xf2"\xd2\xcegH$o7\xa5\xda,\xb2\x8e\xe4L\x89\xc3\x0b\xd5\x0f/\xc8\xc2\xba \xbc)+W\xf5^\x1bt\x01)\x1a\xb8\x11Hc\xe9\xd1\xdf\x05c.&lt;\xf8\xcc\xd6 \xef\x1d$G\xcdI\xea\xa1\xf5f\xf7\x0bO\xc5\xdb\xa4\xe8\x10\xe8qp\xb2z\x8c\x0by\x02X(\x83\xb7\xc26\xb8D\x12\xa9\xe0l\xad!\xb1U\r\x91\xc6\xa4\xc2\x0b\xf7#\x8c\xcc%[/4\x04!"$\xa8N\x86\xdcU\xfdU\x8c]\x7f\xd7u\x89\xb6\x89\xc4\x0b\xb4\xe1F\x91\xe6s\x83-\x825\x01\xfe\xa1\x83\xe6iX"yw\xf0/\x91~\xed\xf5\xf7\x9c\xb6\xec0HZ\xc7\xdb&lt;\xbde\xd2\x96\xaf\x05cf\xac4z\xf7\x17\xd8z\xfcA\xf1\xccW\x9fyc\xde[\xf2\xb6\xb4\x8e\xd1\xb2\n-\xc0GLT}7\xb66\xbb\x15q\xf3v\xf1P\x9e\x00q\xedw\xfe\xbb\x94?\x9c\xe4\x90H$\xc1#&gt;\xe7\xda\xc1\xaf\xc2\xa3\xbd\xf1\xb6U\xd3\xe7Fw\x8bDF\xe6\xa8=G\xcdjmrAM\xee\xc4\xb4g\xa0p\xed\xf9Jy,\xdf\x04\xac\xb7\xc1\xff\xc5\xb3U\xd3\xfb\xc4\x8dU\xfe\xbd\x0f\xbeS\x92\xfc\x82\x08\x90\x0c\x00\xf4\x06\xcb\x1c\xc0\xdb\xdb3p\xf1Uw\x99s\xf0\xcf\x9f\xbf-\x9d9\x89D\xe2\x92\xb0`\x0b\x10\x9e\x14o?\xf9\xa8rDn$-\xd0p\xba`\xfa\x89\x9b\xef{/\x94\x81$\x9c\xa9\x05\xd1\x99v\xf6\x16\x9a\x10j\xe8\xf9\xa7B\xc62\x95\xd6\xf7\'D\x00\xe8\xf4\xdeqAa\x9c\xa0)\xf1\xf1\x9e\x06\x94\xed\xb0L;.\xd0p\x86\xea\xb6\xc1\x95\x97\x88\x92\xaanD\xac\x9c\x1d\xb5@\xafZ\xc4\xccU\xc6\x08\xc6\xe4\x94\x98\xa6\xecP\xcb\xe4\x1b.\x88\n\xdch\xe8\x87\x821%\x12\x89(\x93\xb6|\x9d\xbd\xc6\x04S\xb0k\xdb:\x91\x04\xb7\x9bvL^f\x03@\xc0t\xd9\xa2dn\xad\x1cl\xbbj\xcfH5"\x92\x16K\x86\xaf\xbc\xc5\x8f?j\xcd\x17J\x81\xe6K\xbfrg\x92\xef\xda\x91*O\xdd\xf7\xc8\xd3(\x99[7\x1f\xb5G&lt;\xb9\x89\x00m\xe82\xae\xbc\xde\xfaK\xe0\x1e\x13\xd6\xa0\x06\xe7o \xdaed\x93T\xb7\xb1P#Z\x19\xd79K$\x12/\'\xb2\x92y\x94\x8f\x81\xe8\xd6Q&lt;\xc5\xb2\xc1\x10g\xe3\xa7\xf6\x9e\xad\xa0\x87\xe3&amp;\xc3w\x89\xe5\x97\xc0\xe2\xba\xf060\xf3K2d\xd9g\xd4\x98\x83\x96\\\xd3M\xcb\xc7\xaf\xd6g\xae\xa0\x83\xbcX\x14\x01\xb3\xb7\x17\x94\xd0.\xb9\xebL\tP\xcen\x98\xbb\xf7I6\xbd;\x04=!\x00\x16\xc3}\x92\x02\r\xa7\x87\xa7{\x15\x89D\xe2\r-F\x07\xea\xbb\xed;\xffb\xbc|]\x03\x94\xb9+\xd26\x85\xcc\xadV\x9cx\xc5\x89\x92\xd5\xb0\xb8hEx\xccE\x13\xcc\xdb\xf74&lt;\x8bc\x90\xd6\xb8.\x9e\xde\xdaXR\xdar\xc3\xe8\x1d\xc1\xf4\xcd\xec\x16\xaf\xe4\x138\xfbhF2\xb5\xd2\x0eS\x96\x1aD\xbb\xd9\x1c^\x15\xa5\xd9e3\xe1\xb5_\x84\xc4\xb5&lt;\xceP"\x91PY~\xfc\x8f\x80jsL\xd8\xf4U\xe02\xb7A\x80\x8c~\xb8\xd5\xe5\xf1\x12\x0f\x7f\xc7\xce\xefS\xb6{\x9a\xf3\x8f\x9d\xab\x93u\xb4(%\xbd\x92\xca\xd2\x16\xf7[\xc4\xd0\xe57\x0c!\x83\x97^gE\x1e\xb3\xeeKj\xb8g\xbfx\x8cr\x00\xe9\xbc\xc9J"\x91\x88\x13 \x0f\xde\xb9jOf\xba\xc4\t\n!t\xcd^\xf2\xf6-\x17\x05\xa3gkg\x0c\xd2\xb7\xeb\xb4\x05u\x1d\x15:\xaf\xe4G0\xf0\x13\xe3\xa79t_\xe8\'\xcbPa$%4v\x05\x00\xe8=\xe7&lt;\x08\xef=Cug\xb3Hd\x00\xc8Ti\xb4\x1a9\xad)\x1f\x87\xdbc\xc8\xd2\x0b5\x99e/q\xca\x86\xad\xc6z\xed\xd6Won%_\xfd\xa9\x1e\xe7\x1f`b\xe5\xeah\x1dI"\x91\x04\x94U\xa7\xfe\xe4T\xac\xbeK\x89"\xdc\x94\x94\x87\x9d\x06"\xab\xcc\xe2\xc6\xa7\x00\xa0z\xaf\r\x1c\xff\xbe\x81%fyO\xb2i4\xf4\xc3L\x95G\x0bF\xae\xd6s\xbd\xf3\x92\xc4\\Y\x04\x88\xb4\xe58\xce\xaf\x8c\xd8\xedm\xa8\xa4d]\xa8;`\x9b@\xf2\xe2\xbe\xffj\x97\x0e\x11!Y]\xf1\xe2-\x05NT\xb87y\xba\xf3\x86\xdc\xc5$\x91\x04\x9b|\xf5\xa71?\xdd\x845 C\x0b\x8e\xb1F\xa7\x14\xb7\x8ebE\xc6J\xa3N\xff\xe4u\r\x92\xb1\xa5\xc8\x82\xa5\x86\xf6\xdcJ\xb5]\xecY\x87 eC\xf2,W\xed)\xe5:.g\xc5\xf5d\xbfi\x8a\x12\x03\x05cF\xd4\x8d\xa79\\+\x00\xf2w{\x17Q\xfee\xad:N8\xc3"\xce\xe4X\x7f\xee_\xeb\xde\xb0\xff\xa0\x80\xb3R\x146\x9a\xf6 \x19-\xaaJ$\x92@\xa3|\xcc:\xaf\x82\x81,+@3\xde\x00\x00\x90\xb8\xd9\xc8\xdd\x00`\xd8\xb8R\xa3\xf7F\xc1\xf4\x1c\xc1\x96\xd0F\xc6[\xafX\xdeH\xa8`\xd1^\xc0\xf2\xe2\x9c1\x1ce\x10G\xeb\x84Yk\xb9\xef\xb9\xe3\xf1\x0bs\xe2\x07]\x86\xb5\xfbn\xb1\x95\x1c\x11\xe3\xe6\xe9B\xf8_\x82\xb4\xe5\x86{"\x18\xfb\r\xccH\x9e\xd8\xda\x7f%\x91H":\x99+\x8f\x01\'C\x9c \x98\x83\xb7d\xf1\x91\x17\xce\x12Z\xde~\xda\xb2\x86\x99\xcc\xb8\x82\t#,\x88H\xd5#\xfbZ\xcc\x8c\x97\x07XN9dhn\x9e\xddMW\xde\xdf\xe0\x89?\xfc\xf8\xf9\xbb\xdb\x91\xcc-\t\xc3z\xba\xcc\xc1\xd5\x9c\xbfD"y\x0b\xa0h\x96&amp;\x15L\xba\xe3\xba\xae\xee\x8b\x99\x83\xbak3\x80\xda\x95\x83\x02h\xf3\xcfO\xf2\x12\x03m\xad\x82\x97\xef\xe8\x8d\xb7A~\xd3\xf2U\x80[}\xb3\xbe\x98\xa5\x87\xe6@tD\xb6]A\x88W%\xb4P/f\x8cL-\xb5\xc3BMg/;\xf6\xd20\xaa\xb6\xb5\xae\x0f\x00?\x123\xbd\xe6\t\x9b\xd6\xe3\xbcV\xe6\x8a\xd8$+\xd6?\xd8"H$\x91\x97\xf1\x1b\xef!b\xae\xda\x93\xb5\x908\xb9;\xfd\xee\xd1Dq\x1b;\xde\x0b\x02\x01\xbb\xfa\x10Z\x87.\xd6b\x9ew\xb2\xf0\xf0\xdbi\n\xa9j\xbe\xfa-\xfd\xb7\x88\x1b\x08IJ\xb5Yl3\x05_\xab\xd9\x8e\xce3}O\x97\xb5\xcd\xa9\xbc\xf5\xfc\x1a\xc8[.#@.\x1b\x85\xb2y\xaa6\xc09jN\xf4$C\x13~\x93\x9f?{\xdbwI^\x1f\xd25\xf3d_x\xb2\xe2\xfd\x81\xb6iJ"\x91x\x80\x83EYD\xa4\x99\xab\x8dc8?\xff\xc4V\xce^\x1b\x13\x00\x80\xe0O\x0e\xc7&gt;\xf2\xad\x90\x00oT9\x05=?\x8aP\xab\xcff\x80h\xc1~\x02p\xee1\xb2\xb6\xb1\x9a\xa7X\x8b\xb7Z\x00\x00\xf3\xf7\xff\xc2\xcc.mS\xab\x02\x9d\xcf\xb8\xd0\x9eU\x06s "\xe6\xac\xa5tX3\x00\xc0\xe8\xb5w\x18\xf917@w\x98r\xcc\xa1\x88\xc1\xa3p\xd39\xc1\x16A"\x89\x8cX\xd5\xd1Qi*Z\xe1`/\xda\xb7\x854j\x96\xd6dh\xc2\x82=\xd9\nG\x11\x04\xc5\xa2o&gt;\xf54\r\x004\x1f\xb5W9\xa1&gt;mm\xb0\x127\x8fw\x8e\xf0\xd24q\xd0\xb5\xf2\xact+\xae\xbdd\x97\xc51p\x9d\xbe9\x7f\xd9X\xbb\x85G\x88\x89\n\xf7\x0e\x84\xdbiR\x1b\xd9\x8d\xcb\xe7L\x95\xe8\x1b\xc0\xaa\xf6X\'\x90\xda01@\xf1\x9f\xf1\x07\xe3\xd7\xac\xd0I["\xb1p\xf6%\x91H\x02\x0e"\x12\x86\x1d(\x06\x84-f\x92UuPD\xe4\xec\x99qL@W\xa1\xba\xcf8\x1b\x80\\K\xd8N\x91\xb0\xc6\x95\x17\xce\xb6\x9f\xfa9\xfd\x90\x97\xb6F/\xba68\xe9,\x88FA\x81\x92\x032{A\x82\x88#l\xda\xe8FD^\x1b\x0f\x00^\x98i#\x7f\xafl\xd5\xedY*\x05\xe6\xd4nZZ`\x00\x08\xa5{q\x1077-\x91H&lt;@\xabG\x06/\xb9\xe6\x0f\x15\xf3yR\xab\xeff\xd6\xa5$E\xfa\xb2.\x05\x88\xe4b\xfe\x0c\xde\n\xa6\xed|\xc0\xbeh\xa9(\xc7\xb4\x0b\xa1B\xd9\xff\x13\x88\xf1"\x01c\xb7\xae\xe2\xcc\'Y]\x88Z\x9a\x994^\x15\x80Tn\xca.\xd4d65\xdc\xd0\xe3i7\xe9\x08\'\x93\xf5\xe7\xffc%\xa7\xf5\x9c\nZJ5\xf3\xe3\x9f\x00\x12)\xc7\xda2\x04D/k\x99\xd0\x12vO\xae\xb0v\xd4t\xc4.\xf7\x05I$\x12\xa7\xa8U^\xcfY\x9fP\xae\xa6m\xe2.\xf7l\xe2\xe39\x07\x1b\x91{\xcd&gt;\x0f\xdc!c\xd7\xe9\xa7\xed\xe6)@V\xf1\xa8N\x87\xb3\xb99\x19v\x9c"\xe4a7^\xde\xae\xec\xd2\xc3@\xd8\x98\xa5]\xec\xeaf\xf7[p\t \xa1e\xb47D\xb6VCv\x1a1\xc5,\x81\'\xa8N\rV\xac4\xabn\x13A\xa0s\x03\x00y\xbb\t\xbf~1st\xe89\xfb\x1c"\x1a\xe6\x12\xe2\xe6\xb5^\x8f8\xc30G3t\x19Km\xca\xfe\xf4\x8c\xca/\xc1\xd6\'\x90H"\x1b\x7f\xd3&gt;*\xb3\x95\x1cG\xe4\x16o\x81\xdcL\xbd\xe6\xaa\x1d\x0e\xae\xe5\xf2\x02\xc0\xe5\xdf\xf0\xa8\x80RU\x95nk\xdf\x88\x983\x14\xf2\x0fQ\x94&lt;\x99\xba\xe3\x07\x81$\xa0\x16-\xd2NxH\x1a\xf5 \x91p\x92\xb8/\xed\x18\xa3v\xc0&lt;\x8e&gt;\x97\x00\x1f\x7f\x8e\x00\xc5\xa7\xed|\xb0\xfc\xf8\x1fT\xb3*n\xde[z\xda\xb8\x95mfc\xd9\xa0\x9a"\xc4\xaff\xb3\x08?,\x0b\xd2\xa1a\xec}b\x12\x89\xc451-\xaeg\x08\x92Ud\x00\x80\xec\x9ck6\xab\xc8h\x8c\xf0\xa4m&amp;\x1c\xe2\xf8\x00(\xd9f\x11Y7\x89\x14J\x1ax\x12\xf4\x1c\xcc\xc9\xf6\xe2\xb3wqt\x12h\xad1-\xff\x94\xa5\x06\x19\xc2O&gt;\xf0]\xba\xf5\x97\x1d\x19\x18\x83l\x07"\x89AzYN\xe1\xb2h\x89D\x12A\t\x9c\x0ba+\xfc\xe3\xbc\xc0\xb9\x1fW\xecNku\xdf\xb6\xab\x08\x90\x1e\x94\xbd\x19\x89j\x82\xcf\x93R\x98@N\x8c\xad)\xa15Y\tX\x0e\x91@o\xe5_\xbf\xc6\x19\x0e:\xea\x96\x04J\xc36VN\xef\xdd\xf8\xb0[5\xbfv1i\x00\x12\x11\xc9}\xd8\x97\x84{?\xdc\x98"3\x16I!J)\xf6\xd5L\xecK\xd9!Y\xbd\xcb\xcf\xdf\xc5^\x9aD\xf2\xf6@8\x18\x0f(1svp\x91\xda\xa0\x82\x94\xd1EVB\x18+\xe8\x04\xd5\x15G\x08\xd5z\xae\x17\xd9H\xdda\xf2\xd1\x9e\xb3&gt;\xb9\xf1\x1a\x8b\xb5\x98\x17\xbf\x00\xc5 "{/)\x00\xe4\x14\x142m\xb9a\xb6\xd6\xdd\xedR\xa9\xebj}\x00o\xe2\xa1\xff\x82K\xda1eoU"f\x87\x03\x00F\xad\xbe\r\x00\xa4\x9b&amp;\xc2z\xb3\x07\xed:"\x02\x14\x0b\x07\xe5mj\xd1\xac\x1fh\xcc\xba/\x95K%\xdb,\xd2\x02\xc3\x1a\xcf\xe2\xfd\xa0\x89k\x93g:\x9d\xc7\x84\xe4P\x9b5\xaf\xe3\x13\x89\'\xb1D"\t4\xbd\xe7^\x08\xb6\x08\xe1G\xfa\n#\x81Y\xef\xe8w\x80$\xa9]\xa0\xe1tc\x14\xfd*]\x93\xe1\x1f[\x94\x17Z\x03\x11\xbbN;\xa5\xf8\x1b\xee&gt;\xf3,e\xac\x1c\xa3l\xceZ\x93\xac\x04w\x80\xc8\xa0\xdc%\xc9\x19\xe1\x94J\x7f\xc0\xa2+\xe2\xf9n\xbe\xe4\xff\x81\xc6m\xf8\x9f=\xa1\xec\xd0\xca\xa6uI4\x0e\x85-\xe2\x18\x88\x91\x9dj\xb1\xd56\xa9J\r6\x94r\xe3u \x9aRr\x12;\x0e@!\xff\x99\xae\xf9\xcf\x07\x12\x89$p\x84\x8fF\x95\x05z/\xe8\xe1F\xe2"}\xd4\xc3\x1c\xcb\x8f\xffa7\xb9\xe1\x81\xec\xff_\xe4\x19sD\xd2\xf1Sp\x06\xc7\x9c\xab\xb7\xfe\xc4\xca]\x9d\xba,\x0b\xad\xe9\xf8g*\xd1j!\xf3Rk\xe6%\x89Db\x1b\xed+MUjp\x9d~[9\x11Df\x02\xff\xa2~\xf3Im\xf8\x18\x17$^\xde\xae\x9e\xe7\xa9\xe0\x89\xc3\xdd\xb7\x8a4\xd6Q\x82\x02\xa7\xe3\x95\xaa\x91\xad\xae\xe13\xfbM\x11u\xd5@!pj\x07\x00\x90\xaf\xfeT\xebH\\\xac\x9eL\x06g\xd9&amp;(\xd0\xc3YB\x89D\xc2$X\xa3\x19\x91rm\xc9\x96\xa4\xa8\x95\x01\x10\x8e\xb1C6\xed\xb9V\x1a\xbc$]\xb3p*\xe8m [\xb5\xf1\x00a\x88\x08\x90\xc6\xd0%\xaa\xdekC\xea\xd2C\xec\xbc\x1b\xf6\x8cL\x855\x99\x15\'Og[I,Q\xa4MSv\xd8\xdaO\xfeq\x99U\x97i\xa7\xac\xa2\xc4"\x0b\x9d\xbb\xf7\x89v\xba\xe6\xec\xdf\x86\xa8\xf9\x1b\x90\xab-\xd6~\x9a%\x12\x897 \xe2\xcc\x8f\x7fr\x9c\x9c\xb3?\'\\0\x9a\xcf\xdcz\x85\xa8\x91\xe3V\xb2J^\x90\x7fY\xa9\xbcr\xd4\xf4~\x8d\xd6\xb0\x9a\xf8}\xe4\x9c\xce\r(\x1ec^a\x00\x00 \x00IDAT\xbe\xa5\xc77\x8e\x1e\x1di\xfe\x05\x115++S\xb6}k\x8e\x8c\x88,\x07\xd8T\xbfC\x17\x9e""\x1a\xacM!"5s\xa0\xe9ge\xaf1\x01\xa0 \xab{Q\xa2\xf5B\xdd\xa5\xe4\xf5\xa8\xd1\x0cEX\xc6\x11!C\xc5\x91\x9e\xe4#\x91H@\xb1\x11\x18\xb9\x16\xf3\xdc\xa8\x84\x18\x95{}5#\xc3.\xd8\xaf\x88\x00\x10/o\xd7\x9a}6\t\x16@\xda/\xb4\xfb\xd8\xe3\xe5\x0b\xd4|{\xc4\xd8\xbc\xe4\r\xaa\x9f%\xa3\x8b\x02m\x08H\xc3\xef\xce\x0b\x11\xc7o\xbcg\xbcN\xb1\x90\x9c\xf6\xf07\x08\x90\xff\xc6k\xca\xef\xa8\x0e\xcd\x0b\x93\x81?\xb2\x7fnD,\xda|\xaea\x8d&amp;m\xb9\xe1\x9c7\xe4\xf8\x0f\xe1\xfd\xcd\x1e\xfe\xda\xf6\x1b+\x91H\xbcg\xe5\xa9?\xb5O1\x8a\xdea\x91\x00\xd9\x1c\x97{\xec\xbb@~\xff\xc9\xea\x01M\'\xbc\x1f\xb1\xa9\xc6=\xeas\x13\xdd_d\x07!+T\xf9\x1bL\x13\xcc\xee\x95\xaf\x8b`4\xc09\x90\xd4gN\xd3X07.6l|\x92\xf8\xdb\x03\x9a+ec\x1c6\xa1a\xbdZ\x0b\xaaC\x87TU\xf2\xbc\xab\xf6\x9f8\x1d)B}\x0f\x00\xe0\xf07,I\x92 b\xaa\xd2C\x0c\xa1\xceZ\xbbhY\xdb\xe6\xac5)f\x8e\x0eZ\xf2\xa8Y\xda8\xc8G"\x91\x04\x99\xb4\xe5\x86\x93^\x01\xb4\x1d\xab\x03\x16^&amp;by\xa5\xbc#b\xac\x87\xb5\xef\xc5K\x14\x17L\xc9\x8b\x0f\xd0o\xc3\xe0Q\xb6=\xc5F\xf1\xc1\xaf\xfc\x83\xdd\xee3\x85&lt;/\x85\xcb\x08\x83\xfd\x0c\x05Z\xd3J]V\xb3\\\xfc\x06\n1\xbf \x81\x00\x11\rf\xb0\x00\xfc\xd6\x1c\xb7_\xb7\xb09\x8a\x88\x90\xdaZ\xe1\x00\x11!i\x1d\x9f_\n{$\xa1:\xb1@\xc4\x92\xad\x17\x91\xde\x91\xc3k\xe4Z\xc8:\x8aD"a\x92\xb1%\x00(\xd6\x8f\r \xe2\xc7\x9f\xd3&gt;\xe3hl?6:(y\xb2\tgS\xc6:\xa6\xed|\x10~^\xe1\x14\xe2T\xf4U\x91\xf1\xaa\x84k\xb9\x0c2V\x1a\x15l\x11x\x18\x9a\x93\xdd_\xa0xW\t\xb8\xf6\xc5\x1c \xbe\xfa\xc0A\xb9\xa3\x9d7\xd0\xa5\xdf\'\xb0c\x1d\xfd\xf37\xe8\xd3\x85\x0e\xadi\x7f\x1eK"\x91x\x01Y\x9d\xd5\xee\xb7\x85\x15m\xe6\xaeG\x81\x97%\xce\x9c=\x8f\x01\xa0\xfe\xa0\xedD`\xec\xc0\x97k\x9fX\x15\x80\x18\xe3\x120\x15g\xde5.&gt;S\xe6fc\xd0.\xe6\xb2\x188\x02\xf0M8\xfdl\xe3!\xd3\x95\xa7TJ\x90\x1b\x7f;\xbd\x7f\xa2\xfd\xa4#\x0e~A\x9d+O1\x10q\xcd\x997\x86\xc0J]V\x8b\xbf\xf0\x88\xd8}\xc6\x19\xbb\xe5\x92\xc9!^e\x80xV\x8fH"\x91\x04\x18;5\x9a\x10\xc5[. O#e\xb3t\xee\xb1\xee\xa6,\x94\xa4\xd8\xdb\x9fl=\x9c\xd8\xb9:\x05w\x86\xc0&gt;\xf6L[\x18\xde\x1c\x82\x146\xdf\xa2\xc2\xbc\x8bq,5\xe4\x99\xa4\xaf0\xc2\x18\x94\xb8\x96\xe3\xdc\xcc\xc4\xcc\xd1\xdeRG\xcf\x81\x1d.\x97$-\xd6/@9K$\xef\x1eV\xb3\x9d\x19*\x9a\xe6!S3\xd7\x08C\x0b\xbd\x95.\xc9\x98\xb5U\xec\n^\xe4\x9c\xdee&amp;,\xdaN8\xcc\xbe\xc8mu\xb84\x19\xfe1mLO\xc7\xb0\xbb\xd4CX?J\xb4\xacmS\x97\x192\x9f\xedd\xb0H\xb39\xc2\x85$\xb5\x8e\xa2\xe7\x83k\x88\x88\xfa\x95\xda\\\xfc$\xe5:.\xb7S\x82\x7fC\x1d"\xee\xf9\xd2\xe2\x87`=\xa5\xec5&amp;\x02d\xa1\\H\xd5\xf0\xfd\xed\xdf\x8b\xe8\xde?D\xa4\xba_\x8c\x9f\x9fi\x93D"\x91\xd8\xc3NO9\xae\xe1\xbcN\x7f\x8a\xa9,\x0b\\\x0c8\xc2\x93&amp;\xc3w)\x07\x0eG\x12\xaa\xa7\x01D&lt;\xf5c$\x1c\xf4k$/&gt;\xc0A\xaa\xbb"O\xd5J\xeb\xaaZ\xcf\xf5\xde\xadR\x17w\x96L3\xaa\xb5\xec\xd8K\xe5UI]fH\x87\xc9G\xcd1\xa9/\xd2\x877\xa9\xcf\xc1\xf8\xa1q\x98\xf2\xc1w\x9aq\x98\x06\x83wh\xe1\x15:\xadLV\xbc?#Q\x06\x9b}\x02(\xdb\x81\xd0.Lf\xbd\xdbX"\x91\xd8F\xe9\x17\x9fx`\xec\x1d\xb3\xfa\xcbC\x96^\xb7[D\x95nkA\x99\xbbK\xd5\xd0\xb1\x9c\x81\'\x9d\xaa\t\\\xdc\xfc(\xf41\x0b\x8ad\x17\x8c\x89w{c;R\xc2\x8f?G\xbe\x9b#\xd7\x14u\xef\x13\x97G\xda\xa6\xce\xd2\xbd\xe6\xfeL\xe9+\x8c\\r\xe4\x05\x00D\xc9L\xd7T\xd2\xdcAN\xdc|\xdfp)k\xb5\xf1\xc6\xd8l\xbdhD\xccYs\x12@\t+y\x01\x00\xb6_c\x8ee\xc5]&gt;\xe4\xab?U\xe8\x15\r\x92\x19v\x89$\xd2\xd2v\xc2!\xedXih\x7f\xd47\xb7\xa9\xcb(\xc6\x042\nfX\xae\x83q+\x8es\xef\xadl\x17\xb9\xf6\xb0\xabT\x1c\xb7\xb2H}\x94\xab\xf6d\xe6\xb5\xd0\x1a\xcb\x8e\xbd4\x84E\x82\xf5\xefHp\x0bf\xa6l\xfb\xf6\xec#\xa4\xef5\xf2\x13\xa6\xe9\x91}\xfa\xab\xab\x87\x10\x92\xbf\x1b"\xb6\x1ew\x90\x15\x01\x11G\xaf\xbd\x03\x90P$7c\xe78e\x03\x00e\x8b\x94\x8da4\x03\xca\xac\x00\xff\x05\x08\xc9\xdf\xcdu\xa1\x12\xc9\xbbEf\x00X|\xf8\xb9P\xdc\xa8&gt;O\xe0\x93\xb6|\xcd\x8a\xb2\xe2\xe4k/\xa4\x02D\x1c\xba\xfc\x86WY\xb9\xcb@T\xd7\xa9|\xc7\x15\x0er\x8f\x9b\xd7\xe4+7P\xf87\xb7\xb4\x19\xcfl\x00\xa8D\xcb\xd6\xd6ka\xacA\x0c\xdcX&lt;\x0b\x18\xbc\xe7ZIbW\xdd\xa9+\xdbJ\xf3\xae\xdb\x16zU\x88X\xa4\xf9\\A\xd9X\x99\xd0\xb7\x0b\x8a\xa3\xb7j"2\x9e\xa6\xee\x83\x97H$|b\x02d\xf8;\xf0\x83\x9b\x884~\x122\x1b\x82\x04B\xcb\x96\x00\xdd\xa6\x9fv\'\x98\x13t\x0fV\xcc`\x05\x91\x84\xf7(~P\xa3\x95\xb4p&lt;g\xddG)\xd3nIX\xe3\x99"\xb2\x99p?\x98\x03 \x0c\xc8\x00\xc0\x84M_\x11W\x1cz\x04Rx\x7f\xfb\xf7\xca\x81\xf6H\xc7\xae\xbf\x0b\x16\xaey-\x1e\x17"&amp;,\xd8\x93\x13\xa1\xf3\xfb\'\xcc\x81\xd9kLP\x0fc[|kl=J\x16K\x8f\xfe\xae\x1d\xbfB\x9c\xb7\xefi\xdfy\x9fRc\xd6\xe8\xbd\xd1n\xe6\x12\xc9\xbb\x0b"^{\xa9\xfb\\\x07-\xb6\xbd\x9d\x91Mn\xb2 \xef\xb2\xe5S\x90_\xa2\xa5$\xcb\x8e\xff\xa1\xb4\xbb\xfd\x17\\B\xc4\x11\xab&gt;7\x8c\x81~\xa5\xe5\x80\x88\xf7\x10\x01b\x02\x00\xc3$d\x01^\xa9&amp;G\x8d\x05\x1a\xce\xe8&lt;\xf5$_T\x15\xe6\x92a\xcfY\xe7\xc4rpN\xc20JkQ\xa0\xe1\x0c\xed\x89\xcd\xda\xfd\xb3\x16\x9e\xa9\xf2\x182\x9a\x8d\xb7B]9\x16Q\xe2e\xa1\xda\x88&amp;\xa1YE\x8d]\xd1Y\xfe~\xd4\xe9"\x8d\x1a\xbd6jb\xb7\x18\xbd\x97c\x88\xd4\xf5\x97\x92\xd6\xc3M\xbd\x99\xab\x8c5\x85\xc5\xf7*s\x89\xe4]\xc7\xf2kG\xc4\xdf&lt;j;\xef!\xaa+\xb2\xb9-\xa2\xeaI\\XgP7\xa0m\xb96\xea5_\xfa\x1fb\x8b\xd1{\x03W\xb4 \xee\'\xd5\xc5g\x0b\xdd\x95Ei\xdbX\xdb\x84\xc4\xa7\xe2\x7f\t\xd7\xa9\x14\xbfW&gt;\xe2QP\\\xf5\x89=(J\xb7\x8c\x9c\x91NYj0+\xa5\xb6\xee\x13\x1a\xe6\xcdf?\x83\xc0,/\x11\xdfF\xa0\x89+\x89$\xd2\xb1\xe2\xe4\xab\xdes\xce\x03c`a\xb3\xfe\x15R\xdd4cp\xd9f\xc9\xad\xbfPi\x92\x1d\xd8\x1e\x1a\xbd\xf6\x0eG\xa7\x8c\xd3\xfaj\x11\xec\x96\xe89T\x19\xa6\xed|\xb0\xf8\xc8\x0b7\xd9\x8e\xdb\xf0\xbf\xf0\x9f?\xec\xfc\xfeI\xf3`\x11\xc4\xfa\x85\x89\n\xf7.a17.\x94\x95\x81\xc1:\xf5~\xbfe\xe3\x0f\xaey\xf3\xd3\x8fZ\xf3\x859p\x89\xbb\xdfNA\x9b(FDj)\xca\xa5\x1b\xaf\x10\xa08\xdf\x81\xa3\xc1\x87\x04\x95v\x93\x8e \xe2\xe7o\x10\x11\x7fG\x04\x80\x0e\x93\x8f\x06\xc2k\xa7D\xf2NP\xb8\xe9\xec\x89\x9b\xef\xff\x1e\x01\xda\x98 \x91\x81\xd7\x00G-\r\x00I\x8b\xf6s\xdc\x06\xbb]hOi\xd8\xbb\xc5u|\x94\xb0F\xc1F3G\xac\xfa\xdcS\'\x83\x16F\'\xbc#q\x95\xeek9\x97+u]\xedf"\xda\x8c97\xd2\x01\x89\x15\x14\x93\x17\xaaZu\xc0\xdd\xdaO\xde\xfa\rq\xc6|%\x10\xf19\xa2b\xe8c\xee\xde\'\x90\xbe\x999\x82{a"B\xf7T"y\x8bq\xf9\t\xed\xfe\xc2F\xf2\x9e\xb3}\xcb\x93\xd1\xb2\xb6!g _ N\xdd\xf1C8\x1b\xa7E\xc2\xaf\x9c\xf9!\x0c]v\x03\x11\xa7\xed|\x00I\xebn\xbd,z\x8f\xbd\xe7\xf8\xdd\x1a\x9e\x7f\x8a\x95\xba\xae\xe6D6\xab\xad\xa6*\xad\x9b\x90\xf4K%\xb6\x8b\xbav_\xa6Mo\x1a\x96\xb3\x17a\xe4I\xe0L\x12*\x8e\r,\xdf\xc3\xb8y\xc2M{\xdc3\x94\x9bJQr\xa0X\xf48\xfaS\xbau\xe8\xb0&amp;\xb3\xdc\x88t\xe2\x07^?\xa6F/\'3"\xb2\x19\x96H\x82Nn\xaa\xae&amp;\xc9\xea\xd3\x7f\x89}\xabEj\xf6v\xecm\x86f\x90\xcfD\xbd\x81\xdb\r\r\xb0A\xb0\x7f\xd4@\xb5\xf6,bW\x8eb-\xe7/!TI-Yx\xf0\x19\x00\xa4,i\xdc\x9c\x1a\xa0\xda-\x82\xfb&gt;\xe2S\xaa\xedbmY\xe1\x1f\x8f\x9eO\x92\xa266)\xd9\x8c\x99\xc4A\xb6\xb5\xfal\xa6F\x8b\x93\xa735\\\xb5+\x12SP6\x8d\xe8\xfe-g\xc9\xcc\xb7fiv\x94\xb3\xffJ"\x91\x88\x90\xdb\xdb\xf9=:I\xeb\xc4\xca\xd91bt\x96\xe3N\xdd\xf9\xa0\xcf\xdcOA\xdf\x00\x93\x0b\xa2JH\xc6\x8a\xa3\x00\x8a\x91)\xdd\xc8\x9f\xba\xccP\xd6\xa5xy\xbb\xce\xdd\xf7\xd42\x03s\x10\x7f\xe6V%+\xe8-\x17zF\x92\xdab\xb6\xaf\x13;\xcb\xfe\xa3[\xc1\\\x9b\x8f\x93\x9b\xde\xd4!\xe2\xc2\x83\xcf8\x02\x9c~\x88\x8a\xab\xc4Y\x8a31\x9aI\xa9\x02\rgp\x8aF\xc4\xaf\x02|\x83\xca\xee)\x00\x10\xdc{\x1d1\xbe\\\x89$\xd2\xa146\xcf\x10\x196cSG\xcb*l\x96\xc1\xb8l\xa9#$\x9f\xa8\xe9\x1c\xc2S\xa9\xed\x1e\xbd-\xc8\x06x\xff\xff\x90\x0c\x87\xc4\xb5\xcd\xf1\xcd\x03GD\x8c_@g\xb0~\xf5\x997\x16\xdbsC\x1d\xb8a\x8f\xbc\xd0v\xa96\x1a\xfa!\xb0*\xfd4M\xdc\x96\xa8o\x11\xe9\xa5\xa8\x86)\x12\x17\xeec\xd2\xee\xce\xf8\x9d\xdaa-\xd3n\xa9\xc3\x96)fy\'\xa9|\x10;\x9a\xe2V&amp;/\xf4\x9e{\x01\x84\x1bK\xfe\x9e7C&amp;D\x83-\x91H\xbc\xa3\xd3{\xfe\xa9\xe3[\x7fy\xd5\xcf\xa5\x0c\xd7\x00\x00\x11W\n\x18\xcf\x1a\xbe\xf2\xd6\xe9\x9f\x10\xe2We\\\xcf\xa4\xe5\xd6o\xfeE\x87\x02\xaa9h\xa4(!\xb8V\x07\x00\x00\xc9\xeaj9\xac8\xf1J,MB\xf09`\xa70`\xd1\x15\x1b\xa5[\xd1\xc5\xd3\x89\xc1\x1d\x9fy\xf5V$\xe1\x9b\xad\x16o\xccz\xcd&gt;\xef\x85&lt;\x00\xca\xdd\xa9]\xa22\xed\x97\x1a\xae\xba4Ei\x8d\xd2\x82F-M\x04\xe5c\xc5U\x9e\xcf\x85_,E\n\xb1+E\xb3\x91\xbb\xc1\xf4\xfc\xcd?G\xa2\xc2\xbd\x95\xb5\x12\x89D\xf2\xee\x90\x8eu\xa1\\\x07{\x9e^\xcc\xf0\x14\xa1\x85\x11\xd1^9t\x9fW\xc4\xf2\xe3\x7f(\xc3\x17\x01,\x9c\xf9 \xa2I\xa3\xc75\xe1n\x9a\xbf\xe3\x94c\xe4\xa9\xb3\x1f\xa8X\x8b\xf9\xe4)g\x0e&amp;&lt;\xa7X\x11\x11\xe2WU\xcc\xa8\xf5\xb13f\x15\x86jM,\x19\xa8S\x0b\x1a\xad\xc7\x1d\xb8\x8f\x08P\xd4V\xee\x8a\xb4\x0b\x0f\xfd\xe6T&lt;\x89D\x020u\xc7\x0fn\x92#"iB\xe8\x19b\xfa\n#\x85Sg\x83T\x8d\xfc\xaa\x9e1\xca\x02@Y\xd3\xf8\xa3\xfe\xa0\xed\x86\x90\xadW0N\xeeN\xb6\xe5\xb4\x8a\xb0\xe6\xcc\x9b\x13?\xe0\xbe\xbbh.Q\x04E\x95\xd7\xa5\x18\xe2\x04\xb2\xb5`\x1al\x02\x80v\x13\x8f\x08\xe7\xa3[\x1bFD\xbe\x05\xf2hY\xdb\x88d\xba\xe8\xd0oq\xf2t\xf6\xe4\xf6\xcf\xfc\x84\x9c5f\xfb\xf8\x9c7(\x9d\xb9e\xc7\xff\xb0\x8a_\xa4\xff\x82\xcb\xb6\n(\xd9z\x91H\xb4\xff\xd1\x1eN\xea2C\x18\xd1\x93$(\xd8\xc3\x96\x184\xe8\n\xdb\x12\x89\x84\x82f\xec\xe6\xdaK\xff\xc8\xaf\xcd\xf8C\xc6xq*\xda\xaa\xe9\x10Ql\xafHR\x00\xc5\x91KB2\xadxA\x81\xc1\xd7\xf0\x94j\xb3\xd8p\xa1\xd5\xd8\x03\x96K\xd1\x1d&amp;\x1f\xf3\xccb_\x8cr\x9c\x8b\x86\x07u\x8f1vG\xc4\xea\xbd68\x14 C\x8b^\xb3\xa9\xf6,\xed\x8d\xaa\rN\x08\x02\xf5\x13gh\xe10a\x9a&amp;?\x08\xf4\xcc\xd4\xc3\xac\xb6\xf2\xee0\xf9\xe8\x9c=\x8f\x1d\x89\x15\xae\xc4\xc8\xdeN\xd3\'\x8f\x99\xa3\xbd\xe1j\x04\xf8*%\x92H\x85\xceJ\x83:\xf5\x9a\xa3\xfb\xcc\xb3\xe6i\xd8\xea\xbd6P\xbf@q]*A\x10QY\xd6=t\x1f\rSdN\x10vGH3{\xcb\xc1\xc2\x9a\xa6\xf9Y\xdd\xfa\xd3I\xfd\xc5jP]f\xf2\x13=\x87\x0cTc\x0eu\xfbo\xd3\x9d\x87\xd8\xf4\xf0h N%Dd\x08\xe0</t>
        </is>
      </c>
      <c r="E366" t="inlineStr">
        <is>
          <t>&lt;class 'numpy.ndarray'&gt;</t>
        </is>
      </c>
    </row>
    <row r="367">
      <c r="A367" s="1" t="n">
        <v>365</v>
      </c>
      <c r="B367" t="inlineStr">
        <is>
          <t>steps_per_sec</t>
        </is>
      </c>
      <c r="C367" t="n">
        <v>5300</v>
      </c>
      <c r="D367" t="inlineStr">
        <is>
          <t>5.394825</t>
        </is>
      </c>
      <c r="E367" t="inlineStr">
        <is>
          <t>&lt;class 'numpy.ndarray'&gt;</t>
        </is>
      </c>
    </row>
    <row r="368">
      <c r="A368" s="1" t="n">
        <v>366</v>
      </c>
      <c r="B368" t="inlineStr">
        <is>
          <t>Loss/localization_loss</t>
        </is>
      </c>
      <c r="C368" t="n">
        <v>5300</v>
      </c>
      <c r="D368" t="inlineStr">
        <is>
          <t>0.0038327868</t>
        </is>
      </c>
      <c r="E368" t="inlineStr">
        <is>
          <t>&lt;class 'numpy.ndarray'&gt;</t>
        </is>
      </c>
    </row>
    <row r="369">
      <c r="A369" s="1" t="n">
        <v>367</v>
      </c>
      <c r="B369" t="inlineStr">
        <is>
          <t>Loss/classification_loss</t>
        </is>
      </c>
      <c r="C369" t="n">
        <v>5300</v>
      </c>
      <c r="D369" t="inlineStr">
        <is>
          <t>0.15982534</t>
        </is>
      </c>
      <c r="E369" t="inlineStr">
        <is>
          <t>&lt;class 'numpy.ndarray'&gt;</t>
        </is>
      </c>
    </row>
    <row r="370">
      <c r="A370" s="1" t="n">
        <v>368</v>
      </c>
      <c r="B370" t="inlineStr">
        <is>
          <t>Loss/regularization_loss</t>
        </is>
      </c>
      <c r="C370" t="n">
        <v>5300</v>
      </c>
      <c r="D370" t="inlineStr">
        <is>
          <t>0.036207933</t>
        </is>
      </c>
      <c r="E370" t="inlineStr">
        <is>
          <t>&lt;class 'numpy.ndarray'&gt;</t>
        </is>
      </c>
    </row>
    <row r="371">
      <c r="A371" s="1" t="n">
        <v>369</v>
      </c>
      <c r="B371" t="inlineStr">
        <is>
          <t>Loss/total_loss</t>
        </is>
      </c>
      <c r="C371" t="n">
        <v>5300</v>
      </c>
      <c r="D371" t="inlineStr">
        <is>
          <t>0.19986606</t>
        </is>
      </c>
      <c r="E371" t="inlineStr">
        <is>
          <t>&lt;class 'numpy.ndarray'&gt;</t>
        </is>
      </c>
    </row>
    <row r="372">
      <c r="A372" s="1" t="n">
        <v>370</v>
      </c>
      <c r="B372" t="inlineStr">
        <is>
          <t>learning_rate</t>
        </is>
      </c>
      <c r="C372" t="n">
        <v>5300</v>
      </c>
      <c r="D372" t="inlineStr">
        <is>
          <t>0.07998252</t>
        </is>
      </c>
      <c r="E372" t="inlineStr">
        <is>
          <t>&lt;class 'numpy.ndarray'&gt;</t>
        </is>
      </c>
    </row>
    <row r="373">
      <c r="A373" s="1" t="n">
        <v>371</v>
      </c>
      <c r="B373" t="inlineStr">
        <is>
          <t>train_input_images</t>
        </is>
      </c>
      <c r="C373" t="n">
        <v>5300</v>
      </c>
      <c r="D373" t="inlineStr">
        <is>
          <t>[b'640' b'640'
 b'\x89PNG\r\n\x1a\n\x00\x00\x00\rIHDR\x00\x00\x02\x80\x00\x00\x02\x80\x08\x02\x00\x00\x00\x83\xaf^t\x00\x00\x18\xf2IDATx\x9c\xed\xddg\xbc\x1ce\xbd\x00\xe0\xf7\x1c\x08=\x81P\x82\x94\x84\x9a\xd0\x12\x12Pj  \xc5\xd0\x82\x08JDA\x0c\x08\x08\x08DA\x10\x10\x01\xa5(^A\x94\x0b\x82""\x8a\x08\x82\xa0\xa0\xe0\x05\xcbU\xa4X\xa2\xd2\x14\x14~"*W\x8aWBU\xb9s?\xeca\xb3\xe7\x9c-3\xb33;\xb3\xbb\xcf\xf3!gw\xe6-\xff\x9d\xcd\xef\xfdO\xdbyC #Q\x14EQ\xd4dm\xdd\xd7\xcd\x1b\x8c_\xa0i\xef\x83q\xbaK\x11\x00\x00\x94]\xf3d\xf6\xe8\xa8\xb5\xdb\xbc\xf3\xa20&lt;\xad\xae\xbb\xcbi\xcd\xbb\xd8d\xce9qRf\x932\x8f\xc8\xb8\x00\x1d\xf3\x89\xeb\xff\\t\x08\x0cs\xfc%\x0bB\x08Kn8/\x14t\x0c:q\xd6I\xc3\xfb\xdd\xbc\xf31\x00@y\xa5N\xcf\x8d\xce\x87\x0fkp\xec\xaei\xe3\x02\xa0\xe3\x96\xda\xf8\x90\xa2C \x81\x98\x17\xad\x01\xa0\xd4$-\x00\xe8\x84\xbb\x9eI\x9fq\xf3\xce\xd6\xf6\x06\x00 /?\xf9[4Z\xea\xd6\xe4l\x00ha\xcfc\xae\xae\x93{\xdbL\xc3k\x1f\x90u\x98\x00\xd0C\x06\xd6}g\xf3\xec\xdb\xc6\xa1\xf0\xaa\xd5W\xcbL}OV\x01\x03@/8\xe8\x8c\xdbj\x13\xed\xacy\x97f\x9a\x83\x87|\xf8K\xbf\xcd*`\x00\xfaT\x8f]\xdd\x9c\xf6\xe6s\x0f:\xe3\xd6\xd7\xde-\x11V\xdd\'\xeb\xe3`\x00J\xa0{\x07\xf1\xee\x8d\xbc\x89\xd3\xae\xfc\xdd\xe4\xd9\xa7\x0f[\xb4\xd8\xcc\x1c\xceE\x03\x90\xa3\x81\xa2\x03 \x99\x85Q\xf4\xaf\x10V\x1cX)\x84gC\x08a\xd9]\xc2\x0b\xb7GQt\xc9\xed\xcf\xff\xec\xde{\x7f\xff\xc8#\x7f\xfd\xcb_\x1e\xb9\xed\xcc\x11\xb5\x06\x06|\xd1\x00\x8c\xb4R\xd1\x01t\x93(\x8a\xae]0tD;m\x9f\x8f\x7f\xf4\xeaGC\x08OF\xd1M\x0fFQ\x14}\xe1G\xaf|\xff\tG\xc0\x00\x90\xa9;\x1e\x8f\xa2(:\xea\xfc\x9f\x86\xb0\xd4\x96\x07\\\x18EQXf\xe7E\xab\x97\xdc1\x84qNA\x03\x90\x8d\x19\xfb\x9eWt\x08\xc5\xab$\xd1J6\xfd\xf9s\xd1\xd8M\x8fX\x94\\\x07\xb7\xad\x94\xd9d\xce\xd9c\xa6\x1c\x9c\xe1e`\x99\x1b w\x86\xda\xaeP\xcd\xa6\x93g\x9f\xbe(\xb3\x8e\xd9~h\xf5\x92;\xecv\xf4U\x99$`\xff\x1f\x00`\x91j6\xdd\xeb\xb8kn\xff\xe3\xd0\xeb%7\x9a\x17\xc2\xebG\x97q\x16\x1a\xa0\x8f\x9c~\xd5#\xed7\xb2\xc2fG\xb5\xdfH\x19d\x9e\xf6\xde\xfd\xb1\xdb+\xd9t\xd3}&gt;\x1e\xc2\x16\xc33\xeb\xa4\x10\xc2\x84\xad\xe7\xff;\x8a\x1ezU\x02\x06\x80\xb6\xfd\xea\x85E\xe9\xf3OQ\x14E\xd1E\xb7\xfeo\xe5\xedZo&lt;9\x8a\xa2J\xf6\r!\x84\x95\xe7\x84\xc5\xb7?\xf5\x8a\x87d_\x00\xc8R5\xa7.\xbd\xf1\xa15\x8b\'M\xdc\xe1\xa4\xd1e$`\x80\xd2\x1a,:\x00\x929\xe1s\xbf\xaa\xbcx\xf1\x81/\x845\xf6{m\xf1\x98\xe7\x17&gt;\x1fB\x98\xb4\xe3\xc9\xa3\xd3\xad\xa7p\x00\xd0\x9b\x96\xdcp^\'\xbb\xfb\xdc\xed\xcfW\x8ekw;\xea\xaa\x9d\x0f\xff\xe2\xf9\xdf\xfa\xdb\x82\xe7\x1b\xddz\x15\x8d\x9b\xfe\xdeN\xc6\x06\x00\xbdl\xa5-\x8e\ta\xc3\xe9\xfb\x9e\xd70\xf1F\xd1\xea3O(:L\x00\xfa\xcc\xa3\xfdq\xd5s\x97#\xaeh\x94}\xd7\xdd\xe5\xb4\xa2\xa3\x03\xa0p\x833\x8b\x8e\xa0$&amp;\xe4\xd0\xe6\xe2\xf3\xce\xba\xa36\xf5n2\xe7\xec\x1cz\x01\x00\x00\x00\x00\x00\x00\xa08\xaf\x7f\xdb\xa7\xda|\xfe\x86\xc7w\x00t#\xcf\xf7(\x85\xd3\xae\xfc]\xd1!\x00P_N\x99\xf2\xff\xf2i\x96\x98\xd6\x0b!\x1c\xf5\xa9;7\xdch\x8a\x03Y\x80\x1e0\xbd\xe8\x00\xfa\xd4I\x97\xfd&amp;\xc4&gt;\'\xbc\xc3!\x97UKz\x104\x00\xa4WI\xa21Si\x14E!L\x1bz\xb3\xda[$`\x80\x9e\x95\xeb\x10/\x7f$\xf5\xd8\xd0\x16\x9b`\xd3\x01@^\xf2\xce\xb2\xb28@\xc9\xad[t\x00\x00\xd0Oj\x8f\x90\x1c-\x15.\xf3\xaf\xc0w\nPFS\xf7&gt;g\xe3\xbd\xce\xaa\xbe\xdd\xfd}_\xe9\xab\xf1\xba\xf0\x0f[x\x00\x00\x14\xa3\xf2+\x97\xdb\x1e\x8dB\x08\xfb~\xf0\xfa&gt;\xf9\xd1K\xf5cf\xfey\xfba\xeb\x01\x90\x81(\x8a~\x1fE!l\xb1\xe2\x1b\x8ey\xf6\xb5\xe9\xf0\x8a\x0e*\x99v\x02\x8e\xa2\xe8\xaf\xdd\xf6y\x01\xe8\x05\xb5\xd9\xeb\x81\x7fue\x02Nm\xb1\xf5\x0fz\xc3\xfe\xe7\xa7\xab\xdb?[\t\x80\xdc\x8c\xdf\xa3\xf2w\xc2\xd6\xf3\xfb*\x01\xf7\x95\xc1\xf5\x0e,:\x04\x00\xea\x1bW\xf9#\x01\'\xf2T\xed\xe6Zc\xbf\xe2\x02\x01\xa0\x04:\x9cD\xd3u\xd7{\x99\xbe\xd1\'\xea\xbdO\n@\x8d\x89\xfb\xd7\xbe3\xe8\x03@\'\x8c\xcc\xb8\xcb\xed\x9a*\x07/\x97Q8\x00\xd0\x07\xa2\xe1\xbf \xfa\xc5s]\x7f?\xf3\xa4\x1d&gt;\xd4dm\xcb\x8f\xd6\xd5\x9f=\'\xb6\t@\xf6v:\xec\xf2\x11\xc3k\xb6\t\xb8\xeb\xc6\xee\xe2\x02\xde\xa0\xa0~\xe3X\xbb\xe8\x00\x00zQ\xae\t\xb8({\x1d\xf7\xb5\xa2C\x00\x80\xa6\x16V3\xee\xf2\xb3\xef\xffg)Roo\xec\x04\xf4\x0c\xdf\x05@\xb6\x06+\x7f\xc6\x0e\x0c\x0c\x0c\x0c\x84\x10\xc2\x12KL]b\xa0\xc8\x88^3P\r\xa9\xb1b\xb3\xc2\x9c\xe3\xae)\xb0\xf7\x0e\x1b\x18X\xba\xe8\x10\x00\xa8\xb1\xf6N\xa7f\xd5\xd4\x99_\xfdCVM\x01\x00)u\xc59\xcf\xbaA\xde\xf8@\x17D\x1e\xbad\x0b\x03P\xb0\xef\xfe\xbe\xcb\xb2\xc5%\xb7/,:\x04\x00`\xa4\xb1\xa9j\x8d\xcb8\n\x00\x00\x002\xb1N\xdd\xab\x8c}x\xe9\xb1\xf2\x91\x13|\xf0ev.\xd5V*U0\x00}\xed\xdb\xbf\x1d\x1a\x91c\x0e\xcdq\x9e\xfe\xb8\xe71W7*v\xed\x02\t\x00\x00\x00\x00\xca\xef\xd37?]t\x08\x00\xf4\xaetW\n\'\xcf&gt;=\xf3Hz\xc3?]y\x05\xe8\x03\x83\xc3\xde\rl\x9b"\x9b.\xacW\xe5c_{l\xc4\x92n\xb8\xa3g\xeb\xa2\x03\x00\x80&lt;uC2\x1e\xe6\x9b\xf7wY\xc0uu\xddf\x07 \xbd\xc1\xf5\x0e,:\x84N\xb8\xe7\xefr\x1b\x00e\xd2\xf2\xb7\xb0Y\xfd\xa2\xa9\xfc\x96\xdf\xec\xc8\xa2CH\xa0\x0768@\x1fI1j\x1b\xe8\x01\xa0\xb5\x9c\xf2\xe5\x95?\xfd\xbf&lt;\x9aM$\x8a\xa2\x10V(:\x8aR\xb0W\x04\xd0Acfe\xdb\xde\x92\x1b\xcdk\xb26\xaa\x91m\xbf\x00\xd0\x1d\xaa)\xb0c\xb9p\xde\xd9wT_\xcf\x99\x7fM\x8a~\x0f\xa9i\xa1\x1051/[d\x1c\xd9\xa9~\xa2\xf3n\xf8Ku\xe17~m\xf7\x08 7y\xe7\xddio&gt;\xb7Y\xa7K\xcc*\xe9\x95\xe3\x89\xfb\xa7\x08\xe0sw\xbc\x90O4C\xee~\xb6C\x19\xf1\xc0\xd3\xbf\xdb\x99\x8e\x00\x182a\xeb\xf9\xb9\xb6\xbf\xe5\x01\x17\xd6\xbeMz\x16z\xd1\x89\xeb\xa5\xdfX\xbbp\x83\xdd?\x9aIx\x99\xdc\x95\xdd\xad\xe7\xd5\xd7yG\xd1\x11\x00\x90V\xa2\xdc\xb3\xfcfG\x0eO\xc0\xcb\xb5l|\xee)\xdf\xfa\xf1\x93\xa5\xbax&lt;\xbe\xe8\x00\x00 \x84\x9b\x1e\xac\xe6\xc5\xe5k\x97\xd7\xfe 8\x8a\xa2\xef=\xd6\xec&amp;\xac\x1b\x1f\xa8\x9f\\\xab\xe5+/\x96\x9bvX\xa3b\xa9\xe3OhB\xa7:J\xa3\x9d\xed\x90x2c\x0026~\x8f\x9c\x1a\x1e\xca\xa6\xcb\xec\x1c\xbf\xca\'\xae\xffs\x14E\x17\xff\xd7\xc2\x7f\xd5\xcb\xdc\xc7}\xf6g!\x84\x9f\xfcO\xbb\x0f\xfd\xc8\xdf\xaaE\x07\x00@\x99$\xccO\xcdN\x177j\xaa\xd1\xf2c/\xbc\'I\xd7\x89\xaf\x1cW\xec\xf4\x9e\xcb\x93V)\xda\xa4LZ)\xcd\x9e\x07\x00\xa9\xac9\xeb\xc4&amp;k\x0f:\xf3\xb6\xd1\x0b\x9f\xe9\xb6\xa1_\xae\x02 ocG/J\x98~\x96\x8e_\xb4\xe7\x13\xdb\x98)\x07\x17\x1d\xc2"+oql\xd1!\x00PO\x83t\xb8M\x11\x9d\x02\x00\x0c39E\x9d\x96\xfb\x19%\xdc\x11\xb9\xef\x95\x91!\x950H\x80\xde5nv\xcc\x82\xa3\x7f\xa3\xb2\xcb\xe1_\xcc%\xa4r\x8bs\x85\xbb\x1b3\xd9\x9b\x8e\xbc\xb2\xe8\x10\x00\xa8\xd1f.YT}\xec\x9b2\xech\xd3}&gt;\x91:\xa4\xbc\xac\xb2w\xb1\xfd\x0fm\xc0$?\xf1\x02\xa0\x13:?\x01C]\x8bO~W\xea\xba7\xffnX\xe4O\x14}\xa0\x99\xd5\x96\x8c\xd7\xce\n\xd955\xdcR;&amp;\xae\x02@n6o\xb4\xa2\xa0\xfc\xbda\x11\x9dv\xdc\xd8]\xeb.\xee\xc6s\xda\x00\x90\xa5\xd5\xb6=\xbey\x81\xad\x86\xcf&lt;QrR;@\xa7]\xbb\xa0\xc8\xb9\rJ&gt;\xee?\xf8\xefX\xe1\xcd\xbf\xe8\xe7yG\x92\xb9\xea\x96\x7f\xdb\x87n,4\x10\x80\xfe6v\xfa\x11E\x87P"\x0b^\xc8f\xb7\xe0\xca;_\xcd\xa4\x9dFJ\xbe\xfb\x02@C1F\xf0\xcd\x9b\x96\xdc\xa0\xed\x1eWH\xdaB\x1e\xbe\xf0\xa3W\x1a\xaf\\4\xebQ\xdb\x0f\x94^+f\xb9G\x93g\xd6\xa7$c\x80n\x11\xe7\xf8\xa9\xfdc\xacJ\x0b\xcbN=,\xab\x06;\xe0\xcbwuA\x90\xb9\xea\x8a\xaf\t\xa0\xebe;\xda6o-~_]\x9d\x03Z\x04\xbf\xf8\xf6\x9d\n\x04\x80\xd2\xd92\xdb\xe66\xde\xeb\xacl\x1bli\xf5\xedN\xe8p\x8fU\xaf\xdb\xf6\x031Kv|7bz\x8a:o9\xe1\x1b\x99\xc7\x01@\x1a\xa7\\\xfe`\xe7;Mz\xe2\xf7\xc2[\x9e\xc9)\x92\xe6\xc6l\xd0z\xee\xa3\xa9{\x9f\x93\xba\xfd\xdb\x1f\xef\xe2C\x7f\x00\x12K7\xd1}&amp;v&lt;\xf4\xf3#"iY\xe5\xe8\xf3\xef\xca\xa4\xeb\x11}\x9d\xf4\xf9\xfb\xe2\xd4\x9a\xf6\xe6s\xe3\x14k\xe7i_1\xc5\xfb\xca\xa6\xe6\x1d\x06\x00\xe57i\xde\xd9w$\xad\xd3\xf9=\x83\xb7\x9f\xfa\xed\x0e\xf78\xca\x86]}\x15\x1c\x80\xb82\x1c\xee\x8f\xfb\xec\xcfBX*iw\xfb\x1c\x7f]\xcb\x96\xa3(\xba\xe5\xe1L\xe2\xdc\xa8\x8d\xba\x13Z\x17i\x9b\xec\x0b\xc0";\x1erY\xd1!\xb4oF\xf3\xd51\xcfBW\\\xf6\x83\x97\xda\x8a%?EO\xca\x04@2\xdd3\xa5\xfc2M\xd65\rrL\xd3f\x17\x8f\xd9\xfd?\x1aw\xd1\xa4\xf7\xaf\xdc\xddz\xeb\xfd&gt;\xf5\x16^~\xb7\x94\x15\x01\xe8\x01\xf9\xcd\xe8\xbe\xcd\x81\x17\xa5\xae\x1bE\xd1\xc4Y\'\x85\x10\x1ezu\xe8^\xb3)\xb3\xcf\x18Uj\xabTm\xaf\x92:\xaa\x8c,]t\x00\x00d\xa7\xcd#\xdd\xb9\xa7,\xba\x89\xa9\x9d\xa6\xb2:\xe0~\xa6f\x16\xe4&lt;\xa7\xef\xdd,F\x99\xb6\xfc\xb5?\x9ed\x02@}\xf9\r\xee\x89Z&gt;\xf2Sw\xc6o\xa1\xb2\xfc\xd8\xcf\xdc\x9b.\xb0j\x0bKm|H\x08!\x8c\x99\x95\xba\x9dRyB\x9e\x06 \x13k\xedxr\xed\xdb\xfb^\x8eB{\x8f\xc0\\\xeb\x8d\'\xd7-\x99-\x07\xac\x00\xfd\xa5\xee\xb8\xdf\x8b\xc9`\xe5\xbaKG\x7f\xd2l7H/nI\x00\xca\'\xe6\x15\xd6\xed\x0f\xbe\xa4\x03\xc1\x84\xa6\xf9\xaf\xb2\xea\xa3W?\x1a\xbf\xcah3\xf6\xfbd\xba\xc0\xd2u*\x9d\x03\xf4\xa0\x0c\xef\xee\xd9p\x8f\x8f\xb5\x1dN\x03k\xbc5\xdb\xf6\x9a|\x96\xcf\xff\xf0\xe5\xbak\x0f?\xef\xbf\xb3\x8d!+\x9b\xcc9\xbbE\x89\xf1{t$\x10\x00\xf2\x97t\xf2\xc1\x0e\x1c\xc3\x9d{\xdd\x9fb\x96\xdc\xe5\xf0+\xe2\x15\\\xa9\xfaj\xe7\xc3\xbe8|\xd5\x121\xfb\x02\x80\x8a)E\x07\x90\xa5\xa4y\xbd\x7f\xae\xe9\xd6\x06\xecD7@\x17krP{\xf6\xd7\xff\xd8\xa8\xd6\x01\x1f\xbe9\x84\rr\x0c+\xb6\x87\xdb\xc8.w?\x1b\x85\x10\xfe\x90O~\xba\xfe7}r7\x1c\x00\xdd\xef\xe8\x0b\x86MJx\xce\xb5\x8f\xb7\xd3Z\x1e\xd9\xae\xe9]i\xd3\x86\xbf]\xafI#)\xba^~\xc6\x91)j\x01P\n\x07\x9cvK\xd1!d\xec\xbeW\xcauL\x99m\xd6o\xb3\xb5-\x0f\xb8\xb0\xfdF\x00(\x97\xe6\xc3\xfa\xd2\x1b\x1f\x9a\xb4\xca\xd5?K\x97\'V\xef@\x82\x19\\\xff\xc0\x90*\x93\xc5\xb8\xa9m\xdd\xf4ae\x14\x06\x00m\xe9\xd8 \xfbr\x17\x8e\xe6M\x1e\xc7Q\x7f\xbbM\x9a\x9b\xb4\xb5\x10B\x98\xb4\xff\xa2\xd7+\xef\xd5\xb0\xd6r\xbb\xb6n*#\xed\\#\x07\xa0\x18\xbb\x1d}Ug:\x8a\xffC\xa3\xbe\xb7e\xe5O;O\xe2\x04\xa00\x1d\x1e\x94\xab\xf7R\xed\x7f\xf2M\xd5\x85[\xcc\xfd\xf4\xf4\xb7\x9c\x97y_\xe3\xa6\xbf7\xf36\xbb\xc2F{\xd6yX\xca\xb8\x19}\xba5\x00\xbaF\xfc\x94&lt;g\xfe5\xf5\n\xa7\x9c\xc2\xb6\xdaT\x19\x0e\xd4&amp;\xeepR\xe5E~\xc1,\xb7\xe9\xe1\xb9\xb6\x0f@7\xd9\xf3\xd8\xabS\xd7m3\x97DQ\x14V{K\x08\xe1\xa6\x07\xd3\xb5\xb3\xe4\xe8E\x8b\xad\x7fP\xe5\xc5\xc6{\x9d\x95&gt;\xb2\x1c\x0c\xaew`\xed\xdb8\x9bnD\x99\x8e=\x9f\x04\x804Z\xce\xff\x93\xeb\x13\x94\xa2(Z}\xe6\t1\xdb\xb9\xf5\x0f-\x8e\x80;y\x0f\x91t\x05@\xbe\xe2e\x9a\x81\xea\xab\x97F\x95\xbf\xe0\xe6\xa73\x0c&amp;\x8a\xa2\x1f&lt;\x91&gt;\xf9\x8d\xf88k\xce:1\xab\xa6Japf\xed\xbb\xe6\x11V~\xf8\x0b@1j\xc7\xe8\xf9\x17\xfd|\xd8\xba\xc1\x995\x05V\xa9-\x1fs\xe6\xc1v\x8d{SI\x92\\\xc6a4\x98\x98h\xc4\xb3\xbdr\xe9\x1a\x80\xc2\x8c\xdf\xbd\xe5\x98\x9et\x9a\xa3\xf8b\xb6\\y1\xf7\x94o\xa5\xee(\xa9k\x17\x94#\xcf\xad\xf3\x8e\xa2#\x00\xa04Fd\xcd\xd5\xb6=\xbe\xee\xf2t\x06\xd6}g\xfc\xae\x13\xadM\xa7\xe5E\xf1\xde\xf0\xb1\xaf=Vt\x08\x00\xd4\xf3\xa5;\xff]t\x08y)I6\xad\x1f\xc6b3\xeb,\xecL\xd7\x00\xe4\xaf\xe1\xdc;u\xad\xb3\xf3\x87s\x8a\xa3\xd6\x94\xdd\xce\x0cMsC~i#Q\xcb\xf1\n\xb7~h\xf3\xea\xdb\x9d\xd0\xb2LKs\xe6\x7f\xbd\xfdF\x00(\xc0\xdd\xcf\xe6s;\xd5\x98Y\xe9\xeaM\xd8z~\xf9\x8f\xcf\x86\xff\x18\xba\x13\x13$\xe4n\xb5}\x8b\x8e\x00\xa0\x9f\xe4\x94\xea\xe6\x9e\xf2\xed&lt;\x9a\r!\x84\xb5\xde^\xf9{\xef\xdf\xd3?\x15\xab\xa6\xca\xd8\xc6\xab\x12\xb5\x93\xd8\x98)\x07W?B!\xca\xbf\x97\x03\xd0\xb3V\xda\xe2\xd8F\xab:?:\x8f\xee\xb1v\xc9\x98)\x077\xae:X\xfbf\xcc\x06MJ\x86\x10\xc2\xf1\x17\xff2ili\x8d\xefTGm\x91\x89\x01J\xe7\xb9\xe1C\xf3\xd4\xbd\xcfM\xd1\xc8\xaf^L4\xbe\xcf\x88?%@F\x99cr\xbaj\xcf\xb6\xf7S\xae\x11~\xf0gY\x10\xa0o$\xc9\x10CG\x99Korh;=\xae\xb0\xf9Q\xad\x02H9OC]m&gt;\x1b9\xac\xf9\xd6\x14\xbd\xa4\xb0\xe2\x1b\xde\x97\xbc\xd2\xb2\x8dV\x94j\xca\n\x00\x12[i\x8bc\x92VYe\xab\xe3n| \xfd\xa0\x7f\xd9\x0f^JZ%\x83\xd9\x1d\x12\xd8&amp;f\xb9\xf5\xdf\xf4\x91\x0f^\xfa\xebxe\x07[\x17\xa9\xa3\xce\xac\x12\xed\x90\xaa\x01Jh\xe4mJ\x1d\xf3\xe4\xb0\xa7]\xae\xd5\xa8\xd8v\x07_2za\xae\x13H\xf4\x1e\xdb\x01 o)\x8e\xb7\x16f\xd2q\x8a9\x97^7000P\x9d\xe3\xe1\x8fu\x9b}4\x8a\xc6\x8f_1\x840\xeb\xdd\x97\xd6.\xaf\xa9\xd8L\xccbu\r\x0fx\xb0c\xc7\xe2\x1b\xedyV\xcb*I\x83\xa9\xdd\x0e\x921@\x8eN\xbd\xe2\xa1\xf4\x95\x17\xdb\xae\xf2\xb7\xfd\x91\xba\xf9\x9d\xcfq\xdcp_\xdc\xab\xbc\x99\xe6\x95\x95sh\xb30\xd5\xd95B\x08kl\xff\xc1\xa2\xc3\x01\xa0\xa1IM\xd6\xd5\xe6\xa4\xf7\xd7\xcc\xad4*W\xad\xd8\xa4b\x9c\xe5\xcd\x03\x98&lt;\xfb\x8cD\xb5r\xb3a\xd1\x01\x00PV\xb7=\x167\xc3-\x8c\x91\x0bko&gt;Jz!v\xf7\xf7}\xa5\xc9\xda\xd1\xcb\xcbs\x00\xfa\x8b\x85\xed\xdex\xbc\xc5\xdc\x0b\xb2\x0b\'\x81\xf2lC\x00\xba^\xf3\xa4\xb2\xc9\x9cs:\x16IN\xda\x9cM\xb2I\xc9(\x8a\xeez\xbaD{6\x00}a\xe7\xc3.\xaf\xbeNw\xe2\xb7\xae\xff\xfc\xdes\x99\xb4\xd3\xd2\x8c}?\x99\xban\x1eJ\x9b\xc6J\x1b\x18\x00\xd9x\xc7i\xb7\xb4\xdfH\x14E\x97\xdc\xfe|\xf5\xf5\xe8\x02\xd5\xd3\xbf\xe9\\\xfa\xfd\x17C\x08a\xb0\xadI\x00\x1f\xee\xaa\x94v\xc7\xe3\x8d\xa2\xcd\xf8\xe7\xc5\x00\xa4\x91\xeb\xdc\x7fQ\x14M\xdd\xfb\x9c\xda\xfbo\x9bt\xbd\xc71W\x87n\xd6]G\x9c\xfb\x9dxC\xd1!\x00\xf4\xa8\x0c\xf3A\xea\xa6~\xd9\xdeak\xfb\x1f\xa1\x9d\'v%\xd5\x15\t\xf8\xfe\x7fvA\x90\x0044a\xab\xfa\xb3\xf9\x8e~@\xf1\xfb.\xb8\xabI\xb1\x8a\x99\x07]\x1cB\x08a\xf1Lc,\xb9\x0c\x9e\x86\x1d3\xe5_p\xf3S\xed\xf7\x05@1\xba\xe2\xf0\xae\xdbur~\x05_(@^\x1a\x8d\xb0k\xeftj\xa2\xf2\x8d\x0bl\x12B\x08k\xbe-yh\x85\xf9\xe1_\x92g\x9d\x95\xe7\xe4\x10HYH\xc3\x00=f\xa9D\xa5;\x95\x06F&gt;\x96\xabp\xdb\xbd\xeb\xe2\xd1\x0b_\xcagk\x8c8\xbc\xae\xfc{\xe0\xe9\xdf\xcd\xa3/\x00ZK\xf40\x878\x85\xef\xfd{\xe7N\x9f\xa6\xc8\xdc\xddu\xccW?\xdax\x13\x187o\xb0\xd1\xad\xe9\x00\x94]\'\xc7ny\xa2\rk7Zq\xce\xb5\x8fw0\x0c\x00F\x89\xa2h\xec\xf4#B\xab&lt;\xb7\xf5;&gt;[\xb7n\xf3\x96\xdb\x8c\xadO$\xdaPe\xf8\x81\x19\x00\x85x]\xdc\x82\xe3\xf7h\xaf\xa3\r\x12\x95\xde\xf5\xbd_j\xaf\xbb\xdc=-\xe1\x01\xf4\x81\x95\xb2np\xdd\xac\x1bL\xa3\xe7\x0f\xda\xda\xfc\x80.\xee\x02\x94\xdb\n\xbb\x17\x1dAJ\xdb\xbd\xeb\x92t\x15[\x9e-\x1f~\x97\xd9\xc4t\xbd\xb4/\xab)\x93\xb3\xad\x0e@oj\x99\x1e\xfe\x16E!\x84[\x1e\x8e\x9dE&amp;\xc6\xfd\x81\xf2\xe8\xa9\xfa\x9a\xdc\xb8t\xe9\x1d/\xc4\r\xa0\x08\x95\xcf2\xff\xa2\x9f7/\x00@\x0f\xba\xac2\xefP\xf7\x18\x9d\x80s\x9d\xa0\xa2\xfdZ\xa9\xa7\x01\x06\xa0\xbc\xfapp\xaf\xcd\xb8\xcf\x8d&lt;\x11\x9dqGy4\xdbE\x01\x00\xd0Z\xea\xa3\xae\xaeS\x9bqG]\tnX%\x84p\xc1\xcdO\xe7\x1e\\f\xd6\x1b\xb9`\x95\xbd\x8b\x08\x03\x80\x10B\x08\xdf\xf8u\x9c\xb4\xba\\\xeeqd$\xab\x13\xbc=\xbc\xb7\x01@\xa9\xc5\xff)K\xcc\\U\xf2\x94V\x1b^\xc9Cm"\xd6\xae\xc3\xea\xfb\xad\xfd\xc6Sj\xab\xe4\x1b\x13@\xbf\xe9\x81\xf9\xecV\xdd\xfa\xfd\x95\x9f2\xd7t\xb4y\xae=&gt;\xd6\xfd\x1b\xad\xfc\x01\x000L\xd2qy\xb7\xa3\xae\xca)\x92\x9eT\xdd\xbc\xdf\x7f\xa2s\x87\xdaM\xda\x8f\xa2\xe8\xdc\xeb\xfe\xd4\x81\x18\x00\xfa\xce\xfd\xffL9\xb06\x1a\x91\xf7?\xf9&amp;\x83u\x19\xa4\x99\xd2\x18\x80n\xf1\xcd\xfb\x87F\xf9Y\xf3.-6\x92\xde\xd3\x99\xfd\x98\xd1\xbd\xd8\x7f\x02\xe82/\x0e\r\xdc\xab\x86\xb4\xbfM2\xf4\x97\xca\xa6\xfb|&lt;\x84\x10\xc2F\x05\xc7\x01\xd0\x9f\x96\x9dz\xd8\xb0\xf7\xab\xefWP \xb5\xa6\xb7U{pfFa\xf4\x83\xd5*\x7f\xec\x1b\x01@\xc6\xea\xfe*\xa9\x7f\x9e\xaf\x02\xd0\x8fn|\xc0\xb0^:\xbb\x1cq\xc5\xa8e\xab\x16\x10\x07\x00\x8d\x1c{\xe1=#\x96&lt;W\xf3\xa4\xc6\x98\x8d,;\xed\xb0\xd6\x85b{\xd2\x81Z\x0e&lt;\xf3\x0b\xa0[\x19\xbe\xcb#\xe6w\xb1\xdf\x897\xa4\xa8\x05\x00q\xac\xd8d\xdd\x96o\xbf\xb0\xf6m\xbfg\xa0U\xdf\\t\x04\x00\xd0\x7f\xfa}\xff\x03 k\x83\xa1\xdcck\x99c\x03\x00\x00\xa0w\xfd\xab\'&amp;\xe3\x03\x00\xe8\x06\xee\xc0\x02\xc8\xdd:\x07\x14\x1d\x01e\xe4\x84\x07@\x87\xe42\xe0\x8e\x9b\x9d}\x9b\xe4o\xc6\xbe\xe7I\xc0\x00\xa5f\x98\xceI\xe1\x1b\xb6\xf0\x00\x00z\xdf\x88\xa1va\xab\x91w\xf4\xd0\xbc\xe6\xac\x13S\xf4;q\x87\x93R\xd4*\xd4\xd6\x1d\xe8\xa3$\x99\xaf$a\x00\xf4&gt;\x03n*3\x8a\x0e\xa0\xa1\xf8_\xe8-\x0f\xb7\x98\x19\t\x00z\xc4=\x7f\xcf%\xc3U\x12g&amp;\xe9S\x0e\x06(\x86\xf1\xb7\x1bU\xbe\xb5\xcf|\xe7\xd9\xa2\x03\x01\x80&gt;s\xf2\xe5\x0f\xb4\xdf\x88\xdd/\x00R\xba\xef\x15)$\xa5\x0c\xcfc\x03P\xb0\x17\x8d\xe6\xf5\x9cp\xc9\x82\xa2ChH\x02\x06\xc8W\xcb\x1f\x1d\x91\xab\'K\xb6\xfdg\xec\xfb\xc9 \xfb\x02\xe4\xa1cc\xabA\xbc\x8b\xf8\xb2\x00:\xea\xd3\xb7&lt;S\xfb\xf6\xe8\xf3\x7fZT$TDQ$\x17\x02\xf4\xa6t\xe3\xbb\xac\x90\xb7E[x\xad\xb9\x9d\xdc\xda\xb5}-\xb3\xc9{\xea.\x07 \x03_\xf8\xe1\xcb\x99\xb4c\x80\xce\xd8\xe0\xcc\xea\xcb(\x8a\x16\xbc`\xf3\x02\x90\xd8\x1aY5\xd4Gi~\x99\x9d_\xfb\xb0\x93\xa3(\xfa\xea=C\x1f\xfc\x88O\xfe8\xa7\x0e\xab\xdb\xf6\xd0s\xbe\xdfh\x15\x00e\x97z\xc86\xd6\x8fV\x7f\x9bL\x9a\x9bG\xe3\xd5\xb7O\xf9"\x00\nt\xe7SC\xa3\xf0.G\\Ql$\xfdi\xf4MX\xb9\xee\xa0\xecq\xccW\xf3k\x1c\x80:b\x0e\xeb\x0eOKe\xcc\x94\x83;\xd3\x91\xef\x1d \'[\xc5,\xb7\xf1^g\x87x\xc3q\x7f\x0f\xd9K\x85\xae\xdd\x02\x07\x9e~k\xf5\xf5\xf1\x17\x97\xf7\xc9\\\x00\xbd\xed\xf5\xb5o\xde\xf9\x91\xefT^DQT}]]\xd2\xb9\xa0\xba\xc45\xbf(\xefOx\x13\x05\xf6\x91/?\x9c_$\x00\xe4kh\xc4_l\xe6\xb0\xb7\xbdi\xab\xea\xec\x05yNc0X\xfb\xa6\xa7\xb7\'@\xaf\xdb\xe9\xb0\xcb+/f\xbd\xfbs\x8d\xca\x0c\x1b\xe8W\xd8=\xab\xae{+\x7f\x8c\xa9\xfci\x92\x803\xff\xbc)\x1a\x1c]\xe5\xd6G\x9b5\xb2\xd9~\xff\x91\xb4\x0b\x00\xe2j2\x8eWV\xed\x7f\xf2M5\xcb\xa65o\xed\xaa\xbb\x9b\r\xe8u\xfb\x8a\x9fH\xe2\x95\xdc fk\x99\xeb\xa2]\x8a\x98\xa1\x8e\xdd\xf4\x88\xbc#\x01\xe8w\xd5\x11\xf9\xdc\xeb\xfe\x14\xb3d\xddC\xbd\xc9\xb3\xcf\x88Y=]x\x99\'\xb9W\xb3n\xf0\xa1W;:\x93n~\x1dy$5@.j\xc7\xd6\xba\xe9\xed\x8a\x9f\xfc\xbba\xe1\xd7\xedS\xbb|\x9f\xe3\xaf\xab}\xfb\xb6\x0f\xddX\xb7\xbb\xba=6\x89*\x91U\xb7\xf9@\xba\x8a\xed\xe4\x98\xe6u\xdb&lt;\xdc\xcf\xdb\xdcS\xbf\xfd\xda\xcb\x95C\xe3Gs\x00\x90\xa5\xc7j\x0e^kS\xe3\xe8\x83\xda(\x8aBX?\x8a\xa2\x87^\x8dF\x1e\x12\xad\xb4Wm\x9b\xff\xa8\xb9\xfcY\xdb`\x9c\xbc;\xc2\xf0b\xdb\x8clj\xe2\xfeu\xab$\xcd\x19u\xca\x8f\x99\x95\xa8\x85\xa4\xbezo\xdc\x08o\xfdC\xf1\xf9O\x0e\x06\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r\xf1\xff\xc8Q\x8e9\x1b\xbb\x0e-\x00\x00\x00\x00IEND\xaeB`\x82']</t>
        </is>
      </c>
      <c r="E373" t="inlineStr">
        <is>
          <t>&lt;class 'numpy.ndarray'&gt;</t>
        </is>
      </c>
    </row>
    <row r="374">
      <c r="A374" s="1" t="n">
        <v>372</v>
      </c>
      <c r="B374" t="inlineStr">
        <is>
          <t>steps_per_sec</t>
        </is>
      </c>
      <c r="C374" t="n">
        <v>5400</v>
      </c>
      <c r="D374" t="inlineStr">
        <is>
          <t>5.4015455</t>
        </is>
      </c>
      <c r="E374" t="inlineStr">
        <is>
          <t>&lt;class 'numpy.ndarray'&gt;</t>
        </is>
      </c>
    </row>
    <row r="375">
      <c r="A375" s="1" t="n">
        <v>373</v>
      </c>
      <c r="B375" t="inlineStr">
        <is>
          <t>Loss/localization_loss</t>
        </is>
      </c>
      <c r="C375" t="n">
        <v>5400</v>
      </c>
      <c r="D375" t="inlineStr">
        <is>
          <t>0.031858932</t>
        </is>
      </c>
      <c r="E375" t="inlineStr">
        <is>
          <t>&lt;class 'numpy.ndarray'&gt;</t>
        </is>
      </c>
    </row>
    <row r="376">
      <c r="A376" s="1" t="n">
        <v>374</v>
      </c>
      <c r="B376" t="inlineStr">
        <is>
          <t>Loss/classification_loss</t>
        </is>
      </c>
      <c r="C376" t="n">
        <v>5400</v>
      </c>
      <c r="D376" t="inlineStr">
        <is>
          <t>0.30969167</t>
        </is>
      </c>
      <c r="E376" t="inlineStr">
        <is>
          <t>&lt;class 'numpy.ndarray'&gt;</t>
        </is>
      </c>
    </row>
    <row r="377">
      <c r="A377" s="1" t="n">
        <v>375</v>
      </c>
      <c r="B377" t="inlineStr">
        <is>
          <t>Loss/regularization_loss</t>
        </is>
      </c>
      <c r="C377" t="n">
        <v>5400</v>
      </c>
      <c r="D377" t="inlineStr">
        <is>
          <t>0.036270097</t>
        </is>
      </c>
      <c r="E377" t="inlineStr">
        <is>
          <t>&lt;class 'numpy.ndarray'&gt;</t>
        </is>
      </c>
    </row>
    <row r="378">
      <c r="A378" s="1" t="n">
        <v>376</v>
      </c>
      <c r="B378" t="inlineStr">
        <is>
          <t>Loss/total_loss</t>
        </is>
      </c>
      <c r="C378" t="n">
        <v>5400</v>
      </c>
      <c r="D378" t="inlineStr">
        <is>
          <t>0.37782067</t>
        </is>
      </c>
      <c r="E378" t="inlineStr">
        <is>
          <t>&lt;class 'numpy.ndarray'&gt;</t>
        </is>
      </c>
    </row>
    <row r="379">
      <c r="A379" s="1" t="n">
        <v>377</v>
      </c>
      <c r="B379" t="inlineStr">
        <is>
          <t>learning_rate</t>
        </is>
      </c>
      <c r="C379" t="n">
        <v>5400</v>
      </c>
      <c r="D379" t="inlineStr">
        <is>
          <t>0.079981245</t>
        </is>
      </c>
      <c r="E379" t="inlineStr">
        <is>
          <t>&lt;class 'numpy.ndarray'&gt;</t>
        </is>
      </c>
    </row>
    <row r="380">
      <c r="A380" s="1" t="n">
        <v>378</v>
      </c>
      <c r="B380" t="inlineStr">
        <is>
          <t>train_input_images</t>
        </is>
      </c>
      <c r="C380" t="n">
        <v>5400</v>
      </c>
      <c r="D380" t="inlineStr">
        <is>
          <t>[b'640' b'640'
 b'\x89PNG\r\n\x1a\n\x00\x00\x00\rIHDR\x00\x00\x02\x80\x00\x00\x02\x80\x08\x02\x00\x00\x00\x83\xaf^t\x00\x00 \x00IDATx\x9c\xec\x9de\x80\xd4F\x1b\xc7\x1f\\\x0f\x0e\xd7\xc3]\x0fwwwwwwwwww\xa7H\x8b\xbb{\x91bmi)P\n\x14\n\xf4\xc5\n\xfc\xdf\x0f\xd9\xdd\xcbF\'\xc9dw\xef\xd8\xdf\x07\xd8K&amp;3O\x92\xc9\xe8#\xd4f\xc2\xd1\x1c5\'\x92&amp;\x00\x00(\x1e\x94\x1fw\x10\xab\x82v\x9ea\x9a|\xe2?:N9\xe9-9\xfc\xd8G\xdb\t\xc7 \xe2\xea\xffB&gt;\x04\xb8S\xab\xefV/\xca\x19V\xe90\xf9\x84\xb7E\x08\x0b\xe4o4\xcb\xdb"\x84\x0e\xd2W\x18\xa1\x9d\xa0B\xa7\xd5\x14\xaf*\xff\x82\xe3\xe5\xed\xa6x\\\xa7\x03\xf6\xe3\xc7\x1b\xe4\xa9?\xddC%\xc5*\x0f\x19\x0f\xe4\x87\xec\xfa@\x02\x88\x02\xec\xc9\xd9\x8f\x1f_\xa7\xc3\xe4\x13\x9e\xeczf\xeeyA\x94\xc3c\xc5\xb1\x13\xdf\xdb\x02\x84mbz[\x80o\x9d\xc2M\xe7i\'8\xf3\xdc\xd1\xcbV\xef\xb9\xa9\xd5\xd8\xc3\x8b\x8f\xbes\xf5\xbb\x97\xdf\x00\x00\x05V\xf2\x8c\xa8~\xfc\xf8\xf1\xf3m\x91\xa0@\x0f\xa2\x886e\x0e\xa0\xe5\x98\x836e\xee\xc7"!\x03\xf0\xe8e\x88\x92zU\x960J\x94\x12\xde\x96\xc0\x8f\xbd\xac:\xf3\xd5\xdb"\xe8\xd3i\xdaio\x8b\xe0G\x85j=7\x12\xc5\x95\x1cl\xef\xdf\x9d\xfa\x06\x00\xd0s\xee%\xbe\x19r\xcc\xcd\xcf7K\x9a\xb2\xc3&lt;Y\x1c\x80Qk\x7f\xf1d\x89\x1at\x9dy.N\x9e.\x1c3\xec=\xef\xb2\xee\x87\x19/\x9f\xf2.\xad\x1f{IQr\x90\xe5&lt;\x121\xa7\x8cg&amp;\xfbp\x85\xcd\\\xe5\x87\x01\x00{\xefy\xaf\xcbLX\xc3kE\xfb\xf9\xc6\xd0\xeb\x81\x92\xb6\x1a{\xc8C\xa2\xe8P\x10@\xd3\x11?\xf0\xcd\xd4?2\xf6\x1e\xd1Js\xcf\xb2\xf7\xbc+\x9ez\xa3\x81\xfe\xaac\x9d\xfe\x8b\xaf+\x1e\x07\x90\xa5\xea8\x0f\x0b\xe3;\xf4\x98}\xc1\xdb"\xf8Q\xa0\xe7\x9cK\xd1\xb2\xb4Q;\x1b\x90\xb3\x83\x996!v\xa81iYw\xc1\xd3-\x9eo\xb5\xb1\xb9\xebN\xf3kfi\xb0\xeb6\x88\xe8oO\xbd3\xdf\xa8\x1c\t=WT\xd4\x92\xea\xe7"\x0e]q\x9b9#\xfd}\xfd\xd1\xeb\x7fe\xce\xcd\x8f\x1f\x0f\x01\xa0\xf7\xbc+jg\x7f\xe6\xa6\x96\x9f\x87G&amp;~\xa4\xe4\xb5x}\x9c\xdc]\xe6\xed\x7f\xcdE\x14?\xd6Q3!\x0b\xbbDR&gt;\x1c\xb1\xe8\xe6+\x8cMOZ"\x9a\xba\xf3)Ka\x913\xb6d\x16\xcc\x8f\x1f\x0f\x90z\xf3U\xadz\x0e\x80b\x95\xf7\xa4@\x8c\x082\x0fZv\xcbzV\xf3\x0f\xbc\xb1\x9e\x89\x1a\x95\xba\xae\xb5mV\x93\xb2!\x00\xd5&amp;L\x1d\x8d\x15\x0f?\x1eDa\xd2V\xae\xc3J\x8f\x8b\xe1\xa3\xf8m\xd6\xfd\xf8\xf1m\xf2$(\xd0\xc3\xf5\xc7\x89?\xbf\xb1\xaf5m\xb9\xe1\xfeF*\xf4\xb2\xec\xf8\xc7_\xfd\xefN\x95\xd8\xe37?\xbc\xf1\xd1\xfc\xf3\x19\xb5\xceW\xf4&lt;\xbfM\xfc\xed\x92\x88@\xa6T\x01\xe5\xec\x95\xc2fJ\xb5]\xeam\x11&lt;\x8e\xa3\x03NR\xcb\xdb\x82|;d\xdd\xfa#(\xb0\xe2\xd0\x95w\xbc-I\xd8\x07\x00\xc5(\x1b)C\x0bo\x0b\xe2\xc70\x85\x9a\xce\xf5\xb6\x08\xa1\x0c\xff\x90%T\x12=k[o\x8b\xf0\x8d\x11\xa5d\xe4\x8c-\x7f\xb7\xe7k\xc9Ru,\x80\x9a}\xb6\xd8\x91y\xa8%\x9c\xb7\x05\x08\xcb\xf8\xdb}?~\xb81u\xe7S#Z\xacA6\x8ab\x03\xdfBc\xe1\xdfV\xf0\xe3\xc7\x8f\xfdd\xf6\xb6\x00\x9e!\xb7GK;\xf3\x02[\xae\x85\xdd\xe6\xdb\xc7\xfcT\x0c_}\xcfj\x16~\xef}~\xbeir\xfb\x87\x9b~l \x83}Y\x07k\x9d\x0c\xacD)\x1b\xdaW\xb6w\xc9Xi\xb4\xb7Ep\x03\xc0#\x0e\xcdGd\xf9\xa1\xa7\xdfd\xab\xf4\xe4\x9b\xbcko\x93\xa2\xb4W\xd5g\x00d\xaf\xa1\x13_\xf5\x1bd\xcdY\xa4+?\xdc\xdbR\x18\xa3\x80?T\xa2\x1f\xcf3b\xcd}\xa2\xc4\xa6/\xef\xecw\x1d\x1e\x9a\xf99\xf4\x0f\x1a\xcavX\xe1\xc5\xd2\x01DL\xdf\xdc\x8b\x02\xf88\x9d\xa7\x9f1yed;V\xd7\xb4=\xde\xd88\xef\x0c\x15\xe8\xf8\xb4\x8a\x9f\xaf\xbbg\xe4\xf8\xf6H\xa2}\xda\xf0\xcen\xdc*\x96\xc4\xb1F\x9c&lt;]\xfcU\xc5\x8f\x1f?~\x0cP\xbc\xd5"o\x8b\xe0G\x95\x1c5\xfd\xebl:\x9c|\x1a\xeag\x936c~\xa1\xc5O\xa8EeZ\x19\xa7\xb2g\xc5\xf0\xa3K\xd2:\xde\x96 \xac1a\xcb\x1f\x8a{\xb4\xa1\x88\xa5\xc7?x[\x04-\xfc:8~\xfch\xe0\xff@\xfc\xd8\x87a?\x9az\xa4\xe1\x9d\xa1w\xc9\xce)\x9f\x08\x9c\xf21\x8a~\x9c\x0f\x7f\xfb\xe2\',\x13X\xc9b\x06\x7f\xf8?\x10?\xa1\x05\x00\xbe\xa6)\xed\xc7\x8f\x1f\xa3\xd4\xe9\xbf\xdd\xdb"x\x91\x0c\x97\xde\xf8n\xa7\xfb\xd5? \xd0$7%\xac\xeem\x19\xbcG\x8a\x06+O}\xf6\xb6\x10\xa1\x81\x18e\xf9\xe6W\xb5\xc7\x86\xa6#\xf6\xf1\xcd\xd3N\xf2{[\x00?~T\xc9Z\xed\xdb\r\\\x1d\xda\xc9\xaa\x97 \xfb\x0b\xbd!\x0c\x80\xed7\x10J\x07\xa1{\xee\x82b\x85\x9ax\xd4\xba\x98]\xa1\xcd\xc7\x90F\xb7\xaa\xa8\x92\xab\xceT\xd3\xd7\x8a\x19\xb9\xf6g\xa2\x14\\\xb22@\xbc\xaa\xe9+\x8c\xf0t\xa1~\x0c\x92\xba\xcc\x10o\x8b\xe0\xc7\x8f\r&lt;\x83\xd0EiXtE\x8e\x99\xbd\xfd\xec\x1f^yN&amp;\xae\x84\x99m\xc5Rm\x97\x9a\xbc\x97\xe8e\xd4\xce\xb4\x1ew\xa4\xfb\xac\xf3\xe6eR\'\xcc&lt;v?&gt;B\xb4\xac\xfe\xc0\xa9~|\x9f\x98f\x96\x13\xfd\xc1\xc9\x8d\x93\x93\x92\xd75w\xa5\xd09\xc5\xcb\xd7\xcdB\xe9:\xa6\xc6\x8c|d\xb6Hn4t\xaf\xa1\x9cM{\xb1\x8e\x1d\xdc\xc9\\dk?~\xbe\x1d\x0e&lt;\xf0{\x89wc\xec\xc6\xdf&lt;VV\xa7\xa9\xa7\\\xbf\xf3\x91\xa3A\x17TL\xc3\x98\xde\xafo\x13T\xdf\xc4E*=Sx\xeb\xe2\x98\xa0\xe9\x88\x1fV\x9d\xf9J\xe1}\xca\xabv6\x00c6&lt;`L\xddi\xea)\xe1yn\xbc\xecx\xaa\xf5\x07}GIj\xdb%\x9d\x1f?&gt;\x80?L\x8b\x84\xeb\xef=\xf94\x9c!\x8e\xfe\x05:O;\xad\xfb&amp;\x00\xbc\xf4\xbf-\x1f\x00N\x14\x8f{C\xa2\xb8\xeb/`\xcb5\xef~\xccVC\x94\xf8["?a\x97h\xde\x16\xc0(\x19\xbd-\x80\xbd\xfc+nm\x06/\xbbE\x94\x8d\xe9\xba\xf8\xd5l\x12\xc8"\xf3\x0f\xbc\xf1\xb6\x08\x9e\xc3\xd5\x01\xb7\x18}@~\xd0KB\x85\x8e\xc5\xde\xed7\xfc\xbd\xac\x1f?n\x00\xa0x\xde\xf4S\xeb\xc7Oh\x02"\xe4\x07\xbd(\x98\x1f=\x92{[\x00?~\xe4\xe4\x14\xacT\xbc-\x86\x9f0N\x1e\xd3W~\x7f\xdf\x87jgH_\x1b\xa1\x88\xeb`\xe1f\xf3\xfc\xbd\xaf\x1f?\x12\x9e\x031\xb2\xb5\xf5\xb6\x14&gt;\x87\xdf\xb9P\xa8\'Y\xb1\xfew\xbe\x82(\xaa\xb7\x05\xb1\x9fH\xc5}\xaaoS\x9c\xec\xfa\xa7\xbfV\x00\xd0b\xf4AoK\xe1\xc7\x166\\\xf2\x7f\x17~B\x15\x00\xd4\x96\xcb&amp;m{\x0c\xe0/\xe0&gt;\x00\xa0l\xfb\xe5D\x14#[;\xcf\n\xe8i\x02rt\xb0\xc3\xfbq\xda\xb2\xc3\xac\\\x9e\xb8p\x1f\xe1\xc7\x92c\x1f\xfc\xbd\xaf\x15\x00P\xc2\x1a\xde\x96"\xecaU3\xce\x8f\xc7)$\xfcw\xea/\xec\xff\xd5\xdf\xa4x\x89\xd2\xed\x96U\xea\xb2V\xedl\x8f\xd9\x17\x9d?Y\xbc#y\x05\x8f\xfbB2\x850\x94a\xb7\x96\xf1c\x1fK\x8e\xf9t\x88\xa7\xd0\xc8\x80%7\xbc-\x82\x1fO\x93\xbb.\x1f\x97v~\x8c\x12\xdb\xdb\x02\xf8\xe1\x03\x80\xea\xbd6y[\nMR\xd4?\xf2\x87\x7fx\xee\xf3\xa4l\xe8m\t\xfc\x98\xc3\xd3\xf1R\xfd\x0bx\x96\xf1\xa2\x85\x92\xe5\xf8\\\xde\xa2\xd3\xb4\xd3\xde\x16!\xb4r\xe1\x1f\xd5/\xd6\x80_\xcc\xf0E\xf4\xd3\xf81K\xde\xfa\xd3\xbd-B\xe8&amp;]\xf9\xe1\xde\x16\xc1Cx\xb7\x03\xceYk\xb2\x17K\xf7Q\xba\xcf\xba\xc0\x9e8\x94\x0e\xa0B\xa9\xd8v\xb3\xeb\xb6\xe1\xc7R\xbc\xe5";$\xf1c\x85}\xbf\xc2d\xfc\xe9\x18e\xfc/\xd4OX!\x91\xb7\x050\x85_\xad\xd7\'\x89Q\xb2\xf5\x12\xdey\x86\x93\xfc=u\xe7S\xdeE\xf8\xf1 \xeaq;\xd8\xa9\xd3\x7f\x87\xf8O\xcf\xfa\x08\xfc\xe6\xf1\xef\x1d\xf0\xa3L\xfb\xe5\xfa\x89\x12\x14\xe8\xa1~2\x0b?a\xe4\x84:\x1fi~8\x93\xa1\xe2(o\x8b\xa0\xcc\xd2\xe3\x1f\xbd-\x82\xaf\x12\xb1\x98\x07\n\x01@T\xc0\x03\x05\xf9\xe1E\xebqG\xbc-B(@:\xb1\x8c\x92\xb9U\xec\\\x9d\xbc"J\xb1\x16\x0b\xbdR\xae\x1f?~L\x13\x98\xbb\xb3\x96W\xaf\xc4\xb5\xc4\x7f\xb5\x9bx\xcc\\);o\xf9\xd7\xc0B\x1b\x89jz[\x82\xd0\x82\xfb\xb2_\x1ak\x06\xa9~\xbc\x01\x9f`\x826\x13\xdf\xdb\x02\xf8\xb1\x05--\xf4\xd4\x8d\xc4\x7f9\xf6\x92\xe2\xfa\xbd\r\xfb4\xab\xcf|\xf5\xb6\x08a\x9c\x14%\x06z[\x04{(\xd8x\xb6\xb7E0O\xec`\xaf\xac=\x04z\xa3P?\xa1\x89\x85\x87\xff\xd7r\xec!\xc5S\xddg_`\x9f\x9b\n\x1d\xb0\xaf\x1b\xb6\xf9\x89Y\xce\xdb\x12|\x8btc7\xd9\xb0\x8bX\x15\x1c?b\x94I]f\x88\x89\x0cv\xde\xf2\xfe:U+\x95\xa6*\xcc\x131}s\xae\xf9\x85\xeb&lt;\xed\xf4\x81\x07\xde\x7f\xa1~\xd4\xc8Ug\xaaQ\x05I\x00+O}\xb6O$\x9f\xa2\xe5\x18\xbfOS?\xec\xc4\xf2\xb6\x00n\x14\x94\x1f\xcaSo\x9a\xe7\xe50NB\xfd$a\x8e\x1a\xbd7S\xb8B\xbcr\x8b\x9a\xb9\xd5\x07;\xf7\xfc\x96}\xa3JU\t\xf8f\xb7\xf2\xf4\x17\xb5\x0e\x98\x8bw\x14\xdf\t-jb\xd6\xdef\xbc\x8e\x16\xd2\xec\xef_\x9a\x15\xc7\x8fi\x1c\xd1\x85S\x95\x1e\xec\xd9rc\xe8\xa6\xb8\xf8\xda?\xd9\xd0\'\xae\xc5\xeb\x13\x15\xec\xc5E\x0e\xdf#/\xc7\xbc\xc2\xa7mj\xab\xd2\x8d_\xa3\xc7\x1d\xf3:\x045\xfbl\xe5(\x87\xcf\xe2\xaf0~\xac\x00`\xc2\x96?(^U\xed4\x1e\x93\xc7\x06\xa2\x96\xf2\xb6\x04\xde%P\xf4;\xab\xb7\x84\xe0J\x1co\x0b\xe0\xc7\x8f\x1f?&gt;I\xd2\xa2}\xa3gu\x05\xd7Lam\x02\x14\r@\xd5\x1e\x1b,\x8a\xd4a\xcaI\x8b9\x84\x19\x1a\x0f\xdb\xeb\xad\xa2\xbd\xa4Jf\x94\xe8\xde\x16\xc0\x8f\x1fUx\xabS\xf8\tkd\x000g\xdf?\xd63Zp\xf0-E)a=\x1f?\xbeAD\xa2\x94\xde\x96!\x8c\xe1\x01\xf3-\xef\xbf2\x00\xbe \x86@\x8clm\xf5\x13\x99%{\x8d\t\xbd\xe7]\xd1NS\xae\xe3J\xfb\x04\x08\xf3\xf8\xceZ\xae}\x92\x14\x10\x94/\xc2\xa7m\xaae\x86\xef\xc7\x8f\x0e\xa6\xfc\x03{\x89\xe6\xa3\xf6{[\x04\x9bH\xedm\x01BC\xdc-~t\x9dq\xd6\xdb"\x84e\xfa-\xfc\xd1\xdb"\xd8O\x8e\x9a\x13\xe1\x84G~B\xd4\xdeL&lt;\xb2\xf2\xe3\xc74\xe9\xbcQ\xa8\xd4\x03\xf67Hp\xedo)\n\x8dA\x17\xd91s\xb4\x8f\x96\xb5\x8dM\xb2\xf8\xb1\x0f{]\xd8F\xce\xd8\x02\xc0\xad\xff8t\xc0\xa5\xdb-+\xd4dN\xe4\x8c-\xadg\xe5\xc7F\xa2\x97\xf6\xb6\x04\xf6\xd2u\xc69o\x8b\xe0\'\x14c\xdf\xd2q\xdc\xbc]m\xca\xd9O\xe8\xc4\'\xbc\xa5d\x93\x1d\x89\xe2\x05)\xbcFLo\x0b`\x16\xdfuF(\xafQ~\xfc\xf8\x00&gt;\xd1\xde\xfa1\xc0\x14c\x91\xdc\xd2\x1b\xcc&gt;b1\xebF\xb1\x16I\\\xb8\x8fw\x05\xf8\xc6Yu\xe6+%\xa9\xedm)\xbe\t*u]\xebm\x11\x0cauSy\xe8\xca;\\\xe4\xd0\xe3\x9b\x1a\xaf;H\\\xb8\xb7\xb7E\xb0\x83\xd0d{\t\xe0?\xc9\xd6\xadrC\x1a\xa1\xa8G\xe4\xe1F\xb84\x8d=S\xd0\xb7\xb5e\xa5\xc2\xc6K\xf0\xb0_\x91\x82M\xe6x\xb28\xdf\x01@\x8d\xde[\xbc-\x05\x13\r\x87\xec\xe6\xa3\x17\x12P\x9eC&amp;\x86\x89\xe0\x8dB\xbdF\x94L\xad\xe4\x07\x9f\xfb\x8c\x161;\x00J\xb4Z\xe4m)\xc2 \xe1\r\xa5&gt;\xf9\x17\x9c\xd6\xc9\x91\xed\x90\xc6E\xef\xf9:\x86\x04~\xfcpd\xe0\x92\x1b\xc7\x9f\x84\xa2f1\x17\x97\\r\xd7\x9d\xca%\x1f?a\x1e\x00\xf5\x07}G\x91\x8b{[\x10?~|\x90\xc0JD9\xbc-D\xa8&amp;\xde\xe1?\x10\xba\xd6\xd9\xb8\xb0\xf7^(\x1av\xd8\xce\x90\x15\xb7\xbd-\x82\x8f\xd2k\xdeeo\x8b`\x05\xb3\xd3\xc5\xba\x03v\x00\x88n\x93\xddz\x0cee\xfd"\xcd\xe7\x13\xe5\xb4\xa5D?~BHl:\x80\xbc\x0b\x9e\xd1\xb5\xbfug\xab|\xc8V}\x82\xb7E\x08\xddd\xa88J\xd1p.q\xa10\xb9\xb5\xcc\x9f\xddw\x00\xa0F\xef\xcd\x1c\xf2\xfa\x99\xa7)\xb0\x06~\xc7\x81~\xc2\x08\xd9\xaa\x8f\x1f\xea\x9f\xc7\xf8\t\x9dh4\xf5\x9d\xa6\x9d\xf6\xa4$\xa1\x17\x8e=f\x90\xcb\x17\x07\x9b\x17\x1b\xdf\x8aw\xe8\xc7\x8f\xe7IQr\xa0\xef\xb8\xca\xf3\r\x02\xfd\x0f\xc4\xcf\xb7C\x9d\xfe;(nen\xd9\xfd\x03\xe4\xad?\x9d(*\xb7\x1c\xfd\xf8\t\xd3\x1c\xfc\x1d\x05\x1b\xcf\xf6\xb6\x14|Id\xe1\xda\xc8\xfe\x0e\xd8\x8f\x0f\xe3\x01g\xec~\xfcp\xc7w\xbdm\xf8\x00\xe1\n{[\x02?\xa1\x0f\xffH%\x94r\xee\xa5\x076j\r\xf2\x02\x08\xeb\xcdP\x01o\x0b\xe0G\xca\x98\r\x0f\xbc-\x82\x1f?\xe6H\xc9\xb7\x11O^\xac?\xc7\xdc\xfc\xa8Q\xb4\xf9\x82\xe9\xbb\x9e\xc9\x8f\xb7\x9dp\xcc\xe3\xb2\x88\x00\x10)C\x0b+9\xd4\xe9\xbf\x83\x970DD\x94\xbe\xb3\x19=\x82x\x8b\x0e\xffO\xf1\x84\xf5\x08\xc7\xa6\xf1\xa0\xe3\xa4\x88\xa5\xda.\xf5TY\x1c\xf0\xb9q\xa8\x1f?\xcc\xa4);\xd4\xdb"\xf8\xe1\x06\xbb\x89D*;\x8a7\xd8\x14zb\x8f9}\x85\x91F/\xe9\xb3\xe0*\x80e\'&gt;~\x7f\x1fD\xf9m\x10\xca\x00\xe9\xca\r\xf7\xae\x00^g\x99\xad\xe1G\xfc\xf8\xb1\x83\x80\xb0\xe3\xe7\xb9\xdb\xcc\xf3\xde\x16!\xcc\x117\x8f-\x818\n4\x9aeG\xb6\x1e\'\xe5\xe1\x87.[,\x7fhdO\x11Xi\xf7\x1d\x85\x01\x9c?\xa0\x96\x1f?*xLO\xd6\xdf\x0c\xfa\xf1(\x05~\xf8\xd9\xfc\x1e\xbb\xfc\xc2X\xc1\x1d-\x8b\x14\xc6i9\xe6 Q\xb0\xe8@\x80\xf0\xdf\xe2#\xef\xbc!\x8e\x9f\xb0\xc3W\xc0nG\xb6\x16\xf1\x88\xeb\x05[\xf0\xacoQ\x97\xf6r\xa8\rq\x96\xad\xfaxo\x8b\xe0\x8b,=\xfe\x91\x02+\xb9\xfe\xdc~\x03\x00(\x92I7\xa4\xb2\x87\x9c\xbe\xcb\x8c\xb3\xa1\xdc\xb3\x1a\x07V\x9e\xfa\xac\x9b\xa6\xe7\x9c\x8b\xddg_ \xa2a\xab\xeeJN\xa5.3D\xfd\xbah\x96$\xf3\x13\xa6\xf1\xfd\xbeM\xa3\x03\xdey\xcb\x17\x85\x17\xa4\xed\xbf\xf8\xba\xfc\x94_\x11\x8c\x88(Q\roK\x10\xea\x08WH\xfc\x17\xd71i\x16N\xf9\xd8K\x9c&lt;]l\xcd\xbfL\xbbe\xce\x9f\x85\xd4\xd2\xb8\x1e\xbb\xfc\xe1\xf7V\x1f\xc1\xf8~\x0b\xebk\xc4\xc9m\xef\xbb\xf6\xa3J\xaa\x86\xf2\xea*T\xfb\xf6\x93\x8e\xcb\'H\xc2\xa9\xa8\x99[\xbf\xf7Wr\x038b\x87\x00 \n\xf2l\xd1\t\x00\x9c\xfc\x8b\xede\x9d{\x89\x01Kn\xd8,P\xe8\xa0x\xcb\x85\xde\x16!T\x90\xbdt\xdbe\xfa\xa94\x117@\x85\x9a\xccu;\x17-\xd4\xb8G\xf6\xf7\xfa~L`\xe7js\xd8\xf6Khx\x1f\xbaB\xe7\xd5\x1fX\x1fuf\xa3\x99\x1b\xc5\xbfF\xa7Gt\xe5@\x11f)\xa8}\xda&amp;S\x1f\x0fl6\xcf?\xf0\xc6b\x0e\x00\x1c\x81\xd3\xa3\x97\xf1wc\xa1\x88\x14%\x07\x12Q\x82\xfc=\xacg\xa5f\xe9g\x1b\xc1\xfe\x9a\xe6\xc7\xbb$v\xfeH\xe7r\xf8\x9c\xb8po\xf1\xde\xe7\xb7J\xa0\x1d\x99\x02\xf8M\xfd\x9b/fy\xc2}O\xabAIo1s\xcf\xf0\xd3g\x1c\xfc\r\xa5\xda\x84&amp;\xb3\xe3o\x99\x11k\xee\xf3\xca\n\x80\x87\x1d\xab\x95h\xb5\xd8\xbe\xccCs\xef\x1e\xcc#\x13\x0f/\xf3\x86fR\x96\x1a\xec\xea\x80=P\xdc\x13 K\xd5\xb1\xd2\xa3\t\xaa{\xa0h\xef\xe2E\xcd\xc6\xc0\\\x9d5\xce.8\xf8\xd6B\xdey\x00\xf0\xf2\x08\xf6\x01\x00\xb0\xf0\xd0\xbfj\t\xc2\xa5i\xec\xfc\x19j\xf5\x1e}\x8b\xfc\xd6\xea\xa4\xbf\x9d\xf5c\x1f\t\xbc-\x80\xa7\xa87p\xa7\xb5\xee!&amp;QR\xc6\xa4\x00\xfeS((\x01E,f\xb6t\x93\x94\xeb\xb8\x12\x80\x86\rt\xf3\xd1\x07(\xa8\x1e\xd72\xbd\xee\xba\x92w\x9d\x0e_\x04\xc0]\xe35\xc7te\xf3\xab\x0b\x85\x19\x92\x16\xe9\xebm\x11x\x91\xc2\xdb\x02|CD\xce\xd4\x92B\xf7\x1a\x83\x12\xb1\x83;\x01(\xd7q\xa5\xed%\xc5\xaf\xd6f\xfc\x11\xdbK\x91\x113{\xbb\xe8Y\xdbH\x0eZ\x7f\x8b\xad\x95\xeee\xfdEd\xac4\xdab\xce\xa1\x05O.\x9f\x10E\xdcqS\xb5\xa0\xf4\x15F\x10\xa5V;\xcbE\xc2\t[\x1fY\xcf\xc4\x8f\xaf1s\xcf\x0b\xef\x15\x1e\xde{E\x8b\x89ND\x019\xda[\xcf\xc8\xf9\xa1\xc5\xb4\x9e\x95"\xa7\x04\x8db\x8e\xf1\xfe\xbea2x[\x00{\x88SI\xa8\xd0R\x92\xd6\xc9Xi\x94\xc7\xa51\x84\xe1\xb1\xfc\xb5w\x000s\xef\xdfvH#g\xee\xbe\x7f\xc2\xa7m\xa2\x16\x1d\xef\xe0oak\\\xec\tr[\xbb&lt;;\x1f)\xbcD\xd1\x16\x0b\xbc+\xc0\xb8M\xbf{W\x00\x07\xd1J\x13Q\xe1f\xf3\xac\xe7\xe4\xa9\xb18\xeb\x9a+\xc5\xf1w\xd5N\xb2U\x1f\xff\xad\xec\x1b%\xab\xbb\xf8\xe8{o\x14\x9c\xc3\xd2\xd5I\xeb\x98\xb8\xc8\x93\xcbAe\xda-\xbf\xfa/\x00\xc4\xc8\xd6\xceuP\xd7Ev\x84t\xcdl\x96+\xb4\xf2m{\xff\xcf\xbc\xf8\xe8{JQ_\xa4\x91\xeaY\x12\xd72\x94\x9c\xef\x876w\xdf?\x1css\xf1\x90I\xc8\x94v\x14\xadM\xdb\x89\xc7r\xd4\x9c\xe4\xf9r\xad\x12)C\x0b\x8aUArp\xec\xc6\xdfD\xb5!\xd2k\xb7\x87\xaeQ\x9b\x035\xbc.\x08\xf4\x98s\xd1\xb0\x88&amp;\xc9\xea\xa9\x82B\x07E\x9a\xcd\x97\x7f\xe1\xd1\xb3\xb6\xd5\xbd\xb0\xcf\x82\xab\xf6H\xa4\x81\x89\xa8\x18v\xad\x89}\xc3x\xa1\x19\xe5I\x8a\x06\x00.\xbe\xf6\xce\xaa\xc9C\xa6\x8d\x9bhw\xbe\xfa\x17u\xfch\x13T\x0f@\xcf\xb9\x97\xe2\xe7\xef\x9e\xab\xceT\xa2\x88\x1ai\xd9\xc6G&gt;M\xfc|\xdd\xf9g\x1aX\x91WN\x7f\xba\x9ep\xdc\xcadh\xd4\x1c\xb5\xa49\xe3}\x9b\x82y\xf8$1\xbc-\x80\x1f\x9e\xc4\xcc\xde\xfe\xf8\x9f\xf0p\x0c\xe9\x0b\xaf\xe0Y\xcd\t?&gt;L\x9f\xf9W\x9cU!X/m\xa0\xf5\xe2\x92\x15\xedg1\x87T\xa5\x06[\x17\xc3\n\xc2\xe3\xaa7`\'K\xe2Vc\x0f\xb3x~O_a\x04Q\x1a\xab\x92\xb9\x03 o\x83\x19\x19+\xb2\xee:\xff\x0eP\xd4P\xe3y\xca:Y\xab\x8d#\x8ac\xf4\xaa\xca]\xd7}\x83\xed\xa6\xd1[\x0e-\x8f\x08@\xdf\x05W3U\xf6\xa8\xca$\x80\xe7\x80\xcf\xa8_}\xa3\xf8J\x15\x8d\x92\xa9U\x98\x18\x8e%\x11\xfd\x8ei\xab\xb1\xca\xce[\x86\x9eU.\xa3\x0f6iQ\x16\xf3\x8cT\x86\xf2d\xa1\xf7\xbc+\x89\x0b\xf7\xe6\x9e-\x11\x11%KT\xb0\x97\xec`&lt;\xc6\x8b\x07(9yw\'\xa7Q\x81\x1c\xc8\xf6VtIV\xac\x9f\xe7M\xe6\xbc\x88\xb0I\x9c\xa3\xe6Do\x0bb\x0b&gt;\xd8\xee5\x1d\xf1\x83\xb7E\xf8&amp;X\x7f\x112G\x81\xb9\xbc#\n\x11\x11%\xa6\xc8&amp;\xa3\xfd|\x93\xe4\x12\xf4\x06\xed!8}\x85\x91\x14\xae\xb0m\xf9+\xc3&gt;W\xf60\xbe\xd7Jz\xdd\x9e\xdb\x0eb\x9b\xb8\xe6\xc2?&gt;\xf5^\x0cs\xee\xa5\xafU-?\x9ec\xf6\xf7/m}\xfb\xabN\x7f1\x90:\xa8\xf8\x00\x953:~\x8cC\x15\x89\xcci\x8eH\x82jq\xea\x12\xf2u\x9bu\xder&amp;\x8c\xb0\x0e\xeeR\x95\x1e,\xf6\x8b\x19\\g\x8a\xfe5\xc9\xea\x9a\x93\x89\x99\x94\x125\xe6\xc0\\\x9d\x8f?\xf1\xb7\x9b\x8a\xc4\xd7O\xc2\x8f\x94\xa5\x06\x89\xff\x8c\x9b\xb7\xeb\xda\xf3\xc8Z-\xd4\x049-\xd4t\xee?\x8e\x0f9\x19\xfbU\x15:\xadV8\x9a\xb2\xc1\xa6+\x1e\xad\x93\x8d\x87\xed\xf5dq\xbe\x01g%\x8c\xb4e\x87\x85\xa5X\x81I\xecX\x1a\xe5\xc8\x85\x7f\x00\xa0\xc5\x98\x83\x16\xf3\xf9\xfe\xbe\xd5E{\xd7\xb2\x7f\xab\xb1\x87\xd9\xafj;\xe1\xa8\xe9\x12\xd9\x99\xfd\xc3+\x8a-(\x85\xb1Xy\x06z~\x0e1k\xef\xdf\xef\x00\xde~\xca\xfc\x18\x86\x8b\xe5\xa8w\x99\xb2\xe3O\x83W(+*\xee\xb9\x8b\x04\x05\xf4\xe3R\xf8\xder\xce\xb7B\xba\xf2:\xc6\x8a~t\xb1\xe84\x80\'\x00(\x8913&gt;\xc9\xe5\x00\x96\x9f\xfc\xcf\xd0U\x03\x96\xdc\xa0\x14\rL\x17j\x13\x83\x97\xfd\xc4\x92\xacd\x9b%l\xf9\xe9\xdb\x0b%(\xd0#I\x91&gt;\xab\xcf|e\xcb0\xac\xa2\xaf\xdcg;\x0c^\x0e\xd2\x95\x1f\xfe? Q!\xb9\x12\x80O\x12T_\xe3\xe4}\xcb}\xe7\xb2\xe3\x1f\xb7]G\xb5\x9e\x1b-\xe6\xe3a\xaa\xf6\xd8\xe0m\x11\xac\xe2S\xaaN\x05\x88R\xd4\xea\xbb\xd5\xdbb\x18\x03\x80\xf2\xe2\x8f\x0e\x1e\x8e\xbd\xc8do*T\x85\xbc\xf5gp+667C\xa6\xd0@\xf8\xed7|\xe5[\xf2\n\x9b\xaf\x00@@\xce\x0e^)=i\x91\xbe\xec[9\x00\xce\xfe\x1df\xdeT\xba\xf9\x96\x82\x97\xf8\xf1\x1a\xa2\x0e\x98\xd9\x8b\x96}\xdc\x03\xf6\xdc\re_\x05\x00J\xddX?\x9d;\x85\x9a\xccq\xfd\xee3\xff\x8a^\xf28\x11\xd25\xb3\xb2\xd3\xd0f\xfc\x91c\x8f\x113\xbb\xbeWU{\xfa\x0f\x1f\xa8[\x14\xe4\xa8\xe8v\x8e\t.\xbf\x05\x80g\xa1\xbc\x0f\x8e\x97\xb7\x9b\xd9KSz\xc9\xd5\x1a\x91k\x1d5BQo\t\x10\xe6\xf9\x96\x07\x976!TZk\xc1\xdfx\x12\x16\xfc@\x9d\xfa\x8b\xf3\x03\xe5^\xef\x07,\xb9\xc17C9\xc5[-\x02\xb0\xe0\xd0\xbf\xb5\xfbm\x9b\xc8;Z@\xe5n\xebF\xac\xbe?\xef\xc0\x9be\'&gt;\xa9&amp;JX#U\xe9\xc1\x8e\xbe?f\xb9\xf7\x90b\xa1\x9bQ\xa6\xc5\xe8\x03&gt;\xb5\xa0d\x05\xd3\xb70o\xffk\xb1\xca\xd5{\x1f}\x14\xac\xc6f~\xe4\x94i\xbf\xdc\xdb"\xf8\xb1\x84O:2\x8b.\x18\xf0\xa4U:\x97\xc9hf\x83\x96\xdd\xca\xd7`\xa65\x81B\x18\xb2\xfc6\xaf\xac\xc2\x12\xc5Z,t?\x90s\xdf/(\xdfq\xd5w?\x85\xf4\xb2?\xbeC\x83\xc1\xbb\x9e\xc9z_\x01\xcd\x8a\xa8\x14\xb8B\x87pB\xb6\xd6b\xc2\xc7\x07P\xa1\xb3\x89M\r\x9ed\xab&gt;\x9e\x88\xcc)\xd0V\xeb\xb1\x91\x88(b\xb1.\xd3\xcfPr\x1fTI\xcb\x1aZ\x06I\xa1BH?6\xa0\x1c\xd6%,\xb3\xf2\xd4g\x8e\xb9\xed\xbe\x03\xa2\x00\x8e\x19z\n{\xfd\xe0t\x9e~\xc6\xbe\xccK\xb7[\xa6\xd2\xcf\xaa\x92\xbc\xf8\x80\xf6\x93\x8e\xcb\xb3Zu\xe6+\x80\x17\xa6"\nG\xc9\xd4\xd2\xe2\x8d\xf8\x9b]""\xcaI\x94\xde\xa6\xac]\x15 \x17\x8b=[(g\xdbu\x10\xe5\xf1\xb6\x14\x1e\xe5O\xff\x17$\x10P\xce\xdb\x12x\x91\x04\xd5\x89\xc2y[\x08\x1b\x99\xb8\xf5Q\xa7i\xa7\r]R\xbd\xd7&amp;\xc5\xe3G\x1f\x99\xfe`\x12\x13%\x8b\x1d\xdc\xe9\x81\xd1\xbe\xd7\x89&lt;\xc7\xac\xd5\xc6Q\xc2\x1a\xe6&amp;Ie\xdb/\x0f\xae=\x85(\xa3\xd9\xdb!"j0x\xb7\xda\xa9\r\x97@D\x94\xa4\xb6\x95\xfc=C\xd4\xcc\xad-\xe7\xa1e=\xbc\xc4\xf4fs\xccr\x8e\x97\x1b\xbf\xaa\xc9\x1c\xfc\x18\xc4?\xa6\xf4yb\x94\xf5\xb6\x04~\x0c\x03\xa0R\xd7\xb5&lt;r2\x1c\xf17~\xbe\xee)K\x0e*\xd7q\xa5\xd9\x9e7\x84\x9f\x81\xd3\xcfB\x1a\x88\xf9\x07\xde\x10\xd1*\xb3\xd6D\x8fL\xf5\xdc~,b\xec\x99G(\xea\x7fG\x9e\xc41\xe2IT\xd3\xdb\x82\xf8Q\xe2\xd2\x1b&lt;\x01(\xbc\xa7\xdd\x1c~\xabp[\xd9[q\xf2?\xe3J\xc5\xc1FKQh+cW\xb4\xde\xefJ\x88\x97\xaf\x1b\x11U\xee\xb6\xce\xb2!\xaf\xcb\x01x6k\xf9x\x8f(%u\x83\x19K.\xb0K\x12?\xda\xc4\xabJ\x94\xda\xdbB\xf8\xb1\x8b&amp;\xc3\x7f0\xd1`\xf2"\x94i*r\x9a\x0br#\x94\x8c\xf1\x0bP\x1a5#.\x95\x08\x92\xd1Jiw\xa57?\xe1?`\xd2\xb6\xc73\xf7\xbc\xa8;`G\xe1\xa6\xf3\xb4\xd3S\xf2z\xf9\x1b\xcd\x02\x90\xb5\xda\xb8\x18\xd9\xda\xa5.\xf3\xedE\x83\x8f\xe4\xf7\xb8\xee\xc7C\x1c{\x82P\xd24\xf9\xf1\x14wy\xa8e\xfb\x9a\x03\xbc\xda\xfd\xb6\x99\xbbp\xa5!o\xdd\xd6\x98\xb8\xedq\xdd\x01;d\x1fd\xdcl5&amp;|R\xfaJ3U\x1e\xa3\xd6\x8ff\xad6\x9e(\xb3\x82\xb5t\xd4\x92\xba\xd3_\xa2HDD\x94\x858\xb9\xe5\xeb\xb7\xe8G\xdf6H\x8d\xe0m\x01\xa4L\xda\xf6\xd8\xdb"\xf8\x91Ro\xe0\xce\xec5\xf8\x87\x9c\xb2\xa3\x03NQr \xf7&lt;=\x8f\xb0\xff\xe5\x9b\xb0x\x006C\xbe\x863aJ\xe5\xd5\xc7IUz\x88\xf3\xa7\xcaT\xd2\'\x88\xcb\xf8f\x01\\\xff\xa0\xd1\x83f\xd0\xbeV\x9b?Do\xff\x8f\x90&lt;MRo\xe0N\x00\x8f=Z\xa3\xb4\x96\x8b\x00\x14o\xb9\xc8c\xa2\x98\x00\xc0\x970\xf7\x01\xb2\x12\xcfGu\xc1\xc2\xa7m\x92\xa3\xe6\xa4\xd7\x00Q\x16\xbe\x1eF\x01\xe4\xaa3\x95%e\xb1\x16\x0b\xd4NEL\xdf\\#\x7f3by\x1b.C\x7f\x93\x05\x8b\xff\xcc[\x7f\xba4E@\xb9\xd4e\x86H\x0fz\x06\xcf\x86Ym3\xfe\x08Q^\xa2\xcc\xe6.w\x1b\x06\xda\x18\x9a\xd0\xd3\xe8\xcd_\x13\x10\xc5\xd0\xd8\xdbvO\x9c4\\\x9a&amp;\xf2L\xc6n\xfc\xcd\x95\xfe\x0f\xe7\x97\xe0V3\r\xd4\x84X\xa1\xad\t\xf8\xf6\xec\x0eC\x1fN\x93\x8aH\xda\xf5Pk$j\x02;\x16\xf6\xb8\x8c\xb7\x82J\xa8\x05\xca#\xaf*%$\xf4^\xd12\xa2\x94dJ\xc6\xd8\xf3\x07\x95\x18H\x14\xd7\xa2Ha\x9dB\xb6\xe5\x1c~\xe5\xe9/\x97\xdfz\xa1_\xf9W\xa7\xf7M\xc5\x92\x893qv"\xa2\xf8UU\xb2\x92\xd2|\xd4~\xe7\xcf\xf4oBY\x9fj\x80\xa4E\xfbz[\x04?!\x8cZ\xf7\x0b\x11\xf9x\x0c7\x0f\x12\xe4m\x01B\x03J\xe1p~\xf8\x99\xad\xc9\x12\x1c\x15%\xc8\xdf#GM\x9d\xfd\x06\x98r\xbc,&amp;R\x06\xd5\x85\x0b?\xba\xf4\xd6w[\xcd\x1f\x8d\xdew\xe5\xa9\xcf\xcc\xdb\x999\xc4\n\xdb\x00~\xf8\xc51{\xd6\xe8\x80?;\x0ef\xae\xd3\x7f{\xcaR\x83y\xdc\x8d\x1f?~\xdc1\xbeV\xa7\xe6Q@\x84r|F\x0b\x842\xa5`c\x04\xe4\xec\xc0\xb6j\x97\xcbR\xb8\xa4\x98\xe5&lt;\xb06\xd8}\xd6\x05\x8aZ\xd2\xeeR|\x11kc#54\'\xc0 JLD*\x1b\xc9\xe2\xf5\x80\xe4D\xc9%\xa7\x1b\x0c\xd9MD\x9b\xae8\xb2z\xe7^7\x92\x14\xee3h\xd9-"j=\xee0{\x98\x1d?~B#:F\x1c\xbe\xa8Q\xe8\xe9}\x13\x8d]\xe7o\x89\x04\xd5\xbc-\x81\x1fnt\x9crR;\xc1]\xed\xee\x97Q\x9b#B\x11\xed\x81\xd7\x0b\xf5I0\x11\x95\xed\xb0B\xbf\x08&amp;\xb8\x9bl*\x04\xb5l&gt;j\xbf\xb6\x0f)?\xfc\x89]\xc1\xdb\x12\xe8\xa0\x1b\tM\xdb\xfd\xf8\x9as6\xcd[\nh|w\xe6h;\xe1(\xc7\xdcL\x92\xb0\x06\x80\x81Koz[\x8e\xd0\x80VD\x1dSxe\xa3\xd4$\x01\xe5ME\x1d\xb0Hnv\xd7Wz\xfd/\x00\x14j:W_\xf7!a\r\r\x05\x82\xf0i\x9b\nY\xe5o4K\xe9|b6a\x83\xd9\x92\xd9\x88\xc6r\xba\x17)\xd4t\xae\xb7E\x08ed\xaa&lt;\xc6\xdb"\xb8\xe1k5\xca\xc7\x11\xbe\xc1u\x17\xc2\xf4Ck0x\x17\x97|\xc2h\xddJ\xa2\x9f\xc4\xe7i9\xe6 K\x07\x0c n\xde\xae\x16\xcb\xf2\xcd\xae\xcb\x14\x9c\xf5`\xfdpd\xd7\xed\x90\n\x96\xa5\xea\xb8&lt;\xf5\xa6i\xa77\xe1\xde\xc7\xbbux\xf2\xf6\'^,\xddG\x10Z\x92\x1es.z[\x106f\xeeyq\xe5_\x1fm\xf8:\xe8\xad\x91\xfa,\xc9\x8a\xf5\xf3dq\xf1\xf3wgM\xca\xa8\x1c\xcf6\xfd\x15\xd8\xff\x00\xdbo\x18\xaaB\xa9\xa4\x07\x12\xd5\x94v\xc0\t\xab\xd7\xe8\xb5Y8g$g?~\xec\x02\xc0\xca\xd3_\x86\xac\xb8\xed\xe1^\x16@\x99v\xfe0\xc0\xecd5\xfd\x82\xfa\xcc\xbf\xaaz\x8e\xb9\xe54N|\x1f\xdd\xd9\x05\xd0q\xea)oK\x11\nHYj\x90\xb5\x0c\xdcL\x9f3T\x1c9v\xe3o\x8c\xbd\xef\xd0\x95w\x96\x1c}\x7f\xea\x99\x81\x1a_\xa4\xf9|\xc9\x8aq\xf4lm\x15f\xc0\t\xaakfc8\x86\xc4\xb7A\x0eo\x0b\xe0a&lt;\xa7\xa0\x07\xc1\xa7J\xeaFF/\\\xcfk94Z\xe9\xf6\x93N\x18\xbd\xa8\xd9\xc8}\xb2c\xa1\xd6S:+\xb6\xeba8b\xa3\x85"&amp;m\x7fb4\x94\xdb\xca\xd3_\xee\x86\xe6eI\x00\x14\xbe\x88\xb7\xa5p0b\xcd}\xd5\x81a\xdc*\xf2c\xec3`!\x80\xbc\xc9\xf8\x8f1\x85\xa8\x999\x9d\x1dpZ\xc6\xeb&lt;&lt;\x0b1@\xa0\xd1\x08\x19F\x160\xfcX\xe6_\xf9P\x8f\r\xdd\xab\xdaN8\n\xa0\xe5\x98C\xc2\x9f\xe5:\xac\x14\xd6oV\x9d\xfe\xe2S\xa6\x19\x19*\x8e\xd2M3r\xed\xcf\x1e\x90\xc4&amp;\x00\xbc2\xd9&gt;\xf85(\x99\x88\x7f\xdfg\xdb__\xa5p\xb3y\x00\x82\x8ak\xb8\xb0\t\x81\xbd\xf7\x05 (*\xe7\xad?C/\xd7\xc8\xc3W\xdf\x03\x90\xa0@\x8f\x90c\xc9\xeaR`%\xa2TBV\xa5\xdb.5tS\t\xf2\xf7\xd0O\xe4)\xae\x7f00\x80\x10cp\x01\x9f\x0f\xbe;\x82\t\x85l\xbf\x81\x99{\xff\x16\xea\xf0\xed/\x8e\x07\xeb\xd2m\x8e\x91\xad]\x95\xee\xeb\x89r+j\xce\x13\x15tw\xc6\xc2]13\xbc\xf8\x8f\xea\xbd6\xb1\xbc\xfaP]=2V\x1a\r\xa0\xd7\xdcK\xde\x16\xc4\x8f\x1f7\x92\x11\x05P@y\xddt\x86:`\x00\xabN\x7f\x99\xfd\xfdK\xed&lt;s\xd4\x9c\xe4J_\xa3\xf7f\xc7\xd18\x95)^\x15\xa2l\xd6\xbd@s\xe7W\x83\xc2\x00\x904vV\x00\x10+\xb8#\xaf\xdc\xe4\x99\x03 \xcamS\xfe^!]yCa\x1c\x05\xa4~\x13+vYc\xa2\xe8\xc0\xdc\x9d5\xcf{7\xfcFA\xc9\xdf\xf2\xaf\x0c\x80&lt;\x99y\x1c\xcbZ\x06\x89T\x9cb\x94\xa5\xe8e\xe4g\x12\x16\xe8i&lt;\xbb\xc8\x87~7\xdc\x98d\xa9:\xd6xA!x\xae\xf9*\xda\\\xd5O\xb7\x06\x06\x03\x9d~\xcbx=\xc8k\x06\xa3}\xb0n\xe5SH\x9c\xb8\xd6\x8f\xef\x11;\xb8S\x85\xce\xabC\x8e\xdb\xa8\xec`\x94\x98\x86R\xa7\xaf0\x92k\xe9\xa9xet\xe3\xa3\xec\xed$\xd4\xde_7E8\x8e1\xc5\x03L]exk\xb3\xde\xc0\x9d\xe2?K\xb7]F\xf1M\x84g\x88\x98\xc0\xd9C\x8c^\xff+Q^\xe39\x98\xa4\xfb\xac\xf3zI\xb8\xf4\xfdqxd\xa2\xcf\x92\xa3\xef\x15\x8f[\xec\xd8\x00P\xe2Z\xce\xbf\xf2k\xa4\x1c\xbe\xfa\x9e\x8a1\xa4\x11"\x97\xb0\x9a\x83\x17I^\xbc\xbf\xb7E\x08e\xb8\x96\xbcL\xd0t\xc4\x0fj\xa7\x8c\xf7\xbe\x99\xb4\xcb\x92\xa4\xcfPa$\x11\xad8\xf59[\xf5\t\t\x0b\xf6z\x1f\x92\x8f\xd6\x17\xe2e\xcc\r\xed=K\xb6\xea\x13$G^\x01\x00\xfa/\xbe\xee\x15yL\x90\xac\xa8a#\x82\xc6\xc3\xf6\x12\xe52z\xd5\xa2#\xef\x8c^b\x81\xa0\xc2M\xe7\x12E\\p\xe8_\x0f\x16\x1a\x16\xb0\xd8\x01\x1b B\xd1\x03\x0f|h\x11\xce\x0b\xb4\x9bt\xdc\xdc\x85\x82\xe7\xc2o\x10\xe6\x0e\xd8XP3\xc6~w\xcb5\x97\xc9]\nJT\x93=C\xa2\xac\x94\xba\x91\xf0\xfb\xfc+&lt;\x006_\xc5\xce[\xdfv\xed\xe7B\xc8`?\x04\x00\xa7\x9f\x87\xe5g\xcbUi(\xbe\xe8_\x9e\x00(\xd3\xdeoPd\x0e\xf5\xb8\xae\x91\x8a\xf3.+\x07\x85\xf2]p\x16\xfc\xb1\x95&lt;\n\x80r\x1dW\xb2\xa7OX\xb0\xa7n\xef;\xff\xe0\x1b\xa2\x0cU{l "\xa2\xa8\xa4\xda\x0e\xe6Zq\xea\xb3\xac\x03\x8e:p\xe9M\xd9A\x1f!\x01\x00\xa2\x02Li\xa3\x96\xd28\x19.M\x13\xb32\xf0\x8c\x02\xeb\x87\x88\x88\xd2x[\x80\xd0I\xca\x86\xf6\xe5\xddy\xdai\x00s\xf6\xfdc\xf4B;\x9b\x8b\x82\x94\xb8\xa6/5G\xb6\xc0\'\xc0\xc5\xaa3_\xdbO6l\x1b\xf7m\x90O\xf4;\xf7\xb6\xeb\xa0\x00C+\xa8A\xba\x1dp\xf4\xacm\x88\x88e\x9fi\xedy\xb7\x0b\xff\x07\x04\xe4\xe8\xf0\xbb{nqrw1t{vb`\x19\\Pv\x8d\x9a\xb9\xb5m\xc2x\x1d\x9d\xcd\x05\xdb\xc8\xe9\x95R\xf5\x82\xb6\x85\xfa\x99\xc3\xb0Uw\xbd-\x82\x1b\x13\xb6\xfca\xe2\xaa\xe1\xab\xef\xb1\'\x0e\xc8\xd1\xc1\x9b\xaap1\xcaz\xadh^\x88\xa2\xc3\xfa1D\x16"\xea\xb7\xe8G\x13Wv\x9evF\xa3\xf7}\x0c|\x05\xa2fnE\xce\xa0\x96\xae\x0b\xc3\xa7mZ\xa2\xf5\xe2(\x99Z\xb9\x8eT\xef\xb9I|m\x95\xee\xeb\xb3V\x1b/\x9d\xfe\xc66lA\xeb\x1b\x18\xd3\xd5\xb2\x8fP\xb4\xcb\xcb\x82\xe0\x84\xa7\xbaS\xd28\x00\x00 \x00IDAT\x94A\xcb4;\x00 8\xab\x11\xdc`\xf9\xe6\xdc\xa8l{\x8baK\xb2\xb0$\x9a\xb9\xf7ok\xa5\xf0\x81%\xb2-D\x01\xcb\xa7\xec\xf8\x93\xd9\xab&lt;\x7f\n5\x9d+\x0f\x07\x17\x9a\xe80\xe5\xa4oV\xfa\xb0M\xd1\x16\x0b4:\xe0\xf9\x07\xdf\xb6\x9ft\x1c@\x83\xc1\xbb\xe5\xad\x12\x80\n\x9dV\x11\xa5\x17\xfe\xdc\xf7\x8b{_K\x89w\xdd\x96f\xe8\x8d[\xe4\x80J\xdc\x15/\xcc\xde\x18\x9fa\xae\xbaS\xddL\xb1\xfdp\xc7\x97\xdcn\xf86\x06\xd6AS\x97\x19\xd2f\xc2Qa&amp;\xa6\xe4\xdeK\xca\xc5\xd7\xa1\xb5I\xf19\xe2\xe5\xebf\xc2\xa8+\xb4\x13/_7/{\t\r\xac\xf8\xfd}\x0c]qg\xce\xbe\x7f\xe4\x1d\xf0\xf6\x1bh6r\x1f\x80\x85\x87\xfe%\xca\xd0b\xf4\x01\xd9\xf5\x19\x89b\x12E\x0e\xc8\xd1A\xd6\xd1\xa6\xf8*\xcbP|\xe5\xc8\xb5\xbf\x08?zz\xd5\x9a\x9ee\xd7\x1c\x80\xc2,-Ne\x8bE\x8fZ\'&lt;\x01\xa6y\x89!\x84\xa7\x9d\xb3\xd6$\xee9\xfb \x1e\x18\xd8\x01\x10;&amp;\x8c\x91\xbd\x1d\xd7\xec#q\xcd\xcd\xb7\xf8\xcf\xf8\xdb\xc9\xc1\\o}dL\xef#b\x18\x85\x7f\xbb\x13\xea\xf8\x04\x18rR\xe8\xec\xc6\xdc\x03\xdf\x1a\xdb\xf7u\xa3\xe9\x88}\x14\xb7\nQ\x16\xc5\x19\xf0\x92c\xef)\xb0\x92\xba\xd9X\xa6\n\x9dW\x7fQ\xe8e]6\x85Y\xdc\x8f\xbb\xc54\xec:\xf3\x9ci\xb1\xb5\x89\x92\xa9%{ba\x81]\x97\x92m\x96h\x9c\r*1P\xf3j%#\xcb(%\x85\xefv\xf9\xc9\xffX\x04\xd0e\xe3eP\xb2:\xc2o\xe5z\xe2\x11\x16\x1c|;v\xe3o\x1e+Nqe\xe5\xbb\x9f\xf87\x88\xa9K\x0f!"\xa2\x04\x81\xb9;\x13\x05Y\xc9*I\xe1&gt;\\D\x12S\xbb\xdf6\xcd\xf3qR\x97\x19\xc2\xbd\xd0o\x8e4\x8d\xbd-\x01\'bdkW\xa4\xd9|oK\x11\xfa\x00\xb0B\xa1\xbdNB\xe1\x8b\x98kt\x8e\xfc\x81/\x00Q\xaa~\x0b\xaf)\xf6\xc1\xda\xae\x94$\x89\x97\x1e\xfb\xa0\x91@v\xb5]\xdd\x03\xfb\x80\x14\xc0\xfc\x03od\x87\xcd8\x9b4J\xe4\x8c-\x059\xeb\x0f\xfa\x8e{\xa8caCG\xafQv\x13\xc7r\x99\xe1G\xac\xb9OD\xc7\x9f(\xbek\xbb8\xfd\x1c\xed&amp;\x1e\x93\x1d\xb6\xcb\xdfo\x9ez\xd3K\xb4Zl\xfa\xf2&amp;\xeaF\xf9V\xf8\xf1\x1d\x00$.\xd4\xdb\x8e\xcc\xed#B\xbaf\x8b\x0e\xff\xcf\x93\xc16,\x13\xf1\xe4_6\xd6\xed\xa8\xd7\xfe\x17*\xa7\xd2\x9e B\x11\x1fYg\xe8\xbb\xe0\x9a\xfc`\x9ez\xd3\xe6\x1a\xd7\xf2\x17\x00@\x14\xd4~\xf2\t\x95\x0e\xd8\xfd\xf3\x08_Xr\xad\x8b\x18\xd9\xda\x12\xc5\xab\xdek\x13%\xa9M\xb1+\xa6*=D\x96\x15e\xac8\xea\xf0C\xfb\x1f\xa3N\x90\xa5\x10\xbc\xfbNCJOV\x97R\xd4\xb7+s?\xfc\x08\xae=\x99o\x86q\xf2tu\xbd\xa90\xf7\xca\x92J\xfe\x16\xdf\xa0\xa8Y\xe0\xac\x81\xff\xd6\xdacl8t\x8f\xda)CZ\xd9\xc6IX\x83\xa8P\x9f\x05W\x89\xa8N\xff\xed)K\r\x12\x86\xb4&gt;\x80\xf7\xad\x02\xb2T\x1d\x17Tb@\x18\x8d\\\x1b;G\xcdIDQT:`\t\xee\x1e\x04\xe3VI\xe1\xbe\xfa\xba\xfd\x06*w[W\xa2\xf5bi&gt;\tk\xbcS\xce\xd0\x18)J\x0e"\xca\xf4\x12\x00\xd0\\aO:t\x91\xd1\xf9#\xf1g\xee\x8do\x0c\x05\x8f\xbb\xdf\x12Q}\xaa?\x9b\xb7\xff\xb5\xf5LJ\xb5qSD\xc8Xi\xb4\xe8/\xce\xcb6\xcdG\xed\x8f\xc8\xa0\x87\xcc\x0e\x80\xfc\rg\x89\xffTia\xdc.\xd1=\xe2IZ\x8d=dc\xee\x07\x7f\x07\x11]z\x03\xa2h\xd3w=\xb3\xb1$\x93x\xbf\xf3+\xd0xv\xa4\x8c-\xbc-\x85\x9c\xcc\xc9\x8a\xf5\xb7\xa2\x94\xeb\x8c8\xa4`\x16&lt;f\xc3\x03\x8d\x0bc\xe6h/\x1b\x1e%\xbf\xfc\x06\x00\xee\x88T\xb0z\xce\xbd\xb4\xfa\xccW\x00&amp;\x03\x1a*\x0b]M\xc3\xea\xa0@\xe3\xd9\x862\x0b\xcc\xd5\xb9\\\xc7\x95\xd9kN\xb4,\x96ibq\xcc\xab\xd7\xbc\xcb&gt;\xd5\xfd\xf8\x0e\xdeZ\xa75\xa7\x94\x1e#\x9b\x9b\xb6\x97lF\x14\x12\xe4;M\xd9\xa1\xc6\xb3\xf7\x90\xd3\x92|\rf\x1c\xfc\xcd\xcc\xe0[rI\xf8\xb4M\xbc[\xab\x19B\xa7\xa4\xf7\x84\x1c\x9e$Z\x966U{l\x98\xbb\xff5\x00_\r\xe5\x18\x8f\x88\xe2\xe5\xed&amp;9:e\xc7\x9f\x1e)=\xe8\xea\xbf\x1cf\x96\x02\xcdG\x1dh;\xf1X\x8f9\x17\xc5}p\xe9\xb6\xcb\x12\x15\xea\xa5\x94&lt;u\xc4\xf4\xeec\xe4\x94\r\xdaM&lt;\xee\xba\xf0\xd2k\x84K\xd3\xe4\x90\xc8\x19\x07\x17!}\x0e\x9e!\n\x14\t,\xd8d\x8e\xd1k|\xcd\x15\x83\x0f\xe0\x1a)\xf2\x1b\x05\xb21t\xe5\x9dq\x9b~\xe7\x91S\x1e\xb5\x13\xd9kH\xdd\x83;\x88\xa7\x12y"Zi\x1e\xf20!|\xfb\xac{d\xea\xae\x02\xa2dj\t\xc0\x93\x92\x1bEM\xd3M1De(\xa0r\xb7u\xae\xb6\xdb\xe2\xca\xbe}\x08\xfdJ\xf4lm\x89)t\t\x11\x11E,6s\xef\xdf\x9c\x02\xdb\x15\x04`,\xbeG`%J\xd9\xb0r\xb7uZi\xa2\x96\x94L\x85\xa7\xefzFIjKREH\xd7\x8c\x82\xeaS\xe2ZD\xe1\x892f\xa88j\xf9\xc9O\x92\xee\xf6\xc2\xab0\xdd\xfb\x12Q@y\xe7N\xb9t\xd3\xcb\x0fQ\x12\xce\xf9\x85+d\xad.\xd9\xf5\x8e,x$5\x89kd\x1b=[\xdb\x17\xaa\xcf\xc4p\xf8\nC\xa8\x0c\xcd\xdd\x00@\tx\x18[&amp;\xab\xeb\xa9Y\x8d=T\xef\xb5\xc9\xdb"\x18f\xee\xbe\x7f\xee\x03\xc5[.\x92x1Lj&lt;\x9a\x8a\x87\xa9\xdek\xb3\xe6\xf9\x8c\x9ag\r\x00\xc0\x90\x9fz\xc1\xa2F7.\xe6\xd9\xbf\xe5\x0b\xd2\x00@\xf1\xab\x89\x1c`\xe5\xcf\xd7`f\xf3Q\x07\xea\x0e\xd8\x91\xa9\xf2hq\xb2&amp;\xc3\xbf\x17R|\x08\xdb\xbd\xaf\x1b\xb1-\\+Ln\x02\x19R\x86"\xadQ%b\x9aw\xda\'\x04`W2\x04`"m\xb9a\x94\xa2\x81\xe9\xd2}\x8dW\xc0\xda\xf3\xae/+\xaa7E1E\x18\x1f\x97\xcb\x01`6\x0c\xa7\x1f\xa3\xc4\xdf|\xd5X\xbfh\x1a\x00s~xe\xf6j\xd5m\xd4\xec5&amp;*\xf7\xc0N&gt;i\x9f\x06\x86\xae\xbc\xd3b\xf4\x01\xeb\xdfX\xe9v\xcbX\x925\x18\xbc\x9b\xe2T\x8e\x90\xae\x99\xc5\xe2&lt;\x8f\xf0\xb8\xc4**jD\xce\xd8BH\x9c\x81sdbM\xb8vZ\x81\xb9\xb4#\xdb\xab\xb2\xf9\x8a\xb8\xbdV\x89\xa2\x11\xae\x90F\x0e_\x01!\x0c\x8e\x9c\xee\xb3/\xb0I\xe1\x8c\xd8\x13\xbep\xae\xbaS\xb5\x93V\xe8\xb4\x9a-O\x93\xec\xb9\xcb\xb1\xf7\n\x93\xce@|\xc5\x83\xac\x03\x13NIX\x89TL\xf1p\xc4\xf4\xcd\x19M\x0c\x0b42\xa65\xe3E\xa6}\xf7\xd7\x89?C\xf1\xc0\xed\xc2?\x8c\xc2\x17x\xa7\xd7\xc5\xeaR\xb3\xcf\x16\xeb\x02O\xdf\xfd\x9c%\x99P"Q\x0cC\x99\x8fZ\xf7\x8b\xf5!\x82E\xfa.\xb8\xca.\xc3\xb8M\xbf\x8b\x12\xab\x8d\xa7cXQ\xca\xb3\xf5\x81d\xab&gt;\xde\xdc\x85E\x9b/h;\xf1X\x9c&lt;](E\x03\x00\x94D!&amp;\xa3&amp;))^\x15\x97\xeb`\t\x00\xdaL8J\x94\xc2\x9clV\x90&lt;m\xd7\xb7\xa3\x1d\xfa\x93(\x91\xd7\xeb\xad\x1fw\x8cT\x9e\xbc\xf5g\xa8\xd5ES$P&lt;:v\xe3oj\xa7\xbea\xf2\x91\x85f\x88\x03\xcc\x11\x112T\x1c\x05\xe0\x17`\xf3\x15\x04\xe6\xea\xcc\xd8\xe9N\xd9\xf1\xe7\xa2#\xefd\xadCB\xe52\x18\x08*1@~\x90c\xeb\xe3o\xc8$\xcc6\xbf\xa0b#\x00\x8e=A\x97\xe9g\xee\x02\xe6\x82\xcf$)\xdc\xe7\x9e\xc2\xbb\x16T;3i\xbaC\tl\xa4n\x1e\xca\x17\xc9\xd7Dq*)&amp;KT\xa8\xd7\xcf&gt;\\o\xb5=\xc7\xf9\xa1\xa1+\xef\x00\xc8Ty4E)9q\xeb#/J\x92\xa8\xa0\xfe6\xfe7K\xba\xf2\xc39\xe4\x92\xb0\x86\x85\x8b3R\xf4\x10\xb5\xc3H\x19Z4\x1d\xf1\x83v\x07&lt;k\xef\xdf\x14\x9d\xab\x11j\x9c\xca\xf2\x06\xb7`c}\xc5\xe0z\x03w\xb2\x15\xe0cKU\xee\x94l\xb3\x84(\x99\xb7\xa5\xb0\x97\xbf\x18\xfa\x92S\xcfp\xeeo\x10e0]\x8a\x10\xb0\xeb\xc7\xf7Je\xa5j\x98\xb6\xdc0\xd39sD\xfeAy["30\x8a\x1dJ\xef\x8e\x0f;o\x01\x80sE+\x9bWdH[nx\x82\x02=\xbdR\xb4&amp;\x0e\x9bc\xa7\xbb|~\xa4l\xa0mY\x1b*\x90\x84\xfeu6\x13\xa9\x94\x9d\x1e\xdb\xc3\xdf\xfc&gt;\xdd\xa9;\x9f\xf2\xc9(Vy"\xa2\x98\xe6]s\x13\x11Qv\xc9\xdfM\xb5\xfc\x17z\xda\xa2\xc64\x019:d\xad\xa6\xbf\xea\x93\xa2\xa4\xbaWm;\xedO\x06.\xbdy\xf4\xb1\xaft\x06\xde\xed\x80o~\x12\x82\xaf\xb0R\xba\xdd2{\xb6\x90\xcd\x8f\xb4\x14y\xecx\x92I9\x99\x9fx\x0f^uBp\x17\x00\xa0\xf5\xb8\xc3\\2\xf4}\xaat[\x7f\xe6\xb9G\xbf(\x9b|n\x8b\x1b\x88\x9f&gt;C\xc5\xda!W\x91\xe6&lt;JO\\\xab|\xa7U\x92c-\xc7\x1c\xe4\x903\x0f\xae\xbd\x03\x11}\xe6\xd5V\xaa\x19n\xfa\x1e\x00\x12\x14\xe8\x01\x80\xa8 Kb\x96\xe7\x13\x92&amp;\xa9\xd4\xe6M\xd7\x9c2\x87\x15?*\x89kRb\xa3\x9b\xca\xe6\xd1}\x14\x03\x16_g\xe9\x80\x81\x90\x08\x1c\xe2\x9c\xf3\xd4\x9b\x96\xbf\xd1,\xb1\xa7\x0e=\x12\x1b\xac\xbd\xc64-\xfc\x18c\xfb\r\xad\x971w\xdf?\x81\xb9:\xb38?\x8b\x98^G%u\xc7M\\y\xeb+\x03OOa\xafe\x9e\x8f\x91N\xe7|\xfc\xaa\x0c\xdb\xe1RU\xa3q\x9b~\xf7\xe6&amp;\xba;\xdbo k\xf5\xf1\xa1w\xb5\xd04\xc2-\xff\xf03\xe3]\xa7\x8a\x9b\xa7+K\x9eD\xb4\xe4\xe8{\x13\x0fs\xdf/\x8eK\xf2\xd4\x9bf\xf4Z\xed\xd7\'\x8eE\xa8\x0b\x8b\xd2~\xf4\xacm\xd93T%E\x03\x00\xe7_\xb9I\xee\xea\xb6\x87\xae\xbc\xb3\xea\xccW\xeeq&gt;\xdc\x9c$&amp;\xabk*\x8f\xac\x16e(\xdcl\x9e\xfc\xe0\xd5\xff\x81(\xb9\xfb1\xde6\xe8\x1e\x03@\x92"\\bfi\xb4\xbf\xbe1\x86\x8a]A\xe3d\xfc\xfc\xdd\xb5\xd6\xc4\xfc\x84\xa0=\x1aS}\xd7,\xfdV\xd4\xcc\xad\x99ws-\xa1!\x89\x86+\xc1H\x19Z\x00\xb0I\xd9\xf0%\xd4V\x17|\x82\x12\xad\x16\xb1&amp;M\xd9\x90=\xdbMW \xf7\xfa\xa2\x8b\xc3S`j\x131\xe3\xf2\x00\x90x\x03\x05p\xf0w\x10\x85\x17|\xec\xf8$Y\xe45\xd6\xf9A\t\xb6\'vl\tE\x90\x1f\xda}\x87u\x80\x127o\xd7#\x7fX\x1c\xa7\xaa\x86\x06(\xd6r!S\x06\xe1\x8b\x18(-j)\x03\x89=\xc9\xd8\x8d\xbf\t\n\xbd\x1a\xb8b\xae\xf9\x10\x11C,\xa6R\x96\x1c\xb4\xea\xf4\x17\xad\xc4\xccqu\xbeq\xe2\xe7\xeb\xfe\xe3;\xd5\x17m\xb9\x0e\xe4\x92\xf7\xd3\x0b\x0f\xff\xcfZ\x9e\xaa\xa8)\x97\xaaG\xc2\x89\x153{{\x9b\x84\xf1\xa3F\x87)\'\xed\xcc&gt;\xa2P\xe5z\xce\xbd4u\xe7\xd3d\xc5\xd4Bb\x8bq\x0b\xdcY\xb3\xcf\x16\r#{~H\xbc\xf3f\x13\xc4No\xdaL&lt;rq\xab\x12i2~\xf3C\xf7\x03\x1e\xb0?\x8e\xce\x98\xce3\xa3\xfct\x8c:\xb1-\xc7\x1e2\xeb\xe4\xd6\xcd\xf0W\xf0\xc9o$4\xa9\x8b,\xa6J7\xc6p_w\x99\x1b\xe2\xe0\xe6\x13`\xc5\xb8\xd3~X\xe2\xfb*\x0c\x9f\x199\xfa\x18\xce\x01_\xf8\xdf\x80\xfa\x83v\x99\xce\x8a\x88\x0cy"\x1b\xb3\xe1\xc1\x8aS\x9fM\x95\x92\xe1\xbe\x81\xc1\x87yK\xado\x10\x00w\xbe\xe2\xd0\xef\xa0@eC\x1dk\xa4\r\xad{\n\xa9\x1b\xabI\xdej\xac\x8d\xaa6s\x1c\xae\x9e}W\xbfi\xf2\xf6\'\\]\x97\x98\xa2\xc5\xe8\x03\xac!\x85\x13T7\x1b\x07P\xbac\xd7q\xca\xc9PY\x95\xfd\x18A\x1a\x98A\x81(\xbc\xca\x9a\xbc\xe3O\xc1\xa9o\xe2\xc2\xe2\x8d\x92\xb4\xc7\x19\x1d\xa4\xc4\xe7\xe1\x99\x96\x8d\xfe\x8b\xaf3\xa6\xcc^CA\x87\xc8\xab\xceoSy\xafh}\xde\x03\x14\xa5\x04\x00\x1fw\xc1\x1d+\xa7R\x08\x9d\xc8%\xcc\xe6\x97\\W\xb1Q\xa9\x03\x8eJ\xec+\xb4\xa6p\x94\x18Ig\x02\x1d\x98\xbb\xb3\xb7\x06\x9a&amp;FT3\xf7\xfem\xad\xcc\x04\x8e\x82E\x87\xf2I\x9c*\xbb\xe84\xf5\xb4\xb5\xc2\x04\x8c&gt;\xdc\x80n3\xcf\xc5\xce\xd5I\xe1\x8c\xefE\xbd\x08\xe9c\x92\xd4&amp;\xa2\xa4E\xfa*&amp;\</t>
        </is>
      </c>
      <c r="E380" t="inlineStr">
        <is>
          <t>&lt;class 'numpy.ndarray'&gt;</t>
        </is>
      </c>
    </row>
    <row r="381">
      <c r="A381" s="1" t="n">
        <v>379</v>
      </c>
      <c r="B381" t="inlineStr">
        <is>
          <t>steps_per_sec</t>
        </is>
      </c>
      <c r="C381" t="n">
        <v>5500</v>
      </c>
      <c r="D381" t="inlineStr">
        <is>
          <t>5.324992</t>
        </is>
      </c>
      <c r="E381" t="inlineStr">
        <is>
          <t>&lt;class 'numpy.ndarray'&gt;</t>
        </is>
      </c>
    </row>
    <row r="382">
      <c r="A382" s="1" t="n">
        <v>380</v>
      </c>
      <c r="B382" t="inlineStr">
        <is>
          <t>Loss/localization_loss</t>
        </is>
      </c>
      <c r="C382" t="n">
        <v>5500</v>
      </c>
      <c r="D382" t="inlineStr">
        <is>
          <t>0.0330694</t>
        </is>
      </c>
      <c r="E382" t="inlineStr">
        <is>
          <t>&lt;class 'numpy.ndarray'&gt;</t>
        </is>
      </c>
    </row>
    <row r="383">
      <c r="A383" s="1" t="n">
        <v>381</v>
      </c>
      <c r="B383" t="inlineStr">
        <is>
          <t>Loss/classification_loss</t>
        </is>
      </c>
      <c r="C383" t="n">
        <v>5500</v>
      </c>
      <c r="D383" t="inlineStr">
        <is>
          <t>0.34804994</t>
        </is>
      </c>
      <c r="E383" t="inlineStr">
        <is>
          <t>&lt;class 'numpy.ndarray'&gt;</t>
        </is>
      </c>
    </row>
    <row r="384">
      <c r="A384" s="1" t="n">
        <v>382</v>
      </c>
      <c r="B384" t="inlineStr">
        <is>
          <t>Loss/regularization_loss</t>
        </is>
      </c>
      <c r="C384" t="n">
        <v>5500</v>
      </c>
      <c r="D384" t="inlineStr">
        <is>
          <t>0.036628257</t>
        </is>
      </c>
      <c r="E384" t="inlineStr">
        <is>
          <t>&lt;class 'numpy.ndarray'&gt;</t>
        </is>
      </c>
    </row>
    <row r="385">
      <c r="A385" s="1" t="n">
        <v>383</v>
      </c>
      <c r="B385" t="inlineStr">
        <is>
          <t>Loss/total_loss</t>
        </is>
      </c>
      <c r="C385" t="n">
        <v>5500</v>
      </c>
      <c r="D385" t="inlineStr">
        <is>
          <t>0.4177476</t>
        </is>
      </c>
      <c r="E385" t="inlineStr">
        <is>
          <t>&lt;class 'numpy.ndarray'&gt;</t>
        </is>
      </c>
    </row>
    <row r="386">
      <c r="A386" s="1" t="n">
        <v>384</v>
      </c>
      <c r="B386" t="inlineStr">
        <is>
          <t>learning_rate</t>
        </is>
      </c>
      <c r="C386" t="n">
        <v>5500</v>
      </c>
      <c r="D386" t="inlineStr">
        <is>
          <t>0.07997993</t>
        </is>
      </c>
      <c r="E386" t="inlineStr">
        <is>
          <t>&lt;class 'numpy.ndarray'&gt;</t>
        </is>
      </c>
    </row>
    <row r="387">
      <c r="A387" s="1" t="n">
        <v>385</v>
      </c>
      <c r="B387" t="inlineStr">
        <is>
          <t>train_input_images</t>
        </is>
      </c>
      <c r="C387" t="n">
        <v>5500</v>
      </c>
      <c r="D387" t="inlineStr">
        <is>
          <t>[b'640' b'640'
 b'\x89PNG\r\n\x1a\n\x00\x00\x00\rIHDR\x00\x00\x02\x80\x00\x00\x02\x80\x08\x02\x00\x00\x00\x83\xaf^t\x00\x00 \x00IDATx\x9c\xed\x9de\xc0\x15E\x17\xc7\x0f\xdd\xdd\xdd\xdd\xdd\xdd\xdd\xdd%\x1d\x02\xd2 \x02*\x08\n\x08\x82 \x02\x066\x16b`\xb7b`\x8b\x85\x85\xdd\xf9\xda\xe7\xfd\xb0\xf7\xee\x9d\xdd\x9d\x9d\x9d\xdd\xbb7\x1e\xf8\xff&gt;&lt;\xcf\xee\xec\xcc\x99\xb3{w\xa7\xe7\x1c""f&amp;\x19\xcc\xcc\xcc\x94\xa9\xb5\xf4\xaa&amp;\x11!\x06%\x06\x8a\xe1\xd6\x885\x89r\xdb\xd2f\xad6\x9e\x99\xe7\xefx\x81\xf2ugf\xa2\x12Dt\xe7\x9bl\x91\xe9\x96\x97pj\x1c\xbc\xfa?\x16\xf3ef\xa2:\xe7lz\xc2M\xa5\xc9\x17&gt;b\x1e/\xd9\xfb\x9a\xfa6OE\xd3v\x9cr\x95\xa8\x86T\x1f\xb7\x1c\xa5\xb7\x13MUU\x16%\x9bp\\J\xad\xa1\x1b\xddf\x1c\x0c\x96P\x8d\xfa\xd6\x00\x00\x00\xa8\xf8+V\xfa[x\xf9Wy\xfd\xa7O\xbd\x01\x1b\xc7\x9e\x7f?E\xeb\x98\xdcu\xa6\x12\x95W\xc4w\xcd\xaeX\x7f\xf3\xb0\xf5\xb8+\xc8Q\xe1\x11\x95\xfc\x8d\x99(\xdb7\xcc\xbdf_OD\x936&lt;dF\xb8\xf1E\x8b\xd8\x07N13\x97hu\xaeq:|\xf9]\xad\xc7^a\x1cg\xad&gt;^\x88\xd8d\xd0\xe2\xdbbY\x94\x1f\xe1T\xcf\xad}`\x1e\xdf\xfa\n\x13\xd1\xd1w\xc5h\x99\xe5\xf7\xa8U\x99\xe5\xf3\x8ap\xf6\x11_\xc3\xd1\x8br\x89\x14\xee\x01\x1a7\x00\x9c\xe1\x98}G\x97\xeb\xcd~f^\x7f\xe3\x87j!\xab\xafy\xc7&amp;P\xa4J\xb75DT\xa8\xc9l[\xf8\xb7\xceLst4\x8503\x95\x1bFB\x87\xb2B\xa7\xe5\xd2\\z\xcc\xbc\x96\x88\x88\n\x18\xa7\xd9kN4#\xf4\x9e{HLR\xb9\xeb*\xca\xdc\x86\x88\x0e\xbf\xc6\xccL\x05zJ\x15\x16\xb3(\xdctN4\xa0\xb1\xe5r\xb6\xf6DDT\xdf\x99\x8a\x99\x89r\xd4\xec\xbd\xde)\xf3\xc1\x8fQ\xa4f$\x8a6\x9f\xb7\xee\x86S\xa9\xd6\x02\x00p\x06\xb1\xf5\xc87\xc1\x1a\xd7\xcc\x9c\xaf\xfe\xf4\xd0\xf5!\xa2\x9e\xb3\xae\xb3\x064\x95D*=$\x98ps\x80\xb7L\xbb\xf3\xc4A\xe3\xd3\xd1\xe3\xb6\xe3wG\xc3\x1b\x8b\xa9&lt;\xc5\xea\xe4\xbeb\xff[.W*\xea$O\x1d\xb5B\x97\x98\xaf\xfe\xf4)\x17=\xea\x0cO\xe7\xae^\x88\xba\xddr\x82=\xe78L\x9a\x0c\xbb,\xac|\x01\x00\xe9E\xd1\xe6\xf3\xa4\xe1\x1fyt\x88\xc3\xa1R\x97U\xd1\xc3\\f`\x87\xc9{\xc58\xf6*9g\xa7Kn\xff\\\x0c(\xd1j\xa1wN\xe5\x86\x115\x15n\xa7\xb1y&lt;j\xd5Q3\x163\x8f\\u\x0f\x95\x18\xe0\x9c\x9f6\xe93\xef\x06\xa2\x16\x83\x17\x1fV&lt;\x9c\xe6\xa3\xb6{\xab$\xa3\xd1\x90-.Wr\x06\x13\xe8 {HrTd\xaa&lt;&amp;X\xc21\xe7\xdf\x17\xae&amp;\x00\x00\x90\x91\xe8\xb7\xe0fE\xf5cc\xce\xd6g\xe3\xc9KU\xc1\x17\xecE\xb2\n\xe9\x8a\x07~2\x0e*u^\xc9\xccD\xcd53\xf2lL\x14l4KG\x94@C\x12n!o\xbds|&amp;\xf7E\xcdD\n\xcfxT\xefyA\xaaU\xc8\xd8T\x8e\xb5}\x01\x00iC\xde\xfa\xf2\x8a\xc4s\x9d\x91\x842C\x95Y\xe5\xd1\xd7J\xca\xc8\x95G\x88\xa8\xed\xf8\xddDy\xbd\xf4)\x12g^*\xa23\xd6\x00\xc8\xa8.\x9e\xa4\xf30;\x00 \xc5\xf8- \x14;mr\xd4\x9c\xa4/\xa7X\x8b\xf9\x81u\x88?a\x9c\x84\x98\xef7~D\x8dXqwX\xf9&amp;\x8e6\xe3\xaeH\xb5\n\xa9g\xc7}?\xa4Z\x05\x0bh\x07\x00\x90\x8e\x98[qd4q\to\x19,/\xcdR\xa0\xc1\xa0K\x82\xc9\x07\x00\x00\x00\xd2\x89R\x83\x03$\xfa3\x01MfE\x05\\\xa4\xd9\xdc\xd0\xb3S\xd3j\xecN[H\xe5\xae\xab\xa8\xec0\x9d\xb4\xf7\xbe\x17\xce\xc3A\xbfDF\xedT+\x00\x00\x00!\xb1\xe9\xf0g\xa9V!B\xf6\x1a\x13t\xa2\xc5S-\xc5W\xa5\x15\x88#m\x10\xbeB\x05\x1c\x0fY\xda\xa4Z\x03\x00\x00P\xd2u\xfa\x81\xc0i;N\xb9\xcao\x12\x9d*0\x99=\xbf\x83O\xff\x1b\x8a\x9c^s\xae\x0fE\x8e\x03\xf9\xbant\x8e\x01\x00 \xc3\xd3i\xea&gt;u\x84\xca]\xd3b\x8bB\xc9\xd6\x8b\x12!6\xcdk\xb2\x86\x831\xe1\r\x00\x00g\x01_\xc8j\xa3\xd2m\x17\'"\xaf\xb5\xd7\xbf\x1f\x9f\x80\xc6\x1e\xd7+\x8e\xd2\x14\x94\xceup\xd9\xf6KR\xad\x02\x00\x00\x80\x14\xf1\xe4\x97\x91\xfa\xe9\xfc\xeb\xde#*\x18\xbf@\xb3\xc2\xab\xd6cm\xfc\xd2@\x8a(\x16=\xa8\x98\x9c\xfc\xf6?\xf9wr2J\x1c\xe9\xdc\xd4\x03\x00\xa4\x11\xce\xc2B\xe2&amp;\x01\x9c\xad\x18\xafG\xa6\xcac^\xfc9\xae\xb7b\xc0\xc2[&lt;\xe3l\x8c\xae\x13\xac\xd0iE&lt;y\xa5\x882\xe6\x11*`\x00\x807\xddg^CD\x1f\x87U^\x14\xe8\x19\x8e\x9c\xb3\x8fT\x14\xd9U\x92\x9e#\x00\x00\x80(Qk\xc9\r\xa5\x97\x92\xaeN&lt;\xd8=\x03&amp;\x87\x8c\xf6\x94L\xaa\xa5Z\x81\x143f\xcd\xbd\xa9V\x01\x00p\xd6\xc3\xcc\x0bv\xbe\x98j-\xec\xd4\xea#\xf1\xa7k\xd0j\xcc\x8edjr\xa6\x93Hs\xd9\x19\x8alz\xdb\xd3\x01\x00\x00\x9c90s\xe6*c\x93\x93Q\x12r\xc9\xb0\xe4M\xb5\x02\xf1\x92\xafAB\xdcu\x03\x00\x12\x82\xbb\xb3\xa3R\xc9W\x06$\x01\xd4\xc1\x00\x00\x90\x16\xa4Uql\x8c\x01\xfa\xda\xb3\x94V\xfa\x9f\xb9\x94\xf1\x8e\x12\x06\xcc\xbc\xeb\xc1_\x92\x93\x17\x00\x00\x9cu\xa0\xcaL\x05\x85\xc5\x93\x9f\x12\xfc\x13(\\U\xdaN7\xdc\xf4\x91-\xed\xee\x87~\x95\x89\xcc\x1a\x97B\xd9\xda\xc7\x95\x1c\x00\x00\xc0\x99B@7\x8e)$o\xbds4cj5\xb0\xf2\xf7\x88K\x1b\x00\x008K\x18\xb6\xec\xae\xc4\t\xaf\xd2mM\xe2\x84\xa7\x15\xe9\xd3\xf5\xcfZm\\\xe2\x84\xc7s\x9b\x13\xd7?\x18\xa2&amp;nl\xbe\xe3\x8b$\xe4\x92\x9c\x9f\xbb\\\xfb\xa5I\xc8\x05\x00\x10/\x1a%B\xab\xb1\xe7\xdf\xef\x0c\x1d\xb8\xe8\xb6D\xe8sVQ\xa0\xe1\xccT\xab\x102\x9e}\xe2pk\xa0\xe1\xcbCh\x05\xa6O\x1b\x08\x00\x00\x12E\x87I{\xdd.e\xa9j\xd9os\xec#~\xe1\xa73\xbcX\\\xb0\xe3\x85T\xab\xe0\x8dz\xe26\x14.\xba\xe5\x93\xd0e\x02\x00\x00P\x81\x9e\x07 \xa2\x97\x7f\xc5k\xe0\x9be\xfb\xdeH\xb5\n\x00\x80\xb8\xc8l\x1e%\xa5.\xcco;\xcf\x94)S\xe23MkJ\xb4&lt;7\xd5*\xa4\x9e\xc6y\xcf\xae\xd7 \x94o\xed\xa3\x0f?\x8c_\x08\x00 -\x08P(t\x99\xb6?\x11\x9a$\x9e\xe6\xa9V\xc07\xa7\xd3e\xa8\xa0a\xaa\x15\xc8pdO\xb5\x02nTH\xb5\x02\x00\x80(\xce\n8\xea\x8f\xe1\x0c\xe4L\xbd/ r\xeaL\xf9\x95\xf1\xba\x02p\x06\x93\x9f\\*\xe0\xfa\x037\x99\xc7\xc9V\xca\x8bG&gt;M;\x95RMU\x8f\xeb\x99Z\'E\r7r\xa54\xf7t\xa0X\xaa\x15\xb0\x93\x86\xdf5\x00\xc0\x0e&gt;\xd4PI\x81q\x7f\xfc\x82)\'\r\x7f\x824T\t\x00\x90\xe1\x99\xb4\xe1\xa1T\xab\x90\x1a&gt;@\x91\x9aX\x9a$;\xc3\\\x9d\x13\'\x1b\x150\x00\xc0\x9b\x1a\xbd\xd6y\xc4\xc8\xdbU\x16Z\xcb-z\x86s\xf2\xeab\x0c\x19\x84\x80\xa2\x1er\\\xaa\x98\xe8\x1c\x1d\xd4\t%G\x91\x9c\xb5\'\x87.\x13\x00\x90p\x16\xeez9\xd5*\x84C\x9a\xb4\xfdoz)-\xd4\x10h\x91j\x05\x92A\x12\xac\x8b\x84L\xe5\xd1\xa9\xd6\x00\x00\x90`\x14%Q\xde\xfa\xbaf\xf7\xd3\x99^s\xae\x8f\x1e\xbav\x8e\x93I\x06(\xfa\x01\x00\x00$\x01f^\xb2\xe7\xb5Tk\x11\x88\x02=\x9b\x8d\xdc\x96j%\x82P\xa2\x15lq\x00\x00\x00\x88\xf2\xf8\xe7\x19\xa7g\x16\xd4\xab\xab\xcd\xfa4H4\xb5\xfa\xacO\xb5\n\xe9K\xf6\x1a\x13\xd5\xd7\x83\x89\xc5\x10\x0b\x00\x19\x82l\xa9V \x1c&lt;K\x9c\xb9\xdb\x9fO\x8e&amp;j\x12Y2\xd6O\x98\xe4pH\xabZ!q\xcal&lt;\xfcY\x82$\xc7\x89p\xcb\x95R\xa9\x07\x00@\x87\\\xb5\xa7\xa4Z\x85\xb8p/d\xe3\xb2B\xdc~\xe2\x9ex\x92\x83\xf4&amp;\xb3w\x94\x0cN(\xce\x1c\x01\x00g1\xe5\x86\'8\x83\xb2\xe1\x8aK\xab\xfe\x1f\x00\x00\x804$\x95=\x80t\xad\xa5\xd2\xce\x9a \x88\x87t}\xcd\x12N\xb9\x0eKS\xad\x02\x00@\x1b\xa9\xb1h\xa2f)Q&amp;D\xf4\x8b\xe0\x16\xa3.\xa7\x9c\x1d\x15\x11\x1a\x0f\xdd\x12\x82Bg\x19\xdd\xa6\x1fH\xb5\n\x00\x00\x90&amp;\xa4\xd8d\x7f@\xaat[\x9d\xe8,\xa4U\xf5\x9b\x7f\xcb\xebou\xbd\xfe\xbd\xeb\xd5\xba\xbe\xd5\x02!\x91\xd1{\xc3j\xfd]\x1a\xd0\x00\x80T\x92\xd5\xf8\xf7\x11\xb3\xd3*\x13&gt;Q\x91U\x07O\xc6\xf9@\xca\xb4=O\x1d\xe1\xdag\xfe\x8bG&gt;\x88\x9b\x8c\xdb\x00\xf2\xf0\x85\x85o\x19\x804\xa4f\xaa\x15\x00 \xf5t\x9fy\r\x11\x15o\xb1\x80(_\xaauI.\x85{\xa7Z\x03\x00@\x0c\xdb\x96\xff\xd2\xf9\x1b\xcc\xa0&lt;]\x92\xafG\x88m\xf6\x8c\xd2\xfc\x1f\xbd\xfah\xaaU\x00\x00\x00\x90"\x1a\r\xb1\xac$\xaa\xd0iy\xb8\xf2\xb3V\x1f\x1f\xae@""*\xf4q\x1aW\xb1\xd9\xb5=/]p\xe8\x83\x84j\x12"\x13S\xea\xf0\xb1z\x8f\xb5)\xcc\x9d\n\xf7Ie\xee\x00\x00\x00\xb4\xb1\r*H\'\x1as%C\x91\xf0(\xd5fQ\xaaU\xf0\xe0\xdbT\xb4\xc9\xb6\xde\xf3m&lt;\xc9\x9f\xff&gt;}\xdb\x91\x00\x80\x0c@\xcf\xd9\xd7\xa5Z\x850)\xd6|~\xaaU\xc8x\xb4\x18\xb5\x9d\x88(K\xdbT+\x02\x00\x00\xe9O\xee\x14\xcc\xf2\x82\x0c\xcd\xfb\xca.\xe6\xdb\xff\xa03\x97&lt;\x1a\x0e\xde\xac\x19s\xdd\r\xa7\x12\xaa\t\x00 \r)\x90P\xe99jNL\xa8\xfc\xb3\r\xdb\xb2\xb5\xd9\x97=#\x8d3p\xd1\xad\xc9\xd2\x08x\xb3\xfc\xea7S\xad\x02\x00 E\xe4o0C8\x0b\xe8@-C\xf3\xd0\'\xfe\xba}\xcb\xf7\xbd\x91 MB\x84\x99\x97\xec\xf5\xe1%\xba\xf9\xc8\xed!\xe4\x9a\xa3\xa3\xdb\x95\xa6\xc3\xb7Z\x03*\x86\x90]\xea\xe86\xe3`\xf0\xc4\x99-fs\xdcV\xfb33\xe5\xecd\x1cw\x9evu\xf0\xec\x00\x00\xc0?YS\xad\x00\x00Zd\xad\x16\xd76\x812\xed&lt;\x8c\xbd\x00\x002\x06z\xdbg\xcf\x10G\xc2g3e\xdb/I\xb5\nQ\xb2\xb5\xf7\x15\xdd\xf9\x8a\x0e9\xef\xf6\xf0\xb4\t\x9fv\x13\xaeLr\x8es\xb7=\x97\xe4\x1c\x01\x00!\x90\xb5\xdax\xbd:\xb8I\xc2U9+8\x1b\x07\xed\xe3%s\x9bTk\x90\x12\x1a\xfa\x88\x9b\xabs\xa2\xb4\x00\x00$\x10\xa5\xf3\x1f\x1060\x0b\n\xb4\xf0e\xd9\xed\xf0kX\x8e\x0e\x00\x08@\xe5\xd1\xa9\xd6\x80\xfe\nj\xcf\xe1\xfa\xe7RY\xf0%\xc8\xfaf\x82\x8dzVJ\xa4p-\xaav_\x93 \xc9)\xb1\x87\xca\xccJGa\x18\xbb\x02\x00d4\xa6mz&lt;\xd5*xp\xdd\xb3\xe8\xf7\xa4\x17E\x9a\xcdM\xa0\xf4r\xc3\x89j$P&gt;\x00 t&lt;[\xe5\x81|\xf0U\x08\xac\x0f\xf0\xc5\n\xec\xfbL,\x85\xc4\x13\xa7\xbf\xcet \xa38\x1a\x01\x00\xd8af\xaa8\xca;\x0eHK\xae\x7f&gt;]~\x9a\xa4\xbc$\x1e.o30\x05{\x85%)\xd8\x8c/\xbeq\x002\x1e\x99\xaa\x8cI\xb5\n\x19\x98\xba\xfd/N\xb5\ng8\xba\xf5J\xf9\x11\tV$A\xd4\xf6\x15\xbb|\xc7e\t\xd2\x03\x00\x90\x02\\\x0b8\x9f\xbb9\xd5|\xcd&lt;\xee\x82\x07\xe2\x14R\xac\xc5\x820t\x01\xe9JR\xf6#5\x1ezi\x12r\t\x97|\xf5\xa73s\x9fy7\xa4Z\x11\x00@F$w\x97#\'1Dv\x96\x907\\q\t\x1d\\\r\xe6)+_\xfd\xe9\xa1k\x02\x00\x00\xa1S\x80\x88\xa6^\xfcX\xe1&amp;s\xbc\xe3V\x18IT0\xd1\nyQ\xdc\x1e\x90\xab\xf3\xe6;\xbe\xc8U{\x8aqv\xe5\xc3\xbf\x9aWz\xcd\xb9&gt;ij\xf9\xa5f\xefu\xa9V!.6\x1d\xfe\xcc8`\xe6\xf57~h\x86\xd7\xe8\xb5\xaeJ\xb7Dm4\n\x83\xd2\xc1\x92\xb5\x1d\xbf;\\=\x00\x00\xc0\xdf,W\x00\n5\x99\x1d\xbaL\xa3\xd7\xb5\xff\xc9\xbfC\x97\x9c\x16\x14\xee\x93j\r\x80\x8a\x1c5\'\xa5Z\x05\x00@ \x8c\x19\xa3\x00\t\x1b\x0f\xdd\x12\xba2\xfa\xc43\xd2\x98\xab\xce\x14_\xf1\x1f\xff\\+\xaf\x8c\xbb\xb2\xf4\xf1/T\x9a\'\xa2\xc9\x12\x98{\xde\xc9\xa8\x0fY\x9b\xf2\x01\xd2\xf4\x9d\x7fc\xe8z\x00\x00B\xe6\xc4o\x92\xf2\xeb\x99o\xf8\x9a\xa7\xff\xf5+\xea\x878\xea\x9b\x89\xeb\x1f4\x0e\x8e}\xe4)\xa4\xa4yt\xf9}\xdf\x07\xce1\x1e\x989@/\xb0V\x9f\r\xd6\x80:\xe2I\xdez\xd3\xe2S\nd\x14r\xa7Z\x01\x00\x00\x08\x81\xe2\xab\xafy\'z\xdc8i\xb9\x06\xeb\xda\xd6\xed\x7f\xf1/\xcc\x94\xb5\x1d\xa5\xf7\xec/\x11\xe5\xae3Uq5[\xf5\t.WB3$\x99\xa7nB\x9a#i?&amp;\x91#Y\x19\x15HVF\x00\x80x)(\x1cW&amp;"f\xf6\\\xff\x99\x01\x96z\x16\xed\xab\xb8\x98\xad\x86[5C\x8d\x86\xa4r\xb0\xfdl \x9e\x9a\x92\x99\x0f&gt;\xfdO\x88\xcadd\xaa\xa4Z\x01\x00\x80\x1f:M\xdd\x97\xb6\x1d\x05\xa9b\xfb\x9f\xfc+\x1e\x99\xd9kN\x94\x86\xcf\xd9\xfal&lt;b\xe3\xa0\x96\xdb\x85\xd2m\x16\'S\x0f/Z%Nt\x1co`\xea\xdd9\xc4\xcf\xfb\xe9\xfa\x01\x02\x00\xce^N\'\xb7`Z\xbc\xfb\x04\x11\x11\x15\x0bCX\xe5\xe8\xc1\x19\xe0\xf4\xb7D\xe4\x7f\xc2\x0cH}{\xc6\xd6@e5\xe3\xa5\xa7\xddi\x00@ZP\xb0\xd1\xac\xe4g\xba\xec\xaa\xd7\xd5\xe6\xf4\x98\xd9\xad\xf3\xf4Sxez&lt;\xd5\xc3\xd5\x8f\xff\x19\x96\x1aiE\xde\xfa\xe7\x84*\xae[\xb0ti;x\xa3\xc3\xd6#\xdf\xcc\xbf\xfcx\xb2s-\xd03\xd99\x02\x00d\x14\xbe\xf4\xae\xaf\x12$ZY26\x0f&amp;s\xe5\x81\xb7m!Y\xab\x8f\xf7\xf4-\x91Z\x92RCTV\\\x8bS\x81\x8cW\xc3ei\x9bj\rtQ4\x1f\x01\x00@\x8d\xd6\xfe\x8a\xa3\xef\xea\x151\xc5\x07\xc4\xa5\x8b\x97t\xfd\xa8W?\xfe\'3?\xf7=\x1f\xffQ\xae\xb9/\x83\x1b\xccL%\x06*"T\xebq~\x18k\xa4K\xaa/g\xa9:.\xee,b$\xa2\xda@U\xe4\x93\x06\xe6\x11\x1e\x1d\x00\x19\x85P&amp;8\x89\x88J\xb6Z\xa8\x1d7\x7fX\x99jR\xa9\xcb*ix\xb8\xf5\x90\x89\xa2\x04\xbc\xf8\xd6O5\x04d\x12\x8e=\xaa\xd2@\x04X\x1c\xabj]\xa1\xeb\x96\x11\x11\xb6\xf0\x01\x00R\xca\xf2\xab\xdf\x0c&lt;\x14\x9c\xfe$\xb3z\xe8&gt;\xe3\x1a\xe5\xf5\xbc\x15;\xafH\xa8\x02-F]\x9eP\xf9\x00\x00\x002\x1c\r\xbc\xa3\xc4O\xd6v\x01\x12\xb5\x9b\xb0\xfb\xee\xb7\xa3\x95t\x9e.:I\xdc*\xf5\xb3\xb3/\xf8OF\xbe\xebo\xc2S\xde\xab\xf9\x95$X \x7f\x83\x19\xf6\xcb\xf9\xbb\xa7B)\x00\x806\xd5z\xac\xf5\x15\xdfZ\xf1$\xd4\xde^\xc1D\n\xf7\xc1\xbb\xb2\x82;:\x1e[\xdd-\x153\xdb\xecP\x06c\xd0\xe2\xdb\xe2\x17\x12\'\xb6\xd6\x063w\x98\xbc7U\xca\xd8\xf05\xbf\xe0\xbd\xc7\xba\xcc\x90\xb8\xb4\xb1\x90\xc0\xafC\xaczk\xf5Yo\x04\xde\xfc2\xe6\x08\x00Hc\xa4\xdfg\xa2&gt;\xdab\xfd\x13"\xd6A\xe6*c\x93\x93\x91\x93v\x13\xae\xa4\xf2#\xca\xb4;/U\n$\x06\x8bc\x80\x8f\x1d\xafG\x02&amp;\x83\x8b\x84*M\x9f\xa6)\xca\xd7\x07\xceGmV\xbd\x9a\xf1\x01\x00\xe9\xc2\xc8\x95G\xfc&amp;\xd9\xe7\x7fWk\xbd\x81\x1b\xfd&amp;I\n\xe5t"\xf9*\xc2t&lt;\xd2\\~\xdf\x0f\x9a\xd2\xb2V\x1b\xaf\x9furpv\x7f={\xff\xe9L\xb9\x0e\xcb\xdaN\xd0\xf2\xaa[\xae\xc3R}\xb1E\x9b\xcf\x0b\xaa\x91?\xc6\xac\xb9/\xf2\xfc\xf3\xf7\x10\x82+\x98G\xe7lz\x1cu0\x00\x19\x0eo\xa7\xbc_k\x7f\xd8\xbd\xe7\x1e\x8aO\x99Tb+\xbf\xeez\x8b\x9d\x81I\xd6!&gt;JxGq\xc7\xa6I\x85N\xcb\xd5=0?\x94\x89[BzS\xa0g\xe8\xaf\x8d\xe2\xe1\xb7\x18\xb5\xdd\x8c\x13n\xa6\x00\x80Ph\x1a\x9e\x0b\x9a"\'\xffc\xa2F!I\x0b\x8dv\x13\xaf\xd4\x89\xd6m\xc6\xc1G&gt;U\x94SYm\xe7+\xf6\xbf\x15\x87R\x19\x95\xf1\x17&lt; -\xf1\x99y\xdd\r\xa7\\\x12\x05\xa9V_\xfd=\x81\xf3\x97\x7f\xa7i\x85\xe4c\x9f\xbaI\xec\xe7(9\xd0y\xc9v\x00\x00\xc8\xf0\x94m\xbf\xc4\xf5Z\xc9A\t\xce&lt;\x04\xa3\xca9jN\xfaY\xbbHr+\xbc\xfe\xd4\x90\xf0\x15s\x12\x9c\xcd\xcdK\xae!C\xa3\xb8_\x14\xb1\x98\x1d\x0b\x0c \xea\x17\xedT\xc3\x97\xdf\x15\xcd"G4\xbb\x10\xe6\x89\x9ds\x01?$\xb8\xaeR&gt;\xa8\xb8*\xe0\xa8\xe4\x82\xb6K^\x99\x02\x00\xd2\x91\x98iC\xdb\x07\x9c \xbf\xadi\x80\xd6\xd8\xac\xc2ea"i\xa9\x13\xc9WQ\xfb7\xb3/{^\x06\xf3.?\x1e`\xc09\xa5\x93\xd9\xaeK\xab\xa6m|\xcc8x\xf1g\xdb\xed\xa8\xeczzJ\x0bF\xdb\xf1\x1eS\xd1nK&amp;\xddF\xa1\xd1\x03\x06 \x1d)\xdfaY\xf1\x96\x0b4#\x9b\x9f\xf7C\x1f+&gt;\xe3|a\xe8\x95\xdednm\x0b(\xd0p\xa6xZ\xb5\xfb\x9a$j\x13\x17q\x97\xc8\xf9\xcd\xb7\xc2}\xe4\xd9F\xc8~\x0c7\x1e\xfe\xac`\xe3\xf0\\\x83$\xcc\xc5\x93?\xfc\x9bbUT\xc0b\x9c\xf8\xd4\x02\x00\x84\x8b\x97\xf7\x82\xaa\xdd\xcf\xaf\xd9{\xdd\xaec?\x0fZ|\xd8\xfc\xc2\xeb\r\xdc8b\xc5\xdd\xd1(\x19\xd5\tk\x1c\xe5\x91\xc5\xaf\\\xa5\xce+\xe3WFd\xd3\xe1\xcf$\xa1\x85z\x87\x9b\x0b\xf0\xa4\xfe\xc0M\xbe\xe23\xb3\x9b\xa30\xbf/\x9bf\xfc^\xb3M\xcb\xe1\xcdQ\x01\x03pF\xa1\x1e\xec\xfaT\xf9=g\x84\xaf]i}\xb3\xccPM)\x03\x17\xde\x1a\x82.\xde\x84\xb2\xbd\xa7p\x18B\xbc)\xdd6\x84=\xd0\xccLE\xfb\rYr;\x15\xed\x1b\xbf4\x83\x8d\xb7\x9d\xf6\x9b\xa4v\xdf\ra\xe4l\xb7\xbe\x12\xca\x07"\xceU;*`\x8b\xd1uf&amp;\xcacI\\\x10\xbe\x08\x01H)\x01\xa6\xf1\x06,\xbcE\xf8\xd4]\x97\xb6\xd6O\xdd\x96_\xa1wn\xa3Z\x12r\xbf\xe2\x81\x9f\x88\x88\xa8f&lt;B\xdeq\x9f\xc9\x0b\x1d\xff\x92u\x1d\xcb\x87M\\\x8f\xf4,\xa0\xa5\xf1U\x9es\xc9\x13\xcb\xf6\xbdAe\x87E\xc3+\x04\xf8\xcc\x01\x00\t\xc7\xed\xcb&lt;\xc5\\\xa9\xcbJ[LsxM1\xe1\xe4\xd7\x86e2\xb9\xfa\x89?)s\x1b\xe3\xb8\xc9\xb0\xcbR\xabL\x14\xb9\x89lah1\xd0z\xef\x82\xbd\x1c\xeb\x89\\\t^4Gl&gt;\xd4\x08\x948\xc8\xfa&amp;\n\xb5!\xd2u\xfa\x01\xe9r\xfdl\xd5\x03,\xafkl;Od\x85\xd7\xcc\xfdRy"z\xf9W\xf1\x03\xe5\x19\x9b\x9f|\xeak\xd4\xbe\x00\xa4\x1f\xddf\x1c\x94\x96\x147\xbf,\xffb\xe7l{N\xfc\xb6\xff\x97\xd4f\xb5\xa2\xdcI(\xf6\xb25\x1e\xb2V\x1b\xef\xa7h.\x14O^\x1bn\xfaH\'Z\xc9\xd6\xfa\xae$\xd3\x9aC\xc7\xbd\x1fl\x83A\x97\x04\x92\xad\xef\xb8\xb32\x111\xf3}\xef\xdbwH\xdb\x0e\x02R\xa4\x8fN,\xf1#}\xe3/\xd4\xbe\x00\xa4%\x8aY^[\xe0\xf6\xa3\xdf\x99W\x9f\xfa\xda\xb5\x07,\xe5\xb6W\xc3\x1e\x01+5\xa8\xc7\xack\x8d\xc3\xadG\xbe\t `\xdb=\xdfJ\xc3\x87/\xbf\xcb\x11\x96\xe9\xa1OP\x84yRO3^\xde\xfa\xe7\x84\x96g&amp;\xcb\x8a\xf4/\xfd\xbdc\x16\x13o\x95]\x9cF\xfbB\xfe\x92\x97\x1b\xe6\x1d\x07\x00p\x16\xc2\xcc\x94\xa5\xad3\xd0(&amp;.\xbd\xeb+\xdb\xa5e\xfb\xde`f\xca\xde!\x96\\\x83\xba\xfd/\x8a[SW\x16\xecx!@*\xc3\x90\xa4\x9d\xec\x1d\xd6\xdf\xf8!\x11\x11eq^\xac\xd2m5Q\xc5\x00y\xa5\x88\\\xd2\xd0\x06\x83\x83u\x01\xb5\x89\xbe\x1bR\x98Ym\x92L{;S\xba\x83\x8a\x16\x00\x10\x04\xb3w[\xb2\xf5\xc2\x0f\xac\xe5\x88\xcd\xfa\xd5\xe7\xccD4w\xfb\xf3I\xd3m\xc1\xce\x17\x13*?W\xed)\xae\xd7J\xab|\xd2U\xed~\xbev&amp;\x91\xc5\xa8\x8a2z\xd7\xb1\x9f\xb5\xa5\xf9\xc3\x99\xa9z\xb9\\\x91fa\xba\x13\x18\xbb\xf6\xfeBM\xe6\xe4\xa89\xc95F\xb6\xf6D\x99\xa2\'\x95\xe2Y\xf0\xc5Q\xf3O\xcc\xdcr\xcc\x0e\xe7\xa53\x95`MR\x00@\xb2i6b\xab\xad0b\x07\x8a\x99H\xb7\x82l\xdc\xda\x07BV4\xd1\x14\xeb\x97\xb4\xac\x9a\x0c\xbb\xd4\x16r\xee\xce\x97\x12\x9ek\x9e.~b\'j\xb7\xd2\x96;\xbfTG`\xe6\xfc\rM\x1f\xf2\xb9\x88j\xc5\x9f\xa9\xaf\xe9\x92\x80\xe4\xeb\xe6\xccT\xad\x92k\xb4,m\xe34hs\xc1\xa1\x0f\x88(}&lt;g\x03\x00\xe4H\x0b&amp;Y\x1d,\xe1\xc5\x9f\xe5\x97\xfc\x14vq-2rr\xe7\x9b\xa9\xe9\xd9\xb4\x18u\xb9~\xe4f#\xb6\xc6\x9f\xe3\xd1\xf7\xf8\xea\'\xfe\x8a_N\x10*\x8ct\xfb\x89\x9d\xcb\xa0\xd4oB\xcfY\xd7\x85\xa9X\x94[_\xf1VC\xac\x02\x8f\x9c\x94+i\xb3t-P?\x1e\xf5\xc4\xdc\xbb\xcf\xb8&amp;NQ\n|\xbd\x96\x00\x80\x14\xe0Y\x01+\x13f\xa6\x04l\xf9\xcdW\x7f\xbax\xdao\xc1M\xe1\xca\x0f\t\xabY\x03j!\x9e|\xe7xn\xb7\xbd*\x86\xe4\xd4\xc9\xc0\xfe\xf0K\x0c\x8c\x1d\x17\xed\xb7\xea\xc0\xdb:B\x0c:O\xbbZ?\xb2\'\xf5\x06\\,\t\xcd\xdaN\x1ay\xee\xb6\xe7\x14\xa2\x1a\x0cr\xb56\xe5\xe8&amp;j=4M\x1c\xc23)"\xfbb\x87\xb6\x9bg"*\xdeb\x813\xd0\xfa\xaa8\xc9\xedO!\x00@\xda"\x94\xf2%\xc4@u\x05l\xbdTTQOW\xee\xea{}i\xc9\xd6\x8b\xfc&amp;\xd1\xa1\xfd\xa4=\xa1\xcas:8\xf26\xf4\xd1x\xe8\x96`\x8e\xf9\xf6=\xfe\xa7\xe2\xaa\xf4\xf9\xbf\xa4\xda\n\\.\x80\x0ea\xe1w@8\xc1S\xb6Y\xe7{L\x9a\x16t\xbb\xf0\xf8\xe7LT7l}\x00\x00g\x13\xeaN\xb04\xbe\xbaL\xbc\xea\xd1\xff\xc5N\x1c\xab\xac\xe3\xa1\xd1\x90\xcd\x8d\x87n1O\xd3c\xb29b\x89B\x98\xbc\xf4\xa2\xfcp"\xea\x7f\xee\xcdAsT-M\n\xbb\x9d\x11\x80FD4\xfe\x82\xa4\xfe4?\n/\xe4\x9e\x87\x7fsF\xc8^c"\x11u\x9fy\r\x95\x1bn\xbb\x14y\x99sw\x16\x03s\xd7\x99\xf2\xc8i\x8f\x8a\x7f\xf4\xea{\x8f\x9cd\xc3\xcf\xd2\xfbi\xba\xb0K\x7f\x073\x00 \x89T2\xf7&gt;F\xedC\x11\x91\xd87rN\x06\xeb\xacg9\xfa\xaen\xff&amp;s\x951\xfe\xb5v\xed\x0f\xad\xbd\xfe\xfd\x00\xd2\xdch8x\xb3g\x9c\xda}/T\xe8\xe3\x99\x90\xc8:\xaa\xecCT=EL\xf9\x0e\xab\xb8\xf01\xf6\xabs\x0b\x968\xfe=\xff\x04\xa3z\xc4F[\x01\x97\xeb\xf1\xf8\x15n&lt;l\xd9\x9d\x96\t\xe38\xbc*\x15i:7\x0eM\xec\xa4\xd4\xff#\x00 &gt;\xfa\xcc\xbb\xe1\x0b\xa1\xde\xbd\xec\xee\xaf5\x12\xd5J\xec\x98a\xfe\xee\x89\x93\x9d\xb7\xde9\xa4gCj\xe9U\xaf?\xfeE\xc8\xb7\xa9\xf9\xdc\x12&lt;$k\xa1b\xe7\x15\xa1\xcb\x0c\xa6\xff\xc2]/\x07\xcc\xaf\xe4\xa0"\xcd\xe6\xba\xad\xc3b\xe6\xfe\xe7\xde\x12Pr&lt;\xe4\xea\xac\xbe\xde{\xce\xa1De]\xac\x7f\x92\xc7\'\x00\x00\xfe\xc8\\u\xacN\xb4C\xcfk\x15\xa6\xaa\xfd\xb5\xa1\xc2\xcc\r}\xd8\x9a\xb0\x9b\x99|\xe2K\xa6l\xed\xc5\xc2Z\xa8\x8c\xb3\x125{\xe0T\x02+?\xc5\x8c{\x80\xa9\xf4\x8cE(\xad\x8a\x0bo\xfe\xd8\x1a\x90\x89\x88\xf6\xbb,\x17w\xcb1\xba\xf7]2M\x9e\xcc\xa6\x0f\x00\x00\x84\xc9\xd2\xab^\x8f_\x88\xe7^\xd2x\x88\x94\xb09:\x1a\xa7\x17\x1c\xfa\xc0\x08\xc9]w*i\x94\xbf-Fm\xa7\x9c\x9d\x88\xc8X\x1f.\xe2\xa8\x1b"\xdc\xf5v\x06*\xd3\x8dez\x99\x9f\xfd\xce\xa9\xb3\xdc\xab\x84\xc8\xb0ew\x86\xad\x0f5\x1d\x1e\x8fS\x8d\x96~\x13\\\xfb\xcc\x7fn\x97\xa4S3E]\xcd\x98\xf8\xd8i=\xe5\xa2G\x88J\xdb\x02\xa5\xcb\xa7m\xdc\xe6\xd8\x8e\xe5 L;\xe7\x00\x803\x8f\xd0\xf6\x87\x88\x9c\xf2\xd7\x95\xa9\xc9\xccOx\r8[\x8b`\xfb^\x91\xc9\x17&gt;\xec\'G9\t\x1a9\xf4\xda\xf7\x12A\xd1\xfe\x18\xb4\xf86gd\x93\r7}$.\rKX?R\xd7\x1e5\x11}\xe4\xa5C=\x97\xcdu\x8aQ\ng`\x8f\x99\xe66_\xd5\xde!c\x81\x18\x00\x00\xc8\xa88J\'\x96\xb8UF\xbdm&amp;\xd9\x14\xea\xad\xbe\xbe\xeb\xc1_\x9c\x81\xfe\xea\x89L\xad\xfe\x8dn\x8c\xf6\x9d6\xed\xb0\xf7\xb7\xfc"\xd6\xbe\xaf\xfc\x1e3\t\x19\x86nr\x82\xf9\xe4\x08\x8ad\x15\xfa\x15&gt;\xad\x87V\xed\xb6\xc6+J\x8dM\xb7\x7f\xbed\xefk\xbe\xc4\x92d\xacEj\x15&lt;\x95\xfb\xd0\x00\x00v\x8c\xd5\xb3\xc5\x9a\xcf\'"\xe7\xc2W\xed\xd2\xb3\xd4\xa2]n\xf6\x83\xd2\x97\x0c^_\xa6\x17\x86\xcbE\xe7\x82\xf9\xb1\xe7\xdf\x7f\xe27\xefQ\x04\xcd\\\xdcGw\xd3\x10\xc9(N\xd5\xee\xaa\nxs\x88\xf3,\x15F\x86&amp;\n\x00\x90 \x92\\\t\xb5\x18\xeda\'\xcf9\xaa\xe9F\xa7\xa9\xfb\xe2V\xc7B\xf1\x96\xe7\x86+\xf0\xacB\xac}\xb3V\x1fo\xbbDDO~iT\xccy\xca\xb5_\xeaL\xab\x93\xc5\xf6\xa3\xdf\xb5\x9f\xa8\xbb\xdd\xf9\x8fP_\xec\xc2M\xe6D\x0f\x93=\x81Z\xa8\xf1\xec\x9c\xb5\'\xdb\x027\x1d\xfe\xcc\x16\xd2^\xe9o\n\x00\x90^03\x15\xe8\x99j-\x82\xb3L\\\xdb\xe50\xb3`\xa1P/\xc5\xc5D4AD\x99V\xf9\x95C\xcf+\x1dh?\xf1J\xb1\x02\xceV}\x82\x11n\xec\xd26O\xc3e\xf3\x1d_\x98\xc7{\x1e\xf9\x9d(\xabq|\xfcG\x1f\xb6\xa9\xa5\xfb\x94v&gt;\xf0\xe3\x9c\xad\xcfJ\xa3\rYr\xbb"\xf9\x1b\x7fE\x06\xde\xcf\xdb\xf3\xaaG^\x99Z\xb9\xa9\xe4\x88\xef4\xbef\x12\xb2Yu\x00@\xf2h5fg\xaaU\x08N\xa5.+\xcd\xe3,U\xc7\x05\x96\x13\x192-9\xc8=J\xd3\xd7\xff\xd4\xaf\xa4k\x13\xd1\xab\xbf\'v\xee3\xddx\xfdO\xb1\xfe5o\xbc\x083S\xe9!w\xbc\xc1\xc5[.\xf0%p\xfc\xbac\xde\x91\xca\xd8&lt;E\xd61\xfe9\x9f|\x9e\xbaSm!\xa6\x9e\xb2\x9f\xa9\xb83\xb0\xcb\xb4\xfdR\x15\x98\xd9\xb9\xd7n\x89\xac\xf65"?\xf1e\x92\xde\n\xe3\x17IN^\x00\x80\x04\x93\xbd\xfd\xc3\x9f$\xf5{&gt;\x9d\x98\xe2\xc3\xc5v`\x8dP\x84\x7f\x96\xb2"/\x8fw\x14\xa2I\x1b\x1e\x92\x16\xca_\x84\xa1\xb6Y\xfb\xce\xbb\xfc\xf8\xeak\xde\xb1\x05\xc6+\xdd\xcb\xb2\xe9\xf7\xccT\xd8\xbe\xe6N4_jRo\xe0F\xe6\xc8\xb6\xef\xd5\xd7\xbc\xa3\xa7[yih\xf4\xd6\xf2\xdb\x02}\xdba\xcd\xd4\x8a(W\xe6*c\'mx(&amp;\x04\x00pv\xf2\xb9\xf0\xfd\x9b\x9bU6\xdev:\x99:$\xda\xef^\xfd\x81\xae\x0ey|\xd1c\xd6\xb5z\xc5e8u|\xe8\xf4\x9d\x7f#Q\xc5\xf8\xe5\xdc\xf4R\xa4\xae\x1d\xbe\xfc.1\xfc\xdc+^\xfa9\xdc\xea\xa4\xdcp\xca\xd9\xd13V\xd6j\xe3.\xb9\xe3\x8b\xb6\x13v[B\xa3[\xbd\x89\x8a\x93{\x8b\x84\x02\x18\xd7\xd4\xa6\x84l\xa9\xc1\xce\x07~tY\xb7\x0c\x008\x13\xc9Y+\xb6\xb2\xc3\xad(y\xfdO\xa6\xbcv\xaf\xe3\xf5\x06l$*%\x89mo\xf8\xd7\xd6S\xc4\xcdNo\x82\xf1=\xff\xad\x98\x8aS\xf1\x03\xf3\xf9\xd7\xbd\x17,m\xc6\xa2d\xebE\xcc,\xae~\x8a\xf6\x11\xf3z\xa6\xfd\x8f\x99(\xbb^&gt;Y\xa8\x94e\xbe`\xde\xe5\xc7\xfd)\x1a%\xfe\x8eft1T\xc0w#\x8a\x96m\x10f\x8e\xeeV\x00\x00\x00w\xae\xd7\xb2U\x995\xe1zx\x93\xdf;J\x0c\xf9Pd\xc2Hrv\x01qVc{\x1e\xfe-6\xf8\\it\xb8\xd9\x15j&lt;\xdb\x1a\xd0\xd0\xa6\x89g\xb5:\xdfZa\xfb\xad\x86\x99\xd9fC\x83\x99k\xf6^\x1f=S\xb5;\x9f\xfc*\x84\x01\xf9\xdcu,S\xda\x18\xaf\x06 \xe3\xe2\xc3\x90\x90\x9ac\x1f\n\x05A\x85\x91~\xd7\xdddp\\\xbd\x02\xeb\x97\x8f)*I\xc3\xf4x\xafC\xc5\xce+?\x08\xe3N\x97\xee\r\xc1\xc4i\xb8\xa8\'\xbc\x99YZ=\x97m\xbf\x84\xa8\xa6[\xaaNS\xf7\xa9G\xa7\xd7^\'q\x08\x86Z\x19\x80\xb4\xa5`\xf4\xa0\x82\xf3\xda\xa5w}\x95DM\x92\xc1\xd7\x89\xd9h\xa4.\xe3\x16_\xf9\x8ao\xa1aw\x16\x1d\xd8MU\x8b\x0cXxK\xa8\xa5v\xb6\xf0D\x85B\xe3\x19\x9b\x9f2O\x16\xef~\xc5p`\x1c\x8cr\x1d\x96I\xc3=\x1f\xa0\x19\xc1sE\xc5\xf1\x1fx\xf3\x1d_0\xb3s\xcb\xafSf\xdd\xfe\x17\xf9\xd5\x04\x00\x90\n\xb2\x88n\x80\xe9\x96\x13\x92\x8a\xc4e\xd7M-"\xa2\xd2\x83\x13\xa4W\x12)\xbe\xe9\xf0gD\xb9\xe3,\xa4\x86-\xbbS{\xda2uT\xd2\xb2\'\x1a\x80\x0cT\xc4W\xe8\xb4\xdc+J\x89\xe0\xd2K\x0e\xd2\\\x85\xee\xd6h\xeb&lt;\xed\xea\xd6cu7\x04\x8e\\u\x8f\xdb%\xb3\x1a\x0em\xf19\x00 q\xc8\xf6n6r\xfft\x1d\xbb\xfe#.\x80\xe2\xe5\x9b\xe4\x96\x14\xe6\xdd\xd9ns\xd0\xe2\xc3\xe6\xb1\x9b\x1b\xda\xd6c\xaf\xb0\xac\x1a\xcb\xd6.D\xc5\xa6\\\xf4H(r\xc4\x1d\xd2!2\xca\xbd\xe8\x0f\x81\xe2\xfd\x8d\xff\xd7&lt;\xfd\xaf~\xa2\xceS\xaf\xee8\xf9*\xaf\xca\xa6D\x99v\xe7\x11\x91\xd4\x98\xb3&amp;\x8a,r\xd5\x9e\xc2\xcc\xc2\xa8\x92\x87\x1c\xc7\x1c\xb6\xafFmQ\x9d,\x88\xeak\x0b\x04\x00$\x91\x05;_\xf4\x9b\xe4\xa6\x97\x98\xf2tq\x86\xcf\xdd\xfe\xbc5\xa0\xae_\xc9\x83\xcf\xbb=\x9cv\xba\xb1\x07\xb4\x94\xc2\x98\xc6\x99G\xdaw\xbe\x89\xc8\xda\xac\xf1\xc5\x9ak\xdf\rE\x81O\xad\xed-\xf5\xfbV\xbd\xe7Zi\xb8:U\x9c\xdd\xcd\x17~\xe2\x07?\x0e\xa9\rZ\xa0\xa7\xa9\x8cq\xf0\x8fU\xb1\xb0\x9e*\x00 \x18\x99H\xb3\xc8\xc8\xd4\xda\xf8\xef\xb4\xf5\x13\x1eM\x12&amp;9d\xda\x8e\xdf\xed\x1dI\xa0\xdf\x82\x9b\x9c\x81j[\xfc"\x9e\xb6\xbd6Z\xa6\x06uz&lt;e\x8c\x7f\x19\x7fd\xb2\x19\x11\x11\x15\x8bKF\xd6vD\xf9\x8c\xc3\xd9[\x9f%\xa22\xed\x96L\xdb\xf8\xb8"\x85\xe2\xb9\xbd\xc7\xec\xe5\xf4\xda\xb1\x0b\xbc\xd2\xa8\x1b_4\x04\xc6;\x15"b\x1b\xd0b\xe6\xd7\xfe\xc8\xe8?7\x00g\x16\xcc&lt;f\xcd\xbd\xa1\x8b\xcd\xdf`\x86qP\xb2\xd5\xc2\x8bn\xf9$t\xf9R\xa4\x85\x97v\x89V\x87\x88\xccM\xba\x0f~\x14I\xf5\xe6\xdf\x8e\xe4\xf9{0\xf3M/\x86R\x96iM7\xea\x19\x88h\x18=\xd0\x1frT-z\x97fZ\xb0\xf1\xacE.\x03\xf2F\xd6\xc5[,\xf0[\x85\xac:x\x92ru6\x8e\xff\x8b\xb7\xfa\x89\xab&amp;\x1e\xb7\xd6\xe2k\xd9y#\xcclXO\xfb\x8d\x99\xa8\x88T\x88Fs\xd6\xf5\x07\xfaF0\x9d\x1d\x0f\x99\xab\x8c5\x8fO\xfe\'\x9fd\x01\x00\xa4\x1e\xf5giL\xaa\xc5\x99E\x85N\xcb\xb3V\x1bGD%[/\xf4\x93\xceR\x98&gt;\xf2\xe9YT|\xe8\xbb\xa2{RbOX\xcb\xccV`o\xcd_\x06}\x1ff]\xfa\xb44&lt;\xc9\x15\x83Wv\xf9\x14\xd7\xcau\xb0\xfbn"\xa2\xee3\xae1\x8f3U\x1e#\xcd\xab\xf3\xb4\xab\xb5\x15\xf4 *\xb3\xb0-\x8b\x92\xad\x16:\xe2\x00\x00\xd2\x9b\xf6\x93\xf6\x18U\x9d\xf3\xa3-\xddv\xb1\x8e\x84NS\xf7\x05\xf3\xdf&gt;q\xfd\x83\xfa\x91\xddVKy\x92\xadFB\xdc\xefh\xd04pJ\xe7=\x16m&gt;\xaf\xc9\xb0KC\x14\x98@\xa2K\xa8l\x18\xde\x81\xdc8t\x9c\x15\xfb\xa7\x83\x91\xb3\xd6$g\xe0\xb5\xcf&amp;\xe4Q\xc4\xfd\x84#\xab\x1a\x1f\xfe\x84Es"\x02\xd9&lt;\xe7\xadut\x88\xc6)7|\xf9\xddF\xc8\xa0E\xbaN?\x01\x00\t\xc4\xf88\x9d\xfb\x08\xd3\x92\xb3\xdd\xf9Z\xb6\xea\x13\x88\xca\xb4\x1ewE\xaa\x15\xf1\x8b\xc4\xda\xe8\xb6\xa3\xdf1\xf3\xce\xfb\x7f\x8c_\xfa?\xb6\x11\xe0\xec\x1dtR\xd5\xe9\'y\xe7\x99\xd9X$\x91(\x8a\xf63\x0f\xdd\x16\x0403\x15\x1f`\x9e\x8a^\x17\r*w]\x15\x8f\n\xf5\x06\\\x1cOr\x00@xd\r\xbe\x91\xa6\xdd\x04\xeduIy\xbaF\x8fZ\x88\xc1\xcc\xfci\xb2:j\xd7?gd\x14\x8eG\xde\x12\xc2\xe8_\xd1\xe6\xf3\x141\x07\x9f\xa7Z\x06\xec\xab\x17%\xd8;\xf4`\xd8\xb2;\xf5\xc5\xa6\x0ei\x8b\xaaYr\xf2\xcepc\xb6=g_w\xf7\xc90\x97k\x85%\n\x00\x90R\x8a\xc9G MV\xec\x7fK\xe7\x83\x9f\xa0\xe3\x056\x18\xa5\x07\xeb\x978m\xc6\xef\xf2)\xbd\xa2nD\x87\xcb&lt;\x83\x90\xfd\x05e@J\xb4\x8a\xf8\x08\xb29S\n\x86\xe6\xc0lX\x1e\xb1\x0cr\xd4\xb4\x8c~\xfb\xaa\xe1\xfcDn\x18_r"a\xbd$\x00 \xc5\x18\x8e\x13\x12\xdc\xf4\xea:\xaf\x00\x00 \x00IDAT"\xae\xf1^\xea\xeb\x18\xbb\x1d\x86\x11+\x8e8#\x99\xcf\xe1\xfa\xe7\x02n\xeeT\xa4\xfaVO`\xa6*c\xbc#ig\x9a8j\xf4Z\xe77\x89s\x05Yd$\xb6h\xbf^s\xae\x0fE+\x07\xf2\x85\xdf{\x1e\xf9]\xbdzY\xe3\x91\x9a\x9b\xe8\xca\x04R, 7\xbd\xa4R,O\xddi\xe2)z\xba\x00\xa49\xe5\x93b\xb8\xae\x85g\x8cJ]V\x11\x89N[SG\xc9AD\xb4d\xcf\xabb\x183S\x85\x11\xf6\x90\x84\xe0\xed\xbf/l\n\x86*M6\xb6\x9c\xad=E\x16\x00j\x12\xc4Y\x96\xe2\x17y\xfa\x1b&gt;e\xbf\x9a\x7f\xfb\xd1\xef\x88\x88\xa8\x90[\xc2\x91+%\xad\xb4xx\xfe\xfbXFF\xa6_\x08\x8b\r\xe3\x7f\xa3P\xe3\x02pV\x92\xad\xbd\xeajI\x1d3UE(g\'ieP\xb8\xc9\x1c\xe3\x80\x99K\xb7\xd1Z\xaa\x1d:_2\x17k1\xdf3\xda\xc7\xca\x12\xb0\xf9\xc8\xed\x96\xf3\xd2C\x02h\xd2c\xe6\xb5&gt;bG\r\xaa\x9c\r\xcc\xb3[g\xf3`\xc8\x92\xdb\x15W/\xb9\xfds\xd7\xfa\xac\x94\xc5~$3\x9b\xcb\x0b\xcaw\x94\xbbj\xb0!J~\xe5\xf7\x80\xb5\xe6\x8d\xb2\xbd\xe9\x0f\x7f"\xd9\xcd\xacc\xc6\x12\x00\x901x\xe44;\xac!\x16W%\x10\xd6\x7f\x06%\xb2&lt;\xd5\xd3\x93Lb)1P}=\x9c.HE\x95\x13\x85\xf7\x13\xe3\xdf)i\xa9\x88H\xed\xadRj0U7\xaf\x9c\x1d\x83($C\xd1%=\xfe\x03\xe7\xaa=\x85\x8a\xf6#j\xe0C\xa2\xe7\n\xedR\x12\xbb\xd0}\xe7\xdf\xe8\x0c|\xe8c\xceRm\\\xf1\x16\x0b\xf43\xaf\xd9{\xfd\xf7\xe8\x1f\x03\x90&gt;\x04\xb6Q0\xf9\xc2\x87\xa3\x87%(K[f\xf6\xac\x99\xf6=\xf6\x87aS\xfa\x87\xa0\x1b|5\xe94u\x9fw\x9c)\xb18\x8d\xfdl\xb7\x8dZ\xf6w%\xbe\x9b\xca\xa2\x13\xa9\xad\xfe\xfas\x87&gt;\xf9\xeaO\xb7E\x88g\x13Z\xdc\xbf`8^\x0b\x87,\xb9\xbd\\{\x89\xc5\x8cx\xe8=\xf7\x90\xc6\x98p\x8ep3\r\x85\x00s\xf3\x00\x80$Q\xb6\xfdR\xb3X\xb9\xe18w\x9d~\xa0f\xef\xf5\xce\xb2f\xc2\xba\x07\x938\x9f\xa4r9\x1e\x94\xe0\xdeo\x88h\x8b\xc24U\xde\xae\xe2Y\xc7)W\xf9\x15n\xd8\x1f\xb6a\x1a\x91\x10\x97#\xb5\x1c\xbdc\xd1\xee\x13\x8e\xb8\xd9\xf4\x7f\x9aE\xbbOP\x8eX\xc7\xcb\xeeB\xc3\xc5\x86\x86\'\x9e6"\x82\x91\xa7\xee4\xa2\xaa\xe6i\x95n\xabuRi\x0e\x8a\\\xf5\xd8\x1fD\x14F\xad\xa9\xb2\xe8\x99D\nKC1\r\x0c@\xc6\x80\x99\x8d\xf9\xa7h\x05\xdc\xc4v5\x1e\xe1\xbd\xe7\x1e"\xa2\xa6#\xb6*r\xd7\x93\xa4\x1a\xdc6\x85\xcc\xdd\xf6\x1cU\x18\xa9\xaf^`\xc6\xc7\xb7]j\xf2E\x8f\xa8MX\x9f\x0e\xa9\x00}\xfb_SN\xbc\xbb\x9f\xb7\x1e\xf9\xc6\x19h(\xecw\xda\xd5\x93\x7f\x99k\xf7\xdd\x10\x96\xb4\xc0\x13\x16\x15;\xad\x90\x863\xf3\xf8\x0b\x1e j\x1c\x87R\x9e\xc4\x1c\x0c?\xf0!jS\x00\xce\\&lt;k\xc1&lt;u\xa7\xd9\xf66\xf8\xc24\x80\'!oWi\xee6w\xbc\xea}\x17I\xa0\xf1\xd0-!J{\xf2\xcb\xc8`\xc3\x84u\x16\xc3\x9cn~|\x99\xf9\xe1@f\xb1=\x7fYqoX\xb9\xf6Ks\xd5\x9e\x1c \x17\x1f\xb8\xae8k \xaaz]\xa8\x96#\x85\xb9\x92p\xe8&lt;5\xb8\x91\xe7R\xad\x17\x05H\xa5\xb6\xe8)\xb2d\xefk\x9a1\xd1K\x06 \x95\xc4\xbe\xc0\x9c\x9d\x9cW\x07\x9fwX\xfcD?L\xca\xe7j\x16O\xa1l\xc6h1\xear[\xe0\xd8\xf3\xef\x8bSlB1\xcdqX\x97y\xe70g\x07\xf6&gt;\xfa?\xb7\xb4\xa23\x1c\x13f&amp;\xcal\x9e6\x18tI\x85N\xcbCR\x96&lt;\xd6\xdc\xb9\xc3\xccD\xd5v\x1d\xfb\xd9f\x90\\5\xe6\xefDX\xcd\xf4\xf4\xd7|\xdf\xfb\xf1\xbe0\xf3w\xbc\x10\xa7\x04\x11\xbfC;!T\x87\xb2\xafXD\xbfn\x06\x00$\x9a\xba\xf6\xb9@\x81C\xc79\xcc\x9d\xc1\xf9\xba\xfb\x8b\x9f\xc72\xc3Z\xac\xc5\x82\xb2\xed\x97\xf8\xcd\x93\x99\x1f9-\xd5\xbf4\x11Q\x81\x9eb\xd0\x8a\xfdo\xd9"\xed\x7f\xf2o\xbf9\xeaQN}\xf9s\xd937\x97\x17\xbd\xfc\x8b\xdb/\x92\xc3\xed\xc7\xb2\x16\xbb\x01\xab\xcc\xd0\x89\xbe]\x85\xc5\xb1V\x05\xc6\xec\xf8\xa3\x9f13_p\xe8\x03"\xba\xf8\xb6\xd3\xe4\xb3w\xcb\xcc3\xb6&lt;\xe5\x08\xb6\xac\x02\x1b\xba\xf4\x8e[N\x84\xdf\xd6\xd4\xb1\xb7:\xfb\xb2g&lt;\xe3(&gt;\xc9;\xde@\x8f\x16\x80\xb4G\xbbZ--\xc4\xac%\x8f\x12l\xc25w\x97 \xa9\xf4,\xecK\x91\xf6\x0e\xf5i9f\x07\x11Q\x9e.\x1e\x1b\x9d\xcfV\xb2T\x1d\x97j\x15\\1\xde\xe1\x87&gt;f"\x1a\xb3\xe6^\xaa4:\xa8\xa4\xba\xfa9n\xbf\xf7\xfb\xa0\xb9\xc4x\xe4S~\xfak\xd4\xa9\x00\x9cY0\xb3\xb1\xd7\xe5\x8ac?\x13\xd1\x8e\x88;\x9a&lt;\xb6\x8a\xb9BGc\xac\xb2t\xb0%\xa3\xaf\xff\xc9\x0bU^\xdc\xd5\xa4\xd7\xd6\x8eNS\xf7E\x1e\x8e^#@\xab\x89c\xed\x82;%d\xa9\x1aW\xa3!\x00\x9a-\xb3Y\x1a\x1d5\x12L:\xa7p\xae\xf1\xe1O\x99\x99\xbb\xcf\xbcFz\xb5P\xe3\xd9\xbe%\xe6\xea\xc4\xcc\xa6w\xe4Q\xab\xee1B\xad\x91\xa2\x0b\xd4\xc3\xdb\x8e\xacE\xb9\xe1\xd6\xf3\xfaI\xcd\x1d\x00\xa0\x89X&amp;F\x07\x03\xed#\x81\xb7\xbf\x1e\x7f\xb9Y@\x9d\xfb\xa6\xc3\x9fQ\x89\x01fx\xed\xbe\x17\x12\x11Q\x9d\xb8\xf3\xd5\xc7\xee\xc7\xfe\x81S\xf2\xbbNh-\xf2\xe0\xc7L\x8e\xddA\xcc\xfc\x8b^\xa62\xdd\xca\x19?k\xb3\x11\xdb"\xd6=\xbd\xd1\xda\x7fLDD\xf95\xb52x\xe2\x0b\xf5]\xb4\x88./\xa8\xad\xca\xd2\x8f\xf3\x00\xc3\xb69\x119\x0c\xc5x\x93\xad\xfa\x84\xd8I\xb1~\xccl\xb4S\xef~\xdb\xb2s\xdd4\x7f\xd1t\xf8V\xe7\xf3\x8fm\xd0\xb2N\xa6$\x1a\xdbw\x9d\xcc\xac\x01\x00\xda\xe4\xecT\xb3\xb7z\xab\xbe\xbdf\n\x84\xbcH]~\xf5\x9b\xe2\xa9\xad\xa40O\x0f&gt;\xfdo\x18:\xa8p\x9bA4\xcc\xff\xc6Y\x84\xb9\xddW"`f\xe7\xa6g\xcd\x1c\xa7mz\\?\xa3Y\x97&gt;=\xe5\xa2G\x85\x80\x82z\xbaEh&gt;j\xbb{D\x89\x17\xc2\x00\x0f-\xac\xb5\x0b\x936&lt;l\x882\x86\x88\x1a\x0e\xde,\xa8T]\xf4\xd7\xeb\xa4d\xeb\x88\xab\xca\x0e\x93\xf6\n\xc1\xf2=\xbb\x89\xe0\xd0q.\xd6|\xbe\xecJz\x8d-\x01pvR\xd2\xed\x82\xb2\xf0\n\xc7\x93\xae\x9a\xa5\xc2\xa2\xa1p*\xadR\xde6\xa8}m\x0e\xa9\xd6c\xadB1\xb7\x01O_\x94\x8d\xae\xbaz\xea+\xb6\xf9\x00\x0e\xbd"g\xe6w\xb4=\x02E\xab\xb7b~\xb3 "\xca\xdb\xcdM\xf9\xbbOr\xdb\xf1n\xb6\xbdJ\xe8f\xe32\xe4+[xeW/G\xadId\xfcv\x99\xdb\x18\x81\x8bv\xbdl\xdcl\xde\xfa\xe7\xe8*\xe0`\xde\xe5\xc7)\xbc\x9f\xec\x8ac?\xabE\xa1\xd7\x0b@\xba\xc3\xcc\x17\xdd\xfa)Q\x0e\xe9\xba\x12\xc57\xec\xcb\xea\xac\x1bf\xe7@F\xa8]\x04\xc7\x82\xa9,U\xc7&amp;b\x81+\x11e\xae2\xd6|n;#s\xea\n\x9a\xc8\x02-#\xc0\x9d\xa6\xec+\xdd6b\xf0R\x7f=v\xc7\xc9\xbe\rry\x92\xab\xf6\x14k@\xed`\xbd\xd2\x1f\x99\x99\xb9|\x07-/\x05"\xef2\x13\xd1\x11mG\xf4\xc3\x96\xddi\x0b\xf9\xccS\xe1\xa8-\xb0Z}68\xad.\x1bK\xf0Z\x8d\xd9i\x9c\x86]\xc9\xd9\x9a\x17\x95\x15\xf2Q\xbf\x02\x90\xe1\x89MP\xf9Cw\x15\xa8m\xa5\x123\xe7\xae3\xd5OF5\xfdD\xd6\xc50w\x1c\xcc&amp;\xc3\xe2\xdd\'\x98Y\xdbXfi\xf5e\x9fO^)\xcd\xea\x1b\xd1\x13\xa7\x15h\x15\x99ZI\x83M\xfds\xd5\x99"\x8d\xa0\xc9$\x97\xdfb\xdd\r\xa7\xcc\x8c\x96\xec}m\xf0y\x87\xe3\xc9\x85\xc8\xe2\x86\xcbf\x15\xabV\x9f\xf5$\xdc\x91`8\x8c\xc8\xf6K\x15\xf30\xd8\xc9\xccT\xb0\x17\x11\xfd\xea2\x11\xbb\xe6\xdaw\xa5\t\xaf}\xf6?7\x99\xaf\xff\xe9m_]\xe4\xcfHv\x95\x8c|\xa5\x0e-\x0c\xaa\xf5X\xab/\x16\x00\x102\xbe\xaa\x01[\xe4\xac\xd5\xc6\xbb\xc7-e;\x7f\xf0#aN.K[\xef\xccrt\xf0\x8e\x93\\&amp;\xac;\xd6t\xf8eb\x88\xd4u\xbch\xc9\xc1\xd8\xf7\x12*\x99\x98\x99(w\xe0\xf4\xab\x0e\x9e\x94\xfe\xe8\x05\x1b\xcd\xf2+\xaa\xf9\xc8mS.\x8e\xcd\x04\x0bb\r\xf5\\6\xadI\xe2\x07\xa7f\xef\xf5N\xbf\xd1\x8au\x03\xc6\x1a7g\xd6%[-l4d\xb3:\xaf\x1f\x8c\x81w\x1f^\x1d#S&lt;\x13,&amp;K\xf3R~\xdd\r\xf1_\tzJ]!\xd9\xa87\xe0\xe2\x02\rg\x12Q\xcb\xd16\xe33\x96\x85\x90\xe8C\x03\x90b\xa2\x1fa\x11"\xb2L\xfe\xe5\xecD\xe1|\xa2\x15\xdd.\xf4_ps\xdc\xc2]Q6\x0b$|\x91\x88\xc2H\xb5\xf3$\xaem!l%\x98\x90m\xf7|\xbb\xe9\xf0g$\xfc\xca\x7f\xb8K\x13\xcd\x1fV\xed~\xbeB\xec\x89\xdf\x98({\xd4\x18HnS\xe1`J\x06&amp;\xea\x02\xa8\xa9\xf4\xaas \xdax\x14\xa3W\x1f\x9d\xb4\xe1!\xbfy1\xf3\x9ak\xe4=Z\'\x86\xe5\x10\x8a&gt;\x13\xa7\xb3^\'\x1f\xf8|z\xce\xa7=\xee\x82\x07|I\x00\x00$\x03fn8\xf8\x92\xc8\x89K\x97\xb4J\xb75Z\xb2\xca\x0e\xf3\x9b{\xbb\t\xbb\xc5-O\xc5\x84y\xe5\t\xf1y8\xf0\xa2\x9a,\xd0\xd5\x0cS\xb0\xfaCa2\xda)p\xe7\x03?\x11\x91\xcd\x1cc\x94F\xce\xe4q\xd6\xbej\xccJ\xc2\xe0\xc2\x9b?\x16O\xfb\xce\xf3\xee\x84E)&gt;b\xc5\x91\xe8q^\x9fZ4\x94\x07\x17\xec\xa5H\xf3\xbb\xf0@|\xed\x9d\xbb\xe8\x96O\xa2\x87\xd9\xfd\x8e\xbb0\xb3c\x1bqNG,\xd75\r:?b\xc0\x1f:\x7f\x0fA\xa3N5z\xad\x93:nBW\x18\x80\xd4\xc0\xcc\xddf\x1c$"\xa2*\xb2\xeb\x15\x9d\xf1=?\xd7\xf3\xf6\xbc\x1aL\x99=\x8f\xfc\x1e,a\x10\n\xaal_\xd88\x16\xaf\x0b\x9a\xac\xfaQ\xdf\xfc\x9b\xb7\x1f\xfdN\x1d\xc7\xf8\x15n9\x91\xa8\n\xd8\xc9%\xb7\x7f\x1e=\xacff\xca\xccD\x85\x15&amp;\xa9\x89(\x98\xab\xbe\xa1K\xef\xd0\xbc\xb5\xdd\x0f\xfe\x12@~\x9cx~\x05Y\xab\xf96\x07\xe6\xf7\xa7\xbc\xee9Y|\xab5\xba\xec5&amp;H\xe2\x00\x00\xd2\x842\xed\xce\xd3\xff\xf2\x8d\xed\x19\x1a\x1d\x0b\x1f\xf5\x8d\'\x0bv8\x17\x8f\x84\xb2\x03J\x7f\x10X\xcb@\xf1_\xd2\xc7Xv\x98\xb1\x8d\xd8\x89cE\xb1\x07\xf7\xbcc\xb7\x97\x92\x84\xda\xf7\x9cK\x9e \xebdj"6&gt;\x19\x07[\xee\xfa\xaa\xd5\xd8\x9d.\x19\xd5\x8fg\xc2;\x18\xceO#o\xbdi\xcc\xec\xf7\x87s\xc2\xcc\x94\xb5]\\"\xfc\xac\xc6B\x07\x17\x804\xa5p\xd39\xc6\xf7\xa9\xe7\x1a\xa8\xe1E\xb7|\xb2\xc1: \x19\x1aE\xfb&amp;B\xaa\xb8&gt;H\xa4\xcd\xb8]\x1a\xa9\xe3\xab\xe9\xbd&lt;\xd2\x90\xd2\xa3\x91\x9d\x12\x03\x89\xa8\xeb\xf4\x03.\x97+\xb9\x84gv\tWa\xf3\x84\xe8\xb6d7J6g\x90\xd0D\x90\xef2\x974 2\xb7\xa1"}|j\x1a\x0ek\xaf\x7f_TF\x9cs\x15\xc3\x9f\xfe:\xa2\xf3\xc5\xb7~\x9a\xb5\xfax"\x9au\xe9\xd3vY\xa5\x06\xcb\x9a\x8cqa.\x05\xb7\x90WbW\x8b\x99\x07,\xbc\xc5\x16\xf8%*`\x00\xd2\x93\xb7\xff\xb1\x94\x83\xcc&lt;1\xb6\x08E2k\x15Fk\xba\xa8\xbc\x0f\x9d\xabs\xdc\x92%$\xbe\xf9o\xf6\xcc\xaa\x06H\xcc\xcc\xa21\xa9\xda\xfd.\xd4H$1F1\xf8\xbc\xc3Q[\xc4\xe1\xb3\xf5\x9eo\xfd&amp;\xf9\x9dy\xf6e\xcf\xae\xbf\xf1C\xa2\x96nqB\xf9i\xd4\xab\xe7\xea\xf4\xbb\xf0\xc5\x9f\x99\xb2[v\x81\x9f\xf6\xc8\xb7$\x11\xbd\xf1\x97\xe6\x00\x83\xddb\xd7\xbaC\xb1\xca\xb2\xe7\xec\xeb\x94i3%\xado\x8aN0\x00\xe9I\xce\xcb\xee\xfe:vV~Dl\xe7n\xd4\x0cP\x84l\xedC\x1a\xf6\x94.\x80\xd2"@\xee^I\x9a\x12\xd1\x15\x91\x05P\x9a\xd8\xf7@33Q&amp;\xc3_\x82\xcf]\xce\xd4t\xc4V\xa9\xd9EAr\x81\xbd\xf1M\x8d?\xf6\xb9\xee\xaf\xd6`Pd9^\xce\xda\x93\xe3\xc9\xd1\xe0\x13\xed\x1f\xcbM\xbdA\x8bo\x0b\x9ay\xc4\xd3\xa2\x1f\x87\xc7\xda[\xdbc\xd8w\xd9E\xc9\xa7\x97&lt;68q\xcf;\xfc1\xf3\x84u\x0f\xfa\xd7AB\x9d~\x17\x1a\xfb\x1ath;\xc1\xcd\xe8\x18</t>
        </is>
      </c>
      <c r="E387" t="inlineStr">
        <is>
          <t>&lt;class 'numpy.ndarray'&gt;</t>
        </is>
      </c>
    </row>
    <row r="388">
      <c r="A388" s="1" t="n">
        <v>386</v>
      </c>
      <c r="B388" t="inlineStr">
        <is>
          <t>steps_per_sec</t>
        </is>
      </c>
      <c r="C388" t="n">
        <v>5600</v>
      </c>
      <c r="D388" t="inlineStr">
        <is>
          <t>5.328063</t>
        </is>
      </c>
      <c r="E388" t="inlineStr">
        <is>
          <t>&lt;class 'numpy.ndarray'&gt;</t>
        </is>
      </c>
    </row>
    <row r="389">
      <c r="A389" s="1" t="n">
        <v>387</v>
      </c>
      <c r="B389" t="inlineStr">
        <is>
          <t>Loss/localization_loss</t>
        </is>
      </c>
      <c r="C389" t="n">
        <v>5600</v>
      </c>
      <c r="D389" t="inlineStr">
        <is>
          <t>0.037008446</t>
        </is>
      </c>
      <c r="E389" t="inlineStr">
        <is>
          <t>&lt;class 'numpy.ndarray'&gt;</t>
        </is>
      </c>
    </row>
    <row r="390">
      <c r="A390" s="1" t="n">
        <v>388</v>
      </c>
      <c r="B390" t="inlineStr">
        <is>
          <t>Loss/classification_loss</t>
        </is>
      </c>
      <c r="C390" t="n">
        <v>5600</v>
      </c>
      <c r="D390" t="inlineStr">
        <is>
          <t>0.28864524</t>
        </is>
      </c>
      <c r="E390" t="inlineStr">
        <is>
          <t>&lt;class 'numpy.ndarray'&gt;</t>
        </is>
      </c>
    </row>
    <row r="391">
      <c r="A391" s="1" t="n">
        <v>389</v>
      </c>
      <c r="B391" t="inlineStr">
        <is>
          <t>Loss/regularization_loss</t>
        </is>
      </c>
      <c r="C391" t="n">
        <v>5600</v>
      </c>
      <c r="D391" t="inlineStr">
        <is>
          <t>0.036711007</t>
        </is>
      </c>
      <c r="E391" t="inlineStr">
        <is>
          <t>&lt;class 'numpy.ndarray'&gt;</t>
        </is>
      </c>
    </row>
    <row r="392">
      <c r="A392" s="1" t="n">
        <v>390</v>
      </c>
      <c r="B392" t="inlineStr">
        <is>
          <t>Loss/total_loss</t>
        </is>
      </c>
      <c r="C392" t="n">
        <v>5600</v>
      </c>
      <c r="D392" t="inlineStr">
        <is>
          <t>0.36236468</t>
        </is>
      </c>
      <c r="E392" t="inlineStr">
        <is>
          <t>&lt;class 'numpy.ndarray'&gt;</t>
        </is>
      </c>
    </row>
    <row r="393">
      <c r="A393" s="1" t="n">
        <v>391</v>
      </c>
      <c r="B393" t="inlineStr">
        <is>
          <t>learning_rate</t>
        </is>
      </c>
      <c r="C393" t="n">
        <v>5600</v>
      </c>
      <c r="D393" t="inlineStr">
        <is>
          <t>0.07997857</t>
        </is>
      </c>
      <c r="E393" t="inlineStr">
        <is>
          <t>&lt;class 'numpy.ndarray'&gt;</t>
        </is>
      </c>
    </row>
    <row r="394">
      <c r="A394" s="1" t="n">
        <v>392</v>
      </c>
      <c r="B394" t="inlineStr">
        <is>
          <t>train_input_images</t>
        </is>
      </c>
      <c r="C394" t="n">
        <v>5600</v>
      </c>
      <c r="D394" t="inlineStr">
        <is>
          <t>[b'640' b'640'
 b'\x89PNG\r\n\x1a\n\x00\x00\x00\rIHDR\x00\x00\x02\x80\x00\x00\x02\x80\x08\x02\x00\x00\x00\x83\xaf^t\x00\x00 \x00IDATx\x9c\xed\xfd\x7fh\x14\xd7\xdb\xf8\x0f_\xd9\x90\x04\x96\xe0\xe6\xeb\x12\xdc\xe0"&amp;\xb8DV\\\x91U"\x06%\xd2\xa0D\t\x96(\x12\x88%\x04\xac\x88H@D\x04\x03"(H@\xc1\n\n\xb6\xb4\x82-\xde\x05[\xacPJ[\x90"\x05)r\xd3\x96\xa7\x14\xb9\xa1\x14)\xdf\xf2y\xa4\xb4|\x9eRZ&gt;\xdf&gt;\xef\xe7&lt;\x7f\x9c\x99\xd93s~\xcc9g\xce\xcc\xce&amp;\xd7\x8b\x9b\xf7m\x93\xcd\xee\xec\xcc9\xe7\xfa}]\x00\x88\x98\xb1v_\x80C\xaa)\xbd\xef\xee\xe3\xb7Szg9\x0e\x9fK\xd9\xe4\xc5U\x12&amp;\xe6\xe5\x03S\x00E\xe6e\xad\xcf\xa2\x7f\xbe~\xcfy\xf1\x1f\xf6M\x10B\xde\xfa\xec\x0f\x80\xe1\xe0gG/&lt;2\xb9\xd4\x16=\xa3\xf3\xfc\x1d\xf3\xaej\xc3\xb1\xf0OJ\xec\x97\xba\xfa\xe1K\xf6ja`\n\x06\xa6\x00`\xe3\xbe\x8b\xfcw\xe7oHq\xcb\t\xff\x9f\x05B\x08@\x83}A\xcf\xe8&lt;\xf4OB\xdf\x04\x00\x004\t!08-\xba\xfc2@\x11\x00N.?\r\xde8\xf4\x15Z4\x82\xdbE\x7f\xb5v\xc7\x19\xfa\xe9\x92\xb7\xb5`\xd8\xbbT\xe5\n|\xf2\x8b\xc6\xda@\x906\xd2!\x0b\xb4\xde\xee\x0b@\xf2\x85\x96\xdc\x85J\xf0b\xfa\xbf\xebv\x9d\x85\xa1\x19\x80\xa6\xe6[u\x8d\xcc\x89~U\xb9\xfc\xc1O]#s\x00\x10\x96U\xc3\x97?\xf8Iq5\x87\x16\x1f0\xffE\x05\xcfp \\\xd9\xeby\xf1\x1f\xe6\x926\x1c\xeb\x19\x9d\x0f~u\xe7\xcb?\xfd\xcf\xad\x03\xb7\x7fO\xdfxv\xe3\xf1+\x00\x00h0?\xae\x01\xd4\xe9\'n=|\xed\xc6\xe3W\xde\x9b\xf8\xef\t\x00\x9b\xf6_R\\9\xf3AT\x8f\xa9\xb37m\xf7\xf1\xdb7\x1e\xbfZ\xb3\xed\x94\xfa\x1d\xb4)\x00\x94\xa8|]\xb7\xeb\xac\xecb\xfc\x0b(\xc6\xbc\x99\xa7X H.\x91\x9fb\xc3\x92\x9f\xb7\x81\x0e\xd1\x12\x90\x84\xf4\xb6\xe5S\xdf\xfe\xea\x1f\xd9\xaf\x08!\x9b\xf6_\n\x049\x00@\xf78\xf8\x82\xf0\xef`Y\xf6O\x02\xc0\xe6\x83W|S\xaf\xf5\xe7\xc2\xff\xfc\x9d\x10\x08\xec\xd7\x81)\xf6\xb7\xe2\xa5\xee\x8b\xf9\xcd\x07\xaf\xf8\x17S\xa1?T\xa8\x0e\x11K\x9d\x10\xf2{\xeb\xc5\x95O~$\x00%\xe6\xf7!\xa5D\xf6\x15|\x8a\x8c\xa1\\a\x7f\xb1v\xc7\x19\xe8\x1e\xef\x19\x9d\xe7\xfe\xb0&amp;x\x9b\xa1\x19\xeeG\xbd\xf4\xe4\xa1\xf2\xd5\xd3r$\xf8\xb6x\x9c\x0cF\x90\x95K\xea\xab\x7f\xe7\xec\xcd\xcc\x04\xf0\'?\xa2\xa4_Y\x0c\xcdp^\xca\xe8\x8a\xdd~\xe4\xba\xc4;\n\xd4\xca|\xff\x9b\xd8U\xd1\xbb\xfd\xc8u\x10\x88\xabJ\xf8?k\x00c\xd07\xb1q\xdfE\x80^\xeaj\x06\xcfC[\x02\x80\x8d\xfb.n\xdcw1xu`e.\x7f\xfc+\x00\x08=\xc3\\\xdc\x81\x97s\xd5\xe0\xdd\xfc\x9f4\xa0{\\\xd7{\xef\x08\x83\x0f\x1a\x9c\x06\xa8\xe8X\xb7\x9ec@ \xc5\x11\xa4s\xb0\x8e\x1d\x12B\x98\xf0RZD\xac\x8aNGy\x12U%\xe1\xb7\xf4\xa8(\x7fka\x92\xb6=X\xd0P\xfdRz{\xdd\\6\xf7pK\x00\xb0n\xd7YB\x88/q\x01&lt;C\xb6\xf97\xf3\x9f\x84\x10\x802!\x04\x86f\x14\xaeW\x1f6\x8d \xd6S\xa5\xfejv!X\xb7\xd4]\xe9\x01\xf4\xd6\xa1\xc3\x0c\xb1\xa4\x03\x97NZ)E+\x15w\x8fX)i\xd2%\x9d\xf0\x84\xef\x8c\r\x13\xb3\xc0\xa8\xe9\xe9\x84xm\xb2{|\xfd\x9e\xf3\xbe\xe7Vf4\x87\x08\x9c\xa8\xfes\xf7t\x9a\xa3\x17\x1e\xbdq\xf9s\xe8\x1e\x07(\xad\xddq\x86\x10\x128\x81[\x86)\x93\x99\x15G\xe4.\x05b\xb5\x17\x06\xa6\x84j\x96\xc4\xbb+vD\x03\x80\xbb\x84;\xa1]\x1b\xa3\x00\x05\xbb\x86\xaa2\xb2\x97\xed\x9c\xbdi}Y\x08\xb2\xd2\xac=DD~\x82\xebj\xf3\x1726\x8f\x0e\x9c\xbe\xcf\xfdl,\x9c\xb8$@\x1d&amp;4\xa4)\xffOO\xdc\xfa\x92@\xcfb\xee\x1e\x07(\x02\xf4^\xfd\xf0%\x0cN3b\x92\x93s\xfd\x93\xdc\x1f7\xc2\xbaZ\xfc\xb3`^\x1fy\x7f^b\x15\xc1w\xe12Y\xcdj\xf2\xb3n\x15t\xc4E"\x88\x80\xd8\xe38\x1f`Zc\xba\xe4\xc1\'\x99\x13\xc6|\xb9\xdbL\xe6\xb7\x08n\xa9(\x11I\x0e!$\xce\x01 \xd8\xb3\x84\x90\xf7\xbe\xfe\xf7\xb57\xdf\r\xffX`\xda\x06\xb1\xa7\xd7\xcf=\x14i?R\xa4U[\x1cJ\xfd\xa9\xaaR\x9e\x14\xb1\x98\xbe\x89\x0e\xf4\x14"H\x0cZ.5m\xda\xe8 E\x10\xb7X,\xe6,B3\x8c\x00\xab\x00T\x19I\x9fR\xdd\xbce\x9a\xfa\xd6\xc3\xd7\xf8\x1f*\x84(\x93w)\xfbD\x8c|!\xe9\xd0\xe1\xca])\xfe%\x88\x05Y\'g\xe5j\x1d\x8aUC\x93\x04@k\xefN\x12\x97f\xea\x05\x02\xcc3J*qe\x15S\x16\xb0\x89\xdc\x00\xb0\xf5\xf05\xbe\xc8\xf8\xbd\xaf\xff\xb5~\x7f\xc8\xd7\xe2DV\x18\xdd\xe3\xed\xbe\x82$\xb4=\t\x16\xe9,\xf2m\xca\x88\xf3\xc2\xf4q\xebUJ\x11*\xd2\x82\x8e\x1f&lt;V\xf5\x0e\xe5\xf0?\xea\xc1gE\x844G\x8c\xc2\x84\x02\x18A\x10$;d\xf9\x89\xae\x1bp\x9a\x85i;\x948\xf9\x17%\xcb\x8aa\x8a\xbc\x10K\xdf\x99\xb1*\x1e%\x82 H\xdb\xc8\xa51T\xd0OS\xca\r*c]\xab\xe9\xa3S\xe4\x8fU+\x1e\xef\xfdy\xe6\x81\x1b\xa4\xd3\xc1\xb6j\xd9\x90\xf5}\xde|\xf0J\xc6\x9f\xe8\x98\xa4\xce\xd8\xb4\xc8\xa5\x00.\xbaNBt\x9d\xd2h\xda=J\xe7\xf5\tVHJ\xe5\x97X\xd5\x89 \x08b\x8dZ\xf0(\xbaF\xa4\xc7jL3\xd4\xd4r\x92+Co\x7f\xf5\x8f(\xf3\xd9&gt;Q\xe0\xd9o9\xd4\xcf\x10\x04ALH\xd1\xd0\xccq/_&gt;YW\xef&gt;X\n\xe9\xf7\xbe\xfe7We\xeeo}\xf6\x87\xe1_\xb4g\x9c\x06\x82 \x08\x92=\xe9\x86\x12\x9c\xb6\xd9\n#r\xd8*\xe62\xa5\xc4\x93_V\xb6\x81\x88yX\x08\x82tJ\x971\xa4}\x10B\xd2_\'\x8e\x1bt\xb4)\x00/\xfd\x16)*L\x08\xd2Y\xc4Mt1\'O\xde9=Vc\xbc0C0c\xb1\xed\xb8-\xe3\x16\xef\x97\xf7\xbe\xfeW\xe4\xdc.a\xe7g\x04\x91\x92\x8f\xf4\xd4v\x9e\xd1\x1dX\x8b\x82 \x11\x14^\\\xb6m\xb8c]3l\xcb6\xb4\'F \x08\xe2\x93\x0f\x19\xdc\x1e:\xbe\xee\x88\xe3\xc2;?\xb4\xfb\x12\x90U\x8b\xb0L\xb9\x91\x89\xdf\x1eA:\x15\xcc\x8a\xecP"vO&gt;GkTS\x9b:\xe0\xd3yQ\x8f\xd5\x04}:y\xadPG\x906BEo\xc7\xf4\xc2EV\x04\xab\xc9\x18\xea\xec\xa6\xf1\x9a4\xa4\xcd4\x86f\x00\xca\x00\xb5;_\xfe\x99\xed%!H\x87\x92\xe3\x8aO5\x8b\xb7\x9e\xdb\xfd\xe1\xcar\xc2\xb7\xa5\xf1E\xfb\xe8\xe0F\x86\xf9\x1eq\xe1\x86\xca\xd1\x0b\x8f\x08!\x98\xf9\x8c \x99aW\xd8\xb7\x1a\x86\xcc\xaf\xd2\x92G\xc5\x00\x9f\xd5\xcb\xaa\xf0\x9c\xd7\x0f\x9c\xbe\xbf\xb2\x14\\\xa4\xb3\xe8\x9fl\xf7\x15\xb4\x99\x8eP~W\xde\x191\xbb\xf4i\xca_J7r\xb1n\xd7\xd9\x95w{\x11\x04\xe9t\xf2\xec-\\M\x81:\x0f\x83d\xb4\xdcK\x94\xca\'?rW84\xd3\x9ex\x7f*\t8\xab\xc1\x7f\x9bCj\x82p\xef\xc0\x14\x00\xbc\xfd\xd5?\xcaM\xb1J}?\x08\x82h\x10/$\x8c4\x12\x81xX\xfe\xf8W\x93wH\x08f\xb6#9"\xf7\n+\x82 \xedC\xe7\x80\xe8\x9c@f&gt;\xbd\x17n\xdb\xadt^\x7f%\x13!$\xb6\x17\xdb4\xb9\xcf\xb4}\x07:\'\x90NdUT,h\xe3&gt;\x19[*\x964O\xc6\xa5{/\xb4\xff\xb6\x9d\xed-o&lt;~\xd5\xc6O7c\xd5gH8o\x03\x97\xfd\xac\x88\x08h\xec"Hg\xb3i\xff\xa5T\xde7Q\xdei]\xff\xa5\x84\x90\xd7\xde|W\xf0\x8b\xf8\x9a\x19\xc7\x92;\xef\xa7\xe1\xaa\xc8\x04^1\xc4\xc6q\xb1\xa3\x00\x82\xd8\x93\xa1\xebr\xa5\x9b\xfb\x84\x90 \x10k"\x05\x9d\xe4\xe5\xe5\xb3%V\x1ch\r\x9b\xb3s\xf6f\xbb/\x01A:\x8f\\\x84I\x8a[N\xb4\xfb\x12V _\xfc\x9c\xd0\xe8\xec \xf1\xe9\xd2}\xba\xf5\xf05\x87\xef\x86(I\xfa\xe0v\xce\xde4_\xa8\xb98\xf4\x10\x04\x11\x90wg\xa9\x06&amp;_a5t\x1d1\xa4{\xbc\xa3\x94\x0f;\x9c;i\xed\x92\xd1\x92/\xbf\xa2\xacp\xe0\xa5\xb7\x0bt\xeb\x8e\xd0\x0c@\x10\'\xc8\xa3\xa4\xb9h\xc5^r\xa7\x83gZ\xc0-\x91\xeb\x9d\x97\x06\xac\x01\x1d\xdb\xb0"\xbf\x9a)12r\xeb\xe1kO~\x11-\x8chpG\xb0+7\xee\xbbh}Y\x01\x9dS\x14\x80 \x1d\x06\xce\xa8W\xb1w\xe1n\xb6\x1f\xc8\xdb\x85j\x17"\xe6\xc2\xb4\x85\xec\xc6Z\x1b\xf8Z0\xb2\x8e \x96\xac\xf4L\xa5\xd5\n\x06\xc3\x90\x8c\x90\x89\xea\x8eh\x10\x8b \n:\xdb\xceX\x011\xd7|\xd0\xd9\xcb \x7fT\xe2"\xc1\xc5,mMm:.\xa8\xdf~/\xd7\xee\xe3\xb7\xdb}\tH\xe7\x11\x1c\xb8\xff\xbfL&gt;.\xad\xb4\x94\xae\xae\xae\x94\xdeY\x83\x95\xd4(1\x9be\xc0\xd2)!R\xbb#\xfe\xff\r\xf0\xffR\xbe\xe0o\x80\xbf\xad\xde9=\x1a\x00\xff_\xe5\x0b\x0c\x8a\xc8\xb3\xe2\xff\xd3\xde\x8f_\xbf\xe7\xfc\xff\xb5\xf6\xff\x82\xf4\x8a\xfe\x11\xa4Mt\x9c2\x9e\x10\xec\xf3\x9ew\x08!\x9d&lt;\xb8WMyu:\x936\x1f\xbc\xc2\xfdl\x8c\x7f\x19!D\xd6A3\xf3\\\n\x041\xa3\x18\x18\xdc\x84\x10n\x9f\xaf6A\x8b B\xda\xe9M]\xb7\xebl\xf2|\xe0\xb7\xbf\xfag\x05m\xe7\x90\xb9/:\xb8(\xb5\xd5\xa9\xb8 \x8eI{\x19\xadt\x17M\x9eg2&amp;A`\r +\x11\xd7I\x00\x1b\x8e9~\xc3l!\x84\xdc\xf9\xf2O\xf6?\x85\xadi^?\xf7\x10\xdbx!\x0eh\x9f\x1e\xe7\xa8sd\xf7\xf8\x1b\x97?\xb7\xfd\xe3\xe4\xc1\xad\x1c&amp;\xd4\xac.\xd6l;\x95\xc2\xbb:\xc9\xf4\xc6\x04\xb7\xce\x83\x10rh\xf1A\xbb\xaf\x02Y5\xac\x02G\x8a\'\xe9\xb7\x1f\xb9\xde\xde\xeb@:\x05\xd1D\xa6\x1c&amp;"eI5\x99\xa7\xba\xfdI\xcb\x08\x92K\xdc\x0f\xce\x13"\x0c\x11Y\xf99\x07\xa6\xd2&lt;\r\x87\xaf~\xf8r\xfd\x9e\xf3\xa9\xbd?\x92)\xe2\xb1N1\x94p\x01\xb8\x80\xd9\xa4\xd8\x12\x00A4\xc8\xb8\xc7\x82e\x91\xd2\xf2\xc7\xbf\xba\xbd\x8e\xc4\xf4J\x0e\xfaN)\xb9AB\x9c\xbe\xf1\xac\xdd\x97\x90\tn\xe2\xb5E=\x85\x18\xfb\xb7 H.\xc82\xc1\'\xa3\x18\xad\xd0\x93\x7f\xf9\x83\x9f\xb2\xf9t\xc412\x8b-\xa6+8\x1f\xf4\xcdu\x8e\xde\xb3\xdf\\\x84\x9f&lt;\x17ZG\xeb\x9a\x98r\x88\xac"\x12\xa6_\xe9\x1dj-\xd7zf3j0\xe9f5S\xe8\xc0t\x8a\x15?\xbe\xc9\x94x3\xbd\x03\x9f2\x92{pU9F\xdaD\xbe\xf3\xb2\xa6W\xfb\xda\xd0M\x92htvO\x95\x8crA:\x9c\xee\xf1\xd5\xbe\x1d\x10\xa4\x03X\xb1\x8d\x93\xecX1]\x1a\xc4t\x8d\xcc\xb55\xc6i\xe7z\xa9\xdb\xfb\x8d\x07\xa6``j\x15.\xf2\x8d\xfb.\xa2\xa3\x0bi\x03\xae\xf5\xbeasG4\xae\xfbT\xc1\xdb\x8bX\xe32\xd4\xdd&amp;\x13S\xa5?%\xe84\x80 j\x06\xa6\x02Y\x98NO\x83\xb6\x90\xd0\xe4\xb2-[\xec\xd4r\x8bR\x1a\xa7\xde\xd1\x0b\x8f\x9c\xbfgg\x92\xbb\xb8C\x92q~\xe9\x0b\xc8\xfc\xa5D\xa1\x7f\x1eY9\xb4\xc1sE\x93Ml6\xf6\xd6\xc3\xd7t^v\xe0\xf4}\x8b7\xcf\r\x8e\xba\x92!i\x90\xca\xe9o\xe7\xf0\xc8uRw\xd6tx\xd3M$\'\xac\xf2\x16?F\xac\xf0Xfn\xe8\xf4\xec\xdc\x8e\xae\xc9\x81\xe2\x96\x13\xed\xbe\x84\x1c\xd2\xd9\xcf\x14AV2V\x1d\x97\x90\x95Lf-\x85\xcd\xcby]7\x86\x8c)\x8fF\x10$\x86\x15\x9e\x83\x93Y&lt;\xb2S\xe2\xe88\xcd4u\xf2+\x96\xf2\xb1\xd9\xfb&amp;\xac\\\x1d\xd9{Gr\x17\xc2GV\x1e\xbd\xed\xbe\x00\xa4]\xe4\xe38\xce\x0bn\xc3\x9c\xa6\xb6\xa6\xfe\xb3\xe8\xf8hH\xe7\xa4MT;?&amp;\x82\xe4\x1a\xcc\xc1Y]`3\x81\xbc\x10M\x9b\xd7&lt;\xe8\xcb\x00\x82$ \x9d\xdcfBH\x1eL\xf3\xb6\x8e\t/\xcb\xf2\xa7\xb0w,\xd2\x06d\xc7\xf1\xd2\xbd\x17\xca\xbf\x0b*\xe7Vo\x1a\xd7\x81\xd3\xf7\x17\xae&gt;i\xf7U \x99\xc1.u\xd6Z\x8dV\x91j\xaa8I4\xa1\xd9\xa5O\xad\xff\xd6\x11\xe5\xd5\xb7\xf7\xa9;\x1a-\x16$\x0b\xd4u;\xac\x13,\x9f\xa3N0q\xb1\x13\xc9\xff\xecX\xd3+t\xec.~\xfd\xdcC\x18\x9c\xc6\xa2\xa0\xf4)\xbe\xf7\xf5\xbf\x82\x1f\x0fN\x87{\xcd\xe29\x83\xa4\x00:d\xd4tJ\xbe\x15\x92\x01\xb8YV-\xbfc@\x07\xd1\x07\xe3\x7f\xce\xc9\xac\xe0\xc49\xbb\x8f\xdfn\xf7%\xacl0\xc1MFnS\x8b1\xdf\nI\x17\xcf\x81\xd63:\xdf\xde\xeb@\xda\r\x8a\x07k*)+\xb2\xed\x8c2\x1e8}\xdf|m\x98\t\xd4\xad\x87\xaf\xb9\x8f[9h\x04[\x04\x80\xd37\x9e\x014\x84\x97\x87\xddU\x91\x0c\xb0=\x97s\x90]\x89\xe4\x83\xfc\xb5\xf3uI!\x07\xbaK\xfb\xb3\x9f6\x1f\xbc\x92`JAn-\xe0\n\xc0\x18\xf4M\xf0\xce\xa1\xae\x919\xf9\x98Q\x04q\xc2\x8a]a\xd1D\x89\x8e\xed\xb7\xd7\xfe\x93\x17\xb1E&amp;\xb6\xd3x\xa6U\xcc\xd2B\x90NA\xad\xd1W\xe2^\x93[}6\xfft\xd4)\xd97\xa1\xf1\xa2\xca\x93_0\xcf\x80%\xed\x1a\x81\xb6\xe5\x8d\xb75\xa1\xc4\xc2\xcb\xa2&gt;\xe5\xf4\xa3\xbf\xd8\xb6\x08\xc95\x1d\xda\xa6\xa7\xa3da\x86\xf8\xee\xb8\xb2\xe4\x90j\xbb?v\x05a\x19\xc8\xcc\x7f\xedVv\xa4\xa0\x16\xf0\x06\x06\xaey\x04q\x8b\x96y\xb7\x92\xd0\xaf_\xac\x80\xc1X\xf2@\xfd\x12Z~\xfc\x0f\xd3(\xa3\x1c\xee\x1a\x99#\x0c\xebv\x9dM\xe1S\xd2\xa0f\xff\xa7\xf9J\xc2\xc8\x95N\xe0\xdc$\xc0^\x1c\x88-\x8a\x9aE\xf3\xc8\xe8\xaa\xcd\xda\xef\xb8\x1d\x98Eb\x14\x95v\xfe\x7f\xf1\xb2$\x81t\xd1\xa4{\x9c(y\xef\xeb\x7f\x93\x8c\xa3\xcf\x01\t\xc3=\xb9\x92\x8bIP}\x91\xc8CO\xe1\xd3\xd3_\xc9\x08\x12\x8b\xe6\xbcz\xc4)\xf9\xcd1V7\'\xd9~\xe4\xfa\xfb\xdf\xa4\x1b5TK\xdf\x94\x0fe;\xa8&amp;\x97\xe7\xf0G2\xf31\x1d\xbb\xfc\xea\x87/\xf9\x1f*\x1e\xf7w\x7f\xe5\xe7\x89#\x88\x16e\x18\x9cV\xbfBv\x90\xed\x9c\xbd\xe9\xferV\x1fkw\x9c\x11\xfdX\xc3\xeb\xe0\xa0&amp;2\rJ\x8b\xb7\x9e\xa7\xf9\xfe\xe5\xe0\xc0=w\xe7\xdb\x9e\xd1\xf9\x18\x19\x1c\xb7\xbc\x8dH(\xd4;g:PNa\x9f\xec\xd6\xc3\xd7\xf2\xadu!\xab\x16wG\xb3D&lt; H\x1b`\x0eYq\x92\xea\x7f\xfdw\xf48\xfe\xe1\xff\xe4\xeaDn{^O\xe0\xdcn\xfb\x95\x18\xf37!\x84\x90\xab\x1f\xbedbC\xc5sw\xbeE\x19\x8c\xac\x00,\xeb(n&lt;~\xe5\xf6:V6\xf2\xd3!\xbf\x07bN\xe2\xa9\xf4l\xfd\x89\xbb\x81\xac\x8exh\xf1\x01\x7f\x1c;]\xa2yv#\xafp\x08!\x8c\x02Q\x06\x80 \xed.\x92\x8e\xa7!\x83{i\x80\x19\xddx\x08\xa2 \xbf\xa1P[d\xf95\xb9m\xbe\xd1\xab\'\xc0\xd2M\xfc9p\xfa\xbe\xa6qs\xf5\xc3\x97"\x93(^\xbf\xe9\xd8\xb6-\xab\x02\xd1\xd3g\x97\\\xc1\xca\x08.\x11Br\xbc\xf5\x90U\x03\xfam\xd2\xa4\xd3\xd5\x88\x94z\xb0\x18\xc8lz\xaa~\xf4\xbdb\x95\x16"/f\xf9\x7f\xec\x97w~=\x13\xab\nB\xc8\xb9;\xdf\xca\x7f?f.\x80K\x84\x90\xd7\xde|\xd7\xd9%"\x885\xc9\x04p\xc7\x95\xeb \x1d\x06=U\xd7\xef9\xef\xe77H\x97\xdc\xe6\x83Wx\x01\x8c\xfaeg\xd2z\xca\xf4!.\xdd{\x01\x00|\x96\xdf{_\xff\x9b\xce\x13G\xf5\x0b\xc9\x8a8\x17\x9c\x1f\xfd\xca&gt;\xf9\xd6i"\xab=~\xadE\xe74|H\x82Q\xb0\xb3\x9c\xaa\x0b\xfa\xef\xf0\x91\xba~\xcfyB\xc8\xa7\xff\xc3\x9f\xb0\x15\xd8pl\xe9\xde\x8b\x1c\t`\x83\xcd\x12S\x08\xb4\x9a3\xa8\x83\x878\xbb\xf4\xe9\xb3\xdf\xa2OS\x18t\xd0~\xe2i\xb4\x88A\x10\x01\xaa\xee\xa69\xb6\x12\xea)_\x18*\xb9&lt;f\x8dp\xd3\xd6H^{\xf3]B\xc8\xef\x84\xd0t\xb0\xd7\xcf=d\x96k\xd3\xcf\x11\xa3\x1a@Ix\x16\xe7um\xcb\xe8\xf85\x99X](\x02\xf4\xee]\xb8\x1b\xfc\xb7\xf7\x10\xfb&amp;\x84O\xb3\xf3\x9f8\x82\xe4\x02\xa1k\xb1\x93\xe7@\xe4\xabw`G\x12\x1c\xa9t\xbe\xf5\xfb\xdf\xc8N\xd8\xe2\x9am\xa7V\x84\x00F\xa2\xd0\x87xr\xf9)@\x01\xba\xc7y\xd7\x82\xf9\x13/\xe4\xb5\x92\x1eY\xf9\xd8\xcf\xfaxI\xc8\x8ah\xd2\xc6\'F\xa5=\xd0\x06\xb1$8Ri\xc5\xd1\xec\xd2\xa7\xcc!\x1bhl\xbd\xaf\x9f{\x18$K\xa3\x00^a\xc8\x1e"\xfbC\xf6q\xbf\x8a{\xe2\x84\x90M\xfb/i~\xfa\xd1\x0b\x8f\xf4/\x15A\x80\xda\n\x00\x90p\xae\xd6\xf6#\xd7\x93_\x0c\x92\x8c\xf6\xe7\xb8E\xce\xbe\x8c\xbb[&lt;\xff\xdf\x84\x10\xf2\xd6g\x7f\xf8\xa3\xac\xeb\xc19\xbb\xfc\xf1\xaf\xfe\xabz\x01\x8a4@\x98\x82\x00\xeex\x9f\xb09\xf9R\xb2\xe9C\x9c]\xfa\xd4\xff\xc1\xf0\x8b\xff\x84\x9e)]$\xda\x8f{\x98\x10\xa2?\x9a\x05\x158$\r\x92\xd8|e4\x19uXa[\x97*d\x99\x7f\xa9\x9a\x7f\xaa\xfa\xc1\x88\x81)\x7f~b\x0bY\xfe3Z\xc0+\x03\xe2\x95\x93\x89\xd3\x03\x83&amp;h\xa7o&lt;\xf3\x155\x04\xe9\x08V\xdd\x90\xbe\xec0R\xb4\x11\x19\xd4\xb7\xbcs\xf6\xa6\xd0\xa3\xf3\xc3\xff\xf1\xd2s\x00\xea\xcb\x1f\xff\xcaK_\xa7\x03E\xda\x927k:\x91Lf\xb2;6\xe5\xd7\xef9\xef\xf6\r\x15\xb4t)\xaf,"\xc8\x1bo\x04eHG/&lt;\xea\xec\x94\x11d\x951LsJ\xdb}\x19\xd924c\xf5g\xce\xfd\x90\xabv\xce\xa31\x9b\xf6_\xa2\'l\xd7\xc8\\\xc4\'\xbf\xf9\xe0\x95sw\xbe\xfd\xe2g\xf2\xfe7\x04\xa0\xc9K\xdf\xff\xfa\xefU\xb6\xbc\xe3I\xc5\xbd\xdc52\xb7i\xff\xa5d\xdd:cj\xb1\xa2^\r?):\xe2\xe7H\xd0\xd4LRM\x97\x93JHd\x05\x82\xf6Y\xc7\x93\xafp]J\x04\xf1]\xe8\x9b\xb8\xf1\xf8\x15\x1d\x8b\x14\xfc\xf6\xd0\xe2\x03\x80\xd2\xd1\x0b\x8f"\'\xf2w\x7fi\xf5\xa1tG`\xa0\xe7\xe7\xa1d\xf4\xf5\xaf~\xf82\x83^\xd9\xef}\xfd/0\xadIY\xfev`HD\xc2j5,\x14FrB\xa7.D&amp;\x1f-%\xa8!\x1bu\x8d\x12B2l\xd9\xb1*\x8c\xe9\xe0\xa8\xa5\xc2\xf8\xf4\x8dg\xeco\x03+9l\x12e{g\x06\xa7U\xeb\xads\xea^\x8a[N\x04\xe6\xa0\xb6\x87l\x98ye\xba\xb7=|Inu\x9dN=\xe8\x90\x95G\xcb#d\xe5\xa6\x96\xa6\xef\xd2w\xcb\xc9\x98\x1d\x13\xa4[\x9d\xbb?!\xfb\x8c*\xec\xa9]U\'b\x99\xdaM\xdb`\xb1\xc8\x1a!\x11B\xbc\x9e\x85\x96\x11\x07kV\xe9\xc4\xa4\x97\xa1\x15\x1e\xe3L\xce\x1d\xe8dF\xda\x81\xbaH)2\'$QE\x93\x88N\xaf\xeep~Clx\xfb\xab\x7f\xdc\xbd\x99\xa1\xf0\xe8\x1e\xcf~\x98\x8cL\xdc\xb2|\xf4=\xd9\xb8\xefb\xdb\x95\x9e\xf7\xbf1\xbf\x00\x07\xeaB\x1el\xb8Nw\xc9\xe4bk#\xab\x15W\xbe2\xf7}\xa0\xd2Hq\xccA\xb8.\xd1\rwvX\xd8t\x10\xd43\x1d6\x1f\xbcb\xfc\xce\x12"\x9d\xf7\x0f\x9c\xbe\xff\'!\x84\x90O\xff\x87\xac\xdbu\x16\xba\xc7sS W\xf9\xdd\\\x03H&lt;\x15\xd1\xa9\xf4\x1d\x98j\xbb\x12\xa3\x87\x03y\xef\xc7,\x10d5\x12=4q3\xb4\x95|[0\xfd\x934\x12\x1cn\x14S\xa5\xbf\xca\xe4\nx\xe7M\xbc\x1a\xc7\xd7.s\x94Hh\xec\xbc\x82lL4\xbbH\x81`\xf1\xb8n\xe9\x13r\xd5\\\xfe\xe0\'\xe5\x8b\xb5\x94\x12B\x08l8\x96\xe0\x92\x10dE\xe1`\x8c\xee\x93_\x8c\xa4\xf8Xzm\xa7\xb2\xac\x98D\x1c\xc2\x0f\xbf;\xb4\xf8@t\xa6;\x08\xfd.\\}\x923\xbd3\xa2g\xb8\xd9\x1d9L\xfeX\xbf\xe7|\xe7\xcf\xedFrB\x07$\x14T\xb3\n\x00[&amp;\x83X(\xec\xdf\xfd\x15{t\xba\x9d\xd97\x0cPt\x1d\xf0K\xed\xa1d\x9d\t\x95\x01\x81\x9dW\xef\x19\x9dw\x94{U\xd0x\x9f,\xe5\x04\xe3\x97\x1a\x98\xcaE\xb0\x06ArN\x02\x053\'\xc1\xb3\xce\x86\x96*\xf2\x10\x7f\x9c\x80+zF\xe7s\xf6\xc8:=\xab.\x0f\xc4X\x99kw\x9c\xd1\xf6?\xaf\xc0\xc7!q\xe3\x0b\xb5\x96"@e\xeb\xe1k\xb40\x8cs-\xe4;\xc8\x82t8F\x96_f)\x7f\x9dV\x9c\xe0\x9a\xdd\xc7o;\xf21\x16\x00\x00\xfa\'\x9d\xa6@\xc7s\xee\xce\xb7q/\xc9\xfd\xa1\x1f\x13$\xa6\xf1\xd7\xacS\xbb\x8d\x88s\xcf4\xed\xd6\x98*J\xa2h\xd738m\xf2qF\xcbC\xdf\xe06z^\xd4\x11\x15\r\xb4\xd3\xe4&gt;\x93\xf7A\x90\x9c"\xf0\x92\x15\xb7\x9c\xe0\xb4\xd7\x8e\xee\xda\xda~e\x82\x10\xd2\x01\xbd\x1d\xf2\x95\xd8Rw\x1d\x08\x08\xb1t\xef\x85\xfc\x97\xcc\xa6\x18\x98J\xe4\xb2v\\\\PH\xac6\xb9\xd2\xba\xda[@5\xa6\x91%\x87 \x1d\x8a\xb1\xa8(0\xff\x9b_\x12\xd7\x8d\xb0D\x0e\xe5\x98h\x9f\xd3\x19\x03\n\xc2z\xd2\xe04\xa3|\xb8{:\x1d\xdb\x12u\xcd\xb6S\xc1\xbfw\xce\xdeL\xe7C\x82\xe1cF\x85\xfbv\x94\x8c\x92\xad\xcc\xad\xc6\\\x05MX\x14\xf6@\x1eJ\xab\x91\x0eD\x7f\xe8t\x96\xac\xd9v*\xc36\x8d\x12\xdad;*\x8d$\xde8SK\xb8l\xf2qJ\xb2\xcb\xc8a:k\xe6\xd4X\x01\xec\x00\xa9\xc3\xc0U\x9c\xa8\xa4n\xce\xfa\xc6\xe5\xcf\xf5\x07\xb4\xec]\xb8k(\x80\xeb\xd9\xba\xf7s\x1dJ@V0\x15\xee\x1fy!\xe8&amp;\xd8\xee\x0b\xe9\x08\xda\xef\xe8\x868+\xc7y\xb7\xed\xf5{\xce\x9f\\~\xea\xf6=S\x828\x1e7\x99B6\x86yM\x04!Dj\xf3iy\xbf5\x17m\xbcY\xd9\x9eS\xa2o\x02%7\xd2n\x04\x06\xa23\x7fc\n\xfb*\x1f\xad\xe3\xd8b\x9b\x0e(\x06sC:\xa7d~\x9aQ\xa8 \xad\xf1\xb4\xfa\xd0}\xa4\x9f\x00a\xed\xff,\x00\xd4\x00\xaa\xe6*B4\xfb\xc9\x8f\xb3\x14}\xa7\x8b\xde\x9d\x17~n\xbc\xe7\x89\xf5\xeb\xa4\x18\xb0W]@\xfeS+\x90\x95N\x03+\xd3\xf3\xcc\xec\xd2\xa7\x99}\xd6\xd1\x0b\x8f\x94\x9esw\x0cN\x03\x80^x\xa2\x99\xd2\xfa\xec\x19\x9d\xd7\xd75\xf5J\xcb\xc4R\xe4\x8b\x9fY\xc5E e\x8f^xd\x98c\x9c/l\xd2#\x8c\x1b\x99\xd1{\x9b\xf7L\x11\x04\xe9t\x12\xa6L\xe7?\xe3:\xb7\x87H\xf3\xf2\x07?%\x12\x03\x1deO8Om#\x84\xbc\xfd\xd5?)\x07\x83B&amp;\xe9ko\xbe\x1b\xf7\xfaa\x93\xf5\x96\xa1\xa7\xc1\xb2aKn\xf7\x0e\x82\x00\xa4\xb3\xf9\x9d\x8f]s\x12\xefL\xf9\xb0\x18\x9a\xc9\xca"\xc9\x95\xc6\x10\x13\x12\xeb\\+\xcd\x0ev\xb6\xc4\x8d\xc7\xaf\x98\xaf/M\xf1u\xdb\x83\x85\xc3\xacGU\xd8\xf8F\x84`\xe63\xb2BX\t\xfa\xe9\xde\x85\xbbm\xfa\xe4\xdc\x96m\xe4\x93\xf4\xd3\xd6\xfa\'\xd9\x91\tLFa]\xf5\xb0\xfa&amp;\x94\x8f\xb2WS\x89q\x9e\xf2fGVYr\x19\'!\x96%\xffF\x10\x17|\xf2\xa3\x99\xe6\xbb\x12-\x1b\xf5\xbe\x92\x1a\xd0|S~-\xda117\xcf\xa4V)\x9b\x1d\xc5-\'\xd8}\xa1\x93\xd2\xbfx\xeb\xb9\xfa5k\xb6\x9d2t\xde\xf4\xb2V\xef\xa1\xc5\x07\x99,3F\x93N\xbdn\xdb\xe0\xeb\x88\x86]\xe6\xae\xfa\x03A:\x88\xbc\xed\x9f\x8a\x95.R\xf0G&amp;\xe4\x84\xf6\xa7\rgIz\xea\xa3\x89\x00\xae@\\\xb2\xf4\xa1\xc5\x07\xe1\x1f\xb4%\xf5W\x9f\x02\x00l\xdcw\xd1\xf8\xef\xd2K\x05H:\xea\x03Ud\xa4\xd3\x88\xfa\xa0\x1c\xb7\xc7S\x90\x9e&lt;\x0b\x0e\xbe$\x82\xca\x89\xea\xa0\x19\x7f\xea\xc5V\x18\x1em\xca\xf3R%l{\x12\xd7O\x95\xc8\xe9&lt;\xa8\xaa\xd3Vn\x1d\x88d\xe5`\xaf\x02d\x05\x90\x86\xc9e%\xe1\xc4\xdbLty\xa1W60\x04\x1bfu\xd9\xd0\xc9h\x00T\x98&gt;b2\xbb\x16\x93}"\xc4&amp;\x94\xc5\xe4\x94\xe8O(\x917\x7f.qn\t\x04I\x85\xa2(\x82\xd26\x9e\xfdFR\xb2\x15\xec4\xfd$Z\xb0\xc9\x8d\xcd2\xe3cuNum0\xbe\x93\xb2mb\xa0\xe1_\xc5\xae\xe4\xc1i\x10$H\x17\x01\x9a\xe6u\xde(\xc8-\xc0\x9b\x86\xe4\x9a\xacc\xb1\x9b\x0f^YA\x9e\x1f\xeb\x99\xa3\xb1\x86f\xdeb\xe4\xb9g\xc3\xb1\x0c\xa3$:\x94Z\xc9\\\x82\x84\xa6\x92|\x17\x0c\xafV\x15JE\xfb\x8a\x14\x10$B^\xfa\x1ep\xe6\x82n\x9b\x9b\x9c\xcf\xca\xd6\xbc\xbc\xa2y[\x1f)=\xa3\xf3]#s\x9d;2h\xb5B\x97\x8a\xc4\xf9\xdc7!\xd1\t\xd4IX\xe5\xbf\tQV\xe1+\xac:\x87\xf1\x94\xb6\xb4\xc9\x1b\x06(e\xa3H\x85\xddWh(#\x9dAI\xb9\xc9\xe3\x1d\xad\x1f}\x9f\xa5\xf9k\x17\xd1t\xde\x81$\xa8q\n\xecZ\xe1=,\xbe\xffM\xfc\xcdI\xb9\xe1\xc3\xca\xc3\xed\xd34x\xb7\x93\xcbO\x15\xce\x1eB\xc8\xb3\xdf\x14\x8f[-\xa4\xdd/\xd1\xdcP\x7f\xeb\xb3?b_\xe3\xfaC\xb1&amp;\x18\xc9\x02*\x90\xda\xa8\xee5\xd3\xf7?\xdb\x08\xdd\xab\x1f\xbet5\\\x81\xfb\x82\x05\x00/\x87\xdc\xef\xb1P\'\x84\x00\xd4V\xf41\x1a\xeb\xa7q\xde\xbc\xa5z\xf4\xc2#\xd7\xef\x19z\x7f\xab\xbf*\xc8\x1c*\x9b\xf6_\x8a\xdb\x0b\xb2r\x80\xde4\x13\x88\xf4\xd7\xa4#?\x96t&gt;#\x82\xe4\x94l;O\xe9{\x84\xe49)\xfas\x8b#\xa7R\x9a\xb1\x1f6\xce\x1a/\xb6\xad*\x82\xc6TUUZ7\x96=\xe6b/Rm\x19d\xb9lJa\x17\x9fEH\xdb8\x0e\xaa\xa1\xdbYT\xb89\xb9i\xf9\xa9\x14\x97\x91\x87fv\xda\xd7\xa0\xb5q\x14f\x06\xda\xbbH\x16HU\xd4\xb5;\xce\xa4\x90\xe6\xe3\xc6\x9e{\xfd\xdcC\xc9o\x9cW\xc8\xa4\xbe\x0f\xd7\xee8\xe3\xf0Vk$]W5\x1aQe\xdd\x94 Rp\xa9\xaf\x8a9\x82\xdd\x05\x19\nB\xa9ag\x9d`\xa5eq\xbeq\xf9s\xdb\xf7\xcf!\xd9t,\xc1\x84G\xa4\x93!\x84\x00\x94\xadN\x16\xed\x031i^F\xdbL\x90\xedG\xae\xbb{\xb3\xd6I\xa1\xcc\xa1m#\x82\xfb\x9cy\xd2\xbb\xf4&lt;\xcd\xf6J\x1a\x00\x9aC\xa3\x8d\xad\xcf\x9c\xf5\xfb\xcc\x83\xf5l\xcf\n*\xca@V\x08\x8e\xb3\x94\x17\xae&gt;I\xfa\x16\x06\xa5\xc3\x9a\xc7A\xe4em\x1f\x8d\\\xe0\xfe\x019\xb8\xaa\x0e$&amp;5=\x99Q\xa5\xbf\x0e\r\x12\xda\xcd\xb5\xc3\xee\xf1\xdc\x97\x12\xc4c\xde}=\xa1A\x8c\xa9\xceH*d\x15\xd2H\\$#S6\x99\xcc^\xe7~\xe6\xce\xf0/\xad\xd9v\n\xa0\xd63:\xaf7\xac\xbe\xd3I\xf5(\xccI\xe3\xdf"\x98\xcf\x1e6\xf1\xcf\xe7\xe4k:\xa5=\tY\xd8\x0b\x0fI\x93\x03\xa7\xef\x1b\xbd&gt;\xbd\xfe\xc3\xcaw\xd6\x11\xbd9L\x1b6\xd7~\xfc\xf4\xe0\xe4\xbe\xaf&lt;\xb7\xf9%\x84\xdcx\xfc*\xc1\x1bX\n\x18\xd9]Mc\xcc\x9f\xf7\x9e*\xb3X\xbd\xaa\xddz8\xd4Kq\xb8\x13\x92\x8f\x82\r\xae\xf0c9\x0c\'\x95\xfd\x04\x054\x8e\x91\xbc"\xcf\x8a\xd2\xc1:&gt;\x94\xcd\x96\xe0\xe3\xd6\xe54\xe7\x1f\x04\x1f\xe7,\xbb\xc4U\x04\x8b\x19y\xab\x8f\xea(\x0c.\xcc4\xeb\x8aV\x13q\xdf+\xb9kdl\xfd\x9e\xf3\xb2\xdfe\x12\x08\xd4\x17\xb7:O\xa1\x1c2\xdd\x06\xa6t\x8a\xc8;\x87\xe1l\x9a\xd2\xe0H\x06$\x03r&gt;\xfe,\xca\xeb\xe7\x1e\xbe\xf6\xe6\xbb\xc1\xc6x\xf2\x0b\xbbC\xf4\x0f\xe2\x92F\x9c\xcc&gt;\x7f\x84\xfa\x15\x96\xee\xbd\xb0R\xc9\xf3\\\x97bm\'\x85\x04\x8c\xc6\xb9&amp;\x123\xdd\xe3\xd4\x0cJc \xbc\xb9j\x95A\xfc\xa2d\x97\xa6\x17\x89V\xa4\\\x19\xdca\x07H\xc0\xde\x85\xbb\xea\x87\x88\x02\x18\xc9\x007\xe7\xc8\x0f\xff\xc7\xcdJ\xf5\x1c\xa7\x81\x86+Qu\xd9\xbe\nK\xf7^8\xb5\x89ul\x11F\xd2w\x8f\xeb\x9fA\xee\xcal\x04\xf2)\x85\xb9\x1a\xa9\xa5\xb0ZZ0\x9aQ\x06#\r&amp;\xd6\xa0\xec\x15\xbda\x03\xa0\x94\xac\xdb\xa8\xec"\x1b\xacj\x98o\x01P\xa2\xa3#\xda}\x19\xe6\x0cL\x01@\xd7\xc8\x9c:\x03\x14\x050\xd2."\xd6a\xa66\xd9\xe6\x83WD\t\x17\xd2}\xeet\x9f\xc4\x8a\xd2B\x92\xbb!)\x11\xb1\x96sTx\xe8\xa4\xbc\xda)(\x16g\xabf\xd2J\xbc\x1fu\xcd\xb6S\xe6\x9f\xde"\xf7\tk\x8a\x95\xe6\xe9\xc4\x9b\xf6_\xb2w9\x0cL\xa5\x93\x0b\x9dEz\xd7\xee\xe3\xb7ah&amp;\x0fm\xed\xd7l;\xd5\xe9\x95TH\'A3G\x8c]|}\x13\x84\x90\x0b\xef\xfc\xb0i\xff\xa5\xf0\xc9b\xed\x9eR\x1d\xfd\xef}\xfd/\xf73\xd9Y\xe3\xd8O\xb8x\xeb9\xf4Ov\x9e^\x9c\xbb\x81\xf0\x16\xb2a\xd8\xd1\xd3l{\xb6QM\x19+q$5\x87fLC\xe3\x92\xac\xecP\x87\xda4;\xa5\xb4\xe4\xdc\xee\xe3\xb7O\xdfx\xb6t\xefE\x82wK\xec\x18\xef\x1e\x07h\x9e\\~\x9a\xab\x81\xad\x08"&amp;\xc8\x8e1\x15N\xe9X*i\x8flKx\x887\xc4&gt;\xd8\x96\xdd/\x964\xbc\xc7L/}\xb7\x0e\xd0\xd4\x1eta\xf7\xd5\xdc\x04\x02{F\xe7\x97?\xfeU\xf6\xdb\xb5;\xce\xa4\xd6|4\xf6\xfa\xeb\x99\x95\xc1&lt;\xf9\x85\xf6\xae\x919Z\xb4|\x0c\xf2i\xf3\x06\xac\xd9vJ\xf18V(\xbd\xdcW\xee\xd4 7\xd2\x91\xe8\x17&amp;Ed-\xf1I\xe1\xa24q^(,C`\xa0\xb7\xbe\xbe\x1f\x1a4o&amp;\xc0"p\x1a\xfb\xdd+Y4\\\x82\xfd\x93\x00\xc3\x8a,_\x87$~\xfa\xed\xea.\x12s\x1b#\x8a\x8ee\xd9\x92@\xeb\xea\xb5W\x16\x1d\r\x08\xb1%Oc\x89\xb9`\xbcU\xfc\x02K~\x91\xf6\x11\x1c\x9d\x9a\xba3a\x00\x00:&amp;L.\x80\x9b\tvl4\x06\xa3&lt;\xe5\xdb\x93B\x1c\xb9\x1b\xe9P\x8b\x96\xf6\x0eL\xe9\xb7\xe1\x94\xcb\x8c\xde|\x0e1t\xda\xa7\xd3\x1aY\xec\x9cq\x14\xb7=T\xd9\xf6\x0b\xc8\x8c\xfe\xc9\x14\x94\xec^\x80\xc6\x9am\xa7\xb80M\xfd\xdc\x9doQ*#9E(o\x94\x12\xa8\x94\xf9H\xf9\xd8\x90a\x11\xe2g\xe8\xf6r^\xd9\x06\xaf\x13l&gt;x%}\xeb\xbf\xaa[O"=\x91\xa3\xa7\x89\xcc\xff\xaf\xfa"\xdd\xe3mHK1k\xf7]\x86\xa1\x99T/\x92]3i4\xf1h\x1f\xcd&lt;\x8bs\xba\xcb\xcc{\xbf\xab\xc3\xea\xd4\xc3,nT\xdey\xd9\x1e\xc8\xea\xe1\xce\x97\x7f\x9e\xbb\xf3-\xfb\x93\xdf\xa5\xebU\xa1\xb7\x86\xbd\x8ef\x8e5\xd5!\xebf\x04\xec\xe0\xf4\x9d/\xff|\xef\xeb\x7f\xfdm_\x84\x81)\xd3&amp;\x82\x8e\xa8k\x1f\x07\xf1\xd9\xcb1\x83\xcd\x15\xaaR\xdfD\xfeO\xa5\x93\xcbO\x93\xd5\x08\xc5\x12\xef*\xcf\xc6\xe7\xbf\xba\xe8\x9b0L\x19\xa1b\x95;|\x06\xa7u,\xe9\x9e\xd1y\xb4\x80\x91\x1c\x12\xd6\x16E*s\xbaE -\x15X\xedpv\x96\xef\x9a\x82.\xacQ\x17\xd47\x01\xd0k\xfe\xb9\x1d\xdf\x88\xdf\x11\xdc\xd1\x19\xf21\x16\x139\xde\x19#L\xaa\x8di\xaa\x92m\x0e\xe5\xbaB\xa4\x91\xb4\xbeZ\xbabL\xfa\x08\xa4z\xa4\x8ewd\x98\x10\x82\x19X\xc8\xca!K\xcbI/\x0bCq.\xb0[\xb4\xd6F\x9b/\xc9G\x1f\xbd\xf0(\x1f\x91TWH\xf5-\xcd\xec\xe88\xa1\xab\xab\xb1\xf5\x8c\xceS\xe9b\xe2\x7fno\xf9S\xa1\x1d\x1d3\x12\x97\x8di\xf8\xc3\t!\xcc\xc2\xd0\x89\x10W\x95\xf9(\xfe\xaf\xba\xc7M\xfb\xe4#H;\x89+\x98+\xc6\xb8=mh\xed\xf0\xad\x87\xaf\x85\x0e\xe8\xc4\x95\xaf\x84\x10\xff\xfd\x1b\x92svX/`\x16\x12\xf3q-\x0f\xdd&amp;\x97j\x1e\xfa%\xee\x1f9Aa\xa9h\xde(\xa3\x9c\x1d\xa5\xf3`\xc3\xb1D)~\xed/\xc5\xb6\r\x8a\'\x9d\xb7\x9d\x84\xc8\x82\xac\xb9\xd0c\x94+\xc77\x9a\t!8\xf1\x13I\x9d\xcd\x07\xaf\x84\xd7t\xbe&amp;\xf4i\xda\x7f{\x17\xee\xd2&amp;S\x84\x90\xb5;\xce\x98\x8b\xb1\xba`\xb31\'f\xc4\xc7\xb5q\xdfE\x00\xf0\x9dT\x15P\xa6\xec\xae\xddq\xa6\xdd\xd6O,\x85\xf0Ig\xe90L\xb3\xe70ok\xc6&gt;b\xfat\x0cV\x02!d\xfd\x9e\xf3\x1a\x03\xed\x93\x9a\x92w\xbe\xfc3\xe1;\xa4L\x8c\x9e\xe1\xef\xca\xde\x8c\xe3\x1do\\\xfe|v\xe9S\x87o\xa8&lt;^\xf2Tg\x85\xacL6\x1c[\xb8\xfa$\xc3\xf2Y\x05Z\xcaf8\xaf*\\\xbb\xb9\xe1\x187\xf2\xa5\x9c\xba\xe4\x1b\x9c\x86\xc1i\x80\x1a\xb5ks\xd94Got\x0c3\x061aURJ\x03\xa3\xb8\xe9\x8aqG\x7f\xf7\xf8\x8d\xc7\xaf\x00J\xa6\x96\x9f\xe8Pv\x1c\xc2$\x84\x00\x14h\x8c\xdf\xe8\x0fO.?m{\xd2\xb5i\x8eZ\x16\x00\x00 \x00IDAT\xaf}&amp;\xc5"\x93\xd1O\xc5H!\xbf\x9d\xdf#\x81\xdd\xdfN\x07\x00\x82h"t\xc6\xe6\xa2\xa4!\xb1z18\x1d\x1c\xca\xb2\xb1n\xb4\xe7\x86i\xbc\xd6\xd1a\xaaV2:\xb0W\xbe;,"\xe8\x82?1\xc8\x93*\x18\xac\xb7\xbe\t\x80\x92\xa9\x9f\xd3+\xd3\x8f\x91\n\xb6\x0f]CWkcv\xf7\xd2\xbd\x17\xf9\xcf\xc0G\x906R\x04(:\n%\xba\x0e\xc0x\xd6\xaa\x0cj\xe5\xd4\x04\x87\x17\x93t\xcd\xed\xff\x90\xf0\xfb\x9b\x10\xdfP\x13\x9e\x80)\x8d1.\xe7\xfeT\xca\x83\x8b\xc5#\xf6^I^ 7\xb8%\x8b\xca\xc6\x91 x+\xde\x11:\x0c\x83\xd3\xb0\xe1\x98\xde\xe0\x10m\x12u8wn\x92\x1a{\xb6/\x7f\xf0\x93\xd6\xeb"\x91\xf8\xf6\x07\xe6\x91\xd5J*\xa7v\xf7\xf8\x85w~\x00\xa8\xbb\xe8HU5l\xe5\x18\xf7\x89}\x13Zq\x1d\xc6\xb6\xe0#\xbb\x91\x9b\xf6\xc9\x8fD\x7f&gt;LFb2\xa7e-vg\xb4\x93\xbef\xea\x8f\x8ey|\xbe\xa7T\xf8\xb2^\x80\x8a\xcc\x03\xe1\xcf-04F\xa36h\t\x80i\x12\xde7A\x9f\xaf\xb6\x1f\xd8\x95\xff#\xf2\xf5#\xb2?\x0f\x13\xacu\x82M8\xd7\x08\xc9\x08\xd3\xd8\'\x95L\xbaF\xa7^\x82~D\xda\t\xed\xbf\x8a\xe4\xdf\x02\xfe\xe6\x8aq\xdf\xfe\xea\x1f\xfa\x8f\xd8\xfe8\xc5-\'\x08!\xe9\x9bb17\x90\x8f\x8f\xce.}\x9a\xc2U\xc9\xefd\xeb.\tV\x88M\x07]\xdd(\x83s\xeb\xdf,.\x9b\xc0\xdb\x1f#\xc3d\x96\xae\xbfV\xcb=\xa3\xf3\x00\x05\xcd\xfc\x80\xe2\x96\x13\x8b\xb7\x9e\xfb\xb9\x0e\xf4\xa6\r\xf3\x1f\xd1\xd6\xea2\xfe\xce\xbbJ\x9e/\xbc~\xee\xa1\xe4W9OcD\x105\xe96\x06R &lt;(\x05"G\xa2\xd4\x87\x9cQR\xb7^\xf7\xb8\xbaEb\xbc\xf5\xa9\x9cu\xe3\xcexu\xebW\xd7HY\x8f~\xaf\xe0O\xbc\xe7\xf2\xf6W\xff$id\xfd\xc6\xe5\xcfM\xff$\x934"\xbeWL1\x15\xf5K\xbe\xea|e\xab\x04\x83\xd3\xd0=nto\t!\x1f}\x1f\x94\xb7*t\x17\xb9\xabV\xac\x8f\xa6\x14\x04\xa1\xac\xb0\x0e0\x98\x05\x8d\xb8\x80\xdb\xf9\xadc\xe8\xea\x87/\xe3\xfe\xda\xf6\xcc\x1a\x9c\x06h\x024\xf5\xeb\x9a\xd2\xf1\xd0\x1a;\xc7.\xbc\xf3\x03\x08\xdaX:;\xb9\xe4_\xd3\xa2\x00\xcc\xfa\xc8kYu\xb2\x9e\xdeNz\x99=\xf9\xa5]\xc1\xe9\xb6\xa7\x9eE\xfb\x86\x12B\x12D\x1c\x0b\x9f\xfcH\xa7l\xb1\xdf\xcb\x93\x10\xbb\x8f\xdf\xde~\xe4\xba\x9e\x86]d\x9c\xc9\x1dgS\xea\xc6z\xdc\x90u\xe3z\x04q\xc7\xda\x1dg\x18\xcb \xe1\xce\xe9\r\xbf\xc3\x98\xc8\x0e\x16\xb6ll\xfb)\x9c6I\x8b\xb6\xa9\xe8\xe5|\x0f%\xf6\xb7\xc9&gt;A\xff\x94o{\xa2\x96\x8e\x1f\xd5H\xe3q\xde\xc6\xa1\x97\x95\n\xef}\xfd\xaf\xff\xcf&lt;\x84`3\x84f9h\t\xc8Jx\x01+\x1eq%\x7f]h\x90\x95\x8b\x93A\x05\\i\xa6\x80\xad\x87\xaf\xbd\xcc{\x8e\xae\x0e\xb1\xa2\x8e\xaa\x08\x96R\xc4N\xd4\xf9NNEj\x89*\xeb\x84~(\xd7=\xa3\xc2\xbf\xe6U\xdb\x9e`\xaeZ\xe1\xe7\xf6\x80N\xadaS\x1b\xca\x08\x83\x15+\xd3*\x9a\xb1\x8e\x84 ,rh\xf1A\xb0\xadd\xf9\r\x11m\x9e\x10\x92\x8f\xe2I\xa4\xb3\xb1W\x8a\x99l\x91\xf0\xc6\x16\xad\xfb\xe2\x96\x13\x00\xf5p\xbar\x05\x00\xbe\xf8\xd9\xee\xc8vk\x06\xb5\xaa\x86T\xe2\xcd\x99\xaf)\x99\x9b\xda\xdc?\xb9w\xe1.!Dl\xe8\x0f\xcd@\xeb[\x8b%\x87H\xea\x97\xf9\x17\xe0P\xb6\x9c\x91\xdc\x13\xab\xe98I\xb1\x98\xd8\xa7\xe1\\\xdau\x8d\xcc\x05+\xf6\xa5\xf9\xd2]\xbc\xf5&lt;H\xedD\x90\x0cI\xd0\xf0%0\x85\t!Ir1\xd4uG\x84\x10?\xd0\xc5\xab\x17\xe2y\t\xc1\x0f\xaf~\xf8\x92O\xf2\xda|\xf0\n\xc00\x0c\xcd\xc8\x8e\xa4\xd37\x9e\xa9/X\x948\xd6\x0b@\xbddA\x12G\x81\xf3\x90g9\xdd\xa1"\xb3\x83\x83s\xea\xb57\xdf\xfd3t=\r\xda{$\xcf\x02\xf8\xe4\xf2\xd36}rh\xedE\xefL\xd6\x81C\xbb\xba\x1a\x99\xa6X\x0b\xb9\x1c\xb20\x04\xdd\xd6\x05U\x01`\xe3\xbe\x8b\xa4U\x8eO\x1f\x90\x91\xeb\xa2\x04P\x03\x18\xcb:\xe4\x8c\xac04\x0e\xcd\x84\r\x1c\xcc\x8c\xec\xd8\xdc\xd75\xdbN=\xfbM}=ea\x91\xeb\xce\xd9\x9b\x00\xcd\xb8\xefR\xe1_P\xdcr\xe2\xe4\xf2SE\t\x13\xfd\x13YoE\xaak\xfb\xff\x15\xca\x99\xfc\xe8{&gt;\xb0*x\xe7\xf6\x12\x08\xd7\xd7\xcf=$\xe1\xb6\xc9W?|)\x11\xc0\xf9i\x15^\x0e\xf9K\x12\xf7\x0b\xb4\xe8\xb0\x18\t\xc1\xbc\xf6\xe6\xbb\xadK\xb2*:P,E\x967.\x7f\xbew\xe1\xee\xf6#\xd7\xdd\xae\xa2\xd0D)U_\x8e,\xd3\x83+\x00\xb0i\xff\xa5\x97\x84\xec\x9c\xbd\xb9\xfd\xc8\xf5/~\xa6\xabQ\x1d\x9bH*\xd7\t!=\xa3\xf3\xe8\x8bF\xd2\x85\xaa\x87\xf9\x99X\xa7&gt;PhDG&amp;\xc8\xad\x0e\xa3\xa2\xe2\xbc\xf3\x04\x8fo\x0b*\x1a\\\xf8-\x17"\xd4\xd9\x0b3\xbc\xbcX\xe5\xc6A\xde\r\xe1\x08~u\xe7\xcb?\xb9_\xa5Z\xc1\xa2 \xe3\x0c#\xf1\xd9\xed5\x80\x94S\xdcr\x82\xad\xf45y\xdc%\xfe?c\xb7\xa4\x1fz\xe0\xf5\xa1\xb1&lt;)I\ti\\x\xe7\x07~\x95\x06\xa4;t\x1c`\xc5\x15V!+\x13\xfe\xcc*\xb1\x82m\xf9\xe3_i8\xf9\xc6\xe3W\t?i\xdd\xae\xb3\x92\xa3\xadN\xf7\xaa\xe2o\x05\xbf\xed\x9bP&amp;\xb0T\xa9\xe0\xf9\xee/\x02\x1b\x8em=|\x8d\x10r\xe3\xf1+\x80\xba\xe4\x98\x96f\xfc.\xdd{a"H\x0c\xf4\xf7$\xb74r\x9c\xf1\xb9rB\xd9\xac\x85\x17\xcfn\xdd\xdb5\xdbNI\xbeW\x91\x10\xb2\xf9\xe0\x95vx\xfcRL\xaa"\xd2\x99\x16\xc5L\xda\x1ff\xae-\x19y t\x1c\xf5\xfd\x93\xec\xf2[\xba\xf7\x82\xfai"\\\xfe\xe0\xa7\xe0\xddXyLb\x07a\xb5\xad/\x02\xb2\x1a\xc84\x16\x15\x15&lt;\xa2\xa3gX\xd9\t(\xf9y\xd1\x00c+3\xde\x03\xdfzA\xc8\x19\xc5\x8b\x8a"\x0cL\xf9VK\xba\x89\xbb\xc6\xb2P\xeeF\x0b\x8c\xdc\xc8\xcf\x03\x83\xde^\x00\x8b1\xb3\xcc\x92\xabk)!qx(h\x10\xc2\xb4,U\xb6|\xb1\xa2\x04\xd0\xde\xa1=E\xc7U\xc5\xfd\x93\x8b\xb7\x9e\xfb~\x97\xd2\xda\x1dg\xbc\xc5\xc3\xa5&amp;&lt;\xff\xdf\x84Qm\xc3)\x9c!\x97U\x03\xa0u\xe7\x17\xae&gt;\xc1\xb6\x94Hg\x12s|d\xdf&gt;\xc6\xdb~\xb1\tS\x1c:\x92\xb2\xa0\x1d\x1a\xf4\xf6\xb3Q\x9b\'\x7f\xf4\xacZ\xff\x88\xfc\xb6\x00\x00\x9f\xfc(\x10\x8a\'\x97\x9f*\x9dr\xf4\x88\x0c\xa5\xb6\x8a\x84k\xeb\x14[\xfe\xf8WB\xc8\xff\x93i\xb8\xba%\xa4\xd3w0ZS\xb1R\xf8\xd2\xa3\x08\xd0\xbbr\xa6\xe6\rL\x11B\xee|\xf9g\xa0\xb2\xd0\xf9Kkw\x9c\x01\xa8\xae\xddq&amp;"\x83\xb5&amp;\x04o8\x167\xe6\xb9\x88\xad\xaf\x90\xccH\xea|\xdb9{\xf3\xbd\xaf\xff\xd5\xa9\x03\xe6\x10\x99AC3\xb6\xe6N\xafH\xf5.\x02\x14\xda\x9b\xc4(&gt;\x9a\xbb\xc7Mrwc\x8f\x03\xe6!v\x8fKZ\x91h\xb0\xe1\x98\xec\x0f\xdd\xd9\xbe\x88\x98\xef\xfe\x92\xdd\xde\x15\xd6[\xc3\xc0\xc5EW\xdd\xce\xd9\x9b\xbe\x06FU\xdb\xc6\xee\xe3\xb77\xee\xbb\x08P\xa1\xc6q\x00\xdb\xd2@\xe1f\xd3\x18N\x15:1HJ\x83\x87\x11D\x13\xeb\x03\xdd\xe6\x83\x0c\xfe*\x14\xb5\x95\x15\xed%\xec4"\xfc\xee\xfa7\xe4\xb57\xdf\x95\xe4N\xe7\xa0\x99\x83(&lt;A\x08a~^\'L!G\x04&amp;W\xd6I\xa0\xb1\x94D\xd8\xd8L\x8f\xb0#\xcd\x90!\xbf\xae\\\r\xbd\xef86\xed\xbfD\x08\xf9\xee/r\xf5\xc3\x97\xff\xf5\xdf\xe4\xf9\xff&amp;\xbe \xac\x9c\xbb\xf3\xad\x7f[j\x8b\xb7\x9e?\xfd_\x9e\x00\xfe\xbfe\xa5\xf06\x14\xd0\x0eF\xb2%a\xb4\xd8kF_\xd3\x88\xf0\x95E\x1f\xd7:|u\xec-BH\xcf\xe8|l\x91O\xde\x19\x9aY\xb3\xedTj\x992c\x00\xbd\xcaF(\xd2n\'l\x9eK\n\x17\xc6+\x1fy\xb10\xe4CxT\xbc\xf7\xf5\xbf\x1a\x82\xb9h\x9e\x96\\a"\xf7\x1d\xd7\xb19\x114\x95\xf2\xd3\xff!l\x16\xfe\x7f\xfd7\xa1\xe5\x82\xc1\xb2\\\xbc\xf5|\xf7\xf1\xdb\xc1\x0b\xf4\x86\xb3\xf1\x08\x97\xdf\x8a\xc9!G:\x00U\xe7)\xedS\xb8\xf2\xda\x9b\xef2\xdbC\xa6\x8d\x8a\x8e\x12F\x1e\x13\xedq\x81TM\x0e\xff,R0\xa0\xb9\x8b\xf4\xcb\x0c\xb8\xbd\xda?\xf9\xd1\xf7\x99\xbbg\xe3\x8e{\x1a-\x03\x00\x85\xa9\xad\x7f\x9f\x13B\xc2\xf5W\xcc\xb5\xb5\x05\xb5\x9d\xedD\xce\xe9\xbcI54t\xcfY\xe06\xa6\xe7\xa8\xa3OI\x1dB\xc8\xef\x84\xcc.}\xfa\xd6g\x7f\xb4t\xc1\xc1i\x1a\x18\xf6\x8e\x8b\xbe\t:]\x94\xc5\xea\xd34\xb7\xff\n\x0b\x07 \xa9\xa3+W\xac\x82\xb8&lt;T\xdaU\xe3\xa2,jsG\xda\xb0I\x84\x96\xfc\xb8\xf0\xce\x0f\x1a\x81\x9f\x08\xc3\x81\x8b;2h/\xe7\r\xea\x08!\x9aR\xc4,[-q:\xbd\xac\x8d\xc9\xaad\x0c\xa0\x02}\x13a\x81\x914m~\xe9\xde\x0b\xff\x9f\xb2\x02\xb9\x10y\x96\xc7\x17\xde\xf9\xe1\x8b\x9f\t\xc0\x18\x95\xb8\x94\xb0\xbb\xab\xc9w\x89\x91|#a\x16\x88\xce\xd1\x81F0\xd2\x0e\xe2\x12\x05=\xec6\xb0Z\xd8\x13B\xd6l;euX7_{\xf3]\xe5\x0b\x0c\xfc\x9c\xecW\x8b\xfb\x9a\xc1\xf6N{\xbb\x86\x83R\x197;\x94\xb7\x1fI\x95\x8d\xfb.\x86\x1e\\6U\x9biw&gt;\xf2\xa6V\'$\xaaf\x9d\\~\xea;&lt;\x1a\xdb\x8f\\\x8fu\xf5\xa7\x16bHN\xf1\xe8\x85G?\x11\xb2s\xf6\xe6\xc6}\x17?\xfd\x1f\xd252\x172@\x87f\xf8,h\xe9\xd7\x91\xef\x94sw\xbe\xe5\x7fH\x08\xb9\xfa\xe1\xcbC\x8b\x0f:;\xbc\x85t \x9e,1)\xa1\xb1q\xcbp\xfb\xa4\xc0\xfeJ\xa7\x9c \xbc7\x8a\x00\xd5\xc5[\xcf\xe9\x04_\x05\xa7o&lt;K\xe1\xc4\xa1\xc7\xdc0\xf3\xbf\nj=\xa3\xf3;go\xc2\x86c\x86\xb6~\x88\xad\x87\xaf\xd9\xfd\xa1c\xfa&amp;\x12\xfal\xcd=\x13\x90ns\x89\x8cjx8\xd7\xd4\xd0\x8c\xda_\xb5i\xff\xa5\xa8\xeb\x9e\x93+lj\xbdp\x9d\xb3?|\xf6[z1~1&amp;\x8bv\xd8\xbf\xb6&amp;@\xaf\xe8\xce\xd4\x85\xd2W\xf2u$\x9a\xb1_L\xcc\xcfAZ\xbf\xe7|2\x9f6\x82\x84\t\xf5w\x95\x10\xac6\x85\x80t\x87\xf4=\r\xfb\x1b\x14\x00\xbc\x92A\x1d\x97\xbb\xc6\xa6\xd2*[\xf2[\x12\x8e\xb1\xfd\x8c\xfc+\x8f\xc9p\xa6\'\x8b\x95\xecq\xc5\xb0\xa3\xa0CR~\xc7\x03\x0e\x00\xa0\xee\xbcm\x0b?\xce$"Q\xa82\x9a\xb1\x80Y\xb7\xeb\xac\xa6s\x8b\xb9Z/\x95$l\xad\x16\x84\xd2\xf7\'\xe9\xd7)\xb3E\x13q\xd7@\x8d\x8a\xdev\'+ +\x04\x99D\xa1?\xe7\xb3\xedk\xe9\xfa^\xba\xc7\xc3\xd3\x0b\x1c\xc4\xa2\x08!:\x1a\x06@\xd3\xbc\xabC\xe8\xfe0rK\xa0@\x1c8}\xff\xad\xcf\xfe0|\xff\xe08\xc8v\x10}\xee\xda5X\x17\x90D}0\x99\x08\x15\x85\xbcl$\x9e\xcb\x9bJ\xe7a\xa1IG\x08y\xff\x1b\xeev\rN\xa7\xe6\x84/\x10Bt4l\xdaa\x86\xb4\xe6\x9e\x8d\x85}-b\x0bX\xf5\x8el\x0c\xc5,|3\x8cv0bIL}\xe4\xe0\xb4p\xdaI8\x9b\xdf\xf44\xd1\xf1\x10\x8eu\x8d\xcc1\x9a\x81\xcc\x8dY\xd1&lt;\x97\xbf\xf8YkW\xc7\t\xe9\x12@\x81\x1e\x7f\x8c\xa0\xed%~ur\xd7\xc8\xdc\xe5\x0f~\xd2\xb9\x1e]\x14\x81\xd5\xbc\x0f`1\x92\x97:\x1e\x94FK\x94j\xc5\x9b\xfd\x17w\x8f\x9bI\xac\xf0\xe1\x9b\xc2\xd9\x9a\x97\x92*\x9e\x97a=\xd5\x17Z9M\xeee\xc4j\x85*\xa9\xc5-\'6\xee\xbb\xb8\xfb\xf8\xed\xd9\xa5O\x8d\x05\xb0-[\x0f_\xc3a\x0cHz\xd4\xa5\x0b\xd7*\xef\xe6\xea\x87/5^U\x05\xddtb\xad\xa5\xff\xd1\xf7$\xb6\x16h\xdd\xae\xb3~\x96\xd6\x98r\xbbF?1\x1c\xbb27\xd4\x84\xa2\xb4{\\~\xf0Y\x9a\xc2!\x9fv\xdf\x04@\x9d\xfbh\x83\xa3\x96\x96W\xee]\xb8\xcb\xdc\x10\xfe\xbb\xf7\x02\xc0\xf6#\xd7w\xce\xdeT\x98\xd4\xd9u\xc9\x00\x08\x07\xfc\x04\xa3\'\x01\x80</t>
        </is>
      </c>
      <c r="E394" t="inlineStr">
        <is>
          <t>&lt;class 'numpy.ndarray'&gt;</t>
        </is>
      </c>
    </row>
    <row r="395">
      <c r="A395" s="1" t="n">
        <v>393</v>
      </c>
      <c r="B395" t="inlineStr">
        <is>
          <t>steps_per_sec</t>
        </is>
      </c>
      <c r="C395" t="n">
        <v>5700</v>
      </c>
      <c r="D395" t="inlineStr">
        <is>
          <t>5.426127</t>
        </is>
      </c>
      <c r="E395" t="inlineStr">
        <is>
          <t>&lt;class 'numpy.ndarray'&gt;</t>
        </is>
      </c>
    </row>
    <row r="396">
      <c r="A396" s="1" t="n">
        <v>394</v>
      </c>
      <c r="B396" t="inlineStr">
        <is>
          <t>Loss/localization_loss</t>
        </is>
      </c>
      <c r="C396" t="n">
        <v>5700</v>
      </c>
      <c r="D396" t="inlineStr">
        <is>
          <t>0.0044119153</t>
        </is>
      </c>
      <c r="E396" t="inlineStr">
        <is>
          <t>&lt;class 'numpy.ndarray'&gt;</t>
        </is>
      </c>
    </row>
    <row r="397">
      <c r="A397" s="1" t="n">
        <v>395</v>
      </c>
      <c r="B397" t="inlineStr">
        <is>
          <t>Loss/classification_loss</t>
        </is>
      </c>
      <c r="C397" t="n">
        <v>5700</v>
      </c>
      <c r="D397" t="inlineStr">
        <is>
          <t>0.1683718</t>
        </is>
      </c>
      <c r="E397" t="inlineStr">
        <is>
          <t>&lt;class 'numpy.ndarray'&gt;</t>
        </is>
      </c>
    </row>
    <row r="398">
      <c r="A398" s="1" t="n">
        <v>396</v>
      </c>
      <c r="B398" t="inlineStr">
        <is>
          <t>Loss/regularization_loss</t>
        </is>
      </c>
      <c r="C398" t="n">
        <v>5700</v>
      </c>
      <c r="D398" t="inlineStr">
        <is>
          <t>0.03678214</t>
        </is>
      </c>
      <c r="E398" t="inlineStr">
        <is>
          <t>&lt;class 'numpy.ndarray'&gt;</t>
        </is>
      </c>
    </row>
    <row r="399">
      <c r="A399" s="1" t="n">
        <v>397</v>
      </c>
      <c r="B399" t="inlineStr">
        <is>
          <t>Loss/total_loss</t>
        </is>
      </c>
      <c r="C399" t="n">
        <v>5700</v>
      </c>
      <c r="D399" t="inlineStr">
        <is>
          <t>0.20956586</t>
        </is>
      </c>
      <c r="E399" t="inlineStr">
        <is>
          <t>&lt;class 'numpy.ndarray'&gt;</t>
        </is>
      </c>
    </row>
    <row r="400">
      <c r="A400" s="1" t="n">
        <v>398</v>
      </c>
      <c r="B400" t="inlineStr">
        <is>
          <t>learning_rate</t>
        </is>
      </c>
      <c r="C400" t="n">
        <v>5700</v>
      </c>
      <c r="D400" t="inlineStr">
        <is>
          <t>0.07997716</t>
        </is>
      </c>
      <c r="E400" t="inlineStr">
        <is>
          <t>&lt;class 'numpy.ndarray'&gt;</t>
        </is>
      </c>
    </row>
    <row r="401">
      <c r="A401" s="1" t="n">
        <v>399</v>
      </c>
      <c r="B401" t="inlineStr">
        <is>
          <t>train_input_images</t>
        </is>
      </c>
      <c r="C401" t="n">
        <v>5700</v>
      </c>
      <c r="D401" t="inlineStr">
        <is>
          <t>[b'640' b'640'
 b'\x89PNG\r\n\x1a\n\x00\x00\x00\rIHDR\x00\x00\x02\x80\x00\x00\x02\x80\x08\x02\x00\x00\x00\x83\xaf^t\x00\x00 \x00IDATx\x9c\xec\x9de`\x14W\x17\x86\x0f$\x04"\x90\x00\t!\x84\x04\x08N\x021\x08\x04www\x0f\xee\xee\xee\xee\xeeN\xb1\xa2\xc5\xad8\x94\x16+\xd2bm)-R(\x85\x02\xfd\x80\xf7\xfb1\xbb\x9b\xd9\xd9qY\x81&lt;\x7f 3w\xee\xbd;r\xf5\x9c\xf7\x10%\x91\x84\xb3\x93\xc9\xd1\x15\xf8\x9c\x815\xea\xaej&gt;r\xbf\xa1\x95\xd4\x89l\xc2\xa7\xbc\x88B\xc8\xbb\xfc\xc0%W\xe5\xdf\x04\xfdI\x16O\x14\'t\xd2\x88\x8a\xad&gt;\xfd\x91(\xda;"AN\xe2\x91k\x7f\xd2\xa3\xcc4-F\xa9}[\x82\xeb\xebQ\x01\x05\x0cZv\xbd\xcb\x8c3\x94\xaa\x8c\xa2\xab\x98\x8f\xe2\xca[\xc7\xbdHI$a\x1f$\xbb\r\x00CW\xde\xb4[}\x04\xc8\xe5\xe8\n\x08\xc2\xe9J\xcf=\xc7\xaaS\x1f\x84o\xa9/\x80e\xc7\xdfq\xae\x1a\xb5\xeeg\xbbVZ\x16y\x14\xa6\xf7&amp;\xca^\xb3\xf7f\x07v\xc0\xb9*\x8f&amp;\n\xb6g\x89\xabN\x7fl9\xfa\x00\x00\xfb\x0cs\xb3\x94\x19l\x87RTP\xa4\xe9\x1c\xa1Sy\xaa\x8eM\x1b\xdbU^6\xfe\xcc?N\xfcQ$\xe1\x9a\xa4\x8b\xedF\x94L\xf5\xe5\x99\x8a\xf7\xd3\xb12l\x00\x10\x05H$HY\xca\xa0\xd2?\x03`\xc3\x9e\xdbbc\x1a\xdb\xf4\x00:N\xf9\xd6\x9eu\x96\x81?\x91\x9b\x8a\xcb\xdcr\xb4p\xe4\x0c\x98M\x9aJv(\xc4#w\xeb"M\xe7^\xff\x0f\x05\x1b\xce0\xbe4O"/\xde\x13\x00\x88\xc2E\xafU\xf34e\x92&lt;{s\x1d\x1ez@MK~Sw&lt;\x06@\x14\xa65\xcf$\x92\xd0\x85\x1d\xd7\x9d\xa3QK\xc2\x86\xbfy{T\xf3\xbaB\xf9\x8e+\xad\x93\xa7\x15I\xech\x12\x1b\xf7\xf4\x85\xba\x8b\xac\xe5\xf2R\xa5\xeb\xba\x1a\xbd6\x05\x16\xe9\xed\xa8\xdf\x92&lt;{3\x87\x94KDDi\x8c\xcb:]\xc1n\x92i\xe4\xdcs\xdf\xa8\xcezT\x87\x9f\xe0\x12\xfd\xad\x0f\xe4\xd7\x92\xdb\xde;\xcc\x17\x11\xa4%\x93$\x92\xd0\x11\x7f{\x16\x96\xa7\xeaX{\x16\xe7\xd2|\xe2\xe9J\xc3,}j\x8e\x8a#)y1K\xe2\xffD{k\xe7\xe1\x15@\x94]\xd1%\xdf\xfd\x83\xb6\x13\x8e\x1aT\x1fI\xb2W\x18N!\rU_\xbe\xfd\x1a\xb2W\x18\xa1c}\xe4\x91E2\xc5\xbe\x9f0\xf7\x9b\x17\xba\x14\xe6\x93\xbf\x83.\xf9X\xe1U\x8es y\xf6\xe6j\xf2I[\x85(\xde\xf2W\x9d~[CK;\xe9b\xfb\xe7FH\xa9\x81\x8e\xaeB\x12\xb6\xa4t\xcb\xa1\xeaC\xe2"\xb2\xea\x9eS\x8f\xfc\x9d\x02v?Z\xa6\xfd2"j6b\x1fo\xca\xc3\x0f\x01\xa0x\xcb\x85\x0e\xe9\x80\xb7]\x05Q\xact\xba\xac\x8dU\xd5\'/QF\xe5Wi mU\xf9i\x8f?\x02\x91\xa7\xd0Y\xf3#H\xa5\xbc\x12\xd9\x0c4P\xc8X\x1b\xc0\x1d\'\x1b\x9c%\xe2Q\x8a\xa8\x90.99\xe1\x18\xf4K\xe1\xd6\xa7\xa4\xfb.A\xf5\x9e\x1b\x8d\xc8\xd6\xa7\x80\xee#b\xfb\xb6\xbfN\x83\x8a~\xd4\x99\xa7\xbf\xeaH\x99\xb7\xcd\xad\x8f\xa8\xd2m\x1dQ2\xa2\x08GW\xc7\x8aE\x87_\x03\xa8\xd5\xe7+\xa1\x04\xeb\xce\x83\xc8OE\xce\t\x93O$\x97\x1e\xaa\n\xcctS\x96\xa6\xf4\xd5E.s\xf1\xd7C\xc1\xb8\xa4\xcd\xb8\xc3\x94\xba\xa2qUI"\t\xf5\xb4\x1d\x7f$W\xe5Q\x8e\xaeE\x12\x82X\x1a\xcaL\xc5\xe4\xda\xca\x85\x96\x1ed\xdd\x01\x171\xa6j\xf1\xd2It\xa2@\x9d\xc9\x95\xbb\xae\xad?p\x07QA"ou\x99\xe4\xae2ZN\xb2\xf5\x17\x94\xf5I\xd7\xff3\xae\x1b+\xac:M\xb1\x16\xf3\xc7l\xb8/tM\xee*c\x98w\xa3Vo\xc1q\x83\x03\x11w\x85*\xd7a\x85\xdd\xc6\rr\x1e@\x12I\xb8 \x19j9\xba\x06.\x83\x8a\xc9\x8a]f\xc0)\x0c\xcb\x99K\xca&lt;m\x88&lt;\x89r\xd8\xa1\xac\xfc\xb5&amp;\xda\xa1\x14\xc7\xc2\xbc\x18+N\xfe\xa79\xa7h\x1djc\xc3\xc5\xbfQ\xa9\xcb\x1a#r\x96\x8f\xcb\xae\r\xd8\x9f\xc0\xda\x8e\xaeA\x12r\t\x8c\xefM\xbe\x8c\x0b\x872;\xd8/\x9a\xcc\r\x14u\xa5;\xae\x99\xba\xde\xce\xd3O\x1bZ/\xbb1z\xfd];\x96\xf6\xf9\xdb\xc7\x02\xb8\xf1?\xe4\xab&gt;N\xf7\x9cW\x9d\xfe\xa8=\x13g\xf0H\xe6\xfd\xdcR\xda\xbf\x1e.A\x85N\xab\x1c]\x05"\xa2\xafo$\r\x9a\xc4x\x0b\x90gY\x05\x17\xa4(\xe1\x1c\xe3\xd0\xd4\x8e\xae\x00\xb5\x9bx\x0c@\xb5\x1e\x1b\xc4\x93\x95\xef\xb8\xd2\x19\xf7\xf6\xc2\x9aj\xcc\xa0\xe9\xf0\xbd\xbaTD\x061Dy\xedU\x96\x83\xf0\xad\x1cT\xb4o\xb7\x99g\x1d]\x0f\xa7f\xc6\xee\xa7\x8e\xae\x82\xeb\xe0,-N\xd2\xb2\xaa0\xd3\xbe\xfec\xd9\xf1w\x86e_\xc0\xb0\x9c\x9d\x08\x00\xbd\xe7\x7f\'\x92`\xc1\xc1W\xce\xf2-\x98I\x91\xab\x95\xf6\xa5\xe3\xc0\xf8\xde\xbaTF\x061\xe4\x91\xa4\x0c\x93D\xa4S}D\xce\x8f;\x80\xcfp\x85 \xb3\xbd\xe5U\r\xc3\x1d\x80\xf5f\x81\x88\xf6\xaf\n\x94\xf9\x95\xba._\xdf\xc0\xf9\x17\x00\xd0i\xda\xa9\xe0\xe2\xfd\x89\xe8\xd5\xe7e\xf0\x9c\xc4\xe7@\x86\x9aD\xc9\x9d\xaaAn9\xfa\x80\xfc\xc4-F\xed\x17i\xa0T\x1a\x01~\xde0\r\x90\x7f\xa1\x1e\xb6\xa7\xb2\x95\x1dj\xff\xfa$\x91\x88W9\x00\xd5\xba[-\x9f\xea\xd9[\x844\x1c\xb6\xea\x96n\xb9\xb9\x02\xb0\xc1\xd15\xb2\x03I\xda\x81I8\x10\xbb\xc7\x9ap9\x04Z\xa2t\xf6\x11nMB\x88\r\x17p\xf8!\x1a\r\xd9\xe5\xe8\x8a\xb8\x18\xa5\xdb-\x15&gt;\xe9\xb7\xfa\xf4G\x95\xc2@.J\xbaj5{ovt%\xe4c\x90\xebW\x12\x0e\xc23_[GW\xc1yYp\xe8\x1f"\xf2\xc8\xdd\x9a(\xca\xc1UI\xc2\x86*]\xd7\x91_e\xd6\x01\x0f\x87U\xc5\xa5\xb8\xfc\x9ao^\x1bT\x97(\xd2\xeeuq0\xeb/\xe0\r\xe0\xb46\x16\xfe\x85z|9\x9b I$aCh#"\x1a\xb7\xe9\x81\xa3\xeba4\x96\xc8B\x06\xea\xb3\x1b\x80\x95x\xfa\x97\xb1^j\x14\xa6\xe0k\n\xba"/\xa2\x0c\x86U\xc7N\x88/\xb3\x03\xa0\xacM\xecY\x1fU|\xfe\xdeMI|\x89\x94MXn\xfa\x9f\x88\xde\x98\x8d\xae\xb7qx\xe4i\xad\xe5\xf2\r\x17\xed\xd0?\t\xea\xd6\xda\x05\xe7\x8d\xbf\xebR\x18\x18\x03\xce\xf9\x10\x9b_\x02\xf0\x8aho\xb7\xaap\xe0_\xa8\xe0\x90\xa2\x04Q\xa0\xf1uq\x08\xb1W\xde\x82(\xad\xac\xb4\x19jJ\xa7I\xc25\x11\x19`\x16\x98\xbd\xf7\xb9\xfd*\xa2\xd1\x8d\x81\x15\xdf\xc6\x18\xb2\x88\xab\xcc\xbc\x02\x84"\x83j\xc5\xad\xb8\xcbL\x7f\xb34""g6x\x04 #.\xdb\x17*\xa0m0V\xebO\xb2^i\xbf\xcaD\x99\x8c\xaa\x8e\xebP\xa5\xeb\xba/\xc4c0\t\xa7#Y\x98\x03C\x8a*\xc18s\xbf\x8cu\\\xa6\x03&amp;\xdf9\xfb\xfe2w\xc3\xca(\xda|\xbe\xde\x95\xe1\xe9h]\xe7N\xeaJ\xf2\xa2\x1d\xa7\x9ctt%T\xe0x-\x17g\x00\x00\xf9\xd7PwmD\xcd\t*\xae\xcaYi\x94\xba\xe2\x8c\xc6y\x87\xf6.M\xd5\xee\xeb\x85Ni\xf1\x86\xb2\t\xdb\x99\xb4\x8ak83\x9dF\n\xa7\xd9\x88}r\x97\xf8\x04\xf1u\xb6 B\xea\x80q\xcb3I\x18\x0f\x00u\xe1\xd7\x82\x8a\xf5\xd5\xa4;-\xbc*\x99,\xbb\xed\xbcH_\x89\x82$\x92p&amp;\xfa/\xbe\x12^c\xbc\xa3ka\x1c\x0e\xb4x\ny\x01\xb4\x1e{H\xe8\xf4\xc8\xb5?\xd9\xb36\x16&gt;\xd8x\x81+\'\x8e\xb1\xc3\xba\x0f|\x1e#\t}H[\xd5\x9e1\xa9\xf4\xc0\xe1\n\xf0\xc6,\x80\xbf\xe4\xaeG\xb9\x96\x95\xec\xe7\xcf\xf5\xf7_\xe4\x82!\x1f\xc5[-\xd4\xb7\xd5(\xddv\x89\x8e\xb9%\x92\xa9\xae!\xd9\x1a\x03K\x91\x83\xdf8+\xa2\xa6\x03\x83\xfc\x84j\xcd U\x99\xd3OL?\xd0\x80P\xd3I$a/j\xf6r!gvE\xa4\x93\x91&amp;\r\x91\xbf\xe1\x15q$\x9a,-\x0b5\x9e\xa5S5\xec\x07\x80C\x0f\xbe\xf4\xc1M\xcd\xde\x9b\x01\x94j\xb3X0E\x9aJ\x00t\xe8\x08\x1dG\x87)\'\xff\x01\x06,\xbe\xe2\xe0z\xa4(\xf9%\xc4+\xd4\x80\xaf\xf0\xa9\x14_\xb6\x9cT\xfaj\xe6\xff}\xae\x06\xf1\x1c\xb28\xba\x02\x1cb\xecPF\x95n\xeb\xd4^j\xe7\xd6YR\x8e#\xb7\x9c\\\x00\x94\xef\xb0Rfb\xf9\xb4\x1d\x7fD\xf8dA\xc6\x00*C\x91^\xfa\x16\xaa\x1ai5J\xbf*\x00:N\xfd\xd6^5\xd2\x9f\x02\xb5\'S\x80\xe3\x9dX\x1a\x0e\xde\xe9\xe8*89\xa9\x84O}!\xfd\x8e,\n9\xba\x02I|\xb1d\x01\xb0\xfa\xcc\'\xa5\x97\x1d\xb8\xa7}\xa6\x1bFD=\xe6\\\x10O4\xed\xeb?D\xfb39\xfe$r\xd6ct\xa3\xf1\xd0\xdd\x92F\xd1M\x87\xef5(|\xba\xeb`\xe8\x88\xdc+\xc9\xc1\x86\x88\x92L\xe4\x92H\xc2\xc1\x94\xeb\xb0B\xe4\xach\xfc\x00\x1f\xd3\xbf\x015X\xa1\x93\xdc\xcd\xffIFY\x1b\xebRC!\x1a\x0f\xddMD\xe4V\x9c(\xb9p*9\x06\x16\xa1\x91u&amp;\xebT)\t2\x97\x1c\xc0\x92HK\xc2\x0e\xe4\xe1=\xdae\xc6\x19;\xd7\xc3\xd9\xc8_k\x12\xa3\xc7\x00`\xe9\xb1\xb7\x1as\x13\x91\xfef\xb7\x1e\xde\x11\t\x00\x92D\x88\x1d\xccS\xa0l{\x93$V\x9f\x05\x97\x1d[\x99$\x848\xf5\x04\x8f\x00\xff8\x9e\xa0U,2Rp\xfd\x8d\x97xzh\x00\xbd\xe7\x89\x05\xc4%"\xa2\xc2\xa2g=\x88\xb2Q\x80JgD\x99T\xeb\xa1\xc6\xd7B\x05]g\x9c\x05@\x94\xd5&gt;\xc59\x05\x81\xb5)\xa8.\xb9\x15wT\xf9\xabO\x7f\xa4\xd4\x15l\x0e\xfb\xd9\xbf&amp;N\x0b\x803\xcf\xa0M\x130\xe5\xae\x9b\xb2V\xbc^\xa8\x8d\x06\x96*o[\xed\xdb\x82Y5^o\xa1N\xbf\xad_\xa8k\xbf\xcb\x92*_[\xa2LN\xf1\xd4\xe49\xd7\xaf&gt;\xf3Qfm3\x97\x1c\xc0\x9bRr\xb3s\xd2\xd6\xdf\xc4\x13\xb4\x19w\xa4\xde\x80\xed"\xbe:v\xa3\xf5\xb8\xc3\xda3\x91\xbc!\xed&amp;\x1c\xd5^\x8a\xcb1x\xf9\rGW!\t"J/t"\xba\xde\xb4\xd4\x91\x1du)#\xa8X_\xa9$\xbc\x9e\x81\xfe\xce\x15\xc7\xb3\xcb\x8c3NT\x1bGR\xd0\xd1\x15\x90K\xd7\x19gDM\x1e\xec\x85WY\xa2\xcce\xda/\x93LX.a\xc5S\xa9w\xacv\xdf-B\xa7\xda\x8c;\xdcl\xc4&gt;\ni ry\xf5\x9e\x1b\xbf\xfdS\xa2\x08\xe6\xc3\x0b.1@&lt;\xd9\xd5\xb7\x06\x7f\x0e)Kk\xcf\x83\xf7\x9b\xd5\xa5kwe\xd2\'5eIH\x91\x11\xc0\xadO\xce\xf4\x9eT\xee\xb2\xd6\xd1U\xf8\xfc\x10\x1c\x03\xda\xa08@B\xc2\xa4\xe3J/1\x8c\xf8\xb1\x1b\xef\xab\xba0\\~\xd2\x0f\xd2\xadj\x10\x11\x91Oy\xf1D2\x83\xd8\xab\xd3\xf7\x7f\x06\xa4\xcc\xdb\xc6\xfa\x18\xafc\x86\x81\xe1\xe5\xbf\xf0\xee\'YX\xb3\x01K\xaej\xcc\xa4x\xab\x85\xbaT&amp;\tG\xa3QBNG\x92\x15ut\r\x92\x10!\xad=C6\xe9K\xe1\xa6s\xb4g\x92\xbb\xcah\x89\x14\x1a\xa3\\\xb0Xw\x1e\x00\xd2\x17\xec\xce&gt;\xb8\xec\xc4{\x9b\xbeS1\x00\xd2\xc5v\xd3\x98\x89LR\xe5k\x9b\x18\n,\tQ\x00\x90GI\xf6\x91=\xb7!bjW\xa5\xabjw\xbe$\x9c\x88_\x9cd0:{\xefs\xa2`G\xd7\xc2\x10\x00\xf4\xe7s\xcf7t\x1eP\xa0\xf6$\xe32g\xb8\xf47&gt;\xe3\x18\xa2\xa3\xd6\xfdl\xf9\x7f\xdd~\xdb\xecS\xa8W\xb8iR\xcb\xcc\x80\xf7\xfdd\xf5\x86\x00H\xc5\xed\x80\x9d\xda\xbax\xff=\xbcw\x92\xf6\xc5\xb9\t)9\x10@\xb1\x16\x0bd\xa4M\x8a\x1f\xf5\xf9\xb0\xf92d,\x9b\xd9\x85Ty\xdb:\xba\nDD\x9e\xf9\xda\xe9\x9e\'\x00\xf2\xb15J$\xa2\xbc\xba\x97e\xa1B\xa7U\xda2\x90vey\x0c\xd8X\xd0\xd8C\xca\xc3`B\xd4]\xe6\x96\xa3\x85\xf6\xb2\x01(WiU\xba\xcb\x9ee\xed9\xf8\xc7\xf5Tx\x95\x1a\xb2W\x18^\xb4\xf9&lt;;\x14\xa4\x0f~U\x1cWv\xca\xef\xdf\x00\x00\x05I\xca\x8b\x8a\xef\x04}\x06\x1f\xe0\x17\x05#\x1b\xee\xc2\x02p\xaeN\x11GW@\x00\xc5\x92lA\x1f\x9dO\x86\xfe\xd2\xdf\xce1\xba\x94\x02\x00\xe3\xbb\xc9\xbbR"N\xda\xd8\xae\xa6\xffy\x95\x93\x13Q\xa0\xcd\xf8#\x8a\xb6\xc3\xcb%\x88\xf9L\'\xa1\x17\xb1\rg\xcc\xd9\xf7W\xe6\x92\x12\x96wI\xe8\x8a\x97\n\xd3\x16\xbd\xf1\x9b\xbc\xed\x11\xdf\xf1\xa0\xd4\x05\xf41\xc3NB=~\xd1]\x1c]\x05aX\xc6D1\r\xa6;\xa1e\x8d\xc3\xabT\xaa\xcd\x92\xf4\x85\xbaK&amp;\xe3u)V\xca\xd6+ \xca\xa9=\x1f=\t\xac%|\x8e_,\xe2\x8b\xc1fs7k\xe3\xc5G\xff\x05@\xe4K\x94\xdd\x11U\xfa\xe2H\x9e\xbd9\x11\x11\xe5\xd0\x10\x1c("B\x9b\xf2v\xcf\xb9\x17)3\xbf\xdfDt\xfdi\x19\xe3\xfb\xc8\xdb\x98H\xc2\x19\xc9OD\x85\x1a\xcdRr\x89\x88R\xb9\x04\x89S1\xe7\xa3|\xc7\x95zy\xf5)b\xed9g\xf2\xe4\x93G\xf3\x91\xfb)ME\xb1\x14\xaa\x97j\xdd\x8b[\x16\xcc\xb3W\x18\xa12\x13\xd7\x861s\xf1\xa1L\xf5l\xcf\xa5\xc8\xd5\n\x00Qp\xd5\xee\xebw\\W\xfd\xda|\xc6\x82\xc6\xb1\x86\xe4\x9a\xa6\x12\x854Tw\xe9\x8e\xeb\xb8\xf9Q\xf1\x93z\t\xbc7{:\xe4\xaf%l\xac\x93\xb5\xc9o\xc0\xec\xbd\xcf\x89\x88\xa3/;t\xe5M\xa5\x85&amp;\xe1\xec\x0c_}\xdb\xb6\xb7\x00\x90\xaf\xba\xcb\x07\xc7M\x91\xab\xe5\xd6+\x0e\xe8\x08\xbb\xce&lt;\xfb\xdatKS\xdb\xbft\x15&lt;\x95\xf6\x80\x8a\x03\xa0a\x8a\x96K\xed\x85_\x103v?uThd#\xf0/$\xae+\xf7e\x01\x16\xf7\xa4F\xe7\xbd\xe6]\xca^a8Q\n\xee\x89\xe0\xfa\xcdG\xed7\xaa\x8a_&amp;\x05\xec\xa5\xcd+H\x9aJD\xde\x0e\xae\x8314\x19\xbe\xd7!\xe5:\x97\x96\x8d\x1c\xb24:\xfc\x8bX\x85\xe3\x9b\xcd\x0b)5H~~\xd2\xbe[I$"\xa2\xef\xed\xba\xc8\t\r\xa2\x85\x0c\xaee\xc4\x04 a\xd2\xf14\x91\x9d(cm-\x99\xdc\xe7oXR\x94\xe4;j8\x05\x1b\xceTa\xc0b0\xfc\x81\xc7\xb5P\xa0\xb6\x11\x9dtf\x9b\xff$\xa1\x0fr\xa2\x00%!\x80\x81&gt;\x02\x9f\x15\xe9\xaaI\xa7I\xc2(\x1c\x10[\xe9\xeb\x1b\x00\xf0\xd0\xa9\x1a\x16\xde\xa9\x86otg\xbe\xb4vZ\x04K\x9e\xbd\xf9\xbc\xfd/\x15\\ \xb0\x15\xef\xf48\x97\xe5\xb3\xf3a\xb3|\xa4\x01\x8f\xdc\xadl\x0f&amp;\xf5\xf1\x9f\x11Q\xcc\xe2s\xa96K\xe4\xa4\xce[m\\\xfb\x89\xc7\x88\xd29\x9d\xfd\x9d\xe18^\x81 0\xbe7yK\xa8\xda\x19\x01\x80\x0f\x00\xa5\xa9$\x96\xa8|\xc7\x95\xf6\xaa\x0f\x11Qt\xbdiD\xf96\\\x94n\x89R\xe4\xe2i\xc2\x8c\xc04&amp;0\xa9#}\xe16\x9fI\x18\x87\x1bQnG\xd7!\t\x1d\x18\xbc\xfcF\x97\xe9g\x00\xa4\x8e\xec8r\xedO\x81Ez\xcb\xb8\xc8\x9d(*C\xe1^\xf9kM,\xd9fq\x99v\xd2\x82\xe7\x9f\x11\x19K\xb6Y\xec\xd0\n\xd8m\x10`mr\xa1\x87H\xbb!\xb4\x1e\xebL"\xef\xfe5&gt;\xb3\xa9Il\x83\x19\x8e\xae\x82\xab\x90\xd2\xd1\x15H\xc2EI\xf3Zu\xa3\x91\xb6j\xf6\n\xc3u\xad\x8cSS\xb9\xeb\xda\x98\xfa\xd3e\'/\xec\x1d\x91\x90\xb9\xc4\x00#v\x06\xed\x80O\x81\x0e\xfc\'f\xedy&amp;1\x17\xb6\x1b\x9eeu\xb7t\x8dof7\x1d\x9f\\\xba\xe8\x15\x1b\x84S\xbb#\'a\x08~\x9c\xbf\xd3\xc6v\xd5b6\xf2\xf9\xf1\x14 \x8a\xe3\x1c\xec9\xf7\xe2\xfa\x0b\x9f\xd5\xb0\xdb9\xa9\xd4y\xcd\xbf\x80\x92\x0e8\xc8=g\xcb\xa6#\xf6Y\x0f\x8eU\xbb\xff\xda\x99\x1c\x8e\xae\x80\x830B\x99\xd2\x8a\xacM\x8c\xcd_\x14\xef\x88\x04\xa2\xb8\xb0\xf2\xc3\x1cX\x87$\x9c\x14\xde\xc8(.\x1b\x8d\xc3\x08\xc4\x02B\x07\xd4\xb4\x7f}\xbe\x1cz\xcd\xbb\xe4z\xfe\x05_0\xdcxOY\xcb\x0cIzx.D\xd2\xc3rF|+;\xba\x06\xce\x88\x7f\\\x0f\x8f\xdc\xad\xf5\xce5\x83[N\x1d\x94\xc6?\x1bd\xc6\xeb\xd4\x91\x84\xc9\'\xecV\x96K2c\xf7S\xce\xf3\x10}Hi_%\xb5\xe9\xc2\x08\xc4\x9c\xe7\x88\xa6\x16\xb2GU\x92H\x82\x88\xc8\xd3&lt;#\xcfF\xee%\x1c\\\x17\'A\x81\xf7\x91_\xeb\xb1\x87\x0c\xac\x89\x15\xe9\x8c/"\xb3\x9d{_\xa68\xb3n%\x833\xc6\xa4JAT\xd0q\xa5\xe7f\xcc\xf7\xad\x05\xacS8\xdf~L\x06GW@\x1f\xf2T\x1d\xe3\xe8*$!\x9fl\x1a\xafw\xb8.|\x97\xe9\xa7\xf5\xc8\xc6Yc\x9f\x18\xcege\'\x9f\xb1h\x1f\xa3d)\x05\xc9C~\x89K&gt;\x00~w\xbe)\\\xfe\xf6\x13\x8f9\xba\x0e4{\xef\xf3k\xef\xa5o\xcd\xe5\xd7\x8e\xb8}Y\x1aW\xe8\xb4\x8a(L\xef|\x93\xe9\x9daz\xc9\x14\xff\x03\x92\xe6"\x86\x92\xb9\xe4@GW\xc1\x82\xe3\xf5#\xdds\xb6\xd4r\xf9\xae\x9b`\x0b"\x16k\xb9\x80\xb4nmp7\xb6\x8c&amp;\xa0\xb0="H\xba\x02\xd1\x8e\xdeb\x8f=\xf5\xc4\xea\xcd\xe99\xf7\xa2\xa3\xaa\xe2\xaa\x1c\x7f\xe4\x80=\xfcRm\x96\x00Xs\xe6\x93\xd2\x0b\xb3\x96\x19"#\x95\x0fQL\x99\xf6\xcbTG\xb4UD\x87\xc9\'\xedPJ\x12\xc2\xd8Q44U\x19\xfb\x95%H$Q\x8a\xdfT}\xb3\xf3\xf6\xbfdV\x11\xe7\x1d\xf8\xdb|,X\xe3&gt;\xa2=\xa34z\xe4nM\xe46~\xf3/v+\xd1\x99\xc9Uy\x94\xa3\xab g\xc2cg\xfbj\xff\xea\xf6-\xcf\t\x89\x92c2\xed\x93?\x81\x88\x0c\x93\xd9\xcb\x92&lt;{3\xa2|\xc6d\x9eD\x12\x0e\xe6\xca[5\xfd%[\xfe\xde\xf6\xa0\xda\xba\x88\xadc\x95io\x84 \x06\xd7\xe5I._\xf8J\x95\xb5\xb5`\xaa\xbcm\x89\xc8\xf8E\x1d\x910\xc3~\x06\x17MD\x9ee\x8d/C\x07J\xb4Z\xe4\xe8*H\x93\xa3\xe2\xc8\xc4?27\x90l2\xccoX\x12\x9f3\xdb\xae\xdam\xfd\xc6\x9f\xdf%\xc9e\x081\xa2\x03\x16\xbf\xb0\xd5\x98\x83\xea\xb2\x15\xc0\x01\x82\xc3\xfa\xe1l\x95\x8f\xfc\x1b\x00\x90\xa1p/C\x8b\x19\xb1\xe6\x8e\xf0I\x0fC\x8bv\nn\xfcO\xfa\xd32\xd2\x9a\xce\x19]\xbco\xcb\xfa\xbdj\x07\xda&amp;\xa2l\x0fyG$|\x02\x0cp\xcf\xf8\x0c\xf1\x8db\x04\xcc\xa3ES\xa5n8x\x97=j\xe3\xfa\x008\xf7\x17\x7f_\xab\xfa\xf3\xe7\xbd\xd0H;\xb5/U\x87A\x1fx\x9bb\xc6\x1cO\xabq"\xc3}\x802\xd4\xb2&gt;\x96\x01\x80\xa0~Q\xfa\xa4\x05c""\xfa\x9f\xd5\xb6\x90n\x0cY\xf1\xa3\xcao\xdb\xe0\x95\x83\xdb\xc0\xadOH\x91\xab\xa5P\xddBK\x0f\xbe\xaf\xdf\x88\xa4\xc1\xa0\xaf)\xb06\x11\xf1\x07l\x10\x8f\xfan\x10\xae\x1a\xf1BO\n6\x9c\xa9K&gt;A\xc5\xfa\xea\x92\x8f2T}#\xb6\xdf\xa3\xea\x19p\xa3!\xbbl/\xac\xddw\xabwD\x82V\tR\x9b\x9f\x96.\xb6\x9b\xa6\x0c?;"\xebL\x96\x1a\x9bf\x11r\xc6IWP\xd1\xcdT\x10\xf1:MT\'\xca\xd2\x98(\x88(\x15\xfbxp\x89\xfe\xc9\xb27SR\xa8z\xf2\xee\xbe\xe5tf\xd9\xc3V\xdd\x12O\x00`\xf4\xfa\xbbD\xa4\xfb\xba\xbc\x9d=\xd5dR\xb7\xff\xb6\xc8:SD\x12t\x9c\xfa\xeds\xe9jg\xe19\x96,^\xfc\xf7\xfa\xe4\xef\x90\xe4\xb9\xe4\x14d\xaeo\x80\xd9\xbc\xdd\xc8E\x99\xea\xaa\xbc\x94\x15\xb8F\xdb\xfas\x00\xdf\xb5\x89n\xf1\xd5{nT\x95m\x12\xd2\x1c\xfd\x15Sw&lt;V~](Q.\xa2x\xf9\x17d,j\x1a\\~\x00j\xf7\xdd\xa2\xee\x996\x18\xf4\xb5\xb8\xbbv\x88\x13y:\x18\x80\x13v\x81R8Ch?w\x15\xd7\x98\x9b$\xc1\x19\xc0\xec\xbd\xcf\x01\xc47\x9b\xab\xa1bI\x90C\xfaN\x17\xfc\x8e\x8c\xa5R\xe75"\xf7$\x7f\xad\x89\x1a\xf2\x16\xf3T\xceP\xa4\x97\x86\x9cU\x13\xe0\x88B\xf9\x01p\xf3\xa3\x8a\xb7Q\xf5\x9ekv\x00\x07\xee\xa1\xc1\xa0\x9d\xe6\xb8vz\xa2\xb7\xad\x80s3c\xd7\x13{5%*[\xc9\xb8\xc6\xb3\xac\x0f\x04\x90oe"\xdf}?9{\x0b\xc8t\xc0\xf5\x07\xee\xe0=\x9b\xa1p/&amp;\xc1S\xe9\xfb\xefl&amp;\x1b.\x8e\xe3&lt;\x88\xba\xce8\xe3\xa8\xa2\x8d\xa6Z\x8f\rU\xba\xad\x93\x93\xf2\x19@D\x99\x8a\xf5\x93\x93\x18\xc0\xf9\xbf\xd0t\xf8^\xfe\xd3\xa1\x8d\xe6~\xf3\xc2.6\xb4\x898\xdb\xaa\x15\x80B\xdcF\xd2P|:L9I\xa61\xa83\xcc\x8e\xb8\xe8\x19l\xdcx\xa2\xed\xd3\x01k,e\xfa\xce?\xd9Y\xed\xfb\t\xb7\xd5d\x98_K\x1dT\xf030`\xc9U\xa1\xb3\xef\x80\x0b/\xd1t\xc4&gt;{V)\t"rN{@\x97FA\x10\x9et\xd5\x88H\xe6\xc2\x0f3H\x1d\xb9\xf6\'\xa1v\xd5-\x87=\x15\xa1\x9dQ&lt;+MT\'\xbd\xb2\xaa\xd3o\xab^Y9\x10\xb3\xe6Cp=\x87V\xe3\xb3\x82\xdd\x7f\x97MX&gt;v\xe3}\x07VF\t\x85\xb4\xc9\x03\xf9;T\xca\xd4%\xf8LtL?S\x82Z\x8c:\xa0\xe5z\xa6\x03N\x16f\'\xb3\x1d)\x9c1n.\xef\xdc\xe6\xd6\'\xf4]\xf8\xbd\xf2\xcc\xf2\x10\xf9k\xaf\x92#Y\x7f\xde\x19M\x8d\\\x9d\xce\x1c\xd9\xdb\xc0Z\x02\t]\x03yo\x88[\x9a\xa8N\xf1\xcd\xed\x16}\xd9%\x01P\xb9\xcbZG\xd7B\x07&gt;KW\xf5\xe6#\xbf\t\xaf1^\xf5\xe51\xf5\xa7\x018x\x1fCV\xfcHA\xa2\x86f\xe9\xaa&amp;\xc5\x85d\x11\x0b w\x95\xd1DD\x94R\x91\xa5\x15\x1f~DD\x14\xae\xb1NjQn\x7fS\xaa\xcdb\xcd\xa5\xba\xaeMf\x12\x12d*\xd6\x0f@\xd6\xb2r\xa44\x83\x0c\xaf\x8ds"\xdf\xac\x97\xebkh$\x9f\xe1\x9a\x96\xb4\xc2\xb9\x064E\x01z\x0c\xf4Yp\x19@d\x9d\xc9\xe4WE\xaf:9\x88\xe4\x86\xe5\xec\xc1\xb78\x9fZ\xaf\xdc3\x97\x18\x00`\xd1\x917\x00$\xc6@r1\xeeV$\xe1jd)=\xd8A%+\x18\xd6\xa5\x89\xea\xe4TV\x97.\x88\'Q&amp;\x15\x97\xad\xbf\x00\xbd\xfc\x83\x9d\x15\xddZj\xdd\t+?\xcc\xd1U0\x14\x1d\xee\xfc\x8d\xffiR.\x93\xc3=\xe0O\xa0\xf3\xf4\xd3!\xa5\x06\x19W\x8a\xe3q\xec\xaau\x9bqGL\xffK\xaeB`\xcf\x85gi-Gk\xda\xa0\x92M\xa4]J\xf9\x9c\xc8\xea\xe8\n\x10\x11\xd5\xe8\xb5\xc9\xd1UH\xc2\x85p\xa3\xacM\xecY\x1e\xd3\xfbN\xf8\xca&amp;"\x85^;tb^F\xb1v6&gt;g\x03\xc0\xac\x8e\'LPQIM\x1c\xd6d&lt;M%\x8du\xd2B\xf3Q\xfb\x89\xa8\xff\xe2+3v=\xd1+Oqu\x8b$\x92\xe0%y\x8e\xe6\x00\x86\xae\xbc\xe9\xe8\x8a$a\x1c\xc6,\xe7\xd8\xb7\xf3s&lt;\xee%\xc8\xbf\x06\xef\x99\xc0\xf8\xde\xda\xb3\x0f-5\xc8\xc6\x05\x94\x8d#\xe7]\x00\xa4\x8d[\x9b\x0c\xdf;}\xd7\x13"\x1f\x19\x19\x1a\xba\x13\xe3\xe2\xa4\xae\xd0b\xd4~\xe1\xd3\xce\xbfY\x9e\r\x00Q\x01GW\xc35\xb8\x03\x00\xe81\xfb\xbc\xa3+B\xe4\xe8u)\xed\xf8\xf28\xa8\x88D\xa4q\x01D\x9eH\xa96K\xecY\x13\x87\x03 \xa2\xe6\x04\xdb\xe3\x15:\xae\xd2\x96q~\xa2\xbc\x13\xb7\xfc\n@N\x14yG\xd1+)\xde\xb0\xdd\xf8\xfa\x06\xff{\x10]o\xaa\xe9\x7f\xd6\xd1\xb5\xf4"\xbe\xd9&lt;\xde8\n2\xc9T\xdc,5\xe0SA\x97\xfa|\t\xbcv"\xbd\xd2lNS\x13\x9dH_}\xeb\x15\xd7\xfeE\x0e|"n9\x9a;\xaah^J\xb4\xe6\t[\xe7\x9e\xb3\xe5\xee\xdb\x1aoQ\xfc3\xe0\x1e\xf0\xc3\x1b\xd7~U\\\x86\x1b\xff\xb9\xea\x8d\xf66\x05\x12\xa6\xd5\xa7?\x1a\x91\x7f\xf6\n\xc3\xad\xfev/\xae\xe8r\x00_D\x8c-]\xf9\x82v.B\x1a:\xba\x06\x9f;\xa1\x8dt\xcd.\x9dWx{\x00D1\xbaf\xab\x92\x03\xf7\x94\xb5\xdb\x15;\xaf\x963|\x19\xb3\xe1\x9e\x8b\x87\xdaL\xe2\xb3\x86g_\xe4\x0b\x0f\xee\x9d\x84*F\xad\xfb\xd9\xd1UpEB\x12&amp;\x1d\xd7\x1c\x1e\xf4KD\xd8^:\xc6\xd9\xfc\xeb\x9e\x01\x8es;N\x82\x8b1\x1f\x9b~Vo\xe15xvb\x88\xe8\x9b\x9fQ\xa6\xdd2\xbdJI\xe23c\xf6\xde\xe7\x01q=\x1d]\x0bW\xc4\x14\x9b![\xb9\xa19*\x8e`\x1d\xf7\xa6lM\x1dR!Y\xb8\x15\xd3#\x17-\xdd\x92\xbb\x96\r5[\x8cS\xe3\xaf\xd2m\x9d&lt;\xe3\x9e\xb01\x1b\xeeE\xd7\x9b\xb6\xf7\x8e\xab.\xe2\xba\x002E\xdb\x9d\x10\xbd\xf6\xabz\xce\xb9\xa0K&gt;I$\xf191\xef\xc0\xdf\xb2?1\t+\xd7\x8cE\xfb\x1aj\t\xab\xa7\xb7\xaeO\x85\x06\x83\xbev\xb80@\xb3\x91\xdf\xec\xb8\xaes\xb7W\xa9\xcb\x1aE\xd1J\x8a4\x9dk\x89\xa1\x99"W\xab\xc4\x13\xdf\xbf\x06\x85~\xf6\x1b&lt;\xc1\x8e\xae\x00\x11Q\xad&gt;_\xd9\xbdL\xb9\xc168\x9f\xdc\xb4\xaf\xff *\x98(\x15.\x9b\xace\x87*\xbd\xc4E\xc8\x96\xb4z\x9f\x84j\x82\x8b\xf7\x1f\xbc\xec\xbad2\xdf\xa8\xce2\xac7\x82\xf4Rh2Z\xb6:g\xa5\x91Y\xca\x0c1FA\xc5\xdd\x81\xde\xb0\xdb\xae*\x1e\xa3\x94i\xbf\x0c,\x12O\xfc\x02$i\xc4\xdb\x87\x0eSNn\xb8(\xc3\'\xcc\t\xf8\xdcLj\xf5\xa6\\\xc2\n\xa2\xec\x8e\xaeE\x12.C\x93a{\x14\xf7C\x81\xb5\xcd\xff+\xd0t\xb8\xd6(dV\xb3.3\t\x93N\x18\xaf/f\xef\xa8nFsG\xed\n\x01\xbb\x03&gt;\xf3\xcc\x9c\xc3\xb8M\x0fl\x93&amp;\xed\xf7|\xce\xf09\x1a\xb5dE\x96.\xda|^RX\x05.\xe9\xaaY\xfd\xe9\xf2z\xbf_"\x00\xc4\x96CS\x96&amp;\xcac\\\xe9Y\xca\x0c\x11\x15\x8b \xa2X\xde\xa3]\xa6\x9f\xe6m\xf13\x14\xee\xa5\xa4|\x9eIs\xcf\xb9\x17\x03\xe3{\x7f\xa6\x8a\xc7\x85\x8c\xc8t\x1d\x13\xbe(\xb5\\_M\xcf|\xed,\xff\x875\x96\xe3.0!KBG2\x97\x1c\xe8\xe8*\xb8\x16\x01\xff\x01D\xa1zew\xf8!\xe7K\xc4\xe2#o\\]t\xc2%\x00@\xe9\xab\x0b\x9fW\x1e\xcaFa\xe9\x12\x82\x0c\x19j\xf1\x8f\x00\x04L\xa24.S\xe5\xac4\xaaB\xc7U\x94\xaa\xcc\xd77 \x12\x8bb\xfb5\x95\x0e\x8a\xb9\xab\x8c\x06@\xa9\xcah\xa8\xa3z\xbc\xc2\xdb\x1b\x91-\x80\xaf.3\xddg&gt;yW\xa4\x08(\xdc\xd3r\xadm\x1f\xac\xd2K,T\x99\xdau*u\xa5\xb8\x12I\x8e\x92\x9f+\x99\xeb\x9f\xfbK\x87\x05\xf9K\xaf\x00\xe0\x13\xeb\xf3\xeb\xbf\xf8\n\xfbk\xfc\x0f\x00\xd0p\xf0N\xede%\xe1T$L:^\xb0\xe1\x0c\xee"\x8a\\|\x00\x84\x94\xe2\x194\xe7\xab.\x12&lt;1\xa7t\xc6Y\x9b\x10Q\xbd\x01\xdb\x014\x1c\xbcK(\xd5\xa0\xa5\xd7\xd5-S/;\xfe\xee\xbbWp\x9c\x9aJ\x84\x11\x99\xda\xf4\xa0\xa9\x89\n\xd6\xe9\xb7U\xf2\xc2&lt;U\xc7\xf2t\xc0\x03\x96\\\x95\xbcr\xd9\x89\xf7Jj\x18\xd6h\xc8n\xbf\xe8.\x96\xbf\xb3\x95\x1dz\xe5\xad\x03\x9e\xc1oI\xbb\x98Rp\xcd\x01\x920\x06\xcb\xf7v\xf69F\xac\xb9#t\x96\xe1\x95\x9a\'\x92E\x97z&amp;aK\xb20\xb6\xb3P\x1eJ[\xb5v_\x9e\xd6\xb6|\xc7\x95\x02\x93\xc8,\xfd\x16\xfd\x00 g\xa5\x91A\xaa\\$\xfe\x00\x00\xc46\x98!\xfb\x8aPR29f\xcc\xb3\xa5t\xf5\x15-\xcfx\x12\x05*Io\x04E\x06-\xbb^.a\x85\xce\xb9\x06\xd6\xe2|\xad\xf7-]i\xda\xaaD\x91\x00\xf8\xeeUN\xa2\x82\xb6\xbd/\x00j&lt;t7oAic\xbbZ\xfe\x0f\xe0\x83\x92F\xa1N\xdf\xad\xeb\xce\x9b\xd2\xa7.\xd0\xb1V\x9f\xaf\xca\xb6_\xae\xe8g\xea\x82+t-\x0eV\x9eJ\xea\x80\xed\x00k\xb0l\x83O\x85\x12\xad\x16Q\x9a\x8aY\xca\x0c\xe1|\x99\xba{M$\xa1\x82\x1b\xff\xc3\xe6\xcb\xa6\x07q\xf6\x19\x06/\xbfqO\xe0Q\xe6\xaa&lt;\x9a7\x87\xca]\xd6\x9a\x9e~\x16\x05BWi\xace\xb1\xf3\xd7\x9a$\xffZ\x13\x1e%\xe5\xa5+\xfc\'\x00@\xce\x1c\xce\x95p+6y\xdb#J!\xf3&amp;\xc8%\xba\xdeT\xde~\x14\xcc\xc2U\xf2bD\xde\xb6W\x8d^\x7fW\xe8*\x91\xb2\x12\xa32\xd8$\xf5\xf2\xc8\xd3:\xac\xdc0!\xdb\xe9\x8eSN\xda\xc6\x9c\xfa\x02\x1b\xfa\x99\xbb\x9fJo\x1c\xa6\xadj\x97\xba\xf0RX\xfc\xf4\xa4\xad\xbf\xd9\xa7\x1e.M\x81\xdab\x8d\xa3O\xfe\x0e\xe6\xcf\'7\xdf\xf9\x00\xa24B\x1f\xe7m\x83&gt;\x19\xcf\xb2\n/Pg\x97\x94\x96e\xc4\xeb\xaa\x14e\x9b"\xfa\xd7 \xa2\r\x17\x85\xda\xcd\x94D\x05\x88\xbc\xe4e\xec\xde~\xe21\x1d\xea\xa7\r\xe653\xeb\x99\xcbv8\xccX\xc7\xc8JI\x12%3]\x962\xfaGO\xf7\x8ah/\xf4\xb5\x8atp!\xa5\x06\xa9\xe8\x80\xc9+\xdcd\xbe\x05`\xff]\x99m\x81\x0f\x99\xfaZc\xcd\x19\x92\xd0\xc8\x80\xc5Wd\x0c\x89\xa2\xecP\x93\xcf\x1b\xe63[p\xf0\x15\x91\x9bx\x1a\xc5\xdfg\x12\xceE\x86\xbc\xd5\xc6\x02(\xdej\xa1\xac\xe4N \x83\x95\xa1H\xafJ\x9d\xd7\x94n\xb7\xb4f\xef\xcd\xfa\xe5\xfa9\xb7\xfc"\x9fjd\x9d)D\xfeB\x17n\xbf\xa6\xfc\x03\x0f*\xd6\x97\xe9P\xfd\x0b\xf5\xd0\xfd\x97$\xe1@\x98goe\x1c\x91\xa6\xa2\xe3\xaa\xf3\xd9\x92*_[\x00\x1d&amp;\x9f\xb0\x9e\x0b\xb2\xc5JS\x92\xf9ql\xbc\xc4\xf3}\xbeL\xea\x83\xe5Q\xb1\xd3jGW\x81(y1\xbe\x9d\xda\x94N\xec/\x9e\xc3\xfc\x9f\xcf\xd2\rI\x7fj\xf4\xda$\xd2\x07\xa7\x89\xb4\x8d\xa7i\xa2J\xb7uI#\xec$Lp\x02sF\xd5\x9d\x9a\xf4*\xc8\x07@\xc1\x86\xb2,b\x0e\xff\x02\x00\x83\x97\xdf`\xa6\xbf\xd9+\x0c\xf7\xcc\xd7\x8eR\x96f%a\xd6\xa5s\x10E\r^~\xc3\x88O4\xba\xde4\xb5\xc6\xb7\xae\x89@\xd4w\x87\x12\xcd\xfa\x7fF\x87\xd5B\x8c(GW\xc0EH]\xd1\xf6\x0bM\x95\xb7\x8d\xd0V\xe3/\xac\xef\xb7\xf1\xd0\xdd\x9c\x0b\x9d\xc1L8\xa5\xd9X\\X\x8a+\xb9.\xb2\xe0I\x88\xf3\x19J\xa1U\xe9\xb6N\xc4\xbbQ\r\xfe5\x88\x08\x00\xdbDQ\x84\xd0\xd2\x83\x01\x0cZv\x9d\xd1j\x07\xb0\xe76\xbaL?m\x9b\xb2\xc7\x9c\x0b\xbc\xbd\xef\x9a\xb3\x9a?\xd1\x94\xa5\xac;\x80$\xb4\x91\xbcX\xed\xbe[T]\x99\x92\x88\x882\xe9Y\x99\xcf\x9a\x07\x86\xf4OZ\xef\xbf\xfc!r\xeb\xb1\x87\xba\xcf&gt;/tm\xe5\xaek5\xd6$\t\xd7`\xbd\xd9"\xdd#Ok\x87V$\x9b\x86k\x0b\xe8V\x0b\r\xd4\xe8\xb5\xa9p\x93\xd9\xd9d\x8b]\x03x\x0b\xe4\xab&gt;\x8e\x88\x96\x1e{\xcb|x[~\xe0\xf9b\xfd\x0b\xf58\xff\x82\xb7\x0b\x06y\x95\x13.\xc1\x8b\xfck\x10\x858\xdc\x9c\xfe\xcb\xa0\x08\x11-&gt;\xfa/\x00\n\xae/\xef\x12\x1e\x9bX\xddHo\xb5\xb0\x91\xb5\xec\xd0b-\x17\x18X\x9c}\xf9\xe6g\x1d\x96\x7f\xd8\xc44\x98\xae\xd3J{f%kT,\x91\xab4\x95\xe6~\x93\xf8\x91\x8b\n\xc2dk\xa2GEy\xc9a\xb4\xfc\xf7gI\xb9\x0e*\x1d\xdab\x1b\xce\x90~\x8f\x958H$!\x9f\x0b/1`\xc9U\xf2,\xcb\xa8"0\x1f^\xee*\x1c\x7f\x95\xdcDyl\xb5\xb1X\x9f\xb7\x84\x9e@\xdf\x05\xdf\x1b\xf6\x0b\x92H\xc4#wk"\xcaT\xbc_\xdf\x85\xb2o\xb8+\x98V\xc46\x98\xee\xe8*\xe8\xcf\xec}\x7f\xfdk\xfa|\xf4_r\xb0\xfe&lt;\xb3\xc9\xf1\xc2g\x0c\xf4\x12\xaf\x12~1\xbc.\xbc\xc0D\x03\xfcO\x16\x1e\xfe\'i\xa7A5\x15;k\xb31\t\xa8\xa9SE\x9c\x82\x8b\x7f[\x0f)\xd2T\xf2\x8b\xee\xb2\xf2\xdb\xff9\xa8:\xfc\x00\xb8\x0b\xec\xbee\xa9j2\xf3\x17\x1b\xc2\xb6\x14M\x91\xabeT\xdd)\x82\xdd/@\x94W\xbc\xa0\x17N\xb0\x93\xf4\xe5p\xfa\x89\xe2\xbb\x9d\x92\x7f\xe5\x89+\xd7\xa0\xef\x84\xcf@\xd21\x9e\x93\xc9\x86\xad\xbc\xe9\xe0\x9a\x08\xb0\xeb\xa6\xe9\xdby\x01\x14n2\xc7\x88"\x9a\x8d\xfc\xe6\xa3\xf4\xf47\x11\xf6\x17-f\xd4\xbc\xf0\xd0?B\x1e\xe5\xae\x8cSX\xc6\x9f\xfbK\xe2\x81\xed\xba)|Vo\x8fr\x97\xa6t\xdb%\xba\xe7\xa9\xd3\xc2Lb\xe0\x17\xe6c[x\xf8\x1f\xcb\x91\xfb@\xc2\xa4\x13\x8d\x87\xee\xc9[m\x9c\xe5\xe0\x9c}\x7f-:\xfcZ\xa4\x03.\xd1j\x91x\x91\xd5{n\xd4\xa3\xe6I8\x92\xc0\xf8&gt;rZs\xde\xc09\x0e\xc0\xab\x9cyt\xe8\xe4\x18+\x81\xcc\xdc\x84\xb7\x92\xf7!ei\xf6\x17\x9d&lt;Gs\xa9\x8c3HO\x98\x86\xaf\xbe-\xb7\x9a\x8ef\xdf\xcf(\xd1\xda\xd2\x8a\xf99\xac\x1eY\x9b84\xee\x85#\xb5\xfe]\xe1[\xd5\x03V\x98)\x00L\xd8\xb2FCLbs\x9b/\x03@\xd3\xe1{\xc9\xf7\xcc\xf0\xa4\x00\x00 \x00IDAT\xaf\xb29U\xd6=\xb71~\xb3\xf0\x024\xd0|\xe4~\xb1\xe2\x02j\xdc\x06\xc8\xa3\x94\x9c\xdaE\xd4\x9c\xa8\xf6\x87%\xc1K\x1a\xa2\xcc\xb2\x13\xfb\x8a|\x05\x00\xba\xcd:\'#\x93d\x14d\x1f\x1d\x0cA\xb7u3i\x88\xd2\xd8\xa3"\x1aP\xd2\xecD\xaa\xc8\x7f\x08\xcbsA(M\xeb\xb1\x87l\xd6\xb4\xac4O\x14\xc7x\xa9\xd9k3\x11\x8d\xd9pO\x91\xe9lX\xf9\xe1|\x87\xc3\x85\x02}$a\xc2\xd7\xd2X\xf3J)\xc9#E\xc9\xd4\x91\x1d\xf5\xa8M\x12r)\xd6r\xc1=`\xc9\xd1\x7f_\x00\x96\xcf{\xc4\x9a;=\xe6\\`\'\x03\x90\xa3\xe2\x08\x91\x0e\x98Db\x83\x06\xd5\x8dm0\x83=\x00\x0f\x11\x8ds\x95\xa9\xb8\x1a-\xe2$t\'\xaa\xee\x94\xc7\xaa\x86\xa4u\xfbo\xb3i\xeb\xe5\x8f\x00\xe4\x92&lt;{\xb3\xb0\xf2\xc3\xda\xf1hu%\xd3\xbd,\xe3\x08)5\xf0o\xe3\xc7\xfd\xc3V\xdd\xe2|\xb0g\x9f\x83\xc8\xeb6\xeb\xc8\xf2\x13\xef\xfb\xcc\xff\x8e\x88\xf4\xda\x84e\xf6\x9c\x15\xcd\xee\xb32\x917l(P6\xc1\x012\xd1\nH\xec\xff\x1c\x84Y\xabR\xdb\x1ai\xda\x1a\xbd6\xe9R\x9d$d\xd2r\xccA\xe6\xf3\xfb\xcf\xaa\x15\x08\xe4\x18\xd0\xfa\xe4\xef@\x14w\xed\xbdX\x07\xec\x93\xbf\x83\xc08\xd5\xdd\xca\xaf4k\x13\xd6J\xcf\x97\x87\x8b\xf9+\xaa1\x90.\xda|~\xceJ\xa3\xd8G\xb6^AX\xf9a\xd6\xea.z\xe0Y\xe6\xd8#4\x19\xb6W\xe7l?[\x92\xb3\xbf\xd9j=6X\xfe\xafx\x87H\xc9\xb4]\x01\xe5\x12V\x18\x94\xf3\x97@\x9e\xaac83\'\xa5T\xe9\xbaN\xaf\xca(e\xd9\xf1wDdY\x89\xfdr\xb0\xeaG\xdd\x8a\x9b\x8erU\xf2\xc3D\xa6\xbf\xcc\'\x13]o*\x91\xb7\xf4\\GJ\x7f\xbfZ\x8f\r&lt;G\x93\x155\xff/\xa5l\xef\x9a/\x85\xff\x1c\xd2d%&gt;\x11iJ\xb5Y\xbc\xfe\x82q\x95t\'\xa2\xb41\xb2\xbc\xde\x93\xd0\x07\xc9n2\xa8X_\xa20\xa5\xd9^x\x89\xa0b}\xd5V\xeaK"u\x05\xde\xc3m\xc6\x1f\xd1\x94\xad\xa3\xc3\x15\x17i6\xd7\xc8\xec\xd5\x05\x0c\x90\x8fI\xe5U"\xa0:\x0f\xc9,]\xa9m B"\x8a\xa89A\xa4\xf7m5\xf6\x10\x11\x11\x05\xf3d\x9c\xaa\xcc\xd2co\xd9\x07z\xcd\xbb$V\x91\x94\xa5\x9e\x89~\xda\xd9+\x8c\x10z\xf7\x9c\x11%\xbd\x94j\xb4z\x1f( =\xeb\xffJVz\xb34&amp;\xca\xaas]\xac9\xf9\x87\xe5\xb5)\xa2\xf0\xd2 \x9d\xabb \xf9\xc2k\x88\x04W\xb6\x17\xe9\x0bv\x97\xec\x80\x01h\x0c\x88\x914\x15v,k\xce|rt\x15\xf4G\xae\x08\xbe,\xb4h\x86p\x99\xbc\xed\x11\xbbO\xfd\x00\xf8Fwn?\xf1\x18\xf3\xe7~\x81Hey\xaa\x8ea\x1bK[\xe1U\xae\xd9\x88}\x96\xf9\xb1\x05\xf1\xcf\n\x80%H\xa8\x00N\xe1,\xe0\x9c\x8c^\x7f\xd7\xd1UP\x81Ul\x80\xb9\xdf\xbc\xb0&gt;+\xe1\xde\xa6\x03\x9a\x16T2y\xe6k\'\xe7\x9d\xccUy\x94\x86R\x12a\x04s\x1cO\xaf\xb9\xa2\xe3h%\x08\xab@\xa4 \xa2\xe0\xe2\xfd\xf5*H-\xe9\xa5\x93|\x8e\x00\xe0\x9fT}YXvO\x8d7M\x0f\xaa#\xbe\xcel\xb3\xec,\xb1\xa5w\xf9\xb5%\xa5\\\x00\\y+\x98~\xef\x9d\xa4\x08\xc4\x9f\x1d\xe9\xab\x13\xa5Vwi\xbb\t:DK\xd4\x12\xcf\xd4;"\xa1L\xfbe\x02\'\xf9u\xdf\x82KXu(\x19\n\xf7\xb2&gt;\xaf\xf2V\xd8\x9f\x14\xd6\x7f\xca\xb4\xcf\xe6\x994\x00`\x05\xdcH\xe2\xf3\xc0G:\x89\xf1\xcc\xde\xf7\xd7\xa2#o\x1c]\x0b\x05|\xf5\xbd\xdc\xde\xd7\'\x7f\x07\xf1\xac&lt;\xf3\xb5cR\xae&gt;\xfdQ~\x05\x98K\x8e?\x02\xef\xe2\xed\xde; \nW\xf6\x93\x92\xb0+L\xa4\xe1h\x00\xd1\xf5\xa6\xea\x9f\xbd!\xe1\x11\xf5W\x98O_\xa8\xbb\xa8\x88c"\x99K\x0e\xd0PN\xaa\xc5G\xff\xd5p\xb9j\x82\xear\xc6&gt;?~\xc0\xbc\xfd/;N9\t\x96G\xa3L\x00H\x199\xfb)\xae\xa1~xG$L\xd9\xfe;\xf3\xff\xb9\xfb_:\xb0&amp;I\xd8\xd2\x99/h\x01\x9b-?\xc8\x97\xe4u\n,]l\xd7\x19gD\xa7\xbf\xb6\x04p\xfe&gt;\xfe\x08\xddf\x9eUWz\xc3\xc1;\xd5\xfe\x02A\x1a\r\xd9\x95\xa4G-@\x8c_t\x17\xfdr\xcb1j\xdd\xcfQu\xa7\\x\xa9\xf3r\xc5\xf5\xff@\xfe\xd5\xbb\xce8\xa3o\xb6\xba\x93\xbd\xc2\xf0\n\x9dV\xf1\x9dI\xc1wP%\xeb\xce3\xb6\xe5\xceA\xca\xbcm\xbc\xc2\xdb\x7f\xfb\x87\xb2G^\xb7\xffv\x00\\\xd5@k\x1e\x02)\xf3\xb4\x11]Ls\xce\xe8]\x06\xa1\xbfK\x9f\xeb"\xa8K`\x16\x9d\xd8~M\xc5T\xc0\x93\x9c\xc9\x04a\xcdYP\xa6zD\xa9&amp;m\xfdM/e\x9bJ]\xd6\xec\xfb\x99\xe7\x07.:\xf2F\xe9\xaa\xb5-\x19\x8a\xf4"*,p\xd2i\xa3\xde\xda\x11\xb7\xe2|wX\xcf\xbe\x81\x88\xfa.\xf8\x1e@h\xe9Azf\x9a\xb24Q \x00\x85\xd3\xd6@\x81\xe3\x1aD\x0b\x0cf\xe8\xca\x9bQu\xa7\xe6\xa9:FsN\xf11\xf5\xa7Q\xa6z:\xd4Iw|\nt`t\x7f\xd2\x17\xeaNY\x1a\x0b%[\x7f\x01D\x99\x8d\x0c\x06\x10"\x9d\xc4)\x99\xbd\xf7\xb9^Y\xd5\x1f\xb8C\xaf\xac\x9c\x8c(u\x97\x05\x14\xb6\xd2\xb5\x08,\xd2[\x87\xba\xb8\x0c\x12\xa1\x1d\xc4\xf1\xcc\xd7V[\xe91\xda.wv*v^=k\xcf3\xa3K\xc9[m\x9ca\x83H\xa5\xee-^\x86\xd4\xc2`J\xb7[J\xde\xe5\xf5\xc8)\xa7\xce\x01O\xa5\xc9\xdc\xc0\xbe\xe5i!VA\xdc\x12WEh:b!\xab\x1d*\xa1\x96B\x8e\xae\x00\x83.A\xcaLD\xd6\x99,\':\x8a\x0b\x93\xdc\x1e\xfe?_2\x19\x8a\xf4\x92\x91\xcax\x1bf\xbbR\x10\x00[\xf1~\xea\x8e\xc7&lt;\xa9\xdcK\xd8\xafF\x8e#\xce/Fp\xd3\x02\x80\xa1\xee\n\xb2Fv\x96A\x80]|\x01\x93\x85\x19a\x9e\xe0p\xa2\x1c]\x01\x1fy\xa3\xf8\xc2\xc2\xcb\\N\x89{\t\x1d\x07\x16/\x9cf\xb5\xdc\xceD\xd7\x9fF\x14\xeb\xe8Z\xa8\xa1\xc1\xa0\x9dq\x8dgi\xcb#ZF\x1a\x91\xb5=e\xb3\xd8\x1e\xb3\xcf\x0f^~\xa3\xc3\x94\x93\x8a\xae\xd2\x95\x8c\xbbnB\xb9\x93\xf1\x17I\xc96\x8b\r\xcd\xff\xd8o\xd2-\x8e\x16\xebv\x15\x8cX}\xe7\xdcs\xc9Z\x19-\x04\xf1\x19"g\xb1\x0e\xc0\x95\x7f\x8d\xef\x84|*0r]NE\xaa\xbcm\x01P\xaa2*\xaf7@\x9a\xd1n\xdb\xe7M\x87;V\x04\xd1-udG\x17\x1b\xf9%\xa2 \x02n\xe6\x92\x03)\xa0\x06Q\xda\xf8f\xf3\x8c\xab\x90\x9d)\xd4hf\xe2\x1f\xde\xe5[\x8c\x12\x0eg"\x81S\t\x89\x04\xd40&lt;(^\xb6\xa6\x13\xb7\xfcjl\x11rHS\xc9\xfa\xef\xaci";9\xa6&amp;\x86\xa0\x97l\xac\xa2\x95\xdb\x14Cm\xa2\x87\xba\xe5h!y\xd9S\xc0\xb1q\x9c\x1c\x88Yy_\xb1\xea\x9c\x19\xfdm\xfa\xaav_\xaf{\x9e\xbc\xe8j9\xac\x06\x1b/R^\x14G\xb2\xa1l\x8c$\xbe\x81[\xa7\xf3\x0e\xfcm\\\xe6\xaeE\x8d^\x9b\xec$\xf6 \xa8\x02\xab&amp;\xc8\x92 e\x13\x96\x03\xe81\xfb\xbcA\xde\xbd\xee9[&gt;u\xe157ccO\xba8^\'\x1f#\xb2\xced\xa5\x97u\x9avJ&lt;A`|o\xa2x\xb5\xb5\xb2\xa0=\x07\x8d\xf8\xf2\x1e]v\xe2\xbd\x9d\xeb\xa17\xba{\x82\x9a\xdc"\x0c\x1b\x13[\xf6\xefE\xac+B\xeb\r\xd8\xce\x0e=\xa9\x04v\x8b\xac\xbc\xffvE\xbe\x8c\x8d[~\x02k\xa9\xbf\xd6=gK\xdb\x83\xda=\x19\xa4\x88\x11\x0f\xa9\x96\x84k\x12\xd6`\xd0N\xe5\xe1\xcc2\xcb\xf6\xc6Ky\xeaO\xa4+\xd8Mq\xbd\x9c\x1dI#;\xe7\'\x13\x91\xb7kE\xb2#\xa2~\x0b\x7f\x109\xdbz\xdca\xa2\xfcj\xf2\xb5\x8b\xd9\x8a\x11\xa4\x8d\xed\xca\xdb#\xc8\xc0\xcev\xc2N\x85\xeeK\x1d\x81\xb5\x01pTF%\xe0\x0fD\xc8O\x9f\x05\x97\xdf\xb9\xf0$8\tA~\xfc \xf2X\x85t1SP\x8a/x\xf8l\x0fR:\xba\x02ZP\x13\xd1O\x17j\xf7\xdd\xc2\xfa\xcby\xe3\xd2\x7f.;\xbby)\xa0\xa6\xb2N\x87C\xca\xd2\xba\xd5\xc5\xd5\xc8\xf8\t(P{2\x11\xb3\x16Q@b\x0e\xedY\xc6i\xbcSxI\x97*\xafFWH\xd7\xe0\xe5\x979\x0c\xcaX\x9bs\xa0r\x97\xb5\xf6,\xff\x89.\xb7=\xa4a|\xf3y\xb2\xf6\xce\xf5\xf1\x86\xd4\x93\x9f\x14\xdf\x81\xd4\x1a\xb6\xc9\xd5\x12T\xd7^%e\x95\x9b\x90/\xdcY\xa5.k\xd4\xc9\x80\xb4\x1e{\xe8\xe6G\x84\x96\x1e\xac\xe2Z\x83Q\xb3\xa9Q\xae\xc3\n\x95+\x16\xceG,\xd3\x83\xf6\x16\x8f}\xc6\x03K\xf2\xde\xa3\x94\xd0\xa6\x97\x91\xe8 \xceb\xfc\n\xbc\x1dH\xc9\xff\x132\xd4\xb4\xfa\xde|+\xdb\xadB\xce\x83\x03\x83\x16\xfb\xc7\xf5\xdcp\x11qMfk\xcf\xaaR\x975\x00\xa6~\xfd\x87\xf6\xac\xec\x0c\xa3\x8b\xf7\xc5\x9a\xdd\xd9\xf2\x83l\x17\x80v\x13\x8e\xf2\x1a\x1ce+7T \xdcHA\xf2*\'\xb4\x0f\xfd\xa7\xa9\xa1sQ;pc\xe1\x8d+\xaa\x05\x8e\xbc\xbe\xb0\x8c\x80W\xb9\x9f\xcd\x8a\xb2\xe7_\xb8n?\xa42\xd8\xdc\xcbD\xb5^\xa7\x0b\xac\x91\xbd\xfcp\x9e\xfd\x86\x80\x9a\xbc\x89\x1d\xb0\xcb\xeeY\xd6\xde%\xba\x16!\r\x0f&gt;\x90\xfe\xa0\xb2\x94\x915#\x19\xb1\xe6\xcec\x80\xc8Ms\xb5\xec\xcd\x99\xa7\xba\x0fp]z\xde\x13id\xfd]U%\xd0\xe1\xbc\x01\x84\x9aV#\ti\xb0\xf7\x0e\xdcr\xb4 \xff\x1a\x8a\xaek1\xea@\xca&lt;\xad\x89\xe83\xd0:\x1e\xbc\xfc\x86\x93\xce\x80\x03k\xdbxO\x15t\x92\xdd)\xdd\x07\x8c\x9f\x1fH\n\x10IDT\x08\xc0\xde;z~_&gt;\x05$BK)\xc0\xc5\xd7\x84\x9a\x8d\xd87l\xd5-G\xd7"\t\x87\x10T\'g\xc5\x91\xcc\xa8\xc1#Ok\x98"\x9e*p\x18\xb7\x0f\x8d\x87\xee\x96\x9a\xabi\x9a\xfbf*\xde?W\xe5\xd1Zr\x90$\xaa\xeeT\xca\xcc\xc4\x08\xd2SaQ\x13i*j\xb8\xd8\xa9\xa2q\xe8\xac\xaa\x9f\x04\x83O\x81\x0eD\xc1\xcc\xf6Vt\xbdi:\xe6&lt;f\xc3=]\xf2)\xd8pf\xab1\x87t\xc9\xca\x00d\xb9\xba\x96i\xb7\x8c&lt;\xcb\xa8^\xffK\xc2N\xe4\xaf5\xd1\x90x\x93\x16R\x95f\x16rm\x95\x19&gt;{\x82\x8a\xf6\xd5+\x02\xa3P\xa8G\xf7\x9c-\xa6\xecx|\xe4W\x10\x15\xd4\xa5\xa0$,\x14o\xb9\xd0\xe5\xdci\\\x0c/\xf5[\x15-F\xed\xb7\xdd&lt;^vB\x1f\x81\xb3\xd1\xeb\xef\xca\xd1\x8dq,!\xa5dn-%\xf5\xc1_6\x97_\x03@\xf2\xec\xcd\xb5e\xa3)\xae\x8b\xcb#\xba\x11\x00\xc0\xb9\xc30h \xa8\x8e\xa3k`o\x0e\xdcw\xca]\x0fg"\xaa\xeeT\x00\x15;\xaf\xb6c\x99\x1c1"\x97\xe9\xd5"\xebL\x96\'7\x9d\x84\xcb\x02\x80\xb29 \x86A\xd3\x11\xfb\xec_\xa85\x06F\xaaP\x86\x8f\x93y\x98\xa4\xad\xaa5\x87\x0c\xb5"\xebLI\x91\xbb\x95p\n\xbdT6\x9d\x88\xcf\xc2\xf0\xde`\xb26\xbe\xf5\xc9\x81w\x89\xe9\x89\xe5w\xc0\x0e\x8e\xc9\x98*o[\xa2Hg\x0e\xd9\xab\x9a\xfe\x8b\xaf\x04\x14\xee\xe9\x04\xcbT\xbcf\xe7v\xc0,\xcf\xc6\xd1\xbf\xf6\x8eH\x10\xbe&amp;\x84(\xb7G\xee\xd6\xba\x94?}\xe7\x9f2Sf.1@\x97\x12m\xd0\xdd\xee\xc9%\xcc8\xa3\xa4\x93\x04\xd7\xd7\xa3 \xa1]\xd8\xf4.\x1a&lt;G\xd2\xb4\'\x7f\xadI\x9a\xbb\x96\xf0\x8b/\xf9s\xc8_kR\xed&gt;[\xc0\x87\n\xddP\x87\xe1Q\n\x80\xfco__\xd2\x17\xeaADJ\xec\x03\x1cn\x8b\x9a\x8f(\xbd\x0e\x03b\x97\xc4\x85\xd6M\xd3W\x9f\xf6\xf5\x1fFk\xa9X&gt;xCKq]\xdcrh\\\xa8WT\x96\xfe\xbb\\I\x0f\xd7\t\xc8\xc8q5\xe4\xedqyYp\xf0\x95\xa3*\xad\x88q\x9b\x1e8\xba\nD\xa1\r-\xd3\xca\xd0\xd2\x83\x1c[\x17)\xdc\x16\x1fy\xe3\xe8:8\x1a?\xc7\x99\xb5\xcbS\x87\x8c\xea4\xed\x14QA\xa2B\xec\x95\xd5le\x87\xaa.\xf7=\x7f[\xec\x01 \xb7\xc1\xe6\xc1\x0eE\x83\x88\x9a\x1d\x19\xba\xe2G\xdd\xf34w\xc0y\xe4\x85\x19\xcf\xae{\x05\x92\xb0 \xbf\xdf\xe50b\xcd\x1d\'\x88Wa\x8b\xdd$\xf3dFMp\xaf\xd0i\x15\xf3\xbfc\xbf\xa1\xd3\xd4o\r\xab\x8fv"\xc8\xa3\x94\xd0\xb9\x82\rg\xa4\xcc\xd3F\xbfH&gt;25\x97\x1c&amp;,j\xa1\xcb\x8c3\r\x06}\xcd{\xcaCl\xe7\xcb`\xfc\x0b\xf5\xa0t\xd5\x88\xbc\xb5\xcff\xa6\xecx\xacW\xad\x9c\x12\xd7\x8e)\x9d\xbe`w#\xb2\x9d\xb2\xfdw"\x92\xf7\x819\xb3\n\xa9\xab\x93Nu\x07\x0c\xe0%`D\x80aW$_\xf5q\x</t>
        </is>
      </c>
      <c r="E401" t="inlineStr">
        <is>
          <t>&lt;class 'numpy.ndarray'&gt;</t>
        </is>
      </c>
    </row>
    <row r="402">
      <c r="A402" s="1" t="n">
        <v>400</v>
      </c>
      <c r="B402" t="inlineStr">
        <is>
          <t>steps_per_sec</t>
        </is>
      </c>
      <c r="C402" t="n">
        <v>5800</v>
      </c>
      <c r="D402" t="inlineStr">
        <is>
          <t>5.3494916</t>
        </is>
      </c>
      <c r="E402" t="inlineStr">
        <is>
          <t>&lt;class 'numpy.ndarray'&gt;</t>
        </is>
      </c>
    </row>
    <row r="403">
      <c r="A403" s="1" t="n">
        <v>401</v>
      </c>
      <c r="B403" t="inlineStr">
        <is>
          <t>Loss/localization_loss</t>
        </is>
      </c>
      <c r="C403" t="n">
        <v>5800</v>
      </c>
      <c r="D403" t="inlineStr">
        <is>
          <t>0.014926773</t>
        </is>
      </c>
      <c r="E403" t="inlineStr">
        <is>
          <t>&lt;class 'numpy.ndarray'&gt;</t>
        </is>
      </c>
    </row>
    <row r="404">
      <c r="A404" s="1" t="n">
        <v>402</v>
      </c>
      <c r="B404" t="inlineStr">
        <is>
          <t>Loss/classification_loss</t>
        </is>
      </c>
      <c r="C404" t="n">
        <v>5800</v>
      </c>
      <c r="D404" t="inlineStr">
        <is>
          <t>0.30902663</t>
        </is>
      </c>
      <c r="E404" t="inlineStr">
        <is>
          <t>&lt;class 'numpy.ndarray'&gt;</t>
        </is>
      </c>
    </row>
    <row r="405">
      <c r="A405" s="1" t="n">
        <v>403</v>
      </c>
      <c r="B405" t="inlineStr">
        <is>
          <t>Loss/regularization_loss</t>
        </is>
      </c>
      <c r="C405" t="n">
        <v>5800</v>
      </c>
      <c r="D405" t="inlineStr">
        <is>
          <t>0.03683054</t>
        </is>
      </c>
      <c r="E405" t="inlineStr">
        <is>
          <t>&lt;class 'numpy.ndarray'&gt;</t>
        </is>
      </c>
    </row>
    <row r="406">
      <c r="A406" s="1" t="n">
        <v>404</v>
      </c>
      <c r="B406" t="inlineStr">
        <is>
          <t>Loss/total_loss</t>
        </is>
      </c>
      <c r="C406" t="n">
        <v>5800</v>
      </c>
      <c r="D406" t="inlineStr">
        <is>
          <t>0.36078393</t>
        </is>
      </c>
      <c r="E406" t="inlineStr">
        <is>
          <t>&lt;class 'numpy.ndarray'&gt;</t>
        </is>
      </c>
    </row>
    <row r="407">
      <c r="A407" s="1" t="n">
        <v>405</v>
      </c>
      <c r="B407" t="inlineStr">
        <is>
          <t>learning_rate</t>
        </is>
      </c>
      <c r="C407" t="n">
        <v>5800</v>
      </c>
      <c r="D407" t="inlineStr">
        <is>
          <t>0.07997571</t>
        </is>
      </c>
      <c r="E407" t="inlineStr">
        <is>
          <t>&lt;class 'numpy.ndarray'&gt;</t>
        </is>
      </c>
    </row>
    <row r="408">
      <c r="A408" s="1" t="n">
        <v>406</v>
      </c>
      <c r="B408" t="inlineStr">
        <is>
          <t>train_input_images</t>
        </is>
      </c>
      <c r="C408" t="n">
        <v>5800</v>
      </c>
      <c r="D408" t="inlineStr">
        <is>
          <t>[b'640' b'640'
 b'\x89PNG\r\n\x1a\n\x00\x00\x00\rIHDR\x00\x00\x02\x80\x00\x00\x02\x80\x08\x02\x00\x00\x00\x83\xaf^t\x00\x00 \x00IDATx\x9c\xec\x9de\x80\xd4F\x1b\xc7\x1f\xdc\xdd\xe5\xe0p\x87\xc3\xdd\xdd\xdd\xdd\xdd\xdd\xdd\xdd\xdd\xdd\xdd\xdd\x0b\x94\xa2\xc5ZZ\xa0\xe5\xa5-\x94R\xf7\xfe\xdf\x0f\xd9\xcde\xa3\x13\xdb\xec\xde\xe5\xf7\x01n\x93\xc9\xcc\x93d2\xfa\x08\x91\x97KoP\xa5\xdbz"\xfa\x02\x00@z\xc8Yk\x12\x80l\xd5\xc7\x97i\xb7\xbc\xcb\x8c\x0b\xd1\xb2\xb6\xd5u9\x8fR\xb9\xe5:\xac|\xad%R\xc1\xc6s\xd8\x0b\xcaW\x7f\xba\x0e\xb1\x88\xe0\x0b\xc5\xad\xdca\xf2i\xeeT\x9a\xd2\x83\xe1\xfb\xc4B+\x8d\x92\xcd\xe4\xdcW\xf2\xb7Pw\xc0\x0e\xc5\x82\xd35\xee2\xfd&lt;\x11\xd5\x1b\xb0\xf3\x03@D\x9d\xa7\x9f\x7f\xfc/\x00\\z\xe3\x93\x9bP\x86\xa1+\xef%.\xd8\xabN\xff\xed\xdc\xcf\xc5\xc7\x7f\xe0\xcf\x0eX\xf2\xf1w\x00Q4\xee\x12JXM\xa6\xd0\xb4\x8de\x9f\xc0\xfa+\xff\x10Q\xe9\xb6\xcb\x8a\xb5X\xa8(\xb0\x1c&gt;\xaf5FY\xf5\x94\x95\xba\xac\xfdOp/\x89\n\xf6d+$\xcf\'?s\x97$\xd3%\x9b\x8b\x8b?\xd1\xdb\xb4\xfa\rQ#\xe6\x12\\\x84E\x88\xf7\x97\xef\xc2k\xf9[\xe80\xf94\x80\xa7@\xbf\x857\x8f?\x17\xa7\x89\x91\xbd\xbd\xef\x81\xcc\x8a%\xc4(\xe7\xf9#I-\xfe\xd8\xc0\xa5\xb7E\xa9\xaat[\xcf\xf5\x91r\xc4\t\x1f\x07\xf8\xc2\x1f\xec8\xe5\x0c\x80\x1f\x05\tv\xdd\x01\x80\xbe\x0bo\x00HUrP\xab\xb1G7^\xfb\x8f\xa2\x95\xe6\xce\x9e~\xa1\xfd\xee\x00L\xdc\xfa\x9c\x88(~\x95COt\xbe\xe8\xe8e\x01\x10\xa5\'J\xb8\xff\xa1\xe6\xb5a\x0f\xffRK\x13/_W}\xa5\xbbDb\x82\xbfQ\xf2\x17\xa9\x1a\x00\xa08\x95\x9c\x96\xc3\x87\x83\x8f\xb0\xe6\xe2\x9fNK\x11\xccxz\x85\xa4\xb5\x9d\x16\x84\x91,\xca\xa7\x123f\x11\'wg\x9d\x85\xc6\x94\x1c\x89\xc5xeX\xa3\xd9\xdc\x13\x1e\xb5\xee\xd1\x9c\x03\xdf\x00(\xd3n\xb9\xb4\x87\xe6~\xb6\x9dpr\xd5\xb9\xdf\n7\x9d+&lt;~\xf0\x11\xb8?\x06,\xfeX\xa5 \xd3\x03\xac\xc4\xac\t\x93\xd4\xa4\xe4uU\xceW\xe9\xb6\x9e[\x15`#\x0es\xca\x80#a\x81\x1e\xfe/4~\xc0\x8fo\xd6_\xf9g\xdc\xa6gD\xc9Y\x12\xbb\x1d\xb0NT\x1a@\x7fS\xb3\xcf\x96\rW\xff\xb5\xe3\r\xce\xda\xf7?\xcb\xf3\xb4\x8b\xbf\x00\x00#\xd6&lt;\xe4~\x1ax"\x01\xf2\r$/\xda\x8f%Y\x8e\x9a\x13\x15\xce$#\xa2\x989:\xcc=\xf8\xad\xe2\xc5\t\xab\xef\xb9\x872\xed\x97\x8b\x0e\'.\xd4\x8bMFVZ\x8e9\xca\xfd\xf1\xad\xa4\xaf\xad;`Gx\x07\x9c\xb2&gt;\x11E\xc9\xdcz\xf7]\x008\xf5%\x88\x88\xd25\xe1\x13?\xf3\xbd\xbc`\xe39\xdc:\xb3,\xfc\xaa\xbb\x94\x9a\xbd\xb7P\xb42\xdc\xdf\xddf^\\|\xe2C\xd1\xe6\x0bt\xdcO\xca\xfa\'\xf8u\x85\x8c\xcd5\x93\x97j\xb3TG\xe6\xf2\xe8kh\xb2V\x1b\xafz\xbe\xb8\x19Q"\x1b1st0\x97A6\xf6\xa4\x00\x0c\xef\x88\xb98K\x80t\x1c\x81@V\xa2&lt;\xdc_\xfd\x17\xdd\x0c\xda\xe7\x92P\xee`\xa8\xf0G\xb4\xacm\x94.NSz\xb0\xe7\xaf\x14\xf5\x94\xd2\x84V\x1cE\x14FTXE\x08K\x9e\x9e\xb0\xd7\x04@\x94Oz6\xac\xd1l\xdf\x8br_|\x03\xa2$\xb2Yu\x9az\x96\xa8(%\xa9\x95\xa1\xc2\x08#\x02%\xabM\x94\x9d(&gt;\xa5\xac_\xb9\xebZ\x00]g\\\xd0\x95\x81?+\xd5\xc7?\xe17\x9d\xc5\xed{\x00J\xa6\xb8\x8a\xd3c\xf6e\xd3B\x05\x14\xb1\xed.\x80yk\xdf8\\\x8d\xfa\'X\x1b+\x17\x97\x885\x06\xd9}\x97\xe5^\xc4\xab\xc1\x00\xcez\x94\xa7\n\n\x0e\xa7\x92\xbb6\xc3y\xb9-d\x00\xeb.\xfd\xd5n\xd2)\xfe\'Q\n\x06I\xd4\xd0\\\x10&gt;\xfdR\xe9l\x1a\xdf\x9f\x89\x89h\xc9\x89\x0f!\xe5\xc3\xfb\xdd\x9a}\xb6\x18\x91)im\xbe\xe1\x16\xcaV\xbe\xd3*a*\x00\x89\x0bZ\xbc\x1e\xe0\x07\xd4\x1f\xf8\xb2S?\xf9S\x18CDeO\xdax\xd8&gt;\xfb\xe4p!\xa2\xd5\xe7\x7fwZ\x04\x97\x80g\xda\xaeW\x00(V\x05\xb6\xe4L\xebB\xcdG\x1df\xef\xd4\x87,\xbf\xc3\x98R\xcaG\xef\xc5\xa5d\xae2FW\x0e\xdb?F\xae\xdaS\x8a6\x9f\xef=\x90S=\xfd3`\xe6\xde\xd7\xa2\x83\xdc\xda/\xc3\x06jt\x8aZ\x8aQ\xb0j=7Z\xa2\xf2V\xb6\xc3\n^S\xda&gt;\x00|\xe6\xbb\x1b\x9d\xb3\xd6$\xbb\x0b\xb5\x9cBM\xe6P\xbc\xcaNK\xe1\xe2b\r\xad\xc7\x1dsZ\x04\x17-\x0e?\xf5i\xe5\x9b\x8f:\xa4\x92\x98\xbdK\x00\x90 \x7fw\xcddm\'\x9e\xdc\xf9\x898C\x83\x0b\xa4\xc6\x88_u\xf1\x89\x0fM\x86\x1f0\x99\xcd\xaf\x00g\x08\xa4\x92\x06\x00Ea\xed\x80=\xe9\xa3\x966)\x98\xdf\x000d\xf9]\xa7\xa5pqq\t"\xd2Y\x9e\xa3\xde\x8d\'GI\xdf\x14@\x8c\xec\xed\x18\x93W\xe8\xb4\x9auN\x96\xa0\x9avoDY\x15\x8e\x07(I\x8b\xf4Q&gt;\x19\x83\xffk\xda\xaeWD\xe9(Y\x9d!+\xee\no\xa7\xd7\xbckD\xa4\xb0Km\x07\xa1\x9aJ\xa4\xd1\xb2\xb9\xaa+\x11\x8b\xd8\x15\x9d\x96@\x93\x9c\x96\xab+\xba\x04,z\x9d1D2\xd25\xb1d\x9dS\t\x95\xcc\x95N\xbd\xb2G\x98?\x05:\xde&lt;\x15;\xafa\xbf\xf7BM\xe6j\'\x920\xef\xf0[\xfeo\x00\x0b\x8e\xbc3\x90Ip\xb1\xf2\xec\xafN\x8b\xe0\xc3\x92\x13\x1f\x9c\x16\xc1\x7f\xfc\x1e\xc0\xe3\xd7p\xf4\xac\x03\xb9\xb8Ddl\xec\x80cW\x14e^\xaam\xb8aI\xed~\xdb\xf8\xbf\xfd\xb0I)\x82\xf3\xb3\xc1\x89\xd7g\xc1G\xfe*6\x94\xe2U\xf1WYj\x0c\x92x\x05\xb1\x10\x87\xd60\xfcm\xda\x18\xc8K5..\x01\x88\xfb\xc9\xc8\xb0\xfdcO\x1f9f\xc3\x13\xc6K\xb6\xdc`}\x8e\x85\x9b\xcd\x1b\xba\xe2\xae?\xf7t\xad\x1cO\xa4idM&gt;\x91\x8d\x90\xa6NK`\x8c\x04N\x0b\x10Y\xe8:\xe3\xa2\xd3"\xb8\xb8\x04\x1c\x194S,&lt;\xf6\xde\x0fr0\x93Iz\xc8\xc2\x0e\xd8\x1d\xaf\x19$\xbdR\x07\xac\xc3\xb5\x82%\xfc\xc1\xbf\xc1\x14\xf2^\xb7\xdcW\xec\xe2\xe2\xe28\xd9\x89H\xdb0?F\xd9\xc0o\xb0\x9a\x8f:\xa4W\xd9\x98(;Q&lt;\xbb\x042K\x0e?\x95\x93A\xdb5\x15#\x81SI\x02G\x12\x17\x17\x17\x17\xb3(\xb5h\xb7\x7f\xb2\xa5\xa5\x03@i\x1a\xea\xbb&amp;ji\x00\r\x06\xef\xb6\xa2|\x99\x19v\xc4\x03\x00Q1\x15\xcf_\xc1\x8b\xdb\x01GB\x18\x8c/\\\\" i\xb4\x93\x18\xa1\xa0v\x12_&gt;\xb6h4\xe0\xffo5Y\xd1\xbee;\xac\xf0s\xa1\x14\xda\xd2\xdf%\xfa\x8b\x88\xdd\xda\xfa\xd5\\&gt;x\xb8\xff\x87\xdaKo8d\xaf\xd5\x05\xa6\xb6:C\x17\x17\x062W\x19{\xea\x85\xcd\r\x9c\xd7\xf5\xbf.\xe0\t\x8a\x17\x940t\xc0y\xfd!\x87\x8d\x84\xf9\xaf\xa8D5\x88h\xd4\xdaO\xfdW\xa2Kd#\x08\x0c\xaf]""a\x8df\xd9:\xc3h6\xe2\xa0U!\r\xccg\x128\xdc\xfe9 n\xa7J\xf7\xf5A\xf3`\xf5)\x04D\x0b\xa6(f....\x81L\xd0\xf4\x13L\xe4\x03\xf0&amp;\x10\xee(uC\x95\x07\x1b\xdc\xcf&lt;e}\xed4\xf1\x9d\xb7\xe7\x0e\xee\x87\xec\x12\xb1\xe8\xb7\xe8\xa6\xd3"\x045\xc9\xeb8-\x81\xf3\xbc\x0b\x86\x16M\xcb\xce*-Q|\xffI\xa3\x80\xce\xbe\xc1l\xd8(\x05\xb2\x13Q\xd2\xc2}\x8a\xb5XhO\xfe..Ddp\xa7\xcc\xc5%\xf8\x00\xb0\xeb\x8e\x03\xddd\x94\xcc\xad2W\xd6\x17g\xc9.\xd26\x06\xf0o0\x8c\x15\x98q\x03\xdd\xbb\xb8\xb8Df\xe2TrZ\x02&amp;l\xf5\\m#IjY\x98Y\xd5\x1e\x1b\x82\xf2!8FI\xa7\x05pqqq\x89QNO\xea\x8c\xf7\x7f\xd7h\xe5s\xd5\x9elF\x1cf|B\xfa\x14j2\xc7/\x85\x062\x01\xeb6\xc4\xc5\xc5\x1fL\xdb\xf5\x8a9mR\xa2h6\x8a\x12\x1c\xc8\xc4\x9ds\t f\xef\x7f\xe3{\xa0\xe0\xae;\x812\xd7\x14\x891_\x10_\xc8\xc5\xc5\xc5E\x9d5\x17\xfepZ\x84\xc8\x08\x80\x1e\xb3/;-Ep\x02\xe0\x0b\x80(\x8f\xe8\xf8\xf8\xcd\x9f9"\x8f\x8b\x8b\x8b\x1c\xd1\x9d\x16 P\x11:$OZ\xdb\x8f\x11\xcf\\&lt;\x04\xc8\xfc-\xe0\xe8=\xef\x1a\x00\xc9\x94\xd7\xc5\xc5%8\x88\xd8M\xdb\xb8M\xcf,\xcf\xf3\rp\xe4iD~h\x81\x06\x808\xb9;;-E`\x92\xb4v\x8d\xde\x9b\x89(G\xcdI\xba\xae\x8b\xd8\x9f\xbdK\xc4$Y\xe4\xb3\xaf\x0b\x8c\x98\xd3\x81\xc6\xdaK\x7f9-B$\xa2\xe3\x943N\x8b\x10\xa0$\xa6\x04\xd5\xb8\xbf\x00t\x99qA=u\x9d~\xdb\x93\x17\xebg\xbbPD\x15:\xaf\xf6C).\x11\x95\xb8y\xba(\x9cI\x14\xb1\x07\x8e\x85\x9a\xccuZ\x84\xc0%K\xd5\xb1N\x8b\x10Y\tiFDqrwrZ\x8e\x80#\x06\x00JY\x8f\x88\x00L\xdb\xf5\x8a(\xad\xfa\x05\x00\xf2\xd5\x9f\xee\x17\xd9"\x03y\xa3go\xe7\xb4\x0c\x11\x10\x95^\xb6\xc7\x9c+\xfe\x94\xc4%\x90\xc8\xef\xb4\x00V\x91\xc8i\x01\\,\x02^\x18\xd3\xd7\xec\xb3\x85\xa8\xb0\xad"\xb9D&lt;"\xf6\xbc\xd3q\xdc\xc7\xcbH\xf9\x8e\xab\xac\xcd0a\x81\x1e*g\x8b6_`mq\x81N*\x06\xbf\xad.B\xc2;\xe0\xe8e\x89\xa28-\x8e\x84\xe4u\x9d\x96\xc0 o\xdd61\x90\x08\xad4\xdai\x11l\xc4\xe6\x0e\xd8&amp;\xe7\xa0\x0e\xe0\x8eT\\\x02\x0e\xae\x03\x9e\xbe\xfb+\xce_\xae\x8b%\xec\xb8\xed~\xea\x01\x86\xeb\xe1\xdc%(\xc9\xe6\xb4\x00.\xb6\x12\xaf\xb2;0t\x89\xe8$\xe4\x06\x9am\'\x9c0\x9c\x85\x7f?\x93,\xb2G\x93\x17\xeb\xf7k0\x87\xb8v\x8a\xde\xf3\xae9-\x82\x8b\x8bQ\xc2\x1a\xcd\xe6\xffv{k\x97 $5\x80\x99{_;-\x86\x0e\xce~%\xff\xa1u\x9cr\xe6]\x80\x84\xa1\xf4\x0b\r\x87\xecqZ\x04\x17\x17\x1b`\xecJ\xaf~\'R\xd4\xca\xden\xe2)\xf9\xa4)\xea\x11\x11Q\x1a\x0b\x84s\x89\xb8\xc4\xcc\xd1\xc1\x91r+w[\xe7H\xb9\x86H\xa1\xf2y\x8e\xdd\xf840\xc6\xc1E\xfdP\x06\x80f#\x0f\xfa\xa1 \x17\x17\xbf\x02\xe03\xd6\xcf\xb8\x00\xe7\xaf\xc3\tb8T\xae\x8b\x8b\x83\x14T\xefb\x03\xa1\x03\xfeYY\x86O~\xb1[&lt;\xd7\x14\xc7%\xc8\x010l\xd5}\xa7\xa5\x08\x14bdo\xef{\xc0\xfa/\xbc\\\x87\x95\x96\xe7\xe9\xe2\x12\x80\xf4\n\xa4=\xd7m\xb7\x00`\xdb-\xe7\x87,..:\x88T\x8eu\x00\xdc\xffC\xfb\x13\xed9\xe7\xaa\x99"*u]k\xf8\xf2\x08BH3\xa7%\x880d5\xa3S\x16\xbc,8\xf2N|(uC\xf5K\xb8}4\xbb\x04r\x91\xa7\x00\xffW\xf9N\x16[`G\n\x82\xb9\xca\xa67$\xbc\xab\\\xea\x12L\x04\xed\x17\x9a\xf2\xc4sE\xc9\x9b\x8f:\x1c7\xaf\x923Q\x02\xd0o\xd1M\xe9A\xa2\x98Z\x85\xa6\x0e\xe4\xc7\xd5U\xcb\x13\xb0\x8b\x7fh1\xfa\xb0\xd3"x\xa9\xdc5\x88\x94V\xc4\x04\xf2\xc7\xe6b-CW\xdesZ\x04\x7f\x90\xba\xe4 \xd1\x11\x96\x1b\xaf\xd3\x7f\x87=\xe2\x18\x84\xc1\xf5^~\xa2t\xaa\t\x92)\x9fRS\x19\xd9\xf2\x91\xdb&amp;\xb8\xa8\xb1\xf0\xd8\xf7n\xc7\xe1\x129\xc9\xe9\xb4\x00\x81N\xd4,m\xf4^\xc2\xf7v\xbb\xefBt\x9c5\x8b\xd8\x15\xf5\x16\xca(\x92)\xbcQdl\xc0\r\xab\xec\x12\xa0\x94pZ\x00\x0bh&gt;\xea\x90\xd3"\xb8\xe8$S+\xdf\xdf)n\xfd\xe8\x8eR9\x12\x855\x9a\xa5t\xee\x93\x9f\xe5=\xbd\xeb\xf5\x00o\x06Q)3\xf6|\xed\xce0,\xc2\x1f6`.\x12\x12:-\x80/\xc5[.$\xcahc\x01\xf1\xabZ\x9ee\xb6\xea\xe3-\xcf\xd3\xc5o\xe4\xad7\xcdm\xc4y6\\\xf9G\xe9\x14\x04\x10\xe5l2|\xbf\xe8\xb8\xbfd\x0c\xa7@\xc3Y|\xb9~\x8c\x0f\x98\xc4_\x05\xd9\x88}\xef\xab\xf1\xb0}6\xe5,\xa4D\xabE\xeeg\x1bN\xdez\xd3)Z\x19\xb93\xba\x82v\xc5\xe6\xbe\xe4\x95g\x7f\xb5F,\xdb\t\xbc\x80\x13.:\x99\xba\xf3\xa5\xd3"\x04\x07\xc2\x0e\xb8B\xe7\xd5|\xf3\xa7\xa3\x03NTc\xd7\x1d]\x8d\xa6\x8e\xf9\x81\xdb\x1c[K\xda2C\x9c\x16\xc1\x8f\xc4*\xef\xb4\x04\xf6\x91\xbc\x0e\x11u\x98|\xfa\xea[\xad/$j\xe9\xaa\xdd7$.\xd8+\xa4\xfcp\x7f\x08f\x05n\x08\xde\xa0&amp;o\xbd\xe9\x19+\x8etZ\x8a\xe0@\xd8\xd1v\x9az\x96\x8b\x8e\x17%s+\xefA\x8d\xe0\xdf\xec\xe4\xadg*F\xf8\x84-\x9f[%\x89\x85\x04\xc2\xf8 \x10dp\x89\xech\xd5\xc2\x02\xd2C\xeaF\xf7\xf9\x1a\xcc\xc8^cB\xe1\xa6\xfa\xac\x9c\x01\x10\xc5\xd6u\x89\x8b\xe5\x00 \nuZ\x8a\xe0@a\xa6\x1b\xbdv\xbfm\xce\x08d\x90\x90H\xdb\x0f%+\xda\xd7\xce\xec\xe3\xd8\x99\xb9KDA\xa7\x0b\xdf\xa8D\xa4&gt;I\x9a\x7f\xe4\x1d\x80-7\\\xdb\xfc\xe0!I\xad+\xdf\xba/K7\\\x07&lt;q\xebs\xcd4~\x13\xc9\x00\x97\xde\x04\xb4x\xce"\xabd\xe7\x88$.\x91\x8e\x18\xd9\xdb+\x05\x8daa\xd0\xb2O\xdc\xca\xea\x12\x19\x88\x97\xaf\xab\xca\xd95\x17\xfe\xf0\x9b$\x06p?R\x17\x17g\x88\x9e\xad\xad\xda\xe9\xb8\x95\x00\xc4\xc9\xdd\xd9_\xe2\xb8\xb8\xb8\xf8\x9b\xff\xb9\x1d\xb0\xf3\xa4rZ\x00+q\x87t\x8c\xc4\xd7|R\xb1su\xec2\xfd\xbc\x7f\xa4q\xb1\x85\xe8\xb2\xda\xf8\xbe\xc4\xa9DDE\x9a\xcd\xb7]\x18\x17\xa3l\xba\xfe\x9f\xe4Xr\x07\xe4p\xb1\x02\xef\xc6D\n\xe9)\x93V\xf8:\xf5\xeam\xc1\xed\x80Y\xd9\xff\xd0}R\x11\x92\xfcD\xd9\xf5\xa4OC\xdcg\xa3\xe5v\x9f\x88\xee\xff\x01\x00-\xc7\x1e]z\xf2\xc7\xd0J\xa3\x8dJ\xe8\xe2\x12\x19\xf15\x1f\x97!K\xd5\xb1a\x8df\x1b\xcb\xbc\xd9\xc8Cn\xe7\xe7\xe24Ij\xb2\xa7MQ\xac\xbf}\x82D&lt;j\xf4\xde\xcck\x1e\xd5\x1b\xb8\x93oJ~\x04\xfe\x02\xbew?~\x97\x08B\x88M\xf9\x06\xbeR\x9ei\x128-\x80\x88\xb8\x95\x88\xa2)\x9dl9\xe6\x88\xca\xa5\xb1rv\xb0^\x1e\x17\x01\xbd\xe7]\x8b\xe8\xdf\x83\xb5\xc4\x80\x16\\\xba\xc8\xf8T\x93\xd6vZ\x02\x97\x00\'\x13\x80\x9d\xb7#\xf2\xa7\x91\xbd\xc6\x04\xa7E\x10\xa0\xc3-\x8e\x845\x17\xfe *b\xb9H.B8\x1fF\x91\xb1\xb70B\x12\x99\xee6~U"Z~\xfag\x9f\x83D\x94\xb1\x85\xc3\xc2\xbaD,\x1a\x0e\xde\xe3\xb4\x08f\x01p\xe4)[S\x93\xb8&amp;\x85\xba_\x90i\xcct\xc0D$\xeb\x07#R\x01\xa0T\x9b\xa5v\x17\xe1v\xc0\x9a\xe4\xab?]\xa6\xf7\xe5\xe7|\xd1\xcaD\xcb\xda\xf6\x07\xef\xf1\xdcu\xa68*\xac\x8bK\xc0\x11/o\x17\x00\xb7&gt;h45\x8bO| o\xa3\x94\xa0@w\x7fH\xc6\xc6\xe2\xe3?\xc8\x1dN\r`\xe6\xde\xd7\xc2C\x01\xd4\x9c*u\xc0\x00z\xcf\xbb\xe6\x88H\x01\xce\xb2\xd3?;-\x82\x8b\x98\x18\xd9\xdb\x0b\xfb]n\'\x98()\x9f\x80\x8f\x00\x9f\xb2\xf8\x00K\x074QM]\x9d\xbc\xaeEb\xb8\xb8\x98&amp;fy\xef\xa7\xa1\xb8\xc1\xdcp\xc8^\x00\x9b\xae\xfd\xe7Mi\x99CS\xdb\x88Kq\xc4!5S\x95\x1c\xe8\x88(2l\xfe\x08\x00\x12\x85\xf5\x14\x1e\xbc\xf6VuZ\x1c\xa3\x9c?$\x0b,2\x08\x7fL\xd8\xa2\xe6Z\xc8\xc5\nt\xd9\x1df\x16\xf6\xbe\x7f\x00I\n\xf5\x16\x9e\xceT\x99\xd3\x85\xceBDD\x89\xbf\x00\x00\xb8\xae\xb5\x1c\xc1@Tc\x17\x8e\xce\xd3\xce\xd9]\x84\xe6\x82h\xd5\x1e\x1b\x84\xdf\xda\xea\xf3\xbf\xabg\x98\xa5\x8a\xdfb^\x91\xa6\x8a\xe5\x81O\x03\xec\x93W\nD\xc5\xf5\xca\x014Ow\x89d\xe8\n\x91&amp;]y\xceZm&lt;Q&lt;a\x9a;\xbf\x80\xa8 Q\xfa\xe2-\x17\xe5\xac5\xd9[\xbd3(\xe5i7\xa7\xbet?.\x17\xbdD\xb75\xf7D\x05{\x86\xaf!\xf5\xdaLi\x1a\xc9&amp;\x8b\x9b\xa7\xcb\x94\x1d/4\xbbj\x0e\x00\x99\xab\x8c\xb1AX)\t[\x8cV\xd3\x17vqq\xb1\x83,\xd2\x0e\x18@\xcc\x1c\xedE\xe9\xb8\xe39jN\x8a\x91\xa3\xbd;\xbetq\x91"\xfc\x82\x18S\xfaG0\x97H\xc4\x91g\xb6\xd4\xaa\x82\x8d\xe7\xb8\xf5\xd5r\xa2em+\xdb\x01S\xac\n\xbc\xc1\xdf\xba\xcb\x7fS\xb8.[\xe6\xd6\xe3\x8e\xfd\x00p\x81\xf9,\x94$v\xaeN\x16\xe6f\'\xb9\x9c\x16\xc0%@\t)?\x9c\xff\x82\x9a\x8f:\xa4\x9e8o\xbdi\xfe\x91J\x13\xb7]\x8dP\xc4\xcb+\xf6\\?}\xf7W\x8eH\xe2\xa2I\xfc\xfc\xddd;\xe0\x81Ko\xf3in\xfe\x00\xf2v\xc0\xfb\x1e\xa0\xf1\xb0}\xdc\xdf\x9b\xae\xff\xb7\xc3:\x93G\xb7\x15p1Dn\xcf\xff\xf1*\xdbW\x06\xb7\x0e\x0c\x8024SM\x18=|\x08\x9b\xa0\x9ajJ\xe3\xb1Y\x8f&gt;\xb3x\xea\xac\x99\xdb\x80\xc5\xb7,,\xce\xc5&gt;\xe2\x11%\xf3KA\xf1\xfdRJ\xa4@\xb6\x03NT0\\\xaf\xb0\xef\xc2\x1b\xfc\xf1\xb1\x1b\x9fN\xdc\xfa\xfc\xccK\x00x\xf0\xa7\xd8&gt;\xc1\x8f$r\xa8\\\x97\xa0\xc1@/\xa5~\t\x80&amp;\xc3\xf7k\xe6\xe0\xe9\x80\x95U\xf4\xeb\r\xdcI\x94I\xafl\xc2"n\xbc\xf7k\x07\xec8n\xc0\x82p\x8a\xb7\\hm\x86\xcb\xcf\xfc\xe2\x87\x1a0d\xc5\xdd\xc0\xafg\x0e\x90\xb1\xb9\xb4\xf7\xed:\xe3\xa2\xd4@\xc8\xbb\x04\x1d\xa7\xdb\xacK\x00~\xf1\xaeH;"\xb5\x83\x1cz\x0c\xa2\x84NK\xe1B\xe4\xe99\x145\x01\x01\x1c\xfb\xcc\x81O&gt;\xbc\x0f\x967x\xc9h\xba\x04s\xc6{:\x89 \xcd\xe6\x85\xd7\xc8]g\xaa\xd3R\x04\x1c\x1f\x00"\xf2\x87\xcdt\x94\x92\xe7L\x04?\xb6\x08\x7f\xa8\rg\xa80B\xe9\xd4\xbe\x07Xx\xf4{\xd1Ai\x07\x1c-k["\xba\xf4\r\xd7\x19_h6\xf2\xd0\x89\xe7\xbc\xcdb\x92W\x00\x80BM\xe7V\xe8\xbc\xda\xc6\xdb\xf0\x1b\xae1qp\xc2\x99\xa4\xf7]pC\xe1|\nn\x98\xe8W\x99&lt;\x14\x02\x90\xb4p\x1f\x00D\x85\x9d\x10\xc0\x14=\xe6\\qZ\x04\xcb\xc8+\xfc\xa1\xee\x17\xda\xc5\xc5^\xd27\xf5\xceb}h1\xfa\xb0\xb4\x0f\xceV}&lt;\x11\xa5/7\xac\xc3\xe431\x04\x1a\xd1\x8f\xff\x85O&amp;\t\xd57\xba\\\\\xec#q\xffE\xb7\x1a\x0c\xde-{.j\x966\xa5\xda,\xf1\xb3@~\xa3\xc7\xec\xcb\xf6e\x1eA\xa6\xbcDDIjy\xffr\xf7,\xfd\xca\xa2\xe3?pAp\x85T\xef\xb9\xc9\x11a\x02\x07\xd9\x0e\x98\x88V\x9c\xfdU\xda\x07\x13\xe5\xcaTy\x8c`S?\xacR\x975\xc2)\xb2\x8b\x8b\x8bn\xa2\x94\x12\xfe\n\xac\xd8\x06..\xd6\x10\xd2\xacR\x975N\x0b\xe1\x7fTU+34\xcfQs\xa2\xa2Fz\xdc\xca\x15:\xad\xea=\xff\xba\xb4\'N_v\x980J\x92\xdbd\xf8\x8d\x084\x17\xb1\x97O\xff\x0e\xde\x07\xa5\x18I\xcf\xc5\xc5\xdfL\xd9\xf1b\xdb-\x00(\xd5\xd6\xde\x08\r\x91\x96\x81K&gt;\xceTy\x8c\xc8\xd1U8\xd1\xca\xdc\xfeI\xda\x05{8\xff\x1a\x94\xb2\xbe\x7f\xe5\rpb8-\x80\x0b\x91;R\x89\xacDqZ\x00;Ph\x9a\xfdL\xac\n\x96g\xc9\xf5"m\'\x9c\xb4&lt;\xe7\x08F\xee:SD]o\x8d\xde\x9b\x89\xf29-W@\xe3\xf6\x016\x10h\xb1\xdf]\x02\t=\x9f\x9cy\xd5s?\x11\xb1\xda\x91X\xd2C9jN\xf4\xbf\x1cA\x89;\xd9\r\x164|&gt;\xb8Dp\xb2T\x1dg&gt;\x93\xb2\xedW\x10\xd1\xa3\x7f\xfc\xda\xfe\xc7\xcf\xd7\xcd\xf8\xc5\x11\xab\xaf\n8\x9a\x8e8`\xc7\x13\x0e)\xafh\xa5\x13!\xb9\xf4\x8d[K#8J\xbau\x91\x96m\xb7\xdc\xa7\xe1\x12\x9c\xa4-3\xc4i\x11\xc2\x01\xb0\xfe\xca\xdffr\x18\xbb\xf1\xa9\xdc\xe1\xdcr\x07#&amp;!\xe5\x87;-\x82\x0e\xfa/\nb\xa7wo\x1c\xea\x05\x9b\x8f:\xe4v\xc0BZ\x8f;\xe6\xb4\x08zp\x97\x9a\\\x02\x9b\x92\xea\xa7W\x9c\xfd\xb5H\xf3\xf9z2t,\x0e\xf6\xb0\x95\xf7\x9c*\xda%\x02\x13#{;\xa7E\x08D&amp;o\xff\xd2\xd0u\x91Z\xb7n\xcc\x86\'N\x8b\xa0\x8df\x0b\x9e\xce\x1fR\xb8\x10\x917\x12\xa7\xd3R\x04(\xfd]G\xea...\x11\x8e\x12N\x0b\x10\x11Xu\xfew\xa7E0C\x80.e7\x1a\xba\xd7i\x11\x02\x1c\xe3\xae\xf0]\x82\x86\xd0\x96n\xd0\x0e\x17\x97@%^\x15\x93\x19\xd86\xed\x8ec\xf2zw=\xc0%B\x90\xdd\xe4\xf5\xee\x87\xe0\x12\xd1p\xeb\xb4\x16\xd2X%q\xfd.\x83\xeb\xfa\xd4\xa5\xa8\xd3\x028@\xc0\xee_~\xe56\x9bvP\x7f\xd0.\xa7E\xf07n\x07\xacE\n\x0b\xf3\xf2}\xdai,\xcc\xd9%\xe2\xe1\xda\xb8\x8b[\xa7\xb8\x95\x1d\x12\xc4\xc5\x1fh\x04C]u\xfe7\xf5\x04\x00(Q\r\xeb\xe4\xd1&amp;Z\xd66\xe63\x89\x18}p\xec\xdc\x9d\xac\xce2\x15\x11E\xcd\xd2\xdaD\x0e\x16x\x9b\x1a\xb6\xf2\x1eQJ\xf3\xf9\xb0\xb3\xfe\xca?nP?\x17\x17\x97\xc0\x02@\xca\x12\x03U\x12\x1c|\x84]w\xd0|\xd4!\xbf\x89d\tSv\xbc\x08\xfa&gt;8N\xa5\xaf\x0c\xb9/h&lt;l\x9f\xd2\xa9\x9d\x9f\xc0\xb4\x01\x83L\xc0\xe0&amp;\xc3\xf7\x9b\xcb\xd3%\xf2\x12\xf4\xdf\xa9\x8b\x8bIj\xf4\xde\xec\xb4\x086\x10\xbf\xaa\xd3\x12\x04\x1c\x00R\x97\x1a\xc4\x90P\x87\x15r\x81\x863\r\xb5\xa11(Zi\xb7\xf1uq\xe1p\xbf\x05\xbf\x12\x1e\x87\x97\xa3X\xafy\xd7\x9c\x91\xc4E\x0f\x89D\xc12\x83\x8b\xb3_a\xf8\xea\x07\x96g\xab\xe0\xccK\x93\xfc\x00V\x9e\xd3\xd8\x04\xe1\xe1Z\xa8\xf9\x87\xdfz\x0f\xc4\xdcz\xc3m\xb3\\"\x06Q\x01\x10\xe5qZ\x0c\x87\xa9\xd6s#Q\x11\xff\x94\x95\xb1\xe2H&gt;\xd2\xe2\xfd?X[\x92\x85G\xbf\xd7?TJV\xdb\x1d^\xb9\x10Q\x83A\xbbG\xae\xfd\x14\xc0\x84-\x9f;-\x8bn\xdc:\xec\x12\xec\x94\xef\xb4\xcai\x11\\\xe8GIK\xb2\xf6\xd2_\x8c\xd7\xee\xbd\x8f3\xaf\xf47D{\xef\x07b\xe3\x15\xd6h\xb6\xd3"\xb8\x04\x1c\xbb&gt;\t\xc4\xba\xea\xe2b7\xc9\x8a\xf6\xdds\xcf\xad\xfc\x0eP\xb0\xc9\x1c\xc6\x94\x19+\x8ctg\x02....\x11\x85\xa4\xe1\xfb\x91n\xd8(\x97@\xc3\x88\xd3\xa5te\x87\x15b\x1e\xd4\xb8\xb8\xb8\xf8\x13\xb7\x8f\x11\x12\x8c\xfbA.\xc6HCD\x94\xbc\x0e\x00\xa2\x82N\x0bc#\xc9\x8a\xf4\r\xa8\x8f\x1c\xc07\x81$O0\x12P/\xd4\xc5\x0c\xa7_\x82\x88\xca\xb6_\xee\xb4 ..VsY9\xbc9\xb7\xbe\xf1\x02\x00\xd0~\xd2)""\x8a\xa7\x19J\xcf9L\xf9G\xac\xd4e\x8dUr\xf0\xe4\xaa=\x99(\xa1\xe5\xd9\xba\xb0\xe0v\xc0\xd6a\xa5+4\x17[)\xd5f\x89[\xf3\x83\x89\xd8\xb9:)\xb9\x08OT\xb0\xa7\x9f\x85a\'j\x16\x0b\x1c`\xd9K\xfa\xa6\xef\x81{\xbf#b\x9aM\xdb\x82\xe5f\x15\xd1\xad\xce022h\xe9m\xa7E\xb0\x93\xf8r!L2\xb5\xf2\xbb\x1c\xce\xa2\xe1\x031rcm4e\x19\xdfD\xbap_U\xb0\xf2\x01\xf8\xd6\xc9\xd1q^\xf5\xd3\xee\xc8=P\xc9\xef\xb4\x00.N\x91Z\xf9TJ\xf7\x835F\xac\x9c\x1dM\\\x1d\xda\xd22A\xf4\xd0a\xca\x19G\xca5L\xd4,\xadk\xf6\xd9\xe2\xb4\x14\xc1D\xd4,\xads\xd6\x9a,{\xca\xfd\xd4\x1d\xa4\xdf\xa2\x9b\x06\xaf\x8c]\xc1J9\x82\x8d/#z\xa5-\xd6b\x81#\xe5\xb6\xf3\xec\x87\xba\x98\xe6\xa3\xef1j\xdd#\xc6\xc47?\x04Y\x85.\xd7a\xa5\xd3"\xe8\xa0\xe1\xe0=\xf6e\xdec\xce\x956\xe3\x8f\xeb\xba$n\x9e.\x94\xc2\x8d\x88\xe0&lt;\x19+\x8e4v\xe1\xb1\xcf\x83\xec\x83\rz\x92\xd6vZ\x82H\x8e\xd9\xe5e\x7f\xd3r\xcc\x11wr\x13\x10$\xaeI\xe9\x9bZ\x99a\xac\nV\xe6\xe6\xe2\x7fb\x967\x9bC\xc6\xe6y\xebM\xe7\x7f\xe9\x1d\x81\xb9\xf8\x8d\xce\xd3\xce9-B \x93\xd4_\x05e\xb2ey\xb9\xd5\xd8cvd\xebb\t\xe9\xca\x0e\xb3#\xdb\xf2\x1d\x03\xce\x8b^\xe4\x1c\xea\xa5,&gt;@\xf9dL\xbbK\x07\xa0bg\xa1\x87,Vd\xe2O\xf2\x10\xd1\xcc\xbd\xaf\x9d\x16\x83\x89);^8-B\xa0\x92\xa6\xa1\xb5\xed\xc6\xfa+\xffX\x98\x9b\x8b\x8bK\x10s\xed\x9db\xe3\x92\xa3\xe6D\xe1O\x00D9\r\x14\xf1&lt;R\x8e{\\\x82\x9fl\xc6.\x1b\xbf\xf93\x95\xb3\xd3w\x7fe,[\xc7I\xef\xb4\x00\xe6a\xde!\x08ma\xb4\x88\x1cF/\xe4Hf\xeer\x97 \xe3\xe1\x9f\xac\xbd\xa3\xd7\xeb\xa1k\x13\x1cXD\xceu\x1d?P\xbd\xe7&amp;\xd1\x91\x0fV&lt;\xea\xfb\x7f`\xf0\xf2;\xe6\xf3\xf17\xc1Z\xcf\xa2\x95qZ\x82\xc0 a5\xa7%\x88\xbc(};[n\xe8\xf0$\xccu\xc0\x9f\x07\xe9g\xc8N\xca\xfaDQ\x9c\x16\xc2%@\t\xd6nH\x88\xa1{\x88OT\xc2zQ\x98Yt\xfc\x07\xdb\xf2\xceG\x14j[\xe6\xc6\xd9\xff\xc0\xba\xaa\x96\xbei\xda2C\x882Y\x96\xa1\x8bib\xe6\xe8\xa0\xd7\x95\x7f\x8e\x9a\x13\xd3\x96\x1e\xc2\x92\xf2\xcf\xe0m\xa7R\xd6wZ\x02\x17\xa2$\xde\x80\x13Ij:*\x87\x18]\xdf\x0b\x00\x8aV&amp;O\xdd\xa9\xed\xc5vS\x85\xac\x95\xca\x12\xac\xf56\xe2g\xe2\xf2\xb1\x9a#\x06\x85\x9a\xcc\xb5*\xab\x83\x8fl\x0c\xd8\x12\x11\x06\xa4\xce\xa1\xd4\x01G\x98\xa7j\xe4F\x92\xd4R9\xd9h\xe8^\xe3\xd2\xb8\x040\x0b\x8f\xbd\xe7j\xcb\xe8u\x8f\x95\xd2\xb4\x9dpBW\x8d\x9a\xb6\xeb\x95\x05\x92\xb90\x90\xd2i\x01\x02\x99\xd4CW\xde\xb3+\xef\x14\xf5\xec\xca\xd9\xc5\xc5%\xf2\x91\xb1\x82\x9a\xd5;\x80\x02\rg\xf9G\x12al\x03\x13\xba9\xb1*\x1c\xf8\xd4\xd4\x80z\xde\xa1\xef(vE39D\x00\xcavX\xe1\xb4\x08.....\xf6S\xbc\xd5"K\x96\xa1\x8a6\x9f\x9f\xacH\xdf\xbb\xbfE\x90\x15\xadH\x05\xb7o\x11+g\x07\xa7\x05\t~"\xbag\xff\x08\xb3dm\x06\xf7!\x04*\x1a\x11Y\xecxq\xa7^\x98\xcbS\xafv\x86\x12\xd7\xde\xba\x95\xd2%\xc0\x88[\xd9i\t,&amp;C\x85\x11\xce\n\x10 }O\xfc|\xddl\xcb;\xc5\x9e{\x01q\x8f\x11\x89\xa3\xcf\xdcG\xaaD\x92Z\xf0\xe2\xb4(...\x01\xcd\xad\x1f#~+Q\xa4\xf9|]\xe9\xc7lxb\x93$.\xd6b[\x88\x01s\x8e+Z\x8d;fM\x07\x9c\xa8z\x87)g2U\x1em6\x1f\x17\xeb1\xe9\xb5#\x90QQ\xf4\x8f\xab|\xca%\x12R\xcc\xfbG\x02K\xb3u\x8d\x89#)y\xebM3\xddo\xa6m\xec\xfd+\xd8\xc2;\xb8\xf8\x1b\xb7\xa1q\tj\x8a\xd8\x92k\xc2\xea\xb6d\xebb)v,\xf1Z2qMB\x14\xc7\x12i\x8cQ\xa7\xffv\x07K7MB\xa7\x050B\xb1\x16\x0b\r\\\x95\xa6\xf4`\xcb%\x89\x90\x94n\xb7\xcci\x11\xfcCq\xa7\x05\x88Xd4\xec\x95\xd6\xc5\x14\xa2Nt\xe9\xc9\x1f\x9d\x92$@\xc8\xeb\x97Rb\xfb\xa5\x94@\x04\x00%\xb6\xc2\xefL,\xa60v\r\x87D.\x9f\x06\x00\x02\xdf\x17X\xba2C-\x98\x13\xa4\xf2\xbf3\xa9\xa0\x8b\x95d\x0c\x99I\xd1\xab\xa0R\xd3\x89\xf0zE\xde\x1b,\xec\xb4 V\xe3}mv~i\x19\x9a\xd9\x98\xb9K\xe4\x06\xc0\xfe\x87A\xd0\xf4\xa8\xc7ra\xc4\xb5^s\x91\x85\xeb\x9f6\x7f\x14\x04\x1f\x821\\\xe5e\x17\xdbi:\xe2\x80\xd3"\x04!\x89j\x9c}\x15\x89&gt;\xcb;\xbfF\xa2\x9bU\xc2\xd1\x86\xd8\xf6`\xcf\x86\xc8X\xa9\xebZ\xa7e\x10\xa1a(\xec%\xb7\xaeLC+\x8d2 \x8a\x88x\x00\x8a\xb5XH\x94\xd1|^bR7\x90\x1e\xcbQs\xa2\xb3A\x17\\"\x1e\xe6\x83\x88U\xec\xbc\xc6\x12I\xf27\x98iI&gt;..\x8c\xa4+3\xd4\xb6\xbcm\xd2\xbetR\xf7\x88\xe7\xc9\xbf\x010\x8b\xad\xd6s#7\x9b\x8e\x95\xab\xa3]e\xc4\xabbW\xce..\xb6q\xfek\xa7?N\x17\x17-T\xba\x90n3/\xfaS\x92\xe0b\xd2\xb6/\x01t\x98r\xc6a9:N9\xc3u\xc0\xbfh\x8f\x05b\xf9C \x17\x97\xc0\x00@\xc1\xc6\xb3\x9d\x96\xc2y\x00\xd4\x1b\xb8\xd3i)\\\\,Fu\xfa\x9b\xca\x7fr4\x1a\xba\x17@`\xc6/tqq\x8c$\xb5&gt;\xfd\x1b\x91Yg\x9e\x03@\xdc&lt;]\x9c\x96\xc2%"\x93\xb0@\x0f\xa6ti\x1a\xd9,\x08\x8f9\x17W\x8e\x12\xc4\xa2\xbb\xb8\x08\xe9\xbf\xe8\xa6\xd3"\xb8\x04:\x00\x82\xca0: \xf6_\x1d\xa1\xc7\xec\xcbY\xaa\x8e\xb3s\xdf\xd7\xbf\x93X\xe7w\xb0\xed![\xf5\xf1N\x8b\xe0BD\xd4i\xda9\xa7Epq\xd1\x00@\xf4l\xed\xac\xcb/\xf2v\x90vcw\x87U\xac\xa5\x117G\x06\xc9V}\xbc\xc9\xfb\xc9XQ-*\xb2^\x8e\x7f\xae[\x98E\xc7\xde\x13e\x93\x1e/\xdct\xae\x15\x12\xe9\xa6Z\xcf\x8d\xfe)h\xec\xc6\xa7\xfe)\xc8$\xda\x15,Ym\xbf\x08\xe2\xe2\xa2H\xa5.\x81fr\xe3\xe2\x17R7tt\n\x1a\xbb\x82\xce\xe2S\xda%\t\x11\x11\xa5.\xa5\xdb]"\xa7}v\xe6\x15\xa6\xecxa\x83D\xccDVGt)\x8b\x0fpZ\x04\x17\x97\x08N\x95\xee\xeb\x9d\x16!\xa2\x12\x97\xebA:O;_\xb4\xf9\x02\xf5\xa4Y\xfd"P\x90\xc1E\xb4\x000}\xf7WN\xcb\x12\xc1Q\x18\xab\xb9\xd5\xd2\xc5\xc5n\x02a\x7f:\xbe\xd3\x02\xd8\x05\x80\xff\x01\x94\xb8\x86\xd3\x82\x04\'\xc7&gt;3n\x8b-\xb90~\xe2\x82\xbd\\\xa5YY\x16\x1e\xfd\x9e\x88\x88\x12\x11Q\x89V\x8b\x9d\x15\xc6%H\x01@\x94\xdai)\xe4\tB\xdf\x84\xd9\x9d\x16\xc0%\xf2!\xfaHL}6)\x85\xfe\xe8S\x10%\xcc[oz`o\x08\xd9\x17w\xb2\xe0\x94\x9d/5\x92\xa4m\xcc=j\xe9\x03?\xf4X\xe9\x15$n6\xf2\xa0y\xe1"\x07\xf6D\xdc\x0b$\x02\xb9\x87\xf3\xb6$2\x9f\x18\x80\x8c\x15G\x11\x11\xa5j\xe0g\xa9\xf4b\xad^Np\xb1\xf7\xbe?j\x97\xabb\xe7\xf3\x85D\xcd\xd2&amp;\x90\xbfjk\x19\xb9\xf6S?\x94\xe2\x9d\xec\x8ai:\xe2\xc0\xed\x9fAD\xf9\x1b\xcc\x90\x9c\x8c\xa1\x94\xdb\xb5\xb7\xfe\x7f;E\xfd^\xa2\x15\xc4\xa9\xe4\xb4\x04\x91\x08\xe9\xc0\xbd\xfb\xacK\x93\xb6}AT\x80\xa8\x10Q\xee\x07\x7fB\x9c8a\xf5~\xaeU\x9b\x16{\xee\x81\x88\xba\xce\xb8\xe0\xe7f9s\x95\xb1\xd2\x12\x8b4\x9bo}IN\xb4h\x01F\xea\x86l\xe9\x12\xd9+\x86A\xecu\xa3m\xbe\xde\xf39|\x03\x84\x94\x1fnZ"\xbf\xe2\xba\xbe\n|\xd2\x94\x1e\xe2\xb4\x08\x04\xa0h\x8b\x05&gt;\x87b\x94\x83\x80\x89[\x9f\x07\xe1\xa2t\xa0\x00 \x10\x02\xae[\xfb\xfa\xb2\xb6\x1ew\x9c\x88\x88B-\xcc4\xb2\x13\xb54Qf\xc5\xb3\xd1\xcb\x10Y\xad\xe4\x9c\xa9\x95\x95\xb9\xd9\xc0\xf8\xcd\x9fqc\x97o\x81\x11k\x1e:-\x8e\x8b"\xa5\xdb-#"\xca\xd4\xd2d&gt;\x00\xfc\xa9Og_\xaf\x165Kk\xc3\xd7*\x85\xa8\x1b\xbd\xfe\xb1\xdb\r\x07+\x89,R\xad\n\xaf\x1cIk\xbb.\'\xad\x05\xc0\x0b\xdb&gt;\xb0\x02\r\x95B\xeb(\xae\xd9\x9a\xa4\xfe\xc0]Ve\xe5\xce\x00\xfcA\xda\xc6\x86\x83\xfb\x0eZ\xf6\x89%"$+\xda\xcf\xbf\xc1_\xd3\xda\x94\xaf\x19}L\xd5\xda\x9e\xe5\xaa\xbb\xeeh9QJ\xf9\xa7\x1c\x0b\x1a\xb1\xc3O&lt;\xf5\xa3v\xbfm\x06.OV\xa4/c\xcakoeja\xa2\xb0\x9e\x147\xc2nP=\xfa\'\xf0\xba\x99\xa4\xb5)zYCW\xc64\xd6k\xd6\x1f$\xd3m\x9fxn\xe3\xd0\xc4\x85\xe3\xd4\x97\xd0\x19%\xc5\xd5}\xb5\x9a\x04U5\xbf\x9a\xe2\xfe\xf4\x91\x14`d\xad6N\xf9d4\xff\xc9\xe1,\r\x87\xec\xf1\xcf\x8c\xc4\x99\xde(JI\xe1\xaf%\'&gt;\x00P\xd69LM\xe9\x9a\xa8\xe7\x17=\xbb\x8co\xb9\x84al\x1e\xc3\xfdK\xae\xdaS,\xcc-}\xb9a\x00z\xcf\xbf\xae\xeb\xaa\xc5\xc7\x7f0P\xd6G\xefU\xaaJ`F\x1aw\xf1\x12\xa5\x14Q\x88\xd3B\x98\xa2\xc9\xf0\xfd\x96\xe4\xe3\xf1\xe7\xf3R\xa62\xf7]x\xc3\xfbg\xde\x80\x1b\xa6\xfb\x83\xecD\xa1\x91\xf2\xc6\xe5\xc8XqdD}\x16\xbd\xe7]\xf3C)m\'\x9c \x8a\xee\x87\x82\x1c%1\xd7\xa0\xd4\x1d\xb0\xc3\xee\x92\x1a\x0e\xd9\xa3\xbc\x83\x1e\xf7K\xc5\xba\x1a\xd5|\xd1\xe36=3\x9f\x89\x8b\xe3d\xa9\xaa2\xbb\xb2\x11a|F\xc1\xfasrQ2\xc1\x9c\'\xd1sK\xdb\xde9\x07\xbf%\xa2\n\x9dV\xab\xe9\xa00\x00\x80(\x9e\xcd\xd1\xae\xec\xb3~t\xf1\xa5B\xe7\xd5\x82_\xce\xab\xb1\xd7\xe9\xf9i\x00\x00 \x00IDATYM\xca2\xed\x97K\x07\xce\xdf\x02\x9aSj\xe7\x107\n\x9a\x00\x18\xb1\xfa\x81\x1d\xa2\x88\xd8q\x1b{\xefc\xcc\x86\'\xc2\x83-\xc7\x1c\xf5C\xd1\x11\x89\xf4e\x87\x99\xb8Z\x87\xcdU\xaa\x92\x03M\x14d15\xfblqZ\x04\x0fB\xe5\xe7\rW\xff\x91\x9e\xe2\xffvB:\r\x1a\x0c\xda\xad\x19\xbf.Jf\xe3\xbai\x06(\xd4d\x0e\xa5o\xea\xcf\x12\xed#\xcc\xb0U\xc5\x80%\x1f\x1b\xa81n\xf8\x1a\x1b(j\xc2\x99\\H\xdc\xbc\xba\xc7\xb6\xab/\xfca\xb48#\x00 \xcaE1\xca\xe9I\xef\x12\xa9\xc9Yk2\x00Gl\xc6j\xf7\xdb\xf6\xaf\x9c3\x1fY=\xac\x12\xad\x16\xf3\xeai\x00\xcc\r\x95\xa8z\xafMf.W\x80e\x9aT\xcc\x86r\xd5\xe85\xefZ`\xba&lt;\xfb\xf4o\xc4\xce\xdd\xc9\x86\x8c\xe5\xb6K\xf9\xca4q\xeb\x17\x9e\xbfcU \x8a\xa2\x92\xcd7\xd0P\ty\xfc\xaf\xdbz\x1aC`\x94\x1c\xa5$QN\xb6\xab2K\xbb+\xcd\xa8\x15\xf3\x8f\xbc\xd3%\x99\x8b\x85\xa4.5\xc8i\x11\x82\x82B\x05\x1a\xce&lt;\xf8\x08\xfe\xb5\xca\xcb&amp;\xdb\xcb\xaat\xc0\xe5:\xae\xf4\x1cIQ\xcf\x1d8F\x00\x0c\xc6\x9d\xec5\xef\x1a\x003\xea\xfb\xd3v\xbdbI6x\xf9\x1dG\x15\xdbL\xf90\xe2\xbe\x9f\xd0J\xa3\xad\x92\x86B[f\xaf1\xc1\x92\x9c8S\x93\xbd\xf71d\xf9\x9d\x1e\xb3\xaf0\x9a].9\xf1\xc1\x92\xd2\x83\x01\x03\xfeI"\xd1\xd6T\xc7)gt\xa5\x0f\xad4\xca&amp;I\xac\xc2\xd3\xdb1/\x9cXU\xa2t\xda\xad\xd2\x01\xbb\x90;\xa6$m3\xb5`\xc2\xbeU\xeeU\xe7\x7fg\x7fD\xbf\x01I\n\xf5\xd6L\x16+gG\xef\x9f\x96X\xee\xe6\xdc}W\xc7K&lt;\xf8\x08\xbd\xe7\xe9\xd3g\x0eR\x0c\xd4\xed.\xd3\xcfG\x8c/\x82\x85\x7f\xb4\xef4\xc8\x82\x88\x00\xd8s\x0f~3\x06%"\xa5Qo\xb2"}\x85\x1dp\xc6\n#\x0b5\x99#LP\xad\xc7\x06\x7fH\x17q\x01\x10\xa8\xda\xaf\xa9\x18\xd3\x85-&gt;\xfeC\x9ez\xd3l\x95\xc5&gt;bdo\xef\xaf\xa2\xec\xf3h\x9f\x95\x92\xd7\xa5heTR\x94l\xb3\xc4\xda"[\x8f;fm\x86\xe1\xa4nH\x14Wt\x8c\xc5Lk\xf0\xb2;\x81\xd4\xed\xd9\xeb\xd7\xd3\xcf\xf8\xaa@2\x12\x98\xed\x9a6\x815\xa3HP\r\x12r\xd4\x9cDT\x10\xc0{E9u\x19pG^j\xf4\xde\\\xb0\xf1\xec\xbe\x0b&gt;RK\x94\xaa\xbe\xdaY\x15\xa2\x966x\xa1~\xf2e\xa8\x10y\x83]\xb0\x90\xbd\xfa\x04\x00\x11,ze\xd7\x19\x17|~\xc7\xaf\xe2\x8c\x1c^\xa4\xed\xa6\\x\x86\xc8\x8b\xd0\xc4\xc5n&gt;\x17\xbd\x8bT\r\x04k6\x01\xcd\xf4\xdd_\xe9\xed\x80\x87\xae\xbc\'{&lt;o\xbd\xe9\xf2\x17$\xad\xc5\x9ey\xc9\xd6Kf\xee}-\xed\x86\xab\xf6\xd8\x10+\x97\xf0\x91\x06\xa2n\x91=\x98\xb2\x8f\x12\x91\xad\xfa\x84\x05\xaenJ \xb3\xf9:~\x02\xd2\x973\xe5\xfd?{\x8d\tfF\xd6\'\xbf\x0c\xd0\xad\xa0M\xd7\xfe\xe3\x16\xd0\x9a\x8e8\xa0\x99x\xef}\xa8\xcf\xd4\xad%~\xben\x00\x88\xc2\xfcV\xa2\x0b\x8f\x9c\x92&lt;\xeb\xaa\x9a\xc3$\xad=j\xdd#\xf3\xd9\\\xf9\x16[nh\x7f\xadu\xfaogq\x0es\xf1\x8d\xbb\x1fl\x86\xc0\x8c\x7f\x138\xf8q\xb6\xee\x14f\xbe\x1c\xee\xda\xcfu\xe6\xf0\x06\xa0D\xd5\x8d\x95h\x07\xbf\xb0\n/^\x826H\x8cr\r\x06\xef\x1e\xb2\xe2\xae5\xb9\xb9\xe8\x81\xc5\xc4s\xca\x8e\x17i\xb44\xe7\x1d\x82}6\x99\x8b(\x9d\x99|\xd8\x9b\x85\x9b?`\xea\xce\x97\xa9J\x04\x90\xcdt\xb0\x11\xdb\x1d\xbe\xf8\x9bL\x95GG\x80\'\xdew\xe1\rK\xab\x0e\xa7\x17\x93R+\x99\x05\x9e\xa1\x84\\\xfc\x1f\x0c\xed&amp;\x1a\'N\x9e\xce\x11\xe0\xed\x1b\x00\xc0\xc4\xad\xcf\x9d\x96B\x83\x08\xf0j2T\x18Y\xb2\xf5b\xa7\xa5pa\xa2l\xfb\x15\\+j\xc9\n\x87\x0b+\x06\xbe\xf3*\xdd\xd7\xf3\x7f\x17i6O#\xb5\xb9\xe9{\xf3Q\x87w\xdf\xd5\xde\x1e\xbe\xff\xbb;v\xd3M\x87)g\x00&lt;\r\xda\xe7\x16bt\xe3\xe33\xa0V\xdf\xad\xd6\n\xc3\x82;\xc3\xb0\x837\xee#\xb5\x86t\x9e\xfa\x99\xb6\x91\xd3\x92D&amp;b\xe6\x10\xab:[\xdbF|fin;n\xdb\xfb\xb1\xf5\x9e\x7f\x1d\x00\x854]q\xf6W\n\xb54\xa20\xc5\xae\xd9{\xcb\x8d\xf7\xe8\xbf\xe8&amp;\xc9=v\x7f\x13\xaf\xca\xe3\x7f\x83~\xcf\xec\xce/F\x84\xaf\xdcu\x9dP\xe9\xc9\x9fO`\xd8\xaa\xfb~++\xf2\xe2\x1b$\xc6%0\xc9Ru\xac\xd2\xa9\xe0k\x94\xbc\xbeB\xb2\x98\xcf\xaaR\x975V\x85,%\xca\x91\xa3\xe6D\x8b\xb2\n~\x12T\x03\xf0\x1a \xa2\xbft\xd60\x86\x1a\xa9[\x87\xdc\xbc\xd2\n\x00\r+\x05\x9b\x99\x7f\xf8-\x19\xf2|r\xf9[\xcf]W\xeb\xb9\xd1Z\x7f\xfd\xe6IWv(\x80\xeb\xdf\x07\x96T"\x82\xaf\x89t\xd1\x8fp\xb1\xd3o|\x00f\xee}\xed\xffrM\xf1\xa7\x95\xdfC\xf4\xc9\xdb\xbf\xb4.7\xbf\x10\xb3\xbc}y\xf7\x9cs\xc5\xbe\xcc-\xc1X?\n\xa0\x8f\xb9\xee\xb3x\xcb\x85I\x0b\xf71\x93\x83Eh\xf8\xb5W\'_}\x05{\x18m\xc2\xcc\x94\xabD\xfdA\xbb"\x83Bo\xfb\xc9\xa7\x19]\xcb\x05?%\x96\x9c\xfc\xd1i\x19\x1c\x85y5\xf1\xfe\xef~v\xf3\x12\xa0\xa4""\x8aec\xaf\xe6\x14\x85\x9a\xcc\xed\x17\x1e.\x94\x89M\xd7\xe5\xda\xc1\xe8e)A5kd2EaJT}\xb5\x1eob&lt;)K\x0cHZ\xa4\x8f\xc9\xbbP\x1a#{#\xd6\xe53\x93\xb9\xcd\xa41m_PH\xedd\xfc\xaaF\xb3\xcd\x06\xe0\xd6\x07\x88\\;\xb9X\xcb\xab\x08=\xbeqq\tP\x00\xd4\xee\xb7\xcd|&gt;\xe9\xccEY\xb1\x848\xb9;s\x8e\xb7\x8c\xcd\x96V_\xf8#bO\xb3\x02\x07]\xcf\xf9_ ^\xde\xae\xf6\t\xe3B\xaeN\x9c\x1f\t\x84\xa6\xd2\xc5&lt;\x968v\xa6\x9a\xbd\xb7D\xcfn(\xbc\x063&amp;&gt;\xec\xd0\xfd\x0fu\\\xdbv\xc2\x89n3/1%\x95]\xa5\xe7\xa7\x80\xc6\xa7k\xce\x91\xa1y\xe6\xcac\x98Sg\xb7Q\x12\x171\x89Y\x9c\xcf\x04\x12q\x9c\x16 \xd0i6\xf2\xa0\xd3"Dh:\x07LPa\x00\x81\xdd\\\xc6\xa6\x14u\x89\x12\xc8\x9d2\xeb\xf1.n\x9e\xce\x00\x96\x9e\xfc\x91\xa8\x00K\xfa\xba\x03v$)\xac\x19\x9d"\xb1I\xa9\\\\"6\x817\x15\x8e\xe7\xb4\x00\x81B\xd4,m\x9c\x16\x81\'v\x05\xd9\xc3;o\xa3N\xff\xed&amp;\xf3\xceV}\xbc\xc9\x1c\xac"O\xdd\xa9N\x8b\xa0\xc6\xec\xfdoR\x95\x18(\xfdbK\xb5Y\xfa\xe9_\x16|\xc6G\x9f\xe1\xeeo\xb8\xfb\x1bSVe\xda/7\xbf\x92v\xf43$\xc8\xdf\xddL\x0e\xb6\x11X\xcdP\xdf\x05\xfa\xb4\x07\\\xec`\xf0\xf2;\xa9J\x0el?\xe9\x94\x85yv\x98|:MiF\xbfc\xec\xce\x96\xc3\x8c\t\x13\x08$)\xdc\x9b(\xaf\x9f\x0b\xb5d\x18\xf4\x06 \xca/{\xca\xae\xd6\xe4\xc2k\xae\tNhS\xfe~\xa6o\xb8\x92T`\xb5\xbf\x02l\xd6\xdeL\xdb\xf8\xeeo *\xc6\x90\xb4\xa4Y\x8d\xd9tM\x00|\xfcS \xcc\x00\xe2\x07\xdeD$\x1c\x001stpZ\n\x17\xcaQs\xe2\xa8u\x8f&amp;m\xfb\x82\x88\x88r[\x92\xe7\xb5w\xac_P\x99\xf6\xcb\x95O*\x86\xf9\x1a\xb9\xf6S\xfdB9\t\x80a\nQ4\xec\xc4V\x9d\xcd\x84\xd5\x19\xd7\x15\xad$U\x03\xbf\x15\x950\xac\x07\xc5\xadl\xec\xdaNS\xcf\n~\x19\x0b\x8b\x14\xb4&amp;\r\xd1\xcbJ=&lt;\x87\x94\x1f^\xad\xe7F\x86\x8b\x8b\x12\x85z;\xe0X\xbe\x8dH\x18c\xf9\x8f\xfe\t\xdcn\xcf\x97\xc8\x13\xd3&amp;hH\\\xa8W\xf8\x8f\xf4M\xd5\x92\xa6ihi\xc9\x16\xc70\xb5b\xf0\xa7\x18e2\xa4\xbc\xa9p5A\x85LX\x91b-\x16\xfa_\x0eyV\x9f\xff\xddt\x1en3\xa4\x83&amp;\xc3\xf7[j$\x1d\x80\x84\xf1\x7f\x15m&gt;\x9f\x88\x88R\x1e~\x8a\x8cn\x10L\x17\xab\x19\xbe\xfaA\xd0\x04n\xb2\x96H\x10\x11\xc7&gt;\x02hek\xffC&lt;\xf9\xcf\xb84\x8d\x86\xee5\x1e\x03\x99\x91\xe8e\xed\xcd\xdf\x85\x99\xf8\xf9\xbai%\xc9\xc3\xffu\xc4\xdb\xe9\x8e\xd9\xf0\xa4\xddD+w\xc8\\\\"\x17Ikg\xac8J\xcf\x05\xe9\x89\x9c\xf2\x7f\xa9\x1d\xae\xd1R\x82_]|\xcd\x85?\x0c_\xdbe\xc6\x85y\x87\xbe\xb3P\x18)#\xd7\x04\xd9v\x85I\xe2\xe5s\xcc\xe0Ruj\x9e\x93-\x8f\x1c\xfc_\xab\xce\xfd\xc6\xfdQ\x7f\xd0.\x13Byh=\xfe\xb8\xf9L\xc2\x89W\xc5\xca\xdc\\"\x0e\x1a\xf3i\xffO\x9e\x92\x14\xee\xd3a\xf2i?\x17\xaa\x9f\x1c\xdaI"*\xd1\xca\x84V\x1a\xed\xb4\x10.\x0e\xc0\xef\xf1X\x10\x94w\xea\xce\x97\x00(mc\xe1,6\x9c\xd8\x15\xca\xb4\xe3\xd4=R\x12%3_\\\xa0\xc1\xed[\xb7\x1cs\xc4iA\\\x02\x1a\xaf\x97{Y\x8a*X\x03\x9a\xe2\xe83\x8b\x1dt\x94n\xb7\xcc\xc2\xdc\xf4\x92\xae\xccP\x00/"\x90\x96.Q\xf6\x00\xda\x87\xed4\xed\x9c\xb5&gt;\x11\xed\x9ea[Db\xa7\x05\xd0D\xae[\x15\xa0\xa9\xba\xfc\x81;\x9b\xae\t\x80\xcb\xdf\xe2\xf8\xe7\xd6N\x05\x14\x15F\xfcCdpw\x1cAI\xe4\xb4\x00^\x92\xd5\xa6\xa4\xb5\x9d\x16"\xd0\xf9\n\x00`\xad\xd5\x96mX?\x9cR\'\xb1\x9f\xcb\x0b\n\x82a\xfdG\r\x00\xfd\x17\xdf\xaa\xd1{\xb3fJ6c\xdf\xb8\x00\xd6]\xfe\xcb\xbc`..*\x08\xb5\xee\xab\xf5\xdc\xa8i\x17;p\xe9m\xe1\xcf\x86C\xf6\xa8\xa7\xb7xS\x83\xa8\xfe\xa0\xddDIT\x93x|\xe7\xdd\xf95\xf2\x8e\xf3*tZ\x05\xe0\xe0\xa3\xc8\xfb\x04\x9c\xa2\x00q;(1\xca9-I\xe0\xb2\xf8\xf8\x0f\xd6e\x96\x9e\x88\xbe\xb0!\xc4\xfd\xe6\xeb\xdc\xf4\xb7\xa8z2w6\xc9N\xa0:\x1e\xb1\x03?-&lt;\x02x\x0e\xd4\x1f\xb4\xcboz:\xd9kL0\xb3\x14\x19\xd1\x8d#\xc2\xd9p\xe5\x1fC\xd7\xc5\xb6X\x8e\x08@\xc2\xb0\x1e\xba\xd2\x03\xf8&amp;H\xebY\x9cJNK\xc0#\xdf\xf3e\x12)\x02pF\x90lb\xb3\xaf\xbe\x0eX\xf21\x978\xac\xd1,\x96\xf4J\\{\x07\x8aU\xc1L\x0e.\x91\x82\x94\xf5\xb3\xd7\xd0\x1d\xc3\xbbj\x8f\r\x00|l\x82\xb5IKD\x07\x1fY\x13~\xae\xfd$\xdd\xcbf\xddg\xb19Q\x8f\x00D+\x93\xb3\xd6$\xfb\xb2\x8fD\x0b\x0c)K\x0c\xd4{I\x81\x86\xa6\x1an\xa7\xb8\xfb\x1b(au\xa7\xa5 R\xee,\x93\x14\xd2t\xc2,OH\xf9\x11\xec\x1dp\xc3\xc1{\x00\xcc?\xf2\xce\xb4\xdeA~\niJ\xe9\x1a\x13\x91QW\'\x96\x13E\xef\x05\xcbN\xfdd\x87\x1cjD+\xe3\xef\x12\x9d\xe6?\xab\x87\xec\x83\x97}\x12%ska\x9d\xaf\xdb\x7f\x07\xd7e\x96\xed\xb0\xc2\xfb\x99[\xecXC\x17qrw&amp;\x8a\x9d^+hO\x90.2\x9d\xf8\xc2\x98\xb2E4\xebEq\xe1\xd9s/H*\x93\xd3\xf3\xb6T%\x07\xf6\x9aw\x8d(\xa3\xe8xH9\xb1w\x1b\xd1\xae\x98*I4\xf5Gz\xcf\xbf\x9e\xa7\xee4\xe6\x0c\x1d\'\x93\xae\xd4V\xb6e\xc9\xeaX\x96\x95\x88\xb8\x95\x83\xb4\xcd\xb5\x86\x8c-\x92\x15\xe9k2\x8f\x14\xc5\xfas\xcfp\xeb\rQ7\x90\x95\x88(F\xb9\xd4%\x07\x99,\xc2\x12\x16\x1cy\'z\xd7\x96\xbezy\xef\xc4Z\x14\xd4\x7f\x89|\xc88?*&lt;r\xde\x1e3\xc7\xcd\xdb\xc5\x82\xcc\xf8\xd5\x91\x8c-,\xc8M\x9cy\xe6Vz/i2|\xbf%+6.\xba\x89]Q\xfb\x88\xa5H;\xf8\xc0&amp;\xa9\xae\xd4\x166\x07\xba\xb2\xd25\xa6\x01\xd0j\xec1\xfd\x12\xa9\x10\xc4~\x0cb\xe6\xe8``\xd5\xa7V\xdf\xad\xfc\xdf)\x8a\xf7WH\x95\xdc\xa8P\xf2\xfc\xac]%$~32\x89[c\x8d\xc1Gh\x0b\xa2X:\xe5\xd2\xcd\xbe\x07\xe0\xd6\xea\x85\x94m\xbf\xfc\xe6\x07\xe3\x9f\x0fc\x00\xd3BM\xe6\x94j\xb3\xd4p)\x91z\xe4j\x14\xa7\x9c\xb9\x04\x1b)\xea9Qjz\xc9\x914\x0eH\xa1@\xe5\xae\xeb\x9c\x16\xc1,\x0b\x8f~\x0f\xc0\x96\xb1\xb6\xd5t\x9a\xaa/xh\x86\n#\x0c\x94\xf2\x9b\x15mh\xc1&amp;s\xf8\xbfO&lt;\x0f\x9cF\xd9\x02S~\xa7\x000x\xf9\x1d\xc3\x97\x8f\xdb\xf8\x94\xbd \xc3\xa5h\xa1\xb2`\x16\xe4\xca_q\xf3t\x89\x95\xb3\xa3\xde\xab\xbaL?o\x870\x81L`\x8d\xd1\x14&lt;\x8c\x16h8\x93\xfbc\xc0\xe</t>
        </is>
      </c>
      <c r="E408" t="inlineStr">
        <is>
          <t>&lt;class 'numpy.ndarray'&gt;</t>
        </is>
      </c>
    </row>
    <row r="409">
      <c r="A409" s="1" t="n">
        <v>407</v>
      </c>
      <c r="B409" t="inlineStr">
        <is>
          <t>steps_per_sec</t>
        </is>
      </c>
      <c r="C409" t="n">
        <v>5900</v>
      </c>
      <c r="D409" t="inlineStr">
        <is>
          <t>5.352455</t>
        </is>
      </c>
      <c r="E409" t="inlineStr">
        <is>
          <t>&lt;class 'numpy.ndarray'&gt;</t>
        </is>
      </c>
    </row>
    <row r="410">
      <c r="A410" s="1" t="n">
        <v>408</v>
      </c>
      <c r="B410" t="inlineStr">
        <is>
          <t>Loss/localization_loss</t>
        </is>
      </c>
      <c r="C410" t="n">
        <v>5900</v>
      </c>
      <c r="D410" t="inlineStr">
        <is>
          <t>0.003694657</t>
        </is>
      </c>
      <c r="E410" t="inlineStr">
        <is>
          <t>&lt;class 'numpy.ndarray'&gt;</t>
        </is>
      </c>
    </row>
    <row r="411">
      <c r="A411" s="1" t="n">
        <v>409</v>
      </c>
      <c r="B411" t="inlineStr">
        <is>
          <t>Loss/classification_loss</t>
        </is>
      </c>
      <c r="C411" t="n">
        <v>5900</v>
      </c>
      <c r="D411" t="inlineStr">
        <is>
          <t>0.13728449</t>
        </is>
      </c>
      <c r="E411" t="inlineStr">
        <is>
          <t>&lt;class 'numpy.ndarray'&gt;</t>
        </is>
      </c>
    </row>
    <row r="412">
      <c r="A412" s="1" t="n">
        <v>410</v>
      </c>
      <c r="B412" t="inlineStr">
        <is>
          <t>Loss/regularization_loss</t>
        </is>
      </c>
      <c r="C412" t="n">
        <v>5900</v>
      </c>
      <c r="D412" t="inlineStr">
        <is>
          <t>0.036914233</t>
        </is>
      </c>
      <c r="E412" t="inlineStr">
        <is>
          <t>&lt;class 'numpy.ndarray'&gt;</t>
        </is>
      </c>
    </row>
    <row r="413">
      <c r="A413" s="1" t="n">
        <v>411</v>
      </c>
      <c r="B413" t="inlineStr">
        <is>
          <t>Loss/total_loss</t>
        </is>
      </c>
      <c r="C413" t="n">
        <v>5900</v>
      </c>
      <c r="D413" t="inlineStr">
        <is>
          <t>0.17789337</t>
        </is>
      </c>
      <c r="E413" t="inlineStr">
        <is>
          <t>&lt;class 'numpy.ndarray'&gt;</t>
        </is>
      </c>
    </row>
    <row r="414">
      <c r="A414" s="1" t="n">
        <v>412</v>
      </c>
      <c r="B414" t="inlineStr">
        <is>
          <t>learning_rate</t>
        </is>
      </c>
      <c r="C414" t="n">
        <v>5900</v>
      </c>
      <c r="D414" t="inlineStr">
        <is>
          <t>0.07997422</t>
        </is>
      </c>
      <c r="E414" t="inlineStr">
        <is>
          <t>&lt;class 'numpy.ndarray'&gt;</t>
        </is>
      </c>
    </row>
    <row r="415">
      <c r="A415" s="1" t="n">
        <v>413</v>
      </c>
      <c r="B415" t="inlineStr">
        <is>
          <t>train_input_images</t>
        </is>
      </c>
      <c r="C415" t="n">
        <v>5900</v>
      </c>
      <c r="D415" t="inlineStr">
        <is>
          <t>[b'640' b'640'
 b'\x89PNG\r\n\x1a\n\x00\x00\x00\rIHDR\x00\x00\x02\x80\x00\x00\x02\x80\x08\x02\x00\x00\x00\x83\xaf^t\x00\x00 \x00IDATx\x9c\xec\x9du`\x1b\xe7\xf9\xc7\xbff\xb6efffvl\xc7vb\xc7\x01\xdb\xb1\xc3\xcc\xcc\xcc\x9c6iRH\x9brS\xcc\xca\xcc\xcc\xb0\xe2\xda\x15\xb6n]q\x85\xb5\xfb\x95\xd7\x95\xf6\xfc\xfe8K\x96%\x9dt\xf0\x1e\xc8\xd6\xe7\x8f\xd6\x91\xee\xde{%\xdd\xbd\xf0\xc0\xf7\x01\x98\x10\xd0f\xfc+\x98M\x83.\xec\x10\xd7;s\xef\x03\x08\xed\xb4\x7fT\xee\xd8\x83d\xc6OD\xee\xe93D^\xc9]\xf0\x91)"[v\xa1\x1c\x11!%\xcb\xb4\xee\x03s&lt;\x80jM;\x90\xac\xe9\xd5]\xb8p!\x88\x08\x85\xdb\xf7\xeb\xdbrG\xeb\xe2S\x0e\x8fsK\x9b\xf1\xce\xef\xfd\xb3\xaf\xa3c\x13xf\xd0Da]\x8a\x05*\x84\x1di\xf3*.\\\xe8\x1e\xbf\x16\xad{\xe0Dxh\xdd\x01\x17.\x94#|\x1c\xd3\xe6\xd2x&amp;\xe9d\xa0\\\xc8\xf9q\r\x9b\x80h\xa6]r\xe1\x82\t~Zw`x2\x1c\xbev\xe1\xd6A\x17l\xc8\xd5\xba\x03J\x90e\xb2Q[\xbd%\xf4\x0eKm\xdd\xc9\xb6O.\\(\x86\x97\x02G\x8a%\x90u\x83q\xac\x1bt\xe1\xc2\x85\nx5\xd6\xcf\xba\x90\x88\xd6^\xf0\xb2\xd4&amp;B\x89(\xbcr\x95\xc3\xe3\x04X\xc2]\xb8\xd0\x0f\xca\x85\xb3\x18\x14k\x99\x15\x02}O\xc3\x00\xf7z\xad{\xa0?\x02\x0b\x17\x03\xa9Z\xf7b(\xe0\x93;/y\xe46"\x02\x12$6\x118\xaa\x7f\x03\xed\xc8I\xb6\xee\x82W$^\xc2\xc5p\xa2\xa0\xeb\x0c\x9f\xdcy\xaa_\xd6S\xf5+\xea\x99\x00\xd6\r&amp;+\x1f\x1c\xa3\x00\xdeM\xa9\xad;X6\x184z\xf0\xbf\x9d\xd8t\x91\xafu\x07\xf4C\xf9\xa23\x9f\x90xj\xf0h\xa0\x10\x88\x94q\xf5 "\xba\xec\xf1\x9f\xf2\xc6\x1d\x04\xd2\xd5\x1d\xc8\x04\xb9\xa8]8\x17g\xdc\xfc1\xe0\t\x84\x029j]3\x0f\xfeC5\xc6\xca\x1fp\x97\xf7\x803\xa0\xb4\xf7,m;\xa0\x0b\x0cc2\xdb\xf7h\xdd\t~\x0ce\xcbE\x1c\x1d\xd0\x06d\xb3\xb8\xac\xbbO\x8e\xfa\xcbm\xc6\x9c~QY\xeb\xae}\xeb1\x11\xcd\xde\xf7\xa0\xf4E\x80=\x94\xf3\xc3\xb9\xe0e\xc5\xd9\xcf\xff\xa4\xb9\xbf \xa0\xed\xac;&gt;\x07\xd2U\xb9X(\x10\x0c\xa4"\xaaK\x95\xcb\xb9\x18\xa2Xnp\x872\xc5LZ\xc9\xe9&lt;\xb0\xf6\xfc\x97\x9845\x94\xf1n\xb4\xfbvMb\xd3V\x05l\x12A\xac\x1bt!\x08a\xa9k\xca\x12V\xb1\x8a\x88\x80L\x15\xaf\xe9\x03\xe4\xc9k!\x94MG\x9c\x80  \x04\xc8P\xac}\x7f\xa74Y\xbbp\xe1\xc2\x85l\x02u`{\xc8\x12g\x12s\xe1\xc2\x85\x0b\x17.\\\xb8P\x86b$N\xb6z\xd1\x95\x82\xaf4\xc1\x89M[\xb5\xee\x83\x0c\xa2\xaa\xd7j\xdd\x05\xdd\xe2\xa6u\x07\\\xb8\xb0\xc901\x00\xa6i\xdd\x01\xc1\xf84#\xb8]\xebN\x0cK\x0cc\x80"\xad;!\x83;\xde\x12\xebO\n\x88\xae]\xafHW\x86\x1d\x11D\xe4\x0cy\x87:G\xe3 R-\x18\x1ej\x82^\x8d\x80\x1f|\x9a]\xc2F.\\\xf4\xb3\xe9\x92\xd7\xbf\xd7:\x06\x04@B\xe3f\xad\xbb \x97\x80\x82ED\x84\xb0\xb1ZwD\x1a\xc5US\xcf\xd5\xba\x0f\x1c\xcc\xd3"\x15\xc2Y\xfa\xe9B\xb7X\xc7\x91\xc5j\xd0\x0b\x17\x92\xf0\x00\x92\x184\xe3;\x12\x9e#\x18\xb4\xe3"i\xca\xef:X\xca\xb8p\xa1\x18\xf1Zw`\x08\xe3\xafu\x07\\\x88#\x1c\x89\x93Y\x18\xaf\n\x19\xf4\xc5\x05GL\xb7\xd6=p\xe1\xc2\x85\x0b\x17\xd6\xf8\xb2m\xae\x92ms\xc2\x18&gt;\xb9w\xd2p\xc5y\r\x1f\x04\x9a\xa0\xe3d\'\xbc\x0eg\xbc\xb5\xee\x80\x8b!\x03c\xf3&gt;\xab\x80xif%\x1f!%\x01\\\xb8p\xe1B\x06.}\x18\x17\x8c\x08he\xdb\x9e\xa7\x0e\xf2\xf7]\xb8pa\x1f\xe5\xea\xfc\xb8p1L`\x93\x19\xc16\xf8\xfe7\xe0W\xa6\r\xba\xd0\x15\xc3\xadb\x8c\xaf\x02\xa5[\xf5\xc0\x8fZw@!\x92\x99\xc6\r\x05\x01Y\xecZsj\x86\xad\x1b\x8b\xdfG\xeb\xef\xcc\x99\xc1.\x14\xa0\xc8\x96J\x0eC\xf2\x114zXY8&lt;2f\xb9\x8an)L\x94\xa4\xb3r\x1d\x1d\x90,\xa9\xd9A\x14L8&lt;q\xd3m\x81E\x8b\xe57\xe5b("\xed\xd6u14aS\x9a\xc2\x0eD\xb4\xec\xf8\xb3N]\xc0R,o\xfeB\xef\xba\x92\xb8\x14\xa4B\xea\x89\xaal\xc8\x82\xdb\x912U\x8d\x0b\xb9\xe8\'\x0e(\xd0\xba\x0f\x16d\xa8U\x8f\xcb\x85\x13\x13\t$\x889^\xca.v\xdf\xe9\xf7\x00\x1f\t\':-\x95\xdb.\x7f3\xa5e\xbb\xd6\xddp\xe1b\xb8\x10P\xb8H\xeb.p\xc4\x00\xfe\x80GZ\xdb\xce\xd8\xba\rZwF\x10\xe1Zw`\x98\x92\xd6\xb6K\xc5\xba\xe5\xc3\x89\xc8\xf1\x08\x1eF\xd5=\x87..Q\x01\x17\x9a\xe2^\xaf\xf8%BJ\x96)~\r\x17\xb6\xc9\xd6\xba\x03C\x92\xa8\x84\xc6-\x08\xedT\xe5Z\xae\x98d\xe5\x08\x1b6U%\\hH\x8c\xb4\xd3\xd6\xb8J\xd1\xb3\xa6F\xeb\x0e\xb8`E\x89J\xbeF\x0fe\x17\xc8\x19\xa3w\xbbRW]\xb8P\x8c \xdf\xbc\xf9\x8e\x8e\xa9\xb2z%\x8d\x88\xc8\x15b\xe2\xc2\x85*\xe4\x00!&lt;o\xb1\x90Ow\xe1\xc2\x85f$8\x8a\x8f\xb1\\\xca\x93\x11\xe5\xfa\xe4BW\x0c\xc9|Vg!|\xc2\xba\x1b\r\xa5\xcb\xb5\xee\x86\x0b\x17.\xf4\x80\xb7i\x02vU\xc1\x1c\x06$O!\xfa\xbe}\xf95Z\xf7c\xb8\xe2S\x18\x1a\x16\xf6\xcd\xfb\xff\xd0\xba\x1f.\\\xb8\xd0\x1e\xa2\x9fM\x7f;\xd1\x04,P\x03}\x18)E\x08\xc4\xc3\xcb\x1b\xc0\xc7\x1f}\xa4uG\x86\'\xf1\xa1\x05\xf9\xf7\xdf{/\xbey@\xeb\x9e\xb8p\xe1Bc\\f\xe7\xe1\xc8\xfcC\x8f1/}\x05\xf8\xba\xcc\xaa\x02\xf0\xac\x9cr\xae\xfe\x14\x06\\\xb8p\xa16\xff&amp;K\x184JD\x8f\x7f\xe2\x9a\xd5]\xb8\xe0c\x18\xc9\x879\x03.m#\x17\x1a\xb0\xf0\x8c\xc7\xad\xe6_\x16\xf3\xe6\xcb\xdf\xba\xa2\xb9\\\xb8\x18\x92D \xc8\xa5F\xe2B\x1a\x8c\x8b\xdd:;\xd6\xb3/\x9b \xac\x8a\x90\xdaO\xfb\xffT\\\x91\xd8\x85\x0b\x17*\x12R2j\x94\xd6}P\x1b\x9f\x9cy@\xa2\x02.\x1b\xf98S\x05\x9e\xc4\xa69\x80\xc1\xee!UL\xbf\xe4LvM\t\xc1\xdfVv/?ac\xad_\xfb\x80U_d J\xc4\xd8\x85\x0b\x17jRV\xd4}\xa6\xd6}P\x1f6\xa5^\x95$X\xb2\xfa\x92n\x08*\x9ex\x94]E\xfa\xaa\xb8\xfa\x8d\x8c\x9aR\x04\x9b\xdb\xdfqk\xae\xd7&lt;\n\xfak\xad;\xe0\xc2\x85\x0b&gt;^}\xe3\x8e\xad\xc2\x8f\xf6\xc9\x99\xa7\\WT\xe4K\xad;\xe0\x90\xff\x02q\x82\x13CtE\xb9\xa1t9\x12\'g\x8c^\x17\x15\x15\x95\xdf\xc2j\x02~\xed\xd3g\x9f\x94t\xa2\x123`\xbc\x85\xea\x8e\xcd`\xd5\xb3n\xff\xec\xa3\x0f?\xd2|\x02\x1e\xaa\xb5\xc1]\xb8\xd0\x03\xaa\x06\x1c\xfd\xfc\x977\xed\xbe_\xe5*\x8d\xc0\x88_\x80W\x81_\xb4\xee\x86x\x82\xc3\xa7\xcf\x9cA\x1f\xdd\xf8\xe2\x83\xfb&lt;==?\xfd\xf4S\xc7\xa7\x08\xe2W@\x9a\xae\xf2\xff\x18u\xc0\x9co\x80\xef\xcd\xff}\xed\xf5\'-\x8e\xb8\xfb/x\xe4\xe1\x87\x7f\xfdU\xd6/\xe8!\xe7d}\x93\xaau\x07\\\xb8pB\xe2z\xed\xbcY;\xe3\xfc\x9dW\xfdE\xb5\xbe\xb8`D0&lt;\x1a\xd8\xb5V:s\xcf\xfdD\xb4\xf8\xe8S\xc3\xa7\x0cID\xd5j\x0b\xe3\xf3\xfcC\x8f\xf6n\xbe\xfd\xda\x17\xa4\x06/\xbf\xf9\x0b\x11\xd1\xfd\x7f\x1f\xe2\xc1\xcf\xf3\x0e&gt;\xf2\xa9+\xc0\xdb\x85\x0b\x81x5\x0e\xfew\x85\xf1\x8f\xfer\xa5\t#6\xab\xd9\x1d\x17\xc2\xf0\x01b\xe0\xd3l\xf3="\x9a\xbc\xedN\x86\x17\x0b.YJD!%\xcb\x80\\\x86\xcd\xea\x9cK\x1f\xfb\x8fi\xf6\x9d\xb6\xf3\xde\x94\x96\x1d\xd5\xd3Ot\xad\xbf\xc9t\x80\xb9\x96t\x10Pb\xbf\xb9a\xa2%\xfd\x8fa\xf0\x19]\xb8\x90\x07_\xc8R\x04bz\x00\x00\xb1\xbe\xb9\xf3\xa5\xc4\xbb&amp;N\x92\xd1+V\x0ca;\x9f\x91\xe8n\xa4LC|\x1f\x10b\xa5$\x98\xa1\xc0\x00h\xe8Xq-\x11\x05\x14.\xb2x\xa3w\xf3m\x1e\x19\xb3X_N\x0f\x14\x9a$8\x0e\xdf\xf4Q\xd3\xbcK\x0b\xbb\xce(\x9ft6"\xc6\x9b\x8e\xa8\xf0\xcd\xe5j*\xc5:\x9aY\x0b\x80\x18\xfb\x13p\xee\xd8\x83L{\xaf\x19\x01\x05\x8b~uM\xc0\xcc\x88\x03\xfc\xb4\xee\x83\x0b\xa1\\\xfd\xec\xefK\x8f=\xe3\xe8\xa8\xecY{\x1f\xb4\xfdNL\xf7y\xf7\xfe\x1b@i\xdf\xb15\xe7\xbf\x94=f\x9f\xb8\xcb\x1b:\xbe\xd0\xc5\xa37\x1c\xeam\x07\x19\x97Gaj\xecJ\rc\x8cs\x87\xa5@\xcd\xd1\xdb&gt;\x1d\x922)\xdc\x82\x83\xe3=\xa2#\xb7}\xba\xfe\xe4+\'\xee\xff\xba~\xf6\x85\x03\x07e\xb6\xef\x01\x12\x81b"z\xecc\xbe[?\n\xc8\x01\x02\xde\xf8/\x11\xd1\xcc=\xf7[\x1f\xb1\xfc\xec\xe7\x86\xc3\xe6\xd8\x85x\x9c1hS!r\x81d\xad\xfb\xe0\x80\xceU\xa7\xe1.\xa4V1\x7f\xd5d\xce\xaa\x19\xd2\x910bsI\xefY\x0e\x1b\xf2\xca\x9a-\xb4s\xaa\x91\xa0\x87]\xf8\x90b\xfa\xae{\x89(\xab\xc3\xe6\x82,Z\xed\xde\xa8\xc2K\xdf\x0ex\x7f\x7f%z\xe0=\xba\xe3-:z\xdb\xa7\xdbO\xbd\xcd\xfebIM[\x8d\x13p&lt;\xfb\xd6]\xb8p~z7\xdf6\xccV\xa8&lt;C\x81\x99\t\x0e@\xc1\x843\x80D\xc5\xfa\x90n?F\x8c\x87,\xf6\x1d\x01\\\x8bQ[\x14*\xf6mk\x8cE\x04\xd6\xe5O\xfe\xbc\xfe\xc2W\xa7\xed\xbc\xe7\xb2\xc7\x7f\xd2\xbak:\xa5\x94\x88\x86\xbdH\x88\x01\x80\xf3\xe7\xfb\xbb\xd0+\x861{\xaf\xfd;\x90\x06\x80s\xb5\x1e\xb8\xfe}\xe5\x94/#*W\x17L8C\xa1\xc6\xc5\xa3\xe1L\xa3t\xbd8\x7f\x19\'\xa6\xb1\xec\x88n\xb0\x98\x80\xff\xf4\x1f\xba\xf4\xf1\x9fV\x9d\xf7\xc7W\x7f\xd0\xe3*\xdc\'\xb0p\xb1\xc6]H\x99\xa6\xef\rJ&lt;\x11IZ\xce\x8b\xc1\x93\xcb=\xc8S\xf6*.\x86-\xa1\x9d%\x13\xcf\x022\x00\xf4\xc7:\x05\x8e\x1a\x1e\x0b&gt;oG*\x86J&lt;t\x11\x00\x80x\xc1s\x7f\x02P\xab@7\xd4A\xf2"@\t\xfc-&amp;\xe0/\x89\x1ex\x8fv\\\xf9\xce\x05\x0f|\xa3\xb9\x10\x875?\x7f\xff\xc6%\xe1\x95\xab\xb4\xec\xc2\x07\xaf\xbb\xb9\xe98\x16 \xa2\xec\xe6?\x01\x9f\xde\xaa\xecU~{\x06\x00|\xa2\x8c\x8f.C\xfc\\B\xed\xc3\x9e\xdc\x9c\xda\x9a\x9e\xde\x89\xcb\x8e]\r\x00\xf8\x1d\x00~x\x18\xf8\\\xb1+\xfa\x02\xa1\x8a5.\x10\xae\x03\xbf\x00/\xf2\x1fS\x0c|\xa1\xc0\xa5\xbf\x02\x00|\x0b\xbc\xeb\xf0\xd0cw|N\xf4qY_\x9f\x02\xddP\x87\xffh\xdd\x01s\xa2,\xfe\x1d\x01xy\xe3\xcb\x7f}\xe9\xe6\xc6\x1f?\xa1)\xb9.\xc5\x1c\xbb\x04\xaax\xad\x0c\xe6\xcb\xc9\xa8\x9a\xb5\xfbN\xbf\xc7\xb6M\xadqEw\x9bcp|H\xf0\xe8;\xdf&amp;"z\xfd\'uLM\xf1D\x14V\xbeR\x81\x96C\x80\x1c\xc1\x07;EY\xe8\xf4\xfe \x9e\xe8.\xad{\xe2\xd4\x98dF\xa2\xc9\x16Go\xff\xacs\xd5i-;\xe8\xc2i\x91=\xdf$Ma\xd1\r\x17\xce\x8cO\x93_\xde\x02\xbbG\xd4"\xb6\x87\xc9\xa5\xca\xfa\x8e\x13QR\xd3V\xd6y\xbdn@\x19\xd3\x06u@H\x07\x11-;\xf6\xac\xd6\xfd\xb0\x89\'\x10m/\xf0^/x\xb8\xa5\xcd0\x85\xda\x1d\xbf\xf3\x0b\xeb\t\xf8\xac\xdb?+\x9ft\\\xdb^\x8a%]\xccbsX\xe1\x83\x806\xad\xfb\xe0\x82!:T\xe9\xb3\xcc\xda\xb4A\xe4\x04x\x8e`w\xc5\x92\xe4\x91\xdbX\xb4S;i\xeb\x9d?\x12\x89\xab\x1f\xc7\x86\x0c\xd5\xaf\xa8\x0e\x0e\x03T=\xc5\xb4V\x80\xf8&gt;A\x01\xf01\xdd/}KO\x7f\xc1g51\x88\xb9\xa8z\xfc\xf9g\x1b;\xe0\xd5\'^\xf4\xcb\xb7\xbf\x00\x95E\xa5\x02m*\x96\xd7\x14\xd7\xeb\xf2J2B\xff\x8bS\xa7 \x18\x00R\xa7)|\x95\xdc\xd8\xba\r\xc2\x8eLqK\x9b\xee\xb0\xb5\xd0\xb2\x15\x08\xd4W\xfd\xe0\x7f\x10\xed\xb9\xf6oD\xf4\x1b\x91.K\xfc:#5s\xf6?l\xef}\xcf\x11\x8a\xad&lt;r\x89(\xa1q\x8b\xed7}\x9a\xf5i\x90\xb0\x9e}_\xfb\x91\xc6\xaf\xbdA\xc1@Z\xb7\xb4\x19N\xe2\xf0\xe0\xc84F\x1e\xea\xbf\x14\xa8\x9a\xf8Z\xd4\xd5r\xa1\x16\x06 \\\x15\xd7\xb2C\x93l\x80\xb9b-?\x9e@\x1c\x12\'\x03\xe5\x0c:\xc5\x0e"jYt\x85Q\x99\xc0\x85\x10\xfc\x1dE\xab\x85(\x9e\x82!\x91"\xad;`\x1b\x9b&gt;\xe0\xe7\xffM5\xd3\xcf\xb7w\x8e\x8a=\x94\x80\x12\xf1\xdb\xd1@\xf5`Yl\xa7&amp;N\xb6%3V\x99\x8c\x88\x94a\x9fc\xad+\xc2\xed\xbd\x199~\xf0plS\x9a\xd1\x171=H\x9eZ5\xf5&lt;Dw\xb3\xec\x1a\x0b\x02\x0b\x17\x13Q\xed\xcc\x0b\x18\xb57\xc4\x13\xa5\xa6l\xbf\x0b\x91\x13x\xdf\xf6j\x04\n\x9cjs\xa5=\x87n\xfc\xd0z\x02\xbe\xefoT7\xcb\xb2L\xe1\x00k\xcf\x7fY\xf6u=\x9c\xc71\x19\x08\xe0\xe4C\xdf\x8dYy\xda\x95\xf9:\x98 \x05\xdaLQ\xa0M\xd5\xd0\x9b\x86\x91\xac|\xb9\xee\r7\x8b&lt;\xa3d\xf0?\x93\x81\xb4\x8a)\xe7\\\xf7GBL7|\x9at\xa9&amp;\x18\xbf\xf2\x9c\xe7\x19u,\xdfa\xa1\x1a\x19\xe8t\x03gF\x1eP\x05$\xa8\x9b\x881\x14\xf8d\xf0\xec{\xd3k4b\xee\xc5\x16Jp\x0e\xf0\xcd\x9d\x0f\x94\n?\x9es\xbd v\xa2\xe8\xcejCx\xbf\x9d\xca\xadN\xeb\x9e\xe8\x89\x186a\xa8.\xf4\xc9\x86\x0b_e\xd0JT\x17\xfc[\x19\xb4\xa3\x18\x91\xd5k\x05\x05\x91\r\xe0\xc1c\x18\xc8Lh\xdc\x0c\x14\xc0\xbb\x89I\xc7\xac.\xeaB :\xd4i\xb0\xd7\xa5\xad\x97\xbfi&gt;\x01?\xf7\x155\xcd\xbf4\xa8x\x89\x88\xe6g\xee\xb9_\xd4*\xf2\x9a\xe7\xfb/\xf6\x91\x13\xe8Bg\xc0\xab\xf1\xed\xdf\x08(\xd2\xe5O\xab!z\xfe\xe1\xa2E\x8e\xaa.\xac\xd1\xf3VFT$\xad=\xe2\xea7\x8a&lt;\xc3\x8d\xc7\x0fZy\xec\xce/\x80t\xc9\x9a\xd5e}\xc7\x81\x00\xab\x97\x95S\xc0\x1e\xaa\xe8,\x9e\xce\xbd\xbe\xb0\xcb\x81\xd0\xa9\xf9\x04\xfc+\xd1\xe8eW#q\xb2\xb2\xbdz\xf9\xbb\xfe\xebe\x8f\xd9\x7f\xf8\xa6\x8f\x94\xbd\x98\x1c&lt;G\xf8\xe5-@\xd0\xe8\x94\x96\xed\xaeL\'\x17\xbaAi\xd9\xde\xe1\x03\xdb\xc0\x8e0\x18\xc6H;s\xc3E\xaf\xc1\xb7\x19\xf0E\xd2dc\xaf\x02r\xc7\x1e`\xd77\xfbD)\x93\x9fb\x07\x9fcw|\xfe\xa5\xde#\x8a\xd4\xe0\xe1\x0f,\xdd\xc0\xdb\xaexK\x8d\x0bWO?\x911z\xf7/D@\xa6\x1a\xd7\x93B\x19\xdc\xea\x90:\x9d\x88\x86\xcb\x0e8\xa0\xadu\xd1)\x99m\xacQ8\x95mx\x12\xd7\xb0\xb1\xb8\xe7(\xab\xbd\xe9\x84u7\x0e\xde`\xb9D\xbbd\x12\x10P\xb0\xc8#Sr\xdd\xf8J\xa0\x04\xa8&amp;\xa2]W\xff\x95a\xb7\x04\xe0\xe9\x9e&gt;S\xcay\xfe-\x12\xf5h=\x1a\xb8\xe2\x83J\x86\xf4\xda\r!\x94\x85\x8f\x02j\xd8\xa5\xe6\x13\xf0g\xb2\xbf\x16\x0f\x11\xe1p,3\xf4\x99\x13\nT\xb9r\x15\xc4f\xd1\x85W\xac\x02\xc2\x000\xb4\x16\xba \xa2\xc4\xa6-\xacF\x96w5\xbe\xa5\x87\x9c\x8f htp\xf1R\xd9&gt;\xef\x02\xb5\x86\x1a\xf9\x8a.\x06"\x92\\\xbe\xbag\xc3-z\x19W\x83\xdb\xb5\xee\x01`\x95\x92\xa4uwt\xc3\x13\x9f\x12\x11\x9d}\xd7\xbf\xb4\xee\xc8P\xc5f\xfa\x8a\x0b\x9bD\x03\x11\n\xd4\xc0`\x82\x88\x818\xbav]a\xd7\x99\x92\xae\x92\xca?s\xe4\x03\xe5@\xbe\xa4f\x99\x10\x0cTJ6A\xcbC\xf8\xa7\xe6\xb24\xe3\x18e\x1c\xc8Q\x83\xcfZs\xe2E%\xf7\xa9\xc2I\xb5|A\x91H:\xc7\xb8&amp;`\x1b\x1c\xbd\xfd\xb3\x15g?\xe7\x9d=W\xeb\x8e\xe8\x88\xc6\xb9\x17\xb3K\xd8\xe5\x06\xee0F\xad\rm\x86DHN|\xef\xd0\x1db&lt;\xf5\xa67bE\x18\xdcj\x8d\xcb8\r\xc5\xe9r\x80j\x97:\x9e5\x17&lt;\xf0\x8d\xf9\xd3\xa1c\xb7\x90\xe7\x08 \xd7\xee\x11\xa1\x08\x1b\xcb\xe0B\t\x93\xa2k\xd7+\x99\xe4\xa7Ob\x81"\x84\x8d\xb5y\x0f\xb4,\xbcB\xfd\x0e\t&amp;b\xa8\x96\xefv2B:x\xe2\x16\xc3\xe4\x98.\xb5&amp;\xcc:`\xc5P\xba\\\x86\xda\xb0\xe4\x13\x15E\x89,\x7f\x13\x91\xc69\xa6\x98\xff\x18\x1dO=\x8aSb\x9a\x80\x93\xb4\xed\x88\x1d|r\xe6\xd5\xce8\x9f\x91&amp;\xbb-\x06LIQ9\x9d\x07le\x08\x0cybcx\x05\x81]zU.\xec\x93?\xff\xf0c\x8ds/\xd1\xba\x1b\xf6\xa9\xcc\x18\xbd[\xec9ni3\xcc\x8a\xa2\x06#\xb8\x1d)\x92\xa5\xb9\xc3t\xb8\x0b\xdct\xc9\xeb\x07\xae\x7f\xbf\xb4\xf7\xacO\x89&amp;\xac\xbb\x91y\xfb/~c\xb2\xb2Z[\x0b\xd8\x89\x1dEw\x19\xca\x96\x87U\xacreQ\xdb\'v\xca\xf6\xbb^\xff\x89\xc2+W\x8b&gt;5e\x9a\x80%\x82|}"?\xdf\xdcy\xb2\x1b\x19JD\x8a\xd2]q1\x1c\t\x1d\x93\xd8\xb4E|\x96\xad\xdaL\xdby\x8f\xf8\x12\xe3\xbef\xc9\xa6\x06x40\xee\x93,\x82\x92\x9a\xb7\xcat\x84\x13\xd1\xd2\xb3\x9e^w\xf2\x15\x85&lt;\x05fnN\x05\x17\x1f\x01\x85\x8bB\xcbW\xf8\xe4\xb8\x86n\xbbL\xdctkR\xf3\xd6\xd9\xfb\x1eD\xd0h\xf1g\x0bq\x89y!i\x8a\x18\x03\xb2\xee\x16\xa4\x8a\xe1\x0eT\x16\xf7\x1c\x91\x94\xff\xe7\xd46\xde!\xa3\xe9\xad[|\xfa\xd5\xf1|\x9b\xd5\xba\xa2D\t\xe2\x9a\xe9\xe7\x0f\xad\x1dRyd\xf5\x1a\x99M\xc4\xd5o\x0c*Zr\xe2\xfe\xaf\x15\x9a\x80\x17\x1dy\x92\x88\x10\xd3\xcd\xbce\x17\x12P8\x038y*\x82G\x8b\x11\x82W\xd4\xf9\xa1;\xfeNt\xeb\x1bC2\x1c\xc6&amp;5D4i\xeb\x1dZw\x839\xfaJ\xa3\x1f\xbd\xec\xea\xb7~% [\xd2\xbc(IcD\x94v\xae\x91\xa8\x9a\xb5\xaa\xc7\x82\xc94\xc8\xa9S\xb78\xa0u\xf1)W8\xae#RW\x9d\xf7\xc7\x98\xba\xf5Zw\xc3\x853\x93?\xfeP\xf3\x82\xcb\xa4\x9d{\xe8\xa6\x8f\x88\xec\x14\xc1\xd6\x1d\x8b\xce|\x82XV\xbf11&lt;\x14Z\x04\xc3\r\xdc\x99\xa3\xf7\xe85c\xcaHh\'|\x9a\xb5\xee\x84\x10L{t\x95\xc4\xaa~\x18\x98}kD\x9e\xea\x13[\xbf\x81\x9d\x8e\xa97\xfb\xe0\x1bw6\x92\xfe\xf1#6\x11Q\xc3\xec\x0b\x99\xb4\xc6\x8c\xaa\xa9\xe7FT\x89\xf7\xe6\xbapB\x9cp\x8d\x1c\xe7\x966C\x92\xb3\xc3\x0e\xfe\x9a\xe6\x9e\xea\x8e\xf4Q\xbb\xb9\xbb"w\xec\x01 J\xeb\xee\x0c\r,\x8a\x91+\xeeCy\xfe\xdf\xdcs-6I7\x0fQ]k\xce\x7fI\x99\xec\xde\x00\xc0\x0f!bE3\n\xac\x02\xbb\xec\x84^\x8b\xc1\xab\x91\x884\x94L\xb7H\x01\xaaP\xbd\x03\x91\x8e\x0fq\xa1$\x8d\xf3.!\xa2\x1dW\xbe\xa3uGls\xed\xf34\xd8\xbd\xe7\x05\xc4\xcb\x08X\xb5\x89\'\x02G1m\xd0\xe91-\xcb\xc6\xae\xfa\x03b\xd5/\x99\xa5D9\xf0\x82\xc5G\x9e\x02\x92\xfb\x15\x1b\xd4V\xee3\x04\x97,\x05\xca\x81`Dwg\x8c\xda\x8d`\xb6+H\xe9x\xe7\xccU\xb9F\x9c\xa1t\xb9\xc8\xb8*9R!\x00\x10V\xbe\x12^\x8d&lt;o\x8a5\x0f(G|\x9f\xd6=`L\xed\xcc\x0b\xe4\x0br:\t5K\x8e&gt;5\xf4\x02\x9b\x89\x08\x886\xaf\xdaT;\xe3|v\xcfL(\x80SO\xff:c\xf7}\x8c\x1aT\x934$N&amp;"%J\xc7\xcc\xd9\xff\x107\x01\xff\x9b(\x967\x8dMY\xfc\xf3\x17\xca\x97v\xa9\x99~\x02\x88\x050e\xfb]\xdc\'\x9a{\xe0a\x00\xc5=G\x19tQ\x04\x9e\x9e\x99\xb3\x01/\xc0#\xb1i\x0bB;\xd5\xbd\xba\xde\xc8Ko\xdb\xa5\xd6\xbe\xd3\xe0\x955\'o\xdcAU\xae\xe5\xc2\x8a\x80\x82EZwAqB\xcbWp\x83\xcb\xcas_\x18r\x01hU\x88\x9c0\xa8\x98\xb9{=\x9b\x86\xfdF"\xba\x8bMS\xda\x90&lt;~\xed\r/\x7f\xa7\xd0\xfa\xd2}\xc07\x11\xc6d\xb6\x88\x9e\xb3\xff!Qv\xfe]W\xfd\x05\x88\xb1\xf5\x8e\x18\r\xfd\xa4\xc9\xfd\x0e\xc8\xe0\xd1\xc7\xee\xf8|\xc2Z\xf6\x19\xb1.\xa4\x10\xd2\xa1\xd6\x95\x8a\x10\xd8\xc6\xc8\xefn\xbf\x92\x9e\xc9b_\xa4\xf7\xb0\t#\xde\xf0k\xd1\xba\x0fN\x8f\x9e\xe4\xbf\r\n\xb4\x19\xc1H\xf0\xd6&amp;N\x9e\xbb\x920Ib\x01\x1ca,&lt;\xe3\xf1\xbf1\xf2\x90\xbd\xf0o"\xa2\x1f\x89X\xe8\x95:Ii\x10\xffV}\x0c\xc4\xc3\xdc\x85o\x08.^\xaa\xe4\x18bI@\xe1"-\x9c\xb9.4\x82\x88N&gt;\xd4_\x99\xf9]"\x16\xa2%\xe6\x88\xca\xa8\xaeB\xf88\xa6W7\x87K\x86q\xf2)S\x04\x0e\x83t&lt;6_\xfa\xc6\xa5\x8f\xfdG\xc9&gt;T\x84\x94,c\xd2\x90\xd9\x021\x04\xf0w\xf2\x1ct\x0e\x9b\xbb\xf3\x01\xb2:\xf6\xb2\xb8]\xf3=2$\xd7F\xe4\x18&gt;\x8f\x8c\x05a\x00\x101^u\x95\x95\x0ce\x82\x18\xd4F\xae\xe3}X\xc1\x8dn\x05\x13\x0e\xcb\xd1\xb3=\xf5\xf4\xafV/\x0e\x1fI\x13=\xe1\xd3,Y\x95\x82\t\x9c\x9a&lt;\xa2\xbaX\x15\x1c|\xf6K"\xa2\xc37}\x04\x00\xa8\x80\x8f6\x95j\xd8\x918a\xdd\x8d\x8e\xd2\x9d\xc5\x8as\xd9\xc0\xbf`a\xfc\x88\xcd\xf2\xdbq\xe1B\x02Nbk\xd2\x01cW\xff!\x7f\xfca9-\xc4\xd6m\xd0\xda\x82\xedB/\xf4\xefV#\'0l\xb3u\xd1\xa9\xfe\xbf\x12\'\xb1\xce"\xd3\x04\xc5\xf3\xd6\xdc\xd3g\xde\xf2:\xb9\xa7\xcfP\xfaB.\\\xd8\xc4:\xbcS\x92\xc2\x8e\x8b\xa1\x8fL\xcfb\x16\x10d\xa3\xa4\xe8p\xc4T\xc1\xc6\x07\xc8\xb0{d\x8a\xa4\xf6\xbd=\xb3f\xc3\x9fI\xf0\x87\x02\xb5U\x98\xd4^\x03X\x14\x02\x8aO\x1e\xb9\xed\xaew\\kb\x17.\\\xb8\x18`\x08\xf8/e\xe2\x0b\xf8\x99\xe7\x86\x89\xc3\xab\x11\xd1\xdd\x08h\x93\xd1\x81\x02"\xfa\xe3\xd7\xcc\'\xa7\xb4al\x04r\xe4\xf2\xf3ivT:\xd6\x85\x0b\x17.X\xe2\x9ak\x85 n\'\x1aY\xbd\x06\x01\xadR\xaf\x15Q&gt;\xe9x\xf9\xa4\xb3\x89\xe8\xa2G~\x90\xda\x88p\xec\xabA\xe5\x01\x05@\xb6\xf2\xdd\xd0\x9es\xee\xf9*\xac|\xa5\xd6\xbd`D\xb0X).\x8d\xa9\x06|\x86wue\x17rpU.r"\x02\x8ce!\x0c\xec\xdbN\x9c\xccy\x97%g\xe7\x1b\xca\x96O\xd9~\xd7\xf4\xdd\xf7\xbd\xf9\x8b\xe2[UC\xe9r\xa0\x06\xa8\xb4ilO\x18\xb1\xb9\xb8\xe7\x08\xdc\xea\x10\xdd\xad\x84\x16\n\x0bRX6\xe6\xdf\xaam` K\x94\x96!\x8b\x9a\xc0/\xbc%\x82\xfe$\xb6\xe8\x9au\xe9m\xbb"\xab\xd7\xcc\xd9\xff\x90\xfcFu\t\xdb\xd4\x1d\x17\x83 \xa2\xe7\xbe\x1cJ\x96\xbd\xe4A\xc2 \x03T\x8aHx\xd0@\xdfQ\x001\xdd\xd3w\xdf\xf7?"%*\xf6,&gt;\xf2\xa4)\x19)\x7f\xfc!\x89\xadDN\x80\xa1\xa3r\xca9L\xbbf\x9b\xa0\xe2%v\xde\xf5\xcb_\x00T\xc2\xb7\xd93s\xb6\xf2}\x91\x10\x8ej`\xde\t}\xa45\xeb\x1d\xff\xfc\x85\xc6j1\xd12\x9b2F&lt;\xc5\xf4\xf8\xe4\xcc\x03\xc2\xe4\xb7\xe8bX\x12\xfd\xe9\xd0w\xad\xd5\x10\x91o\xae\x93W\x0ew\xaf?r\xeb?\x15\xaa\xf68X.F\x92fj\\oj\xeb\x0e \x89u\xd7\\\x08!@\xf9\xea\xbfC\xc1TV\xd6w\xfc\xa9\xcf\t\x89\x93\x19\xb6\x99\xa7\xba\xb4\x87\x9c\x99&gt;\xc1\xd6\x8b\xae\x8c&amp;\x17\x12\x18\n#\x82X\xeez\x87\x10!GPeP\x85\x95\xe2\x9e\xa3\x9c\\\x177\xf5\x8e^v5\xfc[\x81,\t\xed\xfa\xe7/D\xaa\x9d:\x1c&gt;\x8c\x82\xab]\xd8$\x14\x08\x1e\xfc\x8a\x81\xf5&gt;;\x06\x88\x01\x12\xe1\xc1HnV\x11\x18\xa4w\xeb\x9e\xf8^\xc1\x87ZX\x8fS\xdd\xd2\xac\xd3\xe6B\x8dN\x1a1*\xb2.\\\xb8j\x14\x8a&amp;/w\xb0\xf0}\xc2\x88\xcdV\xfe\xb0Re\x8a\xd2G\xf1,\xbe\x87\x1e\xd5\xf0i\x06\xb2\x95\xb13\x0b&amp;\xbeW\x81\x82\n\xa1\xac\x1bt\xa1\x0b\x82\x008I\xe1n\x17\xfaA\xbep\xf1p\xc3\xa7~\xf6\x85\x08\x1fk6\x17\xd6XM\xb7\x11C\xaed\x88\x9a\xf8\x8f[s=\xe2{\xadJ\xe4\xba\xb0\x89\xfd\\v\x17.\\\xb8\x18J\xb8\xd7#b\xdc\x80\xd6\x95_\x8b\xad\x98)\x07B\xcaV$\xf0\x04\xbe\rC\x0c@\xb5\xd6}p\xa1;\\9\xda.\\\xb8\xe0HF\xea4\x93\x81t\xf6\xbe\x87,\x8d\xa5\xfe\x92\xf3\x80\x87*Y\xe2\x17%.\x04\x938\xc9\x19k\xa5\xc7\xc55l\x12vdM\xdd\xac\x93\xa2\x9aNh\xe4S\x18g#\xfe\xee\xc2\x853\x10\xe0\x995\x1b\x01mj\x8a9\xcc=\xf00\x10\xa2\xfcu\xe2\xe0;\xd2\xf87\xc34?\x87\xd1[\xfe@\x96\xacL\'\xb1\xb0)m\x1b\x01$\xb2h\xc7\x85Mr\x9cQ\xc6\xd8\r\xc9S\x05\x1f,\xb6\x00\x93\xf3}\x1d.\\\x88\xa7\xf2\xce\xb7\xe9\xa5o\xe8\xe1\x0f\x86|"\x965,B\xd8\xc2\xcd\xc4\x99\xa3\xbb\x1d\x19\xa2\x03\x80d \xd7\x98\xec\xa4J\x10\xbb\xe7\x085\xae\xc2\x98a\x98\x15\xe2t\x1f9l\xec\x94\xedwk\xdd\tv\xc8\xd2\x9eu\xa1.C%\x9fdp\xf2\xebpK\xa3\x97\\,\xc1{\xce\xfe\x87\x108j\xca\xf6\xbb\x8e\xdc\xfaO\xe3\x8b1\x91Uk\x84\x85\xdd\x86\x7f\xcd}\xe1\x861R; \x99\x18\xc0\xc7\x19J\xa9\x96i\xdd\x01uI\x9d\xce\xae\xcc\x86@&lt;```\x1a\xd1 X1\xa9y+\xa3\x96R\xc4\x1c\xec5&lt;\x93&gt;](K\xf2T\x04\xb4\x12\xd1#\x1f\x92^\x05\x0bu\x88WX\xf9\xca\x90\x92e\xc6\x85\x0b\x00\x93\x1c\x90\x10\xdc\xfaO\x14\xb77M2NK\x89\x16\xa9\xcc.\x9c\x9f`\xc7\x870\xbe\xe0\xe8\xf6\xe5\xd7\x00@X\xc5J\xa0\xd8\xec\x9dXa\r\x18\x80 \xa4Ng\xdf3G\\,Nc\xdd\x1f0 \xceV\xde\xb0\xb8%O\tP\x08\xa4#\xd0|\xa3\xec\xf9\xd8\'\xc3\xd0r\xe8B!\x94H~\x1d\xaa$\x06\x14,\xfa\x81\xe8\xf67M\x0f\xa0\x08G\xf2\xf4]\xf7.;\xf6\xac\xe8k\x86t \xba\xbbf\xfa\xf9\x15\xaaH]:\x1d\x91Uk\xb4\xee\x82s!\xc7\xcd\xea^\x0fT\x12\x11P\xce\xac?L\x99\xba\xe3n\xf84\x9fy\xcb\'\xb1\xf5\x1b\x89H\x81\x94p\x17.\\\xc8\xa1?\xaa\xe8\x92G\x7f\x14/\xa5\x97\x0b\xbf\x91\x9e\x99\xb3l\xaf\xady\x91\xbd\xd1\x89\xef\xdd{\xdd\xdf\xb7\x9fz\x1b\x89\x93\x8c/I\x18X\xa4\xe8|\x01\x00\xca\xf4\x9d!\xadB\xec\x9e\x0e1/\xbb\x99\x1aZ\xb6\xc2\xf8\xb7\x12\x16SU\x0c\xe59\x9d\x07X4\xe3\r\x84e\x8c\xde\x83\x84ID\xa4K\xaf\x86\xc1\x19\xbcA\xce\x86w\x93\xd6=p!\x90~U#\tEv\xf3\xc7\x1f\xee\xdd|\x9b{\xfa\xcc\xa8\xea\xb5b\xce\xb3\x08\x05\x95,\x8c\x15\x9f\xda\xba\xa3\xdf\xfe\xa7\xde\xfd\x16\x89\x14\xe1A\xaf.\xd4\'\xa7{\xfd\xcd\xd3v\xdec\xbc\xcd$\x878\xd8#E\xe4\xf1Rr\xd7v_\xf3.\x10a\xfc\x18V\t\xc4\xe2\n9\x15\x03\xd5D4b\xee\xc5\x12zb\x0b_D\x8c\x0f.Y\xca\xa85\x176q%\x9b\xd9\xc7\xa0u\x07\x1c\xb0\xe7\x9a\xbf\x99\x85G\xb1\xe7\xe4\x83\xdf\xae?\xf9\xca\xc3\x1fp&gt;`)U\x99oy\xdd\x18\xfb\x168JR\x17\x82\x8c\x83a\x8a\xadwK\x04\xb404n\xf28\r\x1c\xa8\xba\xc43s\xf6\xc6\x8b\xff\x941z\xb7\xd6\x1d\x91H\xb0i\xc9\xd0\xbc\xe02\xd3\x8f\x9a\xd6\xba\xd3\xbc\xcc\xe4\xdb\xbf\x19\x1f\x9b\xfe\x0c(AZ\x80\xde\xd9s\xd8\xf53r\xd1\x91\'\x11\xdd\xcd\xaeA\x17\xd6\xa4k\xdd\x01\x01\xb81Q\x0e\x8f4\x96\xd7uv&lt;\xcdW\xdbD\xd4\xbd\xe1\x16\xe5.\x96\xd4\xbc-{\xcc\xfe\xfe\xa1@x\x91G3L\xc1\xe7\x07o\xf8\x80u\xef`\xff\x06\x0e\xafXED\x8f~&lt;\x14\xc2G\x8e\xde\xf6i\xfa(g\x9dr\x18c\x18\x13\xd7\xb0Q?\xe9L\x169\x15y\x89\x8d[\xec\x1e\x1fd\xf4\t\x95\x96\xf4\x9eez\xb5n\xe6\x05\xe6\x0f\xf6\xa7\xc6\xc7\xa6\xb8\xe7\x08P\xb3\xfa\xbc?J[\xff\xba\xd03\x9d\xabN\x03QZ\xf7\xc2\xcd\xd1\xfbu\x8c.\x14\x0c\xf8\r\x89\xc4*? V\xcd\xe7\xd1/oA\xfb\xb2k\x00H\xd0\xe8Om\xdd\xc1\x8d$&gt;\xaa\xd7\x88\\p\xc6\xe3D\xb4\xf6\x82\x97U\xbe.S\x8c\x0e\xce\xa8\t\x9avC=\xc2*V\r\x93T\xd5\x08 \xcb,\xd0\xdfB\xd7\xb4|\xdb\x15o\x19\xff\x0e\xa9\x9buRy\t\xb1\xf4\xa0"{\x95\xb7\xc50&lt;\x83\x14\xc4\xf1\xa1\x94\x14\x11\xf6xg\xcf\x15\x9c\x11 \x9f&lt;"Bh\xa7\xccV\xbc\xb2\x14\xad\xfd\xeehE\xa2%\x81\xf0oU\xdd\xfd_\x14^\xb9\x9a\xe7\xad\x00~\x0bs\x14\x90\x08\xd4\xe8;\x9c\xca\x11&gt;\xc3.\xd2"\xb0p\x91\x9a\xc6\xf6$\xd5K\xad\xb9K\xda\xbc\xfb2\xad\xbfX\xa1\xb0\xde[\x84\x92\x8d\x0f\x11f\xeey\xa0\xb8\xe7\xc8M\xaf\xd1\x05\x0f~+\xaf%Y\xa5\x8a\xb6^\xfef\xf9\xa4\xe3\xf2: \x02"b\xb0\tfc\x15wR\x82T\x97\xf3\xb5\xb3&gt;\xf3\xe0y=\x12HV\xa4/.\x86\x14\xba-\xcc\x17\xd5\xb5\xf6\xfc\x97\xcc_\x98\xb3\xff!v\xad\x97\xf9\xe7/\xb4\xf5z\x11\xa3\r\x99\xcc\xb88\xad\xe495\xa9kf\xc3\xa8h\x14^\xc8Q\xa5\x03\xaam\x7f9\x98h;\x84;\xf7\xbej0^Y\xb3]F#\x05\xd0\xb3%\xc3\xb9\x18"\xca9\xdc\r!tr\xba\xfee\x8b\xe0\x05\xe5K4\xa7LMm\xd9\xc1\xa2\xa1\x00\x00\x08\x1d\xc3B}&gt;\x08\xa8\x91\xdd\x883\xd1\xbe\xec\x1a\xe3\x04\x9c\xaau_tK\xe4\xf0\x18^s\x9d\xc7\x98\xa4D\x158\xd7\xa2D9\x98or\x9c D)3\xa5e\xfb\x96\xcb\xfe\xec\x9b7\x9fi]\x14\xb1\xd8-\x17\x914\x85\xc5%\x82\x00\xef\xd0\xf2\x15\xaeR\x13\x120\xd3L\xe6=@\xcd\xfeh\xcaP,\x8c\xe3Q/\xf8\xc8\x06\xa0\xd2\xec\xdf\x02\\W"\xca\xc6\xe8\x1a\xf7\xf4\x993\xf7\xdc\xafu/\x862\x81\x85\x8b\x19\xb6\x16S\xbb\x9eak\x8a\x11\xd3CDf\xe5\xc9T\xc3\xfc\xd1\xb5\xeb\x9b\xe1\ty\xf5\xca\x12\x9f\xe0\xa4[\xf3\xbe\xbe\xb1?\xfb*\x80\xb6\xfb\x0c\xc9\x1bY\xb1\x92R\xfaAx\xc1\xb4\xec\x01\xd9\xce\xb0\xb1\xec\xc2\xd1U&amp;C\xd2Y\x11.\xc9RE\xf1\xcb_ \xfe$^\xd1+\xf5c\xec\x87\x17\r\xb3/\x12/6\xe2\xda\xfeJa\xe4\xc2\xcb\xd5\xbd s\x9d\x84P\xc0O\xf0\xc1\x92$\xd2B:\x88\x08~\xead4i\xa7\xed\xea\xddh\xb6]vR{l\xf6\xa8\xa5Weu\xec\xd3\xba\x1b.\\\xb8p\xe1b\x1012T\x12\x0b&lt;3gI\xdd]\xb1E\xb2\xe2\xb1#\x12\xfal\x95\x81\xb1\xf6^%\xf0G#k\x8d\xe7\x88M\x97\xbc&gt;\xf7\xc0\xc3Vo\x0cE\xe7\x82s\x92\xd4\xbcU\x98\xa2\x99\x0b\x1e|s\xe7[,\x90\xfd\xf3\x17"\xa6\x87\xe7p\xcd\x95\x1f\xecSn\x1cU\x9d%\xfc\xc4\x85T\xc2\xc7\r\t\x9dB\x85\x8c\xe1\x95\x08lC\xe4xe\x1aw\x08\xc3\x90\xcfTx7Yy\xbe\x14[\xb5\xb8\x10\x81;\xe0\x95\xd3y\x00\xc8V\xe7z\xa1N\x11\xac%\x8a+\x9e\xfa\x99\x88\x902\xd5(\xe5a\x00|\x88\xe8\xb6?;g\xa8\x8ewS\x7fb\x8c\xbb\xe0X\x95aKp\xbb\xd6=\x90\xcf\x10(&gt;\xad\xc4\xee3!\x7f\xfca$\xf4\r,\x97\xdd\xd5q\x00+\x93\x93\x96\xd0g\x16M&amp;\xdc\x05\xeeB7\x84\xb43\xa9\x07\xe8\x14v\x0fQ2\x1dV\x12\xe1\x91\x13\x80(\x97I\xc1y\xf0\x91\x18\x94\x17\xd2\x91&lt;r;\xeb\xce\xa8L\x90Z\xb9\xce\xceH\xb8\xf9?"\xaaV\xab\x91y\x95\xd0\xa7\xf8%\\8!k/x\xb9`\xc2a\r;\xe0\xa1F\x1a\xee\x00&lt;J`!\x1d*\xf6\xc1\x1e\x11U\xab]&amp;b^D\x04\x07y\\\xfc\xe8\x8fD$I[1\xd9\x19rN\xfc`\x18\xc3\xf7\xde\xc4M\xb7&amp;5oS\xb37\x1a\xc1$\x91]~\xa2-\x13\t\x14\xfd\xe3\xaaY\xc4\x9e\x96EW\x94\xf5\x1d\x1f\x12\x0e#\xa1X\xaa\xcd\xa9\x9e\x9d\xc2a\xdb^\xa4Qg\x86\x1ay\xe3\x0er\xdf\xe4\xba\x93\xafhq}\xce\xd7\xee\x81\xe8.-\xae\x9eDDW&gt;\xf3\x9b\xc8\xb3RdJo\xaaN\x00\xc2\xc7q\x7f\xc57l\n(X\xc4z\xd3/\xd0\xaa\xe7c+\x9eKW$\xc8\xae\x1a\xee\r\xa4\x02e\xc3C\xa4E]\x12\xfa\xe0^\xaf?\xf7\x81\x82[\x90\x14 \x11H3z\x98|~%\xaa\x9az\xaeb\x97\xb3\x8d_\xde|\x9b:d\xdc\xb4\xf1\xe8G\x04\x94\xa9\xdc%!\x8cZr\xa5\xb0aN\xf3j\x80\xd9\xdc7\x990b\xb3\xd9\x8bU\xef\xfc\xa6\xfc\xe2&amp;p\x94w\xf6\\\x00@\x0f\xeej\x16\x00\x00 \x00IDAT\xe5\xe4mwZ}\x15\x16\x91z\xc2\xd3\x8a\x92\x04\x1fY\xf9\xc8\x87\x12&gt;\xa6\xc1\xaal\x89X4\xcb\x8e\x9b\xbd\xef\xc1\xc8\xea5LE\xdd\x01\xb7Z\xcf\xccY\xc2\x0e-\x12\xdb\xb4\xe8\xceHe\xf2\xb6;7\\\xf4\x1a\x92\xa6 q\x92\xbc\x96*\x93\x9a\xb7\xa9\xae\xae:\x9c\xf1\xd2\x85(lY\xdf1\x16\xcdX\x98\xaa|\xc5\x0c|\na\xfb!,\xec:\xe3\xad_\x89\x886_\xfa\x86\xca\x1d\x12@\x16\x11\xb5.&gt;e\xfc\xa7~M\xe56E\xaf\xfc\xf2\x17\xc8\xaf\x17\xe4\x90\xfaY\'9\xd5\xb3\xb4\xb6\x9dD\x94\xd0\xb8y\xf0\xfb\x16\xc9\xaf\xc2\xe3\x8c\x14_\xd3\xcc\xd9\xffPQ\xf7\x11\x89\xf9K\x01mD\xa4ej/{\x94\x130g[M\x81\x0bm\xc9\xe21`T"\xba\xbb\xb0\xebL\xf5\xf7\x18.\xa4\xe2\x03\x04\x029\x8a\xe62X\xcc\x7fv\xa6z\xa6\xab\xda~RF-\xbd\x8a\xad`\x98x\xe2\xed\xbe+\xd3d\xa4\x14\xff&amp;\x1a\x90\r\x89\x1c\x0f\x18\xb4\xec\x8d\x1d\xdcj\x89\xe8W-\x8c\xf9\xb1u\x1b\xb8T\x90\xf8\x11\x9b\x89\x08\xb1|IkZ\xc1\x1b\x8a8b\xee\xc5D\xf4\x81\xa4/-\xa9i\xeb0v\x9dhh\x98\r,\xee9\nd\xf2\xa7l%\xa4\x8c\xdc^\xd6wL\x84N\xa7\x0b]`\x00*\x14\n\x90\n2\x7fVC\xcbWdu\xecU;\x8e\xda\xab\x11\xde\x8d\xaa^q\xc8b\xd0\xe8\xba\x0eF="\x8a\xaaY\xabJOL\xe4\x02\xc1\x80\xa9\xa2_\xd1U\xcf\xfe\xee\\\xc5\xe3&gt; B\x84\xd4\x04Y\xcf\x06\xa6}q"&lt;\x80L\x00@\x9a\xda\x01Y\xee\xf5\x88\xe9\x01Ry\xa3\r\x02\xda\xd8\x15#\xd7\x02\xc3\x98\xb9\x07\x1e\xd6\xaf\x1c\x8ac\xd4\xabM Y\x86\xa2\x18&gt;\xcd\x8e\xd3\x16\xfd[-\xf2\x07t\x0co\xb8\xa0w\xf6\xdc\xf0\x8aUjve\x18\xa3R\n\xbc\x91\xe4\xe2\x9e\xa3\xb1\xf5\x1b\xcd^\tC(o\xa0\xf2\xb0$\xaab\xca9\xf0k\xc9\xe9\xdco\xf4&amp;:\xef\xc0jM\x981z\xc3\x053\xbc\xb3\xe7zg\xcf\xd1\xb3\xb7\xcb\x01\x81mb\xa27\xa4\x13\x83\xb8^c(\x97I:\x8a\xa94Gt\xb7^S\x1bE\xc4\x8eN\xdazgt\xcd:\xe5\xba\xe2\xc2\x8cj\xb3\xcd\xa8\n$#n\xa22\xc5\xe3\x14"\x06\x88E\\/\xbb\x06\x1d\x88*_\xf6\xf8O\x97&lt;\xf6\x1fx\x8e@@\x9b\xd1p"6|Is\xb8\xc0I\x9b\xeb\x86,"z\xe1\xdf\xae\t\x98\x15^@5`@\xe2d\xeb\xd4\x15\x17\x96\xf8\xe6\xcd\xb7|)\xbe\x8f]P\x86\xaf^g_s\x82\x00\xc0s\x04\xe0\xa7_\xe7\xe8\xb0\xc1\x95\xd0\xe5\x00\xf7z\x04\x8e:~\xd7\xbf\x184\xd5\x9f\x91l\x10p\xa8\x9b\xf0\xba\xdd\xca\xe2\xd3\x04\xef&amp;Qg\x8c\x98s\x11b\xba\x81\x1c\xa3\xc1\x99\xc3\xb4\xfe.x\xfbWBB\x9f\xeaN\x87d\xa0\x16\xa8QWPAi\x02\x10\xdd\xed\xccU\x9b\x12\xd5\xdf\xb5\x97(\xd9\xb8/b{b\xeat^\x191\x0f\x082FWU\x02\xe1CO\x9e\xd3\x898t\xe3\x87Sw\xdc\xc3\xa6-/\xe1\xe1\x02\x8a\xba|*\x1d\x1f"\x8e8 \x9aE;\x9c\xfbI\x94\xd2\x9c\xc6xf\xce\x96Z\x850\xd2,\xab\xc2\xcd\xf8\x8c\x97\xe6\x8e=\x08\xef&amp; N|q3\xc84\xc5\'6m\xf5\xca\x9e\x13P\xb8H\x7f\xfa\xa3%\x02\x8eq\xae\xecs\x01\xc4tWM;/\xa8x\tP\x0b\x94\xd9L7uF\x02\x04&amp;\xbc\'6m\xd1\xf4FTb\x1d\x9a]\xda{\x96\x92\x03\x9c\xc1\xd6\x8b\x01@\x82\x93\x88\x8c*\x8anVQQ\x9a\xc8z\x0cQ|G2\xd1\xe0\x1dh/w&gt;\xc2\xc6\x8aWT\x88\x82\xe7\x08\xb9\xb9\x1e\x01\xad\x08n\xdf\xff\x87\x7f\xe8L(\xd7\x97?\x0e\xa3\xa8\x7f\xcd\x11\xdfg\xab\xa0\x93\x93\x13\xd33b\xee\xc5\xa3\x96\\\x15?bs\xc5\xe4\xb3\x89\xe8\x8a\'\x7f\xd6\xbaO\xc3\x08\xf6q%W?\xf7\xbf#\xb7\xfe\x93y\xb3.\x18\xa1hAY\xb3\xa5d\xe2d%/4L\x08\x02&lt;\x00\x0f\x92\x13\xefm\x9b\x1a\xf1\xa9\xc3U\x08\x1b\x0b\x9ff\xf84\xcb\xbbt,\xa2\xbb\x8a{\x8e(Y\x90m`_Q0\xe1\xb0\xb4\xaf.\xbc\xd22\xfe\xf4\xcd\x9f\xc9-M\xe7:b\xf6\xb1i\xf1\xf2\xc9\xea\xd8\xbb\xf1\xe2?m\xbe\xf4\r\xce\x11v\xcf\xbb._\x98z\xb8\x85U\xac\x94Q\x8d\xd5&amp;e\x08\x1a\r\x00HV n\xc5w\xd8\x88\xd9*\x07\xb7\xeaR#\xdc\xd1\x85&lt;\xbc\xe49\xe7\n\x01_\xb8\xd51Zg\x17\x00\x01@\x99[\xda\x0c\x002"f\nBJ\x96\xd5L?a\xec\x95\xd2\xbe\x80d\xa1\xa9\xcf^\x8dfS\x94\xe6\xdaG\nQl\xeb\xc5*\x84\x8fsK\x9bq\xc3\xcbt\xe8\xc6\x8f\x9c\xd9\x99\xcd\x0c?\xc0M\x9d\xd8\xa8\xea\xe9\'\x88\x88\x91w\xcdD.\x94\n,\xf2t\x85\x8c\x01\x00*\x914\x85\x88\x8a\xba\x8fH\x1a^}\x914y\xe4\xc2\xcb\xcb\'\x9d\xcd\xbek\xc3\x05\xb6\xcbV\x85H"\xa2\x8a\xc9\xe7H=\xdd\x83_\x84G\xb2\xbb\'n\xde\xc1G\xe6\xec\x7fH\xcd\xacS\x01Dye\xcdvO\x97\xb9\xb6p\xa10\xf9\xe3\x0fI:/[\xa4\x92F"\xe09\xf8&gt;\x90\xb0\x95L\xd9t\xc9\xeb\x00\xec\x86d\xbb\xe7t\x1eXx\xc6\xe3\xac*c\x1b\xf3\xe8\xab\x00\xb7\xec1\xfb\xd8O\xc0\xdeM\xea\xc6A\xd8\xfcZ\xd8.VL\x88Zt\x87\xfd\x8d\x88\x88\x1a\xe7]"\xe9Z\xe9\xf5\xb3/$\xa2\xd8\xfa\r\x92N\xd7\x16_6r\r^\x8dH\x9dNDY\x1d{\xa5\x9c\xee$6\xf6\xea\xe9\'B\xcbV\x18\x1d\xb7LD\xebd{1\xc2\xc6"x4\x8b\x9e\xb0!\xb4|\x05\x90\x15P\xb8H|\xe4`\xf8\xf0\x8b;\tP4\x82\xbd\x94\xcc\xf8\xd0j\xfe \xa2O\x9c ]\xc4\x1fHm\x9a\x7fi\x7f\xc8\x80\xed\xbax\xa6\xd9=\x17\xc8f\x947U&lt;}\xd7\xbd@\x08&lt;G\x00%@\r\xe2\x19&amp;nr\x18X7(\x1a"R\xc4~\xeb&amp;$\x0fx@\x06\xf5\x95\xef\xe9\xf67I\xb2\xb2`t\xcd:\'M|:z\xfbg\xacz~\xf9\x93?\x13Q\xc3\x9c\x8b$\x9c\x1bQ\xb5\x9aI\x1f\xac(\x10v\x98\xa8;\xb0\x8aab\xe4\xdc\x03\x0f;\x97b\x9a\x00\xa4\x95\xf7q\xaf\x98rNh\xd9\n\'L\x10\x97\x83d\x03u\x89\xbd7{6\xdeBV\xbcg\xe39\xd7V\xdf*M\xb0x\x82;\xdcj\xb9\x05\x9dG\xc6,[\xb5_\xb8p\xd9\xb4\x85g&lt;\xc1\xae2L"P\x01\x84\x03\x85\x88\x18\x17Z\xbe\x02Q\x13t\x14\x97\xcb\x88\xbf\x11\xe9\xa2\xf4\xc7p\x85\x88~c\xb6t(\xb1\xb3\x9cO\x19\xb9\x9d\xff\xc4@\x18\x14*\xcb-(\xc68\xa8h\t\x12\xfa\x94\xe9\x80\x032F\xef\x06R5\xb9\xb4$L\x8f\xaaBn\xdd\xa1\xa4\x8f\xa6(%\xbc\xefL\xd9~\x97\xf5\xecKD\xdd\x1bnV\xaf{B\xf1\x14Pf\xcbK\xc0\x9c\x9a\x86\xd4\xe9\x1b.z\x8d\x88X\x9b\x142\x80lDwe\xb6\xef\x89\xab\xdf(&gt;\x04\xd1\xcbI\xbck.4"\xba[\xc2I\x8f\xffS\xf4\x9c\x9d\xd8\xb4\x95\xf7\xbd\x84I\nXw8\x84\xad\x86\xfdZ\xe05B\x99\x0e\xe8\x16^\xd1\\\xbb\x0c\xab\xed\xa9\x9ad\x88&lt;\x9e?\xda\xce\xe6\xec\xeb\xa4\x06:#U\xf0l0\xc6+\xda"|\x9c{\xc6\xcc\xb0\xf2\x95J~\xcc\xe2\x89\x9bn\x15\x9f\xe9\x9f\x9b\xd8\xb4E\x91\xee\xa8\x8aV5\xab}s:\xf7\x0f=\xab\x83|$\xdd\xe7\x95\xfc9\xfa5\xae/y\x10j\xd4/*Q\xfe\x12.\x04\x12i&amp;\xd1*\x9b!7\xfb\x02Q]\x08\x1e\x1dU\xbd\x96\xff\x08u\xd4?j\x04OE\xa2g\xac\xef\x9d\xfd7R\x86\x8c\xd1{x\x1e\x8c,\xc5\xe2N\x83\xcd$\x1b\x95W\xd2\xf1oU\xfc\x12\x00\x80\x80\xc2EH\xe2\x8b\xb4r&amp;!-U\xd0UH\xb35qni\xd3UW\x08N@\xd4\x04u\xaf\xa8&amp;\xc5@\x9e\xa8\x1a\xc0\xbcC\xfc\x8d\xafZ\xbe2c\xf7}B[\xd5\xa7!\xe8\xab/\xf1\xd3\x7f\xe3\xe2\xed\xd4\xf1\x95&amp;w\x12,r\xe6\xfe^HP\xc9\xbbD\xdd\x1bn\x14\xd5\x8f\x0b\x1e\xf8&amp;\x10\x90\x94b\xef\xe5\xcc\xa5\xe8\x1cG\x80\xff\xfd\xa1}\xc07&lt;\xe7*d\xdb\xff\x0e\xf8\x11\xfd\x0b\xd9\x9f\x8c/&amp;(\x151\xf7\x9fG\x15i\xd6\x8a\xff\xfe\xf4_7O\xdb\x13\xadO\xce\xac!\x17\x88$\x93_\xf4-\xef\x9cXY]\x8d`\x95\x7f\xb2O\xf0\xaf\xbb\xd4\xbd\xa2j\xd4vo\xd8\xf9;\xbd\xf5\xf8\'\xff\x84_\x8b\xe0\xc8A^\xbc\xb8]\xef\x89\xfb\xfeO\xec\x99\xb7\xbcN\xa2\xeb\xb8\xc9]\xc2;N\x03\xf0\xcf_\x00\xff\x16%\xb6\xb9^Ys\x98\xb4\x93\xdd\xb1\x0f\xa8\xe6\xfe&amp;\xf1\xd5p\xdd\xd2f\x10\x91\x04U\xbcO\x88\xce\xbe\xfbKD\x8e\'\xa2?\xff\xcc\xed\xa1\xf5_9\xc39\xe0\x1e\xa2Eg&gt;\x01\xf8\xc75l\xe2\t\xbfw"\xaa\x90:\xddf\x9c\xb9O\xce&lt;\x05\xc4\xae\x07\x938\x19\x1e\r\n+\x97\xb1E\xd7V\x81\x88\xca\xd5\xea\x16\x1c\x1b\xca\xcc\xde\xf7\xd0\xbc\x83\x8f\x10q\x89\x18\x15\x8c\xd2\xdb$\x12+\xbed\x8a,YW\xbf\xbc\x05\x0e\x8f\xb9\xfeez\xf6K""\xc4\xb3\x08\x954\x13\x82\xf7\xc8\x98\x85\x90v\xf9M\xf6n\xbem\xfe\xa1\xc7\x10\xda\t`\xfb\xa9\xb7\xc5\xa7\xd3\xf9K\xcb\x1eAl\x8fG\xc6,$O%\xa2\xa1[\xedX\xa1Le\x07\x84\x96\xaf0j\x83\xe4#U}\x8b\x1fs\xc2\x9a\xe6]\xcao6\x107\xe8\xb8\xa5\xcd\x00\xf2m\xbf\x17b3\xa0:\xd3\xd6\x8b.$c\xd0\xba\x03C\x89\xb0\x98\xba\xf5E\xddG\x8cY9:w@\xb0\xc7\xcb\xf80\xc7,&gt;\xf2T\xc3\xec\x0b\xad\x8f\x08\xaf\\ED7\xbc\xc2\xd0Q\xea\t\x00ac\xd9DCx4\x10\x91\xb4\x88V3$\xa7\x03\xa5:\xbd\x9b\xdf\x0e)\xd3X\x19*\xc4\x93\x08\x9f\xe6\x8b\x1f\xf9\x01\xa8\x10\xf6\xeb\x08[x\x05\xb4\xc9\xeb\x95(\xcc\x05p\xf8\xf2m\xf2\xc5-\xa3\xa3\xbb\x88\xe8\xd8\x1d\x9f\xdb|S\xc6\x8f\xa5\xebM\xe7\xb0\']\x8c\x9f\xc2\x89L\x1d\xd6\xc85A\xab\x00\xdb\xb0\xd8\xd2\x13\xf7\xfd\x1f\x90\xe3(d\xac\x82\x9d\xe2y\x98\x1e\xa3\x10YVh\x97\x8f~4q*\xc4\x14%d\xcc\xdc\x03\x8f\x10\x11\x90\xea8\x00&gt;\xb4\x93\xbf\xca\x1e\xf7\xbc\x14r\x8a\x13\xd3w\t\x8e\xc9`\x8b\xad*\xbcE\xddG\x12\x1a7\x8b4\xb0\xe7\xcd\xde\xf7\xa0\xa0\x14#\xafF\xa1\xa5\x7f=G\x98\x9c8.tI\x96\x98\x02\x7f\xf9@\x99\xd5\x8bN0\xb1\t\xc43s\x96\x96\x97\xcf\x1d{ }\xd4n[\xef\x88/-\xe0\xd1\x00\x94VL&gt;\x1b\xc8\xd6Q\xcc\xb6w\x93\x16&amp;G\xad\xb2}l\x92\xaeu\x07\xd4\x84\x89\xd1\xc9Afgh\xd9\n\x16W\x91Ljq\xcf\x91\xc1\xafDM\xdaz\xc79w\x7f\x99\xd5\xb1W\xa1\x98\xa3]W\xfd\x05\xa9\xd3\x1c\x1e\x16R\xb2,\xa6v\xbd\xab0\x89#\x9cF\xd59\xb0h\xf1\xfcC\xd6\xd1\x85C\xa4bJD\xe5j\xa3.\xb2fT\x9b\xb9\x8a%\xca\x07Z\xf3\xcb\xc0\x04\xac\xd9\xad\xd6\xb3\xf1\x96\xee\r7\x97L&lt;K\xaaP\xf6\x90AiM\x1c\x86\x8e\x16\te\xd89J\x11\xd2\xc1r\\\xf0o\r.^*&gt;\xa9\x7f0a\x9d\n\x99\x1fR[w \xb6\xc7\xec\x85\xaa\x96EW y\x8a\x12\xd72\xc2W\x95\xd6\x027\xa9\xc2\x14\xce@\\o\xf6\x98\xfd,\x1e(6\x12\xf7j\x904\x85u\xc5I9\xc4\xb23\x89W&gt;\xf59\x11Q\xf5\xb4\x13\x8c\x1a\xb4\xc4=\xb2j\x8dBM\x8b\xa1Tn\xa1l\x89d\x12\xd1\xb9\xf7|\x15Q\xb9\xbae\xe1\x15Zt\xc0\x85\r|s\xe7#a\x12\xdf\xbb~\xf9\x8e\xe3\xf8lBD\xd6uReS\xc0b7)m\xb0\x0e\x80\xefH\xab\x17\x07\x16:\t\x8d\x9b\xef\xfb\x1b\r\xf6@\xeb\xc4\xed\xea\xc9\x13\xba5d\xb0\xd8\xdc\x07\xc9\x96\x01\xd6s\x96\x943"\xe4\x89\xab\xe4\xf6\x87I\xcd[\x01\xe0\xaew\xe8\xf4\x1f\x95\xb0\xd6\xf2z\xda\xefzG\x07\xc6ae\x89Ml\xe4\x84\xab\xdc\x19Y\xf9C\xb4\rj\xe7\xc7\xa9\x042\x1d\xa4\xba\x19\xd4\xe9\x85x\xa4\x85,\x14\x00)\x92N\x0c\xcf\x1d{\xc0r\xff\xed\xd7b6X\xab\xb6\xcb\xac\xd2\x99?\xc5\x05\xd8\x89\xe4\x0f=\x04:\xb6K\x88h R\xe1\x96\xd7\xe9\xca\xa7\x7f\x05*\xe1\xce@8\xcd=}F\xd5\xd4s\xed\x1e\x12\xf2\xae\\\xef\xac\x13\x89\x9e\x83\x9d\x0f8\x0c\x81m@\xda`\xd5k\x9d\xec&lt;\x86\x00v\xb5\xc4\x03G\xb1\x0b\xdc3Q*J1G,E\x96\x9eZ\x87\xd4\x0c\xfc\xe9\xd9`\</t>
        </is>
      </c>
      <c r="E415" t="inlineStr">
        <is>
          <t>&lt;class 'numpy.ndarray'&gt;</t>
        </is>
      </c>
    </row>
    <row r="416">
      <c r="A416" s="1" t="n">
        <v>414</v>
      </c>
      <c r="B416" t="inlineStr">
        <is>
          <t>steps_per_sec</t>
        </is>
      </c>
      <c r="C416" t="n">
        <v>6000</v>
      </c>
      <c r="D416" t="inlineStr">
        <is>
          <t>5.309705</t>
        </is>
      </c>
      <c r="E416" t="inlineStr">
        <is>
          <t>&lt;class 'numpy.ndarray'&gt;</t>
        </is>
      </c>
    </row>
    <row r="417">
      <c r="A417" s="1" t="n">
        <v>415</v>
      </c>
      <c r="B417" t="inlineStr">
        <is>
          <t>Loss/localization_loss</t>
        </is>
      </c>
      <c r="C417" t="n">
        <v>6000</v>
      </c>
      <c r="D417" t="inlineStr">
        <is>
          <t>0.002157792</t>
        </is>
      </c>
      <c r="E417" t="inlineStr">
        <is>
          <t>&lt;class 'numpy.ndarray'&gt;</t>
        </is>
      </c>
    </row>
    <row r="418">
      <c r="A418" s="1" t="n">
        <v>416</v>
      </c>
      <c r="B418" t="inlineStr">
        <is>
          <t>Loss/classification_loss</t>
        </is>
      </c>
      <c r="C418" t="n">
        <v>6000</v>
      </c>
      <c r="D418" t="inlineStr">
        <is>
          <t>0.13323069</t>
        </is>
      </c>
      <c r="E418" t="inlineStr">
        <is>
          <t>&lt;class 'numpy.ndarray'&gt;</t>
        </is>
      </c>
    </row>
    <row r="419">
      <c r="A419" s="1" t="n">
        <v>417</v>
      </c>
      <c r="B419" t="inlineStr">
        <is>
          <t>Loss/regularization_loss</t>
        </is>
      </c>
      <c r="C419" t="n">
        <v>6000</v>
      </c>
      <c r="D419" t="inlineStr">
        <is>
          <t>0.036929727</t>
        </is>
      </c>
      <c r="E419" t="inlineStr">
        <is>
          <t>&lt;class 'numpy.ndarray'&gt;</t>
        </is>
      </c>
    </row>
    <row r="420">
      <c r="A420" s="1" t="n">
        <v>418</v>
      </c>
      <c r="B420" t="inlineStr">
        <is>
          <t>Loss/total_loss</t>
        </is>
      </c>
      <c r="C420" t="n">
        <v>6000</v>
      </c>
      <c r="D420" t="inlineStr">
        <is>
          <t>0.1723182</t>
        </is>
      </c>
      <c r="E420" t="inlineStr">
        <is>
          <t>&lt;class 'numpy.ndarray'&gt;</t>
        </is>
      </c>
    </row>
    <row r="421">
      <c r="A421" s="1" t="n">
        <v>419</v>
      </c>
      <c r="B421" t="inlineStr">
        <is>
          <t>learning_rate</t>
        </is>
      </c>
      <c r="C421" t="n">
        <v>6000</v>
      </c>
      <c r="D421" t="inlineStr">
        <is>
          <t>0.07997268</t>
        </is>
      </c>
      <c r="E421" t="inlineStr">
        <is>
          <t>&lt;class 'numpy.ndarray'&gt;</t>
        </is>
      </c>
    </row>
    <row r="422">
      <c r="A422" s="1" t="n">
        <v>420</v>
      </c>
      <c r="B422" t="inlineStr">
        <is>
          <t>train_input_images</t>
        </is>
      </c>
      <c r="C422" t="n">
        <v>6000</v>
      </c>
      <c r="D422" t="inlineStr">
        <is>
          <t>[b'640' b'640'
 b'\x89PNG\r\n\x1a\n\x00\x00\x00\rIHDR\x00\x00\x02\x80\x00\x00\x02\x80\x08\x02\x00\x00\x00\x83\xaf^t\x00\x00 \x00IDATx\x9c\xed\xddu\xc0\x14E\x1f\x07\xf0\x1f\xdd\xdd\xdd]\x0f\xdd\xdd\xdd\xdd\xdd\xdd\x88J\n\x88 (\x08\x12\x8a\xa8 \x88\x81\x8d\x8a\x88\x01((\xd8-v\x07\xfa\xda\xf5{\xff\xd8\xbb\xbd\x8d\xd9\xd9\xd9\xbd\xbdx\x1e\xbe\x9f?\xe0nwvfn\x9f\xbb\x99\xdd\xd9\t\xa24\x84\x99\x13\x9d\x85\x98\x88\xc5\xe7\xea4\xf5\xb6\xc0\xe3\xd4\\\xe2\x08\x87 Y\x89\xea[\xf6:\x85\x97\xc6c\x93\xbf\xbb\xfe\xb2V\xefu\xfa\xeb\x07\xdff"j:|\x9b\xf6\xf6KC\x9c\xc6\x17\x17~c\xa2\x867\x1f\xff\xd5\x98\xa21\x03\x7f\x1a\x02\x7ff\xd8\xfe\x13\xf3\xe9\xef\x99\x88.\xfc&amp;\xccmz-G\xc68\r{\x1b\xca?\xe9\x88\x15\x8fI?sX\x81\xee\x92s\x95V\x7f\x1a\x00`\xe5\xf7\xd7\x9e7A\xe9B\x90V\x1f\xbc\xe8\x12"SK""jJD\x94\xa1\x85\xbe\xd9\xfe\xe7\xbb\xee\xfe\xaf\xec\xf5\xf4%C5S\xb4\xd9&lt;c\xc5\x96\xa9\xf2h=\xd8\x8c\xebO7\x1c\xb2\xa5|\x87\xe5D\xf4\x9b9\x92S\xdfFb\xf8\x87\x99(\x8b\x9e\xba\xf1_c\xaeZ\x8f\xdd\xa5o\x99\xb0\xeei""\xaa\xa1o)\xde|\x81\xcbG&amp;\xa2\xb2C\xf5\n\xb2\xcd\xf8\xdd\x05\x1b\xcer?\xc4\xacf\xafk\xf4,\xd9\xcf\x95\xdbE\x0f\x00@,\x05[\xfa\xa0,\x8b\x85#\xaf8\x9d\xd5\xf2W\xdc\xfaV\xfe\xfa3\xcc\x1bk\x90\xf3\x1f\xa2\\\xfb+\x9c\xf7f%\xa2C/\x1bj\xd3r\xc3\n4\x98I\xe6[^\xfd\xf5\xb2[\xde4\x1e\xfc\xc0[\xd6\n8,\x93\xbee\xd0\xd2\xa3)\xfd7J\xeb\xbct\xc2\xad\xa5Z/\xb6l\x99}\xc3\x8b\x0e\xc9YM\xbd\xee\xb9b\xcd\x17\xcc\xdcrF\xb8\xd7~\xf5\x00\x00 s\xdb\xa9\x7f\x13\x9d\x85\xd8\x8ac\x81X\xcb=HB\x94\x1e\xec\xb0#\x97\xf1M\x9b\xf1\xbbEar\xc8\xe3\xb6\x9c\xde\xfe\x8b\xee%\xaa\x17\xda\x98\xae\xd9\xc8\x95\xc7\xb4\xd7\xf5\x06n\xd2*\xcb\xd5\x07/\xfa\xff\x8b\xa4o.\xd8Xb\x80\xcf\xd8\x94\xf9\xcb0n\x88\x01\x92\x1d~\xa2\xb1v\xcd\xe1O\x96\xef{\xdb\xebQ\xa3V\x1e\x8bEf\x82\x90\xcf\xf8\xe6\x7fA\x7f\x7f\x9c\xbe\x90\xeb\x8f|\xd6j\xec\xcdD9\xecw\x90\xba\x82\rg\x11U2\xc6pTt/\xab~\xa7x\xe0\xac)\xcc\xc7\xcc\xf5\x07nr=\x8a\x88\xdaO\xbaE%X\x94\xdc&gt;B\x998\xe4\x01\x00\xc0"}\xa23p\xb9\x88\xe9\x05\x9c\x16\xf9\x9b\xffxNb\xf4\xaa\'\x14#w\xb5d\xcf\xeb\xccL\xe9\x9aI\x8f*B%\x9d\xee\x83\xab\xa9\xa4\xe2D\xfd\xb3\xe3J\x1a\x00\x02\xb0\xeb\xa9\xdf\x12\x9d\x85D\xc9\xe5\x1e\x04b\xac\xd7\x9cC\xa1W\xe5\x86\r\\r?\x11\x15k&gt;_\x14\xb04\xd9\x1e\x1e\xfb`\xef\xf0\xe5\xf4V\xb2Q\xb2\x1d\x00@\t\n\x91\xe4VI1\\\xd5n\xab\x03J\xb1\xa8\xa7\xd0\x19+\x8d\x8a&gt;I\xc5/a\xcb\xd1;\x89\xb2W\xed\xb6\xba\xf3\xb4\xfd{\x9f\xf9\xeb\x86G~8\xf3=W\xef\xb1\x96\x88Z\x8c\xda\xe15\xd1\\\xb5\'\x13\xd1\xec\x1b\xcf\x12QJ\xbf\x8d\xe1l\x94\x08&lt;\xdb\x00\x00\x00\xa9X\xe1&amp;s\x88j&lt;\xfc\x9e&gt;\xf6\x87\xbf\xc2\x8d)\x00@\x02\xa94!^&amp;z\xcf=\x1c\xbf\xc4\xca\r\x8d\xe7\xa9f\xe6\xe7\xbe\xe1\xf5G&gt;#\xa2j\xdd\xd7\xbc\xf5\xafl\x00\xae$cO\x7f\xee3\xcf;\x9e\xfc\xc5C\xe8|\xdd\x88h\xcb\xc3\xdf\xfbK\x0b\x00b)g\xc7D\xe7\xc0\x03\x8c\xacH%*&amp;:\x031d\x99\xf2B&gt;\x03F\x92|]\x93$\x1b\x00\x90\xaa\xe4\xed\xa2\xbf\xb4\x14"\xc6\xd9\x12\xc0U\xf4E\xf0\xe2\xdd\xafY\xb6d\xab&gt;&gt;\xca8\xe5,y\xceRul\xd4Q\x16\xd9p\xcf\xe7QF\x11\xaan\xcb\x0c6\xbe\xb5d\xf5\xe6\xcb\xb7#!\x00\xa8K\xd74\xd19Pb/\xe6pQ\x0f^\x05\xf5\x9d)\xd2t\xae\xfez\xeb\xc3\xdf{\x8av\xf7\x89\xdf\x03\xc9\x83H\xc3\x98\xc5\x0c\x00\x97\xb1\xb3\x97L\x15\xf0\xe2\xdd\xaf1s\xcb1;\x13\x9b+O\x9e\xfb\xe6\xf2\xb9bh\x94\xe8\x0c\x88e\xae2&amp;\xd1Y\xf0\xcf6O\xa7\xa3\xc2M\xe6\xc42#\x00\x90\xa6\xb9\xdeR$\xf3\xc3\xe0\xaf\x935c\x90p\xb9\xebL\xd1^\xa4+?\xdcw$\xa3W=\xae\xbd\xe8&gt;\xeb@\x00y\x02\x00\xb0x\xe8\x1d\xa7j\xac6%q\x05\xbc\xe9\xe8\xd7\x89\xce\x82\xa3/\x92\xf2\x8c\x81W\x92\xc7\xd8\xccLT$\x9e\x99\x01\x80\xcbG\x0e\xa2\x86\xe1\xda7y\xa7\xba-\xd7~y\xa2\xb3\x90H_\xa2\xa6\x8f\xbd\xf3\xbf\nV$$\xa2\x1b\x1f\xfb1\x11\xd9\x01\x00\x08V\xc6\x16\xe6\xf7\x15\x12\x93\rH\xb0\x9c\xb1\x8c\xdc\xdbl_R\xda2P\xa9\xa3[%\x00\x00\xc4\x04\xc6\xe1$Dr&gt;\x97\x01\x00!\xac\x1a\x940\x89*+W\x1d\xf80\x0e\xa9\xbc\xfe\xea\xabQ\x1c\x9d=\xb0|\xa4\x1d\x85\x8c+!:\xad\xa8\x98.]:\xa2\x92q\xcd\x17\x00@\xb2\t\xaa~\xc5=\rx\x82/\x0c@*\x92#\xd1\x19\x90\xc8\xe7\x1e$)\xd9\xef2\xdf\xfa7I\x8a\xc5\x8c\x89\xce@\xea0x\xd9\x03AE\xf5\xe8\xfb\xb1\xfd\xd3\x97j\xb58\xa6\xf1\x03\x00$\xb3\xc2\x1e\xc2\xe6r\x99|;\xad\xde\xc1\x8cY\xfdD\xa2\xb3\x90\x18\x85\x1a\xcdNt\x16\x00\x00.\'\xdaj9&gt;0s\xe96K\x88\xe8\x8a[\xdf\n4Gt\xfc\xd3\xe0\xab\xf6\x9b\x1e\xffy\xc7\x13\xff\xf34,;\xad^a\x00\x00\x80\xaa\x0b\xbfE[\x13&lt;\xf3U&lt;\xeb\x92b\xb6-\xf5\xe2\x98\xba\x95\xbd\x1eE\xcd\x1a\x91\xbbs,be\xe6~\x0b\xef\xb1ot\xcfN\xca\x94X\xe4\x07\x00@*[\xdbD\xe7@L}j_E\xd36\x9f\n6B9m^\xad\\\xb5\'\xeb[\xbec~D\xf1yg\xfe\xee\xf1\xbdv\t\x9ed\xfdAi\x8dh\xba\x8az\xe1G\xcf\'a\xd6\r/z=\x04\x00\x00Lz\xcd=\x94\xe8,\xf8\'\\\x83/i\xe7\x07M\x1e8?\x00\xa0\xc8\xf3\xb2\xea\x7fD]\xbe\xa0\x84J\x15\x84\xabC\xca\x97\xa67K\x89Y\xd6\xc0$\xfa\x9f$\x00\x00$\x11\xa7\xdb\xdf\xd4u\x13|\xe5m\xef$:\x0b1\xc7\xccD\x95\x13\x9d\x0b\x00H\x90\xbd\xcf\xfc\x95\xe8,@\xc0"\x15m\xfa\xe6\x82\x8d\xa9A\x89\x96\x0b=\xe76K\xeb\xd8\xe4\xc5\x83\xfb^w\xcc\xb3\xf0\xfc\xa7\xa2\xbf\x08\x00\x10\x11e\xa882\xd1Y\x80\x84\xa8\xaf\x1eT+\xee\xf5\xf9\x11SW\xed\x1b\xa5,U\xc7&amp;:\x0b\x11\x96\x07\x01\xe6\x9d\xf5/\x9f?\n@\xea\xb6\xf9\x81o\x12\x9d\x85\x88_\x1d\x0b\x0e\xcc_\x1dC\x9e\xcak6[q\xc7\xfb\xb1\xcb\x188A\x15\x0b\x002q-#\xca\x0c\x89_Z\xb1W\xa0\xc1\xccDg\xe1\xb2Tn\x98B\xa0j\xda\x7f\xa8\x02\x01 \x99\x14\xefg|\xe7\xa1\x84*\xd4+\xea\xb4\x9b\x18\xdf\\s\xf8\x13\xa7p(7\x037p\xc9\xd1DgAQA\x1f\xc7$U\xcb3\x00@\xb0R\\C\x048K\xbe\xbd\x1foP1\x83\x8b2\x83\x13\x9d\x83T\x0f_W\x80\xb4&amp;W\x9d\xc9Dy\x12\x9d\x8b$\xe1e\x89\x050\x1b\xb0\xf8&gt;\xc9\xdec\x1f\xa2\xf2\x889\xd4\xd0\x00\x00\x90t~\xf2R9\xcd\xdd\xfeR\xecr\x12#}\x17\x1cIt\x16\x00\xc0\x8bX\\2\xf7[x\xcf7\xb8\x12\x87\xe4\x12\xff6\x9e2qK\xe9\xfa\x07\xbf\x8d[Z\x00pY0N\xfa\x9f\xf6l{\xecR4\x87\xa3\xb11Fr\xd7I\xfd\x8b\x08\x15\xea\x99\xe8\x1c\x00\x00@\x92\x91L\xea\x94\x08\x99\x12\x9d\x01\x00\xb8\x8c\xe1F\n\xe2o\xc3=\x9f\xc77\xc1\xe2\xf1M\x0e\x00\x00\x1c\xa5$:\x03i\xc1\x071\xb8z{\xe6K\xc58\xd3\x05\x9et4\x16\xdd\xfcJB\xd3\xc7\x15\x06@*t\xe7\x8b\xb8\x03\x8e\xa7\n\x89\xce@\xdaq\xe6{\xb5\xafn\xa9A5{\xad\x8bq^bh\xe7\xf1_-[.\xa2\xd5\n mPo\x82\xde\xfd\xf4\x1fD\xe4i\xee\xfe\x88\xc2\xbd\xfd\x1c\x15(4\xb6\xc7S\xbb\x89{\x9dN\xf8\x9f\x01\xfd!n;\xf5_\xf4\x91\xc8\xbe\x15\x99[E\x1f\x7f\xfc\xe1{\x0e\x00\xc9\x05\xa5R\xa2\x15Ht\x06LB\xdf\x87\x02=\x12\xf2\xc5X\xbe\xef\xed\xe0"\xcb%\xdaX(\xb8\xf8\x01 P\x97mm\x94$\xb3+t\x9e\xba?\xd1Y\xb8\xdc\xe9?\x81x\xfc\x16\xca\x0e\x8dy\x12\x00\x90Z\x04\xb1\xd8N\xad\x00\xf2\x01~\x15k\xbe \xd1YP\x11\xbf\x99(b!i\xd7\xa4j7aO\xa5\xceW\x7fi[\x8c\xf9\xeb\xcb\xf5\xc2\x1a\x00b\xeb\xb2\xbdk\x17\xcaTet\xa2\xb3\x10Sy\xa39\x18_\x15\x00H\xfb\xf2\xd6\x9d\x96\xe8,\xa4I\xc5\x14\xc2\xa4\xe5\x87|^k\xd0qk\x8f\xc7(\'1r\xf6\'\xc1\x07\x1cr\xc5C\xf1\xcf\t\x00\xa42\xc9v\x87\xb1\xec\x967\x03\x8fs\xcf\xc9?\x89\xaa\x07\x1e\xad\x9a\xecDT\xa5\xeb\xaah\xa2H\xe9wm@\x99\xf1\xac\xc5\xe8\x1dAE\xd5l\xc4\xb6\xa0\xa2Ju\xde\xf5\xff++\x1fd&gt;\x00 \x06\xfc,N\x9ej\x15Mt\x06\x02\xd3v\xfc\x1e\xe1\x05\xd0\xa6\xa3_\xc7?3\xa9_\xceDg\x00\x00\xc0\xe0\xe9/\xac\x9d;t\xc1\xdd\xfb\x96\x08(\x9e\xb4\xacB\xc7\xab\xec\x1bW\xde\xf9\x81003S\xc6\x96j\x11g\x8f"S\xf10h\xe9\xd1\x92\xad\x16\':\x17R\xc5\xfaF\x1dE\xee\x00\xb2\x01\x00\xa9N\xb5\xee\xab\xfd\x1dh\xa9\x80\xfb/\xba7\x88\xec@\x1cdHt\x06\xc8\xd3t\x89\x0f\xbd\x93\\\x8f9\x00\x00\xe2\'\x90i\x86\xd4\xe5\xa851\x9e\xc9\x81\\\x89\x96\x8b\x82\x8f\xb4P\xaf\xa0c,\x12t\x84I\xe4\xa9O\x99\xca\rs\r\xf6K\x92u\xc8\x00\x00\x08\xc0\xea\x83\x17\x85\xdb\x0b7\x9e\x13\xdf\x8c\x00\x88\xb1m(0\x00\xa4\x19\xd5\x14\xc3\xa5\xd1R\xa0\x92x\xb3\xea\xa3V\xa0\xb4=\\*\xe1\xcawX\x8e)q\x00R\xb5\xbcN;\xe2_\xad\xa6\xd1\x8a&lt;\n\xc5\xfa\xc9\xf7\xc7\xe2\x8c%\xd5_!K\xb5\xb1\xaea\x92*\xc3\x00\x00\xd1\xca\\e\x8c\xc3\x1e\xd5\xdbb\x1f\xde\xf8;YJ\xd2\xc5\xbb_Kt\x16(w\xca\x94\x84\xa4[\x7f\xe0\xe6\x84\xa4\xab\xa2F\xcf\xb5\x89\xce\x02\x00@\xa2%\xf9m\xc7k\x7f&amp;u\xf6\x00\x0c\n\xfb8\x86\x99\x1f\xfb\x10_r\x80\xcbD\x966\xbe\x0esx\x92\x9a\xd6\xc4v\xae\x8fd\xb8\xdc\xe9\xbf\xe8\xbeDg\x01"\xbaL\xbf]\x1e \x19\xbe3\x00\xe0\x95\x87\xf1\x9aI\xbbb\x8c\x13\xe7\xa6u\x13\x14^\xb10\xfc\xaaG\x12\x9d\x85 \xa4o\x1e\xb7\xa4z\xcf;\x1c\xb7\xb4\x00 )`x\x03\xc4\xc1\x80\xc5\x89\xbc\xa5\x8e\xbenk2\xec\x863?\xc4\xf6g\xf2\xd2\xff\xfc\xc7\xbf\xf7\xe4\x9f\x01\xe6\x04\x00\xe2\xa9r\x1c\xd3\xaa\x19\xc7\xb4\xdcM\xdb|*\xc0\xd8\x0e\x9e\xc3\xa5\x8c\xd8W\xccDT\xa8\xd1l\xa2\xcc\xc9z\xc1WO\xb2/Y\xf3\x0c\x00i\xd7\x95\xfb\xde\xf1w\xe0\xd4M\xcf\xefx\xe2\x7f\xc1f&amp;z\x96\xdb\xfd\x01\x8b\xef\xd3\xdf\xa2\x84\r\x94\xf8\x92\xee\xb6S\xff\xd9\xcfs\xc7\xc9\xfbb\x9e\x1d\x17\xee\xe3k\xf1\xf5\x00\x00H^o\xfd\x1b\xab2z\xf1\xee\xd7\x88\x1a\xc4(\xf2D9\xf0"c5=\x00\x00H\xdd\x8e\x7f\x9a\xea\xee\xcf\xb2\xaa\xdcS\xc6\xed\xbe3\x817\xb8\xbf{OZ\xcfm\xf1\x16\x0b\x82\xce\x0e\x00\x80\x81{\xe1X\xb0g\xf4\xa9t\x9byg\xf4\x91\xa4eE\xddW\xe5\xb3\xfc\xa5\xda\x8e\xdf\xad\xbf^q\xc7\xfb\x9eS\xcc\xdb5\xc9\x1b~\xf5\xec\xcd\xdcr&amp;n\x89~\x90\xdc\xe7\x04\x00"\x12U\x84\xdd\xfa\xec\xdfAE\xb5\xf5\xe1\xef\x83\x8aJ\x13\x83\x87\xd3E\x92\xbc\xaa\x88\x17\xf1\x08\xe9\xac\xd5\xc6\r]\xfe\x90\x8f\xe8~\xf5{V\xbb\xcf:\xe0\xef@*\xdc\xdb\xe7\x81~\xedx\xf2\x17\xa7]S7=\x1f\xcf\x9c\x00@\xc0\x96\xdd\xf2\xe6\xa9\xefP7(\x89fD\xd6\xe2]\xaf\x06\x9b\x19\x90\x13.T\xf5\xc6\xdf&lt;\xef\xa6\x97\xaf\xda\xffn\x80\t\xc5\xfa\xd2\xea\x1fQ\xfc\xb7\x9f\xc1o\x16\x00\x945\x1c\xb2\x85\x88\x88\xca\x18\xb6eNHN\x12"qw\xc0\x8d\xe3\x95P\xed\xe8\xa3\xf8^z\x96j\xf7\xd9\xa0\x1e\xd5\xdcm\xe7\xa2\xce\x8e\x92\xc3/\']]\x88\xe6\x16\x00\xb8\\&lt;\xf0\x96{yw\xff\x1b\xb1(\x13K\xc5 \xce\x04\xf0]a\xd4\xea\xbd\xde\xb2\xa5\xef\x82#D\x94\xb1\xd2\xc8h\xf3DDD\xcc\xfc\x974o\x91\x9c\x17\xee\xe5\x14f\xc1\xce\x0b\x81d\x06\x00\xd2\x9ezZ\x13t|\xaf\x9aK\xa7\xd2\x8b\xf4|\xf5\xa7\xcb\x03\x0c\\r\x7f\xac\xf3p\xefkil\xd9\xc1z\xc5\x9a[;\xebf\xa9\xea\xbe\xf2 \x11]{\xdf\x97jI\x94\xb5o*\xd1r\x91\xeba\xab\x0f^t;3\x01,\xc1\x1b\xcd\x14WR\x1e\xe6\x91\x05\x80T"S\xab\xe8\xe3H\xa5\x15p\xd2*\xd5z1Q\r\xdf\x87\x7f\x9e\xb8?\x073{Y\xf01s s\xa3.\xdd\xfb\x06Q]\xef\xc75!"\xd7G\xc8\xa3V\x1eS\x89\xab\xc5\xe8\x1d\xda\x8b\x18\xfd\x16fm}!\x16\xd1\x02\x00\x88\xa4o\x96\xe8\x1c\xc4\xc3\xeb\x7f\x05;;wC\xc9\xbe\xf5G&gt;\x0b.!G\x92\x8fS\xb8\xc9\x1cc0\'q\xc8\xa4\x17%\x95B\xe5\xec\xe0\xb0\x03w\xae\x00\xe0Y\x8e\xf8&amp;\x97\xcd\xc71Y\xaa\x8e\xb1lI\xbe\xe2\xdb]\x92\xe7\xd9S\xbfz\xf7\xcf\x92\xae\x19\x11Q\xa1^\x92\n\x98\x99GJ\xee;K\x0e4\xbc\xc9*\x0c2\xe4\x8a\x07\xd5\xf3\x0c\x00\x10o\xb1x\xfa\x98@I^\x8d]\x96\x9a\xda7\xad:\xf0\xa1\xf6\x97\x92W\xc0\x1a\xd7\x87\xf4Ai&lt;\xec\x86\xf8$\x04\x00\x10\x98\x18V{e\x868\xee*\xda\xc7o\xa4\x15\x8f\x7f\x12l#\xa7x2\x8a8\xf8%\xf9.8\\O\xac\x1e@\xde\xecl\xdc\x9e\xa3\xe6Dm\xe3\xa4\r\'\xf5\x00e\xda,\r4\xe3\xf1\x83\xcbD\x00p\xf7\xce\xe5^RT2\xbf\xcdM\xc6\xd23[\xbbxg\'he\xdb.\x8bcj\xa6\xc7\xa8\xc6\xfa\xb5\\\xfb\xe5\xccLT\xd8r@PO\x85\xeb\x0f\xdc\xec\xfbX\x9bJ\xeeA\xd4eo\xef\xe3 \xd4\xdf\x00\x97\xbd\xcc\xad\xa388\x7f`\xd9\x08\xa9\xe6\xfb\xc8\xaa\xddV\x05\x98\x0fpT\xa2?\x11=\xfbu\xe4\xf6\xf7\x0b\xd3\xdd\xad\xa0\xe3XJ\xff\x8d\xe6\n\xd8\xff_9&gt;\xeey\xc5c\xd5\xe8\xd8i+d\xdeM/[\xb6\xa0\xf6\x05\x00%\xd9kNH\xc2\xf2\xa2\xed\xf8=\x89\xceB\xb2cf\xa2\x8a\xb1L\xa1\x94\xed\x8bQ\xd0\x16\xa6\x82\xbc\x8d:,\xa7\xdf&lt;4\xf2{\xa0#L\xd0\x01p\xb9k5\xe6\xe6\xd8\'R@1\xdc\xc8\x15J\x03(c\xcc\xd4lX\xda\xef\xb3\xc3O\x98\x89\xf2H\x02\x1c&gt;\x9ftW\x1bQ\xa8\x19\x8bH\xf37\x98AD\xcc\xdcq\xca&gt;I\xb0\x82\rg\xbd\xf9\x8f\xa0CV,\xb2\x94\xac\x9a$:\x03\x00\x90\x9a\xb5\x1c\xbd3\xbe\t\xeaO\x19\x8bE\x19Q\xe6*cH\xd4\xdc\xb7\xf5\x11\xc7e\x9a.\xb3\xeaAA\xd1&gt;DT\xad\xfb\x1a\xfb\x9ep{r\x8a\xe4\xe8\xe1W="\xa8\x80su\xd2\xf6\xe6\xab\x17\xe9\x1a\x1d\xc8\x99\xbf\xfbB\x0c\xff|_\xe1\xbb\x01\x006\xb2\x19\x1bt\xbe\x0b\xb8-\x0f}\xe7\x1af\xc9\x9e\xd7\xfdE\xae3\xf6\xaa\x8d2*\xbb\x0c\x15%S\x10\xa7\x84\xfeWX77\xa6&lt;Mz\xa5x\x96\xae\xbe\xfd=\xbf\xd9\xd1e\x97\xe6!E\xeb\x82$\xbc\xb5\xddt\xf4k\xc1\xfd\xaf(d\xb6\xea\xe3\xa3\xbf\xde\x8a\x8d\xf2\x89\xce\x00\x00\xa4\x02Q\xad\xae\x93f\xee\xfc\xe6n{\xa9\xf3\xb4\xfd&gt;\x0e\x1c\x7f\xcdSN\xbb\xb6=v\xc9aO\xf0#\x97n;\xf5\xef5\x87?\t&lt;\xda\xb0|\xc1E\x95\x91\x99\xf3\xa4L]\x7f\xe4\xb3&gt;\xf3\xef\x16V\xab\xc2\xf6gK\xb0f#\xb7\x07\x97\xa5\xd4H&lt;\xfd\x08\x00\xa4\r\x01\xaf\xcc\xe3\xb4\xd6z\xb3\x11\xdb=\xd6\xe2y\x83\xc8N,dJt\x06\x14\x94\x18\x10\xcd\xd1\x81\\o}\x16\xa9P\x0bh/\xc6\x19.b:L\xba\x95\x88j\xf7\xd9\xa0\xf8\x0c\xf8\xcc\x0fi\xe4\x12\xd0\xa3\x0c\x89\xce\x00\x00\xc4F@\xf7\xb5\x89\x9f\x02w\xdc\xda\xe3AE\xb5\xe3\xc9_\x88\xaa\xa5\x9e;\xfe\xe0{\xf9\xfa"\x9c\xcd\xb4\xbeV\xa1V\xeb\xbe\xc6X\xb3\xd6\xecu\x8d\xf6B\xdb\xf2\x93\xb9\xf6\xdd\xf1\xe4/q\xca2\x00@\xec\xb4\x1a\xe3\xda=\xaaA&lt;\xf2a\x94\xb3c\xbcSTs\xfa{o5n\xfckh\x0f)\x96\x1c8GyY{{\xb4Y\xaa)-)(q\xc96\r\x16Qn\xfb\xddm\x99\xb6\xcb~cN\xe9\x17\x19\x07\xdck\xee!*\x19\xd5\xbd\xbb}\x85\xc4\xf8\xc8TyT\xe0q2\xf3e?I\x0e\xc0\xe5a\xfd=\x9f\xc7"\xda\xe8+*\xe1\xe4\xbd\x95\xbb\xac8\xfb\x93j\xcc5z\xae\x95\xec\xbd\xe3\x05O9\x0c\x0fv*=\xd8\xcbQ!_\x86\xce\x86}8\xac;\xf53\xf9\xa3sC\xae\xa2\x07\xde\x8a\xea\xf0\x8c\x95B\xb5\x91\xa5\xd2\x1562\x9b\x1b\x9f\xf3Ir\xdenBdl\xf7k\x7f&amp;m\xcdT;\xa8\x88RO3\x0c\x00$\x14\x1bnz,\xdb\xb5-\xef\xa9\x96&amp;U}\xa4&gt;k\xeb\x8bn\xddU*\xf8\x88\xd6"\xc1\x05bxp\x8e\xdc\x83o\xc7#\x93*\x83\xa1\x99\x99\x8a\xf6\xd5\xbe\x00\x9d\xa7\xee\xef5\xf7Px\x8fi\xba\xca/\x0c\x15p\xab\xb1q\x18\xdd\x1e\x12\x9f\x15\x1b]\xe4\xd6\xfe\xa6\xe2\x0b2T\xc0\x00iI\x0c\x97\x1d\xb4\x14\x16\xe9+\x0cw\r\xe3\xc3\x06\xff\xb7\xe9\xa62.\x113S\xd6\x8a:\x06\xb5\xd5j\xdd\xf9X\xd0\xde\'f^q\xc7\xfb/\xff\xc2\xcc\xdc\x7f\xd1\xbd\xda\xc6\xbcu\xa7\x85\xf7\x17\xbe\xfd\x8c~\xef\x9bb&gt;\xb4\xb4S\x84^\xf3\x90\xb3\xf6\xa4\xf0\xcb\x927=\xfe\xb3\xd7\xc3\x9d\xfc\xc5\x1c\x87k\x9d\x7fP\x07\x03\x80oi\xe0*\xfe\xcd\x7f\xa2\xf9\x08~Z\x9b\x15\xe5\x8aT-F1\x99\xdc\xca76\xacH\xb8\xfc\xd6\xb7\xb7\x1f\xfb\x89\xa8v\x96jc\xa5\xdd\x9e\xf3\x14m:O\x12\x9b\'[\x1e\xfa.W\x9d\xc9\x9e\xf3\xad"S+/\xa13*\x87\xacGD\xda\xe5\xb2\xc7\xe7#\x00\x90\xa4\xe2\xde\xdf*&gt;\xcc\xcfb\x8d\x05\xfa+\xbf\xfb.\xbcL\xcbH\x14o\xe1\xd8\xafg\xe3}_v\x9d~\x07Qf\xbf\t\x99\x15\xef\xef)x\x8c.n$\xd1\xa6\xf4\xdbh\xd9r\xc4ee\x82"\xa4\xb0\x1e\xb0\xa7&lt;Do\xef3\x7f\xc5 V\xc1\x8a\xc8DU\xf4WS6&gt;\xab\x1cU\t\xc3\xeb\x1a\xbe3\x04\x00\x89\x17.\xcbRb\x14\xbf\xbcd)\xd1r\x91e\xcb\xdf1+[%\x05\xba\'\x866RZy\xe7\x07\xf5\x06lr;\xa2\x88\xe5\xfd\x985O\xaa%\x95\xdey\x97\x97\x19\x18\xe2\xbef\xa2~\x8a\xdaO\xbaE\xf1\x10f\xee&gt;\xf3\x80\xe1o\xa4~G(\x97\xf8Qp\x9aB\x8dfGs\xf8\x88\xab\x1f3\x7fu+2s\x94q\x02@\xda\xb74\xea\x99&amp;\xed\xc4\xf5h\xc6\x96z\x15[\xa2\xc5BK\x98uw\x7fj\x9f\x80\xe2\xa2j}\x9cM\x7f\xe5\xbb\xc5\xf2\xc0\x8b\\\xb7\xbf\xf5\x1e\xb1p\x939\xf6\x90\x81\\(\xf8\xc0\xcc\xc2^\xe5^\xad\xbb\xfbS\xed\xc5\xe2]\xaf*\x04\xcf\x12}\x8a\x9e\xec&lt;\x9e\x80\xc1\xc4\xcc\x9c\xbe\xc2\x08\xf3\xb6\xca\xb6P\xc5\xd5\xfb\x032\xf3\xa6\xa3_G\x9f1\x00H}\x9a\x8d\xd8\x16X\\\xc2[\xb4\xdc\x9d\xfdE\xe6\xd4\xe3::%\x88\n\xeb\x11\xd6\xea\xbd.\xb8\x98\xa9\xde\x80\xeb&lt;\x1e\xe1mM\xdcv\x13\xf7\xaa\x07\xfeDv\xd2\xca)F\xa2\xaf\xbep\xfc\x13kly\xebM\xb3\x05\x0f\xe9&lt;\xd5\xcf$\xa0\xb1\xe4\xf4\x84^i\xfa\xf4 \xc8\xe6\xfeL\x03\xfd\'\x00\xc0\xab2\xc2\xad\x81\x17\x07}\xe6\xdf\xed!t\xc1\x1e\xfe\xb21a\xdd\tO\xe1U\x95\x19r\xcf\xab\xc9X&gt;f\xae2\xdaS\xf8\xfa\x836;\xec\x91-\xc1{\xeb\xb3\x7f\x13\x91\xd7\'\x94\xcb\xf7\xbd\xed)\xbc\x9a\xc4N\xd6\xe8\xd8\xb9]\xff\xa2JZ\xe9\xe5\xa3\xb9\x0e\x9cM\xc6/\x18\x00(\xf9\xd2\xb9\xae\x9a|\xadz\x97\x90\x90@&amp;\xe5\t\xdf0\xd5t\xadG\xdb\x8e\xdfc\x0b\x93B\xe6\n8O\xcaT25\xe7Z\x97\x97\xcf[w\xda\xec\x1b\xcej\xafs\xd6\x12\xf6\x19\x8e\x91\x8a\x8f~\x90\xe0\xd2\xb3\xdd\x04\xc7\xdbbf\xb6w\xa7\xb2\xc8Ru\x8c\xd3\xaeaW&gt;\xec1/I\xd6\x93(K\x9b\x7f\x03\xbb\x9a\x8cT\xff\xd1]\xa1\xa6\xb3\xbc\xc7\xed/@*6m\xd3\xf3q\xf8\r\xab$a\xac\tN}\xc7\x94\xb5m\xe0\xd98x\x8e\xa9\xcc`f\xb6\xb7\x88\xc6\x98d5\xba\xca\x14:?\x1e\xa6F\np\xa0j\xf1\x16\x0b(\x97h\xe2\xcf\xf4\xcd\x99y\xd2\xb5\xcf\xb8\xc6\x10\xd4\xf7\x87\x99\x89\xca\xaa\xc4\xc6\xcc\xf7\xbe\x16\xe3\xbf`\xfa\xe6\xde\x8f\xc9\xab\x12(\xfa\xd3e\x8cA\x9b\xb7\xe4\xec%T\xc3\x00\x97\xb523\xae?\x1d},\x01\x96\xe6\xfa\xd0R\xcb\xae\xe1W=\xdag\xfe\x11\x858&lt;\xf7\xbfM{\xb7#\xaf*\x8c\xd1\n\xf6S\x1f\xff\x84{\xcf;l\xd8 ^F\xa2\xc3\xe4[)O\x17\xe1\xae\n\x1d\xaf\x0c0?\x81\xf3|\xba\xca\r\x8dMF\x00 \xa1\xaa\xf7\x90\xcd~\xac\xa8\\\xfb\xe5\xc2\xed\xfe\xd6\xd3\x95{\xe2cI\xe1%\x9e\xb9I/\xef\x1ey\xcftl\xa1\xc6s\xec\x81\x1f\xbf\x98\xd6j\xd0\x00\x99j\x8eR\x83\xf4\x97\xf9\x1b\xcc0\x85\xcb\x16X\xd3\xc5\x98\xd5O\x18\xbf\xa2+\xeex\x7f\xed\xa1\x8f\xb5\xd7\x07\xcf1\x11}\xe4P\x99u\x98|\xabk\xe4\xe7\x7f\x11\x1c\xdbz\xec.Q\xd8\xbc\xae\xb19s\x1f\'\xa6\\%[\x1f\x9d\x00\xc0\xe5"F\xb7w\xef\x9ag\xe1\xd7\xfem1zG&lt;\xf3\xe0\x14\x7ft\xc9\t\xfa\xdd\x0c\xbf\xeaQ"\xa2\x02=\x9c\x8e\x19v\xe5#N\xbbr\xd7\x99\xe2\xb4\xeb\xe4\x97\xd1\xe4S\xdc\x99\xce\xa8\xed\xf8=\x94=\xba1\xc4\x85zZ6\x1c&lt;\xc79kOZu\xe0\xc3\xdbO\xcb2\x7f\xfb\x19\xfe\x80y\xc1\x8e\x0bD\xb4\xf7\x99\xbfV\x1d\xf80\xaal\xc4\x91\xe0\xcb\x93\xa3\x83C\xd8\\1\xce\x0b\x00$\x978tx\xb1$Q=F\xc98\x8e\xdeI\xd7L\xfb_\xbd\x1e\x9d\xb4\xe1d,\x16\x8c\xd3]\xb5\xff]\xb7 \xda\xecZ1\x9c\x8e;\xfe\xbaL\xbb\xdd\xbeQ\x1b"|\xd5m\xefj\x8f~\xe51\x98\xff\xc4E\xcd;\xadc\x84\xec\x7f\xee]\'~\'\xa2\xe6\xa3nR\xc9\xadP\x95\xae\xf1\x9f\x15\\I\xe9\xd6K\x12\x9d\x05\x00\xf0,\xbc^\x1e\x952oo\xe25"\x95\xea\xadd+\xebDWD\r?\xb0\xdd\xfb\n\xdf\xeacI\xd3\x9c\x00f\xa6\x8c\xe7Sgf\x1e\xb8\xe4\xe8\x82\x1d\xe7\x03O\xb4d\xab\xc5\x1eB\x1b\x1e\xfd\xa6\xea\x87\xee\x1d\xa7\xecs\x0fT\xa0{\xcc\xf3\x01\x00\tP\xbc_\xa0\xd1\x95\x89\xa64\xac\xd4yEp9\t\x92\xfa\\T\xe9\xca\x0f\xb7O\xb0\x95\x10\xdb\x8f\xfd\x14|\xa4\xe9\x9a5\x18t}\xf8MF\x97sR\xaco\xf0\x19HC*v\xbaJ\x1e _\xbd\xe9Dt\xebs\xffH\xc203Q\xe1 \xb3\x05\x00\x89\x12^\xf7\xb4\x84K8M\x966D\xa4\xb5\x1c*\xae\xe0+/\xb2\x97Hg\xa9t\xea\xcf\x1c#\x8bw\xbf\xe6\xeb\xb8\x82z\xa3wXx\xa6\xaa\xb2\xc9\xdb\x91u\xcbC\xdf\xa9\x043N\xa0\xad\xbd\x18\xb8\xe4~I\xf8=\'\xff\x0c\xbd\xca\xdc*\x19\xeeS\xed3}\xa6+?\xcc)p\xc1\x86\xb3\xc4;\xca\r\x95\xff@\xee\x8c\xe3\xaaD\xc9pV\x01\xc0\x9d\xd3ou\xf6\x8dg\xa5\x8b\xe8Y\x17\x0f\xb0)\x16}\x1e\xfec&amp;\xa2\x13\x9f\x99\x9a\xa3\x9d\x02[\xb6\xdfv\xea_{\xc8b\xcd\xe6\x13\x11Q.\xca\xdb\xd5rl(\xb0\xa1:L\x1d\xa5X\xe6\xd6\x89\xce\x81\xe9\x8f\x92\xab\xced\xed\xb5\xe1\x9eXv\xe0\x1dgB\x07\xee?\xfd\x9f\xc7d\x1bHn\x16oz\xfcg\xa2\xaa\xbe\xff\x82\xb7\x9d\nef\xcau\xcf\xfd\x96*\xbe\x066\xe1y\xce\x83Z\x01\x1a\x00\xe2\xeb\x9b\xa0\x8b\x9e\xca\x0e\x8d\xc9/\xfe\xe8X\xa7Z\xca\xd0\xf2\x1d\x96GS/2\xf3\xee\xa7\xff\xd0\xa2\xfd\xd4\x16\x8f0\xe6m\xc7.u\x9by\xa7|\xc2?\x89\xabo\x7f\xcf\xdf\x81\xaa|\xf5@\xee6\xe3\xce\xc03\xa2\x99\xb0\xeei\xc9^\xe9\xc2\x00\xa1\x8exn\x7f_S\xbf\x84\xb1k\x8f;\x04\xcbg\\\x90\x8a\x88\xe6\xdcxN\x1am*0v\xed\xf1\xf0\xfc\x9d\xaa\x1e~7U^=\x00\x80\xa6\xa8{\x10\x03\xa7\xd23c\xa5Q\x8f_\x14\xdc\xbc\xee?\xcd\xf2\xe9jm\x87\x14\xae\xddg\xfd\xedg\x04\x87\xd8f\t\x16\xe4\\\x8b\xad\xd5\x98\x9dDT\x7f\xd0f\xcb-\xfe\xa8\x95\xc7\x84\x1f\xc1\xb5\xca\x8f\xd5\xbdr\xben\xfe\x8e\xb3\xad\xacPE\x1c.&amp;R\x82\x8b\xaafd&amp;\xd4r\x8em\xc2n\xf2\x04\x94\x19\xb1"M\xe6\xba\x84\xc8\xde.\xcaA\xba\x1f\x86OB\x81\x863K\xb7Yj\x0f`\xfd\xfa\x19\xc6a\x03@\x9a\x96%\xdeM\xa0N\x13,\x98\xe4\xee\xe4\xb4G^Y6\x1a\xba\x95\x88\xae\xbc\xed\x1d\xf9\xfaw\xea5.3\x1b\xc7\x17-\xba\xf9\x15\xc5\x03\xbd\xba\xdb\xef=z\xe2\xe4\x08p\xd6L\xa9\x8aJ\x9d\x8a\x13A2\xdb\xb6\\\x97\xe9\x82\xe1[\x94Z\x9e\x9b\x00@p\xea\x16j4[\xf1\x97?y\xa3i\t\x87\x0f\x94;\x12\x13\xd1\x9a\xbb&gt;2\xbc+\xe0\xb9\xacq\x9e\xe3B\xa8\xe7\x9c\xbb\x1a\r\xd9\xaa\xbf\x9d\xb0\xfeio\xc9\xd9|\xc4\xec|CV\x80\x88F\xaf~B\xb8\xef\xc2\xaf,\x9c2\xfa\xde\xd7\xb8BG\x97N\xb3\x90\x10\xfd\x17\xddKD\xaa\xfd\x16\x83\x14i\xf8Ae\x0cp\x193wt\x92\x90\x94\x14\xcc\xfccl\xca\x91\xe9&gt;\xa7\xa7.C\xd44\xca\xa4\x1f\xbf\xc8Y\xab\x8f\x8b.\x8eBQ\xe6!\xa6n{\xfe_\xe1\xf6\x1e\xb3\x0eZ\xb68\xff\xe9K9l\xa7\xe2-\x16\xf8\xccV\xf2a\xe6G\xdf7\x9e\x81`\xe6\xc0\x99\x7f\xd3\xf9@\xe2\x01\x80\xe4\xe2vY]a\xc6\xf5\xa7=^z\x17\x96\x87\x8f\xf5\x85\xfcS\x9fy\x8b\xff\xad\x7f\xa3\xcaOx\xe2$\xc1:\xeau\xfan\xb0lQ\x99\xb8XB;uw_\x88\xf7\x9dP\xc7\xc9\xfb\xbc\x1fT\xd5iG\xaf9\x87\xa2\xc8\x8bX\xd1f\xf3\x02\x8f3p\xda\x90_\x91\xb2\xf1\xcc\x06\x00$X\xecjA\xf5\xe9,\x84T\xee\x8f\xabv\x93O\x16\x98\xd4w\x93F\x1f&amp;A\xa3b\xb3\x11\xdb\xe3\x9a^\xa6VD\xd4b\x94x\x02p\x05\xfa:\x1c\xd6\xe5r\x93A\xb5\xee\xab=\x85\xef:\xe3\x0e\xf3\x86\xc2\xf6\x890\xb3T\x1d\x1b]\xa6\x00 \xf5Xy\xe7\x07\xa3V&gt;\xae\x12\xb2\xdf\xc2{\xec\x1b\x99\x99\xa8\xa1\xeb\xb1\x92zz\xc7\x93\xbf&lt;\xfbU\xb45S\xa6\xca\xa3\x9dwV\xf4q\x890\xef\xa6\x97\xa3\xc9\x8f\x8a\xba\xfd\x1df\xba\xf6\xe8\xae\x97\x1c\'\xfe\x94)\xdc\xcbi\xcf\x84u\'\xa2\xcc\x92\x93,\xd5\x1cj\x17\xc3&lt;\'\x96\x8f\x90\xa7\xeeT"\x1a\xbdJ\xe9+\x9a\xeaX~\x17l\x90\xc0\\\x01\x80:\xe7\'O\xc5DsR\x96\x1e\xec;%\xfb\xfd\xd3\xd4M\xcf\xab\x1c\xb8\xe7\xe4\x9f\x81\xb7Tk\xfd\x93\xf5n\xd5\x96E\t-\x9a\x0e\xdf\xb6\xf1\xbe/]\xe3\xec4\xe56\xaf\xd9 "\xca\xdb\xf5\xbb\xd8\x97\x98\xa9\xaeP&gt;\xf5\xad)\xc3\xed\'\xde\xe2;\xaa,U\xc7D\x9b\x1b/\x98\xb9N\xdfk=\x1drLm\xbd\xcb\x94~\xa1h\xf7;/\x15\x85\x9b`\x80\xb4\x83\x99\x89\xb2G\x1fO\x8f\xd9\x07\xc3u@\xe9\xaa\xdd\xec\x8doyF\xaex\xcc\xe9\xd8C/\xb3d5u\xe9\xbcKY\xb5\xf9\x80\xcc\xf7\xb8\xe9\x85A%\x19\xb0\xf8*\xb5Uf:}\xdd\xdc\xf0\xa4\xa1\x12\r&lt;\xc6]S%\xd0\x9cm\xf691\xea9\xfdE\x84\xc69\xce\xbf\x11\x94\x00\x96\xe7\x8a\xd9\xe5N\xe8$;\x8dD2f\xe0\x97T\xfb-\x05\xb8\xac%\xdb\xdd\x123\x0f]\xfe\x90p\xd7\xc4\xf5O\x13\xd1\xfeS\xff\xb9\xce\xa1\x91\xd0\x0f\x15\x9a\x8d\xa1\xc5\xa8\x9b\xee\xf02-\xb0y\x99B\xc1*I\xce\x1fJ\xf2\xd4\xb3\x80&lt;Q\xd9\xb3\xc9\x0c-\x84\x9b+wY)\x8f3(?E\xdaWM-7#\xae\x16_&lt;\x15j&lt;\xdb-\xca\xfc\xc2s\x18\x9foKLSi3nw\xb2\xfd\x90\x01\xc0\x0fy!\x95\xa9\xcah"\x1a\xb0\xf8\xbe\x80R\x0b\r\xa0|\xfe\x1bK\xa2\xb2I\x9d$k?\x14j&lt;G\x9a\\=y\xfbs\xb0\xdc\xcb\xc4B\x8e\x8fW\xed\\\xef\x84\x84&gt;P*\x97\xb3Z7\xe4tZ7\x9e^\xb0\xce\'\x1a\xedJ\xf2\x05\x1b9,{ \x96\xd1q\xc2\xa9\x8c\xe2+\x86@\x9c\xfc\xc2\xe7\xd7\xa6v\x1f\xad\xc7\xbb\xb7\x99\xe6\xec\xa6m:%\x9d\xe03\xe9\xae\xa4\x01 \xe2\xe8\x9b\xa1\xdfg\xcb\xd1;~dff\xe1\x1a\xe9F\x92\x9f\xf4\x86{\xbf\x90\x04x$&lt;\xe41\xa5\xffF?y\x8d\xa8l\xdb\x92)\xba\x08\xe9\x1dQ\x9e{\xcc\xb6\x8e[\x8dNV*\xd2G\xb2{\xd2\x86\x93\x81&amp;\xe7\x8d\xef\x92\xfa\xa6\'\xfeW\xa6\xadu\x8a\xc4B\x8d\\\xef;\x83\xccC\x10&lt;\\1h\xf9l8xK\xdb\t{\x14\x0f\x99\xbb\xfd%?\x99R\xd3{\xdea\xcb\x96\xf0\x99\xcc\x8c\n\x18 \x19\xfd\xc3LD-F\xfb\x1e\xe0ADd\x7f\x94\xab\xff\xe0s\xd6\x9a\xe4\xf4\xe37.\xf1k_\x14\xc1\xbb\x14\xa7\x1d\xc3\xae|\xd8\xb6\xadd\xb9\xf6W\xb8\xc6\xd8r\xf4N\xfd\xb5\xd6\xa7t\xf8U\x8f\xfa\xcb\x9c%\x1e\xf1\xber\xda*Lu\xa2L\xc2]\xce\x8e\xd1\xc7\xd1~\x92\xff\xcePj\x8a\x11\xd1}\xaf\x07Vs|{\xd9TB=\xe7\xdcE\xb8\xeb\x05H~\x13\xd6?\xad\xdeb\xac-\x83Z\xaa\xf5b\xe1\xde\x83\xe7\x98\xa8q`9\x8b\xb18\x15O\xeaU]\xfa\xe6\xda\xff\x9d\xa7\xee\'"*9\x90\x02]\xb0\xa8\xef\x82\xc8\xe8\xafk\xa5\x1d\xb9%\xdd\xdc|\x93\x9f\xed+ny\xd3q_\xaeN\xb6U%\x82\xc9I\xc5NW\x07\x18\xad\x03m1\xc4z\x86-\xe1\x1ejj3\xc4]s\xf8\x93\xe03\x05\x00\xa9\x97\xff\xaa\xab@\x0fa\x1bo\xf0\t\x99\x08\xae\t\x9a\x8d\xdc\xae\x12y\x10\x19\x08=\xdek0h\xb3$\x90&gt;\xaa$\xed1\xce\xa4\xadh\xe7\x93\xbf\xf8Nn\xeau\xcf\xa9\x04;\xff+\xf7_to\xcc.\xc2j\xcbw3s\xa4\x17\xbaH\xf6\x9a\x13\x02\xcd\x0f\x00\xa4*\xb9S\xa6\xa8\x17O\xdb\x1e\xbb\x14\xcb\xbc\xa8\x8b&lt;\x15\x96\xb4ik\x8d\xc0\xce\xa5\xbc\xd6\x8b\xc7\xc3x\x18W\x923\xb9`\xe7\x05oqem\x1bef\xbcrj\xf0\x88Z1\xa7\x1d}\xe6\xdf\xed~t\xb8\xc1@\xc3\xcc\x8bw\xbf\xa6\xbd\xbe\xe7U\xdb\xd9\xce\xd4\xd2k\xe6bj\xdfs\xffh\x83\xe2\x84*\xaa-\xadQ\xb6\xed2\xe1v\xed\xcbv\xe3\xa3?\xfa\xcb\x1b\x00$\x1d\xcf\xf5\x84\x193S\xf6\xf6Z\xd1\xa0\xfd{\xec\xc3H)\x19\xcd\xd4\n\x9e\xf2\xd0p\xf0\x16"\xaa\xd5g\xbd}\xd7?\xd2\n\xdb{j\x8e\xab\x08\xd8\xdd\xff\x06\x9e\xd5\x11\x11\xe5P\xbe\xed\xeb\xbf\xe8\xde\xbf\xad\x7f\x94\xdc\x81\xe7\xc7\xb3\x12\xfdI\xed\xdb2h\xe9\xd1 \xd2\x13W\xe1\xb7\x9f\xd1:\x19d\x0c"\t\x00\x88\xafi\x9bN5\x1d~\xa3q\xcbx\xeb\x9c\x82\xd9\x89\xa8\xd7\xdc\xe0\'\xc7\x17\xaa\xdec\x8d\xf6b\xf0\xb2\x07\xcc\xa5\x9b\xe3=DPj\xf5^\x17\x8bh\x03*\x7f\xa3d\xae\xb1\x8a\xf7W&gt;\xd06*IId\xd9\x89\x82\x8df\xd5\xe8y\x8d$\xe8\xd2\xbdo8\xef,@D\xf3w\x9c\x1f\xbc\xec\x01_\xd9\x88\xca\x96\x87\xbes\x0f\x94\xc3q\x8c\x962\xc1\xa2\x93\x00\x90\x96\xf9\xb8\xcf\x1b\xba\xfc\xa1C/\x8b\x8f\xb2M\xf8\\*\xd8\xe7m\xcc\xbc\xfa\xe0E\xd70\xb1z\xc8\x17\xea\xae\x1cr\xfc\x93\x98N\xe0\x10\x19\x18\xc3\xcc\xc6\xe9\x8e\x83\x90\'\xd0\xd8\x92X\xe9A\x95:G\xdb\xeb\xea\xc8+\xe1\xbfi\xa9A\xa6\xbe\x05\x85zi\xcbE\x18\xe5o0\xc3\xf4&gt;_7\xe5t\xca\x1a\xdf\xe4\xac=\xc9C\x16\x01 \xcd)JT\xc9\xbeu\xcaF\xa5\x0e/\xf1w\xf8\xbc\xacI\xd9\xc9\xac\x1b^\x94\xecef\xa2F\xde\xf3\x12d\r\xe7\xbbR\xb7\x1f\x98\xbd\x86\xa9\xbd\xf7\x81\xb7Tc\x8e\xf5tQ\xcdG\xde\xe4\x12\xc2e\xee\xcc\xd2\x0f\xbd#\xce\x8c5\x93\xb9;[\x02\xd4\xec\x15|\x83\x87\x9e\xa8\xf6\xa2l\xdbe}\xe6\x1f\x91\x1f\x92\xbe\xc2\x08\xc5\xf3)\x1f=\x88aH\x00\x10\xa5\x82\xb2\x9d%\x06\x18K\x99o\xfc\x968\xcb$\xc3`\xc2\xbc\x17g\xc5\x89\xf2U\xef\xb1\xd6_\x96\x9c\xf2\xd0k\xce\xa1\xf5G&gt;\x0b .\xf3Z\x1a\xd5{\xacq\xecwf\xe2.\x8b\x85\x00\x00 \x00IDAT\xbeuS?\x0f\xf9\xea\x0b\x16\xb2\xf5z\x1a-\xe1\x97\xef{\xdb)\xe4\\\xc1\xe4\xd2\x89Sj`\xe1&amp;s\xb4\x97\xc1M\x0cg\xc5\xcc\x03\x97\xdco\xd9\xc2\xccE\x9a\xce\xdd\xf3\xf4\x1f\xfa\xa9\x0bp,5\x00$\xab\xf2\xc3\xe2\x9c`\xf3\x91\xdboz\xe2\x7fk\xee\xfa(\xb0\x18\x8b\xf6-\xd7\xce4A\x87mnEUk\xee\xfa\xe8\xe09\xc3\xb1\x8e\xe3&gt;\xabx\xaa\x93\xa2\xba\xad\xb15\x93Z\\t\x88\xdc\xe9\x9e\x92\x88\x88jP\xa9AD9\xf5\xf7\x86\x1c\n\xfa9\'\xff\x1ayY\xab\x8d\xeb=/\xd4\r;\xfa\xa5\xb7$a\xfe\xc7LD\xc5\x9a\xcf\xf7\x98\xc1\x08\xfb\x82\x8f\x9d\xa6\xde\xa6wuL\xf2\xf3\x0c\x001h\xa7\n\xf7v\x96\xdbu\xe2w\xe3\xdb\x99[^\x88&amp;\xcd\xe8\x87\xcaX\xf2\x1c\x1e\xd3\x92\xa5\xcb\xf4\xdb\x89\xaa\x857\xe7\xf5\x16i\x9ep#g\xe6\xd6\xccLT\xd2~f\xb2V\x1f\x17\xde\xe82x\xd4\x9f\x18\xd7\xee)\xbbO\xfc\x9e\xb5\xda8\x87\x85\x83\xca\x11\x91e\x05\xad\xb4T1X\xc6;\xdd\xf6\xfc\xbf\xf1I\xd7\xf5\x04\xd6\xee\xb3!\xcd\x9cd\x00\x08J\xce\xa2\xcd\xfc_\xef\'\\\xa7\xa9\xd6U~\xcb\x98\xc7b\xbaN\\\xa5\x15\x8b\xc5[, \xaa\x90\xf0"\xf2ck]X\xe7sQ\x96\x9cfp\xac\xd8)4\\\x95\x99\x89\x8a\x1bw\xe5\xad;\x8d\xdc\xd6Qx\xf5\xf7X|\xfcj\x96\xf7\xe1\xd5\x0e\\\x0c\xbb\xf2\xe1\xe8\xff\x1cO\x86\xfa\xe2\x15\xa4\x0c\xcd]\x82\x12\x11Q\x8d\x9e\xae\x8f\'\xdcW\xfft\xbd\xa0I\xf8\xd7\x0c\x00\xe2\xc1\xfeS\xb7l\xf1Y\x16\x94\x1a\xf8a\x14\x85H\xf7\x99\x07\xcc\x1b\x1a\xda\xb31\xe3\xfa\xd39jM4\xa6(\x8b\xb1\xac\xa9\x0b\xf4\xd5\xb7\xbf\xa7\xdd\x19\xcf\xdd\xfe\x92\x87i\x9c\xd5f"4z\xea\xb3\xc4\x94\xa4IQ\x82\x17\xe8\xee\xbc/\xb2\x1ca\xe96K\xe4\xd1T\xe9\xbaj\xfb\xe3?\x07\x94\xa7\xa483\x8f_dI\x1d|\xe6{m;\xc6\x04\x03\xa4\x1d\xd9&lt;\x85\xb6\x96\x0e\x05{x=\xbc\xf9(\xb7\x9e\xb1\x01\x99\xbc\xf1Y"\xb2\x0c\x83N\x1a\xc6)\x85\xb3(\x0e\x84\xb5t\xd2\x89\x07[\xefbO\xe6\xdc\xe8\xde\x97\xaa\xcb\xf4\xdb\x1b\x0e\xbe\xbel\xbbe\x8d\x87\xdd\x10\xcd\xf4\xe3u\xfan\x90\xafL\xe5U\xb7\x99\x81\xcd\xdd\xad)\xd0`\xa6xG\xd1\xbe\xfaK\xeb\xef\xab\xc4\x00\xed\xff\xad\x0f\x7fo\xd8\x9a%\xd8\x8c\x01@&lt;X~\xdeN\x03\x7fc\xe1\xba\xfb\xbf\xd22\xd0}\x96\xe9.V\xcb\xd2\t\xc3\x1d\xa19\x93\x99\xdf\xf8\xcb\x92IqWj\xc7\x115\xe5\xe2\xdd\x9b\x8c\x88\x88\x1aj\xbd\xd8ny\xf6o\xc5neW\xed\x7fW%\xd8\xd85\xc7m\xdb&lt;\x0f\x8eR\xbc\xdb\x8b\xe2\x11o\x05\x1f\xc70s\xd1f\xf3|%\x17G\x91\x06\x95B\xc2\xfd\xb7&lt;\xf3\x97\xbf\x936t\xb9}\x99/\xed/UA\xffC\x8cZy\xacb\xa7\xab\xd2U\x18\xee#~\x00\x88#\xd1tH\xda\nH\xfeD\xd9F\xa7\x1d\x9e\xb1\xd2(y\x18c\xa1_\x7f\xe0\xe6\x8eS\xf6\x85\xb7\xd4\x94\x1c(q\xc3#?\xe8\x91\xbf\xf0C0\x17\x1c\xda\xbd\xd1O\xd2\x13\xd2~\xd2-D\xf9\\OZ\x9e\x94\xa9z\xf6\x02\xc9\x9bf\xcf\xc9?&amp;m8\xc9\xcc\xb6\xbb\xa52D\x99\xa3\x899W\xed\xc9\xc2\xed\xc3\xafz\xc4\xb2\xa5D\xcb\x85Q\xa4SC\xb2/n\xcd\xc5\xaf\xff\xe9\x98\xd0\xcc-g\x84\xdb\xa5\x9d\xcc\xdd\x85\xbe\xed\xe6\xe1\xd1\xc6\xcf\x9b\x96:\xbe\x01\\\xc6\xa4O.\xefy\x95\xdf\x0b\xeew\x1e)2\n\xf5\x92\x04\x1bv\xa5\xb5\x10\xdf\xfd\xf4\x1f\xcc\xbc\xf3\xf8\xaf\x9b\x1f\xf8F\x10[\x94\x99\xf1\x1b\xf8\x0b\xe6\xd3\xdf\xcb#)\xf7\x97\xc7Lv\x9fu@\xbd\x05\xf5\xdc\xcf\xaa\xb7\xb0\x96-\xbb\xcd\xfd\xd5\x9d\xc5|fP9\xc9\xdf\xa8\xe5\x98\x9dN\xbb\x9c9\xae\x15!Oz\xd2\x86gT\xb2$\xa7\x8f!\x0e\x84\xf6`\x05\x00\xd28f.\xde|\x81pW\xebq\xbbb\x9a\xae\xf6\xc2tSe\x98\x95W\x0f`\x7f\xe1\x14U\xf8u]Oy\x88\x1c\x1e~\x14\xe7~T\x9e.\x8f}\xc0\xcc\xecu\xeaif\xbe\xe2\xd6\xb7\x8c[\x86])h\x93\x8cNS\xa5PE\xfa\xe8\x97;O\x7f\x1e\xc3\x9b\xad\x8d\xf7}\xe9\xb1Vs\xb9,H\x85\xb7\x86\x19\x7fS\xf8\xeaZ\xb7gv\x19\x02\x0e\x00\t\xf3\xbb\xac\x18*\xa77a\x15j&lt;\xdbK\xac\xa5%\xfb\xa6o&gt;-?\xd8S\xc9\xf8dd6f\x97\xc6ROc6\xb2\xd7\x9c@\x94C=\x1bZ\x0c\x15;]e\x99\xce7\xa5\xdfF\xd79\xfa\x95?od:\xcc *\x0f\xc1\x0c\xa3F\xf2\x9brS\x06\x1cf\xf9\xe85G\xb0h\x87b\xce\xb7?\xfe\xb3$$3\xef{\xee\x1f\x95xl\xaai\xab\x19\xce\xdb\xfe\x92\xaf\xc3\xa5\x94\xfb\xb7\x0fZz\xf4+\xcb\xa7K\xe7z\xb9S\xc2kvJ\xb6\\\xe4\xf5\x10\x00H\x80\x8bjW\xd6*\xa5\xe7\xc2\x9b_\xa1|\xdeF\xda\x94h\xb1\xf0\xc1\xb7\x8d1\x975\xee\xed9\xe7.m%\x1c\t\x95g]\xf5\x06lbf\x0f\xe3\x85D\x1c\xfb\xa6\x9a\xb8\x94\x95\xab\x0f^\x14\xac\\\xabL\xfb\xa4M\x86\xdd\xe0;\x06""*\xefZ\x07\x07\xa6p\xef\xc0;\t3\xb3u\xcd\x83\x04(gz\x97Qu\xeda\xaf\x8ff\x8dc\x01\xa2\x7f&amp;\x02\x00\xa9I\xfapG\xca\x9f\x98\xa9`O\xc5\xa36\x1d\xfdZ1d\xceZ\x93\x88\xd2E\xde+tE\xb6\x17a\xaeK\xc7&lt;\xf8\xb6c\xa9w\xf6\x92c9U\xb2ULn#TJ\xc6\x8eS\xf6i\x0b"\x99\x02\xdb\xda\xb7\xaf0Mg]\xd6\x1e\xcf\xde\x93\x7f~\xcd\xcc\xcc\xa3V=\xce\xcc\x87_67\x98\'=\xe7\xac\xca\x1aZ|;x6VgF_(,SeY\xefB\xef\xb2\x86OQ:\xe3\xd6\x0c\x15G\xfc\x98z\xfe\xca\x00\x97\x9f\xf4\xb2\x89{\xf4\x82\xcf\xdf\xf3E\x95"\xbe\xf7\xbc\xc3\xe6\r\xe2\xd1\x1a\xc2\xc8=U!u\xfa^\x1b\n\x9f\xab\x93\x87\x03sw\xd2oU\xef:\x17XY\xe6\x9a\x81\x15w\xbc\x1f\xee\x97\x9e7\xa8D\x83bYL\xc9(\x7f}\xc7[\xd2]\xb6\xfe\\\x17~s8\t\xb9:\xf9\xc8\x95\xf4\x94\xda\x96\x9a(\x10\x1e\x8f.\xed\xe5\xe7Kz\xa7\xc5\x07\xbb\xce\xb8Cr\x98\xb0\xbbx\x95\xae\xab\\\xd3\x0b\x7fp\xeb\x84\xa0\xf6\xc9\xa2\x01 \xb9H\x96?\xbb\xfa\xf6\xf7\xc2/sZv\xe5\xad7\xcdkB\xe7\x7f\x11M\x95U\xc0\xdb\xbc\x1c\x12\xcc\x1c\xdd8\x16e9\xda\x87_)\xcd1T\xa0\xc1L\xb7\x1b\xb5&amp;\xf6M\xf2\x1a\xfa\xaa\xdb\xde\xa1\xbc]\xf50\xdb\x8e\xfdd\xd8\x19\xd5\xa8\xa1`\x1dx\xd1\xdf\x18\x98t\xeeA\xecJ\x0f&amp;\xa2&amp;\n\xf3\xa8\x84\x87r\xa9^\xeaE!_4\x0f\x1a\xc8a9\x10f\xce^c\xbc \xb4\xc3\x13\xe8T\xd4\xd4\x01\x00\x16\xf9\xec\x9b\x9c{5\x97\xf1\x12sY\xdb\x96\xe2\xf6@\xeaz\xce\xb9K\x7f\xad\xaf\xef[\xae\xfd\x15q/\x80\x8c\xb3V\xd9zVg\x0f\xd5\xdf\xd5\xba\xaf\xd1^L\xdbt\xca_2\x97\x0c1w\x9e\xb6\xdf\x9cb\x80\xd5\xb0\xea\x88\xea\xe8\'|\xb8\xf1\xb1KsD\x0b\x0b*\x8epK\xc2\x9aF\xd2Z q\xea;\xd9\x07)\xddf)\x11\xa9OB\x92\x84\xa7\x05\x00\x14\x7f\x99\xd69\xee[\x8e\xd9)|\xd0\xe8z\xa0Hh\x9c\xcfii\x89c$\x1fA\xa45h\xeba\xd6\xdc\xf5Q\xa4,\xcb\xd6\xd6\x18\xd8\xbe\xb8B\x90\xd27\x13n\xcePq\xc4\x82\x9d\x17\x8c\xd9`f\xa7\xd9=\xbbL\xbb=Q\xb3(|\xec9\xd1\xf2^\xf2Y\xdfi\xc7\x93\x1f3\x11\xed9\xf9\xa7e\xfb\xa3\x1f\x04|\x12\x84\xb9m5\xf6\xe6`S\xd1\xf8\xe9CP\xac\x9fd\xa7u\xcc\x9bD\xce\x0e\xaa!\x01 \ti\xeb\xde\xfcm\xfe\rg\xaa&lt;\xda\x12\xac\xe3\x94}\xaeQ\xb5\x9ft\x0b\x11e\xab.j=\xa3\xac\x92\x03%%\xc8\xa0\xa5G\x1d\x0f+;D?\\[a0O\xca\x14I*\xda\xbcWo\xffgL+\xbf$|\x14j\xea\x19cfa\x13\xf4\xdb\xff\xb1\xcek\xec\xaf\xfd\xc9\xfa\x8dW\x80\x85/3\x7f\x11Dle\xcd\xabH\xa9\xc9\x10}\xba\xae\xe2VQ\r\xb9\xe2\xc1(c\x08eU4{\x1d\x11\xfd\xcel\x9c`\x0b\x150@R\xdbx\xffW\xc6\xb7\xdb\x1e\xbb\xe4\x14r\xaf\xed\xee\xc4\xafrDu%\t\xa9\x93\x95/\xde\xd7\x1dr\x8c\xd9Wo\x9d\xca]V\xd87\xbe\xf6\x87{\x818\xfb\xc6\xb3D4\xfdz\x97\x01\xd3\xae\xbc\x16\xbe\xcc\xdcp\xf0\x96(\x13\xdd\xf1\xe4/N\xbb.2\xcbW*\xb4iDT@\xeb+`\xff,\x15:\\\xe95ou\xfa:\xaeQ\xe8\xa3\xa2\xfa\x9ey\xbb\xe9\x01\xbc\x13\xdb\xb0\xb4\xec\xed\xbc\xa6e\xa4]\x995\x1b\xb1\xdd\xbc\xb9\xaaS\xe0h\xd2\x02\x80\x18\xa9\xd8~\xe2-\xd6m\xb9:\x1a\xdf\xf9\xfb\xf5\xda\x07\xcbZ\xda\xcd\xd6\x1f\xf9\x8c\x99\xbfv\x8a\xbc\xdcP\xf1v/\xf9\x91\xdc&gt;6V\x1bA\x9b[z\xc7L$]\xbb\xd0m\xf2\r\x15A\x15\x9d\xe5\xdb/\x17n\xdf\xe9\\Sz\x90\xab\x13\x11\xcd\xdfq^\x12d\xf4\xaa\xc7)\x9d\xb8Y^\x9d\xf6m\xa9\xd9\xcb\xdb\x94a\x1a\xfd\xeb\xb7t\xef\x1b\xde\x8f\xf603e|8|\xb7\xf3\xae\xba\xf3Ca\xe08d\t\x00\x02\xa0\xff\\]\x1f5\xbd\xfd\x1f\xdbg\xd1\n\xf5\x0c\n\xdd/V1M\xee_\xb4\xaf1rK\xef\xa4\x95w~\xe0\x9a\xb7,\xd5\xc6\x8a6K\x1e6\xfb\xef\xd5\xd5n\xe2^\xdf\xc7\n\t\x97\xaf\tBn\xcb\xfb\xee\xb3\x0e\xfa\x8ek\xae\x8f\xf9\xa1\xc2WKMGl\xb3\xef\x94\x95\xfe\x99[\x9b\xdf\x17\xb2\x05\xaee?&lt;\xa8\xead\xecZ\xfb:Qb\x1fYR,7\xacX\xf3\xf9\xce\xc1=\xac\xd7\xd9b\xf4\x8e\x96\xa3\x95\xa6\xaaf\xe6\xbb\xceE\x1eI\xcc\xd8rf\xe5\x1d\xc2\xdf\x8b\xbdkwT\x1d\x1b\x01 \x86\xa2,\xce\xe4\xe5#3w\x99v{\xe5.+\xd5#\xac\xdec\x8d[\x90\xec\xeayc\xe6\xfa\x0371\xb3\xf1VU{\x1e\xac\xa2N\xdfk\x15C\xear\xd4\x9cHE\xfb\x84\xdf\x85\xca\xe2\xb3?\x19\xafirY\x0e\x99\x7f\xd3\xcb\x92\x08\xf5\x87y\x92\xb6S\tf\xa6L\xaa\xd33Ii%\xbb\xb5\xb2\xb7X\xbe\xefmf\x16=\xe67\x8dd\x1b\xb5\xf2q"*\xdeB&lt;s\xb8\xa2\xfd\xa7\xfe\x13n\x7f\xf6+&amp;\xcaKT*\x9a\xc8\xe5\x8c_\xf2\xb5\x87&gt;6\xed\xcb\xd6\xce)d\x10\x04\x9d\xdb%\xc3\x8b\xefz\x89+u\xbe:\xd0\x0c\x00@`\n5\x1a\xb25\xd1y\x08T\xaeN?\x18\x8a\xbcR\xad\x17\x13\x91\xbd\x87\xd7\xfbj\xc5\xe2;Q\x95\x9e\xd6\xc1\xd3DT\xc0\xb0\xbc\xe3\xd4M\xcf\xcbK\xe7\xdcu\xa6\x10eO\xba\xf6\xc3\x9c\x1d-\x1b^\xfe\x1fS\xfe\xeeN\xc1\x0f\xbd\xcc\xda\x1a\x91\xc6\'\x94\xda\x87\xba\xf5\xd9\xbf\xd5\x93\xdd\xf5\xd4o\xce;-}\xe5\x8a\x9b\xdaWBkF\xf9\\\x9e\xd2\xf5\xfc;\x05\x18\xba\xfc\xa1\xd0\xab\x0c-(|1\xea#~a\xe0\xd7#\x8b^\xbb\\\x12U\xea\xbcB=~\x00\x88\x1f\xcb\x8f\xff\xad\x7f\xbdv\x90\x11\xa87pS\x941\xd8\x8d[\xfb\x94}\xa3hlh\x16"\x1a\xb0\xf8&gt;Y\\\xd6%\xfcL\x03\x97\xd7\x1f\xf9\xcc\xf8\xf6\xf1\x8b&gt;\xa7l\xbc\xfd\x8cv\x88x\xaa\x87\x8f\x99\x89\n0\xf3\xc9/\x8d1\x17\xbc\xfe\xc1o)k[[\xf0F\xb6-J\xea\r\x10\xfe!\xea\xf8\x8bM\xe7\xa3W\x97eK\xae:\x91)\x9f~\x8c\xfd\xe5\x053\x13\xd5\xf2rDmQ\x0cA\xe5\xc4M\x9e.S\xaf{N\xb8g\xc7\x13\xff\xb3w\x81|\xe0-\x97\xaf\xe8\x0c\x87u\x88\x01\xe0\xf2\xa2O=a\xb1\xef\xf9\x7f\xad\x9b\xf2t\x89E\x06&gt;5?x^\x7f\xcf\xe7\x8a\xb3\x19x\x1f\x17\xabd\xd0\xb2\x07\x0c\xef\xdc\xe70q\x9c\xbbQ*n\xf7\xd0</t>
        </is>
      </c>
      <c r="E422" t="inlineStr">
        <is>
          <t>&lt;class 'numpy.ndarray'&gt;</t>
        </is>
      </c>
    </row>
    <row r="423">
      <c r="A423" s="1" t="n">
        <v>421</v>
      </c>
      <c r="B423" t="inlineStr">
        <is>
          <t>steps_per_sec</t>
        </is>
      </c>
      <c r="C423" t="n">
        <v>6100</v>
      </c>
      <c r="D423" t="inlineStr">
        <is>
          <t>5.163359</t>
        </is>
      </c>
      <c r="E423" t="inlineStr">
        <is>
          <t>&lt;class 'numpy.ndarray'&gt;</t>
        </is>
      </c>
    </row>
    <row r="424">
      <c r="A424" s="1" t="n">
        <v>422</v>
      </c>
      <c r="B424" t="inlineStr">
        <is>
          <t>Loss/localization_loss</t>
        </is>
      </c>
      <c r="C424" t="n">
        <v>6100</v>
      </c>
      <c r="D424" t="inlineStr">
        <is>
          <t>0.005747978</t>
        </is>
      </c>
      <c r="E424" t="inlineStr">
        <is>
          <t>&lt;class 'numpy.ndarray'&gt;</t>
        </is>
      </c>
    </row>
    <row r="425">
      <c r="A425" s="1" t="n">
        <v>423</v>
      </c>
      <c r="B425" t="inlineStr">
        <is>
          <t>Loss/classification_loss</t>
        </is>
      </c>
      <c r="C425" t="n">
        <v>6100</v>
      </c>
      <c r="D425" t="inlineStr">
        <is>
          <t>0.120833084</t>
        </is>
      </c>
      <c r="E425" t="inlineStr">
        <is>
          <t>&lt;class 'numpy.ndarray'&gt;</t>
        </is>
      </c>
    </row>
    <row r="426">
      <c r="A426" s="1" t="n">
        <v>424</v>
      </c>
      <c r="B426" t="inlineStr">
        <is>
          <t>Loss/regularization_loss</t>
        </is>
      </c>
      <c r="C426" t="n">
        <v>6100</v>
      </c>
      <c r="D426" t="inlineStr">
        <is>
          <t>0.036958896</t>
        </is>
      </c>
      <c r="E426" t="inlineStr">
        <is>
          <t>&lt;class 'numpy.ndarray'&gt;</t>
        </is>
      </c>
    </row>
    <row r="427">
      <c r="A427" s="1" t="n">
        <v>425</v>
      </c>
      <c r="B427" t="inlineStr">
        <is>
          <t>Loss/total_loss</t>
        </is>
      </c>
      <c r="C427" t="n">
        <v>6100</v>
      </c>
      <c r="D427" t="inlineStr">
        <is>
          <t>0.16353995</t>
        </is>
      </c>
      <c r="E427" t="inlineStr">
        <is>
          <t>&lt;class 'numpy.ndarray'&gt;</t>
        </is>
      </c>
    </row>
    <row r="428">
      <c r="A428" s="1" t="n">
        <v>426</v>
      </c>
      <c r="B428" t="inlineStr">
        <is>
          <t>learning_rate</t>
        </is>
      </c>
      <c r="C428" t="n">
        <v>6100</v>
      </c>
      <c r="D428" t="inlineStr">
        <is>
          <t>0.0799711</t>
        </is>
      </c>
      <c r="E428" t="inlineStr">
        <is>
          <t>&lt;class 'numpy.ndarray'&gt;</t>
        </is>
      </c>
    </row>
    <row r="429">
      <c r="A429" s="1" t="n">
        <v>427</v>
      </c>
      <c r="B429" t="inlineStr">
        <is>
          <t>train_input_images</t>
        </is>
      </c>
      <c r="C429" t="n">
        <v>6100</v>
      </c>
      <c r="D429" t="inlineStr">
        <is>
          <t>[b'640' b'640'
 b'\x89PNG\r\n\x1a\n\x00\x00\x00\rIHDR\x00\x00\x02\x80\x00\x00\x02\x80\x08\x02\x00\x00\x00\x83\xaf^t\x00\x00 \x00IDATx\x9c\xec\x9de\x80\xd4F\x1b\xc7\x1f\xf4\xb0\xc3\x9d\x03\x0ewwwwwwwwww\x97\xe2\xb4Hq\xa7@\x8bC)\xd0\xa2\x05\xea\x06m)Rh\xdf\xfe\xdf\x0f\xd9\xcde\x93I2\xb1\xdd=\xc8\xef\x03\xdc&amp;\x93\x99\'\xc9d\xf4\x11"\x17\xcb\x00\x08\xb4\x08\xef \xff\x05\xc7S\xad\xd5w\x8b3\x19\x87)\x8e$\xd0\xbb$\xf3\xc2\x83\xcf\xe0\x0bQ&lt;\xdd\x92\xdaM:FD\x7f{\xd2\xcb\x89\xc8*FY\xe9\xf1\xfb&gt;\x89sJJ\x8c\xa0D\xeb\xc5\xba\xa5\xcb\xd8\xf0\xd9\xffdG\x8e|\xad*\x15\x11u\x9azR&lt;X\xac\xc5\xc2%G\x9f\xb7\x1aw\x08\x00QV1\xe5\x92#\x7f\xca\xae\xfa\x0e\x88\x9d\xb3\x93\xf4\x88Z\xfe"\xe7~\xc6\xe6K\x90%h&lt;l7\x80\t\x9b\x1fJ\x8fw\x9fu\xaed\x9b%DT\xb5\xc7\x06\xb5\xfc\xbd\x14\x11\xafb\xca\x90 \x7f\x0f\x9fC\xb1+\x16n:O\x9a\x80\xa8\x90n\xf3\xd2v\xc2\x11\xed\x04z\x84\nw\xd1j\xec!\xdd\xa4z\xf7\xeb\x12\t\x89\xeco\xf4\xa3/"\xb7\xfc.\x91\x05\xa1\xf9\xfb\x03 \x8aC\x14_#e\xd1\xe6\xf3\xa5W\x11\xe5\xf76\x9d!\x00\xb2\xd5\x98(M|\xfa{\x008\xffT\xa3\x1a\xe7\x05@\x14M~8\xbc\xb9\xe4\xe3-\x1cVv\xa8L\xda\xf3\xbfI\xf3\x8c\xcd\xbc#\xa2\x12D4e\xc77\x8a\xe3\xc5\x98\xe9e}\x00\x80\x0c\x95FI\xcf\x12Q\x86J\xa3\xba\xce&lt;CD\xb5\xfal\x01@\x94Z\x99\x892\xf3&lt;\xf5\xa6{\xff,\xc0,\xeb\xd0\x03\xcfO\xf1\xa0\xc6\xb7_\xae\xc3\n1\x19\x80Q\xeb\xbe\xfa]\x9aa\xd4\x92\xc2\xdf\x1d\xa7\x9c \xca\xa5\x96\x89\t\xe2\xe7\xefNDD\xd1)^\xe5\xd6\xe3\x0e\x01\x98\xbc\xed\xb1Zb\xe9`\xaex\xabE&lt;\xf9w\x99\xfe\x89=\x82\xba\x04\t\x1a\x1d\xf0\x82\x03O\xfd)\x899\x82o\x00\x911\xd0\x02\xb8\x041\xb1*(\x8fi\xd7aI?\x94\\&lt;\xd8p\xc8G\xc2\xa9^\xf3\xce\xfbvT)\x88\x88(&gt;+\xcf\x02\xb2\x83\xd2\x0b+w[GD\x94\xb6\xa9\xf7`N\xa9l\xf1\xf2ve\x0b\x97\xa0\xda\xf7\xde\x1c\xae\xfe%\xe6\x96\x1e\x00Qz\xa2\x14J1\xe2\xe4\xea$-\xbd\xed\x84\xa3\xd2\xb3\xd7\xfe\x82\xec\x92\x8b\xcf0h\xe95\xe9\x91\xbd_\xaa&gt;\xaev\x13\x8f\xbeRy\x98\xf2\x1e=\xbc\x85\xf4l\xc3!\xbb(m\x93r\x1dW*\xd7~\n4\x9a\xa5V\x9c\na\xec\x12Y\xa4\xaf0\xc2\x9d\xd7\xbaDZR5\x0c`\xdd\xcd^sR\xa0\x8av\t~f\xed\xfeQ/Iv"Zy\xf2\x15\x80\xa4E\xfb\x12%f&amp;J[n\x98\xf0\x87jU\x8fZR\xf2#q\xfe\x86\xb3\x84\xc4g~\xd4\xf94\xf2\xd4\x9b.\xe4\x99\xaf\xc1\x8c\x97\xde\xc9\xa5XJ\xf4,m\x89\xf25\x1f\xb5\xdf[t\\\xf1B\x00\x14\xb3\x9c\xb0n/\xa4\xaf\xd9g3%\xaf\xa7,\xe2\xce\x7fJ\x19\xa2\xb2dI)\xe6,\nP\xbe\xe3\xaa\n\x9dV\x03x\xe99\x18\xe2M\x9cL\xed\x8e\x9a\x8d\xdc\xa7u\xc3\xd1Ji\x9d%*\xd4d\xae\xf2!\xf7\x9c\xf3\xa9J\xf2p\xe6\xd1=\xb7\xd1}\xf69J\xdf\x0c@\xd2"}\xb5K$\xc9-\xff\xe3v\xc3.\xd6\x88a\xfc\x92\xe8V\xca{\xdf\x06\x8f\x87\x1f\xbeG7\xfb.R\x9cy\x14\x00EU\xed\x1b\xdaM&lt;FFVz\xbcs\xb8\x18\x8cKR\xd4\x8f(\x91\x88\x88bfk\x9f\xa6\xcc\x10\xa2\xa2\x00r\xd4\x9a$\xbd\x04\xc0\xae\x9b\x9e^\xb9\xf3\xb4\xd32\x81\xd5\xe4\x19\xba\xf2\x0b\xe9\xcf\x1b\xaf\xbc\xc9|7\xb9y\tk\xfc\x1ah3\xfe0\xb3\xb8Q\xeb\xbe2\x93\xa7_\xb0\xa3i\x8aMD\xddg\x9f\xb3E\x1e\x97\xe0\xa5J\xb7\xf5\xd63\xc9\xd7`\xe6\x97\xff\xba\xdd\x83\xb3\xf0|\xd5Pj\x97\xbc[$,\xd83\xd0"0h7\xf1\xa8n\x1a\xadw\xe7\xed\x1a\xed\xe2\xcc\x8f\xf8\x9a]\\L\x8a[\x99(\x83o]\n\xa9\xd1{\x930\x17\x17\xd3\t\tZ\x8e9\x00`\xd5\xa9\xd7\xc2\xcf\x14\xc5\x07\xd8+\xa7@\xf9\x8e\xab\xb4\x13\xe4\xa85\xd9\x89r\xed!}s\xce\xbev\xfe\xfe\xdf\xbc\x7f&amp;\xa3\x845\xb4\x13\x0b\x0f\xfc\xc9\xfb4\xc1\xf07\xef\xd8\xec-Q\xa1\xde\x81\x16\xe1\x1d\xe7\xc8\xd7\x00\xf0\x8b\xdd\xd5f\xe2\x96\xaf\xed\xcd0\xf8\x19\xb2\xfc\x06\xf3\xf8@\xdf\xedF5\x1c\xfar\xbf\xe1\x9b6\xd5\x1f\xb4\xd3\xbbjMD\xc5\xfb-\xba\xcc_D\xa1&amp;s\x85?\x00D\xcb\xdc\xc6{8\xb1pd\xe7\xe7\xf2\x0e\x98\xc2\x9aH\x8f\x10\xe5 \x93\xb7\x9f\x8a\x88"\xb6\xb1\x93\xd4\x96\x9e\x03\xe0\xdd\xbd\x963\xfd\xc3\xef\x98\xc7G\xaf\xbfc\\\x06\x87\xe0U\xfb\x10\x9f\x1b\x80\x13\xdfh?\xc3\x84\x03\x16_\xb1&amp;\x95\x8b\x1eG\x1e\xa1\xf3\xb4S\x81\x96\xc2\xc5\xc5N*t\xd2\x99\xcd\x10\x11S)\xd7\x9f0\xbb\x90\x1c\xb5&amp;sv-\x1a\xaa\xad\x96\x88WEv@15\x8c\xb0\xff\x11\xb6`K\xb5Y\xc2\x9f}\xaa\x92\x83\x88\x88(L\xb9\x94\x92\xa5\xdaxY\xe2\n\x9dVQ\x94\x92\xa4\xe0\xab\xff\x99\\\\\xddv\x05\xfd\xbd\x9dJ\x92"}\xe2\xe6\xee\xe2{&gt;\x16Q\x16\xc5E1$g\xe5o\xad\xc1\xe0\x0fM\x88\x11&lt;$/\xd6_\xebt\xfcj~\x92\xe3\xfd&amp;\x7f\xa0\x05x\xa7\xb0}v\xe8\xf2^\x91\xbe\xc2\x88@\x8b\xe0\xc3\xa0e\xd7?\xb8\xe0\xa9\xd2\xbf\x022\xdd]\x8bT\xec\xbc\xa6\xe5\x98\x03F\xaf\xaa\xddw+\x80\xfb\x16&gt;4\xa1\xfb_u\xea\xb5\xf2\xb8\xde\xa5i\xeb\xf4\xdf6l\xd5M\x8eB\x14\xca%\xb1\x19\xfa\xe7V\xe0\x906\xae\xf6i\x00n/\xeb\x12\x81\xf5\x85\xb5LU\xc6\xda"\x89\x8b\x8b\x8b\x94\xb2\xedWX\xfb&lt;S\xda&amp;\n\xd1\xa1\x07\\\x92\xb0\x04NBD\x83\x96]\xef5\xef|\xefy\xe7\xcd\x94\xcd\x9a\x94\xdb\x84L\x874\xa7FR\x00\xbfr\x1a\x8f%\xaa\xa9\x91&amp;U\xa9AF$t\xb1\x9b\x93\xdf\xb936\x17\xff1|\xf5-J\xd7,\xb02\xbcc\xaa\x0f\x91\x9eh\xa5\x1d\xcaX|\xd1k\xcf\xbc\xad\xd9g3\xf7u\x86-\xe9\xediE3\xb4\x94\xb9H[r\xf49\xb3\xae\xae\xff\xf4\xdf\xe8Y\xda\xeae\xc76*\x93\xa2\xe6\x1f\xcd\xc5\x7f\x8c\xff\xe0A\xa0Ep\x10\xb7z\xb9\x04\x0f\x7f\xd9Q\x1b\xb3\xd7\x9c\xa8&lt;\x98\xae\xdcp\xeb9\xab1k\xf7\x8f\xeb?\x95\xbb\x90\xe4#\x8a\xcd\xa2\x18\xc4\x99\xcf?\x17\x80z\x03wT\xec\xbcF&lt;\xe4\xd0\xc6A\xfc|\xdds\xd6\xf6h_\x87d\xef \xfca\xa3\xe9\xe3\xfbfE\xe9\xe2\x7fLX\x06\xbb8\xc8\x94\xedO\x02-\x82\x8b\x0b7\xa9\x1a\x98\xbb\x0e\xc0#g\xfa6\x00y\xeb\xcf\xd0N3x\xf9\xe7\xda\t\xe2\xe6\xe9"d\x95\xa6\xcc\x10\xbb\x04sqqqyw\xd0Pu\xd6u2\xe5b\x0fi\x9b\x9a\xbb\x0e\xc0\x90\x15lK3\xbfa\xe3\xec\xd6\x9d(\xbb\xb8\xf8\x87\xcc~/Q\xe1\xe5\xdfE\x8fH\xd5 \xa6\xfdAC\xda\x94&amp;\xa7\x98\xc1L\x8c\xacm\xf9_P\xdd\xfe\xdb\x1d\x12\x83C\x86\xa4\x9cY}\xf5?\x9f(\x14..\xef\x0fL\xd7\xb5\x0e\xc1V\xbct?\xbc`#R\xbd\x91T\x8e\xfa\xacx\xe3\xdc\xa3\x88]\xa1\xdb\xac\xb3\xe6\xae\xbc\xf9\x86W\xaa&amp;\xc3\xf7\x9a*\xc2\x07\xbf\x84\xef\xcc\x19\xa9j\x9d\x8b\x8b\x8b\x8b1\xf4#\xd3y"\xf3dl\xe9\xb8,\xc1\x84F\x00\xa2\xe0\xc4`_e\x9b\x8d\x96\xa3}\xa4\xae\xed\x93\x8b\x8b\x8bK0ST\xeb\xa4^\xb4\x9c\xe0\xc1\xcf\x93!\x8e\xc8N\x81\xc7\xdc3\xd9q\x1d\x9eP\x8c\xb6\x10y\xaa\x90\x8b\xcb\xbbE\x8c2\x96.O\xd3\xc8&amp;9\\\x1c%m\xa6*c\xfcY\x9eJ\xbf\xa2\xe3e)\x02\x85{K\x13\x02\xb8\x8b\x9f\xb6\x13=\xab\xae%\xb1\x0f!\xd9;\xac&lt;\xf5\xca!a\xde[\n\x8b\x7f5\x1f\xa5\x19\xc9\xd2\xc5\xc5\xc5\xc5\xef\xc4\xce\xd5\xc9\xcf\xbdo\xdb\tG\x1c\xcd?\xf8\x06\x13\xec \x95.....&gt;d\xad&gt;&gt;\xd0"\xf8\x15\x00A\x1d\n\xd08A\xd2\x01\xa7*5X;\xc1\xab\xe0\x90\xd3\xe5\x1da\xde\xbe_\x1d\xcd?H\xbe+\xfbH\xaf\x9b\xa2B\xe7\xd5~\x90\xc3\xc5\x17\x7fj\xc5\xbb8AD$\xae\x84\x05l\x8f-\x9dZ\xed\xc4;\xd7@\xb9D*\x1crL\xf3N\xe2~\xab..N \x0b\xff\xeah\xf0\xaby\xfb}\xa6\x1c\xcb\x8f\xbfp\xbfk\x97@\xd2a\xf2\x89@\x8b\x10\t\x98\xb7\xefW\xa24\x163\xd1u\x86\x17lh9\x8bpqy\'\xf8^\xbd\x92\xbb}\xb3\x8bKP\xd0b\xf4\xfe@\x8b\xe0 \xefBC\x93\xb8V\xa0%p\x89\x1ct\x98|\x9c/a\xd6\x12\xad\x16S\xca\xfa\x8e\n\xe3\xe2\xe2b\x80\xb6\x13\x8e\x06Z\x04\x179\xcc\x01\xc4\x84\xcd\x0f\xfd/\x89Kd\x01\x00\xc5,\xabr2\x04\xc0\xcc\xdd?\x12Q\xdf\x85\x97\xfc)\x95\x8b\x88~\xe4H\x17&gt;\x0cx\xb4\x89\x93\xab\xb3sr\xb8\xbc_\x84\xb7p(\xe3\xc8\xbc`P0\xd0\x02\x04\t\t\x0f\xdc\xd3|\x89Ij\x13\x15t\x8d\xad]\\\x82\x88\xf7\xeak\xac\xdacC\xa0Ep\xf1+N\x1b\xfbF*\x8a\n\xbd\xef\x8f\xef\xd3\'\xef\xe2\xe2\xe2b\x92\xf9\xfb\x7f\x0b\xb4\x08\x91\x9b\xe1\xabo\x05Z\x84`\xa1\xdd\xc4\xa3\xee\xf47rQX?\x89\x8bK\xe4\xa4h\xf3\x05\x00\x1c\xb5\x0f\x91\x92\xa8`/\x83W\xe4r\x9bK\x17\x17\x17\x17\x176\x91\xba{P\x13\xfe\xf2\x9f\xc1rSm\'\x1c)\xd0xv\xa0\xa5p\t6\xe20\x8f\x8a\xf5\xd9\x1d\xb7\xb9\xb8\xbc\x17\xe4\xa97=\xd0"\x98\xa4\xcf\xfc\x8bj\x8d\x94\xdbx\xb9Dj\x00h\xf8\xc9"\xb7\x87vq\t*Z\x8e9\xc0\xfdAf\xb2\xadT\xd7\xc8\xd5\xc5F\xa2\x95&amp;"{\xbcI;\xa6j\x1e$\xb8\xbd\xaf\x8b\xb3\x9c\xfb\xd9\xada\x06\xc8Ug*\x7f\xe2w\xe0\xeb\xdd|1\xd2\xdf\x82\x0b\x13\x00DI\x0c\\\x10\xb3\x9c^n\x91\x98\x7f"\xb9\xfc.\xc6\x88\xec\xf55\x90\x84Z\x8d\xa5\xaaE\xea\x86\x1a\'\xcf\xfcd\xec\xad\x19]\xb9\xfd\xe0\x02z\xcf;o\xa8\x08c\x84V5z\xc5\xbbQQG\xad\xfb*\xd0"D"b\xeb\'1K\xc9\xd6K\x82\xb3F\x05\xa7T.N\x91\xbcX\xff@\x8b\xe0\xc2&amp;Q!\xa3*\xb8lv\\3\xfcI\xdb\xb1\xe1d\xc0\xed\x89\t\xc6}p\xdf\xd1\xfc\x1d\xa2\xd9\xc8\x8f\x03-\x82\x8b\xff\xc9\x13h\x01\\\x02OX\xa0\x05p\x89L\x00\x88\x9d\xb3\xa3\xf4\xa7\xa1\xcbC\xf3v\xb3U\x9c\xfc\xd6CP\x04!\xd9kN\x14\xffNYr`\x00%y\xb7\xd9q=\xc8\xa7\x95l\x1di\x17\x17\x7f\xe0\xc4\xaaK\xb7\x99gl\xc9\xe7=\\\x11J]z0\x11}\xfaK0\xddx\xdcJ\x81\x96\xc0\t\xa2\xaf;\xf7o\xa0ep\xe1\xc1\xc6\xd9K\xe8{\xd8\xa4\xb8\xb8X\xe5\xe6\x1b?}6\xb9\xeaL\xf1OA,\x92\xdb\x9a[2[s{\x07)\xdfqU\xa0Ep\xf1\'Q\x0e\xde\x07\x00J\xd7L-\xc5\xba\xb3\xffx\xff,j(kw\x05\xc5\xe5]f\xe6\xae\x1f\x02-\x82-\xa4\xa6\x14\xf5\x03-\x83\x8b\x87D\x05{\xfd\xe5\xce\x87LQ\xa8\xc9\\\xee\xb4\x89UB\xda\x14\xe7\xbc&gt;R\xccY_D\x06!]\\|\xf8\x9fO\xad\xe5\xfd \xfdD\x86\x96\x8ed\x1bP\x8bI\xd7\x93\x06\x13\x13\x8ar.\xba\xc0\x0b\xfbt\xb4\xd2\x9c\xf9\xb4\x1a{\xd06\x99\\\\\\\xde_B\xca\xfb\xcd\x91\xb2\x8bK\x00I\\\xb8\x8f\xd1K\xde\xf3Q\xa0K\xb0\xe0\xc7\x8a\x98\xdd_\x05\xb9\xb8D^\x12\x04Z\x80w\x9f\xf6\x93\x8ei\xb4{\xcf\xdd\xbe\xd9\xc5\x8f\xc4$\x8a\xee\x87b\\\x07\xa7.\xef9!\xd9\xdb\x1b\xf9\x04\xf29(\x8a\x8b:\x136?\x0c\xb4\x08l\xdc\xf6\xf3]\xc5Uauqq1I\xc2\x02=t\xd3\xc4\xca\xd1Q7\xcd;H\x1c;m\xea\x84\x0e8w\xddi6\xe6\xe9\xf2&gt;\x93(\xd0\x02\xb8\xb8\x18C6\x0b\x01\xd0n\xe2\xd1@\t\x13\x0c\x00h:bo\xa0\xa5\x08V\x92\xd4\x8a\x93\xbb\xb3\xf2\xf0\x94\xedO\x98\xc95\xe7\xb81\x8a\xb5\\HDD\xe9\xed\x90\xcc%\x92\xe0\xae{\x98\xc0}h.|\xc4\x0c\xb4\x00\x96\x88\x95\xa3\xa3\xbdU=]\xb9\xe16\xe6\x16\x0c\x14i6\x8f3\xa5\x8e"\xb7\xdb\xaa\xbc\x934\x1e\xb6\x9b(\x8a\xf0w\xe9\xb6K\xddw\xec\xe2\x12 \x8a\x04Z\x00s\xc4\xb21\xaf\xf2\x1dW\x8a\x7fw\x99\xf1\tQ\xa8\x8d\x99\x07\x1b\xf3\xf7\xffFT@zD\xa3\x03\xae\xd4e-\x80\xf1\x9b\x1e\xf8E\xb4\xf7\x1e\xc5kpv\xa4\x9c\xae\xbc\xff\xedUr\xf9\xbdD-\x86\xad\xba\x19h\x11\x02H\xee@\x0b\xe0\xe2"\xa7r\xb7u\x81\x16\xc1^\xe4q\x1a\x94\xdd-\x80\xf5\xaa.K\x0bD\xcb\xdc\xc6\x19\xc1\\d\xc4\xaf\x16\\3Q\x07b\xb3\x07\xd7\r\xbaD~V\x9c|\x19h\x11\\\\\x0c\xe0\x1a\x86\x04)\xee\x8bQ\xe0\xaak\x05\x047\xb6\x9a\x0fj\xba3.\x9c\xb8\xcd\x9aK\xe4 n\xee.\xfe/\xf4\x83\xf3N\xed\xffw\x9fu\xd6\xca\xe5\x86\xe89\xe7\xd3\xe2\xad\x16\xd9\x9fo\x9c\x8a\xf6\xe7\xe9\xe2g\xac\xad\xe5\xb8\xfdG\xa0\x90\x85\x1fh1\xe6@\xa0$qy?\xc9\x1c\xd8\xe2-6=\xfe\x9c\xd3\xf7\x9c\xfb\x19\xf3\xf8\x81\xfb\xbc\x02\xfc\xe8\xb6\xb3\x91\x15G7\xb3\xe3\xbb\x1d\xb0/\xc5\xb8S:\xa0_\x96\xa0\x9a\xfdy\xba\xb8\x04\xf6#\xbf\xf1\xdamb\xdc(\x02\xf6\xb3\xf2\xe4\xab@\x8b`\x03\xc7\x1e\xbb\x15 \x02\xdb?\x07\x00\x01Y\xf9sq\tF\x82\xa0\xbfI\x12\x10\x19\x00\x10%\x91\x1dLYr \x00\xa2\x0c\xfe\x97\xe7}"\xc8\xa2T\xc9I\xa7\x97 \x95\xda\x89\xda\xfd\xb6\xde\x03\x88R(\xce\xd8\x18\x01\xde\xaf\x04\xad\xcb\xc6\xa0e\xe9\xb1\xbf\x12\x16\xe8\x19h)\\\\\xf8\xa8\xd5wK\xa0Epq\xb1\x87xy\xbb\x06\xc1\x88\xd6N\x8a6\x9f/\xfd\x99\xb8P\xef\x00\t\x12\xe9\xc8MD)K\x0c\xd4M\'\xf0\x8eU\x9b\xc8\x84\xfb\xe8\x83\x84\xf7\xeaE\xbcW7k\r\xe5tV\x95\x06\x83?LUj0\xa5n\xc8&gt;\x9d\xb4\x8e=\x12\x05\x8e\xde\xf3/\x04Z\x84w\x10\xd7"\xc6\xc5\x85\x88\x92\xeb\x9c\x8fQ\xd6/b\xb8DJ\x9a\x0c\xdfK\xa9T\xba\xde\xc8I9\x89\xcb*\xd3\xd4\xed\xbf\xfd\xe0}\\\xfa\xdd\xed`Tq{\xdf@!\xdf\x83\xd4\xc0\xc9\x97\x94\xd8\xb1\x9c]\xdea\\\x7f\xf1\xef2\x15;\xaf\x89t\x1dC$\x12\xf8\xd6\x9bH#\xea;\x0b\x00\xa24\xbe\xc7\\\xaf\x08.6\xe0\x97\x96(\xb5\xf3EDbj\xf4\xda\x14h\x11,\x11\'\x17#\xc2\x8fQ"Q\x8f\xe8g\xdc\'\xe3\x12@\xf2\x06Z\x00\x91\xe8\x81\x16\xc0\t\xa2\xf9\xe1\xf3&gt;\xc8mr\xedOr\xd5\x99\x12h\x11&lt;\\|\xb7\x16]\x1f\x18\xaeQ9\xb7^\x81\xbfGi\xf1\xaa\xf8\xb58\xa7\x88\xac:\xf3.\x86)\xd1jq\xa0Epqq1Fp\xcc\x9f\x12\x06\x87\x18\xc1O\xd4@\x0b\xe0\xe2\x12d\xa4.=$\xd0"\xbc\xef\x84\xe4\xe8\x10h\x11\x1c%A\xa0\x05p\tj\x1a\x0e\xf9(\xd0"\xb8\xb8\x04\x0cw\xbb\xdd\xc5\x1f\x04p\x9ah\xb6h=s\x00k\\\x7f\xe9\xce\x9b]\x82\x8b\xf7\xbd3\xe8\xbb\xe0b\xa0\x8a~\xe3.\xa3\xb98I\xdd\xfe\xdb\x9d\xcc&gt;\xa1\x93\x99\x07#\x00(\xa4\\\xa0\xa5pqq\xb1\x83J]\xd7\x06Z\x04[\x89^&amp;\xd0\x12\xb8\x98\'w\xddi\xd62x\xf7\xbd\xa8\xfe`n\xc4\x9c\xba\x91\xdd\x82\x98\'Q\xa1^D\xd9\x03-\x85\x8b\x8b\x8b\rD\x0bz\xef\xca\xef;\xcdG\xed3wa\x9d\xfe\xdb\x0c\xa4N\xdb\x94\x88:N9\xa1&lt;\x13\x92\xbd=g\x1e\x00\x88R\x1a(\xd4\xbf\x04\x9b\xda\xd7cM\'V\xc1&amp;\xad\x8b@\xa8\xf0\xdf\xa9\xef\xed\xf5@\xe6\x06\xb4\xd7\xc7\r\xb7\xee\xe2O\x9e\x1a\xf9\xc0mi\r,d\x92\xc9z\xe9N\x93\xa2\xf8\x80@\x8b\xc0G\xc6\x96\x81\x96\xc0E\x8f\x89[\xbe\xd6\xfeZ\xf4\xbf%\x89\xdd[\xf5\x9e\x1f\xd8"\x951\x01"\x1b\xef\xde\x1d\xb9\xf8\x8d\x13\xdfx*\xcf\x07\x17@\x1cui\xef\x97\xc6F\xd8\x19+\x8f6-\x9b\x87\x0c-\x0e=\x0c\xd6\x1a\x1e\xbbb\xa0%\x08Zb\x10\xd1\xf6k\xa0\xa8%\x89\xe2\x04Z\x18\x17/\xba_\xef\x92#\x7f\x1aJ\xff\xdeS\x90y\xd4}n.~ Q\xa1^\x8e\xe6\x0f W\xdd\xa9\xfd\x17_q\xb4\x14\x17+\xf4YpQ\xa3\xb5i&lt;l\xcfO\x92\xb3\xeb\xcf\xfd\xeb\x17\xa1\\T\x88\x91\xb5]\xa0Exw\xb8\xf1\x1aU\xbbo\x08\xb4\x14.\xef2o\xdd\x91\\$"Z\xe9@K\xc0 4o7\xf1owb`\'\xee\xd3\x0c\x1e*w]\x17h\x11\x1c\xa1\xdd\xc4\xa3\x81\x16\xc1\xc5\xc5A\xfa\x18\xb3WL\xeb\x94\x1c\xdcD\xcf\xd26\xd0"\xb8\x08dh\xa9\x08\xbd\xe0\xe2b\x0f\t\xf2\xf7h9\xe6@\xa0\xa5x\xaf\x88\xfa\xde\x0f\xa9\xfd\xe1r\\\x06\x80H\xa1,&amp;e\xcc\x86\xbb\x85\x9a\xcc!"\x8a\xe9\x9a/\x07\x8e\x98\x12K\x80\x96c\x0f:YTa\'3\x8f4\xbc\xf7\xed\xa3SxZ\x13\x17\x17\x03\x84,?\xfe\x82(\x9b\xd5l\x82r\xddX\x93&lt;\x0b\x0f&gt;\xbb\xf6\x17\xa0b\xb0\xf4\xc5\xdfn3\x154T\xec\xb2\x86bXp\xa4`\xe5\xda\x80\xd2g\xfe\x85@\x8b\xe0/B\xab\x06Z\x02\xabT\xeb\xb91\xd0"\xbc\x0b\x14o\xb5HvDh\xa3\x7f\xf2\xc7\xc01\xde\xf5\x17\xfem\xf7cU JM\x14\xee\xd7B\x19\xb8\xb6\x9a.Z\xc4\x08\xb4\x00\x81\xe1I$\x9c\xad\xee\xb8\x1e\xf9d\xb6\x85r\x1dW\x06Z\x84H\xcf\xdf*\x15^\xe8\x83s\xd7\x9d\xeagy\xfcD\xdc\xca\x81\x96@B\xaa\x06\x0e\x17P\xc8\xe1\xfc]\xfcG,""\x8ak\xf0\xaa\xc4\xf6\x0b\x12\xc9H\x18h\x01"\x07\x82a+7E\x9c\x92\xe3\x9d\xe6\x7f\xacN\xb7J\xf7\xf5&gt;\xbf\xe3WS[\xab4G\xc96K\xec\xca\xca2)\x02-\x80\x0fM\x86\xef\xd1N\xe0\xf7=,wv\x1eh\xd6\x9cy\x13h\x11\x82\x9d\xda\xfd\xb6\x06Z\x84w\x84\n\x9dV\t\x7fL\xde\xf68\xa0\x82\xbc\xd7d\xaf9Qv\xc4\xdb\x01{\x1c2\xe4\xa9g\xd1;\xb4\x8bI&amp;n\xf9\xda\xc9\xec\xb3\xb0\x0e\xe6r\xb2D\x17=,\x8e\xb9\xeeF\xc2\x85\\\x17\xfb0jt\x91\x8b&lt;U\x8eW5\xc67T@\tf\x9at\xe5\x86\xb3\x0eG1&amp;\xda{\x83\xf2\x93W\xcc\x80\x8bY/%s\xd5q\xd63q\x9e$\x81\x16@\x9f1\x1b\xee:\x9a\xbf\xeb\xfb\xc1At\xfbW\xf5\x049\xf5\xf2\xf6]\x9dNT\x93W\xa6\xf7\x85\x18n\x1f`\x91\x81K\xaeJ\xebg\xebq\x87\x94ij\xf4\xda\xe4G\x89"=\xfd\x16^f.8\xdf\xf9/\x92\x8c\xa4cU\x08\xb4\x04\xef\x18\xf1\x02-\x80\x8bq\\{\x9bHF\xd2:\x81\x96\xc0\x0c\xd3v~\xcb3\x82TI\x93\xcf\t\x91\xde\x01\x94O,2*$FN\xc2\x8d$v\x17\x87\xdf\x03\x06-\xbb.\xfe=y\xfb\x13\xe2\xeb\\\x03\xd8\x01\xbb&amp;\xa1:\xa8\xa8}v\x9fu\xd6\xcf\x82\xe8r\xdfH\xe4\x0f\t\xe1\xd2\x1f\xb7\xff\x01\x80&lt;\xf5\xa6\xdb%\xd5\xfb\x00\x80Z}\xb7\xc8\x0e\x0e\\r\xd5t\x86\xc7\x9f\x80\xe2W\xb3&amp;T`I\x1f\xe0\xf2\x93\xd7S\x1c\n\xde\x10\x8d.\xe6\xb0M\x95T\xad\x03n5\xf6`\xd9\xf6\xcb\xdd\xf9q0\x92\xacn\xa0%p\x8a\xba\x03v0\x8f\xd7\x1f\xf4!\xd1\xbb\x1f\x12\xc7\xae\xcf\xcdr&gt;Em\x11#\xf8\x88\xe6\xc6\x0bry\x9fH\xd38\xd0\x12\xb8Dn\x000\x9cT\xa7o\x1e\x08Y\\\xacR\xba\xed2\xcf_\xd1J\x05T\x10{\xc8Ug\x8a\xd1K\x12\x14\xe8\xe1\x84$.A\xca\x90\x157\xacg\xa25\xa0\x8e\x1eY\xfdgE\x1e\xf2\x04Z\x00\xc3\xd8\xb7pRH\xb6\xcdY\xa3\xf7&amp;{M]#H\xe9\xb4k\x85\xc8@\xd4\x92\xbd\xe6\x9ew,\xf7\xf7\xd4S\x90\x94k/\x10+G\x07s\xd7\xba\xeb\x91.\x8eS\xa7\xff\xb6@\x8b\xf0\x1e\xe1\xd0\'mW\xb63w\xfd \xebn\xe1\xc5\x96\xfc\xfdDx\x90\xcc\xd7\x0b\x04Z\x00\x8bd\r\xb4\x00\xf6\x90\xab\x8e\tWeY\xbb\xcc\xf8\x04@\xb09$q\xd1\xe1\x1e`0\x08\x17\x8b\x90\xf26\x88\xe2"!f\xb6\xf6D\xd1\x03-\x85\x86\xe2\xb1E\xd2\xd9\x95\x11\x00\x99[\xbe\xc8\xd7\x01\xab\x10"\x89\xb0\xe2\xf2\x9e\x90\xa3\xd6$\x13W\tu\xbeT\xdb\xa5\xb6\xcb\xe3\xe28\xb6\xb4V\x83\x97}n=\x13\x17\xa3\xa4,9\xd0\xf6&lt;\x01\x1c}$T\x89\xc2\xc1\xdf\x99\xad\xff\xf4\x7fR\tc\xe5\xe8\x10\xfc2\xbb\xb8\xa8\x90\xc1\xdce]g|b\xaf\x1c.AD\xea\xd2\x83EGH)\x8a\x0fp[7~*t^\x1dh\x11\x8c\x12S\xda\x81\xd9\xdd\x99E5~\x89\xbe\xf7\x80LU\xc6z\xff,\xf6\x8f\x13\xbd\xaf\xebyF\x852\xed\x97\x07Z\x84\xc8A\x8b\xd1\xfb\xfdQL\xd2\xda\xfe(\xc5\x85\x87\xb02C9SF\xce\x19C\xae\xe0\x96\xd9\xe4H6\x18\x00\x90\xbe\xc2\x08\xf1\xef\xc4\x85z\xdb\x91k2\xd3\xc2\xd8Q\xba%\x82A\x86\xe0d\xfa\x87\xdf\x05Z\x84`%a\x8d@K\xe0\xc5\xdd\x1f\x0cf\xf2\xd6\x9f\xd1{\xfe\x85\xc8\xa8\xbf\xe0\xdff1\xb5\x1f\xcbz\xf7\xc8\x19\xa9\xdd\n\xf6\x9c\xfbY\xa0E\x08\x10\x0c\x97\x11.\x9cp:\xd9N\xe5\xac\x14Z\xb8\xe1\xec"\'\xf3\x0f&lt;\r\xb4\x08\x81\xc2\x8d\xc1\xf9\xde\x11\x92\xbd\xbdy-e3K\x829L\x96\xe5\x12\xf4\x0c^\xfe\xb9\xe2\x98\xd1 \xb0L\x12\x9a\x99\x8d\xc4p\rD#\'\x91s\xc9\xda0l#\xfa\xc8\xe9i\xd9\xc5?\\\xfa\xfd\xdd\xff.\\\x82\rO\x83\x9c\xc4\xd8h\xef}h\xc3\xfd\x8a\x13\x0f\xf4\xcb\x7f\xdd\x97\xe4\xe2\x08\xef\xde\xf7\x9f\xb4h\xdfw\xef\xa6\x82\x9e\xf0@\x0b\x10x\xbc3\xa2DF\xafrH\x9e\xf7\x94\xdb\xff8\xf1@\xb5LQ\xc3\xca\x0ce\x86\x8dsq\xb1\x9d\xba\x03\xb6\x07Z\x04\x1d6]p[4\x17\x17\x17=\x92\x17\xebo\x8f\'\x84\xa8%\xdda\x94\x03dr\x9f\xaa\x8b\x06\x19*\x8d\n\xb4\x08.\x8es\xf3\x8d\xdb\x08\xbc\xfb\xc4r\xdb\xfa\xa0$a\xa0\x05p\t^N~\x1b\xf8o6\xf8\x17$x\xc8Z}\x82\x91\x08Z\xc9\xcd\x97d&lt;\xea\x8c\xf3-\xb3\x1b\x031\xa0\x94n\xbb\x0c@$\xf4\x14\xe1\x1fb\x06Z\x00\x97\xf7\x13\xf3\xd1j\x870\x94l]\xd8$+\xd6O\xd8:\xfd\xe2\xef@\x8cfb\x96\xd3M\xf2\x9b=\x1dp6\xd9\xef%G\xfe\xb4#[\x17\x1b\xc8`t\xdf&gt;p\xd8\xa2\xac\xcf$\xb8\x0c\xa0W\x9f\xfe;\x90\xc5\'\xae\x15\xc8\xd2]\xac\xf1 \xa2\xc9\xf6Ln\xde\xb7\xf5-C\xf7\x0b\xe0=\x88\xfd\x97@\xf6{\xdf\x9d\xf7\xabJ\xbc3\xe4\x0c\xb4\x00NQ\xb1\xcb\x1a\xff\x16\xe8\xd1k\xdb~U\xfe%\x04\xdc\xbe\xeb}k\xaf#\'!\xcaC\xf1\xf3w\x97\xfe\xec\xb3\xe0b\xebq\x87(UC\xb5,\xde\x99\x90bk\xcf\xbc%\n\x13\x7f\xb6\x1cs\x90\xff\xdaY\xbb\x7f\x94\xc5\xd1\xb2S\xb2\xa0!\x7f\xa3Y\x81\x16\xc1\xc52\xa9K\x0fv\xce-\x8eP\xf5\xdf\xb9\x0f@U\x81|\xe5\xc9W)K\x0e\x92\xdfo\xccr\xd9jL\x90\x1e\x1c\xb5\xee\xabw\xee\x99\xbc/$/\xde\xdf\xa1\x9c\x0f?\xe4\xaa\x12=\xe7|\xf6\x07\xbb\xf2\x84\xb1\x0e\xfa\x938\x81\x16\xc0\xc3;\xfdq\xa5\r\xb4\x00.\x96)\xd9z\x89\xbf\x8a*LDDQ\xfcU\\\xa4\xa1\xfb\xac\xb3\xfe)\xa8R\x97\xb5\xaek:;\x89Y6\xd0\x12\xf8 \x8d\xaea\xfaZ\x97\xc8C\xee@\x0b\xe0b\x81z\x03w\x04Z\x04\x17.\xecj\x1cm\x88\t\xcd"}\xf9\x11\x03\x96\\5w-\xcbo\x9f\x8b\x19\xba\xcd&lt;#\xa9\'1\x02)\x8a\x82\x8c\x95G\x1b\xbf(\x8b\xf2\x10\x00\xa2h\x96\xc5Ij9\x87\xa0\xa0\xcf\xfc\x0b\x0f\x00\x00\r\x87|\xe4=\x96+\x90\x02\xb9H\x88\xad\x9b\xa2\x8b\x1b]\xd2%\x92Q\xfc\x89;Q#\x8a\x9b\xa7\x8b\xf2\xe0\x92\xa3\xcfY\x035\xae\xf8T\x89\n\xf6\x02`\xa8\xdb\x1e\xf7\xc1}\x953\xce\xad~\x17\x8ft\xd3\xf4\xa2\xcd\x17H\x7f\x8eX}\xfb\x8b\xd7v\xde\x02\xbcH\x8e\x85\xda\x98\xbf\xcb\xfb\x08\x00\n\xd1\xd7\xe0\x0f\x0eb\xf9\xbf\xc8)\xdb\x9f\xf8\xbfPN\x92\x14\xee\x13\x80R\x13T\x0f@\xa1\x01\xe2\xc3\x1b\x06Z\xf0\xd3\xdfs$\x8eR\xf2\x07 o\xfd\x19\xe6e"\xaa\xd8\xd9\xcfJ\x8e^b(w\x01\xf22\x13F\xcd\xd4\x9a\xe9\xe3\x1d\xc0_\xd2\x0e,jI\xbbDc\x96\xc5\x13\xfa\xdaP\x86\x91nP\xe2\x12\xf4\xc4\xa9dcf*Z*:x\xb4\xa6m\x95D\x1d\xbfD+3\xe0\x8b\xc0%\xf0\\y\xce\xac\xb7\x89\xb6^\xb1\xb9\xc1\xf56\xe2\x8c%\xdf \x83\xe5"\xc3\xfe\x08\x98vv\x90N3p\xc9\xb5@\x8b\xf0&gt;\xb1\xf9\x12"o\x94\xc0\xe4\xc5\xfa\x13et,\xfb\xccj\'l1\xba\xb5\xb2p\xf4\x90c\x04\x90\xb2\xc4@\xd3\xf9\xeb\x13\xb5T\xf1V\x8b\x92\x16\xed\xeb`\x11.Z\x84\xeb\xa6\xb8\xc73LL\xd9\x00\xc0\x92\xa3\xcf\xad\x0b$\xc3\xc8,\xca\x0e\xef\xb6vP\xac\xc5\x82\xe8Y\xda\x06Z\n\xc3\\\xfb\x8b\xf7Q\x17m\xb1@?\x91\x8b?\xf9\xf0\x06\xac\xf8\xd0!"\xa2,\xb1sv\xb2G\x1a\x17\x83h4sN/%\x01H\\\xb8\xb7s\xf9\xbbX%n\xe5\x00\x16\xae\xa5\x9d\xe7\xbbp\x02\x80\xd26u\\\xa0H\xce\xf1oT\xbf\xe5\xab\x9a\x1dp\xfd\x81;\x85v G\xadI\xf2\x06!q-\xce\x1d}\x17\xe7H\xae\xf4:\xf6\xee\x11\x98}\xc4@\xf3\xb7\xa7\x0fv\xc2\x17J\xf6\x93\xdf\x05~\xafh\xf0\xb2\xeb\x81\x15\xc0/\x04\x8b\xfd\xabs\x0c_uS;A\xb9\x0e+\x84\xca\xd6{\xfe\x05\xd3\xa5\x98R\x9c\xf6\x90\xbd\xe6DS\xb5\xdd\xc4\xa7gxIo\xe2\x96\xaf\xb5N\'\xacA\xd1K\x1b\xca\xf0-\xb0 \xd2.\x8b\xba8M\xd4U\xa7^\x07Z\x86`\xa4F\xefM\xfe,\x0e\xc0\xcc\xdd?\xfa\xb3D+DR\xdf\x81\xd9kN\x8c\x91\xb5\x1dWR;t\x0ck\xf4\xd2\xadB&gt;\xae\xcee\x8e\xb4\xcc\x91\xa5\xea\xb8\x12\xad\x17\xeb\xa7KV\xd7zYj|\xcf\xd1\xb9\xda8\xdc\xac?h\xa7\xf7\xcf\x80\xbb7\x91\xc3\xd2\x82vq!"\xa2\xdf\x81\xa5\x0e\xecW\xbd7\xf0}\xed\xf1\xb8\x96.\x01\xa8i\x87\x06\x92D5\x02-\x81\xbd\xc8]\xf2:\x8a\xff\x9b\xdd\x0c\x15\x85\x08\x89\xce\xcd\xf23\xd9\xd2\xc9\x8d\xfb\xe0~\xb0YB;D\xca\x92\x83\xf4\x92\xb8VI.r\x02`\xba\xe3g8f\'j$\xd48g\xa2\xcd\x1d\xb2\xe2\x06\x11\xed\xfc&lt;H\xc6\xc8\xb1}%)\x1c0A"!\xce\xf5\xb8\xaf5s\x16V\x83\x13\x16\xe8\xe9\xff=Haz7o\xdf\xaf\x06\xaeIV\x17\x00E)a\xb4\xac\x99\xbb\x7f|\xecN%]\xf8\x89\\+\x0f\x00\x9e\x07\xa9\xc0\xe1\x81\x16\xc0\x83\xfejR\xd2\xda\xcac\xb1rtd\'\xf6\x93\r\x95\x16\xda+\xedQ3\xb5\xf6\x9b$\x91\x9dBM\xe6\xd6\xec\xb3\xd9B\x06i4\xce\xad;\xf7\xaf\x85\x9c\xcd\x90\xba\xd4\xe0\x02\x8df\xeb&amp;{hb\x895}\xf3\xc8\xd50J\x88\x1ah\x01\\\xf4\xc9b\xc8\x12?H0\xf3!\xb9\xf0\x92!\xd0\x02h\xa1\xfb\xd2\xa7\xee\xfc\xd6i\x01\xbe\xfa_\xa4\xafx\x00\xaa\xf5\xd8\xe8\\\xe6\x96\xf3\xd0Z:n9\xe6\x80\xb9L\xa3dl\x05@+\x9c\xa8c\xc1c8\t\x9e6\xadT\xdb\xa5\xe9\xca\x0f\x0f\xb4\x14.\xc6\xf0\x9f[\xd4\xe0\xa9\xa9\x81\x86\x11i\xee}\xc6\xc6\x8aq\xeeg\x00\xa0D5}\x0f\xa7\xb0+\xff\x00\x02`\xae\xa1\x95\xd8\xe0 n\x9e.D!D\xa9\xb3T\x1bg.\x878\xb9:\xb3\x0e\x0b\x9b\x17!\x8b\x0e\xffa4\xc3\xa3\x8fT\xeb[\xb6\x1a\x13\x8c\xe6\x16&lt;\xcdZ\xdf\x85\x97\x9a\x8f\xda\x17h)\\\x8c\x10&lt;\xb5\xc7\xc5)R6\x08l\xf9\x00\x86\xe9\x19\xae\xd8@\xfa\xe6\x94\xba\xa1\xb0\xca\xb2\xf6\xec?\xde\xe5\x96\xd4\x06r\x08)O~\xfa"\xb2\x9a\x8bVd\x93l\xc5uS\x08\x0e,m*1\x06\x11\x15o\xb9\xc8r&gt;vb&gt;*I\x94\x12\xbf\xb9m\xa6\x8b\x8d\xf0}c\x89\x1c\x97\x83\x88\x88\xfc\xe0\xdaf\xef\x97\x91\xf5\xfb\xc9]w\x1aQ\xf6@Ka\x0c[\xcd$T\xb5\xb8\x85"R\x14\x1f\xc0&lt;\x1e/OW;J\xb7\x133\x0f$f9\xce\xab\x82d\xaf\'}\x85\x91\x81\x16\xc1\x11&amp;m}d\xfa\xda\x0b\xcf\x02\xff^\\lf\xe8\x8a\x1b\x81\x16\xe1}\xe7\xc4\xb7\x08+;,\xd0R\x04)\x00\x96\x1d\x7f\xa1\x97*\x89\xf8W\x9a2CM\x14\xa1\xda\xe5$\xa8\x0e sU\x93\xeb\x9f\xd6\xd1q\xbc\xc0\xcd\x11\xf5\x85S\x19\x1b&gt;\xfd\x1f\x00\xa2|DEl)Z\x9f\xf8\xd5\x8c-6x)\xd2l~\xffE\x97m\x17\xc7\xc5\xc5\xe5="p\x13\x8e|\x01*\xd7\x08\xce{.\xac\xd2m\x9d\xf2`\xc9\xd6KH2\x05\xff\x93\xef\x1d%/\xde\xbf\xc1\xe0\x0fm\x96\xcf:\xb1\xca+\x17\x87Jj:\xc4(\xddn\x19\xa5k\xe6\xa4L\x96\x89U&gt;\x18f\xea\xef\x18\xbf\x00\xa3\xd6}\x15h)\\4i4tW\xa0Ex\x17p\x9b\x8f`\xa0\xc9\xf0=*g\xe2O\xda\xfa\x08\x12\xfc)U\x10P\xb8\xdb\xcc3\xda)r\xd6\x9el\xfc\xb1\x04\x9f;\x17/*\xf1\xa3\x1c#^\x15\xbf\x16\xe7\x12|\xc8\xf4)\xb2Sx\x0b\x13\xb98\xda6\x05o\xc3\xa7\x1fDV\xc77\xac\x86\xcbu\x1e\xc6n\xb8W\xad\xa7S\x86%\xef&lt;\x9d\xa6\x9d""\xa2\x8c\x1a\x9d+|\t\x1e\x83oC4\x1a\xba+J\xc6V\x86.9\xff\x1b\x00\xe8]U\xe4\xc0=\x98\x9b\xee\x9f\xf9\x11\x94\xd0\xe7\xf3\x01\xd0\x7f\xf1\x15\x13Yi\xd3n\xd21\x03\xa9Y\xe1~\x1d\xc4\xc4\xd2N\xec\x8a\xd7_*\xeb\xaa\x99\xd5{\x17\x17N\xb4&lt;\x000H\xe1\xaca_\xaf\xb9\x9f1\x8e\x1a\x8fE\xf3\xe9/V\'U\x9d\xa7\x9f&amp;\x8ab%\x87\xf7\x99\xaa=6\x10\xd1\xa8u_\xa9\xcdq[\x8f;$\xeb\x80\x9f\xd95\x16LZ\xc7\x9f\xc3J\x835-\x1e\xf1\xe9a\x05\xef\xc8\xd8,3w\xfd`\xea\xba\xdc6\xcb\xa1\xce\xee[\xa8\xd3\x7f\xbb=y\xc9\xbb\xff\xf8\xf6d\xeb\x12\x844\x1b)3/\x8bd\xba\xb8f\x08\xb4\x81\xbf.\xeaK\xaf\xb1\xbd\x7f\xf8\xb4,*\xf6\x94\x91\x1bY\x17{\xf1wy\xa7\x92\xa3\xd6\xe4\xf7a\tz\xcfm\xcf\xdd\x9d\xfd\xc9\xf4m\x1a\x1c(\xdbM\xc6\xca\xa3s\xd7\x9dfKV#\xd6\xdc\xb6%\x9f F\xf5e\xd5\xea\xbb\xe5\xdd\xae\xea.\x81%\x9aC\xf9\xfe\xcc[ks9$\x80\x8b\t&gt;\xf9A\x7f\x8b\xf7\xc47\xef~\x07L\x14\x96\xb7\xfet"\x1a\xbc\xfcs\x9e\xd4A\x18\xec}\xc0\x92\xab\x81\x16!\x10\x187\xd3\xd7\xae\xc9\x00n\xbdy\xb7\xabzdCX\xacs\xb1\x85\xb9\x1f\xff\x92\xa7\xfet\xeb\xf90#\xee\xa5*\xa5\x11\xdb$\xa6\xef\xcf\xf7"\xd8\x0b\x0f\xf2\x0e8m\x13\x9d\x04\xce\x93\xb9\xeaX+\x97W\xe9\xbe\xde\xec\xa5\x86B\xdf0\x8c\x94\xe2\xe4\xea\\\xac\xe5B\x93\x85G-\xc5\x93\xca\xe2\xc3\t8\xa6]z11S-\x155\\\xca\xfb\x19L\xdd\xc5*\xe1\x15GF\x929J*[r\xe93\xdf\xac/\x1e\x93D\xf7oq\xfec\xd3E\x00\xf8Q\xbd\xf28\xdd\xfb\xfa\xb1w\xcfb\xf1\xfa\xfa\x83v&amp;\xc8\xef\x19\xf9\xb1&lt;2&amp;(\xddv\xa9\xf9{\t)OD\x14Z\xd5\xe4\xe5&lt;\x04\xb9a\x95\x8bK\xe4%\x92t\xc0\\T\xef\xf5A\xa0E\xd0!U\xc9A\x14\xe6\x19JW\xe8\xbc:\xb0\xc2XD1\xc7\r\x95\x1dW\r\x18e\x13-\xc7\x1c\x88\x14\x81W\xc7l\xb8\xebyJQK2\x134\x1d\xb1W\xe33\xdct\x11DY\xc5.&lt;\xe8p\xb4\xef\xb7\x8b\xc45\xf5\xd3\xb0p=\x96\x04\x9e\xf0\xc8\xe6\xddm\xd5\xa9\xd7\xfc\x89#q\x07l\xd0"\xd0\xb1\xe9~\xec\xb2\xedWl\xbb\x1a)\xbd\xf6[$F\xd6vP!\xd0\xa2\xf9\x9b:\xfd\xb7\xa9\x9dj&gt;j\xdf\xda3o\xadd\x9e\xa0@\x0f\x00D\xd9\xacd\xd2|\xd4~+\x97G\x12\xa2\\\xfa#\x00u\xef\xfcS_\xd3\xb2\x0c-\xfd/\x83\x8b\x9f(\xdct\x9e^\x12\xfe\xb0\xd8i\xb4\x82\x8e\x05#f\xfc\xfc%.\xdc\xdb\\aBG\x12\xe1\x0eI}\xbf-N\xae\xce\xfc\xbdN\xbfw`X\x1d\xa3\x8c\xf8\xe7K`\xfc\xa6\x07\xde~7\x06\xc5(\x1b@\xb9\x1c%m\xd9aDE\x8d^%&lt;\x99\xca,\xc7a\xb24:\x19\xf9\xda\x08d\xa84\xca\xa8$6\x93\xa8F\x80\x05P\xf0=\xb0\xed\n\xdfg+)\x90#\x00\x00 \x00IDAT\xe8d\x1f\xd9h\xe8n\xe72wyw\x00 \xae\x88\x06\x0f\x1a-\x91nCf\x8e\xf6\x0c\xcf\x03\xa9\x88\xa8\xf1\xd0\xddRy\x84V\xb2@\xe3\xd9\xba\xdeB\xb4)\xd5v\xa9\x95\xcb\x83\x81s?\x9b\x98gp\x05\x17\tRk\x964\x8d\xadl\x19\\{\xa1o\x1fl}\xd9\x00\x80\xb6\xae\x90\xbd\xcc\x0b\xf4\x92\xcf\xe5?\xdf\xbb\x85\x16\x17\xa3\xd8\xa07k\xf4\xcb\xccZ}&lt;_\xc2\xc2\xdcQ\xe5\x0b\xcb~\x7f\xf6\x1b\xe2\xe7\xebfD(\x93\xc8\xee]\xf1(\xc2\xfd C\xccl\xed\x15\xc7\n\xf1^\x1c\x85\x7f5"\xd2 x\xdb(\xd2l\xbe\xf5\xac\xac\xf4:\x00&lt;*H\x9a\xec\xbb\x13,\xcdt\xdar\xc3(q-\xd3\x97\xb7\x99p\xc4\xf7@~\xe9\x8f\x04\xf9{\x10%3\x9d\xb9\x8b\nq\x03-\x80\x8b\xdfHY\xdf\x96l&gt;\xfdU\xa7\xc5yb\xb0\xd5{\x19\xbc[z\x96f\xa2F\x11{\x8bY{~\xe2\xbc\xa4\xc1\xa0\x88\x9d\xa1h\x99\xdb\xbc\x93z\xd1A\xbe\xe9\xeb\x87h\x9b2\x84\x88\x14.\x0e\xe0\xd7\xef\x9d\xc8\x8c\xb7&gt;\x8aV\xda\x019\\8IR;P%\x0b\x8d`\xa5.k\xed\xce8\x90\x8a\xa6\xfev\xf5NDDG\x1e\xd9\xd5\xa3$\x94\x1f\xe0u\xf9\xe9\xaf\x90vv\x00@6\x1b\xa3(lu\xdfw\x1d\x15u\x8a\xb8\x95\x89\xa8l\xfb\x15\x8cS\xc6=BX!\x98\xc7I\\\x18Y?H]z\xb0s\x82h\x90\xb8\x90I\x8d\x13\x97\xc8\r\x00\xa2\xf4U\xba\xad\xb7\x9e\xd5@&gt;\xff8\x82O`\xeb\xc5\xbd\xa7\xa4w\xcd+\xc9\xc0b&gt;\x11%\xab\xabr"\xbd\xc6E\xb9\xebN\r\xf0ne\x8a\xfaD\xe4\x8f\xc5\x8f\xb4M\xdc\xefQ\x93\x10\xc7K\x88Y\xce}\x05\x91\x9d\x04\x8e\xe6\xceS?f\xed\xfe\xd1Q\x19\xb8)(\xfbmt\xf1\xdc?\xd4\x1f\xb4\x93}\xc2Y\x05\xb7\xfc\x0e\xe6\x1d\xa9|/0\x1d\x9c9D\xb5\x1e\xc6Bi\xd5\x1d\xb0}\xd9\xf1\x17\x96\x8b\xe5\xd4\xd5\xa0\x1a\xbd7y\xff\xccd\xb9\xd0 %\xf0=\x9c\x1b\x12\xd1\xc5:\x00\xfc\x10\xb6\xdd\xef\x84\xfb\xb9\xbc\xbe\x0b..:\xfc\x07Q\x86\x16\xa3\xf7w\x9e~\xda\x7f\x05\xc7\xaa\xe0\xbf\xb2\x98D/\xa3q\x92\x15\x00\xce1\x82\xcf\x1eFDTU\x8b\x9a\xa9\xb5\x89\xcb\x0b5\x9dk\xa74\xef.\x81\xef\x95]\x82\x8c\x9c\xddg\x9d5s]h\x15\x7f\x05\xacM\xa8}:i\x91\xbe&lt;\xb9\xac&lt;\xf9\x8a\xe2TR9\x99\xdf\x90@\x91\x05{\xbf\xf6\xc8\xd8v\x04\x95\xe2U`%\xf1x}\xb7g\xb5\xc3\xf95RU\xd2\xf8\xd3\x84\xc9v\x82\xa16\xfe\x1b\xe1\x85&amp;\xc0A\xae\\l\'\xc3{\xaa\xd8\x92\xa0:\xc5,\xc7&lt;#\x06\x833\x89q\xfd\x97\x01K\xaeR\xea\x86D\x94\xa9\x8a5\xd7\xf6\xb1+J\xb7-\x9d\xe9\xcc\xa2\xf8\xcd\x15\xb3\xe9\x82\xd2\x96\x1b\x96\xa7\xde\xf4{\x11\x97\xe7\xd1J\xad\xe2\xdf#v\xceN\xe6J\x17\xe9&gt;\xfb\x9c\xc5\x1c\xc8`\xb4\x83\xd5\xa7\xff\xb6^\xa2\x16i\x1aK\x7f\x8d\xd9p\xb7\xf5\xb8Cz\xd7$\x7f\x1b\x04}\x98M$\rH\xa9\xef\xad\x1b\xb8w\x9c\xda\xfd\xb6\xb2O\xf8Y\xe3:\xa4&lt;\x00\xa2\x1c\xec\xb3\xa9\x1b\xdaXT\x9ezz\xb1\x8fB\xca\xffe\xa4\xa2\xe7o8\xd3\xf3\x97|\xb9\xd2\x88\xa1v\xcc\xb26}]y\xed\xc8D\x879{\x7f&amp;"\xa2\x8cNd\xbe\xe1\xb3\xffl\xd9\x8f\xef8\xe5\x84)\x9f\x1e\x06\xd0}eA\xd4b\xaaj\x99\x19 C\xa5\xd1\xb2\x8fq\xdbU\xbf\xdd`Z\x7f\x15\xa4\x8ba\x87e\xd6\xd9x\xde\xed\x80\x83\x86\xe4\xc5\xfb\xdb\x9a_J\xebYL\xd8\xfcP\xed\xd4+y\xa5aF\x80).\xad^\x8b\x0f\xff\xc1o\x0e\xab$\xbc\xe2\xc8\x9b6E\xd0,\xd7a\xa5\xe4\x97J\x13\xe0]?\xc8\xcc\x9a\xbc\xc6\xc8\xda\xce\x16ITH-\xfdq]\xcf)\xd2\xfb\xc0W\xff\xc3\xa4\xad\x8f\x88Hg\xd6\x1b0\x12\xf5\x99\x7fa\xc7\xf5\x00\xbc\xa9\xd7\x80Cc&amp;\xe7\t[~\xe2\xa5\x7fJ*\xd0h\x96^\x12["\x87&amp;)\xddn\x99\xe0\x14o\xb6g8\xab\x03\x00\xd7?\xd7;H\xca\x92\x03\x1d\xca9{\xcd\x89$L\x02bG(\xf5p\x0e\xe2\x00\x9c\xfd)`\xb5-M\x99!\x9e\xbf$\xda@\x0b\x0e&lt;\x15\xfe\xa8\xd9g\xb3\xffEz\x7f\x08\xc9\xde\xc1\xdaH\xdf\x9e\xf8\x92jD\xcb\xdc\xe63=w4\x02\x05\x1b\xcffl\xee\xa4\xa8o\xe3\x14j\xd9\xb1\xbf\xd4O&amp;NYb\xa0wu=*\t\x9f^\xd2:V\x8a\x8b\x9d\xb3\x93\xbaN\x86c\xc4\xadD\xb1+\xf8e\xe8\xe0\xef\xe5\xe5\x94%\x07\r[u\x93\x88\xa6\xed\xfcV71\x80\xc6\xae#h\x17\xa3\x00 *\xa0&lt;\xae\x13\xc6 N%\x00\x83\x96]wJ,\t\x1f\\\x90\xb7\xa7\x136?$\n#\x8ao=\xf3_\x99}I2K\xed\xa0\x97|\x86R\xa7.=D?\x91\xad%:\xcdg\xbf\xd96Dk&lt;,R6m\x86bo,=\xf6\x97u\x8b\xe1\xe3O\xc0o\xb9\xc4C\xbd\x81;\xa4?\xbb\xce8CD5zmRI\xee \x00\xd6\x9cy\xfb\x04\x08Z[ w\t:x\x11\x9c\xb38\xf3\x86\xaco+\x86k\x9f\x8e\x96\xb9\rSrNei\xdb\x010r\xed\x97\x91a\xd3%7\x7fRS\xf7\x12\xcd\xf8%\x01%vE\xe3.vc\xea%PQM\x080y\x89\x12\xe9\xbdS\x99\x03\xe7\\j\xe9\xf27\x9c\xc5ie\xb7\xe4\xe8s\x9edL\xb4\xc7\xd3I\n\xf71\x9d\xb3\x05\x8a\x89\x7f\xbd\x15\x15\x9d\xec\xd8/\xb7\x95\xa8;?\x07\x11\x01\xe8f\xce\xfe\xc5\xc5E\x8f\xe0Q\xb2\x88`\xfb5\x1b;`\xb5\x05\xae"\xa6w+\xdf\x02\x8avSc\x8a\x93\x88\x0cv\xc3\xfe\xf7u\xacM\xba\xf2\xc3\x01\x1c}\xa4u\x0b\x89\n\xf6\n\xb2aS\xc64\x9ak\x0fqruv\xael\xe3\x8fB\xc7S\xa9\xed\xcf6${\x87\xc0\xdb\x9d\x07%\xf5\x06\xee\x90&lt;\xed\xa8\x81\x14\xc5\x85\x87\xd1\xeb\xef\x04Z\x84w\r\xf5\xe6&amp;\x8d\xd20`\x00\x9f\x97MS\xe4cK\x92\xa0\x9a\xb6\xcf\n\x91\x1b\xaf\x90\xb8P\xef\xc2M\xe7\xf6]p\xc9H\xb9\xf6\x8c\x8a\x8c\xb6\xda\xb9\xeaL\xb5\x90UZ\x8b1\xea\xf9\x88\xc5\xaf\xcd\xa0\x9d\xf2\x91\xc1\x87\x93\xad\xc6D\xc6Q\rKB\xee\x05\xd5&gt;\x0b.\x1a\x92\xc4\x0f\xfc\x10\\c)6\xbd\xe7_P\x1e\xcc]w\x9a\xd5|\x83n"\xee\xa2`\xb6\xa8-\x1c\xd6\xc4We7\x92qW\xf3K\x8b\x95\xb3\xa3\xdf$\x91\xf2\xd1\x17\x0c\xa9\xe0\x8b\xdde\xf2\xeaXv\x9fu\xd6P\xe9_\xfc\x8d\xc3\x0f\xf1X\xe7\x92(\xfc\x19\xba\xa8\xb1F{\x04\xe0\xdb#n\xb9l\xb4\n1\x1c\xca\xc6\xcf\xd7\xdd\xae\x88g.\x86Ie\xa7\x9d$\xf3\xa3N[n\xb8\x8dE\xb8\xd8\x86_W\xdb\xbc\xfe%x\n\xd5H\xd3d\xf8^\x8b\x82\x0cX|E7\x8d\x95 \xe7\xda8\xd9\xfb\xaa\x10\xbf\xda\'?\xd8S\x96\x89\x81\xb93\xee\xbbmP\xe4\xd9\x7f7\x12L\x8f\x94\x8cZ\xf7U\xa0E\x08\x18v\xf8\xd6\x0e\x80\x19.9nOH\xcf\x01\xc1\xdd\xd5\'?j\r\xfa\x1d\x95\xc1\xc5(\x89\x02-@\xa0\x89_M7\t\x00\xddu\xda$\x85\xfbT\xe8\xb4\xcaw.\x12[\xad\xba\x0b_\xc2\xda\xb3\xff\xa8\xe5v\xf8k\x8d\xef\xc4t`s\xa3\x1e\xf0\xb9B=\xc6\xcf\xd7\x9d\xf4&amp;a\xda\x9f=\x80\xa8\x99[\x07\x85\x93&lt;_\'M\x9c\x08ww\xe7?\xff5m\x92\xa8\x06Df\xfb\xe3\xa6#\xac\x8eb\x03\xc2\x8a\x93/e\xc6\xeb\x91\x05O\xffg*\xc8\xa3\xf5\x8e\xd3\xed\x80]\x88\xa8\xb8\xf6\xc1\xab\xf6D\xd8\xcdo\xf4\x82\xda\xfd\xb6Y)O\xa8\xd6B\xfd\xee8\xe5\x84x\x10\x00Q&lt;+9\xb3\xe0q\xc9\xcbX\x076\xda\xc3\xddz\xcb\xbbC9u\xc77\xda\xfe\x8cbfo\xafq6${\x87\x81K\xaf\xa5(1\x80_6\x1b\t\xc9\xde\xc1b\x0e\x00\x92\x15\xeb7t\xe5\x17\xb6\xc8\xc3C\xffE\xb2\xf5\x1b\xd5)\x9d\xac\xc1\x8d\x9b\xa7\x8b3\x12\xb9\xe8S\xb2\xcd\x12""*\xcc:\xa9\x1b\xf8\x929zNk\xa4C\xcdS\xa3\xb7\xeb~\xe0}"f\xb6\xf6\x01*9\x89}\x11#R\x18J-\x1bcjNd\r\x93\xb0@O\xce\x94\xe1\x15GZ\x1b\xf0\xda\xe2\xa9GF\x90zP\xdaa\x87\x9a:\x00\xa6\x89NX\x99\xa1\xb2#\x85\x9a\xce\xb5n|&lt;r\xed\x97\xd2\xa2\xfb.TU\x8b\x8b\x93\x9b\xa1 \xad\x16\x88\xa5\xed\x84\xa3\x16\x05\x8b\x0c\xa4WS)o4t\x97\xf0G\xed\xbe*\xeeu\x1d\xa3J\xf7\xf5j\xa7r\xd6\x9e\xac~\x9d\xae\xfd[\x04\xee\xf472\x12\xc7\x89L\x0f\xde\x0fp=\xd0P\x915Bf\xd9o\xa7\xab8\x87\x8b;\x1fl\x92\'\xd1\xb9_\xf0\xed{\xf5\xe9\xa6n\xa4y:\x06QN\xce\x9c:M;\x95\xa3\x96F\x03\xeaa\xf3%c\x8f\xf7\xe2\xef\x9e\xfe~\xf8\xea[\xddf\x9e1t-Q\x10\x04\x8b\xf4\xe5,\xa7\xc3mg\xbd[\xa4)\xd4$\x00\xd1\x15\xf37\x9c\x05\x80(\xbb\x89ke\x1eH4\tu;\xe0\xc8H\x02\xa3f$\x1a.\x9dE\x00\x14o\xb9\xd0\xacH\xfa\x88QNY\x84\x91mzg9\x89\xb2\x97m\xbf\\\xfc\r nn\x95%\xbe\x98eK\xb6^\xcc\x9f\xb5Lw\xba\xde\x00\xfe/\xcd~\xfe\x13\x1eW\x94\x12\x01*?\xab\xa3\xb9\xf7\x9a\xfb\x99\xa3\xf9{I\xacq\xae\xd9\xc8\x8f5\xaf\x8d\xe9\x89*H\xd4`\xd0\x87D\xaey\xc9\xbb\x03\xa3-\x8a]\x91\xfbj-\'\xfcc7\xde\xa3\x84\xd5\xb5\nr\t \xda\xbe\x08\xa4\xd8\x1e\x00x\xd0R\x7f\xb8\x87\x14\xc8\xd7`F\x86J\xa3\x88h\xdd\xb9\x7f\x84\x88I\xf9\x1a\xcc0\x9aI\xca\x92\x83\x88\xe2w\x98|\\y\n\x127\x99\x00(ne\x9f\xd3\xd1J\x0b\xff7\x1a\xba\xcbw\x04\x1aK\xa38\x00\xfb\xee\xf8\xbc\x1d\xcd!\x85\x9fP\x1d[\xc8)P\xb5\xfb\x06\xbb\x0b\xf7_\xdf\xaft\x9d\xc6\x1dR0\x04@\xc3!\x1f\x19/\xb3P\xde\xfa\xbcu2o}\xbdH\\F\xa8\xd2}\xbd\x03/+XHZ\xb4\xef\x8d\xd7 JBD~1\xec\xd6\xa6\xb8\xa3]\xa0\xae\x9e\xa37\xbe\x88Kp\x10\xcc\x03\xa2\xab\x7f\xa9\xca\xf6TG\xecl\xb2\xdfB\xb7\x173[{\x87\xef\xd7\xa8Z\xa6\xb3\xb3:\xdbIQ|@\xcb1\x078\x13\xe7\xae+\xae\xf0\xe7:\xf4\x10\x94\xae\xa9\xc5\xd2\xf7\x05\xceX(u\xe9!\x9d\xa7\x9f&amp;"J\xae3\xe9\x14,@(j)S\xb1I\x8aR\xe2Z&lt;U\xf4\xcb\x7f\xed|\x14\x00\x8e=\xb6\x94a\xa6*c\x88(]y\x7f\xdb\x98\xf2\x18#\xbd\x02J\xb4\x12\x97\x9dT\x9dh\x1a\x82i\xe1\xc3GN\x00L\xaf\x00\xf6\xa0\xf3\x95I,\x1al\xb59va\x90\xba\xd4`\xcd\xf3\xf9\x82\xb9\xf7%"\xa2\xe2\x82q\x8b)\xc2y\x12\x01\xf8\xf4\x17\xfb\x1f\xc2\xa5\xdfU\xf3\xac\xd0y\xf5\xf0U\xb7D}\xe9\x86C&gt;\xd20C\n6\x8a4\x9bo*"z&lt;\x00\x9d\xa7\x9d\xb2E\x06\xffTZ+\n\n\x00d\x06B\xc6`/,\x9b\x88\xe7\xc1\x8c\xd7\xc9@\\\x95\x01P\xa6\xdd2\xe3\x05\x11\x80\xf6\x93\x8e\x05g{\xb2\xe8\xf0\x1f\xb6\xe7i\xfaN\xf35\x98\xe1\x1d\xee8\x1bk\x8b\xd8Bz\xfc\x83\xbe\x04\x12\x17\xd2\x8ca\xe3b\x17\x1a\xba\x91~&amp;"6\x9f\x1f\xb9\xf8\xcc\xcf\x8dB2\xe9"34\x03\xb7\x01 \x8a\x11&lt;\xcd\x96\xbe$\x9e\x98t.\xda\x14\x02&lt;k\x9e\x86ITS\xe5-\xc46\x9a\x93\x89]m\x00\xd9jL\x14wL\x04*t\xe2sD\x13\xa7\xe2\xf2\xe3/\x88(e\t\xdd\xa9\x7f1\x8b\xd1\x0c\xa3en\xcd\x992O=\xcb~\x1c\xed&amp;x\xbew\x97w\x1e\xdb\x8d_)I\x11gC\x9dp~\x1e\xf5\x06\xee\x88\x96\xb9\x8dnX=\x00\x11&gt;&gt;=\xc8,\x9a\xf2\x02Xj22\x8c\x9d\xd1\xdc\x88\xe2\x00p\xd4\xa1\xff\xfbL\xa6*c9\xab\x96Z\xb2\x14\xc55-\xa4\x13T\xd78Y\xa9\xcbZ\x9e\xa2\xbf\xfa\x9f\xbc\xe8\xb8\xb9\xbbP\x8a\xfa&gt;\xca\n\xb1+\x12\xd1\xeaO\xde\xc8R\n\xb18\xb7_\xc5\xd0\x1578\xd7\x9fLP\xbe\xe3\xaa\xdcu\xa7Y\xef\xc32U\x19k\x8b&lt;l,(*\x1a\xba\xb5\x99\xbb~\x90\x1dIV\xb4\x9f\xe9\xa2]\xfc\xc7\x9f~\x19\x85u\x9dy\x86\x1c\x19\xf11\xfdx\xd8\x831ie\xcaV\xcc\xdc|w\rU\xf2\xd7\xb1\xb8\xb5\xf2\x0c\x8b\xb6X`\xeeB\xa7\xc7:&lt;$-\x1a\x988\x92N WxLQ\x9f[\x97*9\x11\x9d\xfaN\xbb\x0eh-i\xd6\x1</t>
        </is>
      </c>
      <c r="E429" t="inlineStr">
        <is>
          <t>&lt;class 'numpy.ndarray'&gt;</t>
        </is>
      </c>
    </row>
    <row r="430">
      <c r="A430" s="1" t="n">
        <v>428</v>
      </c>
      <c r="B430" t="inlineStr">
        <is>
          <t>steps_per_sec</t>
        </is>
      </c>
      <c r="C430" t="n">
        <v>6200</v>
      </c>
      <c r="D430" t="inlineStr">
        <is>
          <t>5.338204</t>
        </is>
      </c>
      <c r="E430" t="inlineStr">
        <is>
          <t>&lt;class 'numpy.ndarray'&gt;</t>
        </is>
      </c>
    </row>
    <row r="431">
      <c r="A431" s="1" t="n">
        <v>429</v>
      </c>
      <c r="B431" t="inlineStr">
        <is>
          <t>Loss/localization_loss</t>
        </is>
      </c>
      <c r="C431" t="n">
        <v>6200</v>
      </c>
      <c r="D431" t="inlineStr">
        <is>
          <t>0.0014688553</t>
        </is>
      </c>
      <c r="E431" t="inlineStr">
        <is>
          <t>&lt;class 'numpy.ndarray'&gt;</t>
        </is>
      </c>
    </row>
    <row r="432">
      <c r="A432" s="1" t="n">
        <v>430</v>
      </c>
      <c r="B432" t="inlineStr">
        <is>
          <t>Loss/classification_loss</t>
        </is>
      </c>
      <c r="C432" t="n">
        <v>6200</v>
      </c>
      <c r="D432" t="inlineStr">
        <is>
          <t>0.12583373</t>
        </is>
      </c>
      <c r="E432" t="inlineStr">
        <is>
          <t>&lt;class 'numpy.ndarray'&gt;</t>
        </is>
      </c>
    </row>
    <row r="433">
      <c r="A433" s="1" t="n">
        <v>431</v>
      </c>
      <c r="B433" t="inlineStr">
        <is>
          <t>Loss/regularization_loss</t>
        </is>
      </c>
      <c r="C433" t="n">
        <v>6200</v>
      </c>
      <c r="D433" t="inlineStr">
        <is>
          <t>0.03700034</t>
        </is>
      </c>
      <c r="E433" t="inlineStr">
        <is>
          <t>&lt;class 'numpy.ndarray'&gt;</t>
        </is>
      </c>
    </row>
    <row r="434">
      <c r="A434" s="1" t="n">
        <v>432</v>
      </c>
      <c r="B434" t="inlineStr">
        <is>
          <t>Loss/total_loss</t>
        </is>
      </c>
      <c r="C434" t="n">
        <v>6200</v>
      </c>
      <c r="D434" t="inlineStr">
        <is>
          <t>0.16430293</t>
        </is>
      </c>
      <c r="E434" t="inlineStr">
        <is>
          <t>&lt;class 'numpy.ndarray'&gt;</t>
        </is>
      </c>
    </row>
    <row r="435">
      <c r="A435" s="1" t="n">
        <v>433</v>
      </c>
      <c r="B435" t="inlineStr">
        <is>
          <t>learning_rate</t>
        </is>
      </c>
      <c r="C435" t="n">
        <v>6200</v>
      </c>
      <c r="D435" t="inlineStr">
        <is>
          <t>0.07996947</t>
        </is>
      </c>
      <c r="E435" t="inlineStr">
        <is>
          <t>&lt;class 'numpy.ndarray'&gt;</t>
        </is>
      </c>
    </row>
    <row r="436">
      <c r="A436" s="1" t="n">
        <v>434</v>
      </c>
      <c r="B436" t="inlineStr">
        <is>
          <t>train_input_images</t>
        </is>
      </c>
      <c r="C436" t="n">
        <v>6200</v>
      </c>
      <c r="D436" t="inlineStr">
        <is>
          <t>[b'640' b'640'
 b'\x89PNG\r\n\x1a\n\x00\x00\x00\rIHDR\x00\x00\x02\x80\x00\x00\x02\x80\x08\x02\x00\x00\x00\x83\xaf^t\x00\x00 \x00IDATx\x9c\xed\xddg\xbc\x1cU\xdd\x00\xe0\x13 \xf4\x10 !\x01B\r-\xd4\x84@\x08\xa1\x97\xd0Az\x0b\x1d\xa4\xf7\x0e\xd2A@J tD\x94*"\x8aT\x95\xa2T)R\xc4\x17P\x10)6T\x04\x14\x85\x97\x17\xb1\xcc\xfba\xee\x9d;\xbb;3;{wo\xd9\x9b\xe7\xf9rg\xce\x9c\xb6{\x7f\xbf\xf9\xef\xcc\x9c9\'\x84\x94(\x8aB\xbe\x82\xa3\xf1\xa1\xf3\xee\xf8\xdd/&gt;\x8f\x92l\xe9\xfc\xa9\xed\xa5\n\x9aHr&amp;\xf9\x9f\xf9 \xde\x98\xbf\xaa\xf5(\x8a\xc2\x02\xdbV\x16]\xa8\xb8\xe6&gt;W\xfc\xf5\x02@\x08!\x84\x99\xd6\x9ea\x89\xdd\x1b-T&amp;\x84\x9ft\xfd\xabg\xdc\xf2\xeb(\x8a\xb68\xe2\xb6\x12\x05\x87$[\xeb\xec\xf3\xd5F\xfb\xd3k\xca\x04W\x01\x18\x80|sl\xd8\xed\xa2\xfb\x9e\xfbH\xe7\xe6*!\x840b\xeb\xba!\xe7\xad(\na\x9en\xb7\x08\x00\x03Df\xc8\xac\xbc-\xbcR\xef\xf6\xa8\x0flw\xfc\x9d}\xdd\x05\x00\xa6\x03w\xbd\xda\x15t\x87\x8e;8\xdeXz\xd3\xb3\xca\x94m\xc9m\xd5\xdb\x9e\xeb\x85{\xb33\xf4|\x13\x00\xd0\x8b\x1a\x8d\xc1\x1e\x85\x02\x00\xf5\r]\xf9\xe0~R\t\x00\x03\xdf\xe8\xc9\xa7f\xa4\x8e\xd8\xba\xd7;\x92m\xc8\xd8\x03\xfb\xba\x0b\x00\xd0"\xad\xbd9|\xcd\xc3\x1f\xb7\xb0\xb6v\xb6L_w\x00\x00\xda\xcd\\\xe3\x0e\xea\xeb.\x00@_[\xe1\x0b\xe7\xf5t\x13U\xb7\x01&gt;\xee7C\xc6\x0c^\x03\x18\xe8\x16\xdd%\xfe{\xf7/\x06\xe6\x19\xff\xa1w\xea|\xae\xfd/x\xbcwz\x02\x00em\xb8\xff\xd7\xfb\xba\x0b\xd3\x9d\x0f\\\xfb\x02\x0cl=}\x93\xb3%\xf5G\x9d\x06\x8d\x9e\xd2|m\x00\xd0_\xf4\xe7g\x8dq\xe8\r!\x84\xb0D\x7f\xeeg\x81\xcc\xd5\xa2\x00\xa0_K\x02p*\x12\xb7\x87\x8b\xefy/\xdeh\xafn\x03\xd0\xb3V\x9fry\xcf7\xd2\x9a\xf5z\x93[\xd0-\xa9\xad\x07\x0c\xa9\x9f\x05\x00hs#\xfa\xf1o\x11\x00\xfa\xb1\xd9\x96\xdb\xaf\xaf\xbb\x00\x00\xfd\xc2j\xf1\x9f\xb7{\xe6\xd2*}\xc5v\xca\r\xaf\x85\x10\x0e\x9f\xf6\xd3t\x86s\xbe\xf5NO\xb4\x0b\x00\xfd\xc8\'n`\xf6\x8c\x9e\xbe3\xfc\xc8\x1f\xfc\xe3\x00\x06\x90\xee\x85\x8dY\xc6\xec\xd3\xf2\x9e\x00\x00\xbdn\xa6\xb5z\xbe\x8dU\xd2;SN\xfb\xc1\x88\x89G\xf5|\xa3\x000\xfd9\xed\xa6_\x85\xe6o\x0e\xf7\xc6\x8f\x03\x00\xa6S\x83:7\x16lU\x8d\xf3M&lt;\xb2UU\x01\xc0@\xf3\xa11Y\xed`\x03Kb\x00\xb4\xbfA\xf5\xb3\x84\xc5z\xba\x13\x000}\x99g\xfc\xa1\xf5\xb2,\xdd\x1b\xfd\x00\x80\xe9MK^\x05\x1e\xb3\xf9\xd9\xcdW2\x90\xcd9\xb9\xb5\xf5\x99\x81\x12\x80\x1e\xd1.\x01\xe6\xc6\xa7\xfe\x13Bx\xf4\x0f\xd1"\xeb\x9d\xdc\x0b\xcd\xb5\xcb\xd7\x02@\x1d\']\xffjq\x86\x1b~\xf2\xef\xfc\x83\x13kR\x067\xd9\x9fv\x14\x07\xc5\xd7\xfe#4\x02\xd0\xb8\x13\xbf\xf6Je\xc2\xd0\xce\x8d\xd6,#\x98\x98e\xcc\xde\xad\xad\xb0\xe7\xcd\x92w Y\x9c\xb8\x17;\x03\x005\xb69\xf6;\xe9\xdd\xba\x91\xe9\xce\x97\xeb\x87\xae\x1e\nok\xefuMw\x8a\x8d\xdc&amp;\x84\x10\x86l\\\x95\xdc\xbaN\xce\xd7\xa2z\x00h\x0f3\x94\xcf\xba\xf9\xe1\xdfli\xd3\xcb\x15G\xaf\x86b[M\xe6\xe5\xba\xd5\xa5\x86]z\xdf\xfb\xbd\xd3\xd0\xad?u\xb5\r0\xd0\xcc\xd8sU\x97\t\xa2\xb7&lt;\x9b\x9fg\x865K6\xb4\xe0\x9a\xc7\x95\xcc\xd9\xef-\xd6\xd7\x1d\x00\xa0\xf7\x0c\xe9\xab\x86\'\xeezYzw\xf4\xe4\xd3\xfa\xaa\'-\xf1\x97V\xde6\x9f\xaduU\x010][\xb8T\xae\xe1[\x96\xc9\xd5\x1f\x06@=\xfc\xdbV\xf4\xa1\xf4U&gt;\x00\xd3\x91M\x0f\xbd\xa5d\xcea\x13\x0eo\xb4\xf2\xa6\x82\xe8\xa05\xba_\xb6\x9e\x05\xd7:\xbe6\xb1\xb3\xb7s\x17\x14&lt;\xea\x8a\xe7\x1bm\xab\xe8\x0e&lt;\x00\xd3\xa7\xc2W\x81[m\xee\xcdz\xaf\xad&amp;\xf4\x87+o\x00\xda\xdb\x95\x0f\xfe\xbd\xaf\xbb\x90a\xd5\x9d.\xad\x9b\xa7t\x14\x1c\xd9dg\x12{\x7f\xf9GY\xc9\xa3\xbb]\xe1;\x9d\x1f\xe1\xf4\x9b\xdf(\xc8\xb6\xdfy\x8fv\xbb\t\x00\xe8\xa6\xfb\xdfh\x8f\xcb\xcd\xf9V;r\x89\x8d2\x86\x8f\xbdU\xf3C!\x8a\xa2\xf4\xaf\x07\xd7\xd3\x00\xd3\xa3\xc3\xa6=\xdb\xf2\x00p\xdb\xf3\xd9\x15&gt;\xff\xf7$}l\xe5\x91\xd6\r\xc0\x9eq\xad&amp;+h\xee\xdb\xc8\x9d6\x0b\x00*\xc4\xf1f\xd4\xda\xc7\x870*/\xcf\xa0\xd1Sz\xb1G\xd5^\xf9g\xcf^ \x0eY\xe9\xc0\xf4\xee\xec\xcb\xefW\x9b\xe77\xf5\xa2r\x99\xb0\xbd\xfcV\xe7\xe5\x1d\x1a4z\xb7\xba\xc5\x01\x18Pz\xeb\xfe\xe7R\xdd+\x16E\xd1\xfb\xbd~\x87\xf6\x9fY-FQTr\xaaH\xb7\x94\x01\xa8g\xc1\xed\xcb\xe4\xea\xb5\x88R\xb7\xa1\xda\x0c\xe9\x94\xfd\xce{\xa4D#\xe3\x9b\xefF\x96\xe1Y\xcbC\xe5W&gt;t\xd3\xce\x84\x05\x1ao\x0b\x00Zc\x85\xea\x84a\xd9\x13q&lt;\xf8v\x14B\x083\xaf\x1bB\x08a\xf5\xfc\n\x97lE\xafB\x18\xbcN\xc1\xc1\xcc8\x9d$\xeeu\xf6C\xcd\xb4&lt;j\xed\x13\x9a)\x0e\x00\x8d\x1a\x14\x06\xad\x91\x84\xb1\xaf?\xf1y\xef\xf7`\xd9-\xce\xe9^\xc1x=\xa8\xae\xc0&lt;\xeb\xfa%\x0b\xce\xbc\xcc\xde!\x84%7&gt;\xa3{\xed\x02\xd0\x96\xea\xdeq\xbd\xfc\x87\x7f\xeb\x9d\x9e\xf4\x84\x15\xb7&gt;\xbf\xd1"Q\x14\r_\xed\x88\x82\xa3\xcd\xf5\x08\x00\xfaH\x14Es\xaex@*a\xe9\x9c\x8c3\xf5Fo\x1a\x95s_z\xdcv\x17\xc6\x1b\xffN\xbd\xe6[2Z7\x1a\xd4\xfd\x08\x00\x18 \xd6\xdf\xef\xfad\xbb\xcfO\xee\x1fVv\xa0\x1b\xf3Kg\x18\xb2q#\xb9g\xaf\xd8\xab\x99 \xf3\xf6\x17k\xbf\xa2\xb2\xbf\x15J\x7f\xbd-z\x8c\r@\xff\xb5\xc8\xceer\xf5I`\xee\xc9F\x97\xafM:\xea\xca\x17\x9a\xact\x961\xfb\x94\xcci2,\x80\xe9W\xeey\xbf\x8f\x16E8\xe5\x86\xd7FN:\xa67[\xec\xcd\xc8\xb7\xf8\x86\xa74\xdf\r\xa1\x1a` \xd8\xe7\xcb?.\xcep\xd2\xf5\xaf\x16\x1c\xad\x13\x0c\xca]X\xb7\x8bs\xbf\xfd\xdb\xbay\xa2(\xda\xe1\xc4\xbb\x92\xdd\x9f}\x92\xfd\xfd\x14|o\x99\xb3IgZw\x9f\xebJ\xe6\x04\xa0\x7f\x1a\x11B\x98k\xdcAu\xf3\xed\xfc\xa5{K\xd7Y4\xb7\xf3\x98\xcd\xcf\xaeM\xbc\xee\x91O\xc3\xa2I\xc0\xaey-8\x84=\xcfz0\xaf\xc2\x03.x\xbct\xc7:DQt\xe4\xe5\xcf\xd5\xcd\x93}`\x96\xf5r\xb2\xcd_\xba\xaa\xb1\xd9\xf9\x00\x98~,\xb1\xd1iQ\x14}\x9e\x11l\x96\xe8\x83\xde\x84\x10B\xb8\xe3\xa5\xa8\x99\x1b\xad\x8b\xacwR\xed\x08\xa6\x95\xb6\xb9\xa0\xb0P\xc7\x9c\x1eG]\xf9\xc2\x05w\xbe\x9b\xa4\x16w\xa3d\'w:\xf9\x9e2\xd9\xb2*\x1c\xfcf\x89&amp;\xda\xfa%1\x00J\x9bw\xf3\x9a\xa4R\xe3u\xbf\xf9\\\xd9\x98z\xefk59\xe7\xd9\xec\xf2\x1f\xfc\xb5d\xf1~`\x8e\xba9f[.c\xc9\x87Xm\\\x1f\xb6\xea\xe1y\x87B\x08g\xde\xfaf#}\x03\xa0?i\xe6\x8a3\x8a\xa20l\x8b&amp;\x1a\x9f?\x84\x10\xe6\xdc\xa8\xf6\xc0\xae\xa7\xde\xdfD\xb5\xcdX4+1c\xd4t\x08\xe1\x85\x7ft}u\xc9\xd5\xf3VG\xdd~\xff\xaf\x1a\xfbJg\\r\x8fd{\xbe\xd5\x8e,\xc8y\xc0\x85O\x8c\xdd\xf6\xc2\x86*\x07\xa0\xcd\x8c\xdd\xb6\xf8\xcem\xb5%7&gt;\xbdD\xae\x053S_\xfc\xb8"b\x15\xff&amp;\xd8\xe2\x88\xdb\x1a\xe8V\x13\xf2\xba\xb1\xfa\x94+\xbaY\xe3\xa8\x8c\x0506;\xf4\xd6\xecFKOf\t@\xfb\x89O\xf7\r]\x04\x97\xca&lt;s\xd1J\x06\xddn\xab`,\xd8\xd7\x1e\xfd\xbfF+?\xea\x8a\x17\xca\xac\x9a\xf0\xf3O\x9b\xbbC\xd0\xf5)J\x0f\xbfZ|\xca\xd2\x9b\x9eU\x91\xb2\xd0\x8e\xdd\xee\x03\x00\xfd\xce\x9a{\\\x1dB\xd8\xe3\xcc\x07\xe2\xdd8N\xbc[\'\xbe\xce\xb4\xe9\xa1\xb7\xfc\xad3\xaeDQt\xc8%O\x17\xe4N"\xe8\x89\xd7\xbd\xdc\x82\x1eW\xd5\xbc\xe8.\xcd\xd4P8\xf3Fr#z\xb6\xf8\xcf"\xeb\x9d\xdcL[%y\xd3\x17`\xe0\xab9\xd7\x8f\xabN\xc9\no\xbb\x9cr\x7f\xd49\xddq\xb2\xd1\x1d\x0bl\x17\xff]s\x8f\xabR\x95\x94\\\x1fwD7\x1bMYe\xc7K\x9a\xaf$\xb6\xfa\x94+^\xf9,\xfak\xa3w\x11\x06\xaf]\x98e\x96\xaa\xfd\xe3\xaf\xfdy\xbc\xb1\xd4&amp;\xd6M\x02\x18X6;\xec\xd6\xfa\x99\x9a\x9bF\xb1\xf1\x80\xdd\xf5BT\xf1\xfb\xca\xe3w\x9c\x9a\x95&lt;\xaa\xb0\xf2\x8au \xa2(\na\xe5\x06\xba\x16\xc2\xc5w\xff9\xc4\xef1\xe7\x88\xa2\xe8\xfc\xef\xfc&gt;\xb4\xec\xd2\xb6\xea&amp;v\xc6;\xd3\x00\xf4wy!a\xa3\x83n,S\xb6\xd1\x88\xb2\xfan\xdd\x1d\xb8\xd4\x8b\n&gt;Wvz\xc72\x0f\xb3%\t\xbf\xcfY\n\xa9\xfc\xd7u\xcb\xb3\xa6\x89\x06\x18\xe8\xfa\xc3\xf9\xbd\x15}\xc8\xb8#]\xf7\x0e\xf3\xb3\x7f\xcd\x1d}v\xce\xb7\xde\xa9\xd3\xe0\x1c\x93\x0b\x0e\xae\xb5\xe75U)\x8d~\xc6c\xafy\xa9L\xf1\x7f\xf4\x83\x7f\x1f\x00\r\xab&lt;\xad\x8f\n!L\xbb\xff\x83t\x86\x05\xd7&lt;\xaekg\xd8\x96\xbd\xd3\xab*\xaf~\xde\xd5\xc9\xb9\xc7\x1f\xd2\xaaj\xd7\xdd\xb7j.\xe5q\xad\xaa9\xcb\xb2\xf1\x9f\x820\xfcvwCi\x7f\xf8\t\x05@\xe3fX\xa3*a\xf4\xe4R\xeb\x01\xfc\xbbg\xcf\xfb3\xd4\xcd\xb1\xd5Q\xb77\\k\xce\x9b&lt;\xf9\xb3E\xce\xd8p\x13!&lt;\xffQ\xc77s\xca7~\x19o\x9cq\xcb\xaf[2\xab%\x00\x03\xd2\xf8\xf8O7\x83A\xe7\x90\xe6*\xa5j\xeb\x1c\x0c\xbc\xc7\x99\x0fT-u\x90\xe9\x7f\x0b\xeb\xbc\xf4\xbe\xf7\xeb\xb7X\xc2\'\x9d\xad\x0c^z\xaf\x82l\xa9\x0f\xb8pq\x85\x17\xdd\xf5\xa7\xe2\x0c?\xfe\x9d0\x0c0\x1d\x8b\xa2h\xdc\xf6\x17\x1dv\xe93\x99\x87\xba]\xedB\xeb\x9cP\x9b\xb8\xedq\xdf\xadM\x8c\xdf*\xce\x1c\x0c\xd5\xaa+\xc5\x8ezFn\x93\xa4|\xe1\xe8o\xb7\xa4\xe6|s\'[\xc9\x05\xf72\x9b\x9d\x9d\xeeOz\xb2\x8e\x95\xb7\xbf(\x84\x10\xc2rq\x86y\xc6\x1fZ]\xdf\x02\xdb\xf6TO\x01\xe8\x05\x7f\xaf\ti\xcf~X\x1b\xe4\x86U\xed/\xbf\xd5\xb9U)\xeb\xee\xf3\xd5\xca\x84\xcc\xe9\x94c\x83\xcbv\xaeR^\xf4\xbd\xfd\xc5\xf2Qyd\xc9|\x9f4\x11\xe9\x8f\xbc\xfc\xf9\xaa\x94\x07\xderi\x0b@\x85\xd9Cg`K\x96\xdc\xc90j\x87\xea\x94\x9c\x1b\xceu\x14\x8e\x1c\xee\x9e\xcbZ\xbeJR\xce=\xf0\xba\x17\xdf\x8d\xcf\xe8Y\xfd\xb3&amp;\xf6\xfc\xdf\xf3j\xe8z.~\xc9\xbd\x7f)\xdd\n\x00\xfdO\xb7\xee\xe8.Txt\xb5ntc\x9d}\xbe\x1a\xc2R\xc9\xeev\xc7\xdd\x19o\xb4vh\xd2b\xeb\x7f\xa9\xfb\x85\x17\xd9\xa9^\x8e\xech\x9a\xe7\xe0\xa9Ou\xa3\x17\x1d_\xc8\\\x9bt\xa3,\x00\xfdHf\x84\xeb\xdb\x11\xb9#V?*\xd9\xde\xeb\xec\x87*WAX\xbe\xaaoKmrf\xa9J\xe7\xda\xe4\x87o\x96\xfaP\xe3:\x9e\xbc\x86\x10\xc2\x9d/7\xf6=\x1c\xd79Od\xa3R\x1fj\xe92\x8b\xfbFQ\xb4\xe4\xc6g$C\xac\x01hW\xc3&amp;\x14\xad\xf7\x9e\xe7\xe1\xdf\x94\xca\\\\\xe7l\xcb\xef\x97\x9bm\xb1]\xb3\xcb\x94\xb8\xfe\xeb\x93\xdf\x10\x0f\xbd\x93=\x01V\x9e\xa8SW\xd2\xe29\x1f\xb9F2\x8ck\xa1uNl\xa0\x8b\x00\xf4\'cC\x08\xb3.\xbbo\x08\xf3\xf7D\xed\xe9\x18\x13EQ\xfc\xd4\xb9q\xc3S5$F\x17\x16\x99%\x84\x10f*^\xed\xa0\x94_\xfe\xbbd8\x9f5\xbd3\xf7\xca\x87\xa4z\x9b}g\xbef\xa8\xf9|\xf5f\xae\x0e!\xccS\xae3\x00\xb4\x81\xe1\xb5Ik\xefumzw\xc4\xc4\xa3\xba9\xf0*\xcb]\xafV\x87\xb4\xcb\xbe\xffaf\xce\xcc\xe9&gt;\xfe\xe7\xff\x1a\x1b\xeet\xdc5/\x85\xcc7yB\x08!\x9cv\xd3\xafB\x18T\xb7\x92\xaa\xe6\xde/=\x15v\xb2J\xf1\x0b\xa9\xd1UuW\xb3\xc8\xab|\xd0\xe8)\x05G\x01h\x0fs\xaex@_w!W\xd5\x1a\xc3\x07\\\xf0xh|\x15\xa6$\xcf\x1a\xbb_\xb9\xcb)\xf7\xb5\xb4\x83\xf5\xa4/\xbe\x17\xce\x18\xc3u\xe4\x15\xcf\x17~\x84\x8c_Ei_\x7f\xe2\xf3\x10\xc2\x92\x1b\x9f\xde\xad\xce\x01\xd0\x0f$\xaf\xf0f\xc6\x83+\x1f\xf8(\xd9.\x08\x18\xb3.\xbbo\xdd\x86\xa2(\na\xf9\xdazj\x97%.\xac\xa6\xe0\r\xe3\xcc\x16;L\xda\xfd\xca\xda\x0coFQ\xa8\t\xf6y\xe2\xab\xcf\xea\x9aGl\x9d\xbe\xcd\xfeQ\xc3\xd7\xa6\x19\xd3D?\xfd~f%\x0b6X3\x00mc\\\xf1\xe1Y\x97\xdbw\xb7\xd3\x7f\x90Ny\xf9\xb3\xcaP1\xef\xe6\x99\x05\xa3(J"M\xda\xc9\xd7\xbf\x1ao\x1c~\xd9O\xd3\xe9?\xfb\xb8n\x18[.\x84\xb0\xfd\t\xdf\xab\x97-\xdd\x81\x06\xbc\x93\xca\xff\xcf\xca\xbb\xcd\xf1Z\x8d\xcbn\xf1\xe5\xbcj\xef\xfeE4\xef*\x875\xd4\\b\xe3\x83nJ\xed%\xcf\xcb\xeb\\\r\x030\xd0\xcd\xbc\xce\xccc\xf6\xce;x\xf4U/\x86\x10v:\xf9\xdexw\xf9\xad\xce\x8b7N\xb9\xe1\xb5P\x1d\xab\xaa\xdf\x9a\xed\xdeC\xcdY\x97\xdd\xa7\xfcM\xe9Uv\x9cZ\xb5\xd6S\x95)\xa7\xfd\xe0W\xf9\xb55\xb8\x9aB\xfd\xc5$R&amp;U&gt;\x14\x9f\xa5\xeap\xeeBIC7M\x86^\x03\xd0~f^f\xef\x9b\x9e\xfeoCE\n\xa2\xd1\xe7\xc9\xa1\xf9\x1b\x9b\xac\xf8\xf8\xdc\xf7hG\'\xf1i\x85\xad\xcf\x8f\xa2(\x9e{\xb2\xf6\xbd\xdb\xaf|\xf7\x0f\xf5z8w\x08\xa1\xea"\xbeX\xe5\x10\xee\xb2\xf3au\xaa\xb3&lt;C\xad=\xcfz0\xbd{\xff\x1b\x19?\x02\x16\xdf\xe0\x94F\xab\x05\xa0=\x9c}\xdb\xdbu\xf3DQ\xb4\xe2\xd6\xe7\xd7\xcdV\xb5\xc2\xcfw^\xca\xba\xc4\x9c}\xc3\xec\xc2\x1d+\x10w\xbd\xde\x93\x14\x99e\xcc&gt;\xf1\x0bT\xc5=\x0cab\x89&lt;\xb1\xa5\xd6\xc8xH&lt;|\xff\xaf&lt;\x1eB\x08aBq=u[Yf\xb3\xb3\xca\xe4\xbc\xed\xf9\xec\x00o\xd83\xc0@\xb6\xe3Iwg%g&lt;\xbb-\x90\x17*\xe2\x95\x7f\xf68\xf3\x81xw\xd2nW4Tm\x08C\x8b\xeb\x0f!\x0c\x9bpx2\xa9\xc89\xdfz\xa7*\xe71W\xfd\xac\xa0\x9f\x1b\x1e\xf0\x8d\xcc:\x1b\x8d|O\xbe\x17\xe7\x9f\xafL=\xe9K\xf6\x10\xc2\x1d/U\xe7\x998\xe5\xf2\x10B\x98s\xa3t\xe2c\xef\n\xc6\x00\x03\xd1\xc6\x07\xdfT?\xd3&lt;\x9b\x85F\x83\xd3\xa05j\xd3\x1a_\xa6~\xe6\xe4P\x99\xbb\xc1\xa3\'\x9f\x1a\xc2l\xe9\xc4M\x0e\xbe\xf9\xd1\xca\x00v\xf5C\xff\x08!\x9c\xfb\xed\xdf\xc6\xbb_\xea\xee\x14\x8fI\x7f\xb69\xf6;\xdd\xaba\xfe5\x8eI\xb6\xc7l~\xce\x9a{\\\x9dY\x7fb\xdcv\x17v\xaf!\x00\xda\xc9\xaa;_Z\x9b\xd8\xbd[\xa3eJ5\xba\x84\xdf\x02k\x1e\x9b\xde]\xa7zy\xc4"\xcf|P\xf3|w\xd4\xf6\x15)\xf3}!9R\x1c\xfb\xa3(\n\x0bn_\xbe\xe9Z;\x9d|o\x18\xf1\x85\xae\xdaBXj\x933\x9a\xa9\x10\x80~\xed\x8b\xe7?Z\x9b\x18\x0f`\xae1w\xfc\xe7\xc9?G!\x84\x91\x93\x8e\xae\xcd\x91&lt;\xf2\\n\xcb/\x176;\xa4\x81.\xe6Xz\xd3\xb3f\\r\x8f\xaa\xc4(\x8aBX\xb2r\xb7\xc2:{\x97\x8d\xd0U\x8b\x1fGQ\x949\xc3e\xaa\x89\xc2\x07\xcf\xb3\xae_\xb9_}\xb3:\xab\xc2\xdc\x9f,[\x1du{Q[\x00\xf4c3e%\xae\x9c\xde\xd9\xff+\x8f\x85\x10\xde\x8d\xa2\x10V\x88S\xba\xe2A\xce:}y\x01\xe3\xd1?\x14\xadXPr\xcd\xa2\x82\xb6\x06/\xbdg\xe7\xe6J\x13v\x99V\xa6oy]}\xe1\x1fM=j\x8d\xa2h\xd4\xda\xc7\xc7\xdbU\xbf\x0f\xbaZ\x1c\xb2qe\xa1\x89CW&gt;\xb8L\xe5\xfb\x9e\xfb\xe3f\xfa\x06@\xbf\xf0I#\xb7\x91\xf7;\xef\x91d;/tEQ\x14\x86o\x15Bk\xd6B\xa8r\xe8%O\'M\xa7G\x8d\xfd\xa3\xa23c\xe2&lt;w\xbe\x1c\x95z";\xb8\xa3\x9f=3\xd88{\xfd\x89TT\x9e\xb9\xb8\xfc\xc5w\xff9+yp\x13]\x02\xa0\x8f-\x13j^u\r!\x9c\x9a}\xe79$\x8b\x16DQ\x94~af\xdb\xe3\xbe[\xd0F\x94\xbat\x1e\xbc\xcc^\xcdt\xb7\xca\xeeg&lt;P\xb1?t\xd3\xe2.\x1d&lt;\xf5\xa9(\x8a\xe2QW\xddS3\xeeil\x08\xe1\xbb\xff\xd3p\xd8\x9erZ\x03\xef"\x03005{\xd97l\xcbg?\xac\xa8\xe1\xc4\xeb^\xee\xa8s\xe6uC\x08!\xac\xd2h\x8b\xc3V=\xbcL\xb67s3,\x92\xda\xae~\xc8\xfa\xa3\xdfu\x8c\xa2\x1a\xb3\xf99I\xe2{\x95\xab\xf3\x1eq\xd9s\x9dGV\raTC_\xd1s\x1fU\xcf\xddQ\xbc\xdeQ\xb2q\xe1\xf7\xfeX\xbe\x15\x00\x06\xbek\x7f\xf4Iz\xb7\xc9\x87\xa3!\x849V\xd8?\xdex\xb7x8q\xa6\xe1[\x85\x10\xfe\x95_\xb0\xf8\x8e\xfa\xd7\x1e\xfb\xac\xb8\xfet8\xbc\xef\xf5F?\xe9\x1c\xbf3c\x06\x00\xa5\xcd\x11*o\x14\xe7\xd9\xe4\x90\x9b\xd3\xbb\x9f\x97^\x137ON\xf1\x06\xd6\x1e\xa8\xaa\xe1\'\xef\xd5\xefO\xf9&gt;\xd7\xe6\xfc\xc6\x93\xff\xca\xcf\xbeL\xb2\x95\x9e1\xbbds\xd7=\xfaiC}\x03`\x80\x8b\xd7\x9dM\xab\n\xc3\x99f[n\xbf{_\xefz\xb96\x1dW\x96\xd8\xe8\xb4\xaa\xcc\xeb\xees]qm\'\\\xf7rmb\xe7\xad\xdd\xea\xfb\xdb\xf1\x1b\xc0\xb57~\xe3\x05\x13\xa3(\xba\xb9\xde\xc4\xd7\x1d\x05+\xe7\x9f\xaar\xefkQ\x08!\x0c\xd98\xdd\xca\xbd\xd9W\xcc\xf3\x86\x10\xeaNf\x99\xcc\x04b\xed#\x80\xe9H\x12En~&amp;\xfak\xcdEX|\xf4\xa1\xdfd\xafF\x10/\xcf\x17\xfb\xac\xde-\xe5\x92Wx\xe9l\xdf\xfci\x03\x05s\x8c\x9fk\xdcA\xab\xeetIm\x13\xab\xc7s=\x86\x10B\xd8\xfe\x84\xbb\xf2\xfa\x10\xba&gt;\xe6L\x05\x9d\xa9J_h\x9d\x13\xbavfY\xaf&amp;\xe7\x8a\x9dSv\x8c(\xa83\xd3\xd8m/p\xad\x0c\xd0\xd6\xe6\x0c!\xbc\xfe\xdf\x8a\xf1G#&amp;\x1e\x15B\xc8\x9dMb\x91\x9dC\x08\xcbmyn\xf6\xd1\x0e\x8b\x15\x1c+\x1f9.\xbe\xe7\xbd\xcc\xf4C\xa6&gt;\x95\x1e?U]\xf9\x8ck\xd5\xa6\xd7\xfe\xaa\xe8\x86(\x8a\xbe\xf7Jz\xe4\xd4\x8a\xcf|\x18\r\x19{`nOB\x08!L\xd8yZ\x89\xba\x17\xed\xdc\x18\x1f\xff\xb9\xe4\xbe\xf7\x93\x1a\xc6\xef05\xb3f\x00\xda[C\'\xf4\x8e\xcc#\xb7)\x91w\xe9\x905\x13\xd6\xc8IG\x87\x85w\n!\xdc\xf7zG\xd4_\xff\x8b\xd7\x97\xecR\x14EU#\xae\xf3\x1c|\xf1OB\x08W\xfc\xf0o\xf1\xee\x7f;+\\e\xc7\xa9\x99\xf9\xe7Xq\xff\x10BXl\x97xw\xce\x15\x0f\xc8\xcc\x96\x17n\xab:\x19BX`\x8d\x8a\xa91\xa7\xdd\xffA\x98w\x8b\x17?\x8ef\x19\xb3\xcf&gt;\xa9i4\xa2(J\x16\xa8H\xbf\x10\xbc\xe6\x1eW\'?2\xde\x17q\x01\x06\x9eW\xfeY\xf52\xccr\xf1\xed\xcdW?\xcf&gt;\xe9\xaf^\xb1\x8a\xd1\x12UGk_\xadIv\x97\xdc\xe8\xf4nto\x91\xf5N\x0ea\xbe\xca\xd7\x8a\xd2m-\x9e\xd9\xfa\x0e\'\xdeU\x9b\xbf\xac\x05\xb7+&gt;^=Cd\xf5\xd4\x92\xf5K5\x9a3\xb9{\x9f,\xcf\xe0"\x18`\x80\x88\xa2(\x8c\xd8:\x94[e\xa8Su\xf4\r9\x01\xb8\xe6\xe6vu\xfc\xc8L\x7f?\x8a\xbe\xf6\xd8gQ\x14-\xb0\xe6q!\x84[\x7f\x9aQa#qh\xdexA\xc3\x87\xdeI\x15\x99y\x9dds\xc6%wO\xe7~\xabD\xcd%\x9f\x04\xd7?:\xfb\x06\xc9\x08\xac\xdft\x1e}\xf2\xcf\xd1u\x8f|\x9a\xceu\xdc5/\xd5\xed\x12\x00\xd3\x91\xad\x8f\xbe#\xd9\xee\x8c.s\xd7\xa4tm\xcf5\xf6\xa0x\x16\xc6\xc1K\xef\xb5\xe3I\xf7\x84\xc6#\xd63\x1fV_^\xd7\xed\xe4\xdb9y\x9a\x98\xfbb\x86\x9av\x17\x88S\xe2\x15,j\xc6Z\xe7.\xba\x90\xd6\xf9\x03hl(\x1c\xb6\x96\xf9\xfb\x06\x80v\xd5\xc8\xa9\xbcl8\t!\x14\xdc8m\xa4\xc5ayM\x14T\x92\x7fh\xce\xda\xa4W\xffY\x93y\xfem\x8bz4\xd3\xda!LH5\xb1X\xd5\xf15v\xbf2\xde\x98}\xf9/\xd6\xf6\xaav\x1cY7.\xa9\x1b\xb9c\x01@\x7fR{\xfa&gt;\xe3\x96_\xd7-\xb5\xe3I\xf7\xecv\xc6\x0f\x9bo+\xd4[\xaf0)\x92zM\xb6\xda\xc7Q\x14\xc2\xc82m\xb5\xca\x82k\x1d\x17\xc2\xf2!\x84E\xd7?9\x9d~\xf5\xc3\x1f\x9f~\xf3\x1b\x99E:"\xe5";\x7f\x9a\xff+\xe4\xfbo\xa4\x0fU\x7f"\x00\x06\x8e\xda\xe1\xc7iq`(\x88(\x05e\xaf|\xf0\xef\xb5\x89O\xbe\x17\x85\x10\x06\x8d\x9e\x92\xa4\x8c\\=c-\xe1\xaa&amp;V\xa9|\x7f7\x84\xf0A\xe1\x95t\xe6uv\xf1\'\xcdk\xba\xd6\x86\x07|\xa36\xdb\xa2\xeb\x9d\x9c\x99\xb9dC\xb5m\xcd\xbe\xfc~\xa1#\xcc\x87\x90Z\xec!\xb9\x87\xbf\xfb\x19\x0f\x14\xbf\xeb\x05@?7\xa8j\x7f\xf02{\x15\x0cq\x1a\xb2R\xfc\x12\xce\xbc%*^\xa3bw\x81\x8e\xa1\xc5\x8bmpJ\xe3\x9d\xec\xb4\xd8\xae\xc5\xc7k\x87^We8\xfb\xb6\xb7\xf3K\xa7\xdf{\xce\xbe\xdd\x9d\xd9D:\xa52\xccw\xcc\xeb\xf9\xe7(\xba\xee\xd1\xff\x8b\x17\xfaM\xd6h\xaa\xed\xdb\xad\xcfV\xa4\x1c~\xd9O\xf3\xfap\xccU/V&amp;\xb8V\x06hO\xc9\xd2\x08iQ\x14m|\xf0M\xf1vz\xe5\xc1t\x86\xee5\x97.\xf8\x9f&amp;\x1ea\xd6\x16\xbc\xfe\xf1\x7ff\x1eM\x87\xc9\xec\xe6\x06w\x0c\x87\xae]&lt;8\xc9\xff\xf3O3\xfbY1\x14\xfc\xdco\xff\xb6\xe0Z\xfc\xd1?\xc4\xbbK\x15\x7f\x8a\xdcN\x1ao\x050`d^2\xf6\xfaY~\xee\x10Fe\xa5\xcf\xdahE%{&gt;x\xe9=KV8r\xd2\xd1CW&gt;\xb8\xb2\xdaI\x99m5\xfa\xa5\x8d\xd9\xfc\xec\x9a\xe2\x0bV\xe5\xb9\xfd\xc5\xa2\x1f\r\x8f\xffI0\x06hc\xc3C\x087&gt;\xf5\x9f0\xc7\xe4\xca\xf4\xd9B\x08#r\x1e\xd0f\xae\xc2{\xd1]\x7f\xaa\xd3\xd4\xac\xeb\x87\xce\xe9\x91\xa3(:\xe7[\xef\x14\xe4M.\xbeCX\xee\xb1?\xc6\xcd\xcd^\x9bm\xaeq\x07\xad\xf0\x85\xf3\xf2*\x99\xb8\xeb\xe5y\x87\xd2\xd2\x17\xc7\x87^\xfaL\x08!\xf96\xea\x86\xd5(\x8aB\x18Q\xb5|Bf\xa9\xc3\xe2\x9aK\xe9\xba\xc3\x9f\xd3\x01\xab5\x00\xb4\xb9\xe6.vW\xacM:\xe8\xa2\'\xf3r?\xfan\xdc\xd6\xe8f\xdam\xe8\xfd\xd7\x927r\x93\xb1N\x05\xd9~\xf4\xbb\xae+\xd4\xaa\xe7\xbeQ\x14%\x97\xaa!\x84\x95\xb6\xb9\xa0L\x7f\xd2#\xcb\xa2(\na\xd6\xa2\x9b\xe4C7\xcd\xab\x13\x80\x81`\xff\x0b\x1e\x8f7\x92\x18\x909\xf5\xf1\xbe\xe7\xfe8\xe4\x0fh\xda\xfa\x98;2\xd3;-\x97T\xbe\xda.\xd3\xf22EQ4r\xd2\xd1\xe9\xdd\xd5v\xb9,/g:b\x9d\xf0\xd5\x8c\x85\x0bC\xc7\'Z6\xde\xfe]n\xe4\x1e\x92\x13\xb3\'\xa6*\x19\x11Bx\xe6\x83\xe8\x80\xce\xef*\xf1\xc8\xef;\xcb\xa6\x06\xa0MM\xad\'\xf1\xfb\xd2?;\xca\xacj\x0c@\x1b\x8bG-\xc5Q\xe7\xc1\xb7\xa3\x10\xc2{M\\\x13\xe7\\\xc3-]\x91i\xf0:I\x86\xdb\x9e\x8f\xc6mwQm\xf1\xcc\xdd\xcc\x94\xf2\xba^\xa6\x9aa\xcd\xcc\x0c\xe9E\x8e\xe3\xa0\xfede\x14Lf\xd5HY"]$\xbd\xb1\xd5\x91\xb7\xd7\x1e\n!,\xbeaz\x10x\xf1d&amp;c\n\x13\x17\xcf:\n@\x1bYh\xc7\x10B\x14E7\xfe\xe4\xdfMD\xb8\x8c\x89\xa5\xca\xe8hq\xde\xcd\x0b\xf2\x9c\xfc\xf5_t\xaf\xf2\xd8R\x9b\x9cY\xd4t\xa57\x8a\x07K\xcf\xb6A\xe7\xd6&lt;y\xcd\x15|\x87\xaf\xff\xa7\xe6\xd0,\xeb\x86\x10v9\xe5\xbed\x18\xdac\x7f\xac\x1d\x16&gt;)\x8a\xa2_\xfe\xab#\xf1\x96g]\x1c\x03\xb4\xbf\xf8\\?|\xc2\x11!\x84{_\xcb\x8e=\x93v\xab\xbd\xf2\xab\xe3\xe5\xcf\xb2\x83\xc4\xca\xdb_\x1cB\x08\x8b\xecT&amp;\xd2\xd7V\x12\x97\xfa\xc9_\xb2\xca\x8e\xda!\xfe{\xdc\xb5?\xaf-\x92x\xea\xfd\xbca\xde\xf3g\xf6\xe1\xf5\xffV&lt;\xeb\x9dw\x95\xc3:\xf7f\xcb\xefxF\xbbY\xc6v\xe3\xe7\xceG^C\x02\x18\x98\x16\x9f\x12\xa5\xd6\x9c/\x98=\xaa x$\x0fe\x7f\xf6I\x0b\xa2EC\xa3\xae\xca\x18\xbb\xdd\x85\xb5\x89\x0b\xaf{b\xde\x0c\x1b9\x8d\x0eM\xefT=;\xdf\xbdp\x92\xced\xb8x\x13\x1fg\xc9d+\xbdH\x14\x00m&amp;\xbdzn\x14E!,\xd4\xdd\x9a\xc6\xb5\xa2;!\x84\xb0j\xcd\xf4\x93!\x84\xfb\x7f\xd5\x11l\xaa\xe6\x83\xaco\xe8&amp;\xf1\xfaB!#\xec\xadR\x9573\xeeN&gt;\xf0\x86\xf8&gt;A\xed\xa1d\xf7\x1bO\xfe+\xd9=\xf0\xc2\'\x92\xed\xa7\xdf\x8f3\xcc\x18\xe6\xfbBU\x8b5\x9d\xc9\x9e\xd1\xda\xfc\x1b\x00\x03M\xfa\xfc\xde\xfcY\xbe\xb2\x9en&gt;\x15\x0e!T\xbd\xe7\xba\xe9\xa1\xb7\x94/\xb9\xf0\xba\'\xe6u,\xcb2\xb5\xd9\xe2\xc5\x89\x0b\x86\x80\xedw\xde\xa3\xe5\xfbS\xa0\xce\x17\xbe\xf0N!\xcc\xdc\x92\x86\x00\xe8w\x0e\xb8\xf0\x89I\x19\x83{\xe7\t\x95\xe1a\xc2\xce\x97vn\x0e\xae\xca:l\xd5\xc3\x93\xed\xfb^\xef(2\xdb\xf2\xfb5\x13\xce_\xc9z\x84\x9c\xaap\xa6\xda\xa3\x93\x0f\xb8\xa1L\xcdQ\x14\xcd\xb6\xdc~\xc5\x19B\x08s\x8f?\xa4Lm\xb1\xa9\xf7\xfe%\xd9\xde\xed\xf4\x1f\xa4\xeb\xe99]\xf5\xe7\x0c\xea\x06\xa0\xbfk$T\x0c\xfa\xc5\xe7]\x99\x8f\xba\xf2\x85\xe2zZ\x1b\x84jW\xf1+\xa9\xb5\xdd\xa8z&amp;]\x7f\xfe\xaf\xac\xc7\xd8U]*x\xc5y\xad\xbd\xae\xc9\xa9u1\xf7\xa5\x01\x06\x9a(\x8a\xf6\xbf\xe0\xf1\x8a\xc1\xc6\xb3o\x98\x97y\xa3\x83n\xcc;4\xf3\x98\xbd\xe3\xf9&amp;\xe7_\xe3\xd8$q\xf0\xd2{5\xdd\xc1\x19\x9b\x89=\xf3O:&amp;3}\x97S\xee\x0b9\x8b\x03\xc6\xde\xef\x8c\x9dq\x86i\xdf\xff09\x94\xbe\xfe\xbe\xe3\xa5\xa2\xe1i\xf1F\xfcR\xf2\xd2\x9b\x9e\x15\xef\xbe\xf8qw&gt;NR\xdb\x9d/\x8b\xc4\x00\xed&amp;\x8a\xa2\x92W\x96\xb9\x81\xb3\xeb\xd5\xd8\x1csoV\x9bv\xc4\xe5\xcf\x95i\xb4E\xba\xd6\x16\xecv\xe4\x1e\xbd\xe1\xa9U5\x14\xccs\xf9j\xc7}\x82\x89!\x84s\xbf\xfd\xdb\x8a\xc3\xf3lV\x95\xb9x&lt;\xf9\xc2\xebd&lt;\xd2.\xd9\x13\x00\xfa\xaf\xccAX%O\xe8\xb9\xd9\xe6\xd8p\xd5\x9d\xe2g\xc6\x15\xeb\xee\x9dz\xe3\xeb\xc3W;"\x9dr\xf0\xc5?I\xd5\xd3\xc0\x02\x03\x1b\xec\xff\xf5\x12\xb9\xe6\xac\xd3\xcfJ\x99\xd9\x96\xdd\xe2\x9c\xcc\x9c\x05\x813\x95&gt;\xf2\xf0i\xcf\xbe\xf4\xbf\x15\xf7\x9f\xcf\xb8\xe5\xd7u\x1bM\xfbKax.Y\t\x00\xfd\xcf\xc2;\x85&amp;\xce\xe0\x9f\xa4\n\x8eZ\xfb\x84\x10\x86\x95\xaaj\xce\x8e\xb5\x86R+7t\xcc\xb08\xdf\xc4#K4[=\x10\xac@m\x7f\x0e\xbc\xe8\xc9-\x8e\xb8\xad\xf6\xe8\xc1S\x9f\n!\xcc5\xee\xa0\x9f}\\tU\x9a\xd25\x19\xd6~\xe7w\x8c\x8b\xbe\xea\xc1\xbf\'\xb1y\xe2\xae\x97\x95\xa9\xe7\x86\'\xff\xd5P\xff\xab\x8e&amp;/m\x03\xd0f\xa2(\xea\x981c\xf8\x96IJU\x86\xcd\x0f\xbf-\x84\xd5\x1b\xaf;s6\xe3L\x8d-\xfd[7\xb0]\xf9\xe0\xdf\xd3\xbb\xe3w\x98\x1ao\\\x9cZ\x1a\xa1\xc3\x1c\x93\x8f\xbd\xfa\xa5R\xad\xa4\x96X(\xee[\\\xf0\xad(JO\x16\x1dBX}\xca\x15\xa1\xe6\xb6\xf3\xb7\x9e/\x19\xef\x01\x18@\x92\xd1C\xc9+\xb0y\xb3L4\xa3\xb6\x92Qk\x1f\x1fB\x083\xaeu\xc8\xd4\xa7\xcb\xd4P&lt;\xb7T]\x87M{6\xe9I\xd2\x99\x91\x93\x8e\x8ew\xd3\x8f\xb7W\xd9qjm\xf1\x17?\x8eB\x98\xb1c\xa7c\xda\xea\x8cW\xa1b\xbf)\xbcA\x9dV\xfcU\xaf\xb8\xf5W\xea\xd6\x00@\xbb\xaa\x1b\'\x1a\x9c\xa3cP\xf9\x9a\x1b\xa9\xb6e\xe2\xd0\x98D\xd9\x13\xaf{\xa5UoO\xdd\xfbZ\xd41\xd3u\x87\xa2\x95\x8e\x86M\xe8zy\xfa\xfboT4w\xc5\x03\x7f\xcb+\xb5\xc4F\xa7g\xa6os\xecw\xca\xf5\x11\x80~#\x15l\xba\xa6\x9f\\s\xcf\xab\xb32\x14y\xeeo]#\x8fj\x0b\xb6$\xd0&amp;\xb7\x91+M\xc8/\xb1b\xd7f\xe7H\xec2\x83\xa7J\xf6v\xa5m/\xa8J\xc9\x1c\xb1U\xa6\xce\xf8\xe8\xe6\x87\x7f\xb3|\xeb\x00\xb4\xb7\x9c\xd3\xfdl!L\xa89\xb4dV\xce\x8az\xaa_\xb9\xc9\xb7\xd8\x06\xa7\xd4\xcf\x94\x98sr\xa8\xedj\xfe\xab\xc9U~\x93*\xb8\xf6^\xd7DQ4a\xe7ik\xefum\xf1\x8d\xe2\xf5\xf7\xbb&gt;\x84\xf0\xcd\xa6\x97:\x184z\xb7\x82\xa3c6\xef\x88\xd9\xb7\xbfX\xd1\xd0\x7f\xb2\xeeNW-D\xf8\xd2\xffF\x0b\xe5\xbf\xa4\x04@\xbfV\x19\x81\xaa\x97\xd8+\xbc\x1a[\xb12[\xfc\xc6\xd1\x88\x8a,sm\xd2\xb1\xd1\xb1\x08A\x87\xb3o{;\xd9&gt;\xf9\xfaWKw6\xc3\x85\xdf\xfbc\xfe\xc1\xec\x15\x03\xc7\xd6\\\xb9\xe6\xf9\xce\xcf\xeb\xbeh\x946(+\xb1\xdac\xef\x96\x1dru\xca\r\xaf\xe55\x97L\xbf\x95\xacN\x01@\x9b\x99e\xcc&gt;a\xd4\xf6W?\xfcq\x14ESN\xfb~\xf7*I.%[y\xfbt\xe6u\xe3\xbf;\x9etw\xd5\x91\xf4\xdaM}\xe2\x80\xce\xc5\x07K\x1b\xdf\xb91&lt;\x84p\xd8\xa5\xcf\xe4\xe5\xbb\xf6G\x9fT}\x87\xf7\xfcR\x88\x05\x18\x88:O\xf7\x8bf\xc4\xcea[d\xe5\xcc\xf6^_&lt;\xb9\x9c\xb0\xcb\xb4?\xf6\xc9\x13\xd3\xce\x1f\x07M\x9b#\xd9\xda\xe8\xc0\x1b\x8b\xa7\xc4\xcaJ\x9e\xc5\x03c\x806\x16\x9f\xc4/\xbd\xff\x83Uw\xba$}B\xbf\xf2\x81\x8f*3\x8e\xfa\xc2\xd1\xdf\x0e9\xc1\xe0\xedF"A&lt;At\xe7\xfb&lt;-\xd0\xd1\xa5a[&gt;\xf5\x97\xee\x07\xa4\xbb\x7f\xd1\x82\x89\xa5V\xd8\xfa\xfc\xe2\x0ceFc\xdd\xfc\xf4\x7f\xf32l{\xecw\xbb\xd71\x00\x06\xb2\x8fJ\x87\xae\xac8T\xf4\xdeN\xe2\xf8\xaf\xfeO#=\xea\xb7\xe6\x0c!\\z\xdf\xfb\xe9\xa4\xe3\xae\xfdy\xa3\xb5\xb8\x02\x06\x18\xa8V\xaf&lt;\xc5\xcfU\x9b#\x7f\xbd\xbc\x0cM\xce\xa7\x11\xeb\xc7Qg\xa5\x10B\x08K7Tf\xf6\x15\xbeX\x95r\xd5C\xff\x887\xe2O\xba\xf79\x0f\xe7\x95\xed\xc7_\x05\x00\x85\x923\xf8\xe4\x03;\xa6\xc4\xfa\xd27~\x19B\x18\xb1\xfa\xd1-=\xb9W,\xb4Pr\xa2\xa82F\xac~TRgC\x0579\xf8\xe6\xaa\x94^\nf\xf3o\x9b\x95\xba@\xb9\x9e\x0c\xe9\xdc(x\xfb\x19\x80v\x10\x9f\xeb\x939\x8a\xc3\xd0M\xeb\x14X|Jm\xda\x7f\x0bC\xd7\x99\xb7\xbc\xd9\xfd\xfeu\x18Y\x9d\xb0\xd8.U\t\x8d\x84\xcfE\x93\xad\xa3\xafz\xb1D\xfe\x11\xf5\xb34\xa2\xb3\xab\xb3\x97\xce\t\xc0\x80\x13E\xd1\x9fRg\xf9\x03/|b\xee\x95\x0fI\x1d_\xa8\xb6H\x1fY\xa6\xf8pe\xacZ\xbcd\xa5\xbd\x10\xe1\xc6WM.\xbd\xe8\xce\xf1\xdf\x9d\xbft_\xc9\x1a\x0c\xbc\x02\x18\x80\xe2\xbb\xc1\xbf\xfcwE\x1cZv\x8b/\xe7e\xee\xb9\x9e,\xbea\x03sc\xf5\xf2\xa5a\x99\xe6~_\x99\xe7\xe5\xcf\xea\xaci\xf1\xfb\x9a\x94\xd4\x10\xb69B=Ww&gt;\'\x06\xa0-\x95\x8fdI\xce%6:-I\\o\xdf\xaf\xb5\xbeO\xb9\x86\xf6b[!\x0c\xd9\xb8\xcc+C\xc5\xaa~\xd9&lt;\xf6n\xf6\xfc\xd8UU\xcd\xba\xec\xbee;\t@\xfb*\xbfj\xc2\xa97\xbe\xde\xf3\xddi\x81~\xf8\xe8\xb4\xee\x97\xdc\x95\xb8\xc0v\xbd\xd3%\x00\xfaR\xe9\x01\xc9\xa5&amp;:\xee\x97f\xed\xa3f\xd7\xdf\xf4\x90[z\xae\xfa\xbc\xc7\x04\x00\xb4\x87\x96\\,v\xaf\x92\xf4\x92\x0ce\xaa\xea\x87\xd7\xb5\xe5\x1dp\xc1\xe3q\xff/\xb8\xf3\xddt\xfav\xc7\xdf\xb9\xef\xb9?\xeev\xb5m\xfd\x9d\x00L\xd7\xca\xbf\x92[\xbd\x84\xc0\x9c\x1b\x85\x16\x05\x80\xddN\xffA\xf3\x95\xb4\\\xe1G\x1b\x9e\x7f\xa8\x9bnz\xfa?-\xaf\x13\x80~\xad7\xaf\xa2\xda\xe5\x8a-\x8a\xa2\xe7\xfe\x16\xed}\xce\xc3\x83Fg\xbc\xf7\x1cBx\xf1\xe3R\x1f\xa4\xe9\xcf\xdb\xbb\xe3\xce\x00\xe85\rE\x88v\t\x9f\xcdk\xabO:K_w\x00\x80\xc6\xb5pV\xc8\x01g\xee\xbe\xee@\x86\xea\x7f\xd6&lt;-[Q\n\x80^\xb5\xd6^\xd7\x14\x07\xe0\xad\x8f\xb9\xa3Um\xedx\xd2\xdd\xad\xaa\xaaO\x1c2\xf5\xa9\xfa\x99f]\xbfdmu\x7f\xf7\xd4\xcb\xd0\x7f&amp;)\x03\xa0q\xae\x80{B\xdeWz\xf1=\xef\x8d\x98xT\xf7\xcaV\xfd\xa7\xce\xff\xce\xef\xbb\xdb;\x00\xfa\x81(\x8a\xfeZ?\x00W?e\x14\xb3[\xeeg\x9f\x94\xf8J_?\xad\xae\x00\x00\x07IIDATGn\x93\xde\xf3_\x00hg\x83\xd6\xe8&lt;\x8f\xcf\xd8\x87\xbd(\x1dK*:\x19E\xd1\xc4]/\x0b!\\\xfe\x83\xbf\xf6EgZI4\x05 \xd7\x83\xefT\x04\x89Qk\x1f\xdf\xda\xfaGO&gt;\xb5\xa1\xfc\xc9]\xd97\xdb\xffFz\x99\xfe\xd7\xe6i\xf7O\r0=\x1b\x1c\xbauf?\xfd\xe67J6\xb0\xf1A75\xda\xa7\xc56\xf8R\xdd&lt;\x95\xcfD\xe7\x1a:\xee\xe0&gt;\x8bF#\xb7\xee\x89Z\x97\xdf\xea\xdc\xbcC\xbf\x16w\x01\xda\xdd\xb6\xc7}\xb7\xb95\x7f\x06W\xed\x1fx\xe1\x13Mw\xaaHg\x7f\x16K\x07\xe0\xb3\xbe\xf9V\x08\xe1\xa4\xeb_\xed\xd1\xa6\x1b2\xf9\xc0\x1bz\xba\t\x97\xbf\x00\xed-&gt;\x8f\xf7\xd5\xd9\xbc{\xed\x1e{\xcdK\x1d\x01x\xc8F!\x84M\x0f\xbd%\x84\x95\x04$\x00\xdaF\x12}\x93\xe8\xd5\x87al\xa9M\xce(\x9dwRg\x9f\x07\xc7\x1d~\xee\xa3\xf6\x88\xbe\xdfz\xa1\x05\xfd|+\x8aB\x18\xd6|=\x00\xf4\x99\xdap\xfb\xbdW\xfav@\xd3j\xe5\xb3\xee\xf3\xe5\x1f\xc7ax\xebc\xee\xf8\xac\xbf^\xfe\xbe\xdd\xdd\x8e\xb9\xa0\x07\x18\xd8\xe6j\xd9\\\x1c\xd9\x93@\x8d\r!&lt;\xf1\xe7\x9e\x8c%#\xf2\xc7@\r\xdf\xb2\x07\xdbm\xc2l\xcb\xefW\xb1?\xf7fu\n\x94\x9e`\x0b\x80\xf6P\x18zWj\xbe\xfe\xaa\xe5o\xa7CKm\xdcq_}\xf1\rOI\xa7\x97\xf9\xd13\xc7\n\xfb\x870o\xbc}\xfb\x8b]\x8f\xea]\x1c\x03\xb4\xbf\xc5wMO\x86\x15\x9f\xd9?M\x9d\xdf\x9b;\xd7\xaf\x14\xd7p\xd7\xab\xfd\xfa6\xecW\xbe\xfb\x87\xe6+\xc9|+:\xaf\xffk\xef}m\xfdP:\xf7\xa6\x05GW\xde\xfe\xa2\xce\xcd\xf1\r\xf4\x12\x80\xb62Sm\xd2VG\xdd^\x93\xd6\xb1x\xedS\x7f\xc9\x0c\x1b\r&lt;\xdcm\\\xf5\xdbP\xfdM\xc97\xad\x9f\xfe ;\xe2\xce3\xfe\xd0\xf4\xeeK\x9f\xb4\xea\x17\x12\x00}\'\x8a\xa2\x10F\xa6w\x17\xdf0oF\xaaA\xbd\xd3\xa5\xbe\xb6zOT\xfa\xf8\x9f\xea\xbfo\x9d9\x96\xfb\xa4\xeb_]i\x9b\x0b\xea\x96\x05\xa0\x1d\xcd1a\xe7i\xa1\xfaT&gt;W\xfcg\xb7\xd3\x7f\xd8\x910|\xab\xfc\x1a\xe6,n\xa0\xc4kN\xc3\xe3?\x97uL\xec\xdc9\xed\xf3Lk\x17\xd7\xdc?e}\xccQ\xb5\xd9\xbeR\xf8\x8c\\d\x05\x18\xb0jO\xf1\x8f\xbe\x9b\xa4\x8c\n!\xac\xb6\xcb\xb4\xe4\xd0\x15\x0f|\xd4h\x9d\x17~\xef\x8f\xe5:\xb2`A%e\xe2\xd0\x99\xb7\xbeY\xae\xa1\xde0f\xf3\xb3\x0b\x8e^\xfd\xf0\xc7!\x84i\xf7\x7fP\x99&lt;\xb2\xf6c\xc6s{\xe5~\xfca\x1dc\xbc\xdf\x10\xa7\x01\xdaQ\xd5\xf9=\x8a\xa2O\xb3\xc6\x07\x95\xbf\x1ak\xfe\xba-\x8a\xa2\x10\xc6\xb4\xb0\xc2Z\x8f\xfe\xa1\xe1:\x1b\xed\xc6\xf8\x1d\xa6V\xa5\x1cr\xc9\xd3?|+\xf7[\xfd]N\xfd;\x9d|OAgv8\xf1\xae\x86z\x05@\xbf\x10u\x8aw\xcf\xf9\xd6;!\x84[\x7f\xda\xf7\x8b\x0b\xf5t\x07~\x9b]\xffre\xca\xeer\xca}\xe5\x1aI\x1e\x99/\\.\x7f\xc6\x8d\xfa\x05\xd7:.\xde\x18\xbf\xe3\xd4\xaa\x9c}\xfe?\x02\xa0\xfb\xfeX\xe2\xbd\xd2\xfep\xa2\xff\xb8\x07\xfaP\xfb\xb9\x16]\xef\xe4\xc2\x12s\x84\x10\xc2\x02\xdbUUr\xe3S\xff\xce\xac\xbc\xea\x81z\x92\x92J\x9f7\x8a\xa20\xc3\x9aI\xfa\xd8m/\x9ck\xecAI\x9e(\x8a\x86M8\xbc\xa6\xee\x19B\x08SN\xfb~\x7f\xf8\xbf\x00\xd0\x02\xc9\t}\x93Cn\xee\xdb\x9eTI-\xcc7k\xf9Rk\xeeyu\x99l\xb5a\xec\xee_T\xcf\x8f\x1dB\x98k\xec\x81Q\x14]\xf7\xc8\xa7\xb5\xc5S\xd9VYd\xdd\x93\xf2\x9a\x88\xa2h\xcf\xb3\x1eLO\xbe\x1dE\xd1GQ\x14\xc2\xfc\xb59\xd3\xd1z\xf2\x017DQ\x14\xe6\xd9\xbc\xeavE\xbc\x92\x95Ka\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80\x96\xfb\x7f\xc9\x11\xc4r&lt;\x8db\n\x00\x00\x00\x00IEND\xaeB`\x82']</t>
        </is>
      </c>
      <c r="E436" t="inlineStr">
        <is>
          <t>&lt;class 'numpy.ndarray'&gt;</t>
        </is>
      </c>
    </row>
    <row r="437">
      <c r="A437" s="1" t="n">
        <v>435</v>
      </c>
      <c r="B437" t="inlineStr">
        <is>
          <t>steps_per_sec</t>
        </is>
      </c>
      <c r="C437" t="n">
        <v>6300</v>
      </c>
      <c r="D437" t="inlineStr">
        <is>
          <t>5.380003</t>
        </is>
      </c>
      <c r="E437" t="inlineStr">
        <is>
          <t>&lt;class 'numpy.ndarray'&gt;</t>
        </is>
      </c>
    </row>
    <row r="438">
      <c r="A438" s="1" t="n">
        <v>436</v>
      </c>
      <c r="B438" t="inlineStr">
        <is>
          <t>Loss/localization_loss</t>
        </is>
      </c>
      <c r="C438" t="n">
        <v>6300</v>
      </c>
      <c r="D438" t="inlineStr">
        <is>
          <t>0.031210585</t>
        </is>
      </c>
      <c r="E438" t="inlineStr">
        <is>
          <t>&lt;class 'numpy.ndarray'&gt;</t>
        </is>
      </c>
    </row>
    <row r="439">
      <c r="A439" s="1" t="n">
        <v>437</v>
      </c>
      <c r="B439" t="inlineStr">
        <is>
          <t>Loss/classification_loss</t>
        </is>
      </c>
      <c r="C439" t="n">
        <v>6300</v>
      </c>
      <c r="D439" t="inlineStr">
        <is>
          <t>0.44509894</t>
        </is>
      </c>
      <c r="E439" t="inlineStr">
        <is>
          <t>&lt;class 'numpy.ndarray'&gt;</t>
        </is>
      </c>
    </row>
    <row r="440">
      <c r="A440" s="1" t="n">
        <v>438</v>
      </c>
      <c r="B440" t="inlineStr">
        <is>
          <t>Loss/regularization_loss</t>
        </is>
      </c>
      <c r="C440" t="n">
        <v>6300</v>
      </c>
      <c r="D440" t="inlineStr">
        <is>
          <t>0.036999498</t>
        </is>
      </c>
      <c r="E440" t="inlineStr">
        <is>
          <t>&lt;class 'numpy.ndarray'&gt;</t>
        </is>
      </c>
    </row>
    <row r="441">
      <c r="A441" s="1" t="n">
        <v>439</v>
      </c>
      <c r="B441" t="inlineStr">
        <is>
          <t>Loss/total_loss</t>
        </is>
      </c>
      <c r="C441" t="n">
        <v>6300</v>
      </c>
      <c r="D441" t="inlineStr">
        <is>
          <t>0.513309</t>
        </is>
      </c>
      <c r="E441" t="inlineStr">
        <is>
          <t>&lt;class 'numpy.ndarray'&gt;</t>
        </is>
      </c>
    </row>
    <row r="442">
      <c r="A442" s="1" t="n">
        <v>440</v>
      </c>
      <c r="B442" t="inlineStr">
        <is>
          <t>learning_rate</t>
        </is>
      </c>
      <c r="C442" t="n">
        <v>6300</v>
      </c>
      <c r="D442" t="inlineStr">
        <is>
          <t>0.0799678</t>
        </is>
      </c>
      <c r="E442" t="inlineStr">
        <is>
          <t>&lt;class 'numpy.ndarray'&gt;</t>
        </is>
      </c>
    </row>
    <row r="443">
      <c r="A443" s="1" t="n">
        <v>441</v>
      </c>
      <c r="B443" t="inlineStr">
        <is>
          <t>train_input_images</t>
        </is>
      </c>
      <c r="C443" t="n">
        <v>6300</v>
      </c>
      <c r="D443" t="inlineStr">
        <is>
          <t>[b'640' b'640'
 b'\x89PNG\r\n\x1a\n\x00\x00\x00\rIHDR\x00\x00\x02\x80\x00\x00\x02\x80\x08\x02\x00\x00\x00\x83\xaf^t\x00\x00 \x00IDATx\x9c\xec\x9du@\x14\xcf\xfb\xc7\x1f\xb0\x15A11\x00\x03\x03D\x05\x15lQT\x0cT\xec\xee\x02\xbb[\xb1\x13;\xb0\xbb\xbb\xbb\xbb\xbb\xbb\xbb\xbb\xdf\xbf?\xe6no\xefnwowo\xef\xc0\xcf\xef\xfb\xfaG\xbc\x9d\x9d\x99\x9d\x9d\x9d\x9d\x9dy\x9e\xf7C\xa4\x18?\xe5\xa7\xa8\xc0I\xe8Gw\r\x0b\xa8\xd7\x7fK\xb7\xe9\xe7w\xdd\x07\x80\xec\xe5\x07)\xcf \x9d\xea\xa2\xef\x00\xaa\xcfUM\x9c\xac\r#\x17\xddZx,\x06\x8a\xb6\x9e\xe1+\x1f\x96o\xb7\x98(\xa1U\xb9d\xaa\x97\xba`\'\xc9\x14\x81\x94\xa9\x1ex\x84\xb4YhU\x89\xa2\xa4\'r\xd1\xfd\x19\xaf\xd8k}q\xb6)\xcb\xb68fi@\x945\xa6kaW\x1c2\xd7\x17\xfc=s\xe9~;\xee\xa2\xcf\xdc\xab\x8ar\xab\xdec\xadWH\xe4\x80\x857\x0f\xbf\x049\x87\xc8;)#\xc5)*\'\x1d\x80a+\x1e\x94l&gt;;}\xb1\x1e\xf1\xb379\xf4\x02&amp;\xc8\xc8#\xd1\x03\xa0\xd1\xa0\x1d\xe69\x03 *(\xaf\xc2\xb6\x02@\xd1F\xd3\xc6nxA\xe4\xace\xbe\x19j\xaa;\xef=\x00\xe0/\xf0\x1c\x90\x1a\xaf2\xd7\x030z\xedS\xa5\xf9\'\xdcp5f\x07\x8b\xa4+\xcejSz\xb6\x90\x81\x9fbh\xe0\x9b\xb9\xef\x9b\xc8\x91\xb8a]W)\xcc,\xa3\xcct\xae\xf9\xdb\xcd?\xfc\x9b\xc8\xd5\xecH2\x85%\xda\x95tE\xba\x95j9\x07@\xb5\xeek\xecS\xe2_}\xaf\xf8j\x9f\xbe\xe1RN\xc9h\x18\x1bH\xcd\xffO\xe3\xc1;S\x06t\x88\x99\x8a\xb8U\xd3,\xab\xb4a\xd6\xe7\xb1\xf2\xac\xfe&gt;\xc6-\xa6\xe2\xf4\x91\xab\x1f[_\x07S&lt;\xeb\xea?\x15\xbc\x89\xdc\xfdkD\xdd\xe5\xbd}{\xcc\xb8\xa8*\xd3\xb8Dt\xee\xcb\xbf\xd5i\xed\x86\xef\xb0\x15\x0f,&amp;JW\xa4\xdb\xf1\xb7h?\xf1\x84\xe2\xecK6\x9f-\xd1\xee\xf5\x07l\x93\x91G\n\xc5\xa5\xf2\xe80\xf1\x04\x00J_\xc3\x9aL\x18\x9bo\x00@\xcfY\x97\xac\xcfJ3RWV\x92\xda\xb1\xc3\xa4\x93\xb2\x13\'\x7f\x00\x94i=\x9f\xfb\x7f\xdd\xfe[\xd8\xad&lt;\xfa:\xd6&gt;E\xf1\x01\x8c\xdb\xf8\xd2V\xd9\xa7\xae2z\xedS\xa2\xe4D\xbe\x87_b\xf4\xda\xa7\x05\xebOfm\xf2\x0b\x18\xbc\xf4\xae]\xc6\x17O\xdd\x03\x95"\xd4\xf6eYC:\xcf\x92}L~\n\xed\xb8\x0c@\x93!\xbb\xec_\x9b\x0e\x93N\xc6\xb6\xd1\x9f{\xb1%\xf4n\xa6*\x83|\x9aTc\xce\x81\x1fA\xcdf\xb2\xbfsV\x1c\n u`\'\xee\xe8\x98u\xcf\n\xd4\x1eO\xe4!\x9dI\xaa\xc0\x8e\xe4Z\x91\x88\xc4\x96\xfa&gt;\xea/\xf6\x9e\x8d^\xc3ZL\x89b-\xcbNa\xe4\xea\xc7\xb6h\xb7&lt;r\x129fi\x90\xb1DO\x99\xab(\xe6\x8cZ\xf3d\xe59\xb5U\x8f[l\x94\xfe\xc3\xbf\xdd\x84\xe3w\x81\xd5\x170u\xe7\x07\xf2\xa8\xad2C)\x92\x92g\xdd\x86\x03\xb7/8\xfa\x97\x1c\x8b\xf0\x0f\\\xfe!X\xff\x1c\x94\xaa\x92\xfc\xdc\x9dr\xb7\xf2(\xd9[~\xfa\x99\xfb\xbee+\xc7_lw\xd7\xcf\xa5\xb2\xc9\xcf\xc4\xce\x94o\xb7\xc4\xf4\xa7\xf8%\x00\xf8U\x8f\xb2&gt;\xf3\xb6\xe3\x8e&amp;\xc9\xd5\x92\xfdm\xba6\x07\x9c\xff"gdq$"\xa2\xf4\xf7\x80B\xf5\xa7\xf4\x9au\x89(\x07%+\xaf\xa8\x1a\x85\x1bL\x05\xf0\xcf-\xe4\xfaU\x1fs\xf1;k"\x17\xcb\xa9\x05\xf0\xf5\x08R\xd0{M\xa8\xd2e\xe5\x8e\xbb\xb1\xf4\x05l\xe57\x86\xd5x%\xc9\xd5\x92\xc8\xc1\xb8J\xcap\xc9\x1bAN\xa5%\x93\xe4\\r\x12?\x80\x97\x00\x00\xf7\xa0^jk+\x0c\x00JTJ\xdb&lt;c\x0bi\xc3\xb4^\xf4JYi\xda\xce\x8fD\x942\xa0C@\x9d\t\xe6\xc7k\xf6Z/q\xf6\x94\xed\xef5\xaa\x87eV_\x00\x80\xd2\xad\xe7\xb1\xfff+7P\xfb\x05\xc0\xb4U\x89\xa8\xdf\xfc\xeb\x00\xae\xfc\x82\x8c\xfc\xfd(E(QN]2\x17\xb1} \xb7&amp;Cv\xf9\xd7\xe0\xbfx\xb4\x982\xa7\xae\xa2A&amp;\xda1\xf7\xd0/\xe9{\xc1Z\xe9\x99\xd6\x93G\xf3\x170\x80|5\xc7\xc99\xb7n\xbf-\x00[P\xcaW\xa5\xf3\xcav\xe3\x8f).&gt;aI\xc5\xa7\xc44\x19\x8b\xf7&lt;\xf5\x1e\x9fb\xd9g\xa8-\x897y\xdb;\x89\xc3\xed\'\x9e\x00\xb0\xecT\xaci\x10\x87B\\O\xae\xd8~\xa9\xed\xcaI\x15\xd8Q\xf3&lt;\xef\x02\xec3}\xfc\xa6W\x9ag\x1e\xb3,8\xf2G\xe2\xa5\x90\xd9+$\x12\xc0\xd8\r/\x14eZ\xac\xf1\xf4\x1a=\xd7u\x98xb\xffS\xd3L\x8b6\x8e\x06@N\xa5sT\x18\xac\xbe\xd6\x1aQ\xa2\xd9L\x00F;\xf6q\x8ax\x87\x0e\x153\xacP\xc1\xf6;\xd8x\xcdt(\xff-&gt;N\x05\xb7\x9c\xbb\xf88\xb8\xcd\xf5B\r\xa6\x88\xa5L\x9e\xaf\xed\xb17\xb6z\xbc5\x9e\x85XQ\x8d\xd2\xad\xe6I$\x88\x97\xbd1\x80\xe9\xbb?\xdb\xa8\x02^e#;O=s\xfc-nK\xb5FFJ\xcc\x9f\x9e{\x15o:\xe3\xfa_\x10Q"\xef\xe6D&gt;\n\xcb\x0c\x94\x9d2\xb1\xc2\x9cc\x06\x00\x9d&amp;\x9fRzVb\x9f\x16\xb6\xa8\x8cfx\xd6\xed;\xef\x9a\x854\n\x17?l\x89\xdb\xba\xcb\xfc\xd9\xbf\xb7\xc2\xd3\xf3\xc5\xd4"\xf0\r \xb8\xe5\xdc\x8b\xdf@\xe4\x9c\xab\xf2\x08\x00\xf6\xb2\xfc\xd5\x90$\x12\xc7\xf8\xef\x05\xe1c*\n\x8c%\xc3\xb7&lt;\xac3\xa6\xb5D\xc1z\x93N\xbc5}\x01K\x9f2|\xe5C\x96,Sp?\xa9t\x89K\x01\x98\xb1\xe7\x8b\x96\xd5\xd5\x03\xe0/@\x94\xc6\x16\x99+\xc17\xa6+\xc0H^\xaf\xffV\xe9\x14\'\xde\x81(\x13\xf7_;\xf4\xffco0\xe7\xe0\xcf\xe1+\x1f\xd9\xba +\x01p\xf7\x9f\x19\r\xe4\x92\xa3\xc2\x10\xcb\x89\x12k\xbcj\xdas\xe6E\x00\x99\x82\xfb\xaa;]\xe6\xf8#D2J\x13\xa6\xaeP+\xe9&gt;\xe3\x02\xbf\xce\xf9k\xc9Z\x85\x8ae$\x938v\xe4\xa5\xd4{!\x89j\x0bl\t\xb2\x96\x19@D\xd6\xb8\xeehI\xa2R\xb2\xcd\xfd\xd5\xe2Px\xca\xf6\xf7\x00\xf2\xd7\x1e/\xf3\x0c\x19\xcfI\xa6.\xd3\xce\xdan\xa2\xb3\xeb&gt;\xce|B\\\xafF\xb6\xc8\\&gt;\xec\x02g\xec\xfd\x1a\xb3\xd5 "\x8b\xd6y/\x81\x8c%z\x1a\xfe\x9f$\xd8\xb6\x15\xfaG\x88\xeb\xd5\x08@\xf7\x19\x17$S\x05\xd8\xa96\xf6&amp;\xaf\xe0\xaf\x05\xebM\xda\xf7X\xddc\x9bU\x89\xa1\xa5)\x0b\x8f\x01\x00%\xaf\xa0:\x07\xfb\xc3\xea\xfc\xef|\xce\t\xe2\xc6\xfb[`=\xac\xd3\xe4\xd3s\x0e\xfeL\x92\xab%\x15\x90\xfd\x86\xb0\x86\xa5\'\xe5\xbb\xb8\xd9\x9c\x9e3/\x01 Jr\xfc\r\xe6\x1c\xfc\xc9\xfdn\xcf[\xdem\xfay\x93_X\x9f\xfb R\x87\xa3\xaf\x01 j\xc3\x0b\xcd\xbb\xa6K\xde\x08\xfd\x9f\xe9\xa4&lt;\xad\x13\x94\xd0\xb0Pq\x92\xb1\x0b\xccWs\xac]\x8a\x93\xa8H9%=6e"\xef\xe66\xacL\xac\xc0E\xe6\x0c\xc35_;f\x11"F\xca\x80\x8e|k|-H\xaein\xea\xe93\xf7\xaa\xc8"V~\x8aW\\\xe0\xe7d\xe5\x0f&gt;7{\x9c\xd3Vu\xf1\x8b\xa0\xc4\xb6\x9f\xcf\xc5S\xe3.ekZ\x8e\xdc\xff\xcf\xbe\x80\xd3\x01\xa8\xd0\x9eg7\xeaYw\xc8\xb2{\x940H\xd4\xd0\xd55_;\xf3\x1f\x03\xebM\xa2L\xf5\xb8\xff\x0e^z7\xf6tq\xeb\t\xeb\xba*\xc6\xef.W\x81\xdca#\xd9\x1fM\x87\xed\x01\xf0T\xa4b\xbeUF\xb6\x19{\xc4&amp;U\x91\xf7\x10\xe6\x0e\x1be\x93\xd2\xcd\x18\xb4\xe4\x0e\x80\xc4&gt;V\xbe\xcf\nN\xdf\xf3\x85\xa8\x806u\x8a\x1d\xac\xbb\x0c\xb6K\x1a&gt;\xe6PL\xd7E\n\xe7\xbc\xe1\x12G]\xf3\xb7\xd3\xc8\xea\xde\xbdp\x83)\xccx\xad\xd9\xb0=\x19\x8b\xf7\x8c\x1d\x9b\x17\xca\xbe\xec\xcd}\xcd\xd3\x14\xea\xc2\xadP66\xf8w\xe5\xa6\x94\n\xfc#\x84IW\x9d\x88\x88\x9cf\xec5\xd9\xc3\x12T=\x12\x86}\xbd\x18-\xfch\x8f\xef\x86\xab\xd8v\x1bDT\xbb\xcf\xc6\xa1\xcb\xef\xdb\xb2,\r\x89\x13\xdcj.\x00\xc3*H\x82\xa0\xc1K\xef.?\r\xff\x1ac\xe3z52q\xa0\x97\xc0\x85\xdd\xfe$\xb9Z\xba\xe6o7\xf7\xd0\xaf~\xf3\xaf\xb3\x03\x89|\x9a\x9f|\xf7/NL\xfe\r\x96\x9d\x8e\xbdmkO\xb1\x05\r\xe6\xbf\xc9\xca\x03\xa8\xdcy\x85\x8aS\x87,\xbbgU\xd1\xb6\xa1B\xfb%\x00\x86\xad|H\x94`\xca\xf6\xf7Dq\x88H\x89\xf5\xd6\x7f\x12\x0fJ\x18\x94)\xb8\xef\xde\xc7(\xdetF@\x9d\x89a]W\x89\xf9\x13\xd6\xe9\xbb)u\xc1N\xd2\xd611\x8b\xa9\xd9\x88\xa6_\x81q\xbc\x1a\xba\xe6o\'\xf1\x0e\xc8[m\x8c\xe9OB\xfe\x11\xcc\xf1\xccv\xa6\xa0\x0c\x8f\x92\xbdu\xf6\x86\x9eu\x89\xbc\x94\x9cjo\x07\xb0\xfa\x03\xb62%\xbb\xb5\x97\xc0\xfc_\x18A\xcdf\x8e^\xfb\xb4b\x87\xa5\x9d\xa7\x9eQ\xbc\x98\x01@d\xeb;_\xef9W\xac\xaa/#\xd6,GkD\xe6\x98\xae\xc0\x7f\n\xf3\xa1\xe7\xae\xd2}\xac\x84%\xbf\x03n\x85\xbb*-\xda+d`\xb96\x8b\x94\x9ee\x07\xb8O\xa26c\x8f4\x1a\xb4\x83\xc8\xa3@\xed\xf1\x00\x9e\xc4\xf4Z\x8e1\x8e\xf2\x8d\x1e\xac&amp;\xb7\x8b_D\xbf\xf9\xd7\xf7&lt;D\xe4\xa2[y\xab\x8daM\xb4\xe7\xa1@\x83\xa4-\xdc\xf5\x0f\xb0\xe9:f\xef\xffn\xab\xead\xa8I\xe4iM\x06\xe7\xbf\xe2\x0fL\xb1\xdd\xf6\xed\xe6\x9b\x86\x86\xfa\x0e\x000\xd9F\x01P\xa5\xcbJ\xf3\x13\xa7\xee\xf8`\xa3*\x19\xf0\xac\xa3\xff+\xbf\x92\xd3\x92\x12e\xb0\x9c\xca\xa1\x90\xfe/\x7f%\x99\x9b\x93\xd3\xbf\xe6X\xeeN5\x19\xb2\xdb\xba\xdc\xe4\x01\xc0\xb3\x94\x05\x93\xbc\xc2\xe2\x8e4:\xfec\x1e\xd6:\xc9\x98\xff\xa1\t\xd9\x00#\xebb"\x1a\xbe\xf2\xe1\xaa\xf3J\xdf4n\x96\x93\xfcC$)\xbd\xff\t\x1a\x0f\xde\xc9\x9e\xf6\xe9\xbb?\xdf\x04\x008\xf9\xb6\x8a\xe9\x9a\xc5\x00I|[\xde\x07\xa6\xec\xf8\xc0Z\xe3=p\xfc-\x00d\x12\x1b\x9a\xd2\x84\xcd?\xfc\x9b%\xe6\xd6\xf3\xb4%{\xf9\xc1}\xe7]+\x1b\xb1\xc0\xca|l\xfa\x1d,\x8e\x9fPG\xb2\xce[\xc4]\x03i#\x8b\xef\x1ak\xb0\xfc\x9e\x92E\x01\xa2@\xfb\t\xfa\x02\xf8\r\x94\xd0K\x9d9d\xaeg\x9e\x86o\x00i\xc1\x80&gt;U%\xa2\x04\x9aV\xf0\xff\x11\xeb\xaf\x98~&amp;"V\xf8\x11YG\xa6z\xe6#N\xa9\x16\xb3\x01P\xd2\xb2\x94\xac\x9cE\x15\xbd\xff,\x99\xea\x12\xf9O\xdc\xf2\xe6\'\xf0\x0e\x18\xb7\xf1e\xabQ\x07lS\x922o\x05\x00\xde\xa1\xc3lS\x13Q\x12\xe6l\xd6}\xfay\xfe[\xea%@\xe9D\xd5\xa1\xf3\xd7\x1a\xbf\xf8\xb8.\xe5\xb9/\xe6\xaf\xb4\xa46\xad\xad\x81\xc4\xc1\xc1-\xe7J\x1c\xcfYq\xe8\x9a\x8b\xf6\x7f\x01sh"\xc7\x96\x9f\x88rU\x1eAl[-\x89\xb4\xa2\x96\x00\x86\xa0)\xa9*)\xf7\xaaWLD\xd4\xe1\xb3\x9f\x107\x9b\x02\x07\x90\\UF\xc4L \x8a\xbc\xd5F\x03\xd0?\xa2&gt;\xe4*\xb0B\x12?{\x13\xee\xef\rW\xa5\xfcV\xdd\x8at%\xf2W\xd4\xfb\xd3\x14\xec\xfc\xbf%_\x01\x9cC\xd8\xb3\xdaf\xdc\xd1\x7f\xfd\x15%\x18\x91\xe2\x0b\xe0SiX\xca\x80\x0e\xeeV\xe8\x17r\xc4v\xcd\x07q\xecQ\xf3DL\x96+\x8e\x9c\xb4\xac\xd7\xc5\x8c\xd7o\x9c"\xe37\xbd\xea0\xe9\xe4\xf4=_\x004\x88\x94#D\xcf\x90\xb1Pi\x1b\xbcB"\xef\x01e\xc2\xe7K\xa6r\xe6\xbf}\xe7\x1f\xfem\x9f\xbaiB\x8e\nC\xbcC\x87\xd5\xe8\xb9\x8e\xad\x9f\x03\xe84\xe5\xb4\xf2l\xf4\xb6l\xe23*\xed\xc8\xbd\xec4\x00\x1cy%\xb7\x0f\xfb\xd7\x88\xday\x0f)\xf2\xb7\xd7\xb6\x1e9\x9a\x0f\xdf+\'\xddLe&gt;\x9a\xa9\xc5&amp;qi\nu\xbe\xfa\x1bn\x85\xbb*r\xb5\xee4\xf9\x94\xa6aCR\x11\x11Q\x96L\xc1}\x85"\x05\x99\x92\xb6p\x17\xed\x8a\xd6\x18\xfdV\xc4.\xd9\x9e\xdc\xc9lZ\x9f\xd8\x0c\x00Je\x1a\xf7b\xc2\xe6\xd7\x95:\xc9\xb2\xdbJ\xe6\xd7\xc6\x06\x95\xfa\xf7(\x1b\xb1@\xfft[~vb\x14m\xe2\x1ch\x84Gh\xc7e\x16\xc2\xe79\x95\xd9q\x17\xd3w\x7f\x06`\xe5\xd6\xb2\xbd\xf1\xacCD\xa7?\x00@\xdfy\xd7\x00\x9c\xff\nR&amp;W\x99\xb9`\xbd\xc9\xec\xaf\x8e\x93Ou\x9ez&amp;\xb9\x7f[M\xaa6s\xdf7~\\\n=\x85\x1c\xb34`\xddX\xa6\n\x02\x17QJ\x93Z\x11\x11Q\xda\xb0\x05G\xff\xdaj\xad#QI\xa2\x94Ze\xc6.\xde+d\xa0\xd0A\xef\x8d\xd7 \xb8*n\x8eG\xc9\xde\xdf\x80+\xbf0\xef\xd0\xaf=\x8f\xf4\r*\xe8\xabGD\x94Vm}\xedK\xba\xea,X\x98&lt;\xd4\xdb\xd0\x96\xb50\x85\x8f\x05(\x8e\x97\xe5\xbc\xff\t\x96\x9f\x91\xf5\x08d/?x\xf3\r)y\xd1\x7f\x19\x05\xcbQ\x1eA\xbd\xa1\x81\xcf\x98\xcd\xe91S]\xdc=i\xf2w\x8d&gt;\xa7\xf6\xdc\xdc\xd2\x87\xbbN;{\xee\x0brV\x1c\x12\xbd\xeb\x139\x14V[\x8a\x1dIR\x9a\x88\x02\xebN\xec8\xe9\x149\x16a\xc3\xe9\xc9\xf7\x000`\xe1M"\x7f\x00\xe4Q\xc7b6DT\xb8\xc1T\xce\x94/U`G\r_u\tr4\x119\x92\xf2\xda\x1f\x00\x18\xb3\xee\x99\x8cl\x12\xf1\xb6\x06\x92iS1\x8a/\xf6\xe2\x91\x85\xf4\xc4!u\xc1N\xb6\xf2a5\'}\r\xb3\xa5\xf9@\x01\xbd\xf8\xb8E\x13z7\x9b{\xf0g\xd1\xc6\xd1\xb9*\x8f\xc8Ws\xec\x85\xafb\x86\xdfDD\x1a8\xe1\x89\x90\xc4\xb7%\x115\x1b\xb6G:Y\xeb1\x87\xda\x8c=\xaam\xd11\x16\xc6U9\xcey\xc2y\x82!\xb1\x82\x9c\x15\x87(0\xd1L\x11z\xe6#H\x1fE\xd5\x86\xd5\xb2\x8e\x9e3/\xfe\x06\x86\xaf|H\xee\xb5lYN\x1a\x01\xf5\x89\xff\xc1\xc3x\x03X\x91%p\x8c\x90\x97\xad\t\xad\xb9\x88\t[\xde8\xe7\tg5\xcfWs\xdc\xc2c\xecF\xe7\x06 \xd3\xdcg\xd9i\xa4+\xd2\x8d\xfd\x9d\xaeh\xb7\xfb@\xed&gt;\x9b4\xa8\xa3G\x1dJUI\xccD\xa6\xe1\xc0\xed\xe0\x05\xe9\x91 K\x99\xfe\xec\xea\xde\x89=\xc8\x19j\x98\x07D\xd0\x80"\r\xa7i\x9b\xa1{Po\xbb\x9b\x18\xc4.\x1a\r\xdaax\xcc\xa4L\x15\x12\xbc\x03 \xe2\x15\x10K(\xdc`\xaa\x94\x90\x96%\xb8vH\x90\xa3)Q\x16\xd3\xc3I\x82\xbf\xc7\xba\xae\xa2\xc8=\x91\x98yK,\xef\xf0Lp\xed\xb1fK\xca\xbe\x82\xdf\xd3\xac\x11\x1c\xb34\xd0\xa2\x08{\xe2l7\xa1V\xeeq\x98}\xe0\x87\xba\x1c\xaav[cS\x13b&gt;\xa9\x02;e\n\xeeK\x94\xb9H\xc3i\x94\xb1\x16y\xd4\xd1/(\x16S\xb21\xaf\xe3\xa3\xde\xc87w\xd5Q\x00\xaav[-\x920\xb7\x92\xbd\xc8\xdc\xf3\x8f\xfc\x01\xf0G\xfc\xe9KS\xb0\xb3\xbc\xacR01\xe7\xa5"a\xaf\xee\x00\x00\xb46\x90L[\xf5\xecg\xc8\xb4\xcb\x90I\xaf\xd9\x97-\x8eGJ\xb4\x14D\xf5\\\xda\x8e\xd3\xf8\xdbQ\xab\xed\xf7\x9c\x15\x87pOZ\xc9\x16\xb3\xa5\x13w\x9ar\xda\xc4\xec9V\xb1\xf88\xc8\xad\xaa\xe5t\x82\xa4\xabn&lt;\xe5\x17`\xf3\r\x00\x88\xa7\xc4RQ\x16\xc6q\x9am\x8dk\xbev!m\x16\xda\xb3D\xf9x\x85\x0c\xec3\xf7j\xc2\x9cM\x89\nYN-\x85?\x91;3\xfe(\xd68Z(AF\x00\x9a\xc7-\xb0\x02\x1fy\xd2\x98\xfevs1\x18\xb6\xe2\xc1\xa5\xefV&gt;\xec\xde\xba\xdd(\xd7\x8a\xb5\xfbl\xd4\xa2R\xa2\x94h:s\xdbm\xf4\x99{5\x99_\x1b\xa2\xd4D\xe9\xae\xfc\xc4\xa6\xeb \xa2\x95\xe7\xa0\xd4Z\x18@\xf4\xee\xcfD\x94\xb7\xda\xe8\xe3o \x16\x01l\xdde\xbc\xd0\x8d\x15\xf2lr\xd3\xd7\xd0p\xfa\xab\xcfJP\xd8\xa4\x90d)\xf9\xb6\xde\x06\x00S\xc5\x98\x06\x91\xdb\x01D.\xba%x\xd2\xea\xf38\xf3I\xeb\xd1?y\x05\xab?\xe9\xb2\x8e\\\xfd\xf8\xc8K\x8c\\\xfd\xb8\xb3\x88\xad]\x9c\xac\r!{w]&amp;\x95:-o8p\xfb\x0b\xb3\x1b\x90\xab\xf2\x88\xe1+\x1f*\xca\xaab\x87\xa5\xba{i9.o\x86\xfa\x03\xb6Q\xba\xea\xd9\xca\r\\rR\xe9\xbd\x88I\xdf$\xaf\x90HKI&lt;\xb8\xb7o\x1c\xaf\x86b\x89v\xde\x03e\xd4xi\xd4\xad\x88b\xb1\x8e\xff*\xbdf]\x8a\x93U\xb4\xf1e\xc2\xec\x86F\xae~\x9c\xa1x\x8f\x99\xfb\xbe\tzIX\x0f\xd7[\xa2\x14FM\x15\xa4`\xfd\xc9\x00n\x02M\x86\xee^|B\xe2\xc9*\xa4\xbd-H\x9a*"_xy\xb4\xf2e\x18\xb8\xf86\xd7\\\xc1\xad\xa4&lt;\xa0TS\xa7\xef&amp;\x96\xff\x8a\xb3 \xf2%\xf2\xa1$\xa5\x99\x10,\x80K?\xd8\xbbJ\xaem\xc1\xcas\xf0\x0e\x1d\xaa\xa0\xf8\x14\xa1*\xeal%\x9d\xa6\x9c&gt;\xf5\xc1\xb0T.\x1f\xd6PgM^\xa6\x97\x7f\xea\xeeP\x0f\xa1\x18&amp;y\xaa\x8e\x92\xf9\x95fg|*\r\x0fj&gt;\xab\xe7\xacKg&gt;I\xcf\x0f\xd2j\xade\x1d0k\xdf\xb79\x07\x7f\xf6\x9b\x7f\xbd\x97q\xcc\x1c\xb1IVb\x9f\x16|\xa12cR_\xfa!\xef\x85\xeaR\xaeA\xe4\xb61\xeb\x9f\xc3 \x87\xe2 \xe7\xbcE\xc7\xa1\x91\x00\xaf\x1a\xc2\xa3\x0e\xb7\xb5\x14\xa3^\xf2\xf3\xd7V\x91sJ\xb5\x9cS\xad\xfb\x1a\xd9\xc9\xcd\x16\xc6\x05\x88\xa7\xbe6\xff\t\xd8Ml4h\'\x91\xdb\xd6[F\x16\xbc5z\xae\xd3\xa8\x90\xf8\x16\xd7K\x14\x919\xb8\x1f\xcb\xaa\xe7\xacK|\x17J\xc1\xa2\xad/\x8eO\x8d\x9e\xeb6\\\xb5\xed\xb2\x16\xb7#\x0b "\xea0\xefH\x1e\xad\x8a\x08\xa83\xf16\xf0\x078\xf2\x12D\xe9\xe2z5\xfc\xaa\x0b\x87\xe5\xca\xc5\x16\x04\xa0\\K\xc7\x94\xfe\x0bn\\\xfe\x19[V\x01}\xab\x8c,\xd2H\xee\xb6\xac[\xe1\xaeL#\x9a5\x85\x80\'Q\xf4\xaeOb\xbd\xb9\xe1\xc0\x1dJ\xfa\xba\x95\xebW*I\x9c+f&lt;;\xcd\xc3\xaee+7\xd0\xd6\x85\x02(T_\xae\x8cKb\x9f\x16\x00:N:\x19\x83\xd6\x1c\x00\xeeH\xf6\x9f\xbd\x8f\x00@\xa4\xe9dM2T\xd0k\xf6\xe5\x82\xf5&amp;\xc9L\xbc\xe4$\x84\\)\x92x\x87\x0e\xcdQa\x08\xf3N\xdeq\x17Q\xeb\x9fkZG1bl:%A\xbcl\x8d\x0c\xe3\xacG\xedC&lt;K\xabR-\xe6\x0c[\xf9\x10@\xd3\xa1\x1a(\xf6qc\xba\x8b\x9f6\xa6yq\xb26\x90\xfd\xd8&amp;h\x10\xb9=\xb0\xeeD\xeb\x0b\r\xed\xb8\x0c\xc0O\xd9\xe6\xc1\xea8\xf4\x1c\x00\n\xd6\x9b&lt;p\xf1\xed\x1a=\xd7\xdb\xa2\x08\x87\xcc\xf5\x1c\xb348\xf0\xcc\x10K&amp;m\xe1.\x94\xa1\x06\x91\xd3M\x18aeA\x9b\xaec\xc2\xe6\xd7\x16\x12\x197f\x83\x81\xdb%S\xbb\xef~\x80\x94\x01\x1d(NQ\xeb\x97\x7f\xa4H\xa1SKl;\xfeX\x87\x89\'\x94/\xa5$\xaf@\x94@\x96\xf3\xc9\x7fM\xe7\xf9?B\x87\x89\'\x1a\x0e\xda\x11S\xa5\x7f\xb6\xf4\xf8\r^zW\x93\xaf\x19\xdb\xd1n\xfc1\x00\xf3\x0f\xff\xce\x1d6\x92\xa8\x90~\xe2\xe5m\x92,W\xe5\x11\xfa\xb03\xb6b\xc1\xd1\xbf\xf7c_[Ul\xbf\xb4\xd5\xe8\x83\xdcM\xac\xdcy\xc5\xae\xfb\xa0\xb4a\xec\xbf\x8db\xae\xefiK\xde\xeac\xd8r\xa1F\x16\x91\x19(MX\xcfY\x97\n\xd4\x9e`~\xec\xcc\',8\xfa\xd7\xea"\x92r\x1f\xee\xb9*\x0f\x97\x7fZ\xa7\xc9\xca\x044\x0e\xbd\xc0X\x93\x1d\x814a\xfc\xb7\xef\xd5\xdf\xd6vZ\x00\x95-y\xea\xcf\xd8\xf3\x85(\x07\xdb\xc9J\xee\xdf\x16\x80\xa4I\xbf\xefM`\xf4\xda\xa7KO\xe1\x05\xe0QR\x03\x91\x1fi\xe6\x1c\xfc\xa9\xf9&gt;\x9a\x11\xdd\xa2\xcf\xdb0w\r\xc8O.\xe5b\xba\x0e\xff\xef8\xf3\x89\xbd\x80E\xfd\x10\xd8$\xdd\x9eURA\x97\xa9gF\xaf}*c\xb7\xde\x86\xcc=\xf4\xebF\xec{\xfb\x9a\xc3\x1fy\x07/\xbd\xeb\x98\xa5\xbe\xfcs\xe3ekl\x8dE\xbdM\x99\xb9\xef\x1b\xbb\xa8k\x7f4\xbc\x0b)IH\xbd\xe0\xe2w\xd4\xec\xb5^\xbbR(}\xd1\xeec\xd6=\x93-\xd4c\x80\xbb\x95\xe9\x8bu\x97}RZ\xcaP\xc3\xf8\x03\x98\xb5\x98\xfc%R7Ch?"\x9dJ\xbc%\x079\x13s\x9f#\xaf\xd8\xce\xb44i\xde\xe9k8k\xdf7\xd9\xd5\xfb\x7fFQa\x8bJ\xdb\xb9vh"\x8b\xfa?\x88\x88\x12\xe4hZ\xaa\xe5\x1c\xb1\xa3\x85\x1bN\x05\xf0O(\x8c:fi\xc0\x0f\x95m\x7f\x00\x10\xf9\xc5P\xe1\xa9\x89r\x9a\xfd(l\\\x033l]9Fp\xcb\xb9\xc3V(3\x84$"\xa2\xecD&gt;\xb2f\t\tK\xb2\xcb\x91ph\xd1\x0eW""\x97\x90\xc9\xdb\xdfi\xb2\xe9\x10/{cY\xf6M\xc9\xca\x9b\xfc\xf0^\x7f\x13\xf3\xc9U-t\x8b\x93\xb5!Q\xaa\xb7\x02} \x91\xf1kU6i\xab\x9e\xf9\x08\x15n\x0b\xadF\x1f\x94\x91*\x1d3\x16\x03\x10\x9bcV\xf2\x89-\xe2s\xfaVS\xea\x97\x19cx\x94\xec\xad\xc9\x12b\xd7ig\xad\xcfDk2P\xe2\xe0\x1f\xc0\xce{\n.\xd0\x9e\x03\xf4\xff\xb0\x12\x99\x01\x7f\xfcjD-9\x89GF\x83oF[\xd7\x8d+\xab|\xbb\xc5\x15;,\x93\xb9\x1d\x960g3\xb6B#\xb3\x13\xeaR:\xdaX\xa0*i\xd9\xa4yZ\xb3?\x1d2\x8b\xce\x0c&lt;J\xf6\x89\xeb\xd5\xc85\x7f;""r\xa48E\xad,v\xe0\xe2\xdbs\x0e\xfe\x149\xa8,J\x07\x11y\x96\xeac\xfc\x02NB\xb2\xbb\x90)I\xcb*\xf7\xfe "J\x90\xa3\xa9\xbc\x84\xae\xb2\xfa\x80\xcdD\x99\x94q\xe0)\x96\x9e\xc4\xbc\xc3\xbf\xfe\x18W\xbax\xd3\x19D\xb4\xf4\x14\x16\x1e\xc3\xdaK\x00\xb3\xf8\xd2O\x1bmQ\x93\xfe\x0bn\x00\xb0\xe7wI\x85\xf6K\xcc~S\xe0\xe7\xc3\x0c\x13Xt\xb4\xbe\xf3\xae)*:c\x89^\xbd\xe7\\\xe9\xbf\xe0\x06\x11\xc5Z\x91X\xa5\xdf\x07\x90\x08$\xa75\xe9\x8bu7\x8b\x0e\x92\xd1\xb7\xcaH\xfb\x94\xfe\xff\x8d\x06\x03\xb7\x9f|\x07\xc8\x15\x94`\xf1YU\xce\xa4\xdb\x8c;\xca\r\xf4;\xee\x02@\x9d\xbe\xf2\x15\x94\xe2\xcb7^aA!)a\x10\xf7K\x9d\xbe\x9b\xa6l\x7f\x9f\xab\xf2\x08"\x07;\x1b\xc1\x00\xa8\xd0\x8e?\x1c\xb1\xd8A\xc2\x91\x04\xeb\xf6\xdb\x0c w\xd8(;T\x8c\x83\xdd\x911\xeb\x9e\x01x\x0e\x10y\x97o\xb7\xd89O\xb8=\xeb@DD\xe9k\xf5\xde0ZRl\xb2\xd7\xacK\xa2\x9eZ\x1e\xb5g\xec\xf9Bn\xd5,;\xd4(\xd8\xe2\xb4vJ\xeaf\xba\xbe\x94\xa8\xd4\xe2\xe3\x08\xac;\x89\xfd\xb8\xf3\x1e\xce|\x04\xb9Vd\xff\xddv\xc7\xd2\xa0\xac\xd6k\xf0\xf0K\xbc\x032\x96\xe8\xa9\xeet%\xe4\xe80\xf1DkYk\x1a\xa2\x18\xaf\xca(\x9e\x94\x1c\x7f\x03\x00\xd6G\x1e\xb5\x03Ir\xb5\x14;d\xb0:I\x13f\xcf\xd5~\xe7\xbc\xe1-G\xee7\xfa)M\x98\xb8\xda\xce\xff\xf8wp\xabf\xf2dU\xe9"\x10VK\x01\t\x82D\x0e8\x9b?\xb9e\xc2\xe7\x03 JdU\x89\x1a ,[AD?\xac\x18s4\x81\x89\xd9\xf5\x99{5g\xc5\xa1\xd6\xcb\xd1\xd4\xea\xbdAgS"\xf7\xa3??3\x05\x9d\xb2\xfd\xfd\x84\xcd\xaf\xe5\xc5S1x\x15\xcao\xb7\xa6Cw\x139\xca\xab\x921e#\x16\x0cYvo\xc4\xaaG\xf2OI_\xac;x\x81\x9c\xbaE\x9f\x1b\xbe\xf2\xa1\xba\xdb\x9c\xbb\xea\xa8\x0e\x93N*:\x85\x8f\x1dzU\xbe\x9ac\x1f\x02\xc1\xe2{\x99\x96\xd0\xc5?9\xf0\xcch\x98H\x98\xb3\x99\xb2l\x92\x04\x8b(\xb0\xc4BDE\xe7mk\xf4/\x8eg\xa9&gt;&amp;\xbf\xb4\x1a}\xf0\x03\x90\xab\xf2\xf07\xff[\x06\xb7#b\xba\xbb\xd6\x88~O\xdc\xf2\x86{\xac\x9e\xc8\xb8\x9b&lt;\xab\xd7\xec\xe6!\x8d\x01\xac\xb9(\x96\x89\xa0\xba\x93\xc9\x06y|E\x1b1\x1a!:\xf4_\xfd\x1d\xc3/`"\xfa\x0bL\xd8\xfcz\xd1q\x0cZ|\xc7\xaa\x8c\xe2\x16\x03\xd0x\xf0\xce\xc8E\xb7\x00\xb4\x1c\xb9_&lt;\x8e\x8e\x81\xb4\x85\xbaT\xec\xb0\xf41\x00\xe05`!V\xbd1\x00\xbe\xd8\xba\xdd\xc2\xc7\x1c\xe2\x96q\xe4\x9f\xd5\x90\xe7h\xd5n\xfc\xf1\xcc\xa5\xfb)\xcc\xc1\x93\xfd\xb3\xe88v\xdd\x8f\xbd# ?J\xb6\xd8"\xc3\xb0\x15\x0f\xe4]\xb8\x03\xcb\xa7l\xf8\x02\x00\xfb\x9f\xc8\xbfj\xbf\xc5\xc7\xf1-v\xbd\'\xb2\x16\xaa?\x05@4\x0b\x9d\x96\xae\x1a\x91\xa7\x9c\xd8\x1e\xc3W&gt;4\xb7\xf5PN\x01\xcaT\xd7\xba\x1c\x9c*uZ\xbe\xfd.\xf2\xd5\x1c{\xd3\xba\x86MWT\xb1,\xce\xffg\x00d-\x1b\t\xe0\x99i\xb3\xc7\x88\x89Y\xbc\xc3/L\xef\xbe~\x1cKk!t\xa0\x08\xaft\xa7\xdb\xca\x8b]\t))M\x15n\xf8\xba\x12sZ\x16\x85\x1bN\x9d\xb4\xed\x1d\x80I[\xdfZ\x93\x8fO\xa5a\x00V\x9c\xd5]\xd1\x9eG\xca\xcc\xc5\x1b\x0f\xde\xd9r\xd4\x01},Z\x19\xc4/\x01@\xc8\x02Qk\xbcC\x87\x01\n\x95\xc0\xcc\xc8\\\xba\xbf\\\xc9\x98\x0c5\x00&lt;\xe5}\x0e\x96k\xbb\xc8\x9a\xa2mG\x81\xda\xe3\xf9\x9f\xad\x01u\xcc=\xf1\x03$f\x1e\x8d\x07\xef\xe4K\x87\xb3\x94\xb5zo\xd0\x9d"\xcf1\xa0t\xeby\xfa"\xd2\x8c\xdd\xf0B\xb6q\x81\x8dHF\x94\x93\xab\x92\t\xb9\xaa\x8c\xb0\xb4\x0e\x93LT\xbe;s\xbd\x99{\xbf\xca\xd1\xae{\x02(Z\xb0\xb1%\x01\xb6\xdf\x14\xc8d\xe3\xfc\xed\n\x00N\xe1G\xcc\xc1!\xac\xeb\xaa\xfe\x0bnP\xa6z/\x00\xdb\t\xa21\xf8\x1aX\x95;\xaf\xe0b\xbeJ\x1b\xf0K\xa0\xf4K\xc66\xe4\xa9\xdam\xb5s\x9ep\xdf*#\xb8g3fWz|*\r\xbb\xfc\x13\x94\xb0\xa45\x99\xcc\xd8\xfb\x15@\xe7)\xa7\xd9\x15\xd5\xeb\xbf\x85\xd2\xc4\xa4s\xa0\x1c\x12y7\'JG\x19\x8d\x87z\x00&amp;\xe2^\xfd\xe6_\xb7S\x8dRVj\x10\xb9}\xfa\x9e/\x00\xb8\xfe\xa17"\x10\xa5b\x87\xa5\xf6\xa9\x9d \xdf\xf5\x9d\x98\xaf|\xc9\xd6\xe1\x19f\xd3yJ\x90\xa3i\xd3\xa1\xbb\xd9\xd1\xb9\x87~\xb1\x1f\x8f\xbfE\xa7)\xa7\x9d|[13\xd1+\xbf\x90\xa6\x90T,\x8ec\xafA\x14g\xf8\xca\x87\x9c\x17\x9d\xd9\xa0\xa0f\x92.\x0f\xe9;\xe2\xcc\x7f\xef2\xd9Y+#\'\xea{\x82\xe8nV@\x9d\x89\xd1\xbb&gt;\x91sY\xeb\xc7\xb8\xb8^\r\xa3w}\x9a\xb1\xf7\xabt\xfb\xc7\nb\xd4\xffXk\xf2\x00\x18\xb7\xf1\xe5\xb1\xd7(\xd1t\x86\xd8\\m\xc3U\xf4\x99{\x95\xc5K\x9f}\xe0G`]\xb9\xb2e*\xe0\xc7\xedy\xa0\xef\xcf_\x01"\x8a\x9f\xbd\xb1\xcaL\xe3\x16\xd3\xa4n\xeaI\x10T\xb3\xd7z\x005z\xae\xe7\x1eR\xf2\xb4r\xd1\xc8\x02\x1b\xae\xc2\xa7\x92\x02\xc5\x0fU\xa4\x040\xef\xb0nU\xdd\xa3doS\r\x90\xd8H\\\x8a[\xd4\xd4{\xe8\xc03\x14\xd0G?\xb63\xba\xde\x90&amp;\x8c(\x9f\xfc\xb3F\xadyb\xb3\x1a\xc9 E\xa8\xa1\x1f\xeb\xe1~\x11\xdc\xf2I\xe8\xddl\xeb-\xc3+\xca\xa2\xe2\x9d\xb9\xab;\xebe\x9d\xa7\x9e\xe1\x97\xbb\xfb\xa1\xed\xa6\xb1\x8am\xf3J\xb5\x98\x03\xe0\x17@I\xcbX]z\\\x00\xc7\xde\x88^\x1d3\xa7\xbc\xf8\r!m\x16Z\xff\x02f&amp;\x0b\x87_Z\x95\x8f{\x89^Sv|\xb0\xa6\x1a\xb2H\x1cl\xf3"l\x82\xe0\xd4\xd0\r\xba\x8f\xda\x94\x12g\xae\xbe\x00\xbd\xcfh\x1a\x8a_\x82\x92\x96M\x98\xb3\xd9\xd9\xcfp\x0f\xea%\xa7\xe0\xb1\x1b^\xfc\x01\x14Z\x1b\xb8\x10\x11Q`\x87I\'\xef\xc6\xe8\x97b\x8e\n\x835\xc9\x87=&amp;\xbfd}\xfe\xfaFD\x1d\xf6\xad2\x92(\xd0\x8a\x023n\xbd\x85#\xaf`\xbdC\x944)\xf2\xb7\xbf\xa7\xbf\xa8T\x81\x1d\xef\x03Dn6-\xf1\xbfF\xae\xca#,\x08\x1ag\xa8a\xfc\x7f\xd1\x80\x83V2d\xd9=\x99)S\x14\xe8\xf0A\xfc\x05,~\x9e\x9b&gt;\x81\xc5\x08\'\x89\xcdM\xacK\xb5\x9c\xd3{\xce\x95\x8b\xdf\xb9R\xd2\rXx\xd3\xca\x17\x8f%\x02)ue[\xe6/\x8eS\x19\x0b\xde#i\xaa\xe8\xc7\xdf\xfc\x00\xeeY\xd7\x0e#V=\x9a\xb2\xe3C`\xbdI\xaa%\x87\xf2V\x1bc\xfd&lt;\xe0\x7f\x98\xc3Z\xf5\xf4\x07\x18\xcbX\xbal\xbc&amp;\xb7\xa9Y\x0e\xdb-:_\xc4F\xbc#\x17\xdd\xd2\xc4\xe5\x94\xf9\x822\xde\xc9\xe8\xa5\xcd\x86\xefm:l\x0fQr\x8aW|\xf3\r\xe5M\x97\xae\xfa\xfa+\x00\xf0\x19HQ@\x9b\xb0\xad"\xb8N\xdc\xaa\xd3\xf9\xa0\xb4a\xe1c\x0ek\x1b-\xf7\x1f\xc5O?\xc9\xb2\xf8\xa6\x91\xc4\xad\x9aWH\xa4k\xfevY\xca\x0c\xe0\xfd\x9a\n\x80\x95.@F\xe8\x8d\x80\xe4\x8f\x9e\x00&gt;\x02\xe7\xbe\x18u\xe5\xd1\xeb\x9e\xd9a\x08\xe6\xbf\xe6\xcf|B\xc1\xfa\xb1]\xb8\xd1\x0e\x1c~\x81\x1c\x15\x86X\x93C\xf8\x98C\xe6v\xd1\x8a\xa8\xddg#\x00\xf2\xb4\xa1\x9e\xfe\xffO\xaau_\x03`\xff\x134\x1f\xbeW:\xa5P\x90\x0c=IJk\\-\xdb\xf3\x138\xff\x15\x00\x86.\xbfODbN\xbd\xb2H\x10\xa4\x1b4\xd2\x84)&lt;3\x17[xSj\xe4\x18Pg"7Ri\x12xC\x92\x8c\x0b\x8f\xfd\x05\x10\'k\x03"_\xdb\x15S\xb7\xff\x96\x7f\xe6\xf3Z\xb1S\x8d\x10k.\xe2\x01P\xaa\xc5\x9cY\xfb\xbem\xb9i\x83\x17[\xc2\xa0\xc6\x83w&gt;\x07\xdaO&lt;ATP~\x07\xe5\xfa\xd6\xdaK\x10\xfc]\xfb\xaa\x1a\x17An\xd5\x88\xe81P\xb1\xc3Rr\xb1\xad\xcb\x7fb\x9f\x16-G\x1d(\xdcp\xaaMK\xb1\x06\x8d\x04\xf1\xad\xc4n\xc2u6W\x92\x8a\r\x84D,\x8c\x18{DA\xe0\xbf\x8c\xb5v\xdcE\xf9v\x8b\xeb\xf6\xdb\xa2\xff\xc9v\xf6\x10\xf6\xe0\x85~0yl\xfdx\xe2\x1c\xf2\x18\x88\x9bMM4\xf4\xa1\xcb\xef\x9b\x87z\x93\xc4\xf1\xe4{l\xbc\xa6\xab\xbc@\xc4=Yx+z\x95\xd6\xeb\xbf\x05@\xfc\x1cM\x88\x88\xe9@8\xe5n\xa5\xaa\\q\x12\x04u\xb4\xc2?\xf6\xdf$^q\x00B\x9f&amp;\xd2\x8a\rl\t"&gt;\xb9U[|\x1c\x12/E\xeeP\xe4\xc2\x9bDT\xaf\xff\x16\x16&gt;Z\x9aT\x81\x1d\xb9\x13g\x98t\xaft\xd5\x01L\xde\xf6\xceb&amp;\xea\xf1\xa8\xdd{\xce\x15\xf6\xe7-\xe0\xf4\x07T\xef\xb1\xd6\x16\xe58fi\x10\xb9\xe8\xd6\xb5?\x98\x7f\xe4\xcf\xaa\xf3\x8a\xe4\x84\xecG\xf6\xf2\x83\x99\t\x86=|\x03b\x03\tJ\x00Pd-a\x7f\xac\x9c\x80\xd6\xed\xb7y\xe6\xbeo\x9bo\x80\x92+\x13\xe4Yp\xe4\x0f\xdb\xa0\xe9&lt;\xe54Q&amp;\x00\x13\xb7\xbc\xb1\xa6&amp;Zc\x1aX\xa2\xfe\x80\xadbI\xaf\xfd1\x0c\\A\xcdf\x89%\x8b\x88:,\xdd\xda\xe9\x8atk\x10\xb9-w\x98]%\xde.\xffD\x89f3\x01\x8c\xdb\xf8R]\xf0\xd3\xc6\x83w\xfaU\x8f\x92\x9f\xde9o\xf8\xf23\xbav8\xfb\x19.y#\x00\xe4\xab9\x8e\x88\xbaF\x9f\xa3d\xf6\x8f\xbb\x13\x1b\xbc\xcel\x06\xeb\x97&gt;\x95\x86\x11\xd1\xb5\xdfF/\xd7\x02u&amp;@\x88\xda}\x04\xde\x1f,\xa0\xd8\x1f@^\x94u\xaa\xdbos\xf6\xf2\x83v\xdc3\xca\x99\x88b*f\xcb\x8c=_\x00\xcc\xda\xff]\xb3\x1c\xf5^\x01M\x86\xec\xe6.\xb0rg\xe1\xc8_\xa7?\x00\xc0\xe0\xa5w_\x01\x96\x85\xd9l\x03\x80\x9d\xf7\xf0\x0b\xc8Su\xb4X\x1a\xdf*#\xb4l\xa2\x18E\xd7\xe5\x92\xc4^;\xactE\xbaY\xf9\x02f\xd7\xb8\xed\xb6\xe2L|\xab\x8c\xfc\x08\x00\xa8\xd4i9\xcb\'6y3\xe6\x07\xc0\x97\x18\xd2\x8f\x1e\x02^U\x15;,\xe5\x9e\xbe\xd1k\x9fJd\xaa\xdb\xf8\x10G\xe2\xf3\xc3\x0e\xf8\xd7\x18ku\x1eq\x15\xac\x82\x10\x11\xd1\xee\x07\xf0,\xd5\x97]\xf5;\xeb/?Ii\tG\x0cq2\xa8/Q\x1a\xbf\xeaQ=g^$\xf2"J\x11\x11u\x98\x93U\xc9P\xbc\x87\x95\xa5\xf2=\xf0L\xa8?`\xeb\x0b^#\xee{\x02\x00#V=\x8a\xda\xf0\x02\xc0D\x9e77\xe7\xea\xf3\xd8\xf8\x05,\xecN\x9a\xba\x8a\x92{\xe3&gt;x\xe9\xdd\xe5g\xb0\xe0\xe8_~\xce\xf9j\x8e\x8b\xa9\xfeM\xe42\xff\xc8\x9f\x86\x035\x8b\xb1:d\xd9=\xf2\xac\xc3f\xaff\x93\x0c&gt;~\xcc\nF2\x8d=\xd0\xeftd\xc8P\\B\x7f4\x80[\x073\tRf\x89\x98\x99U\x98\xe2Q{\xd6\xbeo\xd5{\xac\x8dZ\xff\\\xdf\xd4\xfe1]\'Q\x1a\x0f\xde\xa9\xdf\xb3\xb4?qS\x17\xec\x14b\xf0\xc3\x8e\x1bC\xd5\xd0\x91\xa3\xc2`\xe8\x83Vu\xd1;/\xe8\xe6\x04\x19kB\xfc\x03}\xb7\xde\xffIHm^)\xf9M\xb6\xc9\xfe5d\xabd\xe8\x99\xba\xf3c\xa3A;LF\xb0\xb9\x87\xc4\x02KH\xc1\xceU\xea\xf2Z\xb2\xc5l9\xaa\xf2Ir\xb5T&lt;rB\x84R-\xe78d\xaeG\x94KQE\xf9T\xee/i\xe6\x99\x00\x00 \x00IDAT\xbc\x12Z\xc8)\x0cYv\xcf\xfc\xaa\x00\x10\xa5\x17H\x9d6\xac\xe5\xa8\x03\xf23/\xdfv1\x80\xfa\x91\xdb\x8c_&lt;\xff\x81x\x85\xdc\x1c3\x1f\xf3\xb6\xe4\xc3\xf7in?\xe18QR\xa2\xd4D\xaeDyN\x7f\xd4\xa5\xb1\x85\xfb\xdd\xf4\xdd\x9f\x01(\xd2gf\x0e\'R)R\x86Z[-\x95\xb8/=\x85\xda}6\xf6\x9d{UFb\xe3\xcd\xcb$\xa5Y$\x83\x98\x9d\xeb\xd8\x06Gk\xed4\x8d\xc8e\xc3/\x0f5d\x01\xb0\xe3\x1eH?r^\xfc\x0e}&lt;\xc1\xd4-L\xa4\xc8y\x14\xac7Y\xe6\xd0\xef[e\x84\xb6\xa1\x82\xc5\x11\x1a?c%\x00\xf6?\xd1=)\x9c\xf0u\xbd\xfe[,\x9fiF\xfd\x01\xdb\x00\xbcT\xf8\xc4\xb5\x1au`\xc2\x967\x8eY\x1a\xe8\xc3F\x99*\xe7\xc4\xf5j\xb8\xfc\x0cv?T\xfc8\'\xe7\x8f\x02\xe1c\x0eq\xe2\xcfV\x92\xc8\xa7\xb9ap\xf1\xb0\xca\x8e\xf4\xc4[\x05W\x05\xa0\xdd\x84\xe3\xf23gn\xec\xdd\xa7_0\xd4\xd6\xad\x9a\xda\x9a\x9a\x90B\xa3|\xac\xc7\xdb\xe4\x05|\xfd\xaf\xbe1]BXW^~Fw\xe1\x0b\x8f\xd9\xea\x950j\xcd\x13C#\xcb\xe6K,~?\x9d|\x8f\x15gQW\xcd@\x90\']\x91n\xd1\xbb&gt;\x8d\xdd\xf0\xa2`\xfd\xc9\xadG\x1f\xd2\xber\xf6\xa2p\x83\xa9\xe4d\xf0\x11o&lt;x\'Qv-#\xfa\xd9E\xf2B~\x0c\x9f\xe4\xfem\x89\n\xce\xdc\xfb\x95\xf5\xe4\xa4\xb9[\xcb9\x8b\xff\xf4\xb5\x1d\x7fL"\xe5\xc4-o\xb2\x95\x1b$\xb32\xaaHMDC\x97\xdf\xaf\xddg\xa3\x0c\xf7\x9eL\x12\x01\x13\x95\xa33\xc7\xc9[}\x0cQv\xf9\xa7\xcd&gt;\xf0#\xb8\xe5\\KCG\n\x99\x86\xf1l1\x82\x05\xf7\xb3\x96T\x95\x88\xc89O\xf8_\xe0&gt;0\xff\xf0o\xf0D\x99d\xc1M(\xce~\xd6l\x98\xeb9\xeb\x12\xbf\xc3Y\xe9\xae\xc7\x85\x8c\xb6&amp;\x93\xf1\x9b_w\x9ez\x86\xff\x8bc\xd6\x06D\x94\xb2@\x07\x00\ts6\x13{7\xd4\xe8\xb9N]\x04\x8c\xe8]\x9fb\xc9\x82gh\xc7\xe5-F\xee7y\x07\xeb-\xb0\n\x02\x88\x88:\xfcV\x7f\xe1\xdc*\xb4v\xe5\'&amp;\xca\xea\x9c\'\x9c\x12\x95b9+[4NW}\xc7\xddX\xfa\x02\xb6\x86\xb8^\r\xbbE\x9f\'\x8f:D\x99\x06.\xbe\x1d\xd3\xd5\x11\xc7\xa3\xb6\x84\xf9I\x97ig\xd7]\xd6\xdd\x9dm\xb7u=\'sp\xbfN\x93O\x03\xa8\xd2\xd9zSvY\x96\x1c\xd6\x92\xa4t\xcf\x99\x97\x14\x9d1u\xc7\x07\x93\xc7$\xb1O\x0b\t\x99\x0b\x93\xa7ObV\x01`\xd8\x8a\x07D\xc4\x9f\xd6h\x8a+Q\x12\x87\xcc\x96c\xbc6\x1c\xb8\x9d\xd5\xf63P\xb5\xdb\x1a\xdbTF+\nN\xda\xf6n\xd59\xb9\x03\xc5\xf6;L\xa5J\x1b\x07\xa76c\x8f\xb0\x86\xea=\xe7J\xed&gt;\x1b-\xa4\xee2\xed,\x00\xcaX\x8b\x88\x88\x12\xb13\xffj\xfa\x91\x013\x9a\x0f\xdfk\xa5F(\x8ft\x8f\x94\xd7\xf6!\xcc\x05\\\xb8\x88T\xf1\x89\xa8k\xf4\xb9\xbf\x80\xb9g^\xca\x80\x0ej\xea\x18\x9b\x98\xb6\xeb\x13\x0b\xa9\xc6\'k\xd9H\xfdq#\x9bF\xb1\x89\x08\x11m\xba\xae\xb2\x93l\xbf\x03\x00\xbb\x1f\xd8\xca\xba\xdbJ\xca\xb4\x9eo]\x06yT\x9d\x95\xe6!\xc0B\xbeh:\xdd\xd1\x98\x906\x0b%#[\x1b6e\xb9=\xd1m\xb7q\xee3\x00\xd4\x1f\xc04 U\x9a\x8f\xea[F\xf1\x96\xa1r\xd2\x18{\x04\xb8H&amp;\xf6 \xa2R-\xe7\x00P\x12\xa5#\x80\xff\xf4I\xf87\x03\xe8\xbf\xe0F\xbf\xf9\xd7\xf9\n\x9aZ\x13\xd7\xb0M\x90\xaar2\xbf6\xcb\xcf\x80\xc8\xdb\xbc&amp;F\x93\x06"\'_\xad\x1d\x814b\xe0\xe2\xdb1\xfb\x1c\xf5\x9b\x7f]\xae~C\xd9\x88\x05\\ES\x17\xecD\x99\xeaZ\xb9DlN\xf3\x11\xfbLn^\xc9\x16\xb3UFR4C\xb2\xa1c$\xdc\x8a\x14{\x1f\xeb\xaa\xeaQ\xb2\x0f\xc5+\xe6\x9c\xd7\xd2J\x97\x93-\xe4\x05R\xa7.\xd8i\xe8\xf2\xfb\xdc\xed\x90\xd8\x98g\x91\xbd\xb5\xed\xca\\\xb9\xd3v}\xd20[\xed\xb0j\xcf\xb2d\x8b\xd9D4~\xd3\xabT\x01\xe2\xaa\x11\xa68,;\x85_\x00\x1b\xc7\x11[B\xeb\x08\x92\xb3\xd3\x94\xd3\xf2S\xdf\x02\x86\xaf|\xf8\x16x\xa1\x8b\xdb\xa1\x1e]\xcbh\xb0\x04mY\xef\x82/\xc0\x1e\x12\xb1\xd0D&amp;=u`\'\xbd\x9fX&amp;\xb5\xea\x19\xa9\xb9\xa7`\xcdE4\x19\xb2K:\xb5\xa8\xc9O\xea*\xe4ZQU\x05\xc4\xc8\xc5\xec\x9b\xcc\x0fp\x115\x00\xb0x3\xb1\xcc\x07\xcc@\xaf\xd9\x97c\xf9D\x96\x91\x01@\x8b\x11\xfb\xf4\xff\xb5\xed&amp;%\xd3\n\xe7\xf8\xaeQ\xebt\x9fq\xe1\x83pV\xd94\xc9_[\x1c\xb34`\x7f|\x00\xe2go\x92\xba`\'Kg\xd8l\xbe\x9f\xa1&amp;w/\xca\xb7[,\x96j\xea\x8e\x0fY\xca\xf4\xd7\xba\xec\x9c\x86yt\xfc\x12V\xe65l\xc5\x83?\xc0\xf17\xc8\x1c\xdcO\x93\xca)G\xd0\x87AID\xa3L\xf5\x00P\x82\x12D\xf4\x1c8\xf4&lt;V\x0f\x1cRrT\xb6DrHU\xfd\x98X\x1e%\xfa\xce\xbbf\xa22=\xf7\xe0\xcf\xe2M\xa6\xeb\xff\x97E\xb9vR\xea\xcf\xbc\x91\xb0\xd9\xb0\xbd\\\xa8\xd6X\x0eW\xe7\xa4\xb9[S\xfa\x1a\x9c\\A,\x04@\xea\x82\xb1=\xecJ2\xd6\x9a\x9f5z\x17\xbe\xd1=!\xc9\x00\xac\xbe\x00\x00\xeb\xaf\x08\xe7\xac\x7f\x96b\xc5\x9e\xa8:\xe2\xa9\t\x9cb\xba\xaa\x13\xb3\xc4\xf5jT\xae\xcd\xa2\x0c\xc5{\xd8\xbf\xe8"\x8d\xa6\xb1&gt;\xf0\xdb\xda\xbe\x97\x80?\xab+\xd2h\x9a6\xf5\xb37\t\x0f&lt;\x8d\xd5/]c\xe2\x11QLEv\x11A\xad\x88\xa3\x8c@\x02\xbb\x1f\x9a\x87m\xb5v}\x82\xdfi\xad\xcc\xca\x9epu\xee1\xf3"e\xaa\xa7\xa9}\xbb\xc6\x94\t\x9fo\x9f\x82r\x87\x8d\x04 \x1dkD\n\x00\xc9\xfc\xdbhR\x15vo.\xfd\x00\x80\xc0z\x93$z\x18S\x81\xb1\x8f\x92\\\xe7)g\x16\x1d\xd7\xa6\x97\x87u]\x05@\xa9\xf2K\xc4\xd8#9+\x0e%J\xbf\xe5&amp;\x92\xe4j\xa9IM\xfe\x03\\\xfe\xa9\xc1\xe8\x03crV\xb4J/:\xa6I\xf9o\xa9}\xb5\x19wT\x85\xf9\xc5?G\x9b\xb1GB\xda,$g-\xe5`\xd9H\xa2\xc9\x0bx\xdc\xc6\x97\xfd\xe6_\x973\x93\x88\x88:\x02X\x15\xa0w\xd5y\xae\xcer\xc3!\xb0\xf4\x8a\\Q4\xc1\xadpW\x89\xa3{\x1f\xc1\xf2\xf6\x9f(y\xf9\xffav\x1b-\xc5]\xcel\x8a\xd1\xc4\xb3X\xe3h\xaeW9d\xae\xef\x94\xbb\x95X\x0f\x8b\xe3\xd5p\xcb-;=\xba\x1aN3\xb9\xabS\xa4\xb9\n\xe0.\x10&gt;\xe60\xf4Z\xa61I\xa2R1\\\x01M\xd9\xc5\x05tew\xd9\xa3vL\xd7\xe8\xbf\x8e\xde@\xe4\xba^\xab\xc6B\xa03K\x0cXx3\x86\x03\x8fZ\xa2|\xbb%\x9a\xaf\xac\x8c\xdd\xf0\xc2\xd0i\xadA\x1f5\xf5\x05\x90\xd8\xa7\x85\x84\xa4%\x11-?\x03\x00\x17\xbf\xa1\xe7,e6\xde\xaa\xc9Uy\x84\xfd?\xf4S\x14hoig!\x19\x80\xbes%l\t\x89\x1c\n\x89-\xd0\x9a\xcaI%.\xf5\x158\xf7E\xde\x05\xce\xde\xff\xdd\xe4\x05\xae\x82\xb0\xae\xab\x88\x88\xd2V\x05p\xe1\x9bY\xc1\xae\x15\xa0\x93\x17\xff\x87W\x98\xc5\x80N:NHuK\x88\xda}7\x018\xf2\x12%\x9a\xcd\xac\xac\x81\x1b\xc6\xff0\xe56`\xf7\x87\xdc$XB"e;\xbe\xff2\x8d\x07\xef$\xa2\xa0\xe6\xb3\xf8\xf3\x9e\xe6#\xf6\x1d~\x01J\xa5&amp;\xae\xe5\x81\xa7Pd\xd5eo&lt;\xebB\xbf=\xaf\x15m\xc7\x1f\x83Q\xa7U\xb5\xa0\xedTZ\xe7\xe7\x9a\xa9.\xe4&gt;\x02\xa9sV\x1cb\xc7\'%\xf1\xce{\xfaZ\xb9\xdbif\x1c\xdaa\x19\x80\xd6c,z\xd2\xc7!J\xa4\xb6\x103\x9d\xf6\xf4\xd5\xe5\x9ez\xe0)(aIJ\x13\xb6\xf0\xe8_\x99\xa7\xd4\xe8\xb9\xee\x87\xe9\rse\xff\x94o\xb7XXF8qp\xafY\x97\x89R\x10eW\x17\xbe-&lt;\xeap\x97igU\x9ch?d\\\x17Sr\xd6\xf7\xf8Xg\x92m\x86\xdf\xec\x7fVQ\xd9+d\xe06\xfb\x84\x83\xcdP\x83\x9bt2\xdfq\t\xa9\x96\x80:\x13rU\xb6\xca\xf47\x96\xe2T\x9a\xeb\xd8\xc3W\xea\xf4~\xacPU\x8c\xbd\x1aL\xc9\xf3\xb5\x95\x1fD\\.\xae\x15\xf9\xaf\xccB\r\xa6\x10efG\xfc\xaa\x8f\xf1\x0e\x1d&amp;~&amp;\x7f\xe8\xcf\x9c\xdc\xbf-\x91\xcb\x9c\x03\x9cv\x03\x8e\xbf\xb5\xfc\x08\x04\xb7\x9c+T\xa5\nZ\xed\xd3\xf1\xf0h;\xee\xe8\xc0\xc5\xb7m,$B\xe4Q\'\x9a\xf3\xa7\xf0\xa8\x03\xa0Zwi\xff\xc6\x80\xf1\x9b^\xc9\x94LQK\x02\xa2d\xe4XD\xf8\xe0\xe8\xb5O\x15\x18\xb0\xc5/\xb1\xfb\x81\xd1\xbd\xe96\xfd&lt;\x11\xa5.\xd8\xe9\xc27\x00\x98\xb5\xef\x9b55\x15\xc4\xce\xab\x166"Sp_\xfb\xaf\xc0\xa8\xe6\xd8\x1b\x00\x88\xe5\xeb\x81Z\x92\xb0d\xf3\x11\xfb$\xe2\xd5X\x8f\xfe\xd6\xff\xdbQ\xf3\x8c1|\xfd\x03\x18\xb0\xf0&amp;\x11%\xf2n\xdeq\xd2\xa9f\xc3\xf6\xa8\xca\xd0)q\xae\x16\x1a\xd5M3tS+m\x88o\xaet\xc8:\x86WH$Qr\xa2\x94\xd5{\xac\x93\x91\x8f\xaf_\r\x93\xf0A\t\x0b\xd6\x9f\xcc\x7f\x97?\x07\x88r+\xab]\xba\xeaDT\xa0\xf6\x84\x9f\xff\xc2\x18%H\xcbQ\x07.~\x97[\xf9\xdca\xa3l?&amp;\xa7g\xf9/9\xa9Y\x11I\x88\x88\x92\x96%\xcaK\xe4\x0e\xc0\xb7\xcaH\xd9\xeb\x1e\xff\xaf\x99\xbe\xe7Kh\xc7e*N\x14\x0c\xeed E\xc5\xa6Cww\x9arZ;+\x98d\xff\x9f\xeefZ\xa24v\xb9\xde,~\xd5\xc7\xd82\x7f\xfb\xe3$\xf4c\x96\x15g1|\xe5C\xe5\xb9\xe5\xb8\xfa\x1bA\xcd\xa5v.c\x82\x84\x1a\xf6\n\xd6\xc7n\x1ag\xd8\x7f\xc1\r3Qk1\x91/\x1f"\xa2\x04A\x0f\x813\x9f@\xaeF\x01\x1co\xc1\x14\x8f\x92\xbdUT2U@\xc7"\xb18\x1c\xb8\x0c\x14,\xe3\xaf\xb9\x08\x00G^jr\x8bs\x98\xff4a\xcb\x1b\xc3\xd8\x92\xd8\xea\xb0f&gt;\x95\x86\xe7\xaf5\x9e\x88\xdaO&lt;\x11Xwb\xbe\x9a\xe3t\xd20i\xab\x86\xb4Y\xd8{\xce\x15\xa5\xde5\xd6\xc7c\xf8\x7fM\xcaJ\x94\xb4\xec\xdaK\xd8y\x0f\xa3\xd7&gt;\xd5j\xa4h&gt;|/\xeb1\x8f\x81:}7\xa5/\xd6]\x93lm\x8f\xdc\xcdx\x9d\x9e\x1f\x11\x91o\xfb\x89\'R\x17\xec\xc4\xae\xf7\xb5\xbd&amp;\x1c[n\xf2\xc3N$\xb1O\xa1\x1a\xa1\x8df\x8e9\xe9\x8bu_wYp\x85 !\xc5)j\x14\x12Jg\xe5\xebl\xbb\xca\xf0\xeb\xd5CY\x80z)\x0ccq\x9a**N\x8f\x97\xad1k\x1f\xf6\xe96f\xfds\xfe\xd1\xedwM_\xc0\xca\x9d\x92\xff\x87\x15d\xa8i\xfe[\x00/`\xaeA\xe8\xbbA\xe4\xb6\xae\xd3\xce\xa9("G\x85!L\x19\xa0D\xd3\x99\xc5\x1aO\xff\n\x0c\\|\xdb\n\x1bn\x02\x10/\x9br\'Z\x9bhB\xc5\x00\x0b\x8fA|\xb5\'\x99\xe4\xa9Y7]\x07\x80\xae\xd1\xe7\x98\xe5\x11S\x94\xbc\xfa\x1b\xda\xc5e\xcb3r\xb5.\xcc\xa3\xcdwn\xb4\xc0\x9a\xf9G\x92\\-J4\x9dADz\xa7F\xdb\xc2W\xa6=\xf8\x1c\xfc\x12;O9#tFl!\x8d\xcd\x04\r\x82[\xcd\x95\xd8\x0b;\xf0\x0cD\x99(U\xa5\xe1\xab\x1e\x01h4h\'7\xae\xdd\xb4t\xdf\xb7*\r6\x9c H:(\x82:2\x96\xe8\xc9*|\xfc\x8d\xca\x8ez\xe6#\xb8\x88\xc2,+\xc3\x07\x8cC!\xfe\xab\xf7\xb6\xc8\xdeg\xc1z\xf24\x11\xe5\x01\xc0\x0e\x0f\xcb\xbf\xc2\x9c\x83?\xcd_\x85%\x9a\xce0\xc4A\x8aW\\\xf7\xab5\xabm\xbeUF\x10\x11\xdb\xe1/\x1b\xbe\xc0*\x05\xb2\x8c\xb5\xfe\xdf\xacs\n\xc0\xadN\x08\xae]\xac\xbe\x80\x02\xb5\'H\x9d\xef^\xcbl\xcd\tl\x12\xdcf\xdcQ\xf1\xd3\xf2FD\x1d\x06\x90\xbe\x98\x05\xcd\r\x17\xbf\x08\xe3\xd9\xb4@%\xb5e\xf5\x85\xd8\xd1\x13dY\xf0\xaa\x88\xda-\xcc\x9a\x8b\xf2\x1d\x07\x9d\x1f\x00\xf3\x0e\xff\xceWs\x9cz\xb9\tS\xf2\xcb\x0c\x14c\xc2\'\xa0\xd3\xe4S\x1a\xd5\x81|\xc3t\xdbXW\x7f\x83\x12\x04\x89\'\xf4\xa9\xd8~i\x9f\xb9W[\x18+\xdaJg\xce\xb4\x12\xe5\xf3\x1d\x00\x10\xd2f\xa1\xa2\xb3,\xb2\xf5\x16o\x08V\x05?J\x0f\xef\xda\xf5k\x03z=\xbbu\x97!\x12C:\xd5\xd6\xdbH\xecc\xe5.{A\x9eT~l7\xf8/\xd9|\xb6`\x9bw\x9c|j\xdc\xc6\x97\xda\x9</t>
        </is>
      </c>
      <c r="E443" t="inlineStr">
        <is>
          <t>&lt;class 'numpy.ndarray'&gt;</t>
        </is>
      </c>
    </row>
    <row r="444">
      <c r="A444" s="1" t="n">
        <v>442</v>
      </c>
      <c r="B444" t="inlineStr">
        <is>
          <t>steps_per_sec</t>
        </is>
      </c>
      <c r="C444" t="n">
        <v>6400</v>
      </c>
      <c r="D444" t="inlineStr">
        <is>
          <t>5.309691</t>
        </is>
      </c>
      <c r="E444" t="inlineStr">
        <is>
          <t>&lt;class 'numpy.ndarray'&gt;</t>
        </is>
      </c>
    </row>
    <row r="445">
      <c r="A445" s="1" t="n">
        <v>443</v>
      </c>
      <c r="B445" t="inlineStr">
        <is>
          <t>Loss/localization_loss</t>
        </is>
      </c>
      <c r="C445" t="n">
        <v>6400</v>
      </c>
      <c r="D445" t="inlineStr">
        <is>
          <t>0.0018423446</t>
        </is>
      </c>
      <c r="E445" t="inlineStr">
        <is>
          <t>&lt;class 'numpy.ndarray'&gt;</t>
        </is>
      </c>
    </row>
    <row r="446">
      <c r="A446" s="1" t="n">
        <v>444</v>
      </c>
      <c r="B446" t="inlineStr">
        <is>
          <t>Loss/classification_loss</t>
        </is>
      </c>
      <c r="C446" t="n">
        <v>6400</v>
      </c>
      <c r="D446" t="inlineStr">
        <is>
          <t>0.0897434</t>
        </is>
      </c>
      <c r="E446" t="inlineStr">
        <is>
          <t>&lt;class 'numpy.ndarray'&gt;</t>
        </is>
      </c>
    </row>
    <row r="447">
      <c r="A447" s="1" t="n">
        <v>445</v>
      </c>
      <c r="B447" t="inlineStr">
        <is>
          <t>Loss/regularization_loss</t>
        </is>
      </c>
      <c r="C447" t="n">
        <v>6400</v>
      </c>
      <c r="D447" t="inlineStr">
        <is>
          <t>0.03714925</t>
        </is>
      </c>
      <c r="E447" t="inlineStr">
        <is>
          <t>&lt;class 'numpy.ndarray'&gt;</t>
        </is>
      </c>
    </row>
    <row r="448">
      <c r="A448" s="1" t="n">
        <v>446</v>
      </c>
      <c r="B448" t="inlineStr">
        <is>
          <t>Loss/total_loss</t>
        </is>
      </c>
      <c r="C448" t="n">
        <v>6400</v>
      </c>
      <c r="D448" t="inlineStr">
        <is>
          <t>0.12873499</t>
        </is>
      </c>
      <c r="E448" t="inlineStr">
        <is>
          <t>&lt;class 'numpy.ndarray'&gt;</t>
        </is>
      </c>
    </row>
    <row r="449">
      <c r="A449" s="1" t="n">
        <v>447</v>
      </c>
      <c r="B449" t="inlineStr">
        <is>
          <t>learning_rate</t>
        </is>
      </c>
      <c r="C449" t="n">
        <v>6400</v>
      </c>
      <c r="D449" t="inlineStr">
        <is>
          <t>0.07996608</t>
        </is>
      </c>
      <c r="E449" t="inlineStr">
        <is>
          <t>&lt;class 'numpy.ndarray'&gt;</t>
        </is>
      </c>
    </row>
    <row r="450">
      <c r="A450" s="1" t="n">
        <v>448</v>
      </c>
      <c r="B450" t="inlineStr">
        <is>
          <t>train_input_images</t>
        </is>
      </c>
      <c r="C450" t="n">
        <v>6400</v>
      </c>
      <c r="D450" t="inlineStr">
        <is>
          <t>[b'640' b'640'
 b'\x89PNG\r\n\x1a\n\x00\x00\x00\rIHDR\x00\x00\x02\x80\x00\x00\x02\x80\x08\x02\x00\x00\x00\x83\xaf^t\x00\x00 \x00IDATx\x9c\xec\x9du`\x14\xc7\x17\xc7\x1f\x04\xd7\x90\x10\xc1\x83\x134hp\x82\xbb\xbbCpwwwww\xa7h\xf1B\xd1\xa2\x85R\xa0h\xa1\n-\xd0\x16\n\xfd\xb5P\xf9\xfe\xfe\x98\xbb\xbd\xbd\xd5\xd9\xbd=I\xc8\xe7\x0f\xc8\xed\xcd\xce\xce\xad\xcd\xcc\x9b\xf7\xbe\x8f\n7\x9e\r\x00@\x92\xf0h\xd2#G\xb5q\xacp\xcd\xde\x9b\xc7o~\xa4[^\x87\xf8\xa5\x7f\x00\x88\x88(\x91\xd2\xd7\xa1D\xa9\x89\xe8\x11\x1c\xc4\xcf\xde\x86\xb2\xb4H]\xb8\xc7\xd5W\x18\xbd\xfe\x9e\xa4&lt;+\xc3&gt;\xa4+=(W\x8d\t\x14\xbf\x0c\x11\x01Xp\xe8\x17\xa2\xe4\xd5{n\xec&lt;\xedS\xca\xd6J\xb19\x15\xa2W\xb2\x1a&gt;\xfd\x01Y+\x8fN\x9e\xbf\x8bp\\\xa1\xcc\xfe\xaf f\xe9\xf1\xdf\x85\xaf$%\x89h\xfb\xe7\xd2\xdd%\x85\xff\x00(\xb0\xce\xd6\xab\x00\xd0u\xe6Y\xb6\xb1r\xd7\xb5\xfe\x85{\x16l0\xddy\xdfp\xf6q\xe8\x8a\x9b\x92\n\xcf\xfe\x04"j0p\x97d{\xd2\xbc\x9d\x12\xe7\xe9\x18^{\xd2#\xe05@\x14NTD\xdc\x00"\xa24\xb5\x14O\x852\xfe5\xa6\xed\xfa~\xe0\xd2\xeb\xf2\x1f"\xff\x99w\xff\x01Q^\xa2\x1c\xc2\x96\x9fTJ\x96\xef\xb0\\\\U\xf7Y\xe7Z\x8d9DI+9J\x844Pk\x11\x94Xx\xf8\xd7\xd4\x85{\x10\xa5\xd4\xf99\xc1\xf5%\x1b\xaav__\xaa\xf5b\x9d\xbd\xf4I\xa8\xf1\xdd\xb9\x9f\x15n\x06\xaf\xa3x\x8b\xba\x93L\xc9\xf2wv\xffQ\x8a\xbb\xa1\xce\x10\xcbk\x04\xd0i\xea)\xcb\xab\x8d\xcd\xa8\xbf\x10b\x1e\x8d\x87\xee]\xf6\xc9[\x8e\x9b5\x03\x11U\xee\xb2\xc6\xf9\x85\x9b]c\x87\x97\x00\x80\x01K&gt;\xdf}\x13\x9d\xa6}Z\xb2\xd5"\xa2\xf4D\td\x05\x13\xbb\xd0|\x1bk\xcf\xfd-\xb4\xea\x93oA\x94\x16\xc0\x9f\x00\x80\xf6\x13\x8f\xdb[\xeb\x7f\xfd\r\x00L\xde\xf1\xadZ=5zm\x02@\x14@D\x00\xf6\xde\xc6\xb8M\x0f\x01\x10\xe5\x13\xca\x08\x07\xba\xf6;\x88\xe2\xef\xbc\x81te\x06\xf9\x17\xe9\xf9\xe9\x0fNo\xb1\xa1+\xbf$"JTA\xb1\x0f\xb6mLV\x9925{\x0c\xec\xfa\x02\x8e\x8d\xfe5\x89\x88\xb2\xb4\xf8\xdd\xb1cfR\xef\xea\xc4u\x8eXs\xc7\xf6!A\xd9\xbe\x0b\xaf|\r\x10\xa5I\x98\xab=\x80\x0c\xe5\x86\xc8wIQ\xa0\x0bQd\xa6\n\xc3\x84\x1a\xbaL?-.P\xb4\xd9\xdc\xa5\'\xde\x10Q\xe6\xa8\x11A\x91\xfd\xce?gC\x99\xfc\xe22\x89\xf3t\xd0h\x95\xfc\xbc\xad&lt;\xf5?ac\xb6*\xa3\xd9\xc6\x1a=7\xb1?f\xeey*\xa9\xad\xc5\xa8\x83\x1a\xd5v\x9c\xfc\xc9\xc4\xad\x8f\xaf\xfd\xee89\x8a\xbf\xd4WH[\xd7\xec\x9ey\xacl\x863iK\xf4u_\xe5b\xf8z\xfa\x14no\x87/\xf1\xc0\xd3\xa3\x1fO\xc0\xf3B\x88\x83\x91\x9d(\x15G\xb1\xb4\xec?\xe15\xb7\xf1\xe2\x7f\x92\x17\xb1\x98\xcf^Jz\x8b\xc0\x14\x05\xbb\x12\x05P\xe6f\x86\x1a\xd7t\xf8&gt;\xc9\x96\x86\x83?j4\xe4\xa3\xd6c\x0f\xd7\xe9\xb7m\xda\xae\x1f(s3\xa2\x82e\xdb-K]\xb8G\xee\x9a\x13\xa6\xed\xfa\x9e(\x9d\xb8\x9d\xeb\xce\xfd\x9d\xb6\xb8\xf0~\t\x11FO9\xaa\x8d}\x06\x10E\xa8\x1d\x1a\x00\x9bE\x05\x14\xeb\xcd\xb6\xac9\xfbn\xf8\xea\xdbi\x8a\xf6""6d\xc9Ww\n\x80\xb9\x07\x9e\x13\xf9\x11\x11Q0\x11Q\x96\x16\xef\x01\x005{o&amp;\xa2v\x13\x8em\xbd\xaa\xd2\x01\xa7\xaa\xfe\xf1}\x00\x98\xb3\xffgac\xf6\xaac\x88\xe8\xe8\xd7\x00p\xf4k\xb6c1\xb6\xd7\x82C\xbf\xb4\x1e{x\xc8\x8a\x9bN\x8dLP\x8e\x88\x88J\xb0\xddo\xbf\xc7\xee\x9b\x98\xb8\xf5q\xf6\xaac\xd2\x97\x19L\x94\x94m/\xddf\x89\xb0W\xb2\xfc\x9d\x01\xd4\xed\xbf=M\x91^\n\xadb\x975k+\xf1F\xf1\xd5\xfc\xf8\xbe\xd3\xcf\xd9w\x07\xcb&gt;y\xa3\xfb\xc8\x8d^w\x0f@`\xb1&gt;\x92\xed\x8f\x80\xf6\x13\x8f\x13\x11en\xe6_\xa4\'\x11\x15n&lt;\xcb\xb9H\xa0F\xb5DT\xb1\xd3j\xf6G\xfc\x1cmN?5\xf9\xd8\xfb\xc0\xfb\xc2\xdf\xdb\r\xf00\xe1\x1e8\x86\xdee\xb5~Fk\x14\x00\x94\xb2\x9a\xc7\x0f[\xd4\xd5\n\x92W\xa1\xcc\xcd\xd5\xbe\x04p\xea{\xaf?P1\x82\xf4\x8dxJ\xdd\xfd\x17\x7fA4K\xe3\xa0\xc5\xa8\x83\xacp\xeb\xb1\x87\xa7\xee\xfc\x0e@\xfa\xb2\xcaS\x93k\xbf\xabV8e\xc7\xb7\x14P[\xbc\xe5g\x00\xc0\xc5\x97Xp\xe8\x97I\xdb\x9e\xc8{h\xa1y\x00\xba\xcf:G\x14\xaaV9\x9c\xa7\xb6j\xf5\x10\xd1\xc6\x8b\xff\x01\xf8\xce\xde\t\xf5Yp\x99(\x92D\x9d\x13+\x96\xa7\xd6DJ^\x99\x88\xbe\xb1\xcf\xe4\x88(w\xcd\x89\xcc\x96.&amp;\xb0x_\x00\xe4_c\xf6\xbe\x9f\x1a\x0f\xdd#&gt;\xe8\xb5\xdfA\x14L\x94\xd7\xf9&lt;;M\x80\x84\x83\xda\xff\xc8\x16=\xf5\x14Q\x8a\xf7\xa2\xf6\x00\x98\xbd\xffg"\xfa\xe4[\x00\x90,\x19L\xda\xf6\xe4\xcb\xbf\x94\x87\x05-G\x1f\x1a\xb5\xee.\x9b\x94;\x1f.\xd5\x81\xbb \xa2*\xdd\xd6\t_\xbd\x02\x88\x92\x90\xde\x8d\xd1z\xecaa\x88P\xa5\xdb:JZ\x89(\xb9\xa4L\x89\x16\x0b\x9c7d\x18\xbf\xe9\x91w\xe7CI\xf3ub\x7f\x84\xd7\x9edd\xbf\x12j_d\x8e\x1a\xeeZ\x8b\xe2\xb0\x186\xde\xf5"\x00&gt;\x7f\x13c\xfb\xaad\x95\x157\xbbo8+\x7f\xe1\xc7p\x12\x95\x97mR\x1e\x15\xb2Y\x1a\x199\xb9]f\x9ca\xef\xdc\xea=7FO9i\xa2u&amp;/d\xfc\xd2\x1c\x85\xe2%\xca\xdd\xc1yvU\x92\x88\xec\x13J"\xca+n\x06\x80?\xec\xdd[\xce\xea\xe3\xeb\r\xd8ADDA\xe2\x8e\'~\xf66\x14\xda\xc0\xbeS\x18\xfb\xaf\xf9\xc8\x03\xf3\x0f\xfdB\x14_|\xec_\x00\n\xa8M\xa9\xab\x93_\x19\xc7\xe1\xfc\xca\x12\xd1\x98\xf5\xf7\xbb\xce&lt;K\x94\x8aU{\xfd\xad\xed\xa0\xd7\xdf:NE\xf1\xe6\xf3\x01\xcc\xda\xf7\x13\x11\xd5\x1b\xb0\x03@\xd6\xca\xa3\x89(a\xee\xf6\xac0\x9b@\x9f\xfc\x1e\xcc\x9e[\xa2\xe5\x02"\xa2\x14U\xaa\xf7\xdc\xc8j\x08.9@&gt;\xe5\x02@\x14\x11Zz\x10\x00J\xdfX\xe5\xbc%u\xfe\x98\x1c@\xf5\x1e\x1bCK\x0f|\xa5&gt;\x96?\xf4\x00\x8b\x8f\xbe\x02P\xb1\xd3*""\xf2\x9f\xb1\xe7\xa9\xf0m\xaaB\xddCK\r\xb4\x9f\xa2\\D\x94\xab\xc6\xf8:\xfd\xb6\xed\xbd\xcd~\xb2\xd6JG\x1c1\x96b^&lt;\xb6\x0f\x18&lt;l\xf0Oi8)\xdcx\xb6\xd1]F\xae\xfd\xca\xfe\xa7\x1bW:\xe2\xe0\x02\xc0\x8e\xebl&amp;\xf4\xb1%\x15\x0e^\xfe\x85d\xcb\xa1\x07\x80\xcd\xee\xaa:\x01u\xc0\xd6D\xdd\x85\xd8\x14\x13\xc0\xba\x13\xa5b\x85\xd9\x14\x90\xa8\x94F\x7fP\xa0\xfe4\xbd\xde\xa2\xa8\xe0\xa4\x13\x1c\xd9_l\x85;\xff3\xe2\xe7h\xa3\xb8\xcf\xe2c\xaf\xc7mz\xc8\xfef\x8f+\xf3\xdb\x02\xd0c\xf6y\xdb\x03\x9c\xbc\nQ\x92\xa4y\xa3\xf7\xdc\x02\x00\xb6$^\xbc\xf9|\xa2t\x1d\'\x7f\x02\xc0/G\x9b\xb3?\x01@\x83A\xbb\x88H\xd1T\x0b e\xa1nD\x8a#\x18\xd5\xa5\xfa\xbcu&amp;\x03 \x8a\xa7\xbd\xf8\xdam\xd6\xb9e\x9f\xbc\x95m.HDD\xa1\x7fs\xbe\x83\xdc{3\x18\xa6V\x9f-\x8a\xdb\xef\xbc\xf7\xd0\xfb}\xec\xc6\x07\x9e9\x1079\xa6\xef\xfe\xe1\xf0C\x9d\x9f\xbf\xfb\xa6\xc5\xbd\x8e\x8cx\xee\xac\xdcZr{{4\xe0g\xed \xc0\xdb?\'\xc6\x93\xa0h\xd3\xb9|\x97$\xb7\xa8X\x96\xdf\x812m\x97\xe8\xeca\x07@\x81\xfa\xd3\x95\xbf3\xe4\x9ak\x90\xe2\xcd\xe7K\xfbH\xc7\x94\xd7\xc6\xe4\xed\xdf\xc8w\xec1\xfb&lt;\x11\x1dz\x80\xe4\x05\xba(U\x1c\x1c\x15\xbd\n\x00\x05\xd5\x13mLY!z%\x856\x14&gt;\xe7\xa866U\xa1\xee\xea\xad\xcb,\xfa\xdb\xcf\xf1g\xaa\xea\x82w\x15;\xe1\xcbN\xbc\t\xaf=\xb9v\xdf\xad\xf699\xfa-\xbc\x92\xa6H\xaf\x85\x87\x7fe\x1fo\xfe\x0f\xbd\xe6],\xd7a9[\xbc\x7f\r\x00x\x02\x10Q\xc9V\x8b\xfeUw\xe3R\xf4\x12j6b\x7f\xd5\xee\xeb+v^MD\xcbO\xfeq\xe5\x15\x861\x173\x0e\xec\xeb\xdf\xe1[\xae\x80(\x93J\xa9\x84\x06\x1e\xda\xd45$\x1b\x069;fk\xe2\xd7a\xd2\t\x95\xaf\n\x13%\xe3\xae\xc7\x02\x1c\x1esj\xa4\xae\xee\x91\x86(\xe3\x97\xa3\xad\x89\xbd8\xaf\xa3\xe5\xd3&gt;\x9f\xc4\xa3\xb7\x93i\xfa,\xb8|\xee\'\x88C$\\d\xc3\x85\x7f\xad\xaa\xeaC$g\xf5qD\x94\xb2`\xd71\x1b\xee\xeb\xceP\xab\xf5\xd8\x00\x80\x99%\r&gt;TI\xd5\'\x8b\xd9\x84\xbf\xcc\xbd\x054\x90\xc5?\x84\x89M\xbbDT\xbb\xef\xd6\x1c\xd5\xc6\xcaw\xec4\xf5\x14Q\xfa\n\xd1+\x8b5\x9b\'\xfd.~\xe9\xd9\xfb~*\xd6l.\xfb\xf9\x19DK\xdd\xabN\xff\xc5\xfe\x000}\xf7\x0f\x94\xac\x92x\xc5W\x89B\xa2\xbf\x85U\xd2\x8c\xc2\xb9\x95\x9c\xe4x\xd9Z9\xb6\xc4/\x93\xb7\xced"b\x06\x0c\xa2\xec6o\xa6\x90\xfa\xc2\x8ek\xce\xbc\xeb:\xe3\xcc\x9a\xb3\xefCK\x0f\xd4l\x86\x13\xb5\xfal\xa1\xc0:Sw~\x97\xa9\xfc\xb0\xf3?\x03\xc0\x8fj\x17:cS\xc9\x06\x00\x9d\xa7}\xca\x7f,\xc3\xa4\xac\xc6\x7f\xd7e\xa98R\xad\xf0\xd9g\xb0\xc03E\x1d\x97\xedI\xea\x96\x15\xd9\x08\xd2\x12^\xba\xab\x83L\xce\x06\x88c6\xdcg\x9f\xdb\x8c;\xe2\x9e\x03\xc5\xc1Oz\xfb\x1f\xde\xf7Js\x137\xfe\x889\x03\xbe\x9es&gt;\xcbPv\x08\x856\xd0\xf0T\xccZi\xd4\x85\x171\xe1\'\xf9\xd7\x14\xbf\xbcf\xed}F\x19\xd4V7\x89\x88\x9a\x0c\xdb\'\xfe(to\x8b\x8e\xbeb/\xe8\xa8\xe8U9\xab\x8f\x97\xec\xf5;\x90\xaf\xee\x14\xf1\x96\x8c\xe5\x87\x02\xf8\xf2/d\xab2\x9a\x88X\x98/\x8b\xe6\xe2\xc1\xa9\x19I*:\xf7\xbb\x12\xbf$%\xb3y\xd6\x96\xc3W\xdf\x16&gt;-&gt;\xfa\x8a\xa8(\x80m\xd7@!\r(}\xe3A\xcbn8O\xb8\x19\x85d[\xec\xa4\xae\xb1\xe7\x16\x88rRH\x03\x00\xa9#z\x10\x11Q\xda\xe6#\x0f\x08En\xbd\xc3\xfa\x0b\xff\xe6\xae9\xc1y\xcf\xc2DYU\xab\xb5\x82\xf2\x1d\x96s\x9e\xd8\x86\x83w\xabu\xc0\xdb?\x87d\x9d\xde\xed\xc8\x02\x91\x9d)\xe1\xec?\x18\xacV\xee\xd6\xbb\x98\xf0\x18:\x13Vi$QIJ(w@1A\x01\xd3{\xfe\xe9\x95Y\xb8_Y/\x1c\xd4\x10\x89*x\xbb\x05\xd6\x13C-.j6C\xa1g\n\xd0\xde\x7f\xe1\xe1_u\x8f\x01\xa0\xdd\x84c&lt;\xc5d\xdbT\xe3\xa0\xec\xd8}\x89m\x96\xd5H\xca\xdc&lt;K\xd4\x08\xddc\x11\x11%\xadd\xff\x8d)\x89H[xD\xde6\x88P\xde\'e5us\xa8rU\xa2m\x06\xac[\xbf\x01\x87\x1e8\xf6\x15M\xd0-\x88\xc0\x86-\xf0\xda\xf6\xf7\xc1{\xc2\x81L{N\xb9w\x0c~?\x86&lt;\x87\xc1\x91\xfd\x9d\x1d$\xd3P&lt;\x1e\xd7BEb\x90\x17\x9b\x9f~\x918|\x94\xbc\xfaE\x0c\xe0FsT\x8c\xa7J\xb7u\x00\xae\xbd\xb6\xbd\xcb\xea\r\xd8\x91\xae\xcc I\x99\t[\xbe&amp;&gt;\xbb4\xb3jj\x97\x81\xb3^L\xf7Y\xe7\x1a\r\xf9\xa8j\xf7\xf5\x86\x9a\xcd,\xb4\xfc\xbc\x06N|\xc3\xf3\xbeV~k\x00\xd8r\x19\x17\x9e\x83(\xb4L\xbb\xa5D\x89\xc5\xf3\x98\xca]\xd7\x02\xd0\x88\x92\x12HQ\xa0+\x00\x85pX\xae\xf0A\xf6\xf2U\x9e%\xa4*\xd4=\xbc\xf6$W"2\xc7o~\x04\x80RV\xb5o\xc8\xa6U\x9a\x07\xa7Et\xb7\x90\xbd\xaa\xc2\x12C,\xc6\xa7\x95I\xe2\xf0*\x16\xce\x0b\xbd4\xc5\x8cA\x83K\xeb\xb0w\xab\\\xc6\x9f\x9b\x7f\xea_\x98\xe9\xbb\x7f\x00 \x8a\xc9\x91\x1f\xcb\x89\x83\xf7\xd0\xd9Y\xb3\xc95\xfcJ\xb6Zhzg\xb12\x86\x9a\xfbe\xeb\xb1G\xaa\xf5\xd8p\xf0\x9e\xe3\xb7D\xb6\\\x08\xa0B\xf4J\xd3\xc7\xe5a\xc6G?\x12\xe5Vn[\xe2\xa8\xca]\xd7rX\x11b\r\x16\xcc\xf8]@\xd5\x98\xa4F\xba2\x83lN\xe9\xbeB\xd0\x94\x1d\xdf\xca$`\xe3\x88\x01\\\xfa\xc5w\x0c?Y\xbcq\xd0\xfcB\x18ml`\xee\xc1\x17\x96\xfb1\x8e\xd9p\x1f\x00em\xe5\x97\xa3\rQ*\xc1R:l\xd5-\xd1\x81\xd2\t\xe5E\xb1k\x16 \xfe-\x83\x97}A\xc9\xabp\xfe@\xb9\x9c\x85\x1eaD\xf1\x93\xe7\xef\xd2x\xe8\x1e\xaf-K$W\x08\x9f_r\xfcw\xb1t\xb3Q\x00d\xad&lt;\xca\x856\x89\x88WZ\xcb\xc6\xae\x12\x89\xf4\xd9Kh,\x94\x12\x91\x91\xc5\xc2T3&gt;z\xaa_\xcash\xe9K\xeb\x93\xa4\xa2E\xcd "bb,q\xc4P\xde\xc6\x90%\x18k\xe96\xf3\xac\x05\xc9\x0b|\x87\xc2\x8dg\x01\xc8Sk"Q!\x0e\x1di\xff\xcd\x97\xf4\xaf\xbad\xa5\xb3\xf9H\x9b\x02p\xe5\xaekS\x14\xec\xca\xfen8\xf8#\xd3mf\x9cy\x8a\xfd_i7&amp;\xf1o\x00Q&lt;\x00\x12yg\x8b\xee]?\xff\xc2=%\x1e[n\xa5F\xafM\xf2\x8d\xe5\xec)\x10\xac\xe2\x85-N\xda\xedd,?T\xfdK\x9dY\xa6\xa0*\xaa\xcb\xba\xf3\xffp\xb7\xc8\xf7)hUE5{o.\xde|\xbeU\xb5\xc5\xe1yb\xa8/\x92\x8b\x9c\xfa\x01\xb5\xfbn\xf5v+t\xf0\xe3Y\x8f\x14\xa8\xddw\x1b\x11u\x98\xf4\x89\x8e)\xd8\xe6\xe8\xc8o\xe7L\xa7_\x84\x9f4\xb5$\xa9\x96\\\x9f\xb8_\xfb\x1d=\xe7\\0\xbd{\xbd\x01;\x05\x91\xacX\x85r\xf4\xb6\xb5~\x19\xca\x08\x17T\xf1\xca~\x98o\x1c\'\x12\xc7t\xa7V\xd7\x0c\x00q8\xe1M\x01\xb284\xc8\x08 \xa8D?\xce\xd2%[-"\n\x8fh4K\xfe\x95\xb01C\xb9\xa1\x00,\xeeS]c\xc2\x96\xaf\x01\x08\xf9\x7f\xf4(\xbc\xf8\xe8+\xf9\xd6\xf8\xd9\x95%\xab\x0cR\xcaP\xe9lUL\x8a\xd6\xf2x\x98W\xef\xb1\xd1\\\xe5\x02\xf7\xfeS\xec\xe7\xb2h\x07}Y\x02\x80\x0c\xe5\x86\x12%\xa3\x84\x8a\x11\xb1\xe6\xc3T&lt;@\xb3\x11\x07\xf4\x0b\xc5!%\x89\xb7\x1b\x10G\x1c\x96\x11b\x9f%\xf8\x99\x8a\x00\x0br\xfa\x94$J\xf4!\xbd\xe2\xfc\xa3V\x9f-\x85\x1b\xcfVJ\xffb\xc6V\x06\xa0`\xc3\x19\xec\xef\x8c\xe5\x879\xa5\x92U\xa0\x14\x80\xdb|\xa1\x93y\xeb\xa8\x19\x8a#\x8d4\xd02\x8a6\x9dcj\xbf\xb4\x1a\xdf\x01\xe85\xef\xe2\xa8uw\xcd5I\x97\xf2\x1dV\xb8\xa9f\x01\x00\x948J\xf3gf\x14\xfd\xed\xef\xe6\xe6\x18\xc5\x13F\x02\x9f\xc4\x96\xb0Y\xddDQ8\xcez\x11G\xecg\xc4\x9a;\xaf\x80\xf8\xd9[\x13Q\xa2\xdc\x1d\xd4\x0b\xa6\xd1\xad\xaa\xd5\x98C\xfc\x07\xe5,\xc9C\xe96\xe2&lt;\xea:\x86t\x00%[/\xb2\x7fJ\xafUT\x89\xc0b}\\x/H\x82\\\x035\xb4/&lt;\xf3\xf6Yr\xfcw\xb7\x08,\xfbK\x05#\xdd\x87a+K\xe2(w5\xc5%\n{\xbb\x01\xdeAC\rc\xe9\xf1\xdf-9D\xb3\x11\xfb\x8d\xef\x94\xcb\x92C\xc7\xe1+\x18\xcc\x84\xeb9\x00\xec\xbaaK^\xcb/\xd5\xa4F\xae\x1a\xe3\x15\xb7g\xaf:\x16@p\xc9\xfe.\xd6/!O\xad\x89F;*\x005{m6q,\x99}\xdeU\xd3\xba^*4\xad\xd5\x9a\xef\xbd89\x88\xaf\x10-\xa6\x81=s\x94\xbb\xc8\\a8Q\x1e\xfe\xdb\xa0R\x975\xf6?S\xbb\xa9Iq\x98\xc5-a\x9d\x06\xb3I\xc6\x11\x87\xa7\x89\x8c\xb2\xe5\x89\x93\xa0&amp;"\x98He\xbb\x16\xed&amp;\x1e\xb7P\xf2\x9b\xe1\x1c\xa4d\x18W|\xb2,Z\t6E\xbcR\x004W\x91\xdd\xd5\xb5DO9\xa9v\xc6\xf8\xf4\xa5\xdd\x15\x8c\xcb\xef\xbe\xa0{\xc5\xc7y#\xc5\xd0\xc7\xf7c\x9e\xb9Ue&lt;m2\xb2\xbc\xeb\x8c\xb3.\xb4E\x97\x98\x91\x1a!\x8e\x0f\x90\xe07\x809\x9b\xb0]\x13\xd8\x04\xdeUE\xb0\x93\xa0\xac^v\x04"\xf2EqT\xcd\xa1C.%;|\x90BA\x1bE\x98`5\'\x9bT\x82\xca\x94\xe5\xba&lt;A\xa2y\x1f\xbf\x1426\xc6\x11c\x89P\xdah\x8d\xd7n)\xa7U\xaaX\xcb\xfc\x8f_\x9aXV\x8b\xc3\xdbdh\xa2\x98\xf8(\xa0\xa8b\xdc\xa4cZ|\x91\t\xacdm\xe5\xa6v\x99\xe3\xab\xbf-\x9eL\xa8vu\xfe5\x1a\x0e\xdem\xed\xb18a\x1d\xb0\x8a\x80\x97b&lt;\xae\x96+\x96%\xf0\xda\x12\x92)\xc8\x808\x91\xde\xb0\xe3t\xb9\xf6\xcb\x1b\rq5F&lt;\x8e\x18\xc7\xf1\'\xe0\x9d\xda\xa6\xe2\xd1m\x8d#Va\x994\x90\xe7\xd9r\x05\x9aR\xc3,oL\x9e:\xfd\xb6y\xa8A\xdc\x94\xef\xb8\xc2c\xce\x93\xab\xcf\xbc3\xe7\xc1T\xbc\xc5|\x97\x0f^\xc4r1\xb2\x18M\x85\xe8\x95\xb2&lt;Qq\xc4\x18\xe2ek\xcdY\x12*\xb8\xb5y1\x9e\x14U\xf5\xcb\xc4\x12\xbcb\x84s\x03a\x95F\xb2?6]\x84h\xe3(\xa2\x1cj\xa3\xce$\xe1\xd1"\xe5a\x05\xca\xb5_fa\x0bE\xe4\xa6\xb0\x16\xc2\x87\x98\xf04Zp\x97,8\xf4K\xb9\x0e\xcbcb\x02\x99b\xcd\xe6Z^g\x8a\x02]M\xed\x97Q\xbfH\x1cV\xc0\xf3T\xa6\x8a\xe8\xaeV,\xa4\xe4\x80\xdf4\xbb[\x00\x05\xeaOw\xb5\x95\x9e\xc3\x93\xea":9\xebb&lt;\t|&gt;\xc3\xa3\x95\xa4\xae\x9e\xbf\xfe4"*\xdal\xae8\xcf]\xc5N\xab\x15\x9e\x8dt\x8d\x9cwv\x8fZa\xea\x1a\xe2\xe3\xe6\xaf?\xcd\xaa\x00\x868\xdcA\xe2&lt;\x1d\xad\xaf4\x8d\xb9`\xaa\x888U\x07\x8b\x88\xb0\xa4\x96J]\xd6\xf4YpY\xb2\xb1\xd1\x90=\x8e\xae7cS\x95]C\x01|\x17\x03\x06\xdf\x1e%&amp;\xccF\xe2\xb0\x02\x00_\x03\x92\xbc\x84\x9e\xbb\xfc\t\x9cU\x90l\t\x805\xc9\xdc\xdcMm\xb1\x93Ric\x9c\x994\x0ee\xd2\x14\xe9\xe5\xed&amp;x\rq\xdeO\xc9K\xc3\x90\x9d\x19\xc0\x98\r\xf7\xado\x9f\x94\x18\x13\xb4\x1d\xd7\x01\xc7\x12\xf6\xde\xd6{\x06\x82\xa4}^\xa4\x0b9\xfe\xe2\xf0}\xd2\x16\xef\xeb\xed&amp;\xd8\xe0_A\xf4A\xf6\x7f\x15;\x960#\xac\xaa\xa8\xff\xe2k\xc2\t9\xfc\xd0\xe0Bo\xf2\xca\xb1\xe2d\x9aA\x9e\xf3\x06\x80\xafy\xc8\xc6a\x92\xd9\xfb~*\xd1b\x01\xf9\xd7\xfc\x9a\xfb\xfe\xfe\xf5C}\x12&gt;H\x92\xc4\xcf\xe1\xb5\xc0\xe8~\x0b\xaf\xce\xdc\xe3S\t\x04-\xa3\xf5\xb8#\xden\x82\x17\x10\x92\x8d\x8eY\x7f\xcf\xb9\x03VS&amp;p\xac\xe5\x03\x90\xda\xc3&gt;\x14\xa4k\xbd\xed\'\x1e\'"\xa2\xe4\x9eo\x8a\xc7)\xe9\xed\x06\xb8\x97\x88\xffXo\x9a\xb0\x9c\xeeP\xd4\xcdN\x89\xc6r\x18\xf8&lt;\xbe\x11\x0f\x1dsP\xbb\xb5|~\xde\x93\xc7\xfe\x87\xda\x923\xd3\xa8\x89e\xb7\xb7!B\xd2\x96p\xd8T2G\x8d \x99\xcf\xb3ZVW\xf1\xd5\x07p\xfd\xad\xb57\x83Wr\xc8[\xc0\xe6\xcb \x8f\xe8\xb1\xc7\xe1v\xd8\x03\xf0\x02\x18\xb1\xfa\xb6vT\xbb\x86+\xe3\x87\x86\xae[\xe6\x9e[ \xca\xe9\x99\xc6XA2JU]\xe3k\x0f\\\xf7\x0b\xcfc\xe5\xad\x95\xc0\xdb\r \xf23\xa60\xea\x19\xea\xf4\xdb\xc6\x13n\xc4\xbeb\xde\xf5z\x13\x00\x8bOu\x87\xc9\x9f\x18\xdb!\xb8\xbe\xb5\r`X\xab\xae\x1f\xab\x08\xa8\xed\xed\x16X\x81\xf0\x00\x0c[y\xabr\xd7\xb5\xda\x85\xb3Vro\x04t!{\xfa#\x8bp\xd7\xeb\xef\x86\xc5#q_@+\xe9\xfd\xe4\x1d\xdfz\xac\x1dvb\xd0\x94Q5\x04\xe0\x01\x90\x96[J\x93\x93\xbe2_bUB\x1b\x04EZ|ts\xbc\x04\xce&lt;szd\n5\x9c)\xeb\x80\xc3\xe5;\xda\xbf\xcaN\x94a\xc5\xa9\xff\x01X}\xe6\x9d\xf21\x92T\xb4\xb2\xc5\x9a\xe3QO"\xca(*\x89\xac3\x93b.\x0e_\x84\xdd\xe5\xef\x00\xf5$\xaf&gt;\x15p&amp;iLq\xa52\xb9D\xff\xea\x13\xd1x\x96\xa6\xa6\xa33a-\xe3,\x01\x1e\xe0\xc2\x0b\xdf&gt;\xc9Z\x826\xaa\x0c[u\xcb\xf2\x86hP\xa2\xe5\x02O\x1e\x8e\x9f\x80\xa2\xbd%\x1d\xf0\xbe;\n\x97\xbb\xe3d\x87D\xb9\xf5K`\x99\x1c\x81O\x89\xf3t0\xb4\xeb\xc0\xa5\xd7\xe5\x1b\x03\x8b\xf5q\xb1Eq|\x88,8\xfck\\\x8fb\x105\x9f\x11/\x900W;o7\xc1-\xfc\n\x00\xf8\xe4;3w\xe6\x91\xaf\xdd{?\x97m\xa7\xa0&lt;S\xa8\xe1\xcc\xa3\x8fAi\xeb\xb8\xf5\xd0\x06\xf1\xbe\x9c\x8b\xb6yY\xe0\x91\xea+(\xa1P\xfe\xb3\x97:\x97\xb5P\xc3\x99\xc7\x1e\xc7\xbd\xca\xe2\x88]L\xb1[ 7_Fl\xb4\xbe~\xe0\xe4\xf0v\x03\x94a\xef\xe5\x0c\xe5\x86x\xbb!\xca(\xfa\r\xbd\x07\x00t\x9ev\xda\xe3\xcdQAW\xa0\x9b\x83~\x8b\xae\xbaV\x81\xf2\xea\xc6\x95W\xfak\xc0bt\xcb\xe4\xac&gt;^\xb3*\x7f\xddC\xf0\x93$&lt;\x9a\xe2\x95\xb6\xb0B\x05\xc2Z\xba\xb7~_"w\xcd\t\xden\x827\x00\xa0\x9b\xe1@\xf2\x84&lt;U\xba\xbf\x8f~\r"\x1a\xbd\xee\x9e]M:\xd6\xa3\x96\x99$\x9bG[\xe1\r\xc2kO\xf2/\xdc\xd33\xc7\xd2\x93.\xf7\x1a,\x8cU\xf1+\xeb-\xa5\xba\xa4\xa9ED3&gt;\xfa\xd1-\x95\',\xaf\xff\x8b\xfcLJ\x06\x8a\xde-:3\xf5$\xe1\xd1\xefEmPLO\xce\xaa\xba\xfaJ\xd2T\xb7\xac\x95&amp;\xcc\xd5\xde\x1d\xd5:\x11;\x9c\x8c&gt;pj\xf4\xdc\xa4\xf1\xad\xfd\xee\xf7\xa1x\xb24E{QP=o\xb7"6\xa1\xe5]\xa5\x8fO\xf6\x7f^g\xe8\x8a\x9b\x99\xca\x0fS\xfb\xd6+\x0b:\x93\xb6=Q\xd8\xeaWV\xb31&amp;\xef\x8d,Q#8K\xce\xde\xff\xf3\xe8uw\xd5\xbfOg{\x05iv\xe1\tr\xb5Sq\xf5pBq2\x1d\xb7\xb8\xe6e\x92V\xf2v\x0b|\x1b\xe7\x1b4\x88\x82\xc5\x9d\x9f\x8b\xf39\x1f\x9c\x0e\x86\x8b\x7f\xef\'\xdf*&lt;\x9c\xcdF\x1c0^mR{\xb5\x054\x8b\xc5\xb8\x84\x1e\x05\x95\x82\xa9\xfc=\xdf\x8e\x18G\xf1\xe6\xf3-\xaf3O\xadI\x9a\xdf\xa7V\xde\x9c\xa9\x19\x11U\xe9\xba\xce\xc2\x96\xa4*\xd4]\xfc1A\xce\xb6\x14\xd2@\xb1$\xeb\x11G\xaf\xbf\xa7^Y\xa9\xd7@\xff\xc5\xd7\x12\xe4l\x9b8O\x07\x00\x83\x96\xdd\x10\x1e\xd2\xb9\x07_L\xdc\xfax\xf9\xc9?xZ%\xef\x80#\x1a\xcd\x8a\xeb\x80c\rc7&gt;\xf0v\x13&lt;\x81#\xbflL\xb9w\x8f&lt;2\xd0N\x00D\x894\n4\x1b\xb1\xdfp\x0b26\x01\xf0\x81\x8c\xf5X\xc6\x0e\xb7\x12\x15\xbd\xd2\xdd\x87\xb0\x8a4E\x95t\x9e\x13G\x01\xa8\xd2\xcd\xca&gt;\x8f\x91\xbc@\x17\x0bk\x0b-=(Y\xfe\xce\x8a_u\x98\xa4\x1a\x05+\x7f-\x00\x08\xd3\nP\x0c\x03\xa0\xab*\n%\xa6\xef\xfeA{/1\xddf\x9e\x95\xb4\xed\xce\xdfh:|\x1f\x7f\r1\x87\xe2\x82\xa6\xd8\x87D!\xf9\xa6\x98\xd2I9\x93\x90K\xd1\r\x80\xbb\x03\x7f-\x01@\xeb\xb1\x9e\x10\xf6\x8b\x97\xbdu\x96\x8a\xbc\xc67\x9f!\xaf\xb7\x1b\xa0F\xfcw1\xf2\xe1\xe1\xa2d\xebEf_\r\xdaF\x14\xcb\xf8\xfc\x8d\xd6\xca.\x80L\x15\x94m\xec\x00$\xfeA\xbai\x12\xfe\x03v\xde\xd0?\x1b\xad\xc6\x1c\x02\x90\xbe\xec`\xb7\xceu\x8a6\x9d\x9b9j\xb8\xfb\xea\xff\x90\x01\x10K\x15u,\xc6P\\o\t\n\xac\xcd)\x8b\x1f\x1c\xd9\xdfT{\\\xc4\x87\x82\x82&gt;PL\x89\xf4\xbe\x88E\x1d\xb0\x95#\xf1,\x1a\xe9\xbc\n\x192\xb4hdS\xd6v\xadR\x9b\x193\x14cv]\xc1\xc3iF\xa3\xa2WYU\x95\xb2\t\xe4C\xe5\xf0\xc3\xd8\xf3D\xfb\x18)\xaa\x96h1\xdf\xdb\x8d0\xc6\xfe\xaf\xe2\xee\x06\x0f\x91\xa3\xeaX\xc5\xed\x07\xef\x89.A\xb2\xca\xe7~\xfa\x80\xaeH\xafy\x17\xddQm\xe96KL\xecU\xa8\xe1\x8c&amp;\xc3\xf6\n\x1fG\xac\xb9\xe3\xca\x88!c\xf9\xa1\xaa\xdf\x05\xd42S\xa3\xbbCz\xcc\x91\xb8\x82\xb7[\x10\x8b\xf8@\x13iXFR\xf9\xa6\xf9\x87~\xc9\xae\xf2\xe6u\x81\x0cV\x19\xa0\xec\xaf\x98HKj\x8b\xc3E\xfa,\xb8\x1c3\x17lL\x02\x9f\xcb\xde\xe3P\xf7\xdcr\xc51\xfdm&gt;\xf2\xa0\xf1\xaax\xe3&amp;\xce\xfd\x1c\xc3\xae\xb8\xb5\xb7h\xdd\xfe\xdb\xad\xaaJn\xe7\x07@\x19\x9bXU\xbf\x07\xf8\xa0\xc6\xdf\xa1\xba%\x9a\x8d\xd8\xbf\xf3\x06dk\x84\tREt\xa7\xf8l@\x9aYc\xf7\xb6\xe3\x8f2+\xd6\xa5_\xad&gt;\xada-\x8c\xef#5\xaa{\xd0\x18\x9e\x92\x88\xb4\x1d\xbb&gt;HRH&gt;_\xf9\r\x94\xa6\xa6\xdb\x0f\xebCyRs[^c\x97\xe9g\xf4z\x08\x9b\xfe\xf9\x8d?8\x9f\xca\x04\xac\xc2U\x9f\xfei\xb0-\xee\xd1o\xc9\xd8T\xbf\x8ciRVU\xdaj`\x80\xdeg\xfe%\xab\xdab\x9c\x94\xee\xa8t\xd7\x17\x1fP\xa7\xe8A\xd2\xd6\x9d{\xe0\xb9n\x80\x9d\x18\xbf\x1cm\x89\x88(Q\x85\x8e+*D\xaf\xccX~\xa8\xf6\xa3\xdeu\xc6\x99A\xcbn\xcc\xde\xf7\x93\xe5\xa1\xee\x1f\xdf7pO\x04E\xf6K\x12\x1eM\x94_\xb2\xbd\xb7\x87\x1e\x9502k\x15\xf4y,Le\x91h\xcd\x99w\xf3?~i]\x85q(\x13^{R\xbe\xbaSM\xec\xa8\xd7\xaf{(\xb5\x97Wl$\x00\x1c6p\xb3\xa2"q\xc4\xa1A\xaa\x9c\xd5\xc7Y[\xe3\xe4\xed\xdfX[\xa1\x80\xc6C\x18\xd9r\xa1d\xcb\xcd\xffa\xc4\xea\xdb\x8a\x85\xf7\xdd\xb1\x053|\xf4%\xefSm\xf4\xf9\xcf]s\xa2\xa1\xf2\xb1\x84@\x03r\xc7\xdf\x01D\xd9\x9e\x00r}\x95T\x11,\x9c\xd4\xdf\xb2\x86y\x1fk\xa6)\x93\xb6=\xf1\xa9eQ\xb7\xf7\x8b~eE\x99\x95=\x8eQ\xb5\x99$Q\xbaEt3\x96\xc6\x11\x87\x8f\xa2\xac\xe9C\x94,_\xe7\xe1\xb2\xbe6K\xd4\x08\x8d)8\x80\x9f\x01\x00\x1aq\x8d1\x9an\xb3\xcey\xbb\t:\xc4\xcb\xe6;6a\x9f\xe3\x8d\xef\xe8Y\xaa\x92\x9b\xdc\xd6\x01\x0bB\xdf\xd3v}\xef\x8e\xfa\xadB\xae\xae\x95$o\xb4\xb7\x1a\xf3\xc1\xe3S\xa9\xf9b!93WP\x8b\xd2K\x04 [\x951&amp;*5\x9an,\x8e8\\FE\x9a\xca\x89|no\x85\x15\xf8\xcch\xc0&lt;\x06\xf2(\xc7\xc1\x85\xcf\n\x0c\xf8\x04\t\xbd\xdd\x00\x93\x00\xa8\xa0.\x84\xe4\x89\x99A\xda\xban\xabZ\xe2\xa8\x15\xe1\xb6\x03y\x8c\xa0\xc6C\xf6\xe8\x14IZ\x89(=\xa5\xaea\xf6\x10\x16.E\x7f((\xa9\x95\xb9\x94%%Y&gt;\xad\xb0\xe08\xbcI@m\xcf\xaf[7\x1fu0\x16\x8c\xc9&lt;F@\x0c:Y?\x01z\x0e\xcca\xa2\xbf\xdd!\xc1\xe1\x81\xb1K0\x854 \nq\xff\x81\xacE\xe8\x0b\xfd{\xcc\xb9P\xb0\xc1\x0c\n\xa9\xaf\x18\x9f&amp;\x90\xa1\xdc\x90r\xed\x97\x03h=\xf6\xb0\xda\xcaB\x1c\xee q\x9e\x8e\xaeU\x90\xc4\x9av\xc4\xe16\xd2\x97\x19LD\x00\x8e?\xf1\xf0\xeb\xbd\x10\x85\xd4\xcfXN=\x16\xdc%\xd2\xf1\x16L\x1c\xe5\x9e\x06XG\xc3\xc1\xbb\x87\xac\xb8ID\x00f\xed}\xc6\xbb[f\r!\x1e\'J\xb5^l\xaea\x16\x91\x80(\x8bW\x1b #A\xd9\x92\xad\x17\xa5+3H\xaf\\\x92y\x07_\x10\xa5\xf1D\x93\xe2\x88#\x0eS4\x1fi"/\x8b\xe7\xc9@D\xae&amp;=3F.\xa2p\x0f\x1eN\x99\n\x1d}^1~\xc9\xf1\xdf\xeb\xf4\xdbF\x0e\xcbmZ\xb5\x92M\x87\xef+\xd2d\xb6\xed\x83X\xe85s\xb3[\x7f)\x0f\xaf\x02\x8b\xf7Y\x7f\xe1_\x0b[\x1b\x93a\xb3@\xd6\xa1\xe6\xe2\xd9\xe1\xc2svE\xdc\x13L\x19\xf3Q\xcc+W\xbe\xc3\no\xb5\xc7\x9dd\x91h,\xb4\x1e{\xd8[M\x89\xc3 \x89\xdd\\\x7f\x11\xe9\x06+\xac\xcd\x92dV&amp;\x88h4\xd3\xf5fpS\xf0\x84R\xda\xba\x98C\xfc2\x00\x88\xb2\xab}/J\xe3\x15\xa6\xf4}F\xa2b\x8e\x0fv\x15:\x00\x05\x1b| \xae\xf6\xaa\xa7\xce4\x15;\xaf\x06\xf0M\xccY\x1a0\x88\xab\x89\x17k\xf6\xde\xac$\xdf\x1fS=\x1b\x94\xf0\xfe\x1c"\xa6\x13\x83V\xd6b\x14Y\x02\x8b\xf7\xf1v\x1bb\t\x85\x88h\xcf-\x00\xd8|\x19j\x8b\x8e\x8e\x0e8}#\xc7\xd6\xb0\x16\x0b\x8f\xfc&amp;-\x9a\xb1)\xc5/#|\x8al%\x8d\xca\x8d%\x88\xfc\xb0z\xce\xb9\xe0\xa6\xe7\xdc=\x0ee\xa5\xf4\x8b\x18\xa4\xdf\xa2\xab\xbae&lt;#I\xaf\x99\xf3\xcer22\x8d\xa4\xba\xfd,S\x13\x8c#\x86\xa0\xae:\x12\xa3\xa4\x1fM\x92\xa9)QI\xc96\xc9\xcb\n\xc0g/&lt;0\xfaq\xb7\x81\xc1\xbd\x94LS\xa4\x17\x11e*?\xcc~\xfa\x94E\xd7D3`\xe9F\xa5\xa0\xab\x18\xe7:d\x18\x00m\xc7\x1f\xf5\xc0\x81\xe2\xa2\t=F\xfd\x01;\xcd\xed8n\xd3Ck[\xa2\x82\x89\t\xb1KR\x97\xf1\xb2\xeb\xe67\xe3v\x87\x89]\x08\xd1\xc9\xbe\xc9\xa0e7\xbch\nZ|\xf4\x95\x9bD1\xe5l\xff\\!\xf3\xb4g\x0e\xed9:M=\xe5_\xb8\'\x80\x94\x85\xba\t\x1b\xabt]g\xef\x80\xa5\xe7\xfa\xab\x7f\x14O\x81KA\x0e&gt;B\x97\xe9\xa7\x85\xbf\xb7]s\xdf\x95\x16\x9f\xab\xecD~n;\x90w\x18\xba\xe2\xa6\xb7\x9b`\x11\xc9\x0c$\xfes\x9d\xfa\x03\xcd\x0c\x11\xec\n\xb2\xc6\x89K\xf5\xa3B\x9bq\xd6\x0f\xbe]_v\x15\x00\xd0m\xe6Y\xabjS\xac_\xe3\xdby\x07_\xb8\xef\xd02\xa4\nK\xb1\xac\x03\xce\x948\\5V\xe1\xf3\xdf}G\x8b\xc7m\x98\x0fNU\xa3\xb8\xf0W\xde:\x93\xad\xae\xdc{d1\x90\x1e\xc3\xa2\x1f\xee\xfd\xe9W\xec\xbf\xff\xe3\xf0\x10E\xec\x01#\x1ar\x9b\x199\xeb:\xf1\x8d\xc2\xbcH o\x9d)F\x1a\xe6\xeb$/\xd0E\xfc\xd1\x97\x14\xe2\xe20\x80\x82g\xf2\xd6\xabV^H\xfb\x9d\x11\xfb\xed\xf3|\xb8\x18\x1e\xa6\xdc\xfb\xa6,\xd4\xad\xfd\xc4\xe3\xae\xd5\xec\xdb\x88\x1c,,\xc2Uo\xb8X\x84\xf5\xae\x94\x9c$U_i\xf2\xb5\xee$keO\xbaY\x18&amp;\xae\x03\x8e\xa1Hs%\x11\x05K.d\xe7\xe9\xa7)\xad\x81\x1c\x032\xe4Fx\xf9A\x15I\xe6\xc2Ac=\x91\x94\xaa\xba\xe3S\x8a*\x8a\xcb"\x06\xf1\xf3\xb8p\x81WI\xdfX\xeb\xdb\x0f)\xf9\xcf\xa6K`\x99\x8c\x83K\xf6w\xa1\x9aTj_\x00\x18\xbf\xf9\x91\x0b5\x9b\xc7\x92n\t@\x87I\'\xd4\xbem3\xee\x88\xeb\x87p\x91\x87@\x9cD\x8c?Q\xca\x98~\x16d\x11\xcc\x9a\xa3\xe3\xa4\x15\x85\x81a\xa1\x863t+/\xdat\x8e\xd2\xe60\xc5\xc2\x1fR\xd0\'\xaf\x91\x8d\x88\xecB\xca\xe9\xc4\xcb\x04\xeb/\xfc\x0b@l\xe7w+U\xbb\xaf\xf7\xcc\x81\x0caN\x0b=\x0e""\n\xb2\xcb\xc1\x16\x13o\x95\xf7^\xc3V\xddR\xab\xa2f\xef\xcd\x9dE\xce"b\x0e?\xc4\xdd\x7f\xbd\x93N\xd1\x92\x0e\xf8\x190{\xdfO\xae\xd7c!3\xf7&lt;\x95m\xf3^\xd6\xac8\x0cQ\xb5\xdbz+\xaa\t\xff\xde\xf0\xfd\x1d\xc4/L\x03\xa0\xeb\x8c3&amp;\x9a\xe5\xab\xc8\xa4\x03l\x18\x9b\xe8+\xe6P\xda|\t\x0b\x0e\xfdb\xbcI1\x037\xdb\xd6b\x83\x9b\xa4+\x00P\x8a,\xb7}\x05\x80\x05m\xf2\xe1k\xe11\xd9\xdc}\x00\x9f2\xfc\xfaTc&lt;F(\x80\xc2\x8dg\xeb\x17\x8c]d\xae0&lt;~\xf66nX\x9c\xb3\xe1\x9d\x9b)\x95\xc1\x04\xa8\xdc\xb4\x1c}\xc8)\x9a\x9c\x88\x88\xd2\x14\xed\xd5}\xd69\xbd_\x1a\x8f8\xce\xc6\xfc\x8f_\xc6\x1c9\x0e\x7f"\x8a\x15)7b\x03\xf6^V\x96\xba4m]\x00+O\xfd\xcf\x1b\x8drp\xe3-\x88\nX\x9e\xb5\xdd\x15\x00\xb8Gl\xff\x03\xc6\xa8\xb1\xe2\xcc3\x10\x05\x84U\x1ci\xdfP\xd4\x1d\xad\x8a\xf9\xe4\x90g\x9b\xe7$\xa2\xd1,k\x9bb\x04\xcf\x0c\xe4\x83(\xce{\xc2\xed\xa8\x19\x1e\xe2`$ J\xa2(\x17\xe3\x97\xa3m\xcd\xde\x9b=\xdf \x19\x11\x00(\xa4\x01\xfb\xf0\x9f\xe1\x87%-%\xb26\xae,s\x9eZ\x13-\xad0\x0e\xfb{0~\x8e6D\xc1|{\x08=\xaej\xd2\xfb\x0f\x1b\xfe\x11I""*\xdcx\x96R?\xa4\xea\xd6\xe1^\xd2\xd4\xf2\xd4\x91\x8a\xfe\xcfT\x07\x0c\x80/\xabn\x1cz$\x89r\xd2x\x8f\xa5\x84U\x1cY\xaa\xf5"\xca\x10#\xf5\xaa\xc4\x81\xe0O\xe3F\xabv\xd2\x97\x19\xfc-@\x14\xea\xed\x86X\xc1\xdc\x03\xcf\xe3\xe6"DdZ\xfe\xe2-\xd0{\xfe%\xd7N`1\xfd"&amp;I\xee\xb6\x9a9H\xd7P\xf5\xab\xe0\xfa\x11\x8df\x01X\xf6\xc9[JV\xd9`\xbd\xe9\x85i\x81o\xa3\xae_h\x187\xad\xd7fp\xfe(\x0f\x15+\xe0\x9e\xe3\xfa\x10e\xdb-\x8b\x11o?\xd7\xfc\xb4c\x1b1\xe2\x92\xf1\x93\x81255\xbe\x97\xeeD$\xbd\x99\xb6\xc4@\x8a7\x9f\x7f\xedw,=\xf1\xbbU\x15\xc6\r\x89\xe2P\xe3;C7FR\x8fJw\xf9\x1a\xb9k\xfa\x88\xc9\xd4%\x89\xd08&gt;,T\x04\x9f\xa1\xe8D#\x00\x00 \x00IDAT\xa5\x94i\xb7\xd4\x03\x8d1LH\x03\x0ft]\x1b/Z|\x88|u\x9d\xd4j\xfe\x06\xee\xbb\xedW4\x18\xb4\xdbM5\xc7\x11+\x10i\x9e\x846`\x0b\xf6q\xc4|\xf2:\x7f,\xc1\xefNu\xf0\x1e\xc8#\x93N\xaeC\xa4t\xb8\x8b\xfe\x0e\x98\x93k\xf5\x01R\xaaz\xbd\x02\xa0\x80\xda\x1cU\xf8b\xf6\xf8\xf4e\x06{\xf1\xe8\x00\x02\x8a\xf56\xb1c\xb2\xfc\x9d\xa5\x9b\x92T\x9c\xba\xf3;\x0b\xda\xe4=\xf2\xd7\x9b*\xdf\x187\xb3w\x913\xcf&lt;w\x02O\xff\xf8\xc1YbZ\x8d9D)\xaax\xbb\x15\x96\x10\xe6\xed\x06\xb8\x84\xca\xdb/\xb0\xf7\xbc\x8b\xc2\x07f)l88\xa6\xcd(\xaat]WDY\x1a\x82\xc1\x95@\xdewI\x12\xe5\xad#O\xdd\xf5=\x80\xb5g\xdf\x9b\xd8W\xfe\xa6c\x03O\xcf\xe2v/h\x9f}\xa1\x07G\xf6w\xde\xe0\xa33?\x0f\x9f@\x00\x1a\x83\xf5\xd8G\xe6\xa8\xe1&amp;\xbb\xae\xac\nq\xeaf\x08\xaaGD\xc5\x9a\xcf\x93\x7f\xb3\xec\x93\xb7\xd6\x1c"F\x13*\xf6,I\xe1\xb5f\xb8\x89\xd4\x85{\xa8|\x93\xb7\xd9\x88\x03\x1emJ\x0c&amp;\x8f\xc6\xd3\x08\xe0\x0f\xbew\xa8\'_\xb5Q\x9dV]\xf9\r\x14\\\xdf\x95J\xf2\xd4\x9adU{b\x1b1\xd3\x0b\x97\x889\xc6\x7f\x80\xda\xa8)6_2\xfa\xf4\x19\x92uS\xc5\x1e\x01\xe5\x8b\x1a\xf27\xfe\xf0\xd1\xd1s\xec\xe1\xc47\xa2S\x9c\xdc\xe1\x9e\x9a\xb2`\xb7 \xe9\x14\x81\x07_\xbc\x8d&lt;Kz\x8aW\xdaiC`\x9d\xe7\xbe:\x0bt7u\xfam\xa3\xc4Q\xden\x85\x17\xa8\xd5{\x8b\xb7\x9b\x10\x87!\x94\x1cH%\x1em\t\xcb{\xa6)qhPo\xc0\x0eo7\xc1R&amp;m\xfb\xc6\xdbMp\x17\xc9\xf2\xb1u\xd6|\xae\x8fU=77\x95t\xde\xc6\x08\xf3\xaa\xbd\xd7\x11\xd6\x05\xe0\x03\x0f\xa2HQ\xa0\xab\xb7\x9b\xf0\xc1b2\xfb\x13\xdf\xb3\xc3\xab/KY\x9a\x9bk\x86\x13\x1f\xb6O{\x1c\xde\xe4\xc8#\x0b\xfa\x92s?\xa1\\\xfb\xe5\xae\xd7\xc3\x85\x1524\xa9\nuw\xcd\xc5@\x1e\xab\x1e\xee\xfc\xd1\x9f\xbb\xaa\xf4D\x99\xd5\xbe\xeb\xb7\xe8\xaa\xc6\x9e\x1f\xdf\xff@g\xfc\xb1\x93d1\xa9\x1b\x18\xb7\xf1\x01o\xd1\xf8e*w]+|\xe2\xe8\x80s\x98l\x93\xaf\xa1\x11\xaf\xef\xa3\x84\xb3W\xca\x89o\x914o\'o7\xc6r\x12G9g\xc6\x8d=\xe2\x9f\x00\x9e|\xa8\xe6_F\xed\xbe[\x9d&gt;\x87\xb50Q\xc9\xa8\xb5_\x19t\xd7\n-\xd5z\x91\x89\x03\xc5\xe1#\xcc\xff\xf8\xa5\xe8S\xac\xf3|\xb1\xe3\xdc\xe9zK\x84$\xf9\x07\xbbD\xc5\xcf\x83X|\x8a\xe6\x1d|Q!z\xa5\xda\xb7\xbboj\xfc\xf2,\x00(S3w\xb4JL\xdb\xf1GM\xefk\xb5U\xd6\x1a\xcf\x0bM8%B\x05\xfc\x957gi\xee\x97\xa3m\xb7Y\xe7\x8c\x1e\xbeV\x1f\xe9\xfae\xce\xea\xe3\xe4\xc67\xb5\xa1h\xf4\x94Sc\xf9g!\xbadTV\x8cY|\xec\xf5\x8c\x8f~\xb4\xec(qh\x11\xb3\x13\x8fj"\x0e\x00\xc9\xe7\xb5V\xc4!#~\xf6\xd6\xe2\x8f\r\x07\x7f\xe4\xad\x96x\x00-\xfdB\x00\xfd\x16^Q\x0b\x02f\x81YM\x86\xeduO\xc3, K\xc5\x11V\xf7\xc1nu4+hT\x15k\xf5\x99w\x8a\xdb_\x03\x15:\xae\x88\x97\xad\xb5\xe2\xb7\x1ad\xab2:S\xf9a\x92\x8d\xabN\xff\xc9_C\x95\xae\xeb\x88\x12\x18=\xae\x16I*\xca6\xc5\na\xd8\x18\x82\xcf\xc6\x92}\x18X(qj1\x99*H_\x14n\xa5l\xbbe\x9e&lt;\x9c\x1b\xc9Pn\x88\xa1\xf2\xdf\x0317\\8\xbc\xb6e\xd12\xd5zl\xf0X:\xf4\xf6\x93N\xf0\x15\x8c\xa7\xb8\x15\xc0\xd1\xafu\xde\x9b\xf6\x17\xab\x8er^\x93a\xfb\x0c\xbd\x82\x0b5\x9c\xd9v\xfcQ\x00\nf\xbd\x80\xda\xb2\xc3\xc5s\x12c\x92*\xf8\xc4A\xb1\xd8\x08\xeck\x14l0\xe3C\x1amD\xba\xab\xe2x\xa5\x17\x1e\xfeU\xf84f\xfd\xbd\xd1\xeb\xef\xe9\xef\xe5WV\xe3\xcb\xc7\x00\x80y\x07_\xd87x\xc0\x18\xe9\x12i\xc5*Q\x05\xeaO\xcfY}&lt;\x80\xe4\x05\xba\xd4\xe9\xb7\x9d\xa8\x94|\x87\xac\x95Gy\xb0y1\x92\xb0J\xa3\x9a\x0c\xdb\xe7\xedVp\x01\xe0o\x80\x02\xebXR[\x99\xb6K\x84\xbfy\xfc X\xea\x85\xcd\x97e\xef2\xbf\xb2\x92\x1c\x00\x00\xae\xbf\xc5C\xfb[o\xdb5\xb4\x1as\xc8\xd5\xe6\xc6a\x1e\xfe\xa4\xf4\xb1\x90\xab\xaf}A\x0b\xcc3IBi\xd5\xe9\xbf\xdcVw\xe1y\x07_\x10\xe5g\x1f8O\xa9v\xb1\x03w\x01\xc0\xab\xc9[\x8dP\xa3\xd7\xa6\x91k\xbf\x12&gt;\xde\x07\xde\x01\xffS\xff\x85\xcdF\xec\x07\xe0\xfd\xb1v\x80\xc7\x12\xe4\xc5rF\xaf\xbf\xf75\x00\xc0cZ\x86\xdb\xafi\x1e(Qy\xff\xc2=#\x1a\xcd\x94}\x91\xa0Z\x8f\rnk\x94\xe5\x94\xf0v\x03\xdcL\xfc2\xden\x81\x87\xd0x\xdd\x0f^\xfe\x85\x07\x1b"\xa5\xd9\x88\xfd^&lt;\xba%\x0cX\xf2\xb9\xf8\xe3\x8fZ=\xab#\xf1\x97\xe8\x8ad\xe38\x88o;\xa5K\x96\x12\x87\xaf\xbe\x9d\xa3\xdaX\xbd\x9d\xbcod\xfe\xd3\xfb\xc3\xcfX\x84_Y\xa2\x00\xdfI\xe4\x0c\xc0\xbfHOO\x1d\xcd\xd2E\xe88&gt;$\x00h:\x9f\xc6a\x94\xec\xa4\xbf`\x9c\xc2\xdea\x15\xf6@\x83\xdcNI+\xe2@\n6\x9car\xcfT\xd5]?\xba2i\xeb\x1a\xdc!A\xec\x9f\xb5(!\xd2\x82\xf0\x90EK\x89T\x1e?\xa2 \xe9\xec\xdb\x03de\x12S\xd6\x96&gt;\xa2\xaa\x9f\xbf\xde\xd44E{y\xe7\xd8Y\xcc\x04\xcb\xb9\xce\x97\x7f9:\xdd\xf1\x9b\x1fy\xa5\rq\xf0 \xf6-\xf5\x81%\x03\xeb\t?\xf1\r\n6\x98a_\xa5w_\x02y\xc3\x88\xed\xea&lt;t\x99~\xda\xb5+\x94K\x96\xc6\xdc\x18{oC\xc9\xee\x1a\x8b\t"#RPs\x0f&lt;\xf7\xcb\xd1\xf6\x03_z\x14\xa1\xe0\x9c\xc1\x81\xf5\x99$\xd2\x96\xe8k\xc9\xab-\xa2q\x0cY\xb4\x8b\xc3\x0c\x19\x88\x88\xd2Z\xe3hb\x8e\x18\xd9\x01\x03\xa8\xdam\xbd|\xfb\x8a\x93\x7f@D\xba\xd2\x83\xca\xb5_n\xd7tT\xf6\xb65G\xfc\x1cm\x8c\xef\x94\xdb\x94u"h\xe1\x91\xdf\x12\xe6jo|G\x05\xf2\xd4\x9aht\x99\xbc@\xfd\xe9\x1d\'\x7fb\xc9\xd1\xddI\xd1\x03w\xc5\xf7q\x18%\xab\xacZ\xd6\x10z\n\xba\x00*uYcZA\xf0\x03\xa1F\xcfMD\xa4:La\xdaFV\xe5\xe7\x11\x08\xa8\xed\xd9\xeb\x92\xc8`\xf9\x82DI\xdd\xd2\x10\x079\xd9\x90\x08\x80\x1b\xadz\xb1\nO\xe88=\x05n\xbd\xb3\xbd\xaf\xfak\xaa\xf2y\x91\xf8\x1a\xdf]}\x853O\x95\x06\x0e\x89\xa3\x004\x1e\xba\xa7\xf3\xf4\xd3\x91\xad\x16\x96h\xb9\x80(\xbfU\xbd\x97Q\xd6\x9c}OT\xd4+\x87V\xa4p\x93\xd9l\\2s\xcfSo\xb7\x85\x8f\xa0zn\xad\xde9\x98\xcd_%0@\xeb&gt;d,=\xf1\xe6\xc3\\&amp;\xe0g\xe2\xd6\xc7:%\x82\xdd{\xad\xad"\xb0X\x1f\ni\xe0\xedV\xb8\x9dI\xdb\x9ex\xbb\t\xde\xa1h\xb3\xb9D\xe4\xba\xdfI\x81\xfa\xd3(\xb3\x15z\xda\xdeC\'\xb8\x93\x9fFC\xf6\xf0\xaf#\xba\xd4[\xa7\xa8*\xdb\xe4-}85\xbc\xac\n\x04`\xea\xae\xef=w\xbct\r\x95.\x8a\xa31\x9ek\xc9\x87M\xcd^\x9b\xbd\xdd\x04\x05$rE&amp;\x98\xb0\xe5kKZ\xe2Vr\xd5\x98`x\x9f\xd0\x06\xf2m\x85T\x96\xa2"\x1a\xcd\x8c{\x94d\x14o;\xfehPd?o7\xc3\x1d(\xe8\ni\xb1\xee\xdc\xdf\\\xfa\x88\xfe5\x89\xf2\x98l\x12\x11\x11%\xcc\xdd\xde\xea\x1b\xd1O\xbf\x88\x13\xda&amp;\xee\xa4&gt;\xf6\x9cH\x16\xa7\x13\x10\xa5\xb4\xf8\x08\x0e\x9dQ\x85\x1b\xa0n\xff\x1d\x9f\xfe\xa8pB\x00\x10%\xd4\xab:\xce\xe6\xec`\xf8\xea\xdb\xda\x05\xee\xfe\x0b\nk\x99&lt;\x7f\x17\xfe:\xb7\x7fn\xe0^\x15\xc7y\xc7 |\xecy4O\xc6rC\xdd\x7f\x10\x16\xe4\x92\xeb?\xdf8i\xf9\xebM\xd5\xf2.\xb2$\x9d\x94\xcf\x91\xbe\x91\xb7\x8el\x0f\x8bR\x96\xb4\x14\xb8\xfa\x1aD%=\xd3$\x13d\xa98\xc2\xdbMP#\xf5C@]xRKm\xd4\x19\xa7\x8e\xd6\xd0\x0b\x0e@\xde:S\xf8\xcb\xc7\xa1K\xae\x1a\x13\xec\xa6\xac\xd0J]\xd6\xc8U\t\xfd\x0b\xab\x86u\x01\x10\r\xc8\x8a\xe5\xad3\xd9=m\x8c\xfd|c\xbe\xc7R\x0b\xec\xb4\xd2\x9f\xc6\xeb\\\x7f+=?\xcb&gt;y\xab\xbb\x17\xb3\x95\xcaUoc-\xed&amp;\x1cSt\xe8\xed9\xe73\x8f\x1c?\xef\xb7\xbe1\xf2\x8a\x95\x94l\xbd\xc8x\x16\x07\t\t\x89r\xaf8\xf5?k\x1a\xe4\x12\xae{\xdd\xa7\xb6\xa0\x15\x1eD\xa3\x1f\xd5\x8a\x9cNZISS6\t\x80r\xed\x99|\xaee\x0bR\xbeC&lt;\x9b\x01\\gL\xef\x15\x1ey\xf2]\xe7}\xed\x14\xa9\xb6\x9d\x91I\x94\xaa%\xecal\xea/\xb2W\x1d3e\xc7\xb7*_\x86Yx\xa0\x0e\x93N\x18\xf1QR\xcd8\xeby\xf2\xd7\x9b\xe6\xed&amp;\x18%!\x11\xd5\x1f\xb8\xd3\xc2\x1a\xb9\xd7\x1a\xb3\x13\x11Q\x12w\x04\xad.9\xf6\xda\xe2\x1a\xadH\xd5l\t3T\x1e\x8d5g\xdf\xab=\x0b\x8d\x868\xf2\xc04\x1d.\xd7H\xd2\x12\xcf\xe9\xb7\xf0\n\xb3a\x94j\xbd\xd8H3\xed\x04\xd4\xf6e\x87\xa9\x8c\xe5\x99\xd9\xd6\xddY\x8c\xcc\xd4\xff!\xcb\xfav\x9dy\x962\xf3\xa6\xc8\xd3\x10\xea\x8f5\xeb\x0b\x8c\x90\x93\xdfy\xe6\xf7\xe8F\xe9\x88nh_r\xdd\xac\xd4e\x8d\xb9\x1d\xb5\xed\xd2\xe1\xb5\'QRc)\xcd\x13\xe7\xe9h\xae%\xea\x14w\xfci\xd0\x03 \x0eKQ^\xa4/\xde|\x9e\xda\xebF\xbc\x9d\xad\xe3t\x9by\x96\xffx\xee\xb0&lt;\xbbd6L^\xc5\xba\x86\xb8\x91\x8a\x9dV\xcbSp\xc6\xa1\xcd\xbf\xc6\xbbL\x8d^V\xed\xab\xccQ\xb6\xf7m\xfb\x89\xc7\xbf\x06\xf6\xde\x8eU\xfd4\xc35_\x1e\xde\x80\xb9\xbcD\x11\xe2\xcf}\x17^qc\x82\x0e\x8b\xd0\x11.\xf6\xb3\xc0\x1cd6n\xd8h\x90t2\x8e2\x9e\x88\xea\xfb\x90\xc8\xa2\xf8Z\xf9\x89/\x07%\xeb\x80\x1f\xfb\xe6\xcc\xc0\x84\x99\xc1\xb0\xaa\x9d\'qI~\xc7\x97\x08\xf0\xd6\x81\x87\xad\xbauZ1\xd8\x95\x97t\xfaE\xe2\x10!\\\xe9"\xcc:\xd4u\xc6\x99N\xd3&gt;\x95\x15Su\x08j?\xf1\xb8!?O\xd7\xb1\xdc\xca\x91\xbf\xde\xd4\xca]\xd6Z[\xa7\t\x8e?q\xf5w\x95n\xb38C\xb9!\xf6\xf3\xc3\xd3U+\x12\xeeb3|\x9ce\'\xde\xb8ZE\xe2\xa8%\xc7\x7f\xe7O\x02\r@\xf7\xe2\xfa\x17\xee\x19\x13\xb4_";M=\xe5\xed6\x98 \xa6x\xef\x87\x12\x11el\xe2\xc5\x16d*?L\xe1\xaeV\x12\'\xd8\xf0\xd9\x7f\x00(kK\xb1\xbf[\x99\xb6K\xdd\xda&lt;\xef\x13Rj\x80\xe7\x0f\xba\xff\xae\xea\xeb\xa3l{\xeb\xf3-\xa7/;\x98\xe2\x99\x91\xf7+\xdcd\xb6\xb7_\x10\xf2`v\x9e(\xe4\xec\x00(\xccU5]\x00\xd6Z#\x00\xc4\xc2!m\x1ai\xf2\xaeB&amp;\xe4\xd3\xb34W\xec\x80\xf9\xbad\x1f\xf2\xa2\xc8Zy\x14Q\x91x|\xc1\xc1\xabO\xffes\xdeQ\xd2J\xeb\xac0p\x8f\xc38!\xf5\xad\xab+\x8b|\x13\x80);\xbeU\xcb\xb7\x96\xa2@W\xceae\xb7Y\xe7\xfe\x06\xf8W\x8ec\x01\xfe\xden\x80\x9c\x00\xb7\x08\xcb\x99\x15v7\xbd$\xac\x84\xe9\x19\xa4\xd7\xf8\x9d/\x83\x18?\xe5\xda/\xcf^u\x8c\xe9\xf6x\x0f\xc3&gt;8M\x87\xefsC3|\x19\xdd\x98\xefX\x80\xf9\xdc\x1e\xb3\xf7\xfdda;|\x90!+n*mNJ\x94\x0c\xc0\xd1\xaf\xdd\xbbb\x12X\xbc\x8f[\xeb\xf7$\xd9\xbbL?\xcd\xfe\x8a\x9erR\x96\x94Q7\x92!\xa4V\xef-\xa6\x8d\xba\x00\xbc2#\xf7\x08\x8e\x99\xeb\x9f@\xed\xbe[=u\\\x85A+7\x9a\xa1\x8a\xc9\r+E\xc7\xde\x8b+AQ\x8f\xd3w\t\x8e\xec\x9f g;o\xb7\x82\x1f\x9f\xcc2\x19\xe8\xcdl\x04V\xe3n\xafr)s\x0f&lt;W\xda\x1c\x964o\'\xf5\xa5\x19\xf1\x98\xcf\x95\xb7\x9c/!\xfa\xb5\t$\xeeQ\x8a\xe4\xab\xeb\xa4\xba\x00 \xa8D\xbfa+\xbf\xe4&lt;\\\xaa\x88\xeeF[\xc8\x97\xa8\x99\x9f\xe2\xfaE\x04D\xc6F\xdf\x0f\x1e/\xddf\tel:v\xe3\x03\x1fr:5,\x02#\x15\x9dp\x03)\xac\xef{\x12Gy^\xaf\xd45W\x06\xf3q\xb4\xa5\xad</t>
        </is>
      </c>
      <c r="E450" t="inlineStr">
        <is>
          <t>&lt;class 'numpy.ndarray'&gt;</t>
        </is>
      </c>
    </row>
    <row r="451">
      <c r="A451" s="1" t="n">
        <v>449</v>
      </c>
      <c r="B451" t="inlineStr">
        <is>
          <t>steps_per_sec</t>
        </is>
      </c>
      <c r="C451" t="n">
        <v>6500</v>
      </c>
      <c r="D451" t="inlineStr">
        <is>
          <t>5.3481073</t>
        </is>
      </c>
      <c r="E451" t="inlineStr">
        <is>
          <t>&lt;class 'numpy.ndarray'&gt;</t>
        </is>
      </c>
    </row>
    <row r="452">
      <c r="A452" s="1" t="n">
        <v>450</v>
      </c>
      <c r="B452" t="inlineStr">
        <is>
          <t>Loss/localization_loss</t>
        </is>
      </c>
      <c r="C452" t="n">
        <v>6500</v>
      </c>
      <c r="D452" t="inlineStr">
        <is>
          <t>0.009851186</t>
        </is>
      </c>
      <c r="E452" t="inlineStr">
        <is>
          <t>&lt;class 'numpy.ndarray'&gt;</t>
        </is>
      </c>
    </row>
    <row r="453">
      <c r="A453" s="1" t="n">
        <v>451</v>
      </c>
      <c r="B453" t="inlineStr">
        <is>
          <t>Loss/classification_loss</t>
        </is>
      </c>
      <c r="C453" t="n">
        <v>6500</v>
      </c>
      <c r="D453" t="inlineStr">
        <is>
          <t>0.21900293</t>
        </is>
      </c>
      <c r="E453" t="inlineStr">
        <is>
          <t>&lt;class 'numpy.ndarray'&gt;</t>
        </is>
      </c>
    </row>
    <row r="454">
      <c r="A454" s="1" t="n">
        <v>452</v>
      </c>
      <c r="B454" t="inlineStr">
        <is>
          <t>Loss/regularization_loss</t>
        </is>
      </c>
      <c r="C454" t="n">
        <v>6500</v>
      </c>
      <c r="D454" t="inlineStr">
        <is>
          <t>0.037243225</t>
        </is>
      </c>
      <c r="E454" t="inlineStr">
        <is>
          <t>&lt;class 'numpy.ndarray'&gt;</t>
        </is>
      </c>
    </row>
    <row r="455">
      <c r="A455" s="1" t="n">
        <v>453</v>
      </c>
      <c r="B455" t="inlineStr">
        <is>
          <t>Loss/total_loss</t>
        </is>
      </c>
      <c r="C455" t="n">
        <v>6500</v>
      </c>
      <c r="D455" t="inlineStr">
        <is>
          <t>0.26609734</t>
        </is>
      </c>
      <c r="E455" t="inlineStr">
        <is>
          <t>&lt;class 'numpy.ndarray'&gt;</t>
        </is>
      </c>
    </row>
    <row r="456">
      <c r="A456" s="1" t="n">
        <v>454</v>
      </c>
      <c r="B456" t="inlineStr">
        <is>
          <t>learning_rate</t>
        </is>
      </c>
      <c r="C456" t="n">
        <v>6500</v>
      </c>
      <c r="D456" t="inlineStr">
        <is>
          <t>0.079964325</t>
        </is>
      </c>
      <c r="E456" t="inlineStr">
        <is>
          <t>&lt;class 'numpy.ndarray'&gt;</t>
        </is>
      </c>
    </row>
    <row r="457">
      <c r="A457" s="1" t="n">
        <v>455</v>
      </c>
      <c r="B457" t="inlineStr">
        <is>
          <t>train_input_images</t>
        </is>
      </c>
      <c r="C457" t="n">
        <v>6500</v>
      </c>
      <c r="D457" t="inlineStr">
        <is>
          <t>[b'640' b'640'
 b'\x89PNG\r\n\x1a\n\x00\x00\x00\rIHDR\x00\x00\x02\x80\x00\x00\x02\x80\x08\x02\x00\x00\x00\x83\xaf^t\x00\x00 \x00IDATx\x9c\xec\x9de\x80\x157\x17\x86\x0f\xb68,\xae\x0b\x8b;,\xee\xee\xee\xee\xee\xee\xee\xee\xae-\xee\xeeP(R\xa4\xb8\xb7\xa5\x02\xa5-R(R\n\xb4\x94\x96\x9e\xefGf2\x99$#W\x96\xdd\xe5\xcb\xf3\x03f2\x99$w\xee\xddd\x92\x9c\xf3\x1e\xc8[\x7f\x06"\x82\x0cD\xcc[\x7f\x86\xf4\x12\xc7\xe0\xe57\x012\xd0\xd3\xdcu\xa6\x02\xc0\xe6+\x88\x88\x90\xa0\xda\xea\xb3\xef\xd92\x01\x00\x02\xab\x00\xe4\x87\xc45!f\xb9\n\x9dVF\xca\xd0\x9c\xab\xf7\xd4\xaf\x08QK\xfc\x8b8d\xc5-\x92\xf2\n\x91\xb6\x93\x1e\xac;\x87l\xe3\x11\xf1\x1e\xe2\xcc\xdd\x8f_#"b\xc2\xfc=\xaav_G2 \xe2\xb4\x1d\x0f\xb9\xcc\xe4\xa0J\xf7\xb59kM\xfe\x15\x11\xa2\x97\x06\x80Rm\x97\xda|\xd2.3N\xb3%\xd0Bv\xdcD\x80\xd8\\b\xb2"}IJ\xad\xbe\x9b#\xa5o\x06\x00\xd1\xb2\xb4fK\x9b\xb0\xe9\x1e\xea\xf4]x\x19 \xaePa.\xfd \x1f@\xb0M\xc3\xa4\\\xfbS\xfe\xcdz\x8d\xd5O\xc5%\xe9+\x8c\xf4\xe2\xae\x14\xc5\x07x\x92=\x9f\'\x99\xd3x\xd6\x14gb\xf8\xbb@\x85B\xf11c\xd9a\xb1c\x89,1\xd7\xe2#\xaf\xac\x8b\xd5{\xa2X\xe5\x00bu\x98r\x02\x12\xd7\xfc\xf4\x8bw[\xae @lRH\xb7Yg\x01\xd2\x03\x14\xd4r\x067\xe5*\x02\x00H\\\x13\x00*vY\x05\x90\t\x00\xd6\x9c\xfdo\xf5\xd9\xffH\x86\x93\x8f\x10\x92\xd5\xc9Ru,@\x1e\xe3\x96\xd8\x15\xe8\x88\x0b\x10\xf5\xf4\x13D\xc4&lt;u\xa7\x02\xc0\xaa3\xef\xc9\x87\xad\xd9g3\xfd \x03\x97^\xef\xbf\xf8j\xfa\n#\xe8\'\x9d\xb6\xe3a\x8clm\xc9\xf1=\xc4\x80,m\xd8\x0f\x8e\x88\xe36\xdc%)\xd2w\x17D\x8c\x95\xa3\x039\xae\xd2m-$\xafSw\xc06\xfaA\xcavX\xc1\xe5/\xd3n9\xf8&lt;\xb0\xb9%J\t\x9f\x8bH\xe1\x87fxN(=\x9f\xdb\xff}\x90\xc7n\xe6\x03}\xd7\n\x85"\xfcCG\x0b\x11\xab\x9e\xe2\xf3\x9fq\xcbU&lt;\xf9\xd0\xae\x1f\x19\xb0\xf8\x1a=\xae\xd1{\xa3$G\xd4\x92|J\x8c\xb2\x00P\xbe\xd3\xa7\xe4\xacj\xf7u\x00\x00\x89j\x90ao\xf6\xde\xdfH\x93r\xd4\x9c\xc8\xdeT\xa7\xdfVS\x83\x13\xd7\xd0\xcfr\xfc\x8e\xd8y\xda\x17`~\x93@\xc4\xec5\'\xd2A\xbaf\x9fM\x88\xd8j\xecgG\x7f\xa6\x1f\'\xd0T`@\xa9\xc9\xdb\xeeK?\xe3\xdc\xfd\xcfB\xeaM\xe3\x12k\xf6\xd9\xb4\xf5\x1a\x02\x14%\xa7!\xf5\xa6\xeb\xf3\xda\x02\x88X\xb0\xf1\x1ciQ~#R\xb1\xd0-?&lt;\x10\xab\x1c\x00\x00D\xf5\xbd\xa4[\xefp\xc5\xc9\xbf}/G\'\x97s\x16\x85B\xa1\x90\x91^:\xe5\x05\x88\n\x10\x07\x00\x00\x92Ho\x0b\x957\xfa\x18e\xd8\xb3\x90z\xd3\xcd\x97\xd3\xd1\xa3\xe4E\xfb\x89wG6\xafi\x03\x14\x00}\x18\xfeC\x9f\xc8\x02\xe4\xe85\xef\x02"&gt;\xd7\x07\xe3\xee\xb3\xce\xae\xbf\x80t&gt;\r\xc2GKYb\x00h\xd3qK\x8e\xdd7\xddR\xb2\xcd\x12\x9b\xcc\x00\x00\x90\xc0)\x83g\x14o\xb5\xc81O\x9a2C\xc5\xc4\xd1k\xbf\xf7c3\x10Q\\3\x0f\x97\x93\xbf8\xbe\x17\x81\x88\xd5z\xaew\x977\x87\xef\xd5)\x14\x8a\x8f\x92BiJ\x0f\xb1\xb8\x14\xcf\xba\xf7\x8c$&amp;\xf5]p\xc9\x8b\xea\xf360o9G.\x0e\x00\xcf\xb5z\xf5\xed\xba\xd4\r\x01R\xb2\xb9\xba\xce8\x1d%cK\xdb\x82\xa3\x98\x1b\x1fHOg\xef{\n\x90\x1c\x00 ziD\xdc~\x1d{\xcd=oQH\x1a\x88S!e\x89\x81\x88X\xac\xe5B\x9a\xba\xe4\xe8k&amp;O"\xdbfH\xb0\xd9\x80gO\x1b\x0e\xd9\xe5i\xc9\x10\xb3\x9c\xf5\xb5lbR\x82\xfc\xdd=*\xbe\xc7\x9cs\x1e\xe5\xcfQsb\xd9\xf6d\x05^\xf2\x83\xf1\x0bg~s5\xc03\xcf6q(\xb5D\xa1P(|e\xd9\xf1\xbf,F\x88\xd4\xdc\xb94\x1bM,\xdb~\xb9x5R\xfa\xe6\x00\x90\xa2x\x7f\x80,\xd2\xda\x99\xdd\\\x83\xf2\x1d?e3pW7^\x924\xe3\xc8=\xe9\xcc\xde\x04\xb1\xf6\n\xd2\xde?B\xec3\x03@\xff\xc5Wk\xf6\xd9\x04\x00\xeb\xce;w\xfa\xe9\xca\x8fp\xcc#\x10\x8aS\xa5l\xd5\xc7\xeb\x87\x05\xed\xf2E(\xdcO\xaf\xe9\xcf\x06\x11\xe3\xe7\xed\x1a\x9a\x8d2\xb1\xe4\xf37\x1f\xac.\x85B\x11\xe1\x91uj\xd1\x01`\xf2\xd6_\x1c3\x1b\xa7\xb1l\xa6b\x9e\x12\xa2\x9b[\x17\xa1I\xd3w&gt;j3\xfe\xc8\xf9\x17\x08\x90\xd4\xbbEN}\xf5579\xed\xbb\xf0\xb2\x8f\xad\xf4\x99\xe4\xfe($\xab?\nqE\xbf0\x7fb\xa9\x1b\x08_}\x8e\x9c\xb5&amp;\xdb\xbf\x17""\xc4\xad\x18\xfa\x8d\x0bE\xba\xcf\xfa2\xac\x9b\xa0P(B\x07D\x04\x88)\xb9\x90\xa0\x9a43\xe9\xda\x86\xaf\xfc\x06\x00\xdc\x8f"\r\x06\xef\xe4R~3Mm\xdd\x9a\xdb\x04\x95\x1e\xec2\xa7\r\x1e\x8d\xbe^oj\xce\xda\xf3\xc4t\x1eP\xca\xdd}\x85\xbd\xab.\xb4\xe9:\xf3L\xd86 Z\x96\xd6\xe4\xe7W\\\xdf\x1d\xa0V\xebb\xe6T%\x07\x02\xe4\xce\xd7`&amp;@\xc6\x0f\xdbL\xffs\xeaq8\xdcVW(\x14\x9e`7\x90D.n\x1c\x07\x94\x82Pp\xde\xb0\xaa\x9dz\x1c\x01@\xee:S|\xa9b\xe4\xeao=\xbe\'IM\xc7,l\xcbK\xb4Z\xecq\x15\x00\xb9j\x0b\x9f+y]/\xcaQ\x88\xc3-"\xfe\x1c\x1e\xcd\xbe\x14\n\x85B\xc7\xf54.U\xbc\x90.\xbeU\x95\x12d\x03\x15i@\xb1\x16\x0b%w\xe8\xd8{=Y\x117Og\xe6,\x00\\\x7fXD\x84\xa4\xb5\xbd\xa8\xd1S&gt;\xa8ap\xac\xf2\x1f\xae.k,\xb7*\x1c\xb04\x98\xaa\xdek\x03\xc8\x06\xe0\xa2\xcd\x17x\xd1&lt;\x85B\xa1\xf8p "$\xa9\xe5\xe9]\xe5:~\xe2\xd1\xe0A3\x9fx\x80\x88X\xa9\xebj\xe3Z\x9a\xc6\xae\x8a\x88&amp;\xb8\x0eK\x10\xc5\xa4\x00\x00\x8e\xfdb\xea\x9d}\x19\xf6~\xb2\xbe\xd7\xbbb\x8b4\x9f/M\xef6\xf3\xac\x17\xa5E\x14x\x8bwg\x02\x1cs\xd4\xe9\xbf\xcd\xbb\xc6(\x14\nE\xd8\x80\x88\xb6\x02\x0e\xc9\xfc[\x97G\xa3T\xdc\xdc\x9d\x9d3\xb9\xa8\x14\xe2V\x92$\x02|\xfe\xb3ecR\x95\x1c\xe8\\t\x94\x12\x90\xd4\xe3w\x17\x96\xe1+\xbfy\xfb\x7f\xbaL\x1a\xdb\xc3\xfc\xb1B\xa5\x15\n\x85B\x11n\xe0}4\x87}\xfa\xb5\xff\n\x8f!\x1d\x80\xddO\x86\xecs\xa6)#qb\xb6\x19\xf2Cs\xf9W&gt;\x11\xff?\xc0\x95\xc5\\\xc7)\'B\xb9\x19\n\x85B\x11\xb1I\x00\x89j&lt;\x14B \x18x\xbaK\x1aP\xda\xd3\x19\xb0\xefH\xadamLd\xfdB\x90\xa5\x9e\x89\x17|&lt;\xae\xba\x1cw#\xe6\xd4?\\\xeay)\x14\x8a\x8f\x08D\x04\xc8\xcb\xa6l\xbfA\xfb\x9d\x9c\xbe\x14\xfb!\xfb\xaf\xe8Y\xdb\xd2\xb1\xb6J\xb75\\3\xbc\xdb\xfc\xf6?\xf1*\x7f\x80J\x8e?\xf8p\x8f\xfd\xb5\xd3WL\xa5\xc4\xdeG\x90\xc1\xac\xf1\xf0\xbd\xe4 LG\xdf\xdcaW\xb5B\xa1\xf8\xb0 "\xe7\x9f\xda\xc7s\x81\xc9\xf9\x87~\xe7\xcb\xf4m\xd3\xd4#\xb2\xd7\x98\x18&amp;3`Gj\xf7\xdb\xc26&amp;t*\xc9 &amp;ygL\x1e\x1a\xec\xfe:\xbc\xb4\xc4#\xda\x8c?2I\xa6B\xa3P(\x14~\x03\x11\xa5s\xa60\x97\\0\xe3\xbc\xe3h5\xd6\xfak\x00\xf6\xb6\x900P!\xceRu\x9c?\x8a\x91\t\xb3\x84&amp;&gt;\xba\x80\xfb\x83\xb0\t\xc2\xa8P(\xfeO\x91\x8dO\xce~ \xa1\x85\xa56Ev\x177\x07Z\r\xc0&gt;6\xca/\x8c]\x7f\'\x14JM\xf1\x11\xef\x1c;\xe1*\xd2\x83\xa7\x91$&gt;\x14~\x0e\x8d\xa5P(&gt;\x12P\x0c\x8d\x10A4\x9b\x86~\xf2\x15\x1d\x83w}\x85Vs\xe20\x01\x11\xbdQ\xe9r\x82\rJq\xe0{\x8c\xf8&gt;&lt;\xf2p\x1d\x1f\x84\xa4aW5\x00@\xdc\xdc\x9d\xc2\xb6\x01\n\x85\xe2\x83\x82h\n\x8b\xab\x13\xcf\xeb\x02\x8bZhM\xf8\x1b\xeba&amp;jID|\xe1\xff\xa17\x9c.N\xc61\xf7\xda_&gt;\xf5\xe9#\x9fen\xf7t\x17\xd9b\xfc\x88\xeeK{\xc2\x88h\xa1^C\xea\x86\xa1^\x85B\xa1\x880Ds\x19$\x00\xf2\xd4\x9b\xe6]\r=f\xcb\xc3\xb9\x88\xc3\xe4\x1aF\x1aZ o\x18\xcdh5\x7f\xdf\xa5^E\x9a\xcbQs\x92_\x1b\xc3\x11\x999N\x1f5\x93}\xc8d\x13-F\x1ft\x9930o7\x9b\xab\xec\x97\x92\xa4po\xf6\xd2io\xa2\x088NFC;XEx\x89\x1f\x9c\xa2x\xff\xb0n\x82B\xa1\xf8PD\xcb\xdc*\xb8\xdc\xb0\xd0(9\x9c,\x05\x7f@&gt;\xa8FG\xcf\xb9\xe7\xc9A\xf3Q\x07B\xa3|\xfe\xeb\x8b_E\xc8\xe2f\x9f\x1e\x00\xa0\xde\xc0\xed~hP\x04\xe4\xff\xefO@\xa1PxN\xfa\nl`y\x0f\xf6\xc6\xf27\x9c\xe9&amp;\xdb\xc7\xd8\x13\xa5#\xff\x85\xf9G\xf3\xbc\x01v\xde\xde\xa4\xb4Qk\xbe\x0b\xf3\xcfeAB\xbf\x97h8\x05D)\xe1\xf7\xc2Y\xb6^\x0b\x9f\x8fT\xa1P\xf8\x9b\x1c5\'\x92`2,\xa9J\x0e\xa2\xc7\xf9\x1a\xce,\xd9f\t\x97\x81\x8bm\xe0H\xf4lm-\xaf%\xaa\xce\x9cxmk\x93\xc3\xdb\x1b?\x08\xf1\xab\x00\xe4\x0b\xebFXR\xa4\x99d\x87\x9e\x0f\x11\xa1\xa9\x85\xa7\x94\xdc\x1f\xdb\x9fA\x96\xf4`\xd2^\xf2\xe9\x17\xef\xfc\xd5\x12\x85B\xa1\xf8@Tf\xc3\x139q\xeb\x9dg/\xe9}\x17\x98\xa3\xdc\xa7\xa5\xe1\x8f"U\xec\xbc\xd2HOP\r\x11\x97\x1c}\xedQ\xe1\xe9+\x8c\xf4(\xff\x07\x06\x11\xaf\xfd\x19\x96s\x1an\xf3\xd5 \xa04{\xe6\xdf\xb9\xac\x17\xa5\xe5\xa89\xd1\x8f\r`\xd0\x8c\xa7bdk\xc7_\x89Y\xeeC\x98V)\x14\nE\x18R\xad\xe7z\xf6\xd4\xa9w\x0e\n\xd5\xc6\x84\'2\x87u\x03B\x8b\x0f\xb64]\xb1\xcb\xaa\x0fS\x91\xbf)\x12\xd6\rP(\x14\xe1\x86b-\x16\x86^\xe1bw\x1c;g\x07\x8fKI\xd5\xc0\xab\xca\x83!AU\xafn\xf4\x8c4e\x86\xd4\xe8\xb5Q\x8c{\x081\xca\x86\xb2\xb5\xb3"\xb4\x89o&gt;\x8dV\xc9\x93\xe5"\x00\x80\xa8z(\xeb\xe0\xa6\x00\x109C\x8b\xd5g\xde{T@(\xd9\xd0)\x14\x8a0\xa6\xfd\xa4\xe3`=e\x89\x94\xbe9\x00\x00\x04\xea\t\xe1\xd8\x833FY\xe9&amp;\xe5\xf7\xe1\xd4P\x08\x80y\xecak\xcdD\xa3#(D\xfco\x9e\x9d\xa8\x86\xd7\xb7V\xee\xba\xc69\x93B\xa1\x88H\x04\x94\xfeM\x16\xae@\xccH6\xea6\\\x0c\xcb\xd1\xc2\xd3\xb1\xca\xc3\xfc\xfe7\xa0\x8d\xd0D\xcfjm@\xe7o\xa2d\xb4tV~\xe4\xdd\x0bJ\xe4\xe2\xde\xb7\xc6O\xb0??j&lt;Q\xa1\xd3J\x8b\xec\n\x85\xe2\xff\x89r\x1d&gt;\x01a\x94\xcaV}B8\x99\x9c\xe9\xa4\x04\x80\xf3/\xc2CK\x14\x11\x91@\xff\x14\x93\xc2c\xf9\xd5,U\xc7\xfa\xa7j\x80w\xe1\xebOR\xa1P\x84\x02A\xa5\x06\xb3\xa7\xc5[.\n\xab\x96x@p\x13\xdd\xdcW\xe6*\x13\x8a\xf8bM\xa3\xc4\xf7\xc3\x07\x92\x89r|I6\x81\xd2m\x97\xfa\xbd-nP\x03\xb0B\xa1\x08%\x98\xb0K\x89\xe9n\x99\xab\x0e\x11\x00 \xc9\x87\x8b7\xec\x17R\x14\xd3d\x05\xdd\xf4\xaa\xe1 6\x9fH\xfe\xb0\xad\xbef\x9fMn\x02S\xb2\xf8&gt;\x80-=\xf6\xe7\x87\xa9HJ@\x966\xa1Q\xacB\xa1P8\x90\xbch?\xeb~-\x974\xf5mx\x9d1,&gt;\xf2\x8a\x1e\xaf&lt;\xf5O\x18\xb6$\x822v\xfd]\xf6\xf4\xf6\x7f\x18\xfa\x8a\xd0\x00\x00\xddf\x9d\xf5\xe2.5sU(\x14\x96\xc4\xce\xd9Q\x9a&gt;\xef\xc0s\x80\x0c\x00\xb9?p{&gt;\x06\xa2\x94\x90u\xbb\xb9\xa2fj\xc5%%.\xd8\xeb\xc3\xb4\xc8\x13\\\x85\xd7\rC:N9\xc1\xee\xef\xfak\x84\xdbt\x19\xcb\xb4[\xe6\x90)NE\xb7\xc5\x995O|&amp;\x86_KS(\x14\xe1\x03D\xf4%\xec\xe0\x87&amp;\xc0&gt;XS\xfcp\xb2\x1c=|\xe57E[,\xb0\xbaZw\xc0\xb6\xd0\xac&lt;mh\x14:m\xc7\xc3\xd0(\xd6-\xa2\xb3\xb5\xc5\xca\xc7GI\xbbI\xc7\xc2\xba\t\n\x85"\xe2\xd3c\xce9\x1fKp\x1fi\xd8\xf3\xb9Q\x80s\x16\x7f\x12\x1e\xc4\xa2\xd3\x85u\x03\\\x90\xb2\xbe_\x8a\xe9=\xef\x82_\xca\t=\xbe\xfeW\xadW+\x14\xff\x1f\x14n6\x8f=\x9d\xb2\xfd\xc1\x07\xa8t\xf9\x89\xb7\xbe\x17\x82\x88\xb6k\xe3E\x8d\xc3x\xe2\xcc)ti8d\xd7\x07\xae1\xac8\xf3\x1b\x86\xf9\xf8\x1d\x1a;\xac\x05\x1a\xcd\xf2{\x99\x1e\xc2\x04\x1aI\xd7\x94\xfc\xaf\xf6\x92\x15\x8a\x8f\x96\xdcu\xa6\xb2\xa7\x03\x16_\x0b\xa3\x86\xb8\x85\x9b\xcd\xc4\x0f\xe9*\xcd\xd6~\xf2q\xef\xeb\x08j\xe4\xfd\xbdaM\xda\xb2\xa1\x12\xcbY\x11v\xa8\x18\x12\n\xc5G\xca\xf0O}\n\t\xe7\x03\x91b\xe5p\xd6\x88\x0e\xef\xaf\xff1\xcb\x81\xf0\x12\x13\xb6\x04\xe6\xed\x16\xd6M\xf0#\x81\xaesF\x84\x15u\x85B\xa1\xe0h;\xf1\xf3\x0f_i\xbe\x063?|\xa5V\xd4\x1f\xb4C?\x8c\x15\x96\xedP\xb8$uC\x7f\x95\x14\xde\xdf\xf0\x14\n\xc5\xff\x15\\\x974z\xcd\xf7\xa1\xd4IyRl\xd2\xd0+\xff\xfc\x0b\x9c\xb4\xe5g\xfd\xcc\xd6\xeb#N\x05\xed\xc0\x1c\x97\xde\x93\x0f\x12\x87\x1e%*\xd0\xd3\xf5]\xe1\x97\xda\xfd\xb6\x86u\x13\x14\n\x85"B1r\xf5\xb7\x90\xa8:@"\x8b\xeb)&gt;hk\x9cX\xfbe(NS\xdc\x0f\x9fz\xce\xc4\x16\x97\xb4\xb7\x04\x93\x83u\xfc*\x000f\xdd\x0f&gt;5QaM\xc4\x9b\xc2\xc6*\x9f\xacH_\x00\x98\xb0\xf9\'\xf1\xe2\xa9\xc7\xa6\x8f\xb3\xe0\xf0\xcb\x88\xf7\x01\x15\n\x85\xc8\xb9g\xac\xbc\xbbi\xad\xd5_\x7f\xe4\x19+\x8d\xf6K9\x1f\x92\x99{\x9e\xf8\xb1\x8f+\xdct^\xd1\xe6\x96~\xc0\n\xbf0v\xfd\x1d\xf6t\xf1\xd1\xd7a\xd5\x12_HQ\xbc\xbf\x98\xd8\xc1\x17\xe3A\x85B\x11n\xc9Y\xcb\xe7X\xf1\t\xaa\x01d\xf6\xe8\x8e\x16\xa3\x0fZ]\xea\xee\x95\xc2\x9f\xff\x89R"\xac[\xf0\x01\xf1!&lt;m\x98"W\x8cQ\xb3C\x85B\x11QIZ\xa4\x0f=F\x9dh\x99y\xddD\x1f\x90\xac\xd6R\xe2\xe7\x95{\x10\xb1\xc4\xcc\xde\x1e \xac\x82.d!\xffU\xef\xb9\xc1\xcb\x02\x92\xd4\x02\xc8\xe8\xb7\xe6\x84&gt;\xc9\x8b\xf5\xcf\xdf\xd0\x03_\xd8\x1c5\xbd\x7f\xa5\xb3\x8d=\x1c\xe8U\x91Q\xbe\xfe\xe7\xa3\x19\x8f\xc5H\xd5\x05\xc2\xa0\x15\n\x85\xc2\x7f|8\r\xbf&lt;u\xa7\xf9\xb3\xb8h\xa5\xb2U\x9f\xe0c\x19\xd3w&gt;J\x98\xbf\x87\xf7\xf7\'\xa8\xc6\x9e\xa9\xb9\x97\xd7$/\xd6/,\xaa\x95\xaf\xdc\x1c\xf9)&lt;~\x8f\x83\x97\xdf\x0c\xeb&amp;(\x14\x8aP\xa3J\xf7\xb5v\x97u\x15\x1e\x13\x81U\xd9\xb3\x80,mD\xf9\xfe\x13\x0f\xc2\xdc^\xda-\xa5\xda,q\x971\x0e\x00\xd4\xe8\xbd\xd1\xear\x82\xfc\xdd-\xae\x84k\x19}\xf2.r\xf5\r\xf3`\x13\xd7d3\xfc\x16\x86o\x181\xca\x86Y\xd5\xa1\xcf\xbc\x03\xcf=\xc9\xaeb\xa2(\x14\x1f\x17y\xea\x9a\x84#\x02\xf3\xb9\x95n\xf8\xe4\x8bw\xa1\xd0\x9cpM\xc1\xc6\xb3-\xaex\x16\x956L\xe8\xb7\xe8\x8a\xfb\xcc\x89\x0bq\x01\x9a\x82f\xee~\x9c\xb2\xc4\x00\x9b[\xfc\xba[\xe1+\xb6k\xda\n\x85B\x11&gt;0)o\xb8\x8f\xb3\x06\x00\xb1+p\tI\n\xf7\x01\x00\x80`r\x9a\xb5\xda8\x0f\xdb\x92\xcc\xc3\xfc&lt;\x89\n\xf4\xcc[\x7f\xba\xc5\xc5\xc8\xee\xcb)FB\x18\xa5m\x02\x00\xa9J\x0e\xf4\xb1U\xe1\x13\xe9B\x82\xbfV\x17\xb2\xd7\xf0u\x8f\xc0\x07\xe2\x00D\t\xbb\xda\xdd\xb2\xfe\xbc\xf6\xa8w}\xed\xcd3W\xbb\x1e\n\x85\x02\xbezg\xd9\x11\x14q\x1d\xb0HB\xa4\xa2\xcey &amp;\xf9/\xc4r\xd0\xf5\x14\xd1\xdaE$e(\x87\x11\xfc\x10l\xbb\x8e\xd2\x1e|\xef\xedP\x1c\x95E:M=\x19J%\x7f\x00\xfc\x15U\xc9J\xbb\x94XA\xfa\xa5\n\x85B\x11\xa1\xf1"Tp\xb0\x1f\xab\x8f\x1f\xd2\xc5\x8f\xa5\xf9\x86\x07\xd3\xf4\x9a}6\x85^;t\xe28gQ\xc8\xe88%\xac\x86\x7fN\xe24\xfe\n\x0f\x82\x83E\x80\xc9\xbdB\xa1\xf0\x9e\x1a\xbd6\xc6\x0f\xe9j\xb2\'2\xbcc5G\x9ay\x07\x9f\xd7\xea\xbb\xf9C\xb7\xcc C(\x95[\xa5\xfbZ\x8f\x16\xab\xed)\xd8d\x8e\xbf\x8a"T\xea\xba\xda}\xe6x\xbe\xbd\xb58N\xbf"gl\xe1K\xf9&gt;\xd6\xee!9\x9c\xb3\xb8 yQ\xcfl\xb6\x87\xaf4E7q/\x82\xa6\xe6\xbe\n\xc5\xff)Y\xab\x8dC\xc4y\x07\x1d\xed3s~\x88\xd6\x84\n\xa1\xe6\x8f\x9b\xb4\xb6\xd5\x95\\\xb5\'{Q^\xb2\xa2}]\xe5\x8bW\xd9}\x91.\xf3=\x0c\xed1 \xb0\n{\x16R\xcfb\x1f!Z\xa9\xd0m\xc6\x07\xe4\xb8k\xbf\x80b-\x17\x86jK\x14\nE\xd8\x13\'w\'I\xaa\x9d\xd2\x85\xf3\xa0\xdbt\xc4&gt;r\xf0\xa1\xa5(\xe3\xf0Fa~!C\xc5\x91\xbe\x16\x91\xae\x19\x00T\xec\xbc\xca\xab\x9b\xfdn_\x9d\xca\xdf\x05\xfa\x87\x04\xf9\xac&lt;\xb8&gt;\x1e,\xe6\xb5\x12\x8f\xfcRm\x96\x86vc\x14\nEx!\xaa\xc9\x87$6@\x12\xdf\xcb\xdcx\t\x01\xf2\xbb\xcf?c\xd7\xaf\xb6\xd7C\xd1\x95\xd6\xd2\xcf5~\x15y:\x00\x00\xac=\x17\x06\xeb\x84\xfe^\x9c\xcc\xe2X\xe0\xf8\x8d?zSp\xc2j\xcey\x00\x00\xa0\x9d?"`F\xc9\xd8\xd2\xf7BlpxJ\xd1J\xfa\xb7\xae\x91\xab\xbf\xf5\xa6\x19\n\x85"B`\xfaKNRS\xcc\x107wg\x97E\x95h\xb5\x889\xfbhb\xe8\xc6k5\xee3\xbf\x17\x1a#[;O\xb2K\xd6\x1b\x10\x11 \xc0_\xed\ts\x10\xf1\xc1\x87\x18T\xa2\xb9\xcbf\xb9&lt;0g\xdfS\xf6\xd4\x17\xddMB\x96\xaa\xe3\x00xI5\x85B\xf1\x7f\x81\xf0*\x9d\x9a=\x99\xb0\xe9\x9e\xf8\xaem+\x17\x95\xd5O\xed\n\'\x84\x84u\x03\xfc\xd0\xc5\xfbB\xfc\x10gin\xdf!\x9e6\x7f\xe9\xbf\xb4\xd0p\xbc\xf9\x94\x91\x8b\x89\x94\xbe\xb9\x7f\x0b\xf7\x055\x97U(\xfe\x7f\x99\xb1\xebW\x80tv9\x12Vw,\xa4l\xfb\x15~kP\xf8\xc2*4\xb2\x17$\x81\x14\xf5\xbc\xb8\xedCt\xd0\xd6&amp;c\xff~\x90\xe1\x81\x8c\xb8\xf5\x07\xed\x00\x80\xb9\xfb\x9f}X\xcf\xd7\xc8~2w\xe77\xe9\xdb;\xc5\x104+\xbf\xa6\xf1\xae\xd6\xda}\xb7xw\xa3B\xa1\x08?x\x13V\x05\x11m\xe6\x88\x0b?{\xe9}s\x00\x0e\xdda\xbb`/\x9d\\g\xedy\xe2\xd9\r\x89k\x9a\xbb~\x97+\x96v\xa8)\x8e3\xe9\x9a\xb2O\xe9\xfc\x0b\xc9\x13\xab\xdek\x83(3.R\xb8\xe9\\\xbf\xb5*\xa8\xa1\xdf\x8a\x92`\xb8\xd4\xdb\xfcB\xbc5\xd9S(\x14\x11\x87\xc7L\x17\xb0\xf4\xd8\x9fnoK\xd7LLk2|\xaf_\x9a\x14q\x05\x80N&lt;t\xd3l\x15H\xce\xc4\xf9\xe7\x88\x88\xc9\x8b\xf5[u\xe6_/n\xaf\xd6s\xbd~\x18\x89\xfcl\xbaL?m\xf3\xfbq\xeb\xd6\x15Z\xa4\x96\xa4I\xa32\x075DD\x1a\x04S\xa1P|\xcc\x94n\xb7,\xac\x9b\xa0M\x08\xf6}\x8bCV\xdc2R\xcd+\xe1$O\xbe\x063&lt;\x1c\xa4\x03\xfd\xd0&gt;\x8d\xc2\xdcy\xdb\tG\x01\x82\xf4\xb3\xb8\xfe\xab\xe8\xc3\x10Z/\x04=\xe6\x9c\xf3ci\xec\xd7}\xe4\x9e\xb3^\xa6\x9b\x9fG\xb7Yg}o\x98\x8fT\xefe\x15^:\xd3\x07m\x87B\xa1\x08\x0f\\~\x15V\xb3\xcf(\x83\x97iqOS\x97\x1c\xe4\xf7\xd2k\xf7\xb3\xdf33\xdb\x15;\x85\xc0#\xfd{\x9c\\\x1d\x01 \x7f\xc3\x99\xbe5\x8d\'\x94c\xffE\x80\xc0M\x14\x8bq\x94\x7f\x07\xd2sF5\x9fR\x82\xc4\xfc^b\xe1n4\xf7\xc0s\xf1\x07\xd6h\xe8n\xc7\xf2\xa8\xaf\x81\xf0ICK\xebM\xa1P\x843b\x97\x07}\xed\xb7N\x7f\x0f"\r\x04\xe6u\x1b\xbb\x90%Q\x81\x9eb\xa2{\xb3[\xa1\xab\xb2sY\xde\xf5\x95\x91\xb9\xe5\x98C.\xab\x80\x94\xf5\x9d\xf3$\xac\x1eZK\xe5\x86\xf0\xa7\x1f\xb1\x13\xffZu\xday\xf9w\xc4\xaa\xdb\x9eVI\xc2\x0c\xbb\xc4\xc7\x87\xc9\xed\\\xfcD\x8f\x03J\xdb\xdf\x98\xb1\xe2(_\xea\xb5" K\x1bOo\x89\xa0;/\n\x85\xc2c$\x7f\xed\xf1\xab\xd8t\x01\xf1\xf3J\x06H6\x7f&amp;Ot\xaf\x1a\x0e\xde%m\x067\x12\x94jk\xe8\x01\x19\x83}`U\xf7\x15yG\xae\xdaS\xac\x1e\x85\xcd#\xba\xfd\x9fq\xa9\xcb\xf4S\xfeo\x96\xc7\x18;\x8e\x913\xf8\xa0\xdb\x1c\xdc\xd4\xb7f\xd8\xbd!\x1d4l\xeeB|\xa9\xe3\x83\x98\x0e\x14Qc\xa4B\xa1\xf0\x03=f\x7f\xe9\xaf\xa2*u\xf1 B\x80\xd7l\xbe\xc2\xf4}\xfe\x9b#\xa6+?B\x9an\xdb\xd5\xcau0\x10Q\x8f\xc0\x98\t\x00\xe6\x1f|a]B\xf8\x8ai\xf3(\xd4\xc6\x95i;\x1e\x02\xe4\xb5\xbc\xec0=\xf5\xd8\xb9\\\x1f\x86\xdd\x8a\xa6\xf9K\xcb\xacL\xbb\xe5~)G\xa1P\xfc\x7f\xc2k\xf43\n\x06\xf1@\x1b\x90\n\x95\xef\xf8\t\x9b\xe7\x07\xcf-_\xc2\x80\x98\xe5\xf4\xa3\xc4\xdc\x95a\x9f~}\xf67\xdaf\xd38\xe1\xdbg\xf1\xc2\x8d8\xd0\x87\xea\xbc$e\xf1\x01\xe4`\xf5\xd9\xff\x84\x8b\xfeQV\x19\xbb\xfeN\xbfEW\xbc\xb8\xf1\xdb\xb02\x86\xf7 \xacE\xa8\xb0\xce\xdd;A\xd1\xe6\x0bB\xbb%\n\x85\xe2\xc3\xc1-\xe2\x15h&lt;;W\xed)4\xe8\xbd\x94&gt;\xf3/\xda\x95\xc8\x06u\x88Q\x06\x98\x1e_\'\xad}{\xc4\xc4\xa5\x9f\xbf\xe1Rr\xd7\x9d\xaa\xdb\x1e\x17\xb1)m\xf5\x99\xf7b\xe2\xd57\xfe\xe9\xe2}\x0f37j\xf5w~i\x89/l\xbf\x81\x00\x90\xb3\x96?\x15\xb8N&lt;@o\xa3Y0\x01\x04\x13\x84\xfa\xa6\x83\xbf\xe84\xed\x0b\x00\x88\x95\xa3CX7D\xa1PD4\xf6\x7f\xc7\x0e\x0f^j\xf4\x00@\xd2"}\x9c3\xc5\xaddq!3\xf9\xcfq\x02\xd4`\xf0N\xe6,\x8f\x8bv\x01@v\xee\xbc\xfe\xa0\x1d\x00\x01\xe2\x9av\xb2"\x9c\xc3h\n\x9bB\x17\x1e\xd6\xb4G\xa4\xc3\xfc\x07&amp;K\xd5\xb1\x9e\xde\xd2a\xca\trp\xe3-\xf3\xcc\xfd\x14\x07\xb0\xe3\x94\x93\x90\xbc\x8e\xec\x8a\xf6\xfa\x15\\n\x98W\x05\x7f\xf8\xb0N\xf1\xe5\xc9\xd1\x8d\x85\xf4f#\xf7W\xe8\xb4\xf2\x035G\xa1P\xfc\x9f\xe1V"*G\xcd\x89&gt;\xd6\xd4s\xeey\xb9p\x01\x00\xd8\x1a\xdd\x1c\xfe\xd1\x0f\xf3ZD\x04\xc8\xc7\xa6$/\xd6\xdf\xf1\xae\xaf\xffEO5\x9c\xa3\x84fX{\xb7\x08fV\x88\xe8\xe8\x8b\xe5\x9aX\x00\xd0i\xeaI6i\x19\xab\xfa\xc2IuF-\x89\x88k$\xab\xe2\xeeq\x1b\xf3\xd8_|H\xf5\x98p\xba\xd1\xa3P(&lt; y\xdd\x92\xad\x17\x93\xc3\x7f\x11CA\x88\xa3 @0\x00@P#\xee\x82T3\x8b8\xbf\xa6)3DZV\xe1\xa6s\xd7\x9d\xe7\xfb\x1d\xc7\x9e\xa8|\xa7O!\xb8I\xfa\nr3\xab\xd0`\xc0\x92k\xa1\xd9?\xf2\xd3w\x96\xca\xdd\xd6\x00\x00D\xf58.^\x84\xe8\xd0\x8dF\xa6\xf3\xd1$\xdb\t\xcf\x1f Dd\xf96\x85B\x11QIYb\x00@R\xe3&lt;\r?\xd6\x12&gt;\xff\xd9\xb1o\xca\xef\xfb\x8c\xd9\x89l\x8e9n\xfe\x8d\x9c=\xf0\x89\x07\xfa\xa9Y\x90\xeb\x95Eo\xfb\xc6\xa9#FDHZ\xcb&amp;\x83\x13\xf1\x97\x9fx+\xbdp\xf9\x15B\x82j\xfd\x17_\xf5\xa1p\x8d\x19\xbb~\r\xeb\xe1\xc4\xfb\xed\x0f\x96\x1a\xbd6\xfa\xa5\x1cO\xf02\x8c\x87\xd5\x03\x8f\x9d\xb3\xa3\x0f\x8dQ(\x14\x8a\xb4M"g\xb0\x89\x04\x97\xdc\x8fU\xd5\xe8\xed\xd0\xe7\xfa&gt;\xb4\xec\xb8)\x8e\xb2\xc1\xae\xcbw\xf9a\xbd\x8bBa\x1f\x8c\xd9d\xd8\xacG;\x96x\xec\xb4\x18}\xf0\x83\x0c\xc0Y E]\xdfK\x11\x9b\x9a\xad\xfax\xcf\x8b\xb1\xdc\xec\xf0?1\xbd\\\xdb\xf7bw_\xa1P\x84kH\xff\xd5f\xfc\x91\xd4\xa5\xfc*\x00)\xac&lt;{G\xbd\x81;\xe8\xb1\xb5p.\x83e\x14\xc5@\xfd \x97\xf6\x7f@i`\xec\xa7D\xf4\x9e\x9d\x17&gt;&lt;\xfbT\x1c\x9cr\x17o\xb5H?\x8e\x9d\xab\xf6\x14\xe7v\xba"Z\x94\x8c-\x99S\xf9\xf8\xea\x93\xc8F\x18P\xb0j\xf7u~/4\xac\xa7\xec&amp;\x1a\x0f\xdbc}1\xba\xed\xad)\xfd\xdc\x14\x85B\xf11\x91\xa9\xb2\xa1x\xf5\x01z\xbd\xbe\x0b/kG\xe2\xbcA0\xd3-\xd2l\xbe}i\xa6\xbd:\xb9i\xae\x89\x9fe\x1f\x10\x11\xb7^\xb3\xfc\xe0Q2\xb6\xf0\xe2\xb1\\3;Du\xd7\xe2\x04\xe4\x90f\xf6\x88\xa9\xdb\x1f\xf8^H\x18\x82\x88\x00\xe9\x9d\xf3\xc5,+\xfe\x1eZ\x8e=\xec\xa7VX\xd9\x1e\x9a\xd63\xbc\xfes\x08Wo\x0f\n\x85\xe2\xc3\xa1\xc5\x15\xc8\xddI;\x8fR\xa2\xcd\xf8#\xf6\xb7L\xd8tO\x92j\xa7\x9fl\xe1\xbfa\x1b\xc4\xb0bg\x07w\x8e2\xed\r\xf9\xa1\x93\x8f\xfc\xd9\x85\r]\xf1\x15s\x16\xc2]]y\xea\x9f\xc0|\xdd\x11\x11 \xe6\xcc\xdd\x8f\xfdX\xaf\x15s\x0f&lt;\xff\x00\xb5\x84\x06\x99*\x8f\xe9&lt;\xfd\x14\x00\x14j2\x07\x00\xb8\r\xece\xee#`j\xf8\xe0z\x94\xc4\xab\xadw\xde\x14&lt;\xa1\xf7\r\xd0Yp\xe8w\xdf\x0bQ(\x14\x11\x1a]\r1U\xfd\x8ef\x17\x11p\x92\xd1\xaf\xd2}\xad\xfbjz\xcd\xbb\xe0/\x9b\x1a\x03\xcbuf\r\xea\xd8\xea\x05Y\xab\x8ds\xca\x92\x17\x00\xa2en\xedb\xe2\xe2r\n\xeb\xbfp=\xbe\xe3\xa7\xbd\x03\x9fq+\'\xc9\x92\xb7\xc1\x0c\x1a_\xa8f\x9fM\xec\xa5L\x95\xc7\xb0g.\x0b,\xd2l\xbe\x97[3\xde\x8d\xf7\n\x85\xe2\xff\x01\xf7\xd1\x87|d\xe1g\x7f\xf8\xb7\xc0\xf5\x17\xbc\x99\xec\x96\xef\xf4i\xba\xf2\xc3\xb3\xd7\x10m\xad\xf9\xd5ED\x8c\x94\xde0\x19\xeb6\xf3\x8c\xa5\x93\x89\xa0\xd0\x14-Kk/\xda\xc6V\xed\xcb\xed~,\xc4\xaf$u\xcebK\xf7p\x10\xb8\x97\x05\x11]\xc4\x01\xb3\xd3e\x13\xb0\xdf\x18V(\x14\x1f\x17\xd4\xba\xc7/\xfdu\xaa\x92\x03\x11\xb1v\xbf-\xd9kL\xf0\xbd4\x00\xc3\xdd\xb3T\x9b\xa5\xf6\x19\xa5\xa4-;\x94K\x99\xb5\xe7\x89\x98\r\x11\xf3\xd4\x9d*\xa6\xd7\x1b\xb0\x9d=\xfd\x0fq\xce\xbe\xa7\xfaY$\xf2_`&gt;oB1\x86\x1e\xde*&gt;~P\xbc\xf3\x97E\xc4\xee\xb3\x98\xd8!\xda\xb2p\x98\rZ6\x1f\x81\xbd\x14;\x97\xf2 R(\x14r\xec\x02\xc4\xda!_\xfe\x8d\x1c;gGfo8\xc4\xcb\xc2el\xbb\xee\xf3+\x02U\x9a\x8cY\xb6F\xaf\x8d.;P6\xd1y\xd8H\xd3x\xec\xfa;\xde\xb7P\xa3\x80w\xb7U\xea\xb2\xca\xe7\xaa\xfd\x86\xcb!\xb6f\x9fM$\'"\xea\xda\xa5\xde||\xfa\n\xb5\xf7v\xd8kQ%)\xd4\xfb\xc3\xb4A\xa1PDd"\x177\x05ZH^\x97\x8b\xdb\x9a\xb7\xfet\xf9\x8d\x0e\x9b[\xb9}nYh\xc1\xf5\x9b\xa6Sk\xfd\xa3\xfa\x83v\x98\xce\xa3\x97q\xae)a5\xfb\xeb\x07\x7f\xf0~\xa8\x90\xf6\xfe\xe6\xf9}\x1e\x9a\xf3\xd6\xbb0^\x8e\x1e\xbf\xf1G\xabK\xd5{rNe\x91\xddE"*\xc8\x9d/9\xfa\x9a\x1cPu\x14\xceHp\xce\xfeg.\x8a5p\xf3\x02\xd1y\xda\x17\xd2\xf4\xf7\x8e2,\n\x85B\xb1\xe4\xe8\xeb\x89\x9b\x7fbS\n5\x99\xebma\xc1V\x17~\x0f\x8b\x1eG\xec\xe6"\xa5o\x9e\xb2\xc4\x00Y\xde`\xcb&gt;1rq\xe38v\x05n\xc8\xfc\xc2\x1fF\xd7)\x8a\xf5\x87\xd4\r}/\x87\xa1\x10\xf9/\x14:\xfaB\xd2T\xab\x8a\xdaM:f\x9c\xb0O\xd2\x16\xbd4\x0fM\xd2\x84\xf2\xdbN8\xea\xc9\xfd\x19\xe8\x91\xd9\xeb\x1a\x00\xa0\xee\x80m\xccY.\x9b\x9f\xbaNF\x00\x98\xb4\xe5gO\x1a\xa0\x13\xd6\x91\x10\x15\n\xc5\x87\xc4#;\x11\x8f\t\xe5\xf7}\xd6!$\xaaU\xa6Rm\x97\xda, \xa3\x8e\xf4\xea\x90\x15\xb7\x00\xa0d\x9b%\xe0\xfcY2\xd8^5q\xf0\x07\x844\x8d\xb9\xc4q\x1b\xeef\xac4Z\x9a_ l\xb4\x1ad2LQ\x00\x12\x84AS,q\xa12f\xab\xbde\x13\x84\xf8G\xeb\x1f\xc0\xae\xaf\xf8K\x83\x97\xdfthF\xa4\xa2\xf6\xd7\xabt\xf3\xc0\xd1@\xa1PD&lt;\x02\xf3u\xf3\xbb\xb3DX,\xb2\xd9E,\x06\xeb\x1d\xdc\xa1+n\xd9\x0f\xc0l\t\x00\x90\xb0\x80\x9dk\x96\x8f|z\xea\x1f\x1fK\x18\xb1\xea6\x97\xf2-\xff\xb9\xecb98R\xb9\xeb\x1a_n\x07\x80\x1b\x7fa\xd2"}\xba\xce&lt;\xc3&amp;6\x1a\xba\xdb\xdd\xdd\x96\xefX\xa1\xcd\xc0\xa5\xd7\xc5D\x9f\x7f\xe7\x89}\xbb]\xa1PDp\xf4\xb1\'\xa1\xe7]3\xef\xa3Y\xa6\xfdr\x80,\xfej\x98G\xd8\xccn\xe9\x81\xfeI\x93\xf0\x19b\x94\xe5\x07`&amp;J\xb1M\'\xbb\xe3\xa6\xdb\xfe7 K\x1bY\xb2]ta\x00\xe0f\x96\xcdG\x1d\xa0\xc7\r\x06\xef\x1a\xb4\xec\x86\xfd\xcd\xd4\xb8\xc9E\x03u\x92\xd5\xa1\x87_\xff\x8b\x90\xb4\xb6$\x8fe\x08g8v\xdf\x1b\xf3\xe6e\xc7\xff\xf2\xf4\x16[R\x00@\xffEW\xd3\x95\x1fn\x97K_~\xb0\xb4r\x08/\xa4\r\xeb\x06(\x14\x8a\xd0"\x99\xd5\xe4\xaf\xe1\x102)q\x1b\xfa\x17\x00 ~\x15\xff4\x8a\xe1\xa9o\x93\x0cq\x00&amp;p\xc5\x9a\x1f\x82\xc3\xc2\xa0\xbf`j\x8c\xed\xe9\xbd\xb5\xfbn\xd9x\xc9\xd5\x93a\xbf\xdch\x99]:(\xc7\xf5\xb4=\x06\x86yZ^\x97w\x10\x91,{*u]}\xf4g\x8fFw-\x8a3\xeb\xcc\r\x00-\xc6\x1crs3\x11\x99!\xbf\x8a.3N;\xe6\xe7m\xf4\xcc\x98\x9b\xed\xf8\xd6\xa5P(\xfeo\xb8\xf5\x0e3W\x19#\xa6\xbfu\xb70\x0b\x90\xce\xe1z\xea\x86^\xc5\xa51d\xb3z\xcc&gt;g\x9b3\xb2\x9b\xe2\xd8\xd1\xf7\x8e\x85\x97\x11\x00\x0c\xfb\xf4\xebu\xe7\xb1\xcd\xf8\xa3\x00I\xfe\x12\xb2m\xbe\xe2~\x00\x88\xdd`\xf0N\xe3,i\xed\xfb\x16O\xd2*\xdd+$\xdfEXl\x07\x98b&gt;\xd6\x1b\xb8\x9d\xf1\x9f\xf6\x14&gt;\x06\x06a\xffw\x08Pd\xf5\x99\xf7N\xb7gu\xca \xc1\xde\\\x80\x1eG\xb2\x0b\xedeM\x02\x07\xdbx\x85B\xf1\x7f\x04"\x1e\xbe\xebY\x1f]\xba\xdd2\xf7\x85#"q\x8d\r.7\xcc\xe3\xc6I\x88\x0e\x90Y\xac\xc5\x88n$\'\xc6\x8f\xcc\x00,^\xfe\x0e\x91\x0e\x1b\xd4\xd49^\x9e.bE\xa6aU\x8a\xffL\x9a\x11QW\x03\x8dgU\x99\x8bb|2\xb2\xab\xd9[\x93rLW\xcenEw\xc8\x8a[\xc6\x06mZ\xde\xb8L\x92bI\x12I\x9a\xd3\xa0\x85\x88\x1d&amp;\x1fg\x12,U\xc7\xdd\xc0\xfeB\xac$e\xc4\xdf\x86kB\x1csd\xac4\xca\xdb\xc2\x15\nE\xc4\xc4\xfdT)^\x08\xd3\xfbX\xfb\xce\xfa\x8d\x14u\x83\xcd\xbd\x7f\xebqG&lt;\x9d\xd8\xe5\xaa=\x19,&amp;7\x8b\x8f\xbc2\'f\xae\xd2m\xadS\xf9\x96\xe63\xff\t7"\xe2\xf1\x07\xf2\xd2\n4\x9am[\x8b\x1d\x88\xb8\xf3\x96\xa4\xaef#\xf7\xb3J\xce\x0eA5\xe2U\x02\x80\xd4%\x9d\x85\x8eO&gt;DH\xd5@z\xe9!b\xcd&gt;\x9b\xf6~k3k\xd4\x9c\x923T\x18\x99\xa5\x8a$\x9c-\t\xd2\xc0\x92\xb5\x1a\xbfj\xd2|\xd4A\x00\xc8Yk\x92cS%\x08\x06\xe7~\xe4\xf3_&lt;]c`\xd5ox\x87f\x85B\xf1\x7fD\x8e\x9a\x13\xf7\x7fg\xf4 \x87\xee\xa0G\nV\x99\x85\xfe\xb4N\xff\xad~i\x98[\xe2T\x9c\xbd\xf77.\xcd\xca\x07\xb4\xf1\xb0\xbdd\x0c\xfe\x81\xd9\x1bv\xe3rz\xe1w\xae\x93\xb5\x9cz\xbe\xd1K\xceQ\x93\x1f*\xc4A}\xd5\x99\x7f\x1d\xabv\x8d\x97\xfaY\x9e\x12)}sn\xb3\x1f\x11O&lt;@\x9b\x18A\x88\xa8kF\xc6N_a\x04M/\xd3n\xb9\xd5-6E\xd9\xed\x8cP\xb13\xaf@\xc4\xe8\xd9\xdar)\xbe\x14\xe8\x05K?\x7f\xf3\x81kT(\x14a\x86\xd8\x9d\xf5Ypi\xe5i/\x07\x06w\xdb\xc6\x10#[;\xc7&lt;\tlc1\xb15\xba\xc9\xe6/\xc4a\x95c\xe1\xe1\x97\xe4\xc0]\xc3\xecv\xd0\x1b\x0c\xde\x85\x88\x10\xab\x9cM\x9ec\xb2\xe9W\xfe\x86\xb3\\T-\xa50D*\n\x90\x9fK\xe5?K\xd2Z9kM\xa6g\xc2\xdb\x89\xb5\xe1^\xb4\x92^|_\xdc-\xe2o\x0c\x11\x89(\xd5\xb9\xe7X\xa1\xf3Ji\xf8\xa9\x1a\xbd6\x8a\x89E\x9a\xcf\x07\x00\xf3\xf2\xb5\xaf b\x82|\xdd]fNV\xa4\xaf\xf5\xc5\xc2\x00\x81\xfeh\x91B\xa1\x08\xb7\xc4(k\xd3\'J.\xa52E\xfc\x1d\xb0\xe4\x1as\x96\x06\x002T\xf0&lt;\x1e\x80\xb6\x8em\xda\xc7\x1d\xb8\xf4\xba\x0b\xc9\xa1\x0f\x81\xee\xd0\xa2\xd9\x85\x05dm\x03\xc6;D\x1eN\xe8\xf1\xb3\x1f\xb5S\xa2\xe0\xe1H\xda\xb2dk\x9cl\xa0&amp;\xa4\xab\xb5\xb0\xd1R\x14\x00\x00 \x00IDAT\x00p\xf4\'\x9c\xbc\xf5\x17wm\xcc\x1b\xe0[\x08&amp;\x8a\xfc\xc7 D\xb9\xaf\xd6s\xbd\x8d\xa5R\x89\xd6\x8b\xe5\xa5\'\xa9\xf9\x80\xde\x95\xaeY\xde\xfa3\xbcm&amp;_#$\xafK\x0e\xd2\x96\x1d\xe6&lt;\xc6\xa7\xa8\x07L&lt;Mi\xfe5_\xda\x15\xd2r\xecaz\xbc\xcfb\xed\xdd\x8caTX\xd2\xea\xe1(\x14\x8a\xffC\x10\x91\xec\x1a\nS\x19(\xdf\xf1S\xab\xbb\x88\xe6C\x86\x8a#\xcd\xfdW\xb0\xd7\xcd\xd8~\xc3\xeb\xb9lR\x00\x80\xd8\x15\xe8y\xfe\x863\xc1\xaf\x93\xe3|\r\xb8\xa1\xc2N\x88\n]8\xe0n\xbd\xe6Y\xa7\xdfd\xf8&gt;1\xd1\xeb\x01,/\xffq\xfc@\x92\xc2\xbd\x11\xd1\xa5\xb8\xc4\x1dm\x17 XrM\x0f\x81\xe5\x05\x888\xff\xe0\x0br&lt;e\xdb}\xaf\xcb\x01\x00\xf7\x0exi\xcb\x98\x82n\xddx\xeb\xf0\xab\xcbSo\x9a\x98X\xbe\x93\xe5\x1f\x9aB\xa1\xf8\x98\xf9\x1b1F\xb6\xb6`\x1e3\x1c\xc5\xeb\xc7o\xbc\'K\xce\xfc#\xa2\xb5\xd5\xae\x17\x04\x01@\x9e\xba\xd3b\xe5\xe8\xe0\xf1\xad\xfe\xf6K.\xda|\x019\xa8\xd0i\xa5\x9b\xfc\xf3\x0e\xbe\x00\x80\xcb\xaf,\xbd\x9e\xecH\xd7\xcc\xea\xca\xed\xff\xb4{]\x0bH\xd9\x10\xc9"]\x12\xac~\xee\xfeg)\x8b\x0f\xb0\nK5f\xdd\x0f&gt;7\xc6\x8c\xeeR\xdca\xf2q\xab_\x14"\x02\x14fW\xf2\xc9\x83}`~\xbc\xcb\x9d\xb4&gt;\xa6l\xbb\x7f\xe55\xe6\xac5\xd9\x08\xa6\x94L&amp;B\xe2\x02\xabo\xb6\x95&gt;ivP\x08a\x88\x9dS\x852T(&gt;^\x98\xd8m|\xbc\xf4\x18fk\x14\x11\xd1\x1e5I\xa1\xde.\xf7\x807\\\xf0xn\x1a"\x9b7T\xe8\xecj \xb4\x87\xb5\xc9\xb2$Mc\x08n\xe2\xe9\x94:\xa4\x9e\xa6\xb24\xff\xd0\xef\xcc"d.D\x14\xf7YY\xc6\xae\xbfc\xf5$\x93\x16\xe9\xeb\xaf\x99}\xb1\x96\x0b\xd9Si\xb0d\n"FJ\xdf\xdc&amp;\xc4\x13\xdb*Q\x11\xd3\xaf\xe4\x05\x80\xdcu\xa6V\xef\xb5A\xea\xe9\xeb\xc2?X\x0e\xf7\xccM\xe1\x87\x01\x00 Y\xd1~\\J\xc3!\xbb\xbc\xab\xcb\r7\xdeb\xee:\x92H\xd5\n\x85\xe2\xa3!\x8e\xff\x8a\x8a\x9a\xa7\xee4w\xc3\x83\xc7q\x88\xcd\xc5r\xb7\xbb\x12]\xba\xf4\x92F\x9c5\xa8\xd3\x7f+"J\x15\xfc#ghA\x8f\xdf!.8\xf4\xbbM\xe1\xf6\x11\xe8\n42YE9&gt;\xa2D\x05{~\x00\xe32\xf7S17\x18Ap\xd9X\x8d)\xeb\xcb\xf2j\x94n\xbbTLt\x8c1\x85\x88\x10\xab&lt;@\x14\xd6|\x9d.\xfb\xfb\xe5\xb9\xd9\x17B"s\xe8\x04[e\x0b\xa97=\x94\xe2r&amp;*\xd8+4\x8aU(\x14\xe1\x05\xd6\x9b\xc8\xa6\xa7v\xd1\xdfy"f\xe9\x868\x15\xc56t\x11\xe4\x0c\xe9r1\x00\x00D!\xff\t\x01jr\x10AG\xb2-\xb7\xef[\xa4\xeb\xa8\x05\x1a\xcf\x1e\xbb\xfe\xce+7\xbdy\x8c2\xe6\xf3&lt;\xe2\xban\xec\\\x1d\x13\x172:MV\xdea\xda\x8e\x87\xe4`\xc6\xae_\xc7m\xb8k]\x8d\x9d\xa8S\x97\xe9\xcer\x89Nx\xfcJ\xe4\x06\x9b\x9fG\x05\x17\xbb\x9e\xdc\xed\x9d\xa7\x9d\n*5\x98\xf5\xb4\xa6\x19\x10Q\x8c\x96\xf8\x081w\x9d)R\x91s\xcf\xc6\xe9\x00\xde\x06M\xa4V\xdf\xcd\x16W\xf2x\'\xc8\xc5 \x97\x03S(\x14\x1f\x15\xddg\x9d\xf5[Y\xd1\xcb\x10[S\x02"Z\x04$p\x8b\xa7\x01\xd5]B\xf7S\x81\x99?\x1d\xbb\x8f\x7f\xdb\xce\xa5\xe6\x1f\xfa\xbdf\xefM\x9d\xa6}\x01\x00i\xcb\x9alp u\xc3\xca]W\x8b\xb7L\xdb\xf1\xb0X\x8b\x85b:O\xf42MG\xec\xb7\xcf\x12\\\xd6#M1C\t\xeb\xcb\xa7\xdc\'2\xe2\'\xae;\xaf]*\xd9\x9aN\xef\xa2\x02@\xef\xf9\x17\xad\xca%&amp;cF\xb0g=\x90m\xa2\x82==i\x9e\tDd\x9f\xe7\xe9\'\x92\xaf \xa8\xf4\x10\xaf\xcbg+\x92~\xbf\x1d\xa7\x9e\x14m\xe8\xac~\tt*\xcc\t\xc5\x88\xda\xab\xec\xeb\x97Fr\xbb\x90\x88\x00\xbc\xbb\x81B\xa1\xf8\x88\xf1I\xbd/\x14H\x02\xe6E`\x11+\xfd\xa6\xe2\xad\x16\x01\x80\xad\xbef\xccVc\x0f\xdf\xe5z\xd5\xa8%\x01\x92\x11#^\xfb\xe9\xd1\xc4\xcd?i\xddw\xa4b\x00\xd0\xcd\x1cY\x8f\xdc\xeeS\xd4Bv\t\xd7\t.\xd8\x00\x0b\x8d\xdd\x1b=\xaby;_\x16}\xf2\xfa_\xfcG&amp;\xeeU\x16\xceT\x86\xfe\xf6\xaf\xc6\xb3r\xd6\xbc\xb4\xf7\xed\xe1p\xef\xcfF\xbf\xafv\x13?\x8f\x9d\xb3#\xe7&gt;\xdbl\xe4\x01\xc9=\x96\xdf2/tj\xc6\x88\x87X\xbe\xe3\xa7\xdc m\x98\xca\xc7\'\xef"b\x8c\r\x9b\xa8\x1b9\xe9Q\x9c\xdc\x9dH\x81\x0b\x0f\xbf,\xdba\x05I\xec4\xf5\xa4m\xc3\x14\nE\x04\xa7|\xa7O\x01\x02De(7\xebu\xfe\xdd\xb3\xec9\xf7\xbc\xcfe\xf0fe&amp;\x12T\x03\xa6\xcd\xdf#\xfe\xe4I\xfbO?A\xaan\xe8\xf0\xc1\x05\x0f\xda\x0f@\x96\xaa\xe3l\xae\xfa\xfeM\x15i6\xcf\xc3;\xdc\x84{\xf2\xffvib\xba-mI\x00\x00L\xdf\xf9\x88\x9e\'+\xda\x8f]\x8dw3\x0f\x96\xa2\xef\x80\xe4\xf0\xf4is\xf9\x07,\xbeJ\x0e\x04G8\x85B\xf1\x11\x81\x88\xc3W~\x03\x00Q2\xb6\x14\x83\x00\x92\x10\x05S\xb7?p,DH\x0b\x01\x808\xb9:\xb9m\x87;\xdf!V&gt;\xd3\x0b\n\n\xe2\xc3\xa1G+F\xb4\x81\xc5\xc75y\n"Z\xcd\xdb\x1c\xddo\x00\x00\x82\xfc\x13=\xe2\xe4C\x04\x08\x92\xbep\xb4\x18}\xd0\xf1v\xd9\x9a\xb0|[\xbaL\xfb\xe5$\xbf(\x83\xeawF\xad\xf9\xce8\x89U\xde\xfd\x8d\x88\xe8\xa9F\xb4\xd4?\x98\xe0&gt;\xf2\xb4B\xa1\x88\x88dC\xc4\x0f\xa3\'l?\'\xd8\xf5\x95\xcdU\x991K\xac\xf2\xab\x04\xe1L\x7fI,\xd9\xc3M4{\xcc\xd1\xc2&amp;"b\x93\xe1{\x01\x00\xa0\x90\xfea\x9d\xe5\xa6\xdd\xb3\xe4\xe8k?\x96\xe6/\xba\xcf\xd6\x9cvf\x0b\xc1\x07\xe9+\x88K\xb71D\xa4\xb3\xd2\xe8Y\xdb^a\x1d\xa9\xd35\xf3b\x06\x9f\xb9\xca\x18\x80H\xb7\xde!\xfb\x13"\xe5\x1c\xbfo\xb7\xd9\xff\xd8\xfaR\xdd\x01\xdb\\\xaf\x0c%Yt\xe4\x15\x00\xb8Ye\xb9\xf0B\x8d\xb5\n\xc5\xff\x13\xf6\x06G\xe1\x84\xf6\x82`\xaf\xd9\x02\xd6\x1b\xc8\xac\x8b\x955\xa6$-\xd2\xe7\x1eb\xf1\x96\x8b\\\x14\x93Dl\x86S\x93\x9cw\x9a9\x8c\xedpOv\x88\xbd#y\xb1~\x00.\xac\x84\xdcAv\xa9S\x14\xefONk\xf5\xdd\xac\xef\xd1f3g4\xe2[\xd8\x88\\\xea\x87\xe4\x99g1\xe7\x8c\xf4\x0c\xf1\x1db\xd6j\xe3\xb9\xcd\xe6\x15\'\xffFs\x1c\xe8\xa1\x9f|%\xad\xe5\xe0\x0f\x88\x88\xb5\xfbm!\xa7\xb1su\x04\x8b\xe5\x96t\xe5\x87\x1b%\x04V5_tx\x91\xcdTy\x8c}\x06\xca\xaa\xd3\xff\x1e\xf8\xde\xf1i(\x14\x8a\x08\xcb\xd0O\xbe\x92%G\x97f&amp;\x83V\xdd\x01\xdb&lt;\xaa\xa2h\xf3\xf9\x9e\xb6\xca\xc3\xfeE\xe2j"\x16\x98\xb4p\x1f6\xe5\xc4\x03\xcb7\x0fj\x15L\x18h\x92\xbc\x8e\xc2\x15\x0b\x00\xcf\x10mB$\xe5\xa89Q?\x0ctjfN\'\xc7-g\x9f\x96NS\xbf\xa8\xd4uu\xa4\xf4\x96ZZ\x96\xc4\xa4\x81\x1f\x02\xac3\x05{X\xa8\x16\x1aA\x08Q\xa0\x194\xd5\x1f\xb4\xc3\xe6\xe6u\xe7\xf1\x81\xd3/a\xda\x8e\x87\xf9\x1b\xcdB3\xb2\x8c\\\xec\xbf\xc8\xa6\xb3H\xc5\x00\x00\x11[\x8f3\x05pD\xc4\xeb\x7f"@"\xfb6P\xdaM&lt;\x06\x00Q2\xb5L]\x8a\x18\tZ\xf9w\xc5\xe0\xce\xcd\xee\xc5\x1a^\xfc\xe1(\x14\x8a\x88J\xfc\x90\xae\xec)\xe9\xc8\xd2\x10\xb5\xdb\x98\xe5\x00 c\xa5\xd1t\xf4\x95\n\x1a[ \x06Z\x8ff\x1f\xaa\xd6QS\xd7\x07R\xec\xb8\x89\x90\xa8\x86c\xbeU\x9a\xa6\x92\xa1\xfc\xec\xd1\xb4\xbb\xef\x82\xcbv\x97\xf9i\x93\xd7\x14\x00\xcb\xb7(\x83\x93\xbc\xc0E2?\xd5\xee\x01\xd2\x87\xf6\x8b)1-\x7f9E=\x80|\xa6\x94\xe4u\x17}\xf6\xc7\xd5\xd7\xa6\xa2\xfe!\x85\xc4,;\xf7\xc0\xb3Q\xab\xbf\x93V\x84\x88\x90\x9anx\xe7\x143\x00\xa4B\xc45_\xfegJ\xb2\r\x96\x8c\x88\x9chh\xed\xbe[\x10\xb1j\x8fu\xa6&lt;:\x7f{\xf6Z)\xfe\xd5(\x14\x8a\x8f\x8d\xc2\xc4\xf3\x01\x00J\xb5Y\n\x00g~\xe3\xbb\tD\xd4V&amp;)q+6\x1f%q\xf0X~\xe2-=\xe6\x14\xa0\xac\xf80[\xb6:\xd1\x86~\xf2\x95K\xf1,\xd7\xf0K\x8ez\x9fk9\'\x0e\x05\xb4p\xbc\xae\x03(\x19\xe4\xaa3\xc5\xfbj\x83\x9b\x02\xc4\xcaTy4\x97\xfc\xcd{\x93\x7f\xf0\xe4m\xf7\x01@\xfa\x83\xe10K\x9cJ\xe3\xd5\x07\xea\x81\x84\xd3K.&amp;\xa9\xe5\xcb\xda,Qb\xf9\xfcg\xd3n13l\xbbA*-g\xd2\xb2F\xc4\xa8\x99Z\xd6\x1f\xb4\x93\xf5\x95W(\x14\xff\x9fP-\xfb\xf4c\xd7\xdf\x91:\x8dd\xf1\xc0\xe24.=\xa2vIV\x10e\x7f{\x95\xc7\xb0\x80\x9b\x1d\x06D\xcb\xdc:t*2\xe6v\xfeS\x15\x8e\x04\x9axY\x14\xc7\xac2\xf2\x89I\x88(\r],jV\xb0\xc4\x0b\xe9b\xbf\x1b\x9a\xb2\xf8\x00\xe1^6\x08D&lt;juo_\x11\x9b\x07\x92\xd66\x9d\xba\x03\x11\x7ff\xf2\xcf=\xf0\x9c\xaa\xbfQwj\x19\x01\xd2ZZ\x8c9d_\xdd\xe9\xc7\x08\xf1\xab\xb0&gt;\xdc5{oj5\xf63\xf7\rV(\x14\x1f\x01Yl\xae\xf1S^wx\xed:\xc9\x13\xbd\xb4\xf7\xf7\x1a\x85\x94\x11\xd3\xb8\x9d`\xe9m\xe6\xd3\x84\xd2{\x1b\r\xdd\r1\xca\x8a7W\xea\xba\xda\xdd\x07\x8f!\xba{\xf9@\n1\xa9P\x93\xb9\xf4\xf8[t\xe5H&amp;\xa5\x90\x85\xd7\x16\xbb\xd0J\xb1\xde\x82u\x9b\xcde\t\x1aQ\x8a\xbb\xcd\xe99\xf6-\xa1\x97\xe2\xe6\xee\xac\xa7\x05\x03d\xa06\\\x1c\xd7\xffD\xe9\x13\xd3\x11W\xc5\x93+K+\x85\xe2\xa3\xa5V\xdf\xcd4v\xba\xa8}q\xea1\xfd\xe3\'^4\xa9\x00\x80\xf8\xf5\x9a\xe0\xc5\x90\xc3\x10~_\xd3\xa2\xff\n\x91\x0eW6\x90u]D\\y\xfa_q\xb9\xd5k\x02\xb2\xb4\xf1v\x9e*%\x03wn\x9e\xb8\'\x02b\x8d\x1c\xe0\xfd\x9bM\x86\x8a&amp;u\xaaZ}\xac\x04\x90A\xfajbBW2\x01\x8fwFM\xbcC\x04=@$"\xea\xa6O\x94@\xf1\x16\xde\x08\x99i\t\x00\x9c\xfa\x15\x93\x16\xe9K\x8e\xed\xc7?\xdd\xd9\x0c~\xe4\xb3\xe51\x9f\x06\x11\x83\xedK\x7f\xa0\xccO:\x1d\xad\x8bWU\x8bU\xde\xbe\x01\xd1\xb2\x84\xd2\xc2\x8cB\xa1\xf8\x10\xc4\xa4G?\xc9\xccG\x11\x91\xb3z%\n\x85.\xf5\xe5\xa5A|\xcda\x12\xbc\xc3\x1bu\xfb\xc0|\xdd\x8e\xdc\xc3\xa5\x9f\xbf\xe9\xbf\xe8\x8a\xd7\x13\x8bT%\x07\xfaeRR\xb3\xcf&amp;\x9b\xabc\xd7\xdf!\x07\xacT\xb5\x94\xd9{\x7f#\x07\xcb\x8e\xff\xe5\x18A\xd2S\xa2d\xb4\x93\x02\xf5\x82&lt;u\xa7\x92\xc0S\xe4\x97V\xae\xe3\'$=I\xa1\xde\xcc$\x92\xe2`&amp;F\xb4H\xdbO:&amp;^\xba\xf97\x02@\xed~[\xf8/\xcb\x9d\x13\x97\xd3W\x9c\x8bf\x93\xa9\xac\xe4\xb4\x11\xd06ci"P\xaa\xcd\x12\xe9\x9a\xbfB\xa1\xf8\x88H\xd3\x88\xfc\x9f0\x7f\x0f\xd1\x7fC;\rjh\xdf\x15\xba\xde\x1f\xb5\x1a5\xe3\x11\xf5f\x00\xf06\xf0\x8bUTy3)\xea\xd2Og\x98\x08\x99\xb1\xeay\xefH\xd2}\x0cq\xe3\x10\xaa\xcf\rn\xa4\x95=~]\xb0\x9d\xb9\xe6wgUg\xc3\xbc\x03\xcfA\xffi9\xee\xe9\xda\xe4Y|\xf45\x00\xc4\xcb\xd3e\xed9\x9f\xbc\xc0\xad.\xf52-\x08\xc9\x9d\xdcd%d\xf2\xcb\xfb\x19\xb1\x8d\xd0\x8a\xd2\xb4\xbbm\x1c\xc3\x14\nE\x04\x84\xc4P\xbb\xf4\xd2\xa1\xcb \xa6\xd1`\xd1\x9bs\x89\x82\xbb\x8b\x03\x88\xf8\x8fO}V\x90\xb7]\x9e\xdd\xfe7A\x0c\xb4`C\xde\xfa3\x04q\tO\xc7\xbf4\x9ed\xb6%VyH\xdb\xc4o\xa5Y\x83\x88\xbf{\xfe\xfc-\x07\xd7@WB\xa4\xb1rv@DHX\x9d\xa6\x90\x10I\x1d\xa7\x9c02\xe9nf\xeb/x,d\xe1\xd9&amp;4\x00\x00\xec\xfe\x1a!Y\x9d&gt;\x0b.!b)Y\x9ccG23\x0b\xe3?\x0b\xb5G\xcb\xdc\x8a\xab.\xa8\xf4`/jQ(\x14\xe1\x88\x9es\xce\x0bQr}\x82\xea- \xa2}8#K\xb4`2.\x10b\x03\x03@\xc6J\xa3&lt;\xaa-v\xce\x8e6W7\\D\xaf\xe2\x04\xc4u\xce\xc2@\xbb{A{+&gt;\x97s\xc4\xaa\xdb\x90\xb4\x16\x00\xa4)\xc3E\xe53v\xb5\xf3\xd4\x9d\n\xb6&gt;`\xe</t>
        </is>
      </c>
      <c r="E457" t="inlineStr">
        <is>
          <t>&lt;class 'numpy.ndarray'&gt;</t>
        </is>
      </c>
    </row>
    <row r="458">
      <c r="A458" s="1" t="n">
        <v>456</v>
      </c>
      <c r="B458" t="inlineStr">
        <is>
          <t>steps_per_sec</t>
        </is>
      </c>
      <c r="C458" t="n">
        <v>6600</v>
      </c>
      <c r="D458" t="inlineStr">
        <is>
          <t>5.3339953</t>
        </is>
      </c>
      <c r="E458" t="inlineStr">
        <is>
          <t>&lt;class 'numpy.ndarray'&gt;</t>
        </is>
      </c>
    </row>
    <row r="459">
      <c r="A459" s="1" t="n">
        <v>457</v>
      </c>
      <c r="B459" t="inlineStr">
        <is>
          <t>Loss/localization_loss</t>
        </is>
      </c>
      <c r="C459" t="n">
        <v>6600</v>
      </c>
      <c r="D459" t="inlineStr">
        <is>
          <t>0.0052315597</t>
        </is>
      </c>
      <c r="E459" t="inlineStr">
        <is>
          <t>&lt;class 'numpy.ndarray'&gt;</t>
        </is>
      </c>
    </row>
    <row r="460">
      <c r="A460" s="1" t="n">
        <v>458</v>
      </c>
      <c r="B460" t="inlineStr">
        <is>
          <t>Loss/classification_loss</t>
        </is>
      </c>
      <c r="C460" t="n">
        <v>6600</v>
      </c>
      <c r="D460" t="inlineStr">
        <is>
          <t>0.12407595</t>
        </is>
      </c>
      <c r="E460" t="inlineStr">
        <is>
          <t>&lt;class 'numpy.ndarray'&gt;</t>
        </is>
      </c>
    </row>
    <row r="461">
      <c r="A461" s="1" t="n">
        <v>459</v>
      </c>
      <c r="B461" t="inlineStr">
        <is>
          <t>Loss/regularization_loss</t>
        </is>
      </c>
      <c r="C461" t="n">
        <v>6600</v>
      </c>
      <c r="D461" t="inlineStr">
        <is>
          <t>0.03730429</t>
        </is>
      </c>
      <c r="E461" t="inlineStr">
        <is>
          <t>&lt;class 'numpy.ndarray'&gt;</t>
        </is>
      </c>
    </row>
    <row r="462">
      <c r="A462" s="1" t="n">
        <v>460</v>
      </c>
      <c r="B462" t="inlineStr">
        <is>
          <t>Loss/total_loss</t>
        </is>
      </c>
      <c r="C462" t="n">
        <v>6600</v>
      </c>
      <c r="D462" t="inlineStr">
        <is>
          <t>0.16661179</t>
        </is>
      </c>
      <c r="E462" t="inlineStr">
        <is>
          <t>&lt;class 'numpy.ndarray'&gt;</t>
        </is>
      </c>
    </row>
    <row r="463">
      <c r="A463" s="1" t="n">
        <v>461</v>
      </c>
      <c r="B463" t="inlineStr">
        <is>
          <t>learning_rate</t>
        </is>
      </c>
      <c r="C463" t="n">
        <v>6600</v>
      </c>
      <c r="D463" t="inlineStr">
        <is>
          <t>0.079962514</t>
        </is>
      </c>
      <c r="E463" t="inlineStr">
        <is>
          <t>&lt;class 'numpy.ndarray'&gt;</t>
        </is>
      </c>
    </row>
    <row r="464">
      <c r="A464" s="1" t="n">
        <v>462</v>
      </c>
      <c r="B464" t="inlineStr">
        <is>
          <t>train_input_images</t>
        </is>
      </c>
      <c r="C464" t="n">
        <v>6600</v>
      </c>
      <c r="D464" t="inlineStr">
        <is>
          <t>[b'640' b'640'
 b'\x89PNG\r\n\x1a\n\x00\x00\x00\rIHDR\x00\x00\x02\x80\x00\x00\x02\x80\x08\x02\x00\x00\x00\x83\xaf^t\x00\x00 \x00IDATx\x9c\xec\x9de`\xdcF\xd3\xc7\xc7\xcc\xccl\xc7\x1cc\x9c\xd8\x8e\xe3\x90\x1dfffffn\x9a\xb4M\x93\xb4M\xd2\xb4)\xa5i\xca\xcc\xccm\xca\xcc\xcc\xcc}\x8ao\xe7\xfd\xa0\x93N\xb0+\xad\xe8\xee\xec\xe8\xf7!9K+iO\'-\xcc\xce\xfc\x07\xc0\xc1,I\xc7\x9fBo\xd7\xa1\x15\xd2&lt;\xf3\x98\xb7\xab\x00\x10\xd8\xc5\x9e\xf3\xfa\x03\x04\xe9?\xaa\x1a\x11\x11\xf1\xfe\x8fQ\x80\xe1\xa8@\x00\x80\x98\xbe\xb4\xc2\xdcy&gt;\x91\xed\x8d\xec\xa5,\x83\x88\x00\x01\x92b1}\xf5\xd4\x1f\x00\ne\x7f\xd7\x8d\xdd\x0f\x90\r\x00\x00~\xb2+\x02\x00@\x99bc\x9a\xe4\x8bg\x8fi\x9aq\x11\xf7\xf1\xea\xe7\xb8\xed9uc\x0f\x00\xd4\x03@t\xf5\\\xe2\xb7&amp;\xde:\xf1\x16\xbe@\x95\xac\xe4\xbd\x1f"D\xf6Jk\\\x01\x00\x10\xdeC\xeb\'H\x02\x08\x07\x80\xdc\xa6\xf5\xa2\x8d\x01\xc2%:O&gt;,-\x1f\x08A\xee\xe7\x8d;\xb3\xf6O\x1c\xd5[\xa3\x80\x06\xd1\xf5\xe3\x0f"b\xdb\x81;5\x8b2?r\x0e-\x8a\x16\xff\xa3\x867{\xbb\x06^!\xd2\xdb\x158\xdd\xc8\x14Z\xc0\xf8\x0e\x0b\x01\x12Y\x8eAD\xc8\x18\x01Q\xbd\x10\x11\x82\xba\x82\x7f\xe3\x8e\x93\x1f\x8a\x0b\xc4\xd5,\xd0lX\x111\xb7y\x03aG\xea0\x80l\x80(\x00\xf9[\x10Y9{\xdd\xb1\xd7E\x1b\xa2\x95G\x0f\\r2\xb5a9\xf7\xf9\xe1/\xdc\x15\x88\xac\x9c}\xe6\r\x9f\x13\xab!\xab*"B\\\x7f\xee\xf3\xe1\xfb~u\xefJ\x18(\x14h?j\x9f\xf8$K\xcf\x7f\x8e\xf2ec\x01\x00 \x04\xa0\x00\x00\xee\xfd\x08\xdf\xf8Wv[\xc2\xb9?3\xba\xac\xe6\xfe\xdet\xf9\xdb\xa4\xf3\x88\xea\x06\x89\xdc\x87\xcc\xae\xab\xab\x86\xed\x15U\xbe\xc2\xf59m\xb8rPb\x0e\xeel\xc1\x009\xc1\xc5S\x10\xf1\xea\xe7\xa9\xbf,\x8ah\xd3s#\xd3\xe9\xa3\xfbXSM\x07\xdfA\xed\xe5\xb7k\nb%\xbe6\x80x\xfa{\xdf\xaa\x8f\x03\x91\xa2\xbe[\xf5\x1f\x14g\xc1\x85\x15s&amp;Dl\x98p&gt;\xb5|\xf2`D\x04\x88\x00\xe8(\xdbs\xfci\xbc\xfee\xbeS\xcc\x1e#\xde\xf5/b\xfd\xf8\x83\xb2\xf2\xbb\xae\xf9D\xfcg\xdf\x05\xc7E\xefN\x1d@\x16@\xfb\x8f\x10k\xc7\xec\x7f\xe3_\x14\xea\x06\x00\x00\xa1\xb4\xda\xc5\xb4\x9b\xc7u\x99\xe0\xdf(\x9c\xadv\xcc~\x08k\x02\xd5w\xb3r\xe8\x9e\xfc^\x9b\x12\xeb\x16\xcb\xbe\xec\xbe[\xbf\x11oXt\xe0\x94k\xca\xeb\xa6\x9avN\x80"uK\x83{\xaf_\'\xe9\xfe\x0e\x00e\x10\xdf\x7f\xd2\xd6\xbb\x15\x83\x95\x1a\xfa\xe5\x88Dq\xff\xbd\xf2\'\x8b\x99\xa4\xd4\x99\xd7:\xb4`\xca\x07\xef\xf6\xe2\xe3\xabh\x1a\x1c\x1c\\DU\xce\x91\xd9u\x15\x14\x01\x00@\x16"\x02\x04\xd2\x1f\xe30\x80r\x00\xa0\xf7\x04\xe1\xd2?\xd3\x01\xd2 q\xa0r\x16\xdb\xa6\xe7&amp;\xe9\x86d\xe1\xa2\xaf\xfc\xe1\xb2\xb8\xbe\xfe\x8fP\x8d\\\x00x\xeb?\xd7\xf6\xc8\x8a\xd9\xc2a\xbb\xae\xf9\x18 \x182F\x82\xbb\x8b\xcd\xe0+)a\xd1\xfe\xa7\x95\x1b\x03\n\')\xb6\xb9\x8e\x9dw\xf6\xe3\xee\xfb\x10\xda\x1d\xa0\x10\x11\x97\x1fz\x01\x11\xa3*\xe7(O\xa5 \x03 \x98\xba3\xb8\x9b\xd6\xe1\xa1\x84_!\xb6/?;g"\xacl\x06$\x0f\xe1j\xceb\x9c\x9b\xb4\xf5\x1e\xee\xa2\xd7\xbf\xacXbpp`\xa6\x18 \xdf\xd0\x81\xed\xcd\\\x15\x11\x87\xae\xb8\xce\xcc\x19Z\x16o\xfd\x9f3X\xa6Q\xe7\xed\n\xb0 ^{\x16fZU\x00mh\x07DU\xcd\x01\x80\xf5\x97\xbcq\xf1#\x7f\xb1\\@\xe8)I=z\xa4h\x97\xebsD\xc5,\x80\x8a\xb1\x1bnk\x98p&gt;"\n5\xe95\xf7\xb2\r\x97\xbc\x01\x10u\xe7\xbb\xf8\x85t\x1e\x8c\x88!\xa5\xd3 i\x10\xa9\xba\xb2\xf9}%\xff!^\xb5\xd6)\x94\xed\xe1\xe37\xdd\x01\x10\x8b\x88\x00a\x8a\xbd\xf9\x00\x19\xaa\xa7\xb5\x84\x18\x03\xc7\xd4\x8d\xddozbP\x03\x00\x9d&amp;]`\xee$\x0e-\x81\xa0\xa2)V\x9c\xa6\x81\xc5\x95\xc0\xc1\x0c,o\xf5B\xd2\xb4\xc3\xb3$x\xbb\x02\x9e\xa7A\xb3\x84\xeaZOg\xfdW\xa4\xf6\xd9\xaa\x97\x8b\x07\x08\x81\xf8\x01\x9cO\x19\xc4\xf5sm\x0ek\x06\xe8\x80\x88\x82Qg\xd1\x81S\x888z\xdd-\xdb\xaf\xfa\x00b\xfa\xc6wX(5\x96\x12\x16\x95\x8d\xc3\xaf\x19\xd3Q\xb7%x\x97\x0c\xd6\xbe6s\x94\xe8\x8f\\\xf5\xb2\x88\xb8\xf6\xe2\xd7jF\x9em\xb8Z\x0e\xda\xb4:\xeb\x7f\xbd\xb7+\xd0Z\t\xe1\xfe\xe3\x1e\x98\x81KNZz\xf22\xed"\xad\rr\x83\x9e\xd2q\x19\xdb\xe1\xb9\x91\x95\xb3\xb5K\xe9\xc6\x9f\xadA\xc8\xdez\xe5{\xe0\xdf\x08\x00\x00\t*\x0b\xb4\x04\xa2\xfb\x00$\x01\xd1\xa56w,\xef\xea\x95\x0f\xe0\x1f\\2\x15\x11\xdf\x95\xba\\}\x83\x08\x00\xfd\x17\x9d\xa0\x18KC\xe8\x17\xae\x01\x801\xebou\xfd\x952T\xbc/\xacl\x06@\x1b\xa2_a\xcf\xd9\x97\x12O\xe7\x9f?\x91~-\x0e\xba-\xdaK\x087\x1c\x11\xef\xfdP\xfd\x87\x0e\x81\xe4!\x1e\xa8\xd2\xe9NH\xc9\xb4\x0b\x1f\xfc\x9f\xb7k\xe1\xd0\x82\xf0y\xe7\xe7\xf4\x11\xde\xae\x01#\x04\xd3"\xf3\x80Xi\x0e\xb5\x89HH\x1b.\xf9\x13\x00\\\xf5l\x03\xc0\xb2\xae)\xa6#\xd7G\xa67\xae$}S\xb9\x1d8\xae\xfd\x02\xd2I\xb8\xe5j\xf1\xdd\x8bb\xbbz\x9a\xe8\xa2y\x904Xq}e\x97\xc3\x8f-\x12\x07\x02\xe1\xd7)U\xbd\\ [\xad\xbcGX\x93\xea\xeel\x0fU\xe3\xb4G}u\xc4A/\xda\xc6@\x07\x07"\x97&gt;\xf6\x8f\xb7\xab \xc7\xdd\xeb$\x0f\xb1\xc1`F\xf0\x9c\xd2\x84\xd9q\x97\xecR\xf4\xfc/\x88\x88\x83\x96^-\xbb\xba\xea9\xb3\xb8\xff\xe2\xdb/,\xee\xb7\x9d\xb5\xa2b\x82\xba\xea&lt; Y}7\xc3\x1d\x88`8C\xb1\x9e*9\xb4vz\xcd\xb9\xcc\xe4\x19\xd6_\xf2\x86\x15\x15qpp\x900l\xe5\r&amp;\x8e\xee`Y=\x00\x00\x82 \xbc\x87f!z\x17U\n\xd0\xa1\xa8\xef6K\xabDD\x97\xa1"\x98\xbd;|\x17q\xfbU\x1f\xaa\x14\x10\x8dQ\xa8q\xc6\xe36\xdeal\x00\xe4`%\x8a\xd8\x00\x07\x07[\x89\xf5\xf2\xf5s\xc7y\xb9\x02\xa7)9\x94\xedV\x047\x13\x88\x10u\xc0\xc1\xf9=7\xb19R\x19\x89\xc3aU\xb1\xd0\xa6R\xfag-q\x0c\x11\\&lt;5\xbe\xfdB\xf3\x17{\xed/\'\x02\xd8\x17\x90\xfa#\xb42\x92;.\xf5v\x15\x1c\x1c8\xd2\x01\xd2L\x9e"\xae\x86\xb8,j/\x966\xd36u\xb7\x04l\xea]\xf8\xc9\xa5\xdbs0\xa7i\x9d\x1d\x17\x02\x08\x82\xc8\x9e\xfc\xe7z\xe1\xea\x7f[\xf4\xbd\x1c\t\x0e\x07\x07\x07\x07)\x0c\xc6U\x07O\xa1\xeefE\xc5\xbe\xbem\xc8\xb2k\x01*4\n%\x0c\xd0:M!\xb8\x06(\xd5\x96\xd4\xca\xc1\xc1\xc1\xc1&lt;\xfe\xde\xae\x80\x18j\xeb_5l\xaf\'\xeb!\x9a\x87\xf9\x08\xe9\x1e\xba\x8eQ)\\D|\xeck/O.-\x1c\x018\x13e\x07\x07O\xb0\xf8\xc0)\xe2\xf6\xd0\xd2iv^\xd6\x11\xc0\xd3GKj\x10\xa3\xfb$\xd4.\xf2v%\xacE;\x93\x95\x8e\x1fH"\x8ea%\xd6=$Q\xdbN\xbc\x0f\x00+\x8f\xbcd\xd1\t\x1d\x1c\x1cH\x9cs\xcb\xd7\xc4\xed\xdf\xb6\xa0\x16\xdf\x08\xa6\xe4H=Ov\xb7\xb5\xde\xae\x02;A\xe0\xdfh\x9fia\xc2\xe6;m:3\x00\xdc\xf0\x8a\xc1\xc7&gt;\xbe\x03\xab\x93T`\xe1dc\x97\x10C{m-\xa5\xc2\x07c\xe4\x1c\x1c\x1c\x1c&lt;L\xaemr(\x96\xea;ZI\xa5v\x11_B\xdf\xec\xd3\xba\x1c\x7f7\xbd\x86\xf6\t\x80\xf4[p\xe5\xdb\xad| \xee\xe0\xe0\xe0yr\xc7z\xeaJj&gt;\xc0-\xc8\xb0\xdcw\xc1\xf1\x8f=X\xdb\x98\xeay\x1e\xbb\x96a\x8c\xfe|%\x10\xd2\xdd\xbaZ0e\x89vp\xf0\x05h)PZ.\xb9\xde\xae\x80\x83\xfdhg\x0e\xb0\x12\xd3\xc3\x02\xb3\xe6\xfd\x1f|%Z\xa6\x955\x17\xb5:\xcb\x97\xfa\xe5O\xb0\xa5"\xa77"\xc1O\xddbi\x0e\x0e\x0e-\x9a\x8e\x0ce\xbc\xaci\x8c\x88l\xf5\xb4\x880\xed\x1c\xbafX|\xf0\x19[\xcf\xaf\x9f$oW\xc0\xc1\xc1\xc1\xc1\xc1\xf7\x08*\x9a\x92\xd0\xc1\xa4\x13\xb5\x86\xa8\xb2\x87\x91\xce\xe6c\xbdU\r\x80"\xf5\xddu\xe3\x0ex\xa6\x1e\x0e\xa7\x0b\xcb\xce\x7f\xde\xe6+\xb40W\x11UN\xc3\x94\xba\x0e\x0e\x1e@$\xc9\x19c\x99\xfb\x15\x0f\xd5\xc9\xc07\xcc\xf8\x0e\xa71\xce#\xc8N\xbd3\xfeup\xb0\x1ei\xba\x05[\xcd\xdd2\xcd\xf3\x9c\xb1N\x03\xe8\xe0]\xc2\x86\xaf2\x93\xd1\xe5ta\xd3\xe5o\x8b\xfe"\xa4\xadm\x9dD\xf5\xf6v\r\x1c\x1cld\xd8\xca\xebi\xbb\x10Q3}\xa1\x83\x83\x83gp\x82\x19|\x99\x0coW\xc0\xa1e\x10T\xc4\xa8\xf2\x11\x06P\'\xe4&lt;vp\xb0\x8fToW\xc0\xf7\t\x11&gt;\xd5\x8f;\xe8\xc5z8(\x89\xac\x98-\xb5O\x08\xb4\xb2 \x19\x07\xcb@Dz\xa6\xe1\x00DL\xaa[\x02\x00\x10\xaf\x99\xc2\xc1\xc1.B\xbd]\x81\xd6B\xdex\xf6\xb2\r\x13\xcf\xb7\xaf"\x0e:q\xecoDZn\xc2\xf66\xaa{O#\x1bO\xdd\xd8\xfd\xaa\xfbS\x01*\x9c\xd4\x84\x0e\x0e\xd6R`\xf2x\xaf\xbe\x90\x9e\xf6\xc1&gt;|\xdf\xaf\x1e\xbe\xa2i&lt;\x95\x11\xa85R&gt;x\xb7\xb7\xab\xe0;\xa4q\xbd\xef\x12\x9f\x0bPvppp\xf0E|*mb\xcb#\xbaj\xae\xb7\xab\xe03\x04t~\xf6gg\xfa\xdb\xc2\x88\xf7v\x05\x1c&lt;\xc1\xe9\xf9ZFW\xcf\xf5\xec\x17\xd7\x97\xf5\xbd\xb0\xcfVD\x04\xffF\x9bj\xe3\xe0\xe0\xe0\xe0\xd0\x829\xfa\xd0\x1f\xde\xae\x82A\x10\x11\xa0\x03e\xbb\x8f\x90\xeaa9h\x87\x96@\x14q\xab\xf0\xdc"\xe2\xe7&gt;\xf4\x0c;88\xf8$\x9dH\xbei\x1e\xeb\xffh\x17z\xd7i\xbc\x1cZ2\x9ao\x90\xe3\x87\xe5\xe0\xe0[x\xe7\x9dt\x92\x828X\x8c\x15&gt;\xcf\x92\xa4\x81m-8\xa1\x8fq\xc6\xb5\x9fx\xbb\n\x0e\xad\x9f|oW\xa0\xc50|\xd5\rj\x89\xdfek\x90\t\x03\x00\xd2\xf4\x9c\xde\xcb9v\x88\xa4w^\xe9\xed*\xf8\x08\xad\xca\xc9\x03\x11-t\x1a\xd7\x93\xa5\xc0\x17\xa5-\xda\x8d8\xdb\xdbUp\xf0,\x8ee\xc3W\tV\xd9\xa7\xf5\xab\xe5I\xffL\x86\xd0&amp;R1j\x1b\xe4sOE\xdapo\xd7\xc0\xc1\xc3\xf8\xd9y\xf28\x9f{\xc2\x01\x00\xe0\x8a\xa7|\xb1V\x0e\xb6\xd2\xaa\x06\xd4\xad\x0b\xb5&gt;\xd8V\x101\xac\xedts\xe7hgMUH\xbc\xf6\xb7\xd3N9\xb4\x14b\xbd]\x01\x07\x9f \xdb\xdb\x15phIH\xa6\x08\xe1=.\x7f\xf2?\xef\xd5\xa5u\xce\x80}s\x12\xd6\xfah?z\x9f\xb7\xab\xa0N\x88v\x11\x07\x07\xfb\xb0\xa7%\xb2fa)\xacl\x86%\xe7i)\xa4uZ\xc1}\x08(\x98\xe4\xdd\x9aHHh\x85Z\xb8)\r\xcb\x01\x1a\xbc]\x0b\x07O\x12\xef\x8c\xba\x1c\x1c\x8c\xb0p\xff\xd3\x9e\xb9P^\x8f\x8d\x9e\xb9\x90\x8cS?\x1ah\x1aTF9\x9a\x8a\x95^3\xb0\xfb\x12fEI\x1d\xd8\xf0\t\xbfB\xff\x82\x89{o\xfc\x02\xa0Z\xbc1\xb4tZ\xc5\x903/y\xec\x1f\x00\x00H2\xe6\x8b\x1a\xc8\x9a[\xc9\xc1\xa1er\xe2\x99\xd60tM\xaa_\xe2\xed*XE\xac\xb7+`\x05I\x83\xbd]\x83\x16\xc9\xc6\xcb\xdeb+\x18\x04\x90B\xd1\xc1HR\xf8*\x925D7\\\xfa\xa6\xae\xba\x99#\t\x0cE\x18\xf6\x9c}\x89=\xf5qp\xb0\x91:q\xb2\xa9\xa7\xbe\xf3\xb5.6\xc9\xf23\x06\x15O\xb1\xfc\x9c\xec\xdc\xfc:\xbde\t\xec\xe2\xd9\xba\xf8\x10\x85\xbd\xb7x\xbb\n\xad\x10DL\xac[&lt;e\xfb\xbd\x94\xfd\xcc^\xd66&lt;\x99\xddg\\\xa4\xd2\xc5"\x8f\xe5\xd7uph}\xb4$\x1f\x8a\x0b\xee\xf9\xd9\xdbUpp\xf0E&lt;\xd9\xe1\x85\x94L\xd3,\xf3\xe6\xff!".?\xf4\x82\x07\xea\xe3\xe0[x\xf0Yt\xc47Z&amp;\x8e\xed\xd42\x9c\xdc\x85z\t\xb0\xe1\x9ci\xbf\xd1\x1b\xbd\xc7\xbe\xb6\xae=L\x1e\xcc\xde\xba:\xf3\xe0\xd3\x19O\xb4\x0b\x88\xb8\xf9\x8aw&lt;p!\x07\x07\x1f$\xbd\xf3\xca\xb7]-l&amp;C\xf1\x12{k\xe3@!\xa3\xcb*\xabN\xf5\x0e"{\xba\x0eM[\xf4\xce\xab?\xb2\xa6Z\x0e\xbeG\x8a\xb7+\xe0\xe0\xe0\xd0B!$\xadR\x90a{-\xb4\t\xf3\xe4\xc5\x10\xf1\x9c[\xbfa,\xdck\xeee(\x82T$\xcc\xb5=\xa0\xb3eUtppphQ\xd4H\xff\x8c\xfe\xf3\xf46\x1b^y\xca1\x9c\x12\x08*\x9a\xac\xcb\xa4\x8cR(\xa5j\xad\xaa\x9eCK\xc2y\xc1\x1c\x1c\x1c\x88 "\x84v\xb7\xee|\xc9\x8ax\xa1\x16\x89\xb2+U\xb6\xa2\t\xb5\x8b\\\x1f:,b\xe9\x80\xe7\xec}L\x1c\xc7\xe1\xd0Z\x90\x08\x0f\xc5|\xe4t\xb7\x0e-\x8f\\oW\xe0\xb4%\xd5\xd2\xb3\x89\xd7\xc2bZ\xea\x9c/{\x8c\xa47\x8d\xe9{\xf9\x13\xffG\xebV\x91\x04\xa1\\DOD\x1c\xb7\xe9\x0e{k\xee \xe0\xe9y\'}i!\xa6z\x9e=\x97,\xb3\xe7\xb4Fq\xd2\xdf:8\xe8\xc3F\x813\xff\xfc\x89\xa2\xbflM\x97d=\xac\xdd\xaa\x9e\x92\x8e\x9c\x9c\xe7\xd8{\xe3\x17\xad\xde\xf0\xdb\xea\xbf\xa0\x83\xa7\xc9\x1c\xe5\xed\x1a88\x00\xe8\xebV\xe1\xfa\x97\x95%\xab&lt;Y[\x079\xea?\xd8\xe9D\x0c\xf7\x9fs7\x1c|\x98\x166?\xf3\x16\xd6\xbd\xc5\xbe~\xc3\xcf\xbe\xf9+q\x87\xba\xff\x8e\xefS;-\xa7\x15\xbe\xe0\xde_\x18\xbbj\x07O\xe2\x05\xe9\xf6Pz^X\x93\x8f\x85\'\x9f\xaam\'\xde\xb7\xe7\xc4\x8e\x98~\x8b\xe7\x86W\x8c?\x87\xbf;-\xa3\xb7\x08\xe9.\xf93m\x98w\xaa\xc1\xcc\xb8MwH;\xd4\x8e\xea\xe5\xc5\x85{\xcf\xbd\xdc3\x95thIX\xd0\x01\x87t\xb3\xaa2\xea\\\xf4\xf0\x1f\xd4:\xb0\xe1\x0cB[&amp;ml={P\xf1\x14\x80:[/\xd1\xa2`W\xef\x893]@\x81o\x87\xc3\xee\xb9\xe1s\x9d3\xda\x0cg\xfa\xeb+x\xf77\xa8\x19y\xb6\x17\xaf\xee\x0b|\x88X9t\x0fi\x8f\xff\xda\x8b_\xf3tmZ\x0b\t\x1d\x16y\xbb\n\x96\xe0\x13\xa9\xee\xb4\xf0\x84\xea\xc5\x83\x9fZ\xdcL-=\xefY\x80\x1cJ:\xa3\x96\xc7\xbc\xb3\x1f\xe7:\xd4g~b\xbaQ\\\xe1\x1f\x9d\x0e\xd8A\xc0\xba\xa1@\x96\xa1\xa3\x92\x00\xa0|\xf0n\x8b\xea\xa0\x03\xe2\x17\x9f{\xd6cmzz\'}\xaf\x83o\xa0:\xc3N\xd5\xb0\x8b""\xc4\xf6\xb3\xb2:^&amp;\xd7\xdb\x15\xf0u\xd8\'\xb5e\x83v!bv\xf7\xb5\x1e\xa8\x95\x83\x83*\xc1bK\xb5#^\xef\xd0J@D\x80po\xd7\xc2:\xe4&gt;\xe7\x8eq\x9e\xc0\x88\xd57r}\xf0\'\x88=\xe7\\\xaa,\xe0\x9f?Q\xbd\x93v\x8c\xd2\xde\xc4\xb9\xfb\xbeB\xe6Ho\xd7\xc0\x93\xd8\x91\x82\xa6\xf5\xa1\xcb\x1c\x9d\x1cX8\x19 \xc7\xae\xbax\x9f\xf6\x86\x8ejE#\x12U\\\xbdlT\xef\xd9{\x1f\x85\xc4\x81\xc0&amp;?\xe9\xac\n;88\xe8&amp;\xb0p\x92U\xa7\xcam^\x1fU9G\xf8\xf3sD\xf0\xebd\xd5\xc9\x1d\x0c\x12\xd5;\xb8x\x8a\xe9\xb3$\x17\xf5\xdd\n)C\xcdW\xa7E\xe17a\xf3\x9d\x03\x97\x9c\x04\x88BDu\xe5\xc16=7y\xacZ\x0e\x12\xe6\x9d\xfd8c\xc9-\xc7\xdf\xb5s\xa0Tl\xcfi\xed\xc3\xd1\x8bi\r,\xbf\xe0y\xd9#\xdd{\xde\xe5\xdcs\xbe\xee\xd8\xeb\xde\xaa\x95\x83\x8b\xc4A\x00\xa56\x9c7\xc6\x86s\x02\xb4(S\xe2\x94\x1d\xf7y\xbb\n\x0e\x90\xf0\xd8W\x08\x10\xc2\xff\xa9\x16x\xeeDp;\xb0\xd3y\xf2\xa1\x96\xfb\x9c\xb4\x92\xe7\xdc\xb7Ch\x18hPl\t\xd2{\x8a\x16\xff#\xdaF\xfd\xb8\x83\xde\xae\x82\x033,\x0b\t\x0e\x0e\x02\xbf B\xeaP[/a\xe69&lt;t\xef/\x9c\xf7;\x8d\xd7\xffAD|\xe17\xfd\x97`N\x8dn;\x127\xc3\x96\x88\xac\xbb-\xd2y\xb8\x1f\xa4\x0e\x83\xc8\x9e\x96U\xe74"\xdb\xdb\x15p\x90\xf2\x85\xbd\x1d\xb0\xe3\x8c\xe3\xe09*\x87\xed\x11=\xc3!\xb4bs\xf9\x08K\xcf\xd4\xaae1e\xfb\xbd\xde\xae\x02\x803\xc1e\x85\x16\xf4\xdcJ\x82\xa1O\x0b\x9c\x19\xb0C\xeb@\xfc\x0c\xab\x07f8\x0f\xbc\xcf\xa3f\xc6p\xd0 \xba\x8f\xb7k\xe0\xe0\xe0%\xfet\x9auo\x90\xdfk3\xd7\xa7\x8eZ{3\x10;\xe0\x98&gt;\x88\xf8{\xebZs\x99{\x16\xab\xaf\xa5\xb5\x18\xbdu\xb1\xd6VC\x81\x8f\xa5(up\x00\x88\xf7v\x05\xbcL\xd7\xa9\x17z\xeb\xd2\x93}\xc3\xa0g\x8e\noW\x80\x89\x8e\x13\xce\x13u\xab9\xa4\x1e"K\xe6\xf1\xd0g\xde\x15^\xa8\xa8\x95P\xcd\xecV\x10+\xfd\xb3E\x88h\x9a\xa2n\xec\x81q\x1bo\xf7v-Lb\xeb#\xe1\xe0\xd0\x02\x88\xf0v\x05NG2:\xaf\x12u\xc0m\xbfC|\xfd\x1f\x94\x04\x89\xa6\x0cE\x05\x9e\xa9\x9b/L\xb5M;\xc7\xb6\x8cq\x98\x19\x8c\xea\xd8\x97X\\\x0fS\xa4\x19\x15\xeeupp\xf01\xbe\xf7\x81\x9e\x83\x91\xda1\xe7\n\xdd\xea\x90e\xd7R\xfa\xbc \xaft\xc0\x00\xedl:\xafq\x9f\xa9\xb0f\xfd\xc7\xd4\x1a\xbc\x96\x8b\xf27\xff\xcfw\x1f\xa7\xb5\x17\xbd\xea\xed*H\xc8\xee\xb6v\xc7\xc9\x0fi{Uv9\xf8\x04_[\xd0\xbe\x88}\x98\xed\xcd\xd4\xd6:\xa8\x18\xe2\x85\xc4\x0f\x0e\x02\x0c\xddj\x8a\x97:`\xeb\x89\xa9\x9e\x07\x10\xc9X\x18\x11\xbbN=\xc2PP-e\xf5\xec=\x8f\x00\xb4e\xbc\xa2g\xb1\xc4\xee\x1af\xc5I&lt;@\xae\xb7+\xe0\xc0@\xb7iGU\xda\x97\xb8\x9a\x05\xda\xadO\x8c\xbd\xaet\xdd\xa7_d\xeb\xf9=NZ\x8bn\xd0[\x01\xffCD\xc4\xb9\xaa\x1ap\xd2\xde7\xd4cuc\x80\xd3y\x8e\x00&amp;\x93u\xc8\x95\xa7&lt;\xfc\xb0\x85B\xee8_\r,\xcc\xf4v\x05|\x96P\x00HmX\x0e\xd0\x01 M\xb4\xdd\x89S\xf26k\xb4L.i\x9dVH\xfe\x8e\xeemcmZ1q\xfd\xbd]\x83\xd3\x88\xc8\x8a\xd9\xd7\xbfL\xeb\x99\xe2\xa1\xc5\xc4 )\x8d\xbd~\xdeL&lt;\x905\x1a\xc2\x9a!{\x8c\xd7*\xd0\xc2\xf0\x86\x9cm@\xe7\x95\x87_\xa2\xefn_:`\xa7\xf0G\xf5\xf0\xbd\xf6W\xc8\xc1\xc1C\xb4\xff\xd2\xa7[\xf3\xd3\x88m\'\xdeW\xefY[H\x07\xec\xd0\xa2I\xf6v\x05\x88\xa4\n\x9f6^\xf6\x96\x17\xeb\xd1\nqZ\x13\x9f\x81uY\xaee\xd1\xb2\x1e0b\xffz\xfe=?;\xbd\xaf\x03\x95\xac\xd1zJ\xfbBP\x96cF\xf6!\x92\x01\xa2\xbd]\x07\x87VL\xcb\xcb\x97\xceu\xb4\x9f!"\xe2\x86K\xdflA]o\x8b\xa8\xa4\xad\x98\xb8\x03\xe9\xc6\x0e\x1b\xb2\xfcZ\x80\x14\xa3\x17\xf5\x0e1\xd5\xf3 \xa4;@ ]\xa8\xdc7\x9d\xe6\x1c\x1c\xccq\xd1C\x7fx\xbb\n\x0e\x1a\xb4\xe4\xf9n\xa1\xb7+\xd0\x82\x08\x08+\x9ba\x85\xa7EK\xf1\x82\x16\x08\x81\xf0\x1e\x906&lt;\xa7i=\xf1\t\x0f.\x9e\xeaM\xbf\x01\x079\x81]\xa4\x8epz18\xb4\xf4:\xfd\x17\x9d\xb0\xe7\xc4\xbe\'M`$\xb8\xd3\xa1\xb5\xe1\xdd\x01\x87\xc7\xaf\xceY\x83\xed\xca\x04\xec\xe0\xe0\xe0p\x9a\xe0\x9bQ.\xbe\x8cR\xe2#\xf24\xcc:\xb7\xf4\xbcg\xbd]\x05\x11\x81v\'l&gt;\xed~_\x07%\xbe7\xff\xf30\x91\xbd\xbc]\x83\x96@`\x17=\xa5\x05\x8bY\x8b\xb3\x07\x02@\x9c\xf7.\xcdz\xbb\xac\x9c\x9eF8\x19y)h\xb5\x0c\x1e7\x12\x04i\x17q\xb0\x1b\xb3\xbf\xba\xcdi\xd8}\x81TY\xe8\xb3\x839\x82\x8a\xa6\x98[\xf5p\xb0\x95&lt;oW\xe0\xb4\xc5\xd65~\xa2\x9c\x99\x93\'\xca\xdbL\xdcr\x17e\x0fc\xd8\xb8]z\xb6\x0e\xad\x95\xda1\xfbu\x94\x8e\x1f\xa0Q\x80:\x99v\x84\x90\x1cZ\x01\xf9v\x9e&lt;\xc01\\\xdb\xcb\x96\xe3\xef\xaa\x1701\x03.\x96\xfe\xe9,\xd4Ih\x81N\xb6&gt;\x07\x8b\xafrB\x87E\x9e\xa9\x8c\x83=\xb0\x1bB\xa3[\xae\xcb\xa7\xaf\xe24\xda-\x93S?8\xbdKK"\xb4t\xba\xb7\xab\xa0\x9f\x9c\xb1\x1f"j\n\x0b "\x845\xc96\xfe\xec\x8c~\xf4\x10\xda\xb6\x05&gt;\x1e\xda\xe8\xf2\x18\xf0\x8c1\x96}:[cc-\x1c|\x88\x98\xbe\xee\xcf!\xdd\x81m\xea\xf6#\xb5\x8c\x07\xdcd\x1ci\x11c\x94\xb3\x15k\xb0\xb7\x16",1\x12 \xe2\xce\xab?2w\x8e"\xf3\xd5h\r\x18\xf6\x1f\x0c\xe8\xec\xbd\x80\x9fV\xe1I\x14\xd4U\xb1\xc9\xdf\x9e+\xb5NI&gt;\x9fE\xd6\x1dZ\xd6uQ\x9b\xce\xec1\x00U\x03\x16_e\xd5\x85\xbcG\xa2\xb7+\xe0\x1d&amp;o\xbb\xc7\xdbU0\x80\xae\xd6\xaaU\xa9\x10\xcc\xde\xf3\xa8Eg\n\x82\xa8\xd3!\xb1J\xbc\xfeC\x1cqG\x07\x07\x07\x07\x07\x0b\xb0ije\x17\x1d\'\x9c\xc7\x7fl\x15\xb3\xb7\xd4az\x8fH\xef\xbc\xca\x8e\x8a8\xf80\xd9\xba$\xc8\xc9\xa8\x1a\x183\xcc\x9f\xff4\'\xa8h2mWt\xf5\\O\xd6\xc4*Z\xa0\xdbZ\xab\xe8\x12\xccR\x01\xe9#\xbc]\x87VM\xf2\x10\xc3K\xc2-\xf0\x9drp\xf0]\x98T\x1d\xc2\xcbf\xda]\x0f\x1b\x08\xdb|\xc5;\x1e\xb9P\x88u\xa7j\x15\x0b\x90j\xf8y\xbb\x02&amp;\x89\xf0v\x05\xac"T\xf7\x11\x81]\xaa\x86\xedE\xc4V\xb6\xe6rZ\xb0\xf8\xe03W\x9er\x86N&gt;H\xbd\xb9\xc3\xdb[S\x0b\xbbp&amp;\x94b\xda\x906\xe6z\xb8\x12\x0e\xde&amp;\x12\xd2\x86\x1b8\x8c\x0f\xe1sdUZ&amp;\x16\xd9.j\xad8\x89\x03O\x86c\xebsph\x1d\xe8\x9f\xd4\x1a9?K\xa4o\xab7\xe4\xf8\n96\x9dw\xe8\x8a\xeb\x9c\xc5\x06vZdT\xae]\x18\x98\xd3\xfbH\x8a\x9b\xd3Ji\x8b\xd5u+\xb0p\xb2\xfd]K\xab \xd23\xa2\xd9\xb9\x1e\xb9\x8a\x03+\xac\x91\xe0-1a\xea\xado\xf9R\x9d\x93\x07{\xbb\x06\xbeOG\x03\xc7 "@\x96\xe5U\xd1I\xc9G\xbe\xf3\xa4\x19\xc4&amp;9\xee\xd6\x94\xb4\xb8\xda\xca\x93\x855\xf9L6\x11GP\xcc\xd7\xa9\xf4v\x05\x8c\x11\x06\xd1\x9e\x8ce\x14\xbb\xf38\x9e\x0e\xfaH\xaa[\xe2\xed*\x18\'\xa0`\xa2\xe1C\xad\xac\x87\x17\xc8\xf5v\x05Z=I\xde\xbbt\x0b\x0bQsp\xd3u\xda\x85-m-\xc1"C\xd9\xe9\x9b\x7f\xd0\xeb\xd3P\xef\xe1gX/\xcc\xc8\xa4\x1f\xb2,\x08\x0bt\xf0A\xa2*\xe7\xd8s\xe2x\x03\xb6\xc0\xc9\xdb\xee\xb5\xa3*\x0e\x9e\x00\x11O\x0f\xc7iB\x04s|\x87\x85\x9e\xaf\x87C\x8b\xa0e\x86\x849\xb4l\xf8\x05D}\xd9\xd9}h\xfd\xae\xd5\xf0?\x1b\xeei\x83[\x9b\xc6\xa1\x85\xe2\xc5,\xf1j\xb4\xba&amp; p\xe0\xe2\x93\xde\xae\xc3\xe9\x86\x13\xcc\x06e\x83\xce0\xf0*\xb5\xba\xb7\xcf\x07\xc8mZ\xef\xe1+"bH\xc9T\x0f_\xf44\x80\x98O\xbb\xf5Q\xad\xb3\xbc\xef\x879Vy\xbb\x02\x0e\x0e\x0e-\x00\xc3a\x15r\xb9\x9c\xf1\x9b\xee0Y\x95V\nQZ\x81\x89\xee\xd3\x8f\x02\x14;^\x12\x0ed2Gy\xbb\x06\x0e\xb63l\xe5\xf5\xde\xae\x82\x83\x07\xf0otl\x11\xf6`\xab\x07\xeci2Ev \xd0m\xfaQoW\xc1n&lt;\xe6\xe0\x99\x03\xc9C\x98\x0b{.w\'x\xc2D\\m\xf3\xf9\x1d4\xc9\x1cu\xf3\xebx\xda&amp;\xe3S%\xd9\xea\x13\x06[}B\x87V\x89\x99\xa8MEt\\`g\x13gk\xe5\x9cy\xfdg\'\x9f\xc3\xda\xb1\xfb\xbdqq\x86\\\xb1\xfa3)\x91\x90?N\xb9\xcd\x9e^\xa6t\xd0\xc4G\x9dt\xa4p\xc2^\xa96\x9c9\xc9wd\xe8\x111\xa4t\x9a\xf7\xae\xef\xd11\xbe\x83\xc5\xb8e\x84\xf9\xc5\xf2\xf0\x1e\xa7\x81\x9b\x92{h\xfb\x93\x9eY\xe3eO\xfc\x9f\xcf\xeb\xa5\x9bG\x91\x8c$w\x9c7\xaa\xe1`\x01\xb9\xde\xae\x80\xad\x94x\xf0Z\\\xba\xb1\x9a\xef\x15\xed\x85\xd7%\xc9f\xef\xb5*\xe5\xbb\x83M\xd4\x11\xb6%\x0c\x10\xff\xd5{\xee\xe5\x00!\xedF\x9c\xadz\x1e\xabD\xac\xbc:|\xf7\xeb$^\xeb\xe95\xf72\xf6C\x83\x8a\xa6\x88\xdf\xb5\xd6\xbb\x12W\xec\xed\n8\x18$^\xfcG\xd5\xb0=\xb6](\x84{\xfa\xf3{m\xb2\xed\x12\x96\x10\xa8\xb3\xbc\xda\xc4\xfa\x1f\xc2\x0b\xef/k\x05\xbc\xde\x1f;\x18#\xab\xdb\x1aoW\x01R:.Sn\xcc\xec\xba\xda\xe2\xcb\xa4\x0e\xd5y@\x82\xc5\x150\xca\x1b\xff\xca\xde\xacV\x93\xcd\x10 \xac\xd9\xdb5p\xd0\x86eU\xd2co\x8b\xaf\xbc\x96\xa7-\xb6\xf5\xf4\xc6\x1cj|eQ\xa0u0\xef\x9c\'\x00\x00 m\xfd%o\xe8=6\xad\xd3\nK\xebb~\xe6]dA-\x088^\x1a\x0e&gt;\xc3\xb9\xb7\x7f\xe7\xed*x\x00]\x99v|T\xd7\xd7\xba\x8e\xd3\x16#\xfc\xb2\x0b\x9e\xb7\xe3\xb4$R&lt;u\xa1\x16GD\x97)GLx\xbdZ\x95\xef\x88\xe0_\x16Rb\xc0\xe3\x810X\x7f\xf2[\xd4\xe3\xcf\xdc\xeaix\xf2;D\xc43\xae\xfd\xc4\xdb5qhm\x98LS\xef\xd0\x12ap\xbeKq\xda_*s\xcf~\\\xbe)\xa6/\xe3\xb1\x88H\xf0\xe5Q!q\x10e\x87\x8dq\xed-o\xa5&amp;\xbe\xbf\xf8\xaf\x90\xd2i\xfd\x16\\\xa9uL6\xfb\xe9\xb9\xd5\xab\xa6\x99\x17\xeb\xaf\x99\x83\x03\x9d-\xc7\xdf\x85(\xcb\x92 m\xbc\xec-C\xc7\xf9\xecr\x91\x816\xcec\xb9\xb0|$;\x9b\xb7\x08`\n&gt;QB\xe9\xcf\x02\n&amp;)\xb6\x95B\x04{\xdeY&amp;\xe7\xa9\xc2&gt;[\xb7\x9dx\x9f\xf9\x9c&gt;D0A\xa1OEI\x8d\xf0p\xf6\x9e{\xf9\xa8\xb57\x8b6$\xeb\xf7\x02a%\xb1v\xb1\xb5/\x08"v\x9f~\x91j\x11=\x83*\x87\xd3\x06\xcd8H+;?\x83\x03\xe7\xd0\xee\x16\xd6A\x83\x90n6_\xc0P\xaf\xe0\t\xf4\xca:Z\x1e\xba\xed;(;K\xd9\x82e(@l`\xe1d\xab\xb50\x03z\xcc\xbe\xe4\x1d\xd6w\xc4\xbb\xe20\xca\xae\xd1\xa6\xa5b\xcbq\x04\xefZ\x05w\xbc\x8bSw\xdcg\xdf\x18\xcdf\xbcdX\xb6$\xf5\x9bu3r"Z#Y\xb3 "@\x07[/a\x08G\x1f\x06@#4@P\xde\xa8ED{\x02N*Y\xbd\x93B\x9b\xf4\x9f&lt;^\xbb\x88AZV\xb2T\x00\x00\xc8\x1d\xcbX\xb0\xe5\xd9\xdbO\x07\x82\x8b\xa7\x02\x04\xfb\xac\xaf\x90\x83:y=6\xd2v\xf1\xc1H\xc6\xc5\xa5Ui\xb3\xeb\x9a\x8fm;\xb9\x19lR\x90\xf0\xfd\x8c\x0e-\x92u\xc7^\xd7\xeeP\xe3\xfak\x14h\xf5\xe4\xd0zY\x7f\xba\xc2h8@\xd2\xf0U7\x08\xfdnf\x17Y,Yl\x8b\x9dw\xb56\x92\xbc]\x01}\xf8\xe7O\xf4v\x15T\xf0!\x81\xb0\x89[\xee:\xfe\xb4M\xc3\xde\xb2\xf5\xc7^\xf7\xb6!:\x12\xa0V\xb3\xd0\xdb-y\xe0\x9f\xd0a\x11c\xc9\xfaq\x07m\xad\x89}$\xd7/\xd5*\xd2p\xf9\x93\xff\x11$3u\xe1\xd7Iuw\xa9\xea\xdezDd\x9fk\xf2\xe8\xf7\x03\x0f\xd0/\x02\x1a\xd1C\xf7!\xaa \xe2\xec=\x8fX{N\x87\xd6\x84UZ&lt;\x0e\xa6p,Z\xf6\x13h\x8f\x90\x1c-\xa7Y\x80VP\x96l\xbd\xdc\x12G\xbc$\x9b\'\xb8fT\xb2\xdd\x9c&amp;O{\x87\xd1\xfb\x10q\xf5\xd1W\xbc]\x11\x07\x9f\xa4\xdf\xc2+\xcd\xad\xfb\xea\n\xe1m}T[x\xae\x84Z\xd6\xc9\x99\xcdH\xd6\x1a\xaf{\xc9\xa6\x86\xb2\xf5;c{\xa3\x8f!\tdZ\x89\xbf%V\xd6\xa2&gt;[[\x8es\x969\xa2zi\x95\xb0CW\xdf\xa1\x05\x93\xe6\xed\n\xf88Q\x10?\x80\xbe7\xb8r\xe8\x99\x8a\x8dL\xcb\xa8q5\x0b\x0c\xd7\xc9Rd\xee\xa0\xd6\xccxN\x07r\x9a\xd6C\xe2@[N\x9d=Fmo\x12\x17"\x95\xc9\xcb\x9b[\x85v_\x8b\x88\xd3v\xde\xafw\xa8\x81\x88\x10\xd4UomBJ\xa6u\x99rX\xefQ\x0e\xa75C\x96_\xeb\xed*0\x13\xd3\x17\x11\xcb\x07\xef\xf6v=\x88t\xf4v\x05\\$\xd6.\x86\x8c\x11z\x8fR\xf8k\x08\xe8\x08\xea\xb7\x87\xd2\xa5\xe7?\xa7Z \xca\x13\xb5h3\xde\x13W\xb1\x9b\xc8^\xaa.\xd0\xaaK\x98\xf1*v\xe3r\xd3\x9e\x10\x06$f#Y\x92\x14\xf9\xb5\x99\xf0\xdc/\xba\x95\xd2ox\xc5J\xdb\xc0\xe5O\xfe\'\xdbr\xd6\xcd_9\xfa\xed\x0e-\x8c\xb6\x03w:O\xediH\xdf\xf9W\xa8\x17@D\x85b\xbe\xb5\xb4\xd5\xf9\xd4\xf9\xa2\x93\xa3\xad\xef\x0e\xdd5\xd7*\x8c\x0b\xa0"b\x92\x9a\xdbW\xa9\x1d\xbe\xc1#V\xdft\xfe\xdd?\xf1\x7f\x114\t\xb6^\xf9\x1e\xf2X~u\x83\xc4\xf4\x85\x98&gt;\xde\xae\x84\x83N\x16\xed?\xe5\xb1k\xf9\xd0\xc3\xdaRi\x85\xd9\x0b\x10\xf1\xd4\x8f\xd6?\x18\xd3v=\xc0\x7f\x8c\xc8\xe8\xbc\xca\xf2\xf3{\x18\xbe\xad\xb7V\x82C\x9dh\x80,\x0007?\x0e\x83\xb0&amp;\x80\x1c\xbat\xa5\x11\x02\n\x84\xc0\n\x03k\x9cU\xea~d\x81\x85\x93\xdfC\x0c.\x99\n\x81\xeaN\xce\xa9B\x1f\\\xdco\x9b\xfejXN\xb1\xefX\xf2\x1cX9\xfa\xd0\x1f\xde\xae\x82\x83\xbd\\\xf3\x82w\xc7=\x1d\x10\xd1\xf3\nV\x19\x9dWAt\x1f\x00=\n*\x1e\x0b`M\x1f\xdeu\xea\x85\xba\x8e\xd09\xd9\n\xa4\x8d\xd5\xbaM\x13_\xb7\x9a~\x86\xf0\xcc.\xab[\xeb\x88\x99$\xf0\xe9B4\xaf\xd5\xb6\x90\xaf\xba\xf0e\xae0\xc9\x97\x90\x18-\xed\xc8\xce8(\x88\xa9\x9e\xe7\xed*x\x92\x88\x96\x1c\x19e\xb7\x1b\xaa\xe5\xd4\xf2\xcd\x99\x15\x82\x1b\x9e\x14\x07\xb5\x15C\xd3Av\xff\tD\xf4\xfa\xf2\x7fT\xe5\x1c\xb6\x829\xf6\xd6C\x0f\xdf \x8a:`*!"\x01jW\xe1\xccQL\x17H\x1el\xae\x82\x0e&gt;I\xcb\xefA-\x97\x94\xf3\x88k\x8f@x\x0f/\xcd\x15Z\xc6\x80\x1a\x115\x95\x0e[\xebdK\xbf\x1c\x04\x19Dd\x8f\xe8s\xdd\xcc$+\xad\xbe\xea\x84\x96N7t\\\xa6Oye"[\x07L&lt;\xca\xbeZ98\x18\xe0\xb4\xca\xc2\xe1\x0bY\xbe\x1d\xf1E\x16XFfVe\xc6\xd5\x8b\xd5\xa3F\xaa \xa2qb\xdb\xcd\xb7\xf0l\xb9\xcd\xeb-&lt;\x9by\x94\x1d0"&gt;\xf2%\x86\x97\xcd\x04\x00\xe2Z\xb8P~\xce\xdeG=XS*Y\xdd\xd6\x04\x17O\xf5v-\x1c\xb4\xf1EW\xcf\x16\x87\xa3A\xd3\xdai\xeb\xed\n\x98 A%\xa0\x1c\x00\xa0\xf3\x94\xc3&amp;\xb2;\xc8\xa4N\xc2\xcd\xb8:[\x82\xf9\xe8#$A-\x1d\xd4\xe5\xe6\xd7\xd9J:\x9c6\x18\x1cD\xdb\xfa\xf4\xb4\xe4GS]&amp;\xa2\xcadV\x8c\xdc\xa6\xf5#\xd7\xdcl\xe6\x0c\xa7-\xdex\xa8\xbc\x94\x89/\xae\xbf^/\xf1\x15\x87_D\xc4_5oQXSH\xc94Cu\x92G\xfe\xa45\xae\xd0\x93\xa5\x98\x1du\xadM\x99\xaa\x8fY]wr\x07\x1c\xd9\xab~\xdc\x01\x96\xc2Z\n\xd5\x00\xa1M\xa3\xd7\xddb\xb2\x92\x0e\x0evS\xed\xed\n0aA\x1f\x10\xed\x99\xb8\xbd:\xc8\x1d\xe7\xd8&lt;,d\xd6\x99\x0f{\xf2rz\x9f4\xbe?Ps6\x8c\xae\x9a\xab\xd8\x96\xab\xafZ\xbe\x86A\x93{\xbe\x10\xe9\xcb8\x03n;p\x17[I\xa5\xea_\xa6u~\x1b2\xdbL\x96\xe8\xb3v\xca\x13\x87\x16\x87\xb5*tf\xf0XN\xae\x16\xadD\x1d\x05\x00S\xb6\xdf+k#:N8\xcf\xdb\x15kY\xb4\x94\xc0\xcaR\x08V\x8a/\xb6\xf3BE\x8cS\x15Y1\xcb\xa2S\x19\xec\xe4d/\xcb\x1b\xff\xca\xbaU?\x95\xc2\x888\xdb\xc82\xb0\x01_\x19?\x15\x17\xf7Yg&gt;\xd2\x92-\x8e\x0e-\x00u\xab\x94&amp;\xb9\xf4]\xf9\xa4\x8d\xb2\x14~\x15\x9e\x0fi\xd5\x05ql.&amp;\xaa\x8a1&gt;\xc4\xa1E\x11\xd3\x87{\x80\x1b\'\x1d\xe27\xa9D\xf8\xe4\xda_!\xbd\x98K_h\x05\xca\x97%\xa7\xfb:b\xc9\xde\xf3.g\x9b\x04k\x11\xd8E\xef\xbaa\xd7i*\x11\xe4\xe1_\xb2E0;x\x94\xe2~\xdb[\xdap\xd8wAD\x80\n\xd3\xa7!\x0f#v\\\xfd\x11\xed\x80\x82^\x9b5O\xaa\xd9\xfb"\xe2k\x7f#@\x89\x93\x05\xc1F"zB\xeaP\xc3GO\xdaz\x8f\xc1#3G\x1a\xbe(O\xf6[\xff\x19\x9e?1*B\xfb\xae\x9a\xdb\xeb\xff\xe8\xeaM\xb3do\xd6\xa8\xb57\xeb\xbe\xa4\x91E(\xaf\x0b\xbc;\xb4Fnz\xcd\xd0\x10\xb2\x85\x12\xdad\xf9)\xc5m\xc1\xaa#/\x01\x00@\x1c\xb1\x0f\xfe\t\xf1\xc6W\xd1\x8e:\xf8\x04\x06\xd2\xa4\x9b\xc0\xf8\xec\xc7\x08\xea\xc6U\r\xe3P\xdf\x05\xc7!\xa4{\xed\x98s\x01 \xa1\x031=e\xa4\x85_\x84K\x14o\xe9\x9d1i\xfd\xd2F\xf85\xcf\xbf\xe7g\xf6\xc2\x1e|\x00\x1c\x1c\xec\xe1\xd2\xc7\xffmM\x0f\xb1\x9f\xcd\x19xd\xf7\xca\xdd\n(\xd4vR;\xad\xa0\xcd\x86E\x85-\xd7Bq\xf0A\x02\xefx\xe8&lt;\x12\xe2\x00\x00 \x00IDAT\x07\xf7\xde\xf8\x85J\t\xd5w0\x1d\xfc:\xe5\xf7\xdc\xa4~\xb8\xec\x0c\x13\xb7\xdc\xe5\xa9\xf7Z\xcb\t\x99\r\xee+\xb0\xe4\xcf\x16\xbfJ/\xfen\xf3w\xb4TL\xdb\xc10\xb1\xde\xae\x80N\xf4L\xb3"+f\xdbW\x11[\x99\xb9\xfb!\x9dG\xf8k\x17\xd1\x83h\x18N\xf4\x1d\xab\x86\xa8^=f]B\xe8\x83Y\xb1}\xf2a\x1bY\xdaEZ\t\x01\xa0\xde\x83F\xf7\x81\xb4\xe1\xf45B&amp;\x87\xa0\xf8\xf6\x0b\xb3\xba\xad!\xee\xca\xee\xb6\xd6\xf5P\x05v\x11oGD\x89T\x96\xcfg\x87dy5\x847\xa8\xf3\x94\xc3\xa4\x05\xec\x8c\xa1+\xae\xb7\xa9z*T\x0e=S*C\xddr_[\x07&amp;4=\x92X]\x96f\x9c\xa1\xb7\x0f\xf3)\xa2\xb5\x8b\x98\xc1\xaf\x13@\x06\x00\x08\xb1%\xdf\x89\x1a\x08\xf5\xde\xb4j\xd8\x1e\xfec\xc9%\x8f\xfe\xad\xe8\x80=\x99`\xa7U\xa2\xee-o\xb9i\xc1\x15zn`Z\x19^&gt;\xb3i\xc6\xc5\x1a\x07\xe6\x8cE\xc4\x88r]\x0e\xc9n\x7f\x02\xd2\xa3Xa\xb7\x856\xbaZ\x19Re\x9a\xb0\xe6so\xfb\xb6\xb8\xdfv\xe5\x9e\xf3\xee\xfaQs\x08\x9b\xd6\xb8\x82U :\xaa\x97\x99jj\x10\xd3\xd7\xc6\x93;\x90\xd0\x94\x86\xe0\n\x18\xc8\xa1m+\x85\x9e\xb2S\xe9\xe3Cz\xad\xce\xba\xe9K{\xae\xd9F\xbe\xc1\xbf\xb1\xdd\x88\xb3]\x9f\xa3]\xb9}\x10\xb1\xb8\xdf\xf6?\x10\xc3\xcbfr\r\xc1\xca\xc3/AHw\xd53\x17\xf4\x9a{\x99\xac\x03\x9e\xb6\xf3~\x8b\xab\xefY\x92;.\xf5v\x15\x00 \xa5\xfd\xe8}\x9e\xbaV\x94\x15s\xfa|\x15\x1b\x0c2hw+\x94\xb0\x00\x00\xb2\xba\xadE\xc4\xa9;\xee\xbf\xf0\xc1\xffq[\x12k\x17\xeb\xb7\xb5\x18\xc0\x8aT\x1f\n\xf6\xdd\xea\xca\xcep\xd6M_\xd6\x8e\xdd?t\xc5u\x8a\xc1\xabK\xfac\xf0\xb2k\xec\xa8\x80C+\xc3\x02G\xff\xd8\x1a\x9db\xb0\xd9\xa3\xcd_T\x8c\xf2MN\xaa_b\xe9\x15\x02\xf9\xb9\xa6\x9c\xc7\xbf\x96\\:\xadq\x85t\xbf\xca\xd0\xc7\xa4\xa2\xa1\xca\x1c+\x90k\x0b\xfe\x878e\xfb}\x00\x00\x10\xf1\xea_\xf4d8y\xe3\x14Fh\x04\xe8@?\xbf\x81|\xab\x1e\xe5}\xd6\xc6][\xaf\xdb=\xca\xd1\x8fo\x0e\x1fU\xa96q,UsJy\x1f&lt;\xd2\x01\xdb\x85\xf2eq}\x17W\xb3f&gt;L&lt;\x88\xd9F\xa8W\xec\xdd\xe2E.\x07\x0f\xa3\x94q1\x84\xc6\x9cL7-\xf4M\xb6\x1c\xe1&gt;\xb8Z\x84\xb0f\x00\xc8\xee\xb6v\xed\xc5\xaf\xa9\xdc"bk\xd28\xf9\x10\xad&lt;@\x18@9S\x85\x92|!\xd5Z\x8a\xf3x\xa8bk\x04K.\x00\xcc\xdf\xf7\xe4\x89g\x08\xee\x81+\x0e\xbfh\xe7\xa5\xbd\xc0\xe1\xfb\x7f\xf3v\x154a{s\x1dlCefc/\xaevP\xea\x8ba\x05eV\x9f\xd0\xd7\xf9\x0c\x91`\x94\x16\xc15p{y{8\xf7\xe7\xfe\xdb\xbfS\x96\xdcv\xe2}b\x07\xfc\x99z\xa7\x956\xccD\xf5=\xca\xb9\xb7\x7f\xf7\xd4w\x92\xefr\xbaJ\xefRl\xd4\xc9\x83\x01\x80\xa2\xff\\iKE\x92\x06\x13\xa7\xbf\x9d\xa7\x1c\xb6\xe5r&gt;\x8a\x97\x941L\x04\xa3;\xf8\x0eF$\xce\xad\x9c\x88\xc40\xc5\xaa\xe74\xad\xb3\xec\xa2\x01\x8d\xd6\x9c\xc7#p\r\x9c\xd0\xf1\xb8\xda\xbbT\xae\xd7t\xf9\xb5\xf6[xeP\xd1\x14\x9a=\xcd\x995z\x8c-\xc7\xdf\xf5^\xbaC\x08,\x9c\x04\x00\nog\x95U\x06\xe3\xb9Fv\x9c\xfc\xd0\xf0\xb1-\x87:\xa3\x07z@L#\xaea\xc2\xf9\xf6_\xc5\xc1Jlv\xe5U j\xfa\xa9n\x14\x1etp JQ\xba (8F\xf5\xb6\xb1.\xcc\x88:Q?\x00Xy\xf8\xc5C\xf7\xfer\xcf\x07\x8a&gt;5e(\xad\xf7\xe5\x04\x13\x8c\x91\xdai\xb9\x99\xca{\nO\xb9\x1cz\xd4\xe9T\xa7KG\xfc\x00+,R\x99z\n\xb7\xee\x1c\xd5\xc9\x90e\xb1\x83\x8bn\x82\x94\x02\xe0\x0e\x0e\xfaQ\xb5\x82r\x81\x1c\xa9\x8e\x06\x1b\x11\xae\x13\rk;C\xba\xb9Z\xfcG\xb7\xe9G!k4u\xfa\x9ba^\xc2\xd0\xbbh\xadu\xa5\r\xf7H5@}\x0c\xe7#\x84\x94\x1aKA\xe8\xc0\xc4\x8d\xaf\xfa\x88=\xa9%\xa7\xb2nm\x84t7\xba\x1e\xec\xb1\x1cv\x9a\xcb$j\xb9\xd5D\xd0%\xaf\rf+\xf3M\xdc\xb6A~\xfa\xeb\x8a\xc5\xcc\xe8\xb2\x8arH\x10\xdd\xfe\x1c,&gt;\x9b\x8d\xb5\xb6\x07D\x1c\xb4\xd4\xa4\x99$\x11\x00\x94"b\x06jb\xf2\x0c\xa6\x88\x1f\x00\x00#\xd7\xdcDs\xe3\'Aq\xb0O\x18`M\x95\x14\xe7e(\xe3g\x95\xa6\x95W(\xe9O\x08\x1d\xf60\xf5\xe3\x0e \xe2\x9e\x1b&gt;\xf7vE\x1c\xac\x86\x94F\xf4\xf4!\x98\xe2\xab\x92b\xda\xdf\x81\xdd\xf8/x\xa7\xc7p\x91\x06\x85}\xb6 \xe2eO\xfc\x9f\xd6\x81\t?2,\x00\xdb\xb4$\xfc\xe8W6\xf6L\xa2\n\x1bL\x92\xd14\xf3b w\x9f\x11F+E@\xd3#\xec\xe2\x87\xff\xb4\xe2:\xba\x9c6h\xd1YV%\xfd\x94\xf4\xb8\x91\x15\xb3\x07.9\xc9pT\xab\x11F\xcd\xf0\xcaL\xd4\xf1\xedh\xc5\xd0bRKt\x9e\xc7\x8c\x98\x80?@*"\xae\xbe\xf0eJ\x01\x9f\xf6\xbf\xef1\xfb\x12\x00\xce,\xa1\xe6\xde\xacI\x07^\xfc\x81\xf1e{\xf6\'B\xef\xfb\xfc/-\xfe-\xb5\xa0\xa1\t\xecb\xcdyT\xa9\x1a\xb6\xa7|\xf0n\x95\x02\xb7\xbf\xed;\xbf\x85\x05\xf1\xdf\xf9\xbd6A\xce\x18\xf1\x96\xba\xb1\xfb\xcd\x9f\x96\x05\xc5\x8a\x8c\x17!(\x96\x98\x83\xc5_=\xda\xe9\x80}\nk\xe5\x14\xec]\xe8\x92=7\x87\xee\xfd\x85X\xec\xde\x0f\xddOXZ\xe3\nS\x81\r\xc1\xdd\xacs\x18\x11{\x93\x19X\xb46\x98%\x90\x7f\xdfb\xe9E\xc2\x17\x9e\xfb\x14i\xfa\xeb5\xa7\\\xeb\xc85sp\xc7\t\xe7YT\r[x\xeeg,\x1b\xb4\xcb\x1bW\xcen\xb1-x8\x04v\x91N\xbe\xedK6\xac.D\n\xd6\xa91\x97\xf1\t\x9e;\xb2\xb4\xc0\x88\xe8\xe8s9\x18A\xf1\xdakk\x18qG\xf5_t\xc2\x8e\xfa\xb0A\x14\xb2\x172\xa2\x173\x9f\xc7x8\xe6\xd97\x7fu\xe4\xfe\xdf\x9e\xfa\x9e\xdchfv]\xa3\xec}\x9bf\\d\xf8r\xbe\x83\xe9~\x82U\xae\xdc \x11=\xb5\xd2\x08\x02\x007\n$b&lt;\x16H\x81\xea`+\xb4\t\xa0\x16\x00\\K\xb0I\x83L\'\x18\x0e\xb6m-Y\x85\\\xc6\xac\x12f\t\xeef\xed\n\x05\x03my\xed-m\xfdvD\xb4\\\x04\xc9\xe1\xb4\xe0\x89oi\xed\xa9z*\xef\x8a\x19g&lt;H/cwJ\x9c\xd4\xb6\x03wADO\x0b\xce\xe4\xdfI\xb9\xadM\xcf\x8d,\x87\n=\xeb\x8c3\x1e\xea\xbb\xe0\xf8=\x1f`d\xe5l\x80\xb4\xe2~\xdbHs\xdfX\xf5\xb3\xd5\x8f?\xa8\xbf\xf6b\x015_\xf3Z\xb7\xd0\x0eTd\xdd\xa9&lt;\x89\x8e\xb5\xd5\x80\xc2I\xea\x06\x15&amp;\xbf\xc8\x80\xcey=6\xb0_TJ\x14i\xa3\xd4D\x946\x1c\x00V\x1f}\xc5\xe8%\x8cS?\xfe`\xf9\xe03\x101\xae\xfd\x02\xcf_]\x8b\x10pI\xe7:\xd9\x90|\x97h\x00\xe0\x15\x1bZ\x18\x1d\xc7\x9f\xe7[\xf6\xb1\xb4\xe1\x9c,\xb3\xb7\xeb\x01\x000\xff\x9c\'\x08\x8b\xbd&lt;O~\xcb\x9e\x80\xa1Z\xbfI\xdc\xf2\x15/\x07\xab\xd0l\x8b\xcb\xf4\t\xd0\xa6\x0c\xd1,\x12R2\xcd\x84Q\x876\xca\xf1\xa2\x8b\x96h\x1c\x1f\xda\x14^&gt;\x13\x11}/\xb1\r\x84\x97\xcf\x04\x97e\xc8K"\\\x0e\xf6`\xb9\xc0w\x8ev\x91\x16En\xf3z\xe6\xb2\xaa\xa6\xc5\xb8~\xd4\x9b\x13-\x08\x80\xa8MAn|\xd5\xd5\xe3\xae&lt;\xf2\x12"\x0eY~\xed\x88\xd57ftY\xcd\\\xbdH\x80\xf2\xd1\xebn\xd1c?7I\x8d\xd1\x03\xa9w2\xb4\xedt\x8dQQ\xc2@D\xf4\xf3D\x86Z6/\xc5\xf0\x1e\x1b.}\xd3\xe6\x9aP\xc9\xef\xb5\t\xa0N\xcb\'_\xbc$\xa4n\x94\x82\xd2\x01;\xac\x1e\x93e\xe54\xb1\xbfb\xa7\x11G\x1e\xf8\xbd%\xc8S;\x88\xa8\x1fw\xc0\xdbUhm\xdc\xf4\x1a\xb9\xb9w\x1b~\x03:s[f\x9di\\\x7f\x8a\x81l\x80\x1a\x08oVlg\x9c=\x14\x03\xb4\x01\xa8\x08(\x98\xe4\x9d\x84\xf6\xe9VIgh\x8b\x05\xce\xd9\xfb\xa8E\xd7R\x83\xdd:r\xfcii\xc9`\x99\xda\x91\xde\xfc\xcd4\x1b\x86a\x19E\x17\x136\xdf%\xcd\xfd\xee\x03X\xb2\x06d7\xc4\x04qA\x96\xcb\xe6\x03\xc5\x86\xef\xe0U~v7\x04\x1d[\xb0\xc10\xa2g\xa7\x89\x17\xd0wk\x0c\xcc\xed\xc3?\x7f\xa2r\xa3t\xe5\xd53(\xec\x8d\xb1}w_\xf7\xa9\xdeH\xd9\xcc\xaekBJ\xa6Rw\xfb\xb7$\xd1l\xdf\x86\xee7$\xf5cJ\xed\xb4\x82VP\'6\xbb\x9e1a0n\xbb%\xe0\x01-\x916\x00~;\xaf\xfeH\xb9c\xea\x8e\xfb\x00\xe2\xec\xf4\xfdv0N\x83g/\x17\x0c\x1eW\x08Jo\\i\xe0\xa8\xb6\x03\xed\n\xf6\x10z\xdf\xef&lt;u\x1f\xd2;\xaf\xb4.\x15\x15\xb1\xa5VY[\n\xb5\xd4q\xd70D;\xaah:\x18\xda\xa4\xff\x9c\x89&amp;\xa2\xb6\x0cz\xcc\x16\xf4\xda,\xdd`L\x9c\xcekCRs\xd4\x9bX\x98\x00\x00\x0f\xabs\x8b\xa92[suR\x86D\x94\xcf\xea3\xef\n\xa2\xd0\x87\xc7\x87\xfb\x0e\xac\xd0\x95\x1a[\x0b\xca\xb4\xeaz\x9f\xc5\xf9\xe7&lt;\xa1\xe5\xc1\xdb&amp;\xb7y}\xd5\xb0=\x92\xd3\x06w\xa5]\x05\x11\xafz\x86Z\x81\xaaa{\xcd\xf9J\x10&amp;O\xab\xa8\x12%\x14\xd8{k-\xcd\x8a\xc0\xc2\xc9AES\xe8\xc7\x07\xcd=\xebq\xfe\xf0X\xe6\xfa\xf9\n\x9fp\xcfR\xa4\'M\x9d\rbKU@\xc1$\x03\xa7\x08(\xe0\\\x9a[\x9c\xc2T\xb2yS\xb9W\x98\x7f\xce\x13\xd7\xbf\xac\x1dh@"\xd6|\xc7\xf9\xfc\xafN\x07\xec\x00\x00y\x9a\xbe-\x96\x0c\x12%\xceJ\x88\xd8~\xd4\xbe\x1f\xf8\x87/\xa1v\x91\xe5\xcf"\x9f\xc1\xbeRvZ\xef=\xf1\x91\x00\xd2N4\xb4IgeX-f\x96|G\xaf\xdd\xa8\xb8~\x8ca\xe5\xaa\x84A\xcaP\xf3u1\n\xf5\x95\xb9\xe7\x03\x94\x84\xab\xc5jN\xfeN\x07\x13\xa5\xa73\xbcI!:r\xebq5w\xd3\xe6\xd9\x9f\x98\xdf\x9a\xe0\xae\xf6\xce\xbf\x1d|\x12M?O\xc6\x84\nz\x91\x88X\xc9\xcc/:\xad1:\x1c\x8e&gt;@D\xc4\xf02\xb1\xe8\x9d\x95\x1aa\xd2\x04\x88j\xfe\x14\xf1\x1d\x16\x02$ \xa2ew8\xb6\x9f\xb9\xe3\xad\xf5-0\x92\x91\xdaf\x88!=\xb9\xb2\xbfck\xe6[q-\xf7\x14p\xf9\xa1\x17\x0c\xe5\x7f$t\x03-$\x8f\xa4y\xc8\x8dR\xbb\x91\x82\x9d\xcc\xc3\x81\x18\xc1\xc9\xf5K\xa9;\x93\x06Yr\rD|\xeb?g\xfa\xdb\xf2\xb0\xc5\xa7\xd1\xc3\xd3\x1dEw\x1bk\xcd\x0c8L\xeeQ\xeck\x16\x1eD\xb4\xa25I@\xc4}\xb7}kA\x85|\x14Y\xa6 \r\xad\xfc\xcdW\xbc\xc3~\xea\xb8\x1a\x16M\x06\xbd\x02\xe0)\x0b\xf7?\xcd\x7f\xd6\x9b\xd3L\xc5\xe6\xec\xad\x08\xc0z\xd12\xb6\x17\xa3\x10\xbd`\x8d?r\xffo\x8aF\x83\xd53 \xb2b\xb6\xea~\x89\xaf{\xd7i\x17\xfa\xa4&lt;\x88\x83Y\x94\x8f\x8b\xf6\x94\xcb\xfe\x8eJ\\\x87\x94\xaf\x15\xdd\xad\xa1\x0e\x98\xfc~\xee8\xf9\xa1\xf8\xb4\xb4\x83\x11\x91\xd9\xed\x850\xb5\xf5\x81\xae\x9d1\xd6%\xa5\xe5\x87:\xc8\x1e`c\xe6A]\x94\xa9\xefn;p\xa7e\x97\x92\x870\xb5\x1a\xb8l+\xbe\x9c\xf2\x96\xe0\xac\xd7s\xf6\xa5\x8amV\x05\xd97\x88\x865\x15&gt;\xd0\x808H\xf9?\x1d?I\xb5\xd5\x177\x1el\xb0\xed\xc4\xfb\xba\xca\x8f^w+\xf0\xc6an\xcb\x86K\xdf\xbc\xe5M}\x8f\xe3\x19\xd7~\x021}\x95\xf6\x80Y{\x1e\x11\xc7\xa7\x12\x9e\xf2\xccQ\xdc\xff%\xfd\xb7?\xfc9r\xa6\xbf\xe0\xe2\xa9\xea\x97CD\xa9\xdb\xb0\x87\x05f\x89hJ\xcc\x0b\xd4{D\xc5\xc2&gt;\xa4\xdevA\x8c=V4"&amp;\xd6.f\xf0r\x90\x83\x88\xe0\xd7\x89Y\xccRo\x921\x15"\xfa.8n\xdd\xd9|\x8d\xf0w\x11W\x1e~\t\x00\xca\x07\x9f\xe1\xed\xcap/\xb5]A\x9e\x1a\xfdk\xd2 \x0f\xe6qw`\xe3\xb1\xaf}wL\x14S=\x8f\xbeS\x99Z\\\xbcL\xab\x9cL\x94\xdf\xfa&amp;\x02\xc4\xa8\xe7}\xf3\x14\x9c\x7f2\'\xc5\xe7\xcb\xaf\x84\xdc\x12\xb8\xe9\xf2\xb7\xd9\x0f\xee=\xf72\xee\x03\x97\x06\\\xdf\x95\xd3\xac\x12\xdc\xb0\x864.\xcaV+\xbe\x99\xcb+\xe5\xd7f|\xefy\x97\x1b\xbb\x10\xfdF\xd9\xe4\'\x01\xdb\xaf\xfa\xe0</t>
        </is>
      </c>
      <c r="E464" t="inlineStr">
        <is>
          <t>&lt;class 'numpy.ndarray'&gt;</t>
        </is>
      </c>
    </row>
    <row r="465">
      <c r="A465" s="1" t="n">
        <v>463</v>
      </c>
      <c r="B465" t="inlineStr">
        <is>
          <t>steps_per_sec</t>
        </is>
      </c>
      <c r="C465" t="n">
        <v>6700</v>
      </c>
      <c r="D465" t="inlineStr">
        <is>
          <t>5.3901153</t>
        </is>
      </c>
      <c r="E465" t="inlineStr">
        <is>
          <t>&lt;class 'numpy.ndarray'&gt;</t>
        </is>
      </c>
    </row>
    <row r="466">
      <c r="A466" s="1" t="n">
        <v>464</v>
      </c>
      <c r="B466" t="inlineStr">
        <is>
          <t>Loss/localization_loss</t>
        </is>
      </c>
      <c r="C466" t="n">
        <v>6700</v>
      </c>
      <c r="D466" t="inlineStr">
        <is>
          <t>0.006675413</t>
        </is>
      </c>
      <c r="E466" t="inlineStr">
        <is>
          <t>&lt;class 'numpy.ndarray'&gt;</t>
        </is>
      </c>
    </row>
    <row r="467">
      <c r="A467" s="1" t="n">
        <v>465</v>
      </c>
      <c r="B467" t="inlineStr">
        <is>
          <t>Loss/classification_loss</t>
        </is>
      </c>
      <c r="C467" t="n">
        <v>6700</v>
      </c>
      <c r="D467" t="inlineStr">
        <is>
          <t>0.28246406</t>
        </is>
      </c>
      <c r="E467" t="inlineStr">
        <is>
          <t>&lt;class 'numpy.ndarray'&gt;</t>
        </is>
      </c>
    </row>
    <row r="468">
      <c r="A468" s="1" t="n">
        <v>466</v>
      </c>
      <c r="B468" t="inlineStr">
        <is>
          <t>Loss/regularization_loss</t>
        </is>
      </c>
      <c r="C468" t="n">
        <v>6700</v>
      </c>
      <c r="D468" t="inlineStr">
        <is>
          <t>0.037350066</t>
        </is>
      </c>
      <c r="E468" t="inlineStr">
        <is>
          <t>&lt;class 'numpy.ndarray'&gt;</t>
        </is>
      </c>
    </row>
    <row r="469">
      <c r="A469" s="1" t="n">
        <v>467</v>
      </c>
      <c r="B469" t="inlineStr">
        <is>
          <t>Loss/total_loss</t>
        </is>
      </c>
      <c r="C469" t="n">
        <v>6700</v>
      </c>
      <c r="D469" t="inlineStr">
        <is>
          <t>0.32648954</t>
        </is>
      </c>
      <c r="E469" t="inlineStr">
        <is>
          <t>&lt;class 'numpy.ndarray'&gt;</t>
        </is>
      </c>
    </row>
    <row r="470">
      <c r="A470" s="1" t="n">
        <v>468</v>
      </c>
      <c r="B470" t="inlineStr">
        <is>
          <t>learning_rate</t>
        </is>
      </c>
      <c r="C470" t="n">
        <v>6700</v>
      </c>
      <c r="D470" t="inlineStr">
        <is>
          <t>0.07996067</t>
        </is>
      </c>
      <c r="E470" t="inlineStr">
        <is>
          <t>&lt;class 'numpy.ndarray'&gt;</t>
        </is>
      </c>
    </row>
    <row r="471">
      <c r="A471" s="1" t="n">
        <v>469</v>
      </c>
      <c r="B471" t="inlineStr">
        <is>
          <t>train_input_images</t>
        </is>
      </c>
      <c r="C471" t="n">
        <v>6700</v>
      </c>
      <c r="D471" t="inlineStr">
        <is>
          <t>[b'640' b'640'
 b'\x89PNG\r\n\x1a\n\x00\x00\x00\rIHDR\x00\x00\x02\x80\x00\x00\x02\x80\x08\x02\x00\x00\x00\x83\xaf^t\x00\x00 \x00IDATx\x9c\xec\x9de@\x14[\x1b\xc7\x1fD\x05\x05\x14\x0b\x15\x03L,\x10\x0cP@\xc5\x16\x15E1PQ\xb1\xbb\xbb\xbb\xbb\xbb\xbb\xbb\xbb\xbb\xbb\xe3\x9a\xd7{m_\xf5\x1a\xff\xf7\xc3\xec.\xb3\xbb\xb3\xb3\x93\x1b\xc8\xef\x0b\xcb\xcc\x99s\x9e\x999s\xf2\t"\xbb\x05\x00\x00kK\xa10\r\x07\xef\xb6\xb6\x08\t\x98d\xfe\xe1o`\x91\xbeX\x17\xb3\x97\xb8\x15l\xb5\xfc4\xfb"x\x97\xe9k\x01Q\x15\x01\xfaX[\x1c\x99$\xb6J\xa9\xcc\xa3\xdbu\x1f\x00\xc6o~\xc5\x1c\xec:\xe3\xc2\xbfB\x9fgJ\xab&gt;\xff\xa4D\xa9\x88\x02\xacQ\xb4\x04\xbc3\x85\xf6\xb0\xb6\x0cv\x86\x9b\x8ck\x13)&amp;\x85H2\x95\xe8\x19\xdax\x96"Y9\xe7m*\xf2\x8a"D\xb9\x14):\x01\tt\x9dq\x81\xdd\'\xf5[tK\xff|1\xf6?\x11\x9dW\x1b\xf4aW\xbe\xdaW7\xe6\x15Xo\xca\x92\x93\xbf\x00P\xaa\xca\xd6\x16\xc6.i:\xe2\xc0\xd1W\x9a\xb7\x7f\xe6\x9d\xe6\xed\x1f~\x0er\x0c\x15\x98\x03s\xed\xec\x03_D\x95[2vN\xeeJC\x88(K\xc9^\xe4\x10,\xea\xda?\x92d\xd6\x16\xc0\x1a&lt;\x04(e%\xdd\xbfn~\xad\x84^\xe9\x14FT\xf0\xbe\x95F\xe5\x99B{8\xe5i"\xe6\x8a\x0c\x01Q\xe3\xea\xf5\xdfn|\xa2\xf1\xd0\xbd\xe2\xca\xf6\x8c\xcaV\xb6_\xc6\xe0neZ,`\x1d-\xf4\xd3\xee\'(v\xc3\xe5\xff\xe9\xf5\xa9/\x80\x19{&gt;\xb8\xfa\xb5d\xce\x9e|\x03J^\x96\x88\xdaM&lt;i4\x83\xf4\xb3\xaa\xe02q\xb0\xb6\x00\xf6J\xf7Y\x97\x99\n\x10\xd2p\xa6\x84\xcb;M;\x17\xd9m\x9d\xf8\xeb&lt;{\xcd\xbb6v\xe3\x0bm\xdd\xb3\xce\x02\x80]\xd0`\xe0\xce\xa6#\x0eZ[\n5`u\xae\xcaR\xbe\xd5\xe2\xd0F\xb3l|Y\xcc/r\xf4\xed\xdf\xa8\xd4n\x19\x80\xf7\xf1a\x11/\x01\x1dI`\xc4\xd4\x9dou\xbf\x9f\x1a\x9d%\xf7pk\xcb\x9c\x80,jt_/\xe5\x13N\x14\x12\xd5sc\xb7Y\x97\xce\xbe\x03\x91\xa7\x98+\xd3\x8a.\xcb\x10\xb7\xe8~\xdb\x99\xea7q\xeb\xdf\xac\xe3\xa9D\xe6\xe3B\x9e5%\x8a\xe0\x19\xc5L\xc4m\x19\x8fb\x9d\xad-\x82:\xf4]x3G\xf9\x01J\xe5\x16;l\x1fQ\x90R\xb9\xf1\xb3\xff\x89R\x9deNJRr\xee\xc1\xff\xed\xb8\xcbt\xc0\xb9\x15\xcaVaj\xf7\xdebm\x11\xec\x0f\xe3&gt;\x98\x87\xa4&gt;\xb1\xd6\x967\x01Y\xd4\xe8\xbeAB\x07&lt;c\xefG\x00\xd3v\xbf\xbf\xf1\x03\xe2\xf7\x9bXd\x88\x94~m\xa6Z\x8f\x80\x19{&gt;\x10Q\xc6\x90nD\xae\xd2\xb3\x12\xc9\xd2S\xf0\t\xb7\xf5\x0e8\x1e`r\x01=C\xf1\xaeJ\x95\x91\xbeX\x17"\x17q\xd7\xa4\x8b\x90PP\x9f\x057\xf4:\xcb\xacu\x0c\x12d/\xd7\x9f\xc8Ix\x86\x8e9c\xfa\xcc\xbf\x0e\xa0\xd5\xd8\xa3\x12\xe4\xe1\xc6\xa5\\\x97\xe9\xe7\x9b\x0c\xdf\xafPv\x05\x15\xca\'~\xe3h|h\xfd\x15\x00X}\x01u\xfal\xd1_p&amp;\xa2\xd4\x94\xc5\xb0\xf2\xfc\x19xX[\x00A\\\xfe\x1f~\xab\xbc.\xb5\xea\x1c\x00|\xd6\xab\x15\xa2\xf9\xa2\xbd\xfc\xf0s\xc9\xd2\xe6\xa4\x8c5\x88\x88\xa8\xb0\xf1\xb9tA\x9d\x05\xf4\xca\x9eD\xd9\xc5\x97k\xb9\xce^,i\x8at\xb0\xb6\x08\\H\xa8%\x9a\xfd\xc8\xb4Rz;["\x19Qz"\xea\xbb\xf0&amp;\x00\xdd\xa8\xe2\xd03h\xeb.\x11Q\xec\xb0}\xcc\xc7\xb0\xe5\xa6\xa8\x07\xe5\xc4\x8c@\x95\xa2\xff\xe2\xdb\x00J\xc6\xceQ0\xcf\x04\xcc\x91\x99\xfft\xf1\x06\xd3\xabvZe.\x13\xf9K\x8bf\x18\xb8\xf4\xaeB9\xa5\xa0L\xb5\x14\xca\xcaF\xf0"\xca\xa3\xfb\x07\xc0]\x95;`\x03\xad=i\x99\xb0sP\xa7\xdbH\xc3\xaf\xa8\xb5\xe8\xf8\x0f9\xf2\xdb \x7f\xd9\xea\xedd\x05 \xb6\x8d\x00@\xe4\xd5\x92{zg\xad\xcd\x7f\x1f\x83\xff\x97\x9f6\xfb\xb83:\xe5mBD\xdb\xef`\xfa\xee\xf7\xba\xa3\x00\x88|u\xff.9\xf9;\xeesr\x08\x06P\xbe\xf5beD\x16K\xfaH\xeb\x94\xfbG2c\xcf\x07\xe5:6S$W$\x17\xa5[\x96\xdcD\xc9\x1d\xb27P4O+\x92\x8c\xa8H\xb2|\xcd,YdJ\xff6\xff\x02\xe4]\x8f\x88\x8c\x9b&amp;\xb3\x14\xac1Ff\x17.\x00\x8e\xd5\x1d\x1d\xea\x97ni\xdc\xfcZ\x11\x05Z[\n1|3\xfd\x02x;\xa1\xa2\xaaI\xc4\x8f\x84\xd5\x12\r5{l \xd7\xf2\xbaE\xe6RM\xe7\xea\x9dN^\x16@\xad^\x9b\x98\xff\x00\xec\xb8k\x89zy\xed;\xaaw]\xab\\~\x99\x94\xcb*\xfe\x93\xa9D\x0f\x00KO\xd9D\x03\xd4a\xca\x19s\xea&lt;\xce\xca\x96\xa8T\xe3k\xe1n\x8f\x0b\xab\xd9.\xea(\xdbba\xdb\x89\')i)\x91\xd7\xf9\x12%\x95U\xb0{\xf8\x91\x17&amp;_\xa2gHw\x9eKK5\x9d\x1b3h7Q\x16Y\x02\xd8\x00\xe1\xedWX[\x04\x89x\x02\xb8\xfd\xdbd\x07\x9c\xa3\xfc@\xee\xeb\xd2V\x95\xb4\r\xe0/\xfe\x12EH"\xfe\x92@J,\xd4\xa4O\x08\xd1\xfd\xb6q\xee\xd3(\x8csi\xd5\x8b\x88G\x0c]\xf9\x10\xc0#e\xfa!\xb9\xc6H\x96\x9f\x8b(U\xa2_\xe4h\xf9\x99\xd8?\xb9K6\x99\x93\xbaH{K\x97Zi\x08c \xc7I\xa2\x1c1\x9c\xc7\x93\xfa\xc4\xca\x99\xcc$`u\x92\x0b79gh;\xf1d\xa9&amp;s\xcd\xa7\xb3\x1e\x06\x8dQ\xc1\x9acs\x94SL\xd9\x9b(\xc7t\x13\xbb\xc5\n\xaa\x94\xdb9E\xacTnq}s\x0e\r"\xfb\xa7B2\x85\x88\xe8\xbc\x9a2J5\x0b\x91\x86{xt\xbfm\x8a\xe4\x94!X1\xadL\xdb\xa1\xdd\xc4\x93\xf1`v\x98@\x02\xf6\x81Qk\xeb\xccho)\x07\xe7\x02c\xda_@\x89\xc6\xb3\x15,f\xd7}\x89\xd3\x9a\xa0zS\xd8\xff\xb6\x9dp\x82R\xd9\x94\x9d\xabHmy\x19\xb0\xb6\xc7RZ\xacP\xbb%E&lt;u\xb6\xca\xb3\xa1c_~\xeb\x8a\x99O\x92\x80u\x88\xa7\x9e\x04\xea\xf5\xdfN\x94\xf5\xeaWl\xbd\x05_\xdb^"\x0b\x8c\x9e\xa2\x9c\xc2W\x9e\xd0F3\xff\x89GZ\x15\xd6\xc2\xac~\xca\x8f?\xf0!g\xabom\tT$I\xeeF\x02S\xe6\xae8x\xe4\xda\xa7b\xf3\x0f\x8e\x99!\xf6\x12\xa5\xc8\x18\xdcM\x8dl\x01\x90S\x98\x1a9\xffId\xaemm\tTD\xd3\x86zFY[\x103\x9eFd\xd9\xf2\xeb\x93\xa6h\x87\xce\xd3\xce+\x95\xdb\x1f\x8b\xd9\xf5g\xe5l\xb5\x13\xb0\rD\xb8VN\xda\x7f\xd1m\xdd?s\x0f}\x15rM\xd6\xb0\xde\xe2e\xb2in\xff\x06Q\x0ekK\x91\x80-\xe3\x14V\xa3\xfb\x06k\x0b!\x1d\x00D\xc5\xc5]\xe3\x1e.cX\x1ao\x97[\xbdJ\xf7\x11\x95\xde\n\xb6\x19\x1ak\x16\xbb\x04\xc0\xa9\x7f\xff\x9c%\x81\xfc\x1b\xaf\xc5\xddlx\xfb\xe5V\x14E&amp;y*\x0f\x03\x90\xc2\xbf\xb5\xb5\x05\xb1+\x92\x940\x9b$\xa7\x05\xc4H \x81\x04l\x1e\xe1&amp;:\xd2m\x0b\x01\xcc9\xf0%\xbc\x9d\x1dwE\xc2\xc9\x10\xdcu\xd5y\x08\xd2Hp1\xa9\x9f\xac\xe4%2\x18\xb1\xe6I&lt;3\x05\xb6\x17\xf2\x99M\x11\xdd\x8f#\xceO\x02ZDha\xd8\xa8w4\x93\xc83L\xb48\xe9\x02;Y[\x84x@`\xad^\x9begb+\xaeO\x8b\xd4\x99\xa8^\xe6\x95\xdb\xaf\x98\xb6\xfb\x9d\x8bo\x0bu\xb2\xb7\xe8*\x94{@\xdb\xb5\x970p\xc9\x1d\x83\xe3y\xc2\x87ZR\x8c?\x90\xbcU;\xad\x9aw\xf8\x1bo\x9a\xec\xa9\xed\xac\xe7\xb0\x10\xcc\x98\xb1j\xa7U\xec\xe9\x05\x80\xee\xb3.YQ*\x16\x05$\\\xe3\xea\xdb\xf2\x053\x10NQQaq\xe25\xee\x01m\xad-\x822\xe4\xa9\x1c\x9f\xda\\3\xeeE%3s\xef\xc7~\x8bn\xf9G\x8dS)\x7f!dPZ\xa9\xaa\xfe\x80\x1d,\x8b\xe1\x0cDD\x94M\xd9"\x12\xb0(\xd5\xbb\xaeUm\x84het\xf1\xd8\xcb4\xd7\xc4\xee\xed5\xef\x1aQq\xc4\x87\xe0tND\xe4\x98\xb3\xa1\xb5\xc5\xb0&lt;f\xc3\x0c\x98j\x8f\x12\x1f\xfc+\xde,\xdf\xb9\xc4c%\x00\xa5XqV\xcf?`\xf6r\x03\x1a\r\xd9c\x99\xa2;L&gt;\xadR\xce\xc1\rg\x10\xa5V)\xf3\x04\x120\x8b\xea\x9e\xf4\x15\xc2\xfc\xc6A\x02d\xecg\xd4\x1c\xed&amp;\x9e\xaa\xdeE\x8aC\xd0);\xfe\x05`7N\x85&lt;\xaa\xf1\x9c\xec\xb7\xe8V\x82U\x89X\xf2G\x8c\xc8Sy\x98\xb5\xa5H \x01%I\xc3\x8emb\xc1B\xf5H\x1b\xd8\x11\x00\x91\x83\xc5%1\xc9\xf7\x04u\t\x15\x90\xed\x92^D\x08K~\x12\xe7Rw\xeda\x1a+\x18\x89\x01\xd1\xfd\xb6\x01p\xcc\xc9\xed\xb90\xfe\x11\xdahf\x96R\xbd\xb4\xff\x15\xb2\xa4\x8f\x17c\xb2\x97\xebO\x94\xc2\x8a\x02X\x96\x02\xf2\xfd\xb6&amp;`\x05\xdc\x0b\xa9\xb8\xd9\x96\xa2`k\x83x&amp;\xd6S\x0e\xcc\x9d\xaf\xeap\xce\x13Z\x91\xbc,,\x90ZxT\xb7\xb6\x04D\xd6\x8f\tS\xcc/r\x0c\x11\x11\xe5]~\xc6\xac\x0cji9I|\x02\x89B\x16\x9f\xf8\xa5\x828\xea\x93\xb1\xa6n\xcc\r\xe0\xc8\x0b\x88\xb1\x03\x16\x84\x9b_K\x97\x02\x82\xb6\xe1*\xb4^\xa2\xddy\xb5]F\xacyB\xe9#\xe5\xfb\x8d\xc8\x1f1\xa2\xc1\xc0]\xbd\xe6^UD*\xbb\'I\xeeF\xdee\xfa\x11\xe5\xaf,,\xa0\x84K\x81\x16\xeamE\xf03\x81\xcba\xaf\x82\xf8\xd7\x1c\xdby\xfay\xa2\xc2\x1a\xcfm\x8a\x06c\x10N\xa2\x1c1\xd3M\xccT^\x01\xd6\xee-\xccc\xe3\xe2\x19\xc3\xf9H\x01\xb4\x18}\xd8\x02\xa5\xff\r\x8c\xd9\xf0\x9c\x88\\\xfdZ\x020\xdaQN&amp;9\xe7\x96c\x8e\x08N\x9b$Cq\xa9\xce\x9c\x93\x94\x94\xb9\x83\xd3v\xe2I"o99\xc8d\xf0\xf2\xfbj\x18\xc2n\xbe\x81\xae3.\x08KkV\x05\xc1\x18\xd5\xb6l]\xcaq\x1ct-\x0f \xa8\xfeT\xf9\x9f\xb6[\xc1V\x07\xfe\xb2^\xb0W;\'/\xd3T\xb5\x9bx\xd2\x8aB(\xd6\xbe\xa7\xae\xac\xff\xbf\x7f\xf1\x06\xd3m\xdb\xfdz\x00\xf3\xfc\x1f\xdbp\x0f\xc7\xee\xcc\xf2V\x19N\x94\xd5\xba\xf2\xf0\x13\x1c3\x83\x11\xf8\xc2\'\xbdG\x1a\xd2p\xa6e\x04\xd0\xaa\xd3S\xf5\xaek\x01\xfc\xab\xe4\x9bUlm\x9c\x87\x03Oe\x8d\x08\xc7l|\x01 S\x89\x1e\xcaJ%\x12wu\xb2U\xb5%Q8\xb4\x1a\xb3\xfb\x902\xa0\x8d\xa9\x04\x03\x97\xde\xad?`\x87}\x8d\xadm\x8cL\xb5z\xcc\xb9"/\x0b\xbf#/1k\xdf\'\xc5\xf5\x0e\xfc\xa3\xc6\xe5\x8f\x18\xa9\xfb\xb7x\xcctJS\xd5tr\xbe(\xd32\x08\x04\xf0\x1b\xa0\x8c5\xd4\xc9_\x18\xa9*S\xa6Z\xd6\x14@\x1e%b\xd9\x81%R\x12\xf9ZM\x14ah\xfb\x0f\t\xb3\x10\x05\xb8\xf0\x11LK\xcdL/\xa6\xec|k\x151$\x13\xd1i\xb5\x9c\x0e8g\x85\x81\tm:\x11%\xc9\xdd\xd8\x8a\xa5\xd7\xec\xb1\xf1\xd2\x178\xe6l\xc8\xe37\xf0\xd6/\x0c^~\x7f\xd8\xaaG\x96\x14L\x15RV\xb2\xb6\x04\xb6\x87\xde7\xecV\x01\xc0\x885O\xc4F&lt;T\x88\x04\'b\xf1\x0c3\xbe&lt;\xad\xb4f\x1e\x10\xd2pF\xf2\x02\xcd3\x86hm:\x93\x97\x05`\x8f\xbe\xd9\'ly\xddk\xde5K\x95\xe6o\xa9\x82,\x8af\xea\x99\xa4\xa4U\x86#\xc1\rg\x10\x05\x91s\xe9\xa8\x9e\x1bM\xa5a{\xdf\xb4_\xecn\x83L\x08.\\SR\xbfD9\x1aH\xce1\xa9O\xac\x10\xbd\xc4|U\x87\xdb\xa1#\xd6\xe4\xa6N\x00\xa8\xd3w\xab%EI\x80Ax$\x1c\xa5\x18\xb8\xf4.\x80\xc5\xc7\x7f\xb2\x0fz\x85\x89sX\xfd\xe7\xf0\x14\xd8z\x0b\xf3\x0e\x7f;\xf5\x8f\xae\xf5\x8c\x7f\x9e"R\xc4\xcb\xee\xc1\x96\xf0n;\xe1\xe4\xe8\xf5\xcf\x88\x02L$\xb0yc\xe8\xad\xb7`\xb4OP\xc08\x94\xbac\xce\x86\x8cj\t\x11\xe94,\x9c\xf3)\x16\xf3G\x83s\xe9\xba}\x95\x89(\xae\n\xc9\xcb\x88J\x0e \x89\x8f5W\xa2\xfeT2]\xf8\x04\xcb\xec\x98\xea\x18\xb6\xeaQT\xcf\x8db\x1c5\xdb\x06\xa9\xab\xa4\xf4o\xb3\xf4\x14\x14\xf5W\xeam6\x05\x80\xf0\xf6\xcb3\x86t\xa3\x8c5\x89\x88\xdc*\x18\xd8,\xd8\x07)*jw\xd6\xf2s\x9e\xd7v\xc0R&lt;\xd9%\xc0OR\x9f\xd8\x88\xce\xab)S\xd4\x85Op\xc8n\xe9\xc0\x9a\xce\xacI\xaa|\x83\xb3B\x02\xd2\xa4Xx\xec\x87\xc1\xa1\xb0f\xf3\x94]\xe0\xcd]i\xb0\x85\xdbM\xa9\xa4&amp;fZ\x9f\xa1\x06\x11Q\xfaH\xebJ\x93\x00\x1b\xa6\xd5\xdbr3a\xe6a\x9e\xa2u\'7\x1dqP\xa9YZ\xe3\xa1{\x89\x88(\xa3\xa0\xd4\xe9"\x14)T)N\xfe#\xfa!l\xbd\x85\xd8a\xfbS\x15j\xc7\xf6^\xce\xfa\x1d\xa4\xe9\x80\xdd*($\xa3(\x02\x1a\r\xd9S\xbd\xebZ+\x95\xae2Y\xeb\xae8k\xed\x0f&lt;\xa9O\xac\xf9D\xee\xe67\xa8\x05\xba*t\xca\xd3DH29\x84\xb7_\xfe\x00\xb0\x87]\xdb@""\xefh\xe6\x9f2-\x16\xe4\xae4\xc4\x9a\xe2$\xc0\xa2L\x8b\x05\xff\x01D\x89\x15\xc9m\xec\xc6\x17\x8a\xe4\xa3\x08\x15\xdb,U!W\x7f\xe5\xbe8\xbb\xb5h\xf7\x8a\x1e\xb6\xea\xb1\xd4\x8bS\xb3\x95X\x19\x1dx"\xc7\x07\xc0\x9c\x83\xff#*\xa41\x83\x14\x8d\\\xe7E\x1f\x81%\'~\x1d|\x06\xdb\xdch\xf7\x08\xea, \x95\x1d\xae\x8b\xb0\t3\xe7\xc3\xafR\xbbeL\xc8\x81\xe1\xab\x1f\x03h0p\xa7u-\xba:O?O\x99\xa2\xcc\xa7s\xabp\xf4\xa5\xb5G@\xaa\xad7&gt;\x07F\xaf\x7f\xa6R\xe6DD\xe4`\xa2\x7f\xcaDi#,\xbf\x9ec\xcb\xf8\xd8R\x18\x99\x81K\xefZ[\x84x\xcb\xcc\xbd\x1f\x95\xcd\xb0d\xec\xec\xe5g \xd0w\x87\x1e\xae\xe5\xb3\x86\xf5\xa9\xd8V\xee`\xab\xdd\xc4\x93\r\x07\xef\x06P\xa6\xc5\x02\x99Y\x89A\xd8\xfaG\xea\xca\\\xfe\xb3\x187\x85\x85\xb2j\x95\'\xe2\xc1\x0ez\x0e\xfe\xd3\x95\xda-\x03@\xde\xf5\xbe\xd8\x83S\x08\xdb\xc3\xd0\xe1\xa5\x02d\xa9\x03\xa0Z\x975\xca\xe7\x9c\x80\x1a\xa4T;\xd8T\\ \xa0q\x9b_\xa9\\\xd6\x9f\x86;\xb3\x85\xa7R\xbbW\xae\xd5"\xa2\xf4\xa2.)T{\xc2\xb0U\x8f\nT\x1b)_\x11\xdd\xc5\xb7E\x9f\x057~\x03\x16\x8bI&lt;y\xfb?\x80D}\x82S\xff\xc0p3\xd4!\xf8\x8f\xe8\x8c\xb4\xc3\r\x07\x87\xec\r\x12:`Q\xb4\x1ew\xdc\xad`+\xc5\xb3\xddt]\xf3\nB\x1b\xcfR&lt;s"R\xdc\xea\xff\xcfF\xb7~\x9b\xa0kc\x8f\xc8\xfa\x16\xb2\x86\xf5&amp;\xa2\x8c!\xdd\x8c\x15W\x89H\x82\xe33\xaf\xd2}\xc81\x94\xbc\xa2w?\x90\xdb\x0e\x97o\xb5x\xef#\xa6=W\xc9\xd1\x821\xd9L+$\x1b\x12To*\xeb?[\x0f\x9fc9wN\xaa\xbah\xb6\x14\x16r\xc5\xde{\xfe\xf5\x1f\xe6\x86,\xa9\n\xb7\x13\x9do"\x8d\x1b[\xb5\xc6C\x89B\x94\xcf\xd3\x9e\xc9Ya`\xe6\x92=\xb5O\xbb\xa8\xb4L\x96\x9e\xc2\xcd\x9f\t\xe3W\xa5\xe0\xec\xcfl\x12\xc7P\xd9\xdfiz&gt;\xeb\xf6\xe4\x12\xe7\xafi\x8bv\xd4\n\xa6\xc2B\x9d\\2o\xbd\x85&amp;\xc3\xf7\x13QBP8=:M;w\xfd?\x85\x1b\x91\xbcU\xb8\xa3\x11\x98#s\x9f\x057\xd2\x17\xeb"\xfc\x02\xb7\x82\xad\x88\x02\xf5\xbdn\xb9P6\xf1\x9b\x9a\xae\xe5&gt;0_T\xd2\x92&lt;\xa9\xe6\x1e\xfa\xdas\xeeU%\xdb\\\x8d\xd3\xaeTD\x85\x89R\xab\xd4\x01\xb7\x1ewL\xf1&lt;\xf9I[\xb4\xa3j\x0e\x029\xf1\x16\x97&lt;c\x8d\xb8\xfd\x97\x14\xe2\x97\x943\xd4 \xca\xc5\\~\xfe\x83\x1dw\xc03\xf6| r\x95\x9fO\xde*\xc3\xc2\xdb/\x97S{\xedk\xb7\xfb\xdc\x07&lt;\x05\xb4\xea\x02\xb6\xa37\x140\xe7\xe0\xffF\xacybm1\x0cYw\tD\x05O\xbe\x81Wi\t\x86\xf2\xf1}\x9di\xdfc\xd1\x9f\xcd\xdaK`ct\xde\x17\x80\xd9\xddh\x9b!\x13e\x8a\x02\xe3\xc3\x92\xa8\xc3\x943&lt;IS\x17iOT\xbcX\xfd\xa9&lt;i\xc4\x94\\k\xc7]\x90s\xe9\xe4\xf9\x9b\x05D\x8d\xcbR\xaaW\xcf9W[\x8c\x16\xee\x82_(~5\xc6(\x9e\xa7\x04V_\xc0\x81\xa7\xaatW\xb5{o\x11\xb4\xf7\xc6r\xcd\xa6\xa9\xba^\xd1\x92\x0b\xb5\xf7\xed\x9b\xb1\x1b_\x00`[\xd4\xc8\xe1\xa3&lt;\x85\x925\x17U{\x92\xde\xf5\xd4\xc8\xb5R\xbbe\x05k\x8eU0\xc3\x9f\x16\xdc\xbb\xb58\x12\x15\xbc\xfd"G?\x07:O?\xaf\xac4\xb6\xc5\xa4mo\x84\x7f6\xe0\x82\xad6\xc2p\xeb\x97\xf5\x1b&amp;1Z\x8e\x05g\xee\xfdX\xb1\xcd\x12"\xda\xfb\x88\xe3vt;\x16\xb3\x0f|\xc9\x10,5\xec\x8c\x11\xa9\n\xb7/\xdbr!\x11y\x86v/\\{\xc2\xf4\xdd\xef\xf7=\x81}M\x05D\xf1\x10\xf8\xdbfz\xac\x8c\xc1\xdd\xcc\'\x8a\xd7|Qt\x001z\xfd\xb3u\x97M\xe6\xe6\x94\'v\xdbm\x9e\xb2\xbc\xd41\xb8""*\x1a=YP\xba\xe4e7]\x87\x15]:\x03\xa8\xdeu\xad\xf0-U\x1b\xc3Y\xad\x8c\xd3FH^\x93\xb7\x17\xd2\t\xfb\x0e\xf3p\xf6\xbe6&lt;\t\xc8!e-\xda\xc4`-Cp\xb7NS\xcf\x02\xb8\xf4E\xf9\xfb\xbd\xf1\x03\x05\xaa\x8d\xba\xf8\x19\xe7?H~\x9e\xf6\xb2\xde\x90\x80\xadP\xac\xfe4\x81.\x01\x0c\xa8?`\x87\xd8K\xfa/\xbe\xcdcF\xd8w\xe1\xcd*\x1dWJ\x90D\x18\x02\xa7_\x05V\x9c\x85o\xf5\xd1\xaa\x89\x11\x0f)P}\x94\xb5E\xf8c0\xd5\xfbv\x9cr\xd6\xda\xa2\xc9%[\xd9~\x94\xb9\x16_H\xd1T\x95\xef\x00\xfb\x9f\x02\xc0\xfc\xc3\xdfT\x12#]`\xa7g\xc0g\t\x1d\xb0C\xf0\x17\xc0\x96\xf6\xa2\xec\x98\x80Z\xe3\xf5\xd55\x13\xd0\xc7\xbb\x9e\xa41b\x00;Z\x9a\x01}\x17\xdcH[\xb4\xa3\x1c\xa1\x94C\x19w.\x8a"QIP\x04.\xe5\xc8S\x803\x86\x04\xac\x88\xbdM\x7fE0l\xd5\xa3FC\xf6\xde\xf8\xc1w/\xae~--$M\x06I\xb1\x14\x05{\xc7\x0c\x8e\x99.%\x7fN$\xa8/\xf1\xa3\xf15\xa6\x80Z\x90d:L&gt;s\xdfd\xadV\xd5\xf3\xb3\x82\xce\x99\x05\x92\xcb\x82e\x15\xddr\x13\xa6\\(\'\xc0Kv\x8b\x94"+\xea\xa8c\xce\x86\xd1\xfd\xac\xe2\xd5\xdf\xa7\xc9\x88\x03\xfaG,\xff\x1d\x99\xc7\xd8Y\x89;QZW\xbf\x96g\xdf\xc9\xdc\xfd\x8d\x0f\x8c\xd9\xf0\xdc/r\x0c+\xf8\x845\xc9[e\x18Q&amp;\xf3\xe9\xbc\xa3W_\x10\xfd\xfc\xe3\xd3[\x93B\xd2Rr\xaen4d\x8fR\x82p\xa1\xf1\xf1\xfe\xdd\xf0\x1d\xa9\xb6\xbbfAG\x92\x89r\xc4\xfc\x0f\xc8V\xa6\x1f\xe7\xd9\xb0\xa6\xf3,&amp;\x89}\xe2mm\x01\xcc\xb0\xeb&gt;\xdeX\xa7a\xc9\x95T\xb5\xf87\x92\r\xe3\x12S\xbaj\x03\x96\xdc\xe96\xeb\x12\x11\xf9V\x1f\xcd\xd5\xe6\xba\xeb\x82g\xb9\xf9\t\xf5,\xa1\xdf\xf5\x8a\xd2\x0e\xf7\x06\x90,\x7f31\x970\x886l\x97\x04cu\xad\x8a\xf1\x9c\xd1\x00M:\x05k\x8c\xd55\xc77~\xe0\xa5\xf8\x1a\xaf}w\xa2\x83v\xe5\xad2\x1c\xc0\xb0U\x8fZ\x8e9\x02\xe8\xfc\xed\xe5\x15\x9b\x8f]\xe3\x9cW\xe9h`\\0\xef\xa8N\x9f\xadD4h\xd9=~\xb5|\xfb!c\xb5.k\xc8\x91\xdb\x1e\xfd)P\xb8\xf6\x04\xd5\xed\xd62\xd4\x18\xb8\xe4\x8e\x15\xd5\xac$\xd3f\xfcqk\x8b`\x861\x1b\x9e\xff\x13\xbfF\xf6\xe9\xa5\xaewy\x0c]\xf9\xd01gC\xe63\xae\xdaq\x95\xb6\xcd\xd5\xcb\x8d\xdd\x95.2\x8az\xa4\x06\xef\x81\xe6\xa3\x0e\x89\xba\xc47rtp\xcc\x0c9\x85\xae8\x0b!.M\x00l\xbf\x83Jm\x97\x11\xb9\xc9)\x8eE\xdc\xe2\xde\xb1\xd7\xf0(\xd6Y\x91L\x01\xdc\x05\x18\x9f\xe6\x00b\x06\xed\x12\x9b\xc3\xa0e\xf7\xa4\xcd\x80\x03j\x8d\x070`\xc9\x1dMu\xcaZ\x97\x88\x88\xb2J\xc8*\x01~\x98\'|\xee\x03\x92\xfa\xc4\xde\x03xB\xac\xdb\x17m&amp;\x9cxn\xa2\xee9\xe6lH\x94[\xc9\xc2RpD\x04\xaa\xdbw+yT\xd3\xfe\x97Pu\x95\xc4\xcd\xaf\x95\x04\xd5\xbcx\xc8\xf6\xbb\xf8\xa9\xa9\xe5\xaeg\xdf\xc3#\xa83\xf3=\x1f\xd1WA\x1c\xbe\xfaq\x83\x81\xbb\x98S}\x16\xdc\xb0\x8a\xa8\x16\xc1O\x88W\xb6\x01\x8b5\xfd\xca\x86\xab\xca\x0f\xe2f\xec\xfd8O!\xbd\xadw\x00\x80y\x87\xbe\x12Q\xf3\xd1\x87\xa5f\x93A\xea\x85\x05\xe8\x0fY\xc4\xce\\\xdb\xb2\xee\xec\xf5I\x1f\xf9\x12\x08m4s\xec\xc6\x17\x91\xdd\xd6Q2qA\xa9m\x98\x1c\x8d\x87\xed3q*\x199\x87\x89\xca\xeb\x11\x00`\xfa\xee\xf7\x9cg\x15\x0f\xb4\x90@\x02\x92H]\x99g\xbfv\xf4\xfag\x00\xe2\xbb\x9fB\x8fj]\xd6z\x86t\'\xd6\xbc\x9f3\x1d\x803\x82w\xc4\xcd\x92\xb6hGr)GD\xca*\'_\xfa\x02\xf9\x0b\xbf\xd7\xbeK\xbf\xcd\xcc%z\x864\x94\xb5,a\x0f\x04\x01H\x17\xa4\x8c\x87\ni,:\xfe\x13@\x81j#\xc9\xb5\x9c\xd9\xc4\xd7\xbeC\xe0\xf66\x80\xa6\xca\xed\x89\x08\xc0\xfcF\xd5\xe8\xf5\xcf\xd6_\x81_\xa48_1\xcc\x87\xcc\xd8\xee\x1b\x93\xbe\xb8\x817=\xe1\xeafn\x96S\xb7L@.\x85\x9a\x8f:\\\xb4\xeed\xa1\xc9=\xaaS\xea*\\\'R*&amp;\x91\x01f\x15\xa6\xe4\x87\xe0P\x9c.\x8a\xfa=)Rg"s\xfb\x8d\x86\xec\xe1\x7f\x14V@q-ba0\xca\x01\xb6D*5U\x8d$\x91\xb1\xa6u\xcb\xcf^n\xc0\xf5\xff@\x94\x96(\x15\x7f\xca\xa4&gt;\x8d\xf3T6\x13B\xf1\xdawP\xd6:\xa4Q\xf1\xb3\x0ek.\xa2H\x9dI\x06\x07\xa7\xec\xf8\x17\xc0s W\xc5\xc1"\xf3\xf3\x10\x98n\xc2\x96\xd7\xfb\x9f\x08\xfa\xe4\xe7\x1c\xfcR\xa3\xfb\x06~g\xb4\t\xd8\x1a\xcey\x9b\x129\tK[l\xea\xaew\xfe\x86\xfe\xcb\nI\xfe\xd83\x18\xe5\xa5G\xebq\xc7t]\x8e\xddD\\p\nS\xb8\x83\xf4\x8av\xcc\xd5\x902\xd4h4t\xaf\ru\xc0\xe9\xaa5\x19\xbe\xdf&amp;$\xb1\t\xc4Ep\x8b\x1fTj\xb7L\xc1\xdc\x8a\xc7L\xa7\x94\x95L\x9f\x17jK\xaa\x0b\xcc\xa58\xc7^\xa3\xc1\xc0\x9d\x06e\xe9TUT*\x94\x88\x16\x1d\xff\xa9\xef+\xde$\xd5\xba\xacUO\x0c\x9b\xc1\xa5\xc5\x98#\x02\x1f\x88\x00\xec\xc9\xae\xcc/r4\x00_\xe5\x9c\x87\x04\xf0kH\xdaP\x7f#\x9d\x9c\xe6\x93\x08\x86y\x1a\xddf^TN\xd9J\x02\x81z\xcb\x12\xe9\xaa\x99\xbf"\x01\xdb\xe3\xcc[\xa9\x9fU\x96:\x00\xea\xf6\xdb\xa6l\xdd^u\x0e\xe7\xde\x832\xd7\x96\x99\xcf\xce{j5\x17\xcbN\x01\xc0\xfe\'`\x99\x9c\x16\xef\xae\xd2bL\xba\x08I\x8f\xf7\x0fpe\x93\xa2\xc27 W\xc5A\xfaG\x0b\x18\x86\xe6\x95\x80F1\xd3\x96\xc9\xa6\xa4\xa7\xb3\x14\x05[\xc7\x0e\xdf\xcf\xa3\xbb\xcf4\xf1\xed\'\x9f\x16\x95m\x8e\xf2\x03\xe5J\xc6E`\xf4\x94\x93olf(`\xa5\xb5_"\xa2\xcc\xb5\x98\xf7\xc2\x98\x87\xa5*$&gt;va\x02\xea\x93\xa5T\xaf#/\xf8\xaa\xab\xd8\xcfJG\xe9\xe6\xf3-2&amp;\x96\xe8\xccD\x8e\x95\xce\xf6;\\F\x07\x89Kh~xF\x9d~\x8b\xae3.J\xce_$\xd9\xc4^P\xa4\xce$K\xdaF\xdb\x18\x02Wq\xff,\x04\xd5\xa1\xaa\x9dVq~\xd2LC_\xa1\xf5b1%&amp;Sa\xd2\x1ch6\xc5\x0b`\xfb\x1d\x99\x85\xaa\xb6\x91\xae4\xfe5\xc71?\xf2G\x8cL\x9c\xab\x91\x12Y:\x13\x15"J\xa7DVj`\x7f\x13\x0b\xaf0\xde\xb8i&amp;\xecY5\xc8s\xf7\xa1\x10\xd2:\x92\xbcZ\x0bo)\xac\xbe\x80\x05G\xbe\xeb\x1f\xcb\xd4n\xd2)\xc9\x19\xca\xa1\x95\xc5Cp&amp; \x944:M(\x89Q\x92T\xe7\xe4?\xa8\xdd{\xb3@\xdd\x81\xcb\xff\x03\x00JS5[\xd9\xfe\xec\xe3\x9a\xae4K\x1d1%\x071W-&lt;\xf6\xc3\xc0!_{\x89\x1fR\xca\xd3o\x01\xc0\'|\x88\xe94\x8eO\x81|UGH\xca_\x87\xbf\xbc\xcb\xadC\xea"\xed\x95\xca\xaal\x8b\x85}\x17\xdc$\xaf\xba,\xdfu\xea{\x91\xfd#\xe1\xf7\xc8\xd1~\xf2\xe9\xb4\x81\nz6\xf6l&lt;t/Q\x81L\xa1=b5\xf1\xcc\xd5\x02\x80Cvq\xf1K\x0c\xa2\x18e\x0c1\x8c1\x15\xd5\xc3Zv\xcc&amp;G\xe4n~\xadJ5\x9dkIQ\x12`\x912\xa9O,\x7f\x8aL%z0Z\x99}\x16\xdc\xd0i6\x14\xaa5\xa1n\xdf\xadj\x0b\xa7a\xfd\x15Th\xb3\x04\x00\x91\x9f\xb9\xb4n\x00v?\x80\xb1\xbb\xb21\x1b\x9e\x03Xz\xea\xb7\xe9k3N\xd8\xf2z\xf2\xf6\x7fX\x99U\xb8\xf4\x85Kq:}\xa4\x8ciq^mn\xa6\xee\xc5\xfefH\xca\x90&gt;\xd2h3F\x06Na\x94\xacL\xd1\xba\x93lp,R\xa3\xdbz\x9b\xd3s\x96N\xc6\x12\x8dg\xf3\x9c\xae\xd1}\x832\xe5\xb8W"\x87`\xdd\xc7\x981\xa4\xdb\xad_P\xd5\xd5-\x80u\x97\xd1d\xf8\x01"\xef\xbcU\x86\x05\xc7L\x170\x93\xe6\x0f\xc3\x95\xe5\x1bl\xce\x054\xf3&lt;\xd3\x14\xed`mA\x120M\xd6\xba\xcck*RW\xa39\xbf\xf71N\xfe\xa3\xea\xde\x8dK\xdcO\xc6\xdb\x91\xc0u\xf9$*8\xc3\xccYa\x10\x91\'\xeb@\x86Z\xbd6k\x7f\xdb\xbe\x03B\x17\xf3IT\'k`\xbd)\xfc)\x004T\xda\xbdp\x8d\xee\xeb\r\x8e\xd4\xee\xbd\xb9n\xdfm\x9bo@\x17\xd5\xd8\xf2\xac&lt;\x8b?$\xdcJ`\xf4d\xb0\xdd\xbb\xba\x98\xb7\xe25M\xda\x91k\x9f\xb2F\xc3\x85\x00\x18Y\xb8*\t\x802-\x16d)\xd9+}\xb1.L\xa1\x81\xd1f\xea0\xbf\x06{\xb62\xfdlM\tTwk\x0e\xd9\x1bX\xb6d\xe3\xe9\x87\x83e\x05\xb0\x04\x0b\x8f\xfeGT\\v6I_\x02\x00\n\xd6`\x99\xf9d\xad\x9b\xa7\xb2\xd5\x8c\xe8,Oj\xfd\x05\xed\xc2%\x9b\xcc\xd1\xc4\xa2w-\xa7f\xf0\xce\xf8\x04\xbf\xcb\xe5\x1c\x00\xce\x7fT\xb8y2j\xef2\xe8Z\xf0j\x9d\xd7([\x16\xc3\xe0\xe5\xf7E^\x11\xcf\x17\xc6;N=[\xb6\xe5B\xe6w\x9b\t\'\xe4d\xa5\xa70\x9f\xa4$\x00\x8b\xb5AbtA\xbc\xc9)\xcc\xf4Y\xdb\x9a\xfe.=\xf9\x9b\xb9\xb5\xa2\xda\xa9U\xab\xb1G-\xe6F\xf1\xe6O\x0c^~\x9f(\x05\xb3\xd9\x17\xfft\xbe\xbcJ\xf7\x95\x9f\xc9\xbf\x80\xe9\x88dv\x85gh\xf7M\xd7!\xda\xea\xc6\xa3\x1a\xb9U\x98\xba\xf3m\xe2\xdc\x8d\x00\x10\x05\x12e}\xa9\xf9 \xbd\xe6\x1f\xf9\xfe\x08\xb0a\x95\x1f{!\x8d\n\xfan\x1c\xdc\xfc\xa9i\xc1U\x0e\xe6c\n\xc3`j\x00f\xee\xfbd\rI\x94!O\xe5\xa1y\xc2\xcd8\xbeP\x0egr\x0ce^_\xbd\xfe\xdbE\xeas\xc8\xc2\x9c\xde\x86\x8e \x19ac\x04\xa2dS\x13\xd1y5\xf3&lt;\xd7]\xd6|z\x00\xfe\x01(e\xa5\xf0\xf6\xcb\x15,\x88\x13\xa6\xe8\x1es\xae06\xd0j\x17g\xa7\\\xfe\x1f,\x15\x84Qe\x98\xf7\xfdC\xffMg\r\xebC\x0e\xc1\xe6/\xceX\x83\x88&lt;\x8a1K^\x19t\xbd\xc5\xe6\x1b\x00\xf0\xcbNj\x0f\x00\xdbX\x916$8f\x06\x80S\xea\xeej\xe8\xb0\x9e\xa7\x0b\x03\x8b/\x8f\xea\x00l?\xba\x8b\xad\x90*\x9c\x88\xa6\xee|\xab\xf9\xfa\xd2FX\xac\xe4\xbd\x8f0i\xdb\x1b\xb3\xc9rW\x1a\xac\x90&amp;?7\x81\xd1\x93/~V\xfe\x1bY{I\xb3M\x90\xbex\x17\x00[n"\xb4\xf1\xac\xab\xdfTo\xf7\x13\xe5\x88\x01\xd0`\xe0N\x00\xafXM\xa8X\xdd\xb7xL\xd9\x16\x0b\xdf\xdaI\xe7\xc2\xc7\xa2c?\xf4\xd6\xafXH\x9bx]\xf8\x84s\x1f@\xacM\x14\xc5d5\x8dghw\x19\xc1\x03\xd4E\xf0\x14\xc1\x14I\x8f\xbe\xb4\xffz\x96\x80E`\xbe\xb8\xaf\x96[\xb4\xcc-\xf0\x1b\xcfR\xaa7\xb9\x87\xab)I\xaeU\xe7\xd4\xfdLV\x9c\xc5\xe8\xf5\xcf\xc8\xad\xfc\xcas\xc8\\\xb2\x97\xe9\x84y(\xadR\x0e\xa4\xfc\x96\x9c\xfc\xbd\xf4\x94\xee\xbe\x1c\x12\xe5\x90\xb5!\x1d\xd1yu\x9a"\xd6\xd2)\x0b\xaa\xd6E\xc9\xbd-\x00E\xeaLT0C\xeb\xa0\xfd~\x9cK7\x9bg|\x1c@\x9c\x81&lt;/%\x9b\xcc18R\xb7\xefV&amp;\x07\x97\x02\xcd\x15\x13\xd7\x0ea\x1eB\xf2?\xfb!$`Y\xf2\tH\xe3k&gt;\x89Y\xbc\xeaZl\x90MT,i\x9eX\xde\x04IF\xae}\xcau\\\x19\xbdz\xcf\x90\xee\x9f5w\xca\xa3\x15\x95c\xc1\xd1\xff*wXa\xdaQ\x89F\x1b&lt;\xb4\xd1,\x96\x9d\xabIR\x15j\xd7y\xfay\xa2\x14\x03\x97\xde\xe5\xf5!*\x88\xda\xbd7[E\xc52{\xb9\x01\x00\xc6oy\xad`\x9e\x8e9\x1b2y+\x98\xa7\x0cRV\xd4\x05\xea*Xcl\xe1\xda\x13]}[\xb2\xa2Z\x9a$\x8b\x89\xa1\x9c\xae\x03\xe6\xed&gt;\xf9&amp;\x9d\xcc\xda)\x80v\x13O\xb2{\xf1\x02\xd5D\xf9\xd8\x94\x16\xed\xd8v\xf0b\x1e\xc2\x85O\t\xb3\xd8\x04l\x05\xa6N6Q\xc2\\Xl\x07lV\xe7\xdf4E\xa4L\xa1\x1c\x82\xe58\xed\xd2\'w\xcb\xb1G\xf9S\xf4Yp\xa3n\xdf\xadZ?_\\N.\x93h[\xc2\x0c\x91f\xe3M\xad&lt;\x87`MH\xb1\xe4\xcb\xcf\xa0z\xd7\xb5\x1d&amp;\x9f\xae\xdca\x858\xa9\x89\x88\x12\x8b\xbfD\x11\xbc\x9a\x0c\xdf\x9f\xd4\'\x96\xa9$\n\x06\x91\x13\x8d,+\x03A\xe8\xb9\x94[s\x11\x00x}:\x06\xf1g\xc7\xb9(\xcdf\xf6\x81/\xcbN\x83\xc7\xc3%\x11e+\xdbo\xeb-\xb4\x9bx\x8a\xbdu\x91\xaf\xeap\xfe\xa2\xd9|\xb1\xdc\xf8:\x0e\xe1\xf3~!0K\xfc\x94\xa1\x86R\x19&amp;`c\xa8\xad[\xa4&lt;f\xbfn"\xa2\xd4U\x84\xc4\x18^t\xecG\x92\xdc"6w-\xfe9\x9b\x8f\xf3\xad \xb3\x0f|i6\xea\x10Q\nr.\xcd\xf2\x83\x16\xe7?9\x96\x15\xeax\xc9I\x9d\xeb\x85@\xae\x80\x89\xd9\r\xf4rR\x17n\xbf\xe7\x11\xf3\xd6\xc4i\x8c\x9b\xb2G\x0f\xaa7Uh\x16N\x12\xbd\xb6\x95l2\xa7\xd3\xb4s\x80\xb1\xef3\xe1dM\x9e_\xe6\xf2\xa1\xb3\x15\x1c \xa6/\xde\xc5\xd4&gt;P\xf5\xaek\x9b\x8f:l\xe6\xfa\xe4e\xf9?\xd1\xf0\xf6\xcb\x01\x9cx\x03\xa2\xc22\xc44\x03c\xde\xd8b\xf4\x11\xf5\x8a\xe0\xc0\xb5\xbc\x85\nJ\x17Q\xb9\xfd\ns&gt;\n\xe2\'\xc6{\x16v\x8b\xa7\xf9$\xb6\x89\xe9i\x81W\xe9\xbe\x85jM(\xddl\xbe\xfcB\xda\x8c?^26\xee]w\x9avNB&amp;\xb9+\r!\xca\'!p\x82O\xf8\x90\xfe\x8bo\xb3\x0e\xa8\xed\x9c \x11\x11\x91[\x85Z\xbd6\xe9\xbb\x1a\xd5H\xder\x8cn\x0e\x9dZ\xd7\xba.=\xf5\xdb\xd8\x81`X\xb3yF-\xb0\xef\xdaKP.B\x91\x0e\x9b\x0e2\x96.\xa8\x93l7\xa56\xe6\xbfz\xec\xc6\x17B\x92\x05D\x8d\x03@\x94\xccd\n\xaf\xe8\x0c\xc5\xbbR\xaa\xca\x9e\xa1\xdd\xf5OhG\x9d\x89B\xaav\x92\x19A,\xaf\xf9\xa1z\x1c\x99\xe5\x95e\r2\xd6\x00\x84\x86I7A~\xa2\x14\xec\xffK\xc4\xce.XC\\\xdcr5\xd8\xf7\x98yk\x9c\x13DwKJ\x92\x80\x15Qd\x93\x18\xc0\xa8u\x7f\tQ\xb76`\xe0\xd2\xbb\xba\xd2w?\xc0\x90\x15\x0f\x98\xdf\xc9\xf27\x93)\x12/\xa95\x9a\x1f\xda\xa9\x9bW\xe9&gt;F\xde\xb3\x8b\x01`:\xe61\x1b\x9e\x1b\xa8\xe0\x10\x91S\x9e&amp;\x00\xf4\xb7\xf3\x83n\xfe\xb4Qc\rk\xe0\xd6o\xd1\xad\xe1k\x9e\xc4\x0c\xdaemIl\x95d\xf9\x14\xa8\xe5B?\xe0l\xf5\x18\x9b\xb9g\xf6\xa7\x9b\x9e\xcd\x9c\x05vFS\'\xf6?\xc5\xc2\xa3\xff\x19lM\xd5\xe8\xbe\x81\x92\x95VH6\r\x8bO\xfc\x12yEN\xa2b\xa6\xce9do\xa0\x82\xa9\x8cmyr\xb0\x1d\xb2\x97\x1b\xa0\xf3&amp;a1t\xfa\xba\xd3v\xbf\x97\x1fZ\xb5f\x8f\rSw\xbe\x9d\xb6\xfb\x9d\xd8\x0bW\x9d\x8fk=\x9a\x0c\xdf\xcf\xd8L\xb6\x9ft\x9a\x89\xb2\x9c\xaf\xea\xf0\xfa\x03v\xa8\xa1\x97\xa4[\xe4\xaf?`g\xc7\xa9g\x01\x1cz\xc6\x88\x91\x8c\x9d&amp;Q\x8e\x18\xa2Tc6&lt;\x17\xf2\x82B\x1b\xcd\xd2^\x92\x00\x11\x15\x08\xaa?\x95R\x9bWdS\xd5-\xeb\x1fA\xd3\x91\x07y\xcf3&gt;\xa2\x1335\xfe\xa7\xfdu\xc0f\x00`\xca\x86r\xfc\xe6W\xc6\xb1];N9\xabt\xfc\x10Oq\xfd%\x9f\xc3#\xa2D!Z\xd5\x12\xcb\x90D\xfb#=\x00\xca\xf4G\xb8\xba\xd4\xc1|\x14:G\xee\x81\xd1S\xcc\xbc\x1d[\xc5#\xa8\xb3\x04W\x1b\x03\x96\xdcy\xa8k\x102\xd5\xa2t\xd5\x88\xfc\xf6=F\xa7i\xe7(Y\x99\xbe\x0bo\xaa\xa7\xc5}\x0f\x86\xe4\xae8\x18\xc0\xb0U\x8f\x98\x04I}\x1a\xc7\x0e\x13\xa1\x07W\xa9\xed2\xcb+\xc4$ \x10\x7f9\n\xc3\x8bh\x86\x16\xbd\x00\x00 \x00IDATO\xfc\xa2\x8c5\x95\x13Fq\n\x08I\x04\xe0\x8d\x95+\xa8\xf2a\xb3\x18sjS~\x19\x8b7\x98\xceq\xd4=\xbc\x899\x05KQd\x0c\xe9^\xab\xd7&amp;\xa5r\x1b\xb3\xe1\xb9YmRe\x19\xb7\xe9\xe5\xf9\x0f\xf0\xd0&lt;\xc9?\x0b\x00\x9d\xa7\x9f\xd7\xf9\xdd\xfd\x04Dt^m]\x91\xa4\xe0V\xa1|\xab\xc5\x12\xae\xcb\x1f1\xa2\xfb\xec\xcb\xacAX!"\x1a\xbd\xfe\x19\x80&amp;\xc3\x0f\xcc\xda\xff\x99\xe9\x1a=C{\xe8\xce*G\xfe6\xe3\x8f\x7f7\xea\x86\xbb\xcf\xbe\xacK\xd1|\xf4a\x19\xf9g\xa3t\xe6\xed\\\x8c\x01 2\x10\x0b\xbf\xaf\\\xbb\xe1\x97J\x83\xad\xa5\xa7~\xbf\x01\xc8A\xa2o\xebs\x1f\xcc\xa8D2:\xd5\xf2\xad\xd0$3z\xfd\xb3\x86\x83w[\xabt.D\x07\xf1\x96\x03_\xa5\xf1\x8e\xce\x10\xdcU\xf1P\r\xc6T\xe0\xd0\xd2$\x891\x9a\xdc*\x08\x89\xfd\xac$n\x15xO\x9b\\\xe1\x97\x8a%\xc3\x90\x88\xd4KJ^V\x1d1\xd4E\xf2&lt;\xb5t\xb3\xf9\xeb.\xc3\xc0\xe26\xb2\xdbz\x00\xb3\xf6}\x1a\xb7\x89\xf1\x9c\xabq\xac\x91\xb9dOe\xc4\xd5\'f\xd0.\xa6\x94\xc0zS\xb2\x97\x1b\xa0\\\xc6\xee\x1b\xaf\xc5=\x13#E\x1cnz\xcd\xbb&amp;\xf6I\xba\xf9\xb5\xca\x14\xda\xc3\xd8\xbbx\x8b\xd1G(\x9b=y\xe6b/?(K\x81\x94\x01mxN\xa7(\xd8z\xe4\xba\xbf\xf4\x0ee\xa9\xcd\xd6\xd3\x01`\xc2\x86\x9d\x88\x88&lt;\xaa1\x15\xc8\x9c!\xbc\xca$\x0e\x95\xad\xaf\xa4\x0c\xf2&lt;[)O@\xd48\xfe\x04~\x91\xa3\x0b\xd5\x1aOIK*U\xe2W\xa0\xd5\xd8\xa3\xd24Z\x95\xa0\x88\xce\xf4\xa5x\x0c\xd7\x1a\xc0\x1fC\xbd\xfe\xdb\xad-\x82\x05\xf0Z\x7f\x05\xd7\xbe\x8b\xed\x80\xb3\xc4\xf9\xe64\xa2Z\x975\x91\xdd\xd6\x95m\xb9\x90IP\xac\xc1\xb4\xbcU\x86\t\\iS\x83\xaa\x9dVo\xb9\x89\xf3\x1f$Z|$\xc9\xdd\x18\x00Q.JS\x95(\x7f&amp;\xcd\x84^!\xd2VeB\xd6\xb2\x8fy\x95\xee\x03\xa0\xcb\x8c\x0bJ\x16\x14\xbf\xf0\xd5=2\xe7\xbcM\xc9\xd9\x9cV\x8e\xf2\xda\xed\x8a\x93\x1c\x88\xd3c\x14\xcc\x9f\x15E\xb8\xcf\x82\x1b\x9c\xc7w\xdcEh\xa3\x99\x8a\x15\xe3\xce,\x87XG\xed\\\xbfU\x8do\x81bD\xa2\xa2\x11\xa0\x9d\x93T\xb7\xea\xcbZ\x826D\x97&amp;_\xc4\x08K\ng@\xba\xc0N:I\xaaw]\x9b1\xa4[t?\x13C+\xaf\xba\\\xae\x14\x92\x7f\x05(S\xad\xfc\x11#\x89\x02\x94\xf6;\xe1B\x94\xb9X\x83i\x06G\xb5\xc1p\x130A\xf5\xaek\xad-B\x02\x96\xe6\xf2\x17S\x13\x05\x1b\xf5\x95-\x81u\x97\x01\xa0H\x1dKk\xf6&amp;`_l\xb8\n\x009+\x0c\xe4O\x06`\xcf#Xx_\xc9\x98\xca\x1dVl\xb9\t\x00\xcdF\x1e$\xa2\x9d\xf7\xd0x\xe8^\xe3d\xa6W\xe3M\x0e2\x12H\xe0\x0f"Q\xce\x18\xa2\xe4\xd6\x96B\x8f!+\x1e\xa4*\xd4\xce\xdaR(\x8ar\xae\xca\x12\x10\x83e\xd6\x1bR\x8a\x0e\x8d\xca\x05\x80\xff\xecV\xed\x8e\x89\x87h|\x1c\xc0G\xae\xe37~ \xf8\xcf\xde\x8e\xb1s\x04\xb8\x9dK\xea\xa3\x94WUK`\xad\x15\x12f\x88:\xfb\xc0\x97\xf9\x87\xbfYE\x80\x04,I\xc6\x90n\xd6\x16\xc1r4\x18\xb8\xd3"\xe5\xa4&amp;*\xa8PV\xf6\xeeL\xde\x10n?\x07\x89KH\xd6S\xb3GR\xfa\xb79\xf0\x14\xca\x04\x14\xb1\x19\x02\xe4g\x11\xd5s#\x97\x93\xa3\\\xf2s\x16OZ\x00/\xe36\x81,\xc7W\xe0%@\x94I{@\xaeNl\x8b\xd1\x87\x85\xc5\xb7I\xc0\x1aH2\x05I\x802DZ[\x82\xf8\x83\xab_\xcb\xf3\x1f\xed&amp;\xf8\xbaI\x92\x88\xd2\x12U&amp;\xc8U\xfc\x81\t"\xbd\xf6\x92A%H\xb5\xf7\x912\xd5B\xac\xf1(\xdb\xf6N\x11\x01D\xe0\\Z\x17\xb4D\x94\xe2{\x856K\x88\xb2\x10eb\x8b\xfdG\x8dm-\xc0\xff\xd4y\x9eo,\x17\x857&gt;0\xf7\xd0Wk\x8b\x90\x80M\x91BR\xa0\xa7\x04\xf8q\x0f\xbf.\xda~@!\xd2Fx\x95\xees\x1f\x96\x1e\x18\x8e\\\xfb\x94\xd5e\xa6Y|\xfc\xa7\xa0\xcb\xb2\xd5\xcf\x14\xda\xa3Z\x975D\xe9)Q\x08\x93\xc3\x17\x80\x88.~B\x91:\x93\xec\xd4\x81Q\x02\t\x98\xc1\xac\x81\xc6\x1f\x8dRK\xf1\xca\xa2t\xfc\x06\xf7\xf0\xe21\xd3\xc5\xc45\xe1\t\xc9,\x0e\xdf\xea\xa3)\xb9\xf9\xedW{e\xef#|S\xa3\xff\xcbP\x83\x88\xca\xb6\\\xa8|\xce\xb2\xd9~\x07\x00\xb4\xce\x1f\xdc\xb5\x16;fh?\xe9t\xd6\xb0\xde:\xdd"\xaf\xb0&gt;\xb1\xc3\xf6k\xd7\xb1=\x88&lt;\xd7\\L\x98\x04\xc77\x1cs5\xb4\xb6\x08V\xc7\xe1\xbe\x89\xf6\xc1\xa3Xg\xe6G\x9a"\x1d\x14-1^m\x1cZ\x1c\xff\x90\x863\x0b\xd7\x9e`\xb5\xf2\x19\x0b+\xe5t0\x99\xa9N\xbd\xfe;\xa4\\\x9c\xb3\xc2@\xb1Z\x06G^\xa0D\xe3YR\n\x13I\x81j\xa3\x88\x08\xfa!-\x19\x82L\x05\xe5v\xab\xa0[\x1b\xd4\xfa.\xe7\xa0P\xad\xf1\x94\xac\xb4\x04\x97.VB\xa0\xd7\xa7\xe4\xa6\\2\x85\xb7_\xae\xe6,!\xb7j9\'\xc0G\xb5.k\xec\xa4\x02\xabH\xbe\xaa#L&gt;\x04\x8f\xeaDDIK\xf1o\xc14\x1e\xb6\xef\xf5\x1f\xff\x18-\x87K9\xcd{\x11C\xeeJ\x83\x93\xfa\xc4f*\xd1\x937\x0e\xbduB&amp;\x0c_\xfd\xd8\xd0\x9d~\x9a\xaaB\xbdo\xce\xd8\xf3\x81\xedYT\x08\xda\xda,\xd7\xebi\xf6r\xfd\x99\xac\xc4:C\x01p\xfa-8]\x1b\x12Q\xa5\xb6\xcb\x88(\x7f\xc4H\xb3m\x93\x95vFM\xd6\x926\xe3Op\x1d.\xea\xe2\xdb\x82\xebx\x02\t\xa4\x9a\xb5\xff\xb3\xb5e\xb02\x9d\xa7\x9f\xdf~\x87\xfb+\xceUaP\x83\x81;\xcd\xaaq0ge\xc7l\xb7e\x1c\r\xb7\x9f\\\xcb\xab\xd4\xfa\xa9\xe4\xa9\x91(\x1d\xa5\xe5q\xf4\x94m\xf1\x89_\xcd\xccD\xdc\xb1I\xa2\xfbm\xe3s!\xc9M\x1e\x00\xbd\xe6]\x93Sn\xa1Z\xe3%\xab81\x97\x1c~\xae@\x88P\xcbw\xc0~\x91&amp;\xe3\xecr\x9a\x07\xf4\x99\xcf\xed\x97*\xfe\x92\x89\xf3h\xea"\xed-,\x87=\x91\xa9\x96\xa93\x15\xdb.\xb5\xa4 \\da\xfd.`\xc9/\xee\xd0\xb3\xb8\x16\xc6\xa4zN\xc6\x1a\xdav \x8d\xc5\x04\xe3\'\x89Oc\xcaV_A\x8b\xcd\x86\x83w\x03\x98{\xf0\x7f\xba\xb0\x89*\xea\x96\x8a\xd3C\x16N\x1e\xa7&lt;ML\x15)\xe9v|$\x84\xc6R\x01\xf7J\x02\xb7\x18u0\xb7Z\xb8\xceD\xdd\x91\xab\xdf\x90$w\xe3\x9c\xe5\x07^\xfe\x9f\xf0G\x10\xe7\xe6m\xc5\x19\x83\xab\x12\x11e5+\x80\xfc\xda\x03\xe0\xbb\xfa\xcd\xc1\xab\x84\xd5\xad\x04\xacH\x8a\x8a\xd6\x96@\x0fc\x7f\x84\xea1p\xe9\xddU\xe71t\xe5CS[3\xafy\xe7\x00\xc7_#\xaa\xe7F\x95e4\xa4h\xf4d\x00\x8d\x86\xec\t\x8e\x99\xc1\xef\x9f_\x14_\x80\x0b\x9f\x00\x8d&gt;\xa9\xab\xe9\xbb\xb6\xd1\xed\xa4A\xcb\xeeQ\xa2\x10\xees\x19j\xa88\x9eP\x1d\xb7\xf2\xa2\x92\xebn5\xb2\xdbz\xe6\xc8\xf0\xd5\x8f\x01\x0cXrG\xfc#(\xb6\xe9:\xc4G\xaa\xcab\xfaq\x17l7\xf1\xa4\xee\x9f\x94\xfe\xad\xf97\x1bz\xcd\xbbf\xb6\xf4\xf5W\xd0z\xdc1\x91\x12\x12Qb\xdd/\xc1\xcf\xc4[|)\t$`\xcf(\xecpX4\xba\x96d\xd9)\xc3\x8f4\xbc\xfdr\xab\xb4\xe9\xd5\xba\xac\xe91\xe7\ne\xaeM\xe4\x11\xe7\xdb\xd23J\x01I2\xd7f\xee(K\xa9\xde\xf3\x0e\x7f\x93rwfb\x82\xa9\n\xbfg@\xaf\xb3\xef\xed\xb1\xf7\x15\x0fk\xc8\x88\x81K\xef\x129e\x08\xee\n\xe0\x1f\xed\xc1\x1e\xb3/\x1b\xf9\xcd\x10\xe4p\xbfV\xafM\xb1\xc3E\x04\x976\n#\x9f\x9d\x11\xa0H\xddI:Q+\xb5[&amp;"C\x91&lt;\x12\xbao$\xc8%\xde\x85O\x7fF\x05\x8aW\x141=c\xe0Q\x15I@:&gt;\xe1C\x00(\xa2n\x93\xaaP;\x00\x13\xb6\xbc\xfe\x04\x94n6\xdf\xe0\xac\x8bo\x0bm\x17\xa5\xd2\xd2\xb4\xd9l\xddu+\xc6w\xc1\xed\xd5Y,\xcc\x1d\xe5\xae4x\xee\xc1\xff\x01\x10\x12f&amp;U\xe1\xf6\xc5\xeak\x16-\xdaN&lt;\x99\xe0\xc0\xd5\xca\xb0;\xe0_@\xfa\xe2]\x88\xfctGZ\x8c9r\xf0/\xed\xf4\xd4`_\xca\\\x18\xd1%\'~\x19\x7f\x06\xa2\xe8\xb3\xe0\x06\x00\xe6\x13\x05\xe0[}t\xae\x8a\x83\xe5d\xc8KA\xe5F\xc7\x8eD)\x9a\x8f:dx\xd8\xad\x82\x82\xc6j\t\x08a\xc6\xde\x8fb\x92\xfb\xe8\xb6o^j\x1ak\xefT\x85\xda\x11\xf9\xe9o|\xaa\x8bw\x99\xbe\x16+\xcb\x16\x08k6O\xa5\x9c\x97\x9d\xd6\xfb\xa2\x99f$\xba\xdf6\xe5K\xcaZGL\xeal\xbc\xfaG"\xb8\xf0\x91\xa9\xa5\xbe\xc2\xa3\xf0\x8e^\xff\xacP-\x8d\xc9P\xe5\x0e+\xc6o~\xa5\x88$v\xc7\x86\xab8\xf8\x0c\x96\xfc\xae\xb9\xd1\x85\x86\x1e\xb0\xe4\x8eo\xf5\xd1\xccA\xe6\xc8\xe8\xf5\xcf\xc8;\xfa\x03\xf4\xa0D!\xe4\x18*\xad,\x00U:\xae\x14{\x95{\xa1\xb6\xda\xa1\xab\xe2a\xd2\xd9\xb8L\xd8\xf2Z`Js\t\xb8\xa7\xc8\x00B\x1bY\xc2\xdcK\x12n:#K\xa5qR*\xa3\xa5\xdauE\xf6\xc0\xce\xb7\xfa(S\xe9sW\x1a\xfc\xd8x\xe0\xc8K\xfd\x01\x1a\xe3?\xa6\xcam\xbc\x06\x00MF\x1c\x90$\xafd\x8aX\xb68~\xe2\xcf\x90\x91y\xa7\xeb.A\x82bQ\xba\xa0N\xe1\xed\x96\xab!\x95&lt;d\xbd\x1d\x87\x1c\r&gt;\xd8\xe5&gt;\xab\x02\xf4\x98s\xc5`|f5\x8c7\x0fJ\xc6\xce\xa6\x94\x95\x0c\x12l\xbd\x15\xd7\r/&lt;\xf6C@\xc6\x89\x0e=C\xdf\x857\x89\xfc\x89\xa8n\xdf\xad\x00\x1a\x0e\xde-V&lt;\x8fb\x9d\x8d%T\x98\x0c\x91\xd3v\xbd\x13\x9cZ\xae\xbd\x96M\x92\xae-k\xbb\xdd\xc6\x81`S7W\xbf\x96\x94\xbc\xaco\xf5\xd1\x00\xdaM:e6}\xc56Z\x1d\xe3,u:M=7~\xf3+\xf16\x05\t\xd8,\x85\x89\xdcj\xf6\xd8P\xa7\xcf\x16\x8e\x93IJf\r\xeb\xc3\xf8\xf3a\x13\xd9m]\xc7)gUo\x82\x14\'am\x99\x17\xcd\x0c\xd3\x16\x88\x9b\xddji:\xe2@\xa3!{\x88\xf2\x18\'\xae\xd7\x7f;\x80z\xfdM\x84\x86\xd6\'K\xa9\xdey\xab\x0c\xaf\xd0z\t\x11-9\xf9\x1b\x00yF\x11\x91\x18\x07cD\x94\xb4\xe3\x943\xb1\xc3\xc4l\'\xc7\x91RP\xaa\x0c\x91\x8d\x86\xec\x91\x94\x7f\x1cv\xf6}\x1a\xe0\x1e\xee]\xa6\x9f\xb5\x85\x10\x850\x1f\xcb\x89BR\xf8\xb7n=\xee\x18\x00\x05\xe7\xe2&amp;\xc8@\xcea*\x17\xf1g1c\xcf\x07\xff\x9ac-RTQ]3\xb8\xe3\xae\x91\x9b\xa0\xfaS\x01x\x86v\x17\x9fm\x0ek\x19\xfd\xd7\xec\xc1\xd6\xf7\xf6N\x94#\xc6*b\xd8*\xce\x00\x96\x1bZ\xebX\x89*\x1dW15o\xdfc\xa1\x02\xb9\xf9\xb5\x12\x9e\x7f\x89\xc6\xb3\x89\x88\xdd\x9dw\x98r\xc6"\n\x93E\x93\xe6\x89%\xa23o-1\xd8a\r\xab\xf3\x10\xb9\xaaX\x92W\xb4\x8a\x99\xc7/J\xc6\xce\xf1\xad&gt;\xda2avF\xae}\xda|\xf4a\x0b\x14d\'\xb8\xcb\xce!\xdf\x9c\x83\xff\x9b\xb8\xf5oJ\xaa\x92)j\x1c\xd7\xff\xd3\xdfh\x8b_\x846\x9a\x95\xd4\'\xd6v\x0c\xa3m\x81\x9d\xf7m\xe9-\xc7\x0e\xdb/\xae\xe6\xa5\xaa,\xa78\x87\xec\xf5\xb5\x9ax*\xc6\xe6\x04\xe0\x13&gt;\x94\x88&amp;ly=\xcf\xa2\x81x=\xf7&gt;\xc2\xf9\x8f\xa0\xb4\x11\x02\x1fi\x9d&gt;[\x01\xcc&gt; \xc3\x0bR\x9cEA\x9ad\xf9\x9aJ\xcfG\x04i-R\x8a,\xd6^\x029\x04+\x99\xa3iu\x9b\x85\xc7~\x08\\\x19\xfa3\x90\xe7\x15!C\r"\xf2*\xdd\xf7\x1d0q\xeb\xdf\xba\xc3\x19\x83\xbb\x01\xe84\xf5\xacL\xe1\xf4\xc9\xce\xf2\xf7\x94\x98/!\x1f6\xb73U\xaf\xffv\xcd\x92L\x9a\xaaD\xd9\x89\xb2[Y\xa0\x04x\x98\xb2\xf3\xad\x8aC\xbf\xcc\x06\x8a0\xc5\xb4?T\xd47y\x10w;\x96\x08\t\xd7y\xfay\xdd\xef\xa6#\x0eL\xda\xf6\xa6B\x9b%\x02\x1f\xa9v\xf4#c\xde\x9cB\xd7\x01\'\xa3\xacu\xa5\xe7cmJ7\x97\xa59\xaf6\x93\xb6\xbd\xb1\xb6\x08\x7f\x14iXmE\xdcfY\xb6\xb2\xf6\xb5]b-\xb20\xde\x08*\xb7_\xd1\x7f\xf1m\xc7\x9c\tq&gt;\xd4@9\xf7[F\x1e\xacTg\xd4\xba\xbfv?`\xfa\x9e\x02B\xd2_\xfd\x06\x00\xb5{o&amp;\xf2\x90\xac\x8c\xad\x1a\xc6J\xda\xe9sV\x18h\xf6\xb2-7\x95Z\xf5J\xc6\xbf\xa2`\xa9\xed\xb4?\x81d\xd6\x16\xe0O\x84\xe9}\xe7\x1c\xf8bmA\x04\xe2/&amp;qN\x95\x84\xb00\xe9\x02;Y[\x04Kb\x07\xab\x80l8\xdcTM\xde\xf1\xaf\xc1\xeaw\x93\x11\x07\xf8\x94\xe3\xdd*x\x86\x</t>
        </is>
      </c>
      <c r="E471" t="inlineStr">
        <is>
          <t>&lt;class 'numpy.ndarray'&gt;</t>
        </is>
      </c>
    </row>
    <row r="472">
      <c r="A472" s="1" t="n">
        <v>470</v>
      </c>
      <c r="B472" t="inlineStr">
        <is>
          <t>steps_per_sec</t>
        </is>
      </c>
      <c r="C472" t="n">
        <v>6800</v>
      </c>
      <c r="D472" t="inlineStr">
        <is>
          <t>5.4010396</t>
        </is>
      </c>
      <c r="E472" t="inlineStr">
        <is>
          <t>&lt;class 'numpy.ndarray'&gt;</t>
        </is>
      </c>
    </row>
    <row r="473">
      <c r="A473" s="1" t="n">
        <v>471</v>
      </c>
      <c r="B473" t="inlineStr">
        <is>
          <t>Loss/localization_loss</t>
        </is>
      </c>
      <c r="C473" t="n">
        <v>6800</v>
      </c>
      <c r="D473" t="inlineStr">
        <is>
          <t>0.0021115304</t>
        </is>
      </c>
      <c r="E473" t="inlineStr">
        <is>
          <t>&lt;class 'numpy.ndarray'&gt;</t>
        </is>
      </c>
    </row>
    <row r="474">
      <c r="A474" s="1" t="n">
        <v>472</v>
      </c>
      <c r="B474" t="inlineStr">
        <is>
          <t>Loss/classification_loss</t>
        </is>
      </c>
      <c r="C474" t="n">
        <v>6800</v>
      </c>
      <c r="D474" t="inlineStr">
        <is>
          <t>0.13005082</t>
        </is>
      </c>
      <c r="E474" t="inlineStr">
        <is>
          <t>&lt;class 'numpy.ndarray'&gt;</t>
        </is>
      </c>
    </row>
    <row r="475">
      <c r="A475" s="1" t="n">
        <v>473</v>
      </c>
      <c r="B475" t="inlineStr">
        <is>
          <t>Loss/regularization_loss</t>
        </is>
      </c>
      <c r="C475" t="n">
        <v>6800</v>
      </c>
      <c r="D475" t="inlineStr">
        <is>
          <t>0.0374268</t>
        </is>
      </c>
      <c r="E475" t="inlineStr">
        <is>
          <t>&lt;class 'numpy.ndarray'&gt;</t>
        </is>
      </c>
    </row>
    <row r="476">
      <c r="A476" s="1" t="n">
        <v>474</v>
      </c>
      <c r="B476" t="inlineStr">
        <is>
          <t>Loss/total_loss</t>
        </is>
      </c>
      <c r="C476" t="n">
        <v>6800</v>
      </c>
      <c r="D476" t="inlineStr">
        <is>
          <t>0.16958915</t>
        </is>
      </c>
      <c r="E476" t="inlineStr">
        <is>
          <t>&lt;class 'numpy.ndarray'&gt;</t>
        </is>
      </c>
    </row>
    <row r="477">
      <c r="A477" s="1" t="n">
        <v>475</v>
      </c>
      <c r="B477" t="inlineStr">
        <is>
          <t>learning_rate</t>
        </is>
      </c>
      <c r="C477" t="n">
        <v>6800</v>
      </c>
      <c r="D477" t="inlineStr">
        <is>
          <t>0.079958774</t>
        </is>
      </c>
      <c r="E477" t="inlineStr">
        <is>
          <t>&lt;class 'numpy.ndarray'&gt;</t>
        </is>
      </c>
    </row>
    <row r="478">
      <c r="A478" s="1" t="n">
        <v>476</v>
      </c>
      <c r="B478" t="inlineStr">
        <is>
          <t>train_input_images</t>
        </is>
      </c>
      <c r="C478" t="n">
        <v>6800</v>
      </c>
      <c r="D478" t="inlineStr">
        <is>
          <t>[b'640' b'640'
 b'\x89PNG\r\n\x1a\n\x00\x00\x00\rIHDR\x00\x00\x02\x80\x00\x00\x02\x80\x08\x02\x00\x00\x00\x83\xaf^t\x00\x00 \x00IDATx\x9c\xed\xddw`\x14e\xfa\x07\xf0\'$\x04BH\x08$!\t-\xa1\x85\x0e\xa1\xf7\xde{\x95^\xa5\x88"\x88\x82\xa0\xd8\x00\xc5\xde{\xef\xbd\xf7\xde\xf5\xec\xed\xbc\xb3\x9c\xedg\xbb;\xdb\xe9\xa9\xa7\xde\x9d\xa7\xcf\xef\x8f\xd9\x99}g\xe6}g\xde\x99\x9d-\t\xdf\xcf\x1f\xb0;;\xe5\xdd\xcd\xee\xbc3oy\x1e"\xaa\xc7\xcc$\xc3\xccD]\xa5/\xe9*\x9a\xfcul\xe7e\xd6\xb2\x86]\xf7\x15W\xe93\xefT""*\xb6o\x99\xc5\xccT:\x83h\xe0\x8b\xdfr\xbc&lt;\xf9\xe3\xac\xd2\x8a\xc5v\xbc\x05\xe3i\xf9\xe0CN\xb9\xe3\xef\xc6\xe3\xf9\x87\xdf-\xbc\xd4\xc9\\1\xcf\xbemS"\xa2\x8a9\xba\xef.w\xa4\xb5Of&amp;\xaa\xe7x\xdd\\\xee(X\x0b\xa2|\xe9\xfe\xd8\xd4\xb0\xcb\xbe\xd2\x15\x04\xf5u\x0b\xe9\x94\x1dv\xc3\xbd\xcbG\x8a\x1f\x05\x00@*\x18\x95\xc1QW\xfd\xc5\xbd\xbc\xe3\xc4c\x82\xef/\x8f\x88\x88:Q\xd1dk?\x97?\xfd_\xa2\x96D\x14\xab\xe9[\xef\xe3\xd8f\xe7\xb5\x1f\xc8v\xd5\x91h\x90\xf9\xb8=Q\x17""\xea`\xbd\xbc\xe9\xac\x17\xa9`&lt;\xd1`\xa2n\x8d{\xae#"*\x9ad\xbd:r\xdf\x8b\xcd\x87\xc5F1\xa8`\x02Q\x11Qo\xa2\xfaB\x95Y$\x1er\xed\x89O\x19\x0f\x9e\xfe\x82)o\x8c\xa3f\xed0\xe1\x18\xf7u\x8c}IS""*!"\xa2\n\xd9\x9b\x12\xf5\xf3[\x01\x92KuUZW\x8f\x0b\x00\x19\xa4I\xcd\xfe]\xa7\xefQ\xbd\xca\xccD\xfd\x88j&lt;\xf7\xd1\xd8z\xb4\xe7\xa6O\xf4\x0e\xdb\xd6\xb5$\x8b\x88&amp;o\xb86v7\x99=\xd4&lt;\xba\xfe-`\x81\xb9I\xe3\xb3\xee\xfb\x87\xb1\xa8\xa4\xff&amp;\xa2\xfc\xbe\xfb\x9cF\xe5\xb3\x89h\xdb\xc5o\x12\xd1\x9a\x13\x9f$\xa2\xacv\x8b\xdd\xbb\xe8&gt;\xe3\x04"\xa2\x16s\xa5\x07`\xd7]~L\xbd\xa1\xae;\xfb\x98\xbc\xae\xbe\xf7\xb8\x10P\xcby\x11\xee\x0c\x15!\x00\xa4T\x83.\xabB\x9cwv_\xff\x11Q\xbbd\x94\'I\x98\x99*\x17X\xed\xbdDD\xcdgR\xf9\xac\xdcN+b\xafR\xbd\x8f\xed\x9fC\xcb\xe1\x87\xfa\xed\xb5\xafdY\xde\x18\xfbsU\xf3ok\xadr\x87S&lt;5\x81\x8dK"+\x06\x11\x11\xb5\x1c\xbe\xcdl\x08\x89\xbb\xe3\xcfu\xbd\xaak+\xb9\xa4\x03\x00pk*[\x98KD\xc5\xfd6\x06\xdcUnb%)u-i\xe3\xbdA\xcd\x9c\x93\x89\n\xbd\xd6h1\x87\xa8\x99u\x91\xb1j\xcfc\xb1\x06j\xa2\x16\xc3\xe2U,3\x13\xf5!\xea\xad\xdeQ\x05Q{*\x996\xe7\xd0\xdb\xa4/G~\xff\xd4~\xdcQ\xd1\xee0c\xe4\x105Ow\x19\x00\x002\x92\xa2.\x91\x0c#\x92\xafY&gt;\xcbc\xe7\x8d\xba\xaf1\x1f6\x93\xaf\xd1b\x8e\xd9}\xeb\xe8\x16\xb5\xfa\x80i\xf4\xeaK4+&lt;f\xf6\xbf\xdd,\x98\xa0\xb3+\xd1\x84\xf5W\x11\xd1\xe6s_\t\xba\xa1\xbeW\x7f\xac\xeb\xb7\x89\x99a\xed\x89O\xa6\xbb\x08\x00\x001\xd5\xd2\x81\xd0+\x8f}D\xb6\xb2\xbbn\x1b\x18y\x81\xd4\xda\x12\x95\xffj\xd4\xc4\xf5\x86\x125\x0c\xb5\x13\xf7[\xe8$Y\x0b\xb4H[S\xea\xba\x92\xe9\xe9.\x01\x00\xd4\x15\x81ZS+G\x1fn_\x90`\xdfpnZ\xc7\xc2t\x17\x1e\xfb\xcf\xde)\xacY\x1f\xd1q[j\xae\xd7c\xe6\t\x11\x1d\x11"\x96Ac\xb8\x9aLLw\t\x00\xc0\x87\xf7|_g/]\xfd\xea\x15\xd1\x1e&gt;\x83NX\x99\xa5\xbb\xff*\x00\x00PK\x85\xa8\xfc\xc4M\xca\x87\x1c\x12`\xcb\x06\xa3\x88\xc8\x98\x1a\xe4P&gt;8\xc8~R\xa5\xfb\x8c\xe3\x89z\xa4\xf0\x80\xfdSx\xacd\x08\xdbb_h\xbbQ\xc3\x05\x19\x00\xec\x15\xc6\xac\xbd,\xec\xa6\x91\xce&gt;\xca\x1a\x1c\xe5\xde\x9c\x929\xd5\'b\xbea:@\x14:(\x18\x91\x11\xb3\x05\x00 }&lt;\xa7\xee\xa4\xd6S\x7fO\xd1\xad\xcf\xcb\xdf\xeb\x1fHk:l\xed\xbci\xabE\xd7%\xc9\x12\xc1\x1f\xae0\xf0\xc8y\x00\x80\xb49\xfd\x9e\xaf\xc3o\x9c=,\xf1\x02\xdc\xf7~m\xac/!\x1a\xcc&lt;h\xc99D\xb4\xf9\xdcW\x989\xa7zy\xbaK\x04\x00\x10#o[\x9e\xb0\xffUQ\x1d \xb7\xf3\xca\xa8vU\xe7\xc8\xa3W\xee-\xea\rM\xc1A\xdcy2\x00\x002\x173[\xdd\x93F\xd4F\x80\xda\x8b\x99\x89*W\x1f\xffD\xd4\xfb\x04\x00HT\'\xa2F\xe9.\xc3^\xc8\x19*9u\x9aNN\xdb\xa1\x9d\\i-j\x87\xbd2\xf0\x08\x00D\xce\xb8\x96\xcf\xee\xb0T\xba\xbc6H\xe5\xdc\xa1\x045\xb6?\xc5uO\xb2\xf5Iw\x01\x00\x00\xd4V\xec~\x98\x99\x89\x1a\xa4\xbb \x90\xf9tCw\xe9\xa8=Wx\xa2\x9ct\x17\x00\x00\xea\x96\xday*\x8cD\xbdt\x1d\xd8\x18\x9a\x9bT\xc7\xdd\xf8q\xb2\x0f\x11\xda\xd9\xf7\x7f\x9b\xee"\x00\x00d\x9e\xaa1G\x18Ur\xaf9\'\x0b\x8b{\xcb\xf2\x06\xee\xe5Z%\xb0mRZ\xce\x1d\xd7R{\xf1\xa5\x15\x00@\xc6\xab\x1asD\xba\x8b \xaa\xd4^\x13W\x03i\x11MN_\\\x19\x00\x008=\xf8a\xba\xce\x8c\x08\xd5\x94\x14\x07\x9c\xf6\x87d\xee\xde6\xca\xe9\xf4{\xbe\x12\x9fz\xd7\xb2Q\xd7\xc1\x92\xc4\xd5\x00\x00\x00\xdd\xd2]\x80\x00N\xb9\xe3\xefZ\xeb\x95\xcd\xbc\xf0\xb1\x7f%\xb9,\x00\x00{\xb5\xa0=\x9d\xba\x11\xa7\xbb\xcf8&gt;hQj\x97W~\xa8\xcb\r\xad\xe6\xbbk\x98\xe6r\xa4\xc9\xe5\xcf\xfc\x9a\xee"\x00@\xed\xe1\xd7\xe8\x97K\xd2 \x94-\xe7\x12%5\x7f\x11\xd4n\xb7\xbc\x91A\xd7\x19\x7f\xf9=\x83\n\x03\x00\x90\xa0\x08\xa7\x08\x0f\xb4=+\x98P1dKt;\xcf #W]\x9c\xee"x\xb9\xe8\xf1\x9f\xc5\xa7I\x18\x12U\x15p}\xcc\xaf\x05\x00\x88\x803\xcd\xed\xa3\x9f\xe0\xa6do\xa3?\x9a}\xaf\xb6\xf9\x9c\x97\xd3]\x04\x00H\xa1\x083\x1dIM\xdepmR\xf7\x9fa:\xaa_\xea\x9a\xbaR@:`2\x15\x00\x04\xe3\x7f\xd6\xc8\x19n\x7f\xde&gt;ieI\x92\x16\xe9.\x80\x8fz\xed\x9d\x91\xb7\xd3\xa9|v\xbaKP\'E\x19\xb6\x13\x00\xea\x88+\xff\xf0\x9bc\x89_\x95\\\x95\xb4\xb2h)\xec\xb5&gt;\xe8&amp;\x7f\xf8\x1a\xb7&amp;\x90Y\xce\xb8\xe7k\xeb\xf1}\xef\xc5\xbe\x9f\xe7=\xf4}\x9a\x8a\x03\x00\xe9\xf0\x93\xab\xba\xb5*\xe0I\x07\\c\xaf\x8c\x0bRU(\x85\x0cJ\x9c\x07\xb5M\xcb\xb9I\xdbu\x98&amp;\x96\xc5G\xdd\x1fy9\x08\xcd\xe0\x00\x00\x00i\x81\n\x18\x00 4\xad\xac\xc0-\x87oKv9j\xb3\xb2\xe0\x9bt\x88\xa4\xea\xaa\x9e\xb4Sg\xb5dV\x93\x9d\x93\xb6g\x00\xa8\xcb:i\xae\xf7\xe2w\x81\xcf_kOz*\xe8&amp;i\xd1\xb0\xcb\xbe\xe9.Bm\xa7?\x878S&amp;G\xfd\x1am}\x9c?6\xca\xbd\x01@\xf29g\xeb:aplbp\xcf\x9a*]\xc4\'}\xe6\x9d\x16\xd5~{\xce&gt;\x89\xa8\xbf\xf7:o\xfd\x1a\xa0*=\xe1\x96\xcf\x12+\x11\x00\xd4\tu\xb5\xeb\xa8\xa0\xd7~\xe9.\x82\xa5\xaaN\xa6\xe8\xe98\xf1\x98t\x17A\n\xe9)\x01\x00\x92\xab\x8b\xff*DDT\xdc\x7fc\xb7\xe9u&lt;\xd9C\x94\xb2\x87\xa5\xbb\x04\x00\x00{\x99\x19\x07\xdf\x94\xee"\x04\xf3\xfaOu\xf3\xde\xbdV\xab\xab\r*\x99\xef\xe1\xff\xc3\'\x0f\x00)\xe5\x9c\xa0\x9c\x8c!WK\x8fy0\xf2}B\x9a5\x9d\x92\xee\x12\x00\x00\xd4&amp;\xd5\x1a\xeb\xa4\xbd\x0b\xb0\xa9\xf0\xb8~\xdaJ\x01\x00\x00\xe0\x0b\xed\x96\xa0i\xde\xf6;R|\xc4\xfc\x1ekS|D\x00\xd8\x0b\xf9\xdc;\xbe\xf6\xaf\xd0\xd5d\xcf\xb0\x1b\xa6Kk\xcfW\x07\xf9n_3\xe7\x94p\x07\xc6\xb5\x887\xeb\xf3af|V\x00P\xb7\xe5\xa6\xea@&gt;\xf3,Sf\xee\xb6\xdb%K\x9d\x89\xa1b\x16\x1dy\xafj?\xc3V\\\x10U\x91\xc0\xb2\xf7U\xc0~\xd3\xf4\x89\x88h\xf0\x92s1&amp;\x11\xa06i7\xf6\xc8\xa1\xcb\xcf\xb7/\x0b\x11\xc9\xaf\xeei3\xfd\xa0\x1b\x93\xb7\xf7}\xf7&lt;\x96\xbc\x9d\xd7y\xcc&lt;e\xe3u~kiUZ\x99\xcc\xba\xb6\xa8\x9e\xb4\xcb\xfd\xea\xd8\xb5\x97\xab7\xad\xf5\xef\x1d\xa0n\xb3\xe2&gt;\xa6;\xc7\x11hi\xea\xbf\nx)\xe83\xef\xd4t\x97\x01\x00@O\xa7\xc9\xbbS|\xc4]\xd7}\x18\xc9~\xaey!\xf3\x1b\xe2j\x12\xdf\xc5\x82\x1dw\x1b7I\x7f\xdb[Zb\x01\x00\xea&amp;w\xffk\x9b4\x94B\xcf\xa8}/\xa1\xc2\x89\xe9.E\x02"\x99\x81Z0A\xec\r\x8d`\x87\x90A\xb2\xd2]\x00\x00H?\xef\xc1\xc0\xde\x925\xf2\xf9\xec\x07\xbeK\xd2\x9e\x13d\xef\xae\xeb&amp;[%\x91\xcf\xd3i/\xaew\xeb\xa5\xbb\x00\x00\x00\x19\xa2bN\xbaK\x10\x89\x06\x81\xd6\xce\xed\xb4"I\xe5\x00\x00\x80\xba.wd\x02\x1bgGV\x0cH\xbf&amp;\xeeE\xf7\xbf\xaf\xbc\xc3\xae\x8f\x8b\x8ft\xc9\x1bm{Z\xb5(M\xe5\x00\x80\x0cV\xdc\x7fc\xba\x8b\x00j\xad\xe7\x8b\xcf\xae{QR\xd723\xc6\xc9\xa7W\xc5\xd0-\xe9.\x02\x00@\xaad\xb5[\xa2\xb3Z\xa0\xfe\xd7\x0c\xef\xac-\xec\xb5\xfe\xa0s^N\xed1\x8b\xa4K\x1bu[\x93\xdabd\x96\xa2&gt;\x07P\xe3q\xe2\x12\xf57\xa7a\n\xca\x03\x00\xe9\x92P\x00\xacz\xed\x97FU\x0e\x00\x00\x80\xbdB\x86\xdf\xae\x11\x95\xa7\xbb\x00\x19"\xa5\x8d\xc3\x11}+\x02\xdc\xb7\xdd\xfaF\x86\x7f\x0f\xe3\x86\xaf\xb80\xddE\x00\x80:a\xe2\x01Wk\x9cm;\x10\xb5JEi\xea\x9e\xb2Y\xe9.\x01\xd4b\xd9\x1d\x96"\xc7%\x00\xa8X\x99\x82\x1a\xa7\xb3\x14a\x14\xa5\xbb\x00\xb0\xd7\x92L\x10\xf7\x0c\xf8\x0c\x00\xa0\xd6e\xeaqDy\x017\xea\x98\x94\xa2\xd4Q\xf7\xfe%\xfaFZY\xe3\x07\xee\xb7\x94\x98\x99\x1a\x8dM\xf5\x11\x01\xa0\xf6\xf2\xfd\r3s\x90\xfbW\xb1-\x1a\x1d\xb4\x9az\xf8\xad\xa0S\xedu\xf2_%\x9d2y\xa6x&amp;_\xeauIw\x01\x00 it*\xe09\x87\xde\xe6Z\x9c\xb2\xc4\xc0 h&gt;#\xdd%\x80\x94\xc2=.\x00\xe8\xa8\xdb\xc9\x83\x8b\xd3]\x00K\xe6\x94\x04\x92\xa8\xf3\x94c\xd3]\x04\x00\xc8h~\xe9\x04Z\xed\xa3\xb3\x97\xe6\x836\xab_\xac\xd4/M\xc4\xf2\xc7\xf9\xaf\x13\xd0\x82\x1d\xf7D\xbeO\xa8\xeb*&lt;^\xc3-2@\xedg\x8b\xb9\xa3\x7f\x8f\xd5\\\xb1&lt;\xb2\x045\xdd\xa6\xef\xe91\xf3\xc4\xa8\xf6\x96"\r\x85\x08\xbd\xc5\xd3\xd2W\x0e\xa0P}\xcf\xb5\xab\xdb5w\xd0\x92s\xd2]\x06\x00\xa8\x8b\xfc.\xf0\xcd4\x7f%\xd3\x93_\x16\xa5#\xaf|\xd7\xb1\xa4Y\xbf\x03\xa9x\xaa\xf9\x0c\xfd\xe5N\xa7\xdd\xf5e\xb4;\x14\xbf\'\x0b\x8f\x88\xa6\x99a\xea\xa6\xeb\x89\xfaF\xb2+\x00\x80\x00\xa6\x1dtC\xba\x8b\xd0+\xdd\x05pP\xdd\xeeK!I\xad\xaf\xaa\x84\xf70 \xf1B\xa4P\xc1\x92c\x1eHw\x19\x00 \xb3\x9dq\xef7\xccL\xb9#\xd2]\x10-\xae[\xe4\xd0\xd3]\xba2\xf3\xc5O\xfc\xa2\xbea\xf5\xcf\x10|\xf8eoQ\xd6\x90\xb0\x05H\x97\x9e\x9e\xafv\xf5\xdd\xfe\xf8\x9b?\x8d\xaa(J-\xe6&amp;\xfd\x10\xe9\x11,\xed4\x00\xd4)\x1d\'\x1e\xe3^\xe8\xd7\xf0\x9b\xe3^\xb4\xf2\xb8G\x13.K/\xa2\x81\t\xef$\xb0k^`\xc5\xfb-\x12\x9fx~&amp;\xf9\xea\x97\xc4\xe9\xb9%A\xcaU\x1b4\x1c\xed\xbf\x0e\x00\x00(\xb4Mw\x01\xc2\x11F\xca$\x96\x87\x9c\x99\x99y\xe6!7\x13\x91q\x05p\xc9\x13\xbf\x18/\xfd\xe1\xabx\xa5{\xfb\x9f\xc2\x0c7]w\xd2S\xe2\xd3\xd6#\xb6\x87-f\xf2t\xf3z\xb1\xf1\xf8d\x1e\xda{\xea\x9ao\xdfy\x87\xc8\n\xa2\xf6\xf4\x17\x18f\x0c\x00i\x13?\x0f\x1aw\x81\xe6\xbd\xa0#\x9b\x8d\xedi\xa8Y\x8c)\x8b\x17m;\x90Q\x01\x8f]w93\x1fu\xd5_\xdc/\x99\xcf29^\x92\x8eP\x13\x88\x0b&amp;D]\x0cQu\xe8\x9e`f\xf6k&lt;\x07\x00\xa8m\xec\xb5\x8e%\xf2\xe6\xd3\x00\xe3K\x1bv\xd9\x97\xa8\x8f{yV\xbb\xc5\t\xec\xb6\x82\xcc7k\xd8x\xd6\x8b\xd6k\xe2r\xfdr\x86s\xe5\x1f~S\xbd\xf4c\x86\xcc\xf2\x8cM\x89\x8e\xfa\x8e\xb3x\x1aQ\xb3\x10\xdb-u\x8ef\xaa]\xe3\xcc\xab\xa4\x9d8a5\x89nW\x00\x90\x11\xaa\xa2\xdbU4\xf7\xb5\x83\x16\x9f\x1d\xc9~\x1c\x14\x15m\x8f\xc4+`a\xc3\x0c\x19hS\xad~I\x99\'#\xb7\xd3J\xf3a\xa0A\xe0\xda\xe2\x93\xb5l\xec\x97Vb\xb6\xe3\x0c\xef1\xd1\xcb8\x82\xbes\x00H@\xe4\xa1\xff\xbd\xc2\xfd\x90\xdf\xb8\xb0\x9d\xd7~\xa0J\x84\xdey\xcan\xef\xdd\x1a\x1d\xc0mF\x1e&amp;.&lt;\xed\xae/\x9d\x15pk\xad\xa8^ny]W\x87\xdb0\x83\xa59\x1c\xe6c\x9f%\xa9a\xa0_rv\x1b\x93\xea\xa8U\xcdg\xa6\xf4p\x00\x10\x8a\xd5\x827@\xc8\xe0\x1b-\xd5\x8d\x8b\xd1b\xdc2\xe0\xde\x8a\xdc\x8b\x12\xbaU-\x9ad=\xfd\x9b\xb9\x9f\xe8\xda\x9f;\xa71^`"\x87\xaeUa\x0e\x03\x84\xaf\x12\xc2\x80\xf8\xe6\xa1\x8a\x123S[w\xa7\t\x00@\xa2\xf42\xc5jE\x87\x0e\x9a9X_\xa1t)3W\x8e:\xdc\xbe\xac\x85Q\x01\x97\x0c\xd8$\xdd\xa4\xdb\xf4\xe35\x0f\xb9\xf9\xdcW\xbck\xb2\x83\xcf}%\xd1\x96\xd5\xaa\x85\xca&amp;b#\x81R\xee\xc8\x84\xf6/x\xf3\x97\xa8k\xe5\xc2\x89\x11\xef\xd0\x0f3\xff\xd56\x9c0\xd5\xb2;,\r\xbd\xed\x92\xa3\xef\x8f\xb0$\x00P7h\xd6\x9a\x9d\x93\xd5\x9b(U"\x0f\xc5\xec\xaeV\xc5\x06g\xf3A\xa0@K\x1d\xc2N\x14vk\xe5\xbfJ\xc4\x1c\x19/&lt;&amp;&amp;\xe52s-\x9b\xd0\xdct\xb2c\x81\xf5\x97\x9a\xb5\xe5\x96\x94\x97&amp;\x15\nz\xee\x97\xee"\x00@\x10\xe5C\x0eIw\x11\x92!Xd\x8f\xb0\xb7DU\xb2\x85\x8ea\xdbE\xa1\xf6\xac!{X\xb2\xf6\\g$!\xb1\x15\x00@\xe6h\xe7\xf3z4\xbd_\xfd\xa3\xd8\x89\xa0\xd1\xd8\xf8\xe3\xbc1\xbe\xab/\xdf\xf5\x90t\xb9_\xcd]\x90\xc2Y\xce\xfa\xba\xa7\xbb\x00\x91(Jw\x012HN\xc7\xe5\xe9.\x02\x00\x04W5f\x07\x11\xd9\xe7\xcc\xb4\t\xb2\x03\xb1\x955TB\xb7\x92\xe9\x9e\xa1\x91\x8c\x86\xd9\x16a\xf6\x1c\xa9\xd2\x01\x07\xb9\x17\xfe\xe1\xeb\xd4\xf4&amp;f`-\x9e\xa0F\xea\x97\n\xd4/\x89t\x87\r\xbe\xfd?\xdf\xbfQ\x96\xe6\xae\xfc\x94F\xb4\x1f\x00\xd8;l8\xfd9wT\x84\xf2![&lt;7\n\x13E!U\xd2\x94\xd5U\x18P\r\x19\xa9\xa9ti\xd5\x98#R\\\x0e?\x91\xcf\xf4\x03\x80Z\xa6\xd2\x7f\x95ZM#$\x023\xdb\xe6\xab\x94\xa5fze\xbe\x10/\xc9#\x86\x06\x10\xb5\x9c\xa7\xbfn\xaaF&gt;w\xa5\xa6SRp\x98\xc6=\xd6\xa5\xe0(\x00\x00\xc9OK\xd7z\x1f*\x9b\xe5X&amp;=e\xa7"\x07_L\xa0\x11\xd4\x99\xaf\x83\xad\xdf=\x89\xd2\x19)\x9a\x99\x85 b\x00\x00R9\xc3#\xdf\xe5\x84\xfd\xaf\x8a|\x9f\x89I \xf4n\xf60\xa2^\xee\xbe\xe7\x99\x87$6\x83\xa5t\xc6\xf7B\xc4\x0f\x9f\x94D\xd1\xf3NC\x94&amp;\xea\xab\xab\xa7\xfe\xa6s\xdbZ\xe3\xb7B\xf2\xe6\x97G%t6k\x00\x80\xda"k\x880\xe2\xc6\n\xac(\x19\xce3n\xdd\xe5\xaee\x81\xc2\xdf\xd7\xb8\x17Io\xa9UM\xa3\xf3\x0f\xbfK\xef@\x01\x82:-9\xfa\x01\xff\x95\xd2\xaa\xc5\xb0\xad\xf9=\xd6R\xeb\xf9\xb1\xe7U\x0b\xc5\xe9\xd1f0\n\xcd\xe1W\xb1&lt;]\xd6\'|\xf8eo\x19\x0f6\x9d\xfdR\x04eUH\xa0\xad[3\xb7\x84\xe6 5\x00\xc8\\\x95D\xe5\xe9.\xc3^\xe4\xdf\xcc\xaa\xcc\x86\xc9\xee\x9eL\xe6\xfe\x03U\x06\xe6\xc8g\xaf\xf8\\\x11v{\'{\xa8\xa0\xd7\xc8|\xe9g\xde{\xee)I+\x0c\x00\xd4*\xb5*\xe4o4r;\xadH\xd5\xa1\x8a\xc4\'-\x87\x1d\xaa\xfe\xb4\xeb1\xf3o\xe1\xff\x16\xadCm\x15(\xda\x17D(\xaa)O\x00P\xd7D\x1dk\xb0\xe5\xbc\x80\xb3\x8a\x93-\x8a\x91MM\xbcg\x1cuv/2\x82\\\x1ew\xe3\xc7\xd2\xe5\xb2\xf4\x0f]\x13*a\xcaD\x14\x8d\xabz\xd2\xceH\xf6#\x95\xdby\xa5\xf0\xcc\xdd\x08\xe1\x17I\xc6OQ\xef\x03\x12\xdc\x83\x0c\xeai\x80:-\xa7\xe3\xf2\x1e3O\x8c|\xb7\xebOy&amp;\xf2}\xa6C\x94\xd9|U\x15\xadj\xb9Ug\xd4\xaf\x0e\x1b\xe1H\x92\x93\xae\xb2\xdf\xfc3\xecKR\x1f}:Z\rSu\xa0^\xa9:\x10\x11Q\xdb\xb1\x1aS\x93\xeb\x8fH~A\x00 i\xa2\xcb\xbbGDD\xa532&amp;\x05}\xdc\x86\xd3\x9f\xcb\x84\x98\x85\xea;]R-\xb7S\xe7m,\x9d&gt;Q{\xf0y\xd8?wc*\x9f\x1db\xb3\xf4\xf7q$+\\\xb6o\xc5/\xcf\xbe\xe5G\x1e*\x04\x00\xea\xa0a+.P\x9d"\x17\x1fu\x1fQ\xd6\xb8uW$|\x90\x84\xdb\x9f\x15y\x8d\x92j\xe1\x11\xf7D\xb6/s\xf2\xabQ\xcbJ\xf3\xf00s\x02UE3"\xa2"g\xe6\x9f\xcc\xd3&gt;\x82}4\x1e/&lt;1\x06\xa5G\x10\xfd\xd1\xdd5 \xd5y\xcan\x92_\xb6\xc6&amp;\x11\x9du\xdf?\x1c\x9b\x14\xd6\xacO\xb8t*\x199\xa3\x0c\x004\xa5$\x80{\x9f\x11\xab.J\xfeQ\xb4\xe8\xb7\xb7\xb7\x18\xba\xd5|\xe8\x1eI[\x11\xee\xe8\xaa\xdb\xdc\xfb?\xe0[\xdfH\xd9\x9db\x87T\x1dH\xad|V\xe8p\xa1\x8d{\xa6-\xfc\xd35/05\xf6\xc9\xad\xf4\xdf\xe4\xde\xf1\xd7$s\xe7\x00\x90Z\xcc\x9c\xe4\x9e\xa4V\xa7\xdf\xfd\x15\x15NH\xe6!\x0c:sW\xb2(k\x88\xfc\x95\x06\xa3\\\x8b\xacT\x01\xd2\x08\t:]\x8f\xf5\xdc\x8b\xdcu\xf0\xd8u\x97S\x8b9\x1a{#\xbfI5\x92\xc3\xa5Q\xab\x11\xdb\xd2[\x00f\x0e\xdb\x0e\xac\xb9\xf3Tk=\xf20\xcf\x0c\x16\x00\xb0\xd7IMb\xbbn\xb2\x18\x05\x92\xc1\xc6\xa1\xa8\x13\r\xf9\xb4\xebz5~v\x9a\xb4\xcb\xb1\xa4\xc3\x84c\x8c\x06y\xb3\x1a\x8eW\xed\xcf}\x93\xe0\t\xbdH\xbat\xf9\xae\x87\x13\xdbmHy]W\x13\xf5Q\xfe\x81\xc4(\xdc\xa5\xd3\xab]\x1fTP\xcc|\xc4\x15\xef\xb8\x16\xd7\xb1@\x9e\x00P\xd7\x94\xce\xdb~\x87\xf8&lt;\xbf\xfbZ\xfb\x9c\x8d\x10\xc2MK\xad\x15\x02D4\xec3\xef4\xf3\xa1\xeb\x1e\xbaB\xf3\x967\xb4\xaa$\xef\xdf\xa1\xb7\xe3\xf9\x80\x85gzo0p\xf1\xd9\xc2\xb3D\xe7\xdb\xe8\x8db\x0b\xef\x1b\xd7\x9e_\xfc6M\x83\xcb*\xe6P&amp;\x0cm\x03\x80\xc4\x05:m\xe9\xac\xf9!\xf3\x89\xb7~\x9eX\xa1\x02+\xec\x95\xbcq.\xe1\xc5o\xec\x1a\x8d\x89d\x87\x1a\x9f\x7f\xe43G\xf3\xee~\x87\xcf{\xe8{\xc7\xd2\x9b^s\x95\xa4\xe1(\xcf\xfd8kh\xbb\x08\x9aU\xef~\xc7\xf9M\xbe\xf4\xa9\xff\x18\x8d\xf67\xbf\xceD\xf5\xa5\xd7\x85c\xd6\\\x96\xf8\xa1\x01\x00B\xf28\xad\xb7\x1c\xae\xd3\x8d\x17\xed\xa0\x9e\xb6\xb6g\xb9\xb5f\xa6\xe3\x9cCos,i\xd6\xf7@\xf3a\x04\x99\x00\x02\xde\xf44O\xfc\x88\x86\x03\xcf|A\xb6\xb8*\xe0n:{v\xd2\xc7\xbeB\xdf3\x13\xf5\r\xb8g\xa5\xb3\xef\xff\xd6x\xc0\xcc^\x93\xb8\xd4z\xcd&gt;I\xb68P\t\x836\x83gr\x9am\x00\x88\xda\xd6\x0b\xdf\x88=\x92\xc4m\xd0\x9aF\xf9I\x84\rbI\x19\x11\xd6/\xba]\xb9\xc7^\xa9\xfb\x8f\x89\nz\xedGD\x9d&amp;{\xf7q\xcaO\xe8\xcd\x07nVn\x91=T\xb2\xb0\xcd\x02\xcf\xa3\xa4\xc1\xb2\x9d\x0f\xde\xfa\xc7\x00\xdf\x8d\xe4\xb5\xacfH\x9bm\x86\x14\x03\x002G\xdb\x1d\x97\xbfMd\xab\xfcf\x1ers\xf8\xfdE\x9f\x8d\xbc(\xea\x1dFH3\x15A\'"\nw\x1fF\xd4\xc7k.u\xb3\xa9\xa1\xf6\x19\xa1\xfe\xea\x97\xbc\xaeN\xfcH&amp;\r\xaf&gt;\xfeq\xeb\xf1\xe6s^Vm\xb9\xed\xe27\x1dK\xcc\x9a\xcf1\xf7\xa9_Q\x1f\xbf\x10\x92\x8d\xc6\xc6b`\xb92\x19\x8b\x91UN\xbd\xf3\x0b\x9dk\xc7\x1b_\x8d\xb6\x02\xc6(3\x80Z\xac&amp;\xf2=\xee\xbc\xf6\x03\x9d\xcb\xfc&gt;\xf3N\x8d\xfc\xd0\t\xdas\xd3\'T:\xc3\x7f\xbdDG\xc1\xd8\xf2\xe7\xe8\xecg\xc6\xc17y5\xa2V-\x0c[\x12_m=^\xbb\xe0\x91\x1f\x89\x06\x12\x11\x15)\xc3b\xc7.\xecb\xeaGU,\x05\xab\xb2Ot\xea\x91\xf1G\xf9V\xf8\xd34\xea\xb6\xfa\xc8+\xdf\x15V)d\x85xv\xe7\xe47H\xe0~\x1a\x00\x1cj\\\xd1\x86#\xb38\x96\x0bV\xaaS\x82;oR\xb3\xbf\xffJ\xcd\xa6\xb6\x18\xb6\xd5g\x1d\x9f\x11\xce\xb6\x01G:\xe7\xd0\x96\xc3\x0e\x8d&amp;\x86T\xca\xb5\x1c~\xa8lqR2s(&gt;I#\xe3S\xf1\x99\xae\x00U\xbe\xbb\x92\xee\xd0\xe8Mx\xedGG\xa5\x1b\xf3\xf8g\xe6\x92\x9c\xe1~\x07\xa9\x95\x7fP\x00\x00\x996\xf3c7d^TS\x96\xab\xec\x8d\x93b\x9fq{\xa2^\xf5\xda/\rU&amp;\xe9\xd8\xab\x1e\xe2\x93\x9e\xb3\xc4\xc8\\\xf1\x16\xc5:|s\xe3\xf1\xd6\xa6\x1cx\x9d\xce\x1e\x1at^e_\xd0\x85\xcc\xee\xf6\x183\xb0\xc9c\x9f\xf1\x19\xf7|\xed\xde\x83btU\xacx\x1bN\x7f\x9e\x88z\xcd&gt;Y\xb1J[\xab\xea=\xfe\xe6O\xdd\x9b\xcbf\x16D0\n\x0f\x00 \xb4\\\xa2A\t\xef\xa4\x9b\xff*!\xf5\x89?,\x9eJ\xf5\xccQN\xf5G\xf8\xd4\x85\x05\x13\xa8x\x1aQ\x1fY\xf6\xc0\xc4\x07\x7f\xf5Lx\x0f\xa1Y\xe16\x03\xa7\rn1\xcc\xba\xf1\x95\x06\x11\x0b\xae\xedb\xe1\x89b\x96\xb9\xffM\xa7\x96/\x94\x7f\xee"\xe3\x9b\xf0\x95\xec\xde\x97\x88\x88\x8a\x89Z\x10\xb5\x0f&gt;#\xd9\x15\xd9\xb4\xd2\xb7[\x01\x99\n\x01 \xb9\x9a\x84\xdf46\xa2\xdb\xd9\x8b\xe9&gt;36\xe9\xadly.\xe8\xb9_\xa3n\xab\xbd\x8f\xc3\xcc\xe7&gt;\xf8O"\xc5d\xdf\xbcDf\x00G6!\'\x84\xd6#\xb6\'\xb0u\xec.\x7f\xd2\x86k")\x8c(@n\x03\xe1\xc3\x97\xd6\x88\xaa\x94\x7f\x07\x9c\xfe\x9c\xc7^\xed\x8d\xcf\xf6\xab\x93\xb2YD\xf9I\r\t\x02\x00 a?\xe9d\xeetF\xe1\xec\xd9\xd6Zb&lt;\xc8j\xb7\xe4\xda\x17\x83\x9c:\x9d\xa1\xf9[\xc8W\xcbt\xd1\x05\x91n17\xb2]e\x041\xfai\xb9\xf1\x9fs\xd4UA&lt;;\x93\xd5y\xacW\x01\x97\x84\xaa\xa7U\x89@"\x9b\xf9\r\x00\xa9\xd7t\xf5\xf1O\x98\x8f\x8b\\\xaf\xd63\x17\xfa\xcd|(\x9c\xe8Z\x94\xbc\x0c\xc1\x813\xea(F\xaeF\xd4R\xea/e\x07\xca\x0c\xea\xf1h\x07\x9e!\x8d\xef\xe1\x903m\xd3\r\x01\x0f\x99\xac\xec\x0b\x16\xd7\x97\'\xa6\xe3\xc4c\x8c\xda\xf1\xc6Wx\xc8\xd2\xf3&lt;\xf6\xf0\xca\xf7\xb8?\x06\x00A\xc3\xae\xfb6\xea\xbe&amp;5\xc7\xf2\xbd\xf0\x8f\xa8\x05o\xb0c\x9f\x0e\x97&lt;\xf9oEg^\x84z\xc7\xaff2/PF\xf2\xe5\xe7t\\FDY\xed\x968^\xe8:mO\xd4\xc7\x8al\\1\xc7GAK\x92m|.|\x85\xbaM?^\xb5\xb9\x8eY[n\x11zs\xeb\xeb7E\x84\x1d\x15\x08\x00\x99\xc6w\x9cQ\x06q\x9e\xa1\x0e\xbb\xf4\xcf:\x9b}\xc6N=f\x9e`\xbc\xa4Q\x07\x97\x06\r\xb7\xd9o\xfe\xe9\xc6\x83\xb7~\xe5\x1f5&gt;\xdb\xc0\x9f\x7f|\xc0QR\xa6\xf4$_\x13"*\x1fr\x88\xf9\xd4#\x94G\xdc\xcf\x8aOi\xc5\xb1\x8f8\x96(&gt;\xcf\x02\xaat]\x03\xe5\x8d9\xe9\xb6\xbf\xba\xb6\x95\xc4\xa6\xdex\xd6\x8b\xd6\xac\xaa\x8f\xcc\xefL\xe5\xe8\xc3\x1d\xab\xfd\x83\xf9\x8d\x9f\xd9\xfe\x8e|\xc7\xe2\xb5\xf3[\xc1C\xb5r\xf2zr\xd3\x8c\x02@42\xf9$\x1eM\xaf\xaaX\xf5\xbe\xf6/\xe7\xd9\xd9X.\x9d\xb4Z&gt;\xf8\x10\xfd2X\xe7\xfd\xe2~\x1bU\xebT\x0c\xdd\xa2\xb9\xb7$\xf0\n\xac\x91Q:L8\xc6o\x95\x1c\xbd\xab\x96\xc6D4m\xd3\r\xbf3S\xeb\xf9\xd2M\xdc\xf5\xb7\x94c[Y+tO\xeb\xa9\xbal\xe1B\xa1\xe9\x96\n\x00j\xb5\x1a""je&lt;Q\xfc\xbc\x07\xc6\xe3/\xb6\x9e\xaf\xbdgI5\x7f\xf1\xe3?{o\xf3\xd2w\xd1\x9c_\xc4\xd3\xa5,\xe0F;\xf3\xd4\x19h\xe2\x90q[\\DT\x1cI!\x93(\xf6g\xeah-x\xfd_\x1c\x8b\xb0\x18W\x15v\xef5a74\x84\x89\xa0\xa2\xf8f6\xac\x1cu\xb8s\xb5\xb6\x8b\x88\x88\x8a\xa7\xaa\xb7\xb2Q\x04a\xadff\xdfN\x8d\xafm\xfbo\x9e\xdf}\xad\xa4\xd8\x85\x13)\xcb\xdcO\xe3\xf1\xceWC\x8a \x9d\x14\x00d\x82\x8e\xf6\xa75DDTA-\xe7%\xf3\xa0\xd1\r\xc4\x95\x11\xcf\x92w\xbd\xcdT2\xddX^\xbfz\x053\x1b\xff\xfa5D\x87.gG\xa2\xbc\xe4\x07b\xb4\xe9&gt;\xe3\x04\x8d\xb5\x9a&amp;\xed\xf8=\xa4\x17%\x8e\x8f\xb7\xa0\xe7:\x9d\xcf\xb3A\x97U\xe5\x83\x0f\xf1]\xcdW\xd3&gt;\x1bT/\xe9\xd4|\x8d{\xaeSl\xa8\x8a\xee\xa2\xad\xe1h\xc5\x0b\xbeC\xf6\x927\xbc\x11\x00R\xa4\xdd\xbc\xedw\x98\x8f{\xc9W)\x9f-[\xdaQ\xb60\x139\xeeT\x1c\xcb\xcf~\xe0;\xed\n\x98\x88J\x92W\xceZEU\xf14\xf2j\xb4o\xb5O\x825V\xbd\xf6K\xad\x8a\xc7\xaf\xbd7\x02\xec\x1c\x8a\xd5E\xb3\xdac\xe6\xe6\x83\x0e\xb6-2\xee\xc556\x9c|\xe0\xb5\xfa%\x04\x00\x10\x081\x892\xa2\x8f*w\xa4X\xfb\xee\xbc\xf6\x03c\xf1\xae\xeb&gt;4\x96\x1c\x7f\xf3\xa7\xc6\x83\xdf}J\x1b8&amp;\x94\xe4\xed\xb7\xdaG\xbe\xaasJq\xed\x95H\x06$\xef\xcd\xc3L\xe2Zr\xcc\x03\xf6\x05%\xd1\x8c\x97\xae\\H\x15\xd2\xabR\xa2`_\xfbDF`\x01@-\xe6\x19\xa26\xfa\xac\x82i\xe3\xb8\x03&gt;\xe9\xb6\xbf\n\x01\x95Z[+\x04\xd8c\xf6PyR\xde\xd0\xa2\x0ea1y\x83\xd6]\x143\x9fv\xd7\x97\x11\x1e\xf7\x830\x97\\\xd17\xa5rR\xa6w\xc7\xe3rx\x7f[ny\x83\x03\xc5qc\xe6\xa2&gt;\x07\xf8\x8c\x92\xcb\x1a\xa2\xbfC\x00\xc8t\xb2d\xe9\xee\xc6\xc3n\xce,\xf4\xd9\xc3\x92V\xa2d\x11k\xdf;\xfel\xd4\xb5\x9d\xadW;L8F\xbb\x02\xeem\xfc7x\xc99D\x05\xb2\xf8\xcfI\xd5\xd9\x7f\x958\xbd\x819\xc5\x01\xd3\t\xcb;#D^S\xb6\xa2h\x11\xa9\xd4[\xcds\xec\xba&lt;\x89\xb2\xa3sa@\xe8\xbf\xaf\xfd\xeb\xa4\xf3\x87\xa8\xd2\xdf\xf9?2\xa1U\t\x00"$t\x82\x9a1\xed\xea\ra\xe6F\xdd\x9c\xd19\xdcK&lt;B\xc3\xc7\xbb\xc1\xec\x03&gt;%\xf2TCQ&lt;\x04\x18\x12e\xbc\xbb{\xff\xc2[/x\xdd\xf9Z\xd3\xc9\xab\xf6&lt;V\xbfz\x85\xc6n\x1c\x03\x97r\xe5k\x85\x90\xeb1k\xb3\\w\'M\xc4\xd4\xbc}\x14+i\xef\xcd\x90q\r!\x8d\xa8lVr\xbb6\x9aMU]\x97|\xc1\xec\x9f\x8f\x92\x88\xa8JQB\xbd^\x8c\x92\xe9Z\xa9\xa9\x01\xa0\x16\x13\'\x11\xc5\xce\xb3\xf2v\xb3V\xc3\xb7\x99\x0f\xa5\xf77\xb6\x14{\x94\x1f\xb8;\xf3\xa2\xc7~\n\xba\x89C\xd9`\xa3\xa6\xf7\x1e\xe0S\xf1#\xf3\xec-\xb7\x12\xf5\xec5\xfb$3\xdbAu\xb0#5\xb1\xc5\xda\xec2\xf5\xd8`\x9b\xa7\xdb\xd8\xb5\x97\xa5\xbb\x08\t\xeaGU\xca\xd1L\xe6\x1c\xb32"\n;?\xaa@Vw\xe6\x18\xff}\xc1\xac\x99ab\xd0\x92s\\\xcb\xc2\xe7\xf2\xea=\xefT\xeb\xf1\xa6\xb3_\xf2Y\xdb\xbf\x95\x02\x00\xd2\xaf)\x19\xad\x82Y\x83}W\xb5\xd6\x97\xe9m\x7f\x1a\xb0K\xaf\xf1x\xeb\x04\x17\x9a4(\xa0\x87\x0e\x13\x8e\x91\x06\x1aT\n\x16W(OR\xaf\xeb\xdeJ\x86\x1b[^\xd7g\xa4\xa8\xc3J\x0b\xea\r^r\xae\xfc\x15\xebZ3vu\x98\xa5h\x856x\x0c\x04\xeb\xe2y\xf3\xddC\xb2,{\x98\x11\xa1\x9a\x99\xa9`\x82z[]\x95\xa3wD\x91\xe9\x12\x00\xd2\xed\xcc{\xbfI\xde\xceS5\x04Zz\xbaT\xcc\xa7\x92s4e;\x12\xce\x14\x12\x11U-\xac\x99\xa3\xca\xd0\x1e9\xd5\xe5\x88\xabR/\x9al&gt;\n\x1f\xe5\xaat\xc0A\x92\xa5\rGKz[\x85\xfac\xfc\xfa+C\x1f\xd1\x1a\x88\x9er\x85\xde\x03\xa9\x989\x16\xac\xaa\xc1(\xc5\x1e\x1af\xc4\xc0\xfe\xb8\xfca\xcb/Hw\x19\x00 \x94co\xf8?\xfb\x82\x02\xf1\xc9\xb6\x8b\xdf\xb4\xbf\x1ah\x10\x10\x11\xd1\xfaS\x9e\xa9_\xbd&lt;x\xb9D\x81\xaa\xd2@tbL\xfaw3\x8f]wy\xe2E\x11mw~\xec\x89j7\xf6\xc8\x10[\xb5\x1f\x7f\x94k\x99\xf4\x13s\xa4\x9e\x94\xcf\x93\xee\xbf\xf0\xcc\x10e\xa0\xb6\x8bCl\xd4m\xba\x91\xe9A\xd5*P\xa0X\x1e\xf0\x92\xb1e\xc4\x03\xd7\xfb\xcd?\x83\x88\x88z\x1aO\x7f\x93\x15f\xe0\xe2\xb3\xa3=(\x00\xa4\x91\xd1\x0f\xda\xd1}\xea)\xe8\xb9\x9f\xff\xd6\x92\xe4\x83\x11\x13\n\x16(\x8enz\xc2e\xfc\x14\xd9\xedQO\xad\xcf_\xa2i\x9ao\xd1&lt;\xa3\x93V\x0c\xdd\xea\x97+\xba,\xc0\x15[\x83\x91\xb2\xa5\x89\xcf\xac\x95\xd6\xdc\t4\xf2\x9bQ\xe4J\x07\xca\x1a\x1b\x88\xfe\xc5LD\xe3\xf6\xbbB\xb5\x83\xf3\x1e\xfa\xde\xfb\x08_0\x135-\xec\xb5&gt;\xbe(\x8a\xe6n\x00H\x91\x0ck[K\xb6\xe8&amp;\x89&amp;\xff*\x84\x88B\x84\x01q\xcbI\xb45B\x9fdh[\xe7)\xbb\xbd\xbfc\x8a\xfa\xc99\xee\xef\xe8\xab\xdf\xb3\xefG\xd6\xf3\xaa\xe1\xec\xfb\xbf\xb5/\x882\x97\xf0\xa3\x9f\n%TL\xf2\xbe\xec\xe9\xffZ\xf5\xfa\xd3\x7f\xdf\xab~}\x00`W=ig"\x9b/\xdb\xf9\xa0\xeflZ\xe1\xd5\x02qa\xe9\xc0\xcd\x89\x1cZ[3"\xba\xc8/\x03D@\xf9^\xa3[\x0b\xbc&amp;_i\xe6R\x0c&amp;v\x03*o9o\xdcC\x08h\xdc.L\xebn\xed\xe0\x1a\xef\xd6n\x9c\xbb9=c\xf5\xcd\xe9\xa8\xb8N\x8a5\xc8\xeb\x8e\xc0\x1a\x84\xf6j\x80\xbd@\x1f\xa3\xea\xfd\x81y\xc1\x8e\xbb\xefz[U\rw\xd6\xba\xc9NV\xe2\xfa\xca\xc3u+\xbc\xa2\x04\x8e\x12\xfcn\xac\x9eG\x84#\xe5\x04\xeb:!uQ\x18\xa7o\xbe\xb1\xeb\xb4\xe3"\xdc\xe1\x80\x85gY\x8f\x035\x1d\xcd8\xf8f\xadh\xd8\xad$\xb9O\xcc\x03Ym\xf85\xfa\xc7\x05\x80\x8c\xd7l\n\xd5\x1b\x1a\xe8\x84\xd2m\xfa\x9e\xd8\x8do\xf14+\xb6e\x93\xde\xfb\x0b;\x11GQi\x861J\x99*\xd7\x12\xab\xa7\xb9\xd2\xf59$\x9c\xf7&amp;\t\x86,=/\xb5\x07\xacQ,W\xe6d\xec3\xef4\xc7\x12c\xdcun\xa7\x95\x11\x15I\xcb\xe2\xa3\xees\xcd\x97\x8b\xb3\xff\xad\x93\x97\'*\x80\xff\x18E\x92G\xb0\xb1\r\xd4\xdf\xcb:\x8f\x00\xea\xa8\xacvK\x82\xfe\x98\xddI\x0e\xeey7\xc1\x9c\xe4\xc6Y\xb2g\xa0b\xa4\xc0\'\xf6\x00\x96D\xe41\x9e\xb66\x06\xecL\x82\xe6\xc9O\x96\xachrh1\xa7r\xf4\xe1\x8ee\xd9\x1d\x96\x11\x11Q\xbdN\x93wGW\x80\xe6\xcaWr\xe3c\xc4\x8a\xfa\x1c@\xe6\xac\xbf\x0b\x1f\xfbI:\xecQC&lt;\x8aY\x8fY\'\x12Q\xe6]\xd1\x02@\n\x89a\x96\xad%\xc6t\xc9\xf7\xa3\xbf0\xcf7\xfe\x9b\xb2\xf1\xba\xa8\xf7\xec/\xa7z9Q\x0b\xbf\x98!\xde\xa3\xaf{%\x12\x0e\x89\x88\x02\x05\rvR\xe6\x9d%g\xb8\xef$J\xa4Q=_\xb60\'\x92l\xc1&gt;\x84i\xc1O\xfd\x9d\xc3M\xeb\xd2\xa0\x9a\xcc\xdd\xd6\xacz\xc5\xab\xd2jgL\xae\xa2\xc9\xea\xf8\xa3\x00P\x17}i\xd6\xbew\xbd-T\xc0\xcdg\x06\xce/\xe4\xab|V\xa4\xe7\x97^D\x03Cm8(\xba2\x84\x10\xee\x86R\x19\xff\xf9\x94;\xfe\x1et_\xae?kk\xedM\xe3\x15\x8c+"\xb7\xacy?U\x13i\xaey\xc1\xef\x8bZ&gt;\xbbI\xcd\xfe\x01n7K\xa6y\xbf\xbe\xf9\x9c\x97]\xcbzJG\xe6\xcf&lt;\xf8fuT\x10\x95\x02jc\x8c\xc5K4\xc0\x1c\x00$[\x95\xf1\x9fW}\xa9\x8e\x87\xd0~\xfc\xd1\xb1\xba\xd6\x08\x92\x1c\x8bC\xdb\xc9\xbb\xf6-\xea}\x80\xd5a\xfc\xf8\xe7\xe2\x9a\x91\xa7\x90\x93\x1b\xbd\xe6R\xc5+\x15D]\xbc\xb6\x94\xcf=\x8ds\xb7|\xbaH\xef\xe4$\xa4\x9fa\x90\xcb\x9ax_f~\xf7\xb5\xda[I\xd9\xaa\xf0\xa3\xaf~/\x81]eh\x06\xdc\x16Cu\xb2,\xa4\x85$f*\xfa}\x01j\xbbxX\xbe\x1b_\xe5N\x93w\x11u&amp;\xea\xe6\xbay-af\x8f\xf4,\xf1&amp;\xe8V\xfb\x10u&amp;j\xc7\xcc\x0f~\xa8{\x82h\xd8e_\xf3a\xb80\xc8IR\xa4z\xa1\xfb\x8c\x13\xc4\xa7A[\xda\x15\xa7\xce\x1a\xcd\xcd\xbf\xb7G&amp;I\xb8f\r\xaa\x113\x07\x8c\x8c\xed\xa3Y\xbf\x03\x83W\'U\x9e\xaf*Z\xd4K\xa6\xab\xb7\x18e=l\xd2{\x7f\xebq\xc5\xd0\xadDm&lt;\x8fU\xe6\xf9*\x00\x80\x06f6\xe6\x8f\xfe\xc8l\xdd\x9e\xeao\xcb\xcc}\xe7\x9f\xae]0WT\x00\x00 \x00IDAThy\xce\xa7\x06\xa3\xd4\xf3\x17s|\xcf\xbf\r\xbb\xec\xeb\xddb\xfc\xc6\xcf\xd6\x1e&lt;\xef_\xd3\xed\xb9\xaf}Z\xe6\xfff{\xb5\xc23g\x80&gt;w\xe7b\xe8\x96\x86\xe2X\\\'\xff:\xd8;\xe2\x95\xa8~\x84\xf7s\xb7\xff)\x82]\xed\xb8\xfcm""jF\xd4\x8b\xa8\x7f\xe2;\x0c(\xbd\xdd\x1c\x00\x90\x0e\xccLT\xdf\xb9\xd4\x1a\xd0\xdbv\x11Q/3\xe3[\xd2\x8d[\xa7\x8c\xcc\xa7G=D9}\xc6\xad\xbb|\xc3\x19\xcf\xdb\x16y\xb4i7\x18I\xd4\x86\xa8k\xd3&gt;\x1b\x02\x1d\xc5U\x9fI\x93H\xc6\xe4\xf7\x08t\x0f\xad_\xad\xe6\x13\xd1\xb0\x15b\xaa\x00\xab^\xe9\xe1\xc8\xc1\x15\xba\x02\xee:}\x8fq\xc9e\xec\xc1jMi=b{\xb8\x1d\n4\xeb]\xd5\xcco\xfb\xe6\x1a\xb9\xb0\xd6\x9f\xfal\xd4S\xdd\x02\xe6~\x06\x80\xd4\xf3:\xfd\x05\x9c\x16\xec\xc9U\xb5{-o|\xfe\xc3?\x08O\x03\xc7v\x1e\xbf\xfeJ*\x9b\xe9Zl5N\x16\xc5\x97\xe5\xba\xab\xc0\xbeA\x0f\xe7\xcb\xefc\xecFDY\xed\x96\xd8\x17\xe6Y[\x15\xd6\xacwmBD\xf4\xe4_%\xbb\xed1\xf3Dq\xc6\x143\x9b\xf9\x92\xd3\xa3\xd5\x88mDm\xd8\x1d\xafX\xc9\x8c\n\x19\xcf-\x1d\xef\xcf\x1e\xb5\xfa\x12\xaaZ\x98Hy\x8e\xbf\xf9S"\xf2\x8b\xb8\x12n"\x9co\xb5]\x96\xc0\x14;\xfd\xab\x1f\x00\xa8M\xe4UN\xf4\x83\x99u\xd9j\xe5O\x99\xc3\x06\xa8r\xa6:\xee6\xfdx\xf5\x9dAU\xec\xff\x9c\xe1\xc2B\xe5\x9d\xb4F\xbe\x84\xbcdg\xeaU\xffu\x928\x9c-\xaf\xdb\xea\x90[\xea\rl\x8e\xbf)\xaf\xa9SN\x85\xbd\xd6\x0f_q!\x11\x95\r2\xae6\x9c}\xb7\x05\xbd\xf6\xd3K\x81\xa5e\xddIO\xf5\x9d\x7fz\x88\r\xc7\xae\xb5\xa5\xcfRdE\x0c\xadI\x02\xdb\x02@\xaa0\xb3\x19\x07\xb17\x11\xb5\x1cvh\xec\x85\xaaE\xce\xd5|xv\x18\xcbC\xf9x\xcb\xf1N\xaa\xe3\xf3j\x8cX\xf3%\xd2\xb2\xd7\xb0\xcd\xa8\xc3\x88\x88\xa8\xa9\xd64\xd6Fc\xcdG!\x1a\x00\x1b\x84\xc8\xf9\x98(\xdd\x11U\xfa\x05KW\xcb\xe7\x00\xa2\xde\xb1\xd1\xf8)\x91\xe0\xb5\xe9\xf9\x8f\xfc\x98h\t\xa2N\x89\x08\x00\xa9R\x7f\x04\xe5\x0c\'\xaa\xa4\xca\x05D\xc4\xcc\xbb\xaf\xff\xa8\xf9\xa0\xcd\xb2&amp;\xd9\x90\x0e\x92\xccw4X\xbd\x92\x8d2\x7f\xc8Ia\xaf\xf5\x94\xe5\x11\xb19\x11\x8d\x88\x88\xa8\x93\xf5\x9c\x99\x9d\x9d\xc4\n\xb2\xb3\x7f\xe5&gt;\x87\xdd\x19\xe8\xf0\xda1\xa1\x1ai\xef\xb2\xc8\xafZ\xca\t\xde\x06\xdbXo\xb5\x81D\xed\xddKU\xe5q,gf\xf1\xd2\xd3|\xd5\xb8c\xeeCD\x0f\xff\x9f\xa35\xa8:\xf6T=A \tl\xad\xd0\x0f}\x84\xc9H\x00\xb5\x163\x0b\xb3\xf5\xb3\xdd\xa7\xaaG&gt;fsjo\x94\xb6^\xf8\x86lq\xac\xa3\xf7\x92\'~\x89\xfc\x88n\xe7=\xf4\xbd\xe7\xc4\'U\x8f\xb5\x87V\xc6\x7fm\xc7\x1e\xe1x!I\xef\xe8\xe6\xd7\x9d\x7f\xaf\xd9[oe\xe6\xd3\xee\xfaRZ\x15\x85\xc3\xccf\x10G\xf2\xaf\x0b\x0b&amp;\xec\xbc\xf6\x03U:&amp;"2Z\x89\xe5l-\xffZ\xe6m\xbfc\xf5\xf1O\x98\xcf\xc2EV!\xa2\x01\xb1\xae\x96v\x8b\x89J\x8ddD\xef\xfe\xce\xcc\xbc\xfe\x94g\xfd\xb7N,`H\xef\xb9\xa7\x84\xdcR\xab\x1d\x08\x002\x98bxN\xfb$w^\xdav\xee\xa8\xf8\x8f\xba\xf2/\xd6\xe3\xdb\xdeL\xfc\x1a\xdf\xa3\xdd8W\xf9\x8aW0\xe7\xc0#\xc2B\xb1\xf5\xca\x7f\xa0\xdd\xda9\xe5@\xff8\x9d\xbf0w\x9b\xbeG\xf9r|\xe8\x13Q\xec\xaf\xa3\x8ex,\xe3\xdf6[6\xcb\xbd\xcc\x96-1\xae\xca\xe7\x10\xe1&amp;%\x8b\xb1e\x9aM5*\xe0\xae\xd3\xdc\x9fI/\xd7\x12\xcf\xc2$\xaep\xa2\xdf\xde0\x14\x0b\xa0\xf6\x1b\xb8\xe8l\xd5O\xbdY\xbf\x03\xa59\xd5\x89\xe8\xfa\x97ku\xab\x97\xba\xc6\xd5\xb3l\xd7C^\xbd\xda\t\'\xd9\x8d\xdf=\x97\xcd\xd2\xeev\x8d\xbc\r\xdf6R\x89\x99\x8f\xb8\xe2\x9d@\xdb[\xb1Y\xfe\xaa[3\x15\t\x8f\x03\x05P\xb4E\xe7\xb6\xb7\xe8\xc4}\x14/Fkc~TV\xbb%\xf2|\xcc\xe6\x95Ar\xc7\x1e\xb6\xdaG\xf1B)B\\\x01\xec\x15b?\xf5\xc2\x89)\x982\xeb:\xad\xe8\x9fdu\x037\xfa\xc8\x19N\xb2\xc6a-\xe5\xb3\xc7\xed\xa7\x9c\x94|\xe5\x1f~sM\x1f\x92\x1b\xb3\xf6\xb20G7\x13L\x85\x95\xf0\xd4\xd2\xd2\x19M\xfbn0?:\xfd\xc0O&gt;S\xb9\x1au_#[\x9chi\xdb\x8f?\xda\xe3U!Phw{P\xcc\x00)\x08\xdb\x8ds&amp;c\xb0\x7f\xbd+\xc8\xadh\xb2\xe7.e\x9bxb\xe6\x99\x87\xdc\xec\xd1Q\x82\x8a\x1c\xa0\x16\x08\xf8C\x8d\x87th\xd8e\x95z5\xe7\x1c\x18f\xae\xbdMgF.9\x81\xef\xf5\x8a\xef\x9dkI\x88snH-\xe6\xc8\x96\x06j\t0\xbb\x93\xcd\xa6\xe9\xe9\x9bo&lt;\xfb\xfeo\xf5\xb77\xbec\xf2;N\x1b\xef\x86\xee\x84Z/\x8c2\xf8~\xdb\xb5\xe7\xdd\x19\x01\xd7\x8ci\xe5\xf5\xc4;\xf8\xb2\xc1\x07\x87\xe8\x8d~\xe5{\xff\x83\x9e|\xfb\xdf\x88\xc8\xba$\xed&lt;\xe5\xd8\xa0G\x01\x80\x8cQ1\x87\x88b\x91\x05\x85\xa9##W]L\xb1SU\xb4\x9d\x9d\xd1G\xb7\x10\xf5_pf\xc0-\xf4G\xf6\xca\x94\xcfJh\xf3\x10J\xa6\x87\xfb\x8b\xc4j\x94\x8a9w\xfc\x99\x89\xb2\x98\x99Z\xce\x95\x06L\xee5\xfb$\xe1YW\xe7\xcb\x95\xf1\xf0\x17V-5u\xd3\xf5\xe6\xb2N\xce\xf5\x93\xc9^Tm\xb9\xc1:\x8cG\xac\xbcHo\xb2\x90\xd8h_\xb9|\xd7C\xdaG\xf0\nRf\x933\xbcz\xd2.\xed\xdd\x02@f\x13\xae\xf4\x9b;\xa6\xd9X\xe1\t\xfb\xcc;\xd5cD\xab)\xf0\x80[{\x98\xc9\xf8 \xa9\xae\xd3\x8e\x0b\xba+m\xd2B*J^\xaa\x8e\xda\xefE\x1e\xecZ\x18\xa6\x1bS&gt;DLa\xeb\xa8\xb7Z\x85:t\x14\x9c\x1d\x93\xaa\xd8\xdd\x0e\xe2\xed\xbe\xce\x9d_\xb00\xe3\x0eb\xf0\x93\x0e\x13\x8e\xd1\xdc\x8a\x99\xa9\x851e\xb6\xb0b\xe8\x16\xfd\xc31\xf3O\xfe7\xc4\xaaYU\xdde\xbf\x1d[j\xa3\x7f\x85j(\xee5\xe7dsg\xca/j\xa3\xd0\xc1R\x00 \x05\x84\xb46\xce\x0e0w+\\\xf5\xa4\x9dD=\x14w\x8d\xb16\xb1\xa6}\x83\x85,6,\xd8qw\x88\xad\xa2P\xe4\x18\xeeKDf\xd3b\xa2c\xb54\x9du\xff\xb7\xe9\x88\xf5\xef\xa1\xc6zT\xd4;\xd6\xf0\xce\xcc\x94?V\xbez\x9c$e\x9e\x9f\x16\xb2\xcf\xdf\xa5\xd8\'\xb7n\xe4fm\xb9%\xd2\xfd\x05\xeck\x90\xa5\xdf\x10\xe2u\xb7&gt;\xf2\xcaw\xed/\xca\x07K\x02@f\xcb\x19\xae?\x91\xbf\xf9\xc0\xcdD\x14jvl(\x929\x8e\xb6\x16Q!\x89a\xc44\xba*\x89\x88\x1e\xfbT\xf6\xd1\xd5\x1fQ\xdco\xa3t\xfd\xf9\x87\xdf\xa5]\x84T}\xc8q\xb9d\x1b*\x9c\xb7\xef\xf1\x8f\xfbl\x91\xe31M\xcb\x12k\x98\x8d_\xcf\xd5\x1b*\xbel-\x9f|\xe0\xb5D\xa4\x11\xa0\xc3\xb71F_\x8f3\xef\xfd\xc6|\x1c\x1b\x8du\xea\x9d_$\xb8\xd3\xfdNy&amp;\xb1\x1d\xa8\xa6Y\xcb\xbao\x1a\xf9^\x15\x01@\xe6\xea:{\xeb\xadD\xd9:9\xef\x924\xa8r\xcd\t\xce\xe6\xd9(\xa8:w{\x87\xd9\x992.X\x8dk\x89\xd1f\xdb:\xccQ\xec\x1at6\x06\xb8\x05\x8a\xeb\x9b\xf0pq\xcf\xc0\xcb\xd2\xc0\xd7\xcc\xfc\x0b\xb3\xaa%?P \xf1\x9f\x938j\xb7\xa3X\x0c\xf1\xf1\xbb\xbf\x8b\x07m\xf0\xda\xbf\x8c\xa7Vmg\xccV\xb7\xfe\n\xed\x837\x8d\xc8g\x88\xcd&lt;\xf8f\xe1\x99c\xc4\xa2\xa4W\xf8\xf9\x7f`H3@\xdd\xd2|\xd0\xc1\x8a\x13\x93d\xb8\xf2E\x8f\xfd\xe4HD\x1f\x89 \xf7\x85\xba\x86,;/\xf2}\xca\x04\x0e\xda\xcc\xcc\xb6k\x9d\xd8|b\x8f\x80\'\x92\xd6\xc5n\xd3\xf7\xbc\xf5\xdf\xa4\x9c\x8ew]\xf7a\xd0Mny\x83g\x1c|\x93\xc7\n\x89_\xb7\x8d_\x7f\xa5\xc7\xab\xd5\x93v\x12\r4\x1a\xc0\x17\x1eq\x0f\x11\xe9\x8cS\xeb=\xf7\x94U\xc7=f\x0e&gt;P}\xfe\xad&lt;BM]\xfa\xe4\xbf=\x8f +\x83Wh\x97`\x8c\xb0\xed\xbb\xaf\xff(\xaa\x1d\x02@\xeaU\x8b\xd3.\xebW\xaf\x10\xda\x00m\xf7^9\x1d\x97\xa5uZa\xb0\xe1\xd3ZEm\xbbH{4P;\xc7s\xfb\xfe=\x82YJ)\xef\xc2O\xb8\xe5\xb3\x80\xbbr\xcaj\xb7$\xf5\x7f&amp;c\xcc\xbcd\xc8\xb4\x9d\xbc`!#l\xc7S\xf0&amp;\xef\xfd\x9e%\x9fg%\x19:\xee\xa1z\xd2\xce\xd6#\xb7G5\xe5l\xe5\xb1\x8f\xa8^r|\x0e\x93\x0e\xb8&amp;\x92#\x02@\xb2H[\x08\xab\'\xedT\xad\x1c\xf68]\xc2n\xe8\xabe\xd2\xf6,o\xc46\xce\x80\xef\xfc\xe6\xf7Q\xd8\xd3I\xc9\xb4\xf4\x8ahQ0\xa1\xcb\xd4\xe3\x88\xe8\x8f\xbf\xa4\xbd\xe1Q#\xa7akUP\')idG\xfd\x8b\x18g\x86\xc1 *\xdd\xcd-\xd37\xdf(\xa4RhAD\xd4`\x14\x11I\x13:y\xce\x02*\x92.}\xe8#f\xe6\xa1\xcb\xce7\x9e\xaa\xe6"\xab\x7f\\\xc5\xea#:\xb7\x1a\xb1\xf2"\x8f\x95\x01 3\xf5\xb0?\x95\x8fs\xb1~\xed\xc6\x03\xb3\xb7L\x0b3k%\xf2\xf3\xdfIH\xd9\x1d\x96\x06\xdcB\xde\x8f;l\xf9\x05\x8e%g\xdf\xff\xad\xa3\xb5\xe0\x86\x97Y\x7f`\xeaj\xa1\x0b&lt;h"\xa3\xe4K\xa4\xb6\x0bMl\xbc\r\xf6\x9d\xc9\xeb\xea;\xf1\xc6y\'\xea\x91\xd8\xd8\x1a\x04Nd\xf5\x8e\x97\xe9\x8c\x96 \xfbw\xb5\xc5\xb0\xad_\xca\xbf\xba\xc6P\xbb\xf87\xad\x8bs\x0e^\xab\x82\x9e\xeb&lt;\x07.T\x11\x11\x15\x1a\xa9 \xfa \xf4\x15@\xad#\xc9\x80$\xd2\xc89/Uf\x9f\x12\xea\xac\xd4\xf79,~/\xd2i\xb2\xf2\xc6b\xf6\xd6[C\x1d\x9d4\xcf\xddM\xfb\x1eh&lt;\x98v\xd0\r\xcc\xac\x9e\xc6\x9a\xd8\xe0\xdbfS\x88\xa8f\x8e=\xe9M\xd3)\xee\x15\xf5\xce\xa1\t\xcd\xa3\r~8\xb7\x96F\xadp\xdf{\xc6\xe6U\xb1\xc5\xcdg\xea\x1d\xb12\xd4A\xe5\n{\xad\xd7Z\xaf\xde\xd0\x87\xff\xcf\x95|0k\x0837\xeafE\xc4lZ:\xe0\xa0\x08\xcb\xe6\xaf\xd9T\xfb\x9f \x97\n\x1d\xc9\x8c\x83vp\xd84\xee)Mn\x01\x00\x99\xc3\xe7\xbc9\xc0|\xd0;&gt;8\xab\xd1\x18\xd5\xdaK\x8e\xbe_\xe7\x98W&lt;\xf3\xab\xcej1\xb1X]n\x15!3\xe1\xc4\x14\xe7vZa=\tX\x1b\x05I\x18`\x8c\xbe\xb1\x8d\xc1)af\xa2\xee\x9e\xe3\x9c\xdd\r\xecM\x13{\xbf*\xda\xc1\x98\\\xfc?\xb4\xd2\x19\xcc,L4/T\xac\x97\xe4\xc9\xac\xca\xe4\x07q\xa5\x037_\xf7R\x827\x91E\x89m\x0e\x00{\x1de\x1f\xed\xf6K\xfeDD\xbe\xe3kD\x9a\xd5\x98\xdej:\x03^\x02\xb4R\x8e^si\xa8b$\xa8\xad\xc7kA\x0b d}\x88,THI\xffM\xa1\xb7\x95e\xa1\xe8j\x0b\xcaQo\xa8\xf7d$\xff4\x06a4t=\xb0\x8e\xa5\x0cHn\x94\xe4\x98k\xde\x0f~\xb8r\xd9\x9c4\x17yP\xee(\xbf\x84\xef3G\xd8@\x02\x00)\x917\xc66\x99Dq\xa6\xd0\x91\xa6\x8e(\xbf\xaaZ\x91\xe9=\xaa\xd2\x86\x1e\xc0,-\x80$\x1e\xa7\xb3e2\x1aI\xfcc\x85\n_u\xd2m\x7f\xd5\\\xb3\xed\x18\xaf\xacV}\xe6\x9df=&gt;\xfd\xee\xaf\x84W\n5\x1a\x99\xf5/\xe9\xbc\x13(\xc9C\x83ewX\xa6\xbd\x7f\rz}\xd2\x00\x90q\xe2\xe7\xdf\xbc1D\xbd\x88\x06[/UO\xdcI\xb6\x08\xba\x16use\xd3\xc9\x14\xe8\x9c\xdel\xaa+\xf2Q\x0fu$ \xa5\x0b\x1e\xf9Q\xe3\xa0e\xb7\xbd\xc9\xc2xW\x87b\xe3m\xb6\x1a\xb1M\xaf=\xd61st\x80f\xda\xf6X\x9c\xe7x\x8b\xba\xb2\xed\xe1\x86W\xf8\x12\x9f\x99\xa6RVX\xe9\xea\xa6}6\xb8\'P%,\x9f\xa82\x8aj[\xf3\xe3r\x0b6\x0b(-\xca\x87\x1c"\x8eX\xec4y\xb7\xfe\xb6\x8a\xb0\xac\x8a\xbb\xf6\xbc1\xe9\x8c\x1c\x0e\x00\x89\xb0fG\x10\xc5\x06\n\tb\xa7\xf2\xff\xea\x9em5\xe6\xab\x10Q\xc1\x04"\xba\xed\xcd\x88o\xbc\xdc\x8d\x9c\xfd\x17\x9c\x91\xc0\xfel\xd9\x11\xfa\xees\xba\xdf\xfa\xed\x15\x89\x80\x02\xe7\xa808\xdf\x8e\xf3\x1aH\xa5i\xb3~\x07ZO\x8e\xbf\xf9\xd31\xae&amp;w\xa9</t>
        </is>
      </c>
      <c r="E478" t="inlineStr">
        <is>
          <t>&lt;class 'numpy.ndarray'&gt;</t>
        </is>
      </c>
    </row>
    <row r="479">
      <c r="A479" s="1" t="n">
        <v>477</v>
      </c>
      <c r="B479" t="inlineStr">
        <is>
          <t>steps_per_sec</t>
        </is>
      </c>
      <c r="C479" t="n">
        <v>6900</v>
      </c>
      <c r="D479" t="inlineStr">
        <is>
          <t>5.379936</t>
        </is>
      </c>
      <c r="E479" t="inlineStr">
        <is>
          <t>&lt;class 'numpy.ndarray'&gt;</t>
        </is>
      </c>
    </row>
    <row r="480">
      <c r="A480" s="1" t="n">
        <v>478</v>
      </c>
      <c r="B480" t="inlineStr">
        <is>
          <t>Loss/localization_loss</t>
        </is>
      </c>
      <c r="C480" t="n">
        <v>6900</v>
      </c>
      <c r="D480" t="inlineStr">
        <is>
          <t>0.014743823</t>
        </is>
      </c>
      <c r="E480" t="inlineStr">
        <is>
          <t>&lt;class 'numpy.ndarray'&gt;</t>
        </is>
      </c>
    </row>
    <row r="481">
      <c r="A481" s="1" t="n">
        <v>479</v>
      </c>
      <c r="B481" t="inlineStr">
        <is>
          <t>Loss/classification_loss</t>
        </is>
      </c>
      <c r="C481" t="n">
        <v>6900</v>
      </c>
      <c r="D481" t="inlineStr">
        <is>
          <t>0.3516576</t>
        </is>
      </c>
      <c r="E481" t="inlineStr">
        <is>
          <t>&lt;class 'numpy.ndarray'&gt;</t>
        </is>
      </c>
    </row>
    <row r="482">
      <c r="A482" s="1" t="n">
        <v>480</v>
      </c>
      <c r="B482" t="inlineStr">
        <is>
          <t>Loss/regularization_loss</t>
        </is>
      </c>
      <c r="C482" t="n">
        <v>6900</v>
      </c>
      <c r="D482" t="inlineStr">
        <is>
          <t>0.037460916</t>
        </is>
      </c>
      <c r="E482" t="inlineStr">
        <is>
          <t>&lt;class 'numpy.ndarray'&gt;</t>
        </is>
      </c>
    </row>
    <row r="483">
      <c r="A483" s="1" t="n">
        <v>481</v>
      </c>
      <c r="B483" t="inlineStr">
        <is>
          <t>Loss/total_loss</t>
        </is>
      </c>
      <c r="C483" t="n">
        <v>6900</v>
      </c>
      <c r="D483" t="inlineStr">
        <is>
          <t>0.40386236</t>
        </is>
      </c>
      <c r="E483" t="inlineStr">
        <is>
          <t>&lt;class 'numpy.ndarray'&gt;</t>
        </is>
      </c>
    </row>
    <row r="484">
      <c r="A484" s="1" t="n">
        <v>482</v>
      </c>
      <c r="B484" t="inlineStr">
        <is>
          <t>learning_rate</t>
        </is>
      </c>
      <c r="C484" t="n">
        <v>6900</v>
      </c>
      <c r="D484" t="inlineStr">
        <is>
          <t>0.07995682</t>
        </is>
      </c>
      <c r="E484" t="inlineStr">
        <is>
          <t>&lt;class 'numpy.ndarray'&gt;</t>
        </is>
      </c>
    </row>
    <row r="485">
      <c r="A485" s="1" t="n">
        <v>483</v>
      </c>
      <c r="B485" t="inlineStr">
        <is>
          <t>train_input_images</t>
        </is>
      </c>
      <c r="C485" t="n">
        <v>6900</v>
      </c>
      <c r="D485" t="inlineStr">
        <is>
          <t>[b'640' b'640'
 b'\x89PNG\r\n\x1a\n\x00\x00\x00\rIHDR\x00\x00\x02\x80\x00\x00\x02\x80\x08\x02\x00\x00\x00\x83\xaf^t\x00\x00 \x00IDATx\x9c\xec\x9de\xc0\x14U\x17\xc7\x0f\xdd\xf0\xd0\xdd\xdd\xdd\xdd\xdd\xdd\xdd\xdd\xdd\xdd)\x9dJ\x83\xb44\xd2H("J\x89\x88\x98/\x8a\x82\x8a\x82\x81\xff\xf7\xc3\xdd\x9d\x9d\xb83sgvv\xf7\x89\xf9}x\x9e\xdd;7\xce\xcc\xde\xb9y\xee9D.\xfa\xac=\xfb*\xd4"\x04\x82\xfc\x81\xcb\xba\xc9\xf0=\x81\xcb\\\x8fJ]\xd68\x9a_:+\x91s\xdd\xf9\x07r\xf6~\x02\x93\x14\tk\x86\x15\xed\x07H\xd1\xe2IW\xa4L\xe4\xd1\xb3T\x1bo\x1c\xa1h\xf3\xf9V\x04\xf6Q\xac\xc5\x82\xe6\xa3\xf6\x13\x11Q|y\x11\x94\xb5\x1d\x11\x11\xc5\xf4\x86%\x9e\xba\xf5\xd1\x0f\xb2r\xeb\xf6\xdf\xfa\xb7\xf73\x93g\xeb5\xb4\x1ew\x88\x88^j\xc4\x93\xe2\xa8B\xb47\xa5\n\x1c\xb4\xec:\x11%,\xd8\xebk\xcf\xa5\x12\xbc\x9bHJ\x14G\x95\xa1\x94C\xa1&amp;s\xe4!\xf1\xf2u\x97_}\xa1I\xa2$\x8f\xe1U#\xb4\xf7k/\x8e\x8bK@\x88P5/,\xd4\x02\xb8\x84k|-i\x966D\xb1D\xe2\x13%\x04\xd0\x7f\xd1\x07\x17\xff\x87\xac\xd5\'\xc8.&amp;4n\x97\xb9\x97.\xfc\x00\xa2$Dt\xea\t\x882I\xe1o\x80W\x86/\x1ad\x9d(Q\x06\x83"&lt;R\xc5\xae,}\xad7p\x9b\xf4y\xdbu\x10\xd1\xa8\xb5\xb7)F\x05m\x0e\xf7\xff\xd3\xbd\xa3\xe8\xd9;\x10E\xf7\xe5O\x89&lt;\x172\xb7fID\xba1\xa2\x02\xecC\xc3!;Y&gt;\xbd\xe7_\x9c\xb2\xf5\x0b\xf6\xb9\xdf\xa2+\xc69X\'\xb5\xc1o\xf4\x827\x98\xd0\xa3\xe5\xe8\x03\x0e\x8b\xe6\xe2"\x82^\xedl4tW\x90%1\xe6\xe4cw\x94\x1a\x15)\xd9zI\xa8\x8a\x06\xa07\xe6\xd3k\xd6\x01\x10\xe5Q^\x8d\xe1\r/\xa9\x89\xa9\xfa\x9a\x9b\x88^\x02D\xd4a\xcaqy&amp;\xec\xc3\xfe\xcf\xf8\xf5\xff\xf6kE4"\xcaUgj\xc7)\xc7\xb5\xa5\x18\xc8\xffF3\xeb\x05\x90\xbb\xeeT=\x81E\xc2\xd9\xa5\n\x9dV)\xaf$Zr\xe4\x19\xbbZ\xab\xcf\x16nZ9y\xebO\xd7\x06\xb2Z\xd1o\xd1\x15\xd3\xfe\x15\x00{n\xdc|\\\\\\\x84\x08\xf22\x91\xdb\xd9Gn\xb6\\\xf9\xaf@\xa3Y\xc6q\xd8\x94n\xc9\x91g\xdaKu\xfa\xbdMDD\xc5L\xebI\xf3Q\xfb2U\x19C\xda\x1a\x95\xa8\xa62b\xa6\x85\x07\x9f\xa6\xaf8\xf2\xd6\x9f\xa0\x045\xe4\xb5}\xcf-\x10eQ\xe5\x90\xb1\xf2h)\x0e\xfb\xdbg\xfeEm\xe9\xb7_\xa9\xc5k8D1\xb0\x0e+\xda\x8f}\xf0\x95\x18\xa7\nQ.i\xee8s\xd7\x13\xe3\x1b\xa4\x98\x15M"\x08\xf3\x89FZ=\xaa\xf5\xd8@1+\x02\xa0\xf8\xd5\x8dc\xfa\x1eZ\xe2\xda\xfe\xc8\xe6\xe2\x12(\xfa-\xbcl;\xedk\xa0\\\x87\xb7\x1c\x14F\x8fH\xd9#\x1a\xdcT\xab\xb1\x07\xdbO:\x16La\x82J\x8c\n\xa1\x96@A\xdb\tG\xb8\xe1\x89\x0b\xf71He\xa9Nj"\'"\xa2"\xcd\xe7\xab\x16x\x1f\x00\x9b.\xfe\xa3\x9d\x8c\x02X\xf3\xfe\x9f\xbbo\x9a\x0eC\x13\x12\xa5\xf4}\x8bWM\\B-\x13\xb7&lt;\xe0\x05\x9b\xaf\xed;N\xc2B\xbd\x1cl\x01\x00\xd4\xe8\xbd)R6).\xf69\xfee\x84\xac\x10\xeb\xcf\xbf\x0e\xb5\x08\x11\x15\x07\x9b\x80\x90\xa8\\\xc9\xc8\x1a\xa8\x8c\xc3\xea\xf2B\x8b;[H\xd5\xee\xebu\xae\xc4!"\xa2l\xf3\xf7\xff`\x9c\xc3\x84\xcd\xf77]\xfa\x97\x88(V\xa5^\xf3.\x88\x14z\xec\x0b\xdf\xd2q\x9ez\xd3&lt;\xa1\tkV\xe9\xb6NV1\xf2)\xd7~\xe2K\x9f\x87\xaf\xfaX\xa4\x14-\xd9kN\x94\x7f]|\xf8\'m\x9cE\xbc@""J\xa5\x9bm\x8d\x89z\x97\x1c\xc1\xf4e\xd9|\xf9_J\xd7\x8c\x88\xae?7_\x97vR2\x97\xc8\x81[-\xa2\x1a\xe9+\x8e\x0c\xb5\x08\n\xfcY\x0b\t\x10[\xafi_\x8a\xe4\xf7\xde\x98\xbe)\xba\xfd\x84\r\xba\xcdz\xdf4\x0e\x80\x92\xad\x17\x13Q\xa7\xa9\'D\xf3\x8dS\x85(\x83vo\xa5h\xf3\x05\xaa\x9c\xe5_\xd9d\x1d\xc0\x1b\x8b\xcd\x85A\xf3\xb2\xf6\xfd?\r\x92\x08\xb7K\xf9,\xc9\xa3!\xba\x7f\xc9\xe9\xd2S\xf1\x07R\x94(\xb9\x9f\xc5\xb9DF2\xb4\xf0/}&amp;\xf3(\x91\x02w\xb0\x12\x95\x89\x93\xa7kh\x05\x90\xaa\xdfC\x87\xea\xe1\xe8u\x9ff\xae:\xd6\x92\x00\xf6^\x81\xa7\x004\x07\xb4\xf4\xb2\x1a\xb9\xe6\x13"\xcaPi\xb4H\xe7\xdas\xce9\xdf\x97d\xf5m\xc8\xc6#i\x9d\xfe\xef\xd8K\xe96\x11.\x11\x0b\xfb\x03\xd8\x81K\xaf9(\x87\x8bK\x84 m\xf9\xe1\xe2zC2\x9c\x99{\x99v0\xfc\x08\x19[V\xeb\xb9\xa1d\x9b%\xd6\n\x8b^\xdeZ|c\xe2TNP\xa0\xa7\xf4-~\xfe\x1ez\x11EV\x923UQ\x0c\\*vY\xcd&gt;\xdc\xf8\x151sv\xf2KN\x97\xa8\x86;js\x11\xa1X\x8b\x05\xe6\x91\x9c\xc6\xad\x9c\x8e\x91\xb6Y\xe0\xcb\x88\xa7:\xc5dJ\xde\xfa3\x8c.\xc7P\xf4\xc1~V\x86+?i\xa7\xe0\x19Tq\xbe\xf0\xaf\x88\xbb\xff\x04\xf5\xdc\x84Kd\xa0\xf7&lt;\xceY\x82\x88\x85[\xe9]\xfcd\xc2\xa6{\xcef\xd8b\xf4~g3$\xa2\xcf\x1d\xa8\xe7\xb1\x1d\x90\xc3\x808U\x9c\xcai\xfe\xfe\x1f\xd8{\xdd]`;\xdc\x1ff\xec\xfc\x8a}\x00p\xc2?\xa5\xd4 \x1f\\tqqq\x89Z\xa4.;T\x15r\xf9G\xb7\xcd\xd5\x92\xc5R\xecl5&amp;\x98GR\x92\xb9\xea\xb8p\xd5\xdb\xc5\xca\xd59\xd4"\xb8\xb8\xb8\xb8\x04\x9cx\xe6Q\x82\xcew\xc1\xe8\x0c\x1cWx,f%rL\xf3(Nb2Y\x07\xd0e\xfa\xa9\xe0\x88"/T\xffbN\xc1\x1cR\x97Q\x8f\xe1\\\\\\\x82\x86z\xe7\xc9Y\xb8mD\xb8\x9a+DJn\xfd\x11^\x9fp\xc2\x1a\xa7\x9f\x84W\xd9\xbc\x98[\xbf\xd2`X\xa5}\x9d\xf7\xae\x9b\xf6\xef][D\xa5\xae\xcex\xfep\xdfG\x17""J\xef\xe7\x19$\x97@\xe1\x0e\x93\xc3\x13\xf1\x8d/\xc7\xca\xd5)G\xadI\xc1\x11%&lt;\xd0t\xc4\xdeP\x8b\x10\xd4&gt;\xac\xdd\xc4\xf7\x9c\xce2\x9d\xdb\x07\xbb\xb8\xb8D(\x92\xd4\td\xee\xba\x8e\x08\xd3\x94\x1b\x16\xc8rm\x939\xd0\x8d\xf8\xf1G\xe1\xae\x93\xb0z\xcb\x7f8\xf1\x88\xb4\x1b\xff...\x028\xa7\x96\x19!HT\xb8w\xa8E\x88\x8aL\xd9\xfaE\xa0\x8b\x08\xfe\x84\xe9\xaf\x10\xe9\xf4F\xd4\xde.i=\xf1\xa8+N\xfc\x1a@I\\"\n\xe1\xcd0\xa1\x8b\x8bK8\x01\x00Q\xb6\x80\x16\xd1h\x88\xf3\x1eH\xbb\xce8C\xd1\xcb9\x9e\xad\x8b\x8b\x8b\x8b\x8bK\x90\xc8\xd7\xc0\xd0JFx%\\\xed\xadJ\x87\x98\xcb\xb6_\x1eZI\\\\\x82A\xb8z\xfdBK\xd9\xf6+B-\x82\x8bK\xb0\xf9I\xd6\x02\x8cZ{;p\x05\x15n:W\xde\xda\x14\r\x85\xa98\x17\x97\xf0\x85\xdb\x013n\xfc\xea&gt;\x07\x17\x97\xc0\xd2x\xd8\xee\x9f\xdd\x06\xc7\xc5E\xce3\xf7\x95 \xa2L\xadC-\x81\xbf\xa4\xaf\xc0QPp\x07X.\xa1E\xa4\x06\x9e\xff\x1e\xbf\xb9\x15\xd5%\xaa\xe2\xb0\xef\xf4p\xce\xc1\xbb\x9eW=C\xa5Q\xa1\x95$\xb0$\xac\x19j\tt\xd16\xca\xe9+F\xea\xdf"\xc2R\xc9\xeb\xb9\xc8Oj\xf5\xd9\xa2wIV\x19\xb28R\x96\x8b\x8bKxd\xef\'\xd0r\xea+w\xe8\x1dz\xaat_\x17j\x11\x82\x8d\xa1\x1b]\x13K&amp;\x11\x8eKOu\xdf\xb2\xf8\xf9{\xb0\x17\x93(Q0Erqq\t")\x1bz\xbd\xaf\xc4e\x01-G\x1f\x90\xbaa\x16R\xa6\xdd\xb2 \nd\xc9\xb0p\xa4\xc4}\x02|.\x85\x0b\x7f\x15E\x82TN\xf2\xfa\xae[$\x17\x17G\x89_=\xd4\x12\xa8\x01\xb0\xf3#\xdfK\xde|\xd4&gt;)\x9c\x11V\xb4_\x88D\x8b$\xd4\xed\xbfU&lt;rD5\x1f\x11\x14\x9c2\xa1\x1c!HT\xa87\x80\x90\xf8\xcfv\x89\xf4\x84\x85Z\x80p\xc1\x90\xe5\x1f\x86X\x82\xa4\xf5\x00P\x86\x96\xb2\xa0\xa2\xf3\xf6}ODm\xc6\x1ff\x1d\xf0\xa1\xfb\x91y\x0c\x1e\xae&amp;\x19i\xca\x0e\x0b?\xc2\xb8\x04\x9a\xca\xdd\xd6\x86Z\x04\x17\x17\x97\xd0\x01`\xec\x86;D4a\xf3}Ypl\x92\xcd\x80\xedu\t\x11\xa2#\xb9\xf9;\xf7\xeeR\x86N\xf8\xe8\x81\xc96\xb0\x8e\xb3\\D\xd0j\xe3W\xe9\xc66\xf8s\x00\x88\x93\xa7\xab^\xc2\x08\xf1*\xb9\xb8\xb8X\x06@\xf7\xd9g)e#\x00r\xd741svRu\xc0\xc1i\x05\xdc\xb6\xc6\xc5E\x85\xfbR\xb8\xb8DN\x00|\xf4;\xba\xcdz\x1f\x00Q\nop\x01\x95Ft\xe9v\xcb\xfe\x12h\x056]\xfa7\xa0\xd2:K\x97\x19\xa7C-\x82\x8b\t\x16\xfa\x9eX\x15\x1d\xc8\xc4\xc5\xc5E\x8e\xfb\xf2\xf0\xc8\xf7\xd6Ig\xbc\xa0\xb4\x1a{0Y\x89\x01\xe4y\xce\xbe\xd3\x0e\xaa\x0eX0\xb7\x0e\x93\x8fk\x03\x93\x97\x18\xc8\x8d\xbc\xfdF\x00~Y+~\xa9\xdd\xaa\x15a)\xebx\x8e\xe1\xa12\\\xd4?\x92\xe4\xe2\xe2\x129\xb9\xfb/\xff\xb5\x97\xf5\xbe\xd9\x03Q.\x80\xf0c\xf66&lt;\xb4\xbf.\x91\x97\x94\xa1\x16\xc0\xc5\xc5\x8c\xf8\xf9{\x84Z\x04&gt;\t\n\xf4\x0c\xb5\x08\x01%?\xcf_M\x02\xd6\xfbf\xac4:p\x05\xcb\xbb\xbd\xa0w\x81\x05"\xaejR\x14\xb4\xce\xe1,\xf2sw...\x81#\xa7\x8d4\xed\'\x1du\\\x0e{\x04\xb3[\x9a\xb8\xe5\x81\xa4o\x15\xe0\xc39%\xfdL_\xa0\xd1lG\xe4\x08"\xb1\x9d\xcd\xee\xc0\x1d\xb7\x0b\x89\x90\x1c\xbeo\xeb\xcd\x8aW5\x00\xb2\xb8\xb8\xb8\x88\x11\xd0\x9e8y\xc9\x81\xaaM\xdf\x7f\xc3\xc3\x92l\xacJ\xa1\x96 \xfc\x92\xa8p\xefP\x8b\x10\x91\xc9\xda\xd6n\xca\x8c~\x96\x9c\xbb\xee\xd4\x0e\x93\x8f\xe9]\xad\xd1{\x13Q\x02\xf1\xdc\xfe\x17\x1e\xdeS\x17\x97\x88L\xe6P\x0b \x91\x9c\x92\xd4!"\xa2\x12N\xe4V\xda\x89LD\x91&lt;\x96G)b\xe5\xea\x14j\x11\xc2\x11=\xe6\x9c3\x8b\x92\xea\xf6k\xfe\x044F\xce\x8eb\x858\xf2jd\xf2;\x87\xb8\x0eH\xe1\xe2\xe2B\x946\xd4\x02H8i\xf3\xbdh\xf3\xa0*X\xe9\xac\x10\x04u\x10\xe0\x12\xce\x01@\x94Z0r\x89V\x8b\x02*\x8c\x8b\x8b\x8b\x8b\x8b\x8b\x8b\x1a\x00\x14\x97\xb3\xedZ\xb9\xabk&lt;\xd2\xc5%\x90\xb8\'R\\"\x04=\xe7\x9e\'\n\xd7\xee\x8d#\x1f\xe1\xa7q\x88XFo\\\\\\\\\\\xc2\x0b\xa6z\xec\xf1\xf2u\x0b\x8e$\x11\x11\x00-F\xef\'\xa2FCw\x85Z\x16\x17\x17\x17\x97\x88\x8cj^\x15~\xa6Y\x01b\xd9\xb1\xe7\x91\xfe\x1e\r\x90&lt;~\xcaI[n\xb8*\xa4\xd7\xdc\xf3\xbaO)i=J\xd7\xccq\xc1\\"\x15\x8d\x87\xedVU\xa0Z}6\x13\xe5q"o\x8fm\xa6\xde\xf3.d\xaa2V~!*\xbf\xd8:\x88j\x9d\xb8\xb8\x04\x07\x00\x06\xa6\x9b\xc5\xf96b\xbe\xec\x89\n\t\x1d!3:\x8e\x9f\xae\xb9\xdb\xd0\xb9\xe8\xb2\xed:\xdf\x9e\x03\x00\xe6f\xc7\x89B\x8a9\x91I8\'Z\xa8\x05p\x91\xb0p:\xd3%\xc8\x8c\xdbp\'\xd4"8B~e\xdbXR\xe5\xa3L"\xc0vr\\"8\x00N&gt;\xe6\x98\xf2o;\xe1H0\xaaN\xea&amp;\x0ee\x14B\xbf\xb0\x8c\xc2!-\xddEI\xf4\xf2\xa1\x96\xc0%\x92\xa1X\x9d\xf2\xb6\x8dqdaq\x88\x92\x06Y&amp;\x97\x08\x0f\xd7\x91\x8e\r\xef:...Q\x99\xc4\x85\xfb\x84Z\x04\x17\x97\x88F\xdb\tGH\xb3\x1d\x9b\xae\xc2\x08\xc7;`=7\t\xe1\xb6\x8f\xbf\xfd\xda1\xc1\xb8\xaa\x1c\x11\x8aT\x9c\xb0\x18\x15\x82.\x86c\xd8\xabu\xe1\xb6\xaeF\x02\xce\x7f\xef&gt;[\x97(\xcc\x1b\x8dz\'\x80{o\x02\xfeV\\\x7fa\xb3\x88\x80\xb6\x86-\xc7\x1c "\xa2\x1c\x9a+\xf9\xb4\x91\x13\x14T\x8c-\x02\xe2=\xd7%\x1c\xf0"\xcau\xc0i\xcc\xa3dl\x15x1\\\\"\'*\xdb\x8a\x9e}\x8e\x87\x81Y\x7f\x8e\n\x8bT\xf3\xf6\xff\xb0\xeb&amp;\xe7\xb9\xb9\x93\'.\x11\xeb\xb1t\x9az\xc2\xb9\xcc\x928\x97U\xa0p\xea\xd7\xc9Z}&lt;QnG\xb2rqq\xf1\x17\xff_l\xab9\x00\xf8.Xm=O\xb6\x0c\\\rI\x97\xa8\x00\x00\xde\x98\xccu\xfc\x1e\xc1\x98\xbd\xf7[k\t\xd26\r\x8c .\x91\x10\xde&amp;_\xc4g\xd6\xee\xaf\xbd\x1f\x0b\x86R\x8e\xc8F\x99P\x0b\x10N(.\x12\t\xc0\x88\xd5\xb7\x02,I\xc0\x89\xa0\x07yC\xc5\x88U\xb7"\xd6\xea\x8e\x8bK\xe4$2\xbe\x87\xc9B-@\x84\xa1\xf9\xa8}\xcf#a\x050g\xc5\xf1\x17\x1f\xfe\x16\x15o\x9c\xe1\x1e!qqqqq\xb1C\xee\xbaS\xfd\xea?b:`&lt;\xcb\xc5%\n\x10\xabR\x88Fj\xb9BQ\xa8\x8b\x10\xc7\xbep\x07\xefQ\x9c\xac\x8ao&lt;\x7f\x7f\xfa\x04|\xbb\xa7L\xfb\xe5\x81.\xc2\x06\x87\xef\xbbo\x8d\x8bUbU\x92}\xc9\x1921"\x17]g\x9c\x0e\xb5\x08~\x11\xa01Y\x14_\x94[\xfa\xde\xcf\xa1\x16A\x98x\xd5\xec\xa5\x1b\xb5\xe6v\x10~\xe5b-\x17\x06\xba\x08G\x89\n\xb6x]"\x10q\xab\x84Z\x02\x17\x97\xc8A\x08\x8c\x90\xebw\xb1Q\xc9\x9bH\x8a\x86\xa1\x96\xc0\xc5%\xca\x93\xaa\xf4\x90P\x8b\x10%0\xf5J\xeb\x12D2\x86Z\x00\x17\x97\xc8\xc2\xf6\xebQza\xd0Y\xa2\xf8*\xab\x8b\x08\xc1\xac$V\xcbJ^b`\x80$qqq1 \x8aX\x06\x08\xd6\x81\xe0D\xb5\x82T\x90K\xc4#\x8bX\xb4D\x01\x15"\xfc\x13\xc1\x86\xb3\x89k\x87Z\x02\x17\x17\x17\x97H\x87\xe3=A\xebq\x87\x9d\xcd0R2{\xcf7\x96\xe2;m\xec6\xad\xde\xef\x9e\xa7\xde4G\x0br\x89\xc2\x087.Qd\x8a\x1c\xf5p\xed\xe9\x07\x13A\x0b\x85\xe9\x9aS\x86\x16\xb6\x0b9x\xd7\xe6\x88!I\x91\xbe\xb6\x0bu\x96\x90O\x7fs\xd6\x9e\xc2\t\x8dV.*\xd8\xb4w\t\x1e\x00(\x06\xdf\x81\xb9\xf1;0j\xedm\xf6\xc1\xf6\xdbn\xb5\xc4\xf0L\xc4\x95\xdc\xc5O\x8a\xb5X\xc0&gt;$*\xd4[S\r\n(\xbeen-XOdVT\xf5\xc8\xa0w!~\xfe\x1e\xf7\xff\x0b\x1f\xb51]\xf3PK\x10J\x96\x1cy\x16j\x11\\"2\xc6\x8d\xc5\xc4-\x0f\xa4\xcf\xd9kN\x0c\xbc8\xe1\x19\x8eu\xc6\x91\xab?\t\xbe\x1c.\xa1\xc5\xe28\xacP \x04\xa8\xdd\xf7m\x8aV\xce\xf1\x9c]\xf4\xd0\xfb\xd1\x07/\xbf\xf1\xc13\xdf\xa5&amp;\xc3\xf7\x04K"\x97\x08O""\x8a\x9b\xb7[\xa8\xc5\x88\x00\x8cY\xf7\xd9\x1f\xee\xf4\xd7E\x87f#\xdf\r\xb5\x08Q\x94FCw\x85Z\x04\x05\xee"\x99\x8b[\t\\tq\xeb\x86K\xf8\xa1\xdd\xc4\xa3\xa1\x16\xc1\xc5\xc5y\xb2\xb1\x7f\xfb&gt;u[[\xfb\xa4\xaf82\xd4"\xb8\x84G~\x8a\x02\x83\x18;\x03\xb5\xb0\xbaVS\\y\x16n\x9fd\x01"*\xd7a\xc5\x87\xbf!a\xc1^\x0fx\xdb\xed\xb9\xeaL\r\xbaT..\xae\x89\x1c\x97\xa8M\xab\xb1\x07C-\x02\x85\x13\xf7\xde\xeb\xcf\xff\x15\x925\x95$E\x03\xad\xc8\x1d\xe6\xf9\x9f\xa2\x01Q\x91z\x03\xb6\xa9.W\xeb\xb1\xde\xf5\x99\xedb\x87\xe4%#\xb3\x1d\x1c~s\x90\xbaI\xb0\xe5pq\xd1\x12\\3\x0e\xeev\x83}\xe2T\t\xb5\x04.Q\x8f\xf01\xb4\x8f\xd4D@K:\x0b\x0f\xfd(\x12\xad\xff\xe2\x0f\x02-I\x84D`av\xd5\xe9\x97A\x10$@\x84\xb6\x9bw\x07\x19.Q\x15k\x0eD]"\x1a\tk\x12\x11%\xab\xe7\xae\x1fD\x04J\x85Z\x80\xf0\x88\xdb=\xbb\x84GF\xac\xfa8\xd4"\x84\x9c\xec\xa1\x16 \xfc\x13\x83\x84\x9b\xb0\x98\xb9:\x19]\x8eSY\x1b\x96\xb6\xfcp[R\x85\x88d\xf5B-\x819\x15:\xad\n\xb5\x08\xe1\x9f\x98\x8e\xe7X\xa8\xc9\x1c\xc7\xf3t\x89\xd8\x18\xb7\x9b\xbb?\xb660\x0co\x87\xed\x82\xcf\x85\xff\xb9Ci]\xce\x7f\x0f\xe3\xfa\xf6\xeem\xf7\xe9\xb9DZ\\w\xa5.\x8e\xa3r\xd2R&lt;4R\xb8\x10\xc5\xc8\xd1!\xd4"\x98\xb0\xc1L\x15\x16@\xa6*c\xe4!\xf5\x07m\x0f\xb0P\x11\x89\x9f\xa3\xc0Ji\xb1\x16\x0b\x03\x94s\xafy\x17\xacD/\x1a 1\\\\lb\xba\xcc\xa8\x17\xc1\xb5\xa2\x15\x1c\x8e?\x12i\xa0\xc3\xd1\xf10U\x85\x01\x10\xe9\xfb\x98\x92\xad\x97\xf8\x93\xdc\xdd\xadt\x96,U\xc7\x85Z\x04\x97\xa8J\x89V\x8b\x9c\xcc.c+\xd77\x88\x8bK@Yq\xfcE\xa8Epqq\t\na\xc5\xfa\xa9Bf\xeez\x12\x12I\xa22\xa5\xdb.\x0b\xb5\x08.\xce\x91\xa5m\xa8%\xf0\x97\xf2\x9dV\x86Z\x84``\xb6\xd8\x90@\xf95?\xfb\x97\xac\xf8\x80\x00\xc9\xe3\xe2\x12\xae9\xfbm\xd4Z\x9d\xf3\x7f52\xd0F\xf2\xdc\xf5R\x97\x08\xcd\xd5_\xacU\xe0\x189:\xbau\xde%\x80\xf4\x98s\xcev\xda\xf2\x1d\xa3\xc4\xc0\xd9)L7\xcec\xe4\xe8\xc8\x0b\x8e\x16\x08a\xecQ\xa6\xfd\xf2P\x8b\x10r\xe2\x86Z\x00\x97 \x01\x00@\x94w\xc6\xea\x12H\xba\xcf:\xeb\xcf\x10\xef\xa3\xdf\xdd\xe1\xa1\x83\xc4\xd2\xbb\xb0\xdf\xf5\xae\xe1\xe2\xe2\x07\xfd\x16]\xb1\x9a\xa4\xc1\xe0\x1dD$\xadE\xbb\xb8\x84\x80\x12\xad\x16\xb3\x0fU{\xacwWc\xa2*\x99\x03\x16\xd9\x19J\xb6^\x1c\xfcB\xc3\x03\xd3w&lt;\x0e\xb1\x04\xd1\xca\x85X\x00""\x8a\x9d\xa7K\xa0\xb2NX#P9\xbbD\x012\x99\\\xcf\xd0\x92\xad\xb4\x04E\x18;\x00\xb8\xf6&lt;d\xe2\x8d\xdbx7TEGP\xfe\x17\x8a\xba\x14\x9e+\xb0\n\xd5\xc1h\xbfI\xe8hn\xc1`\xc8\xf2\x0f\x1d\xc8%z\xf9\x1c\xb5&amp;9\x90\x8f\r\xe2U\x0bM\xb9.Q\x92|\xa1\x16\xa0@\xa8\x05\xf0\x97\x08\xd4=\xa8\x88\x9d\xbbs\xa8E\x10!\xfb\xa8\xb5\xb7C-C\xc0\xc8\xd02\xd4\x12\xb8\xb8\xb8\x84\x03"nG\xa2\xa5\xc9\xf0=\x9a\xb0\x887\x99\x10$s\xd5\xb1\xa1\x16!b\xd3r\xcc\x81P\x8b\xe0b\x8e\xca6d\x1c\x7f\xd6\xa5\xd3\xb7\xb0\xd4\xdc\x05\xfa\x00\x82\x8bK\xa4\xea\x80]\xec\x11&gt;\xeb\xc0\xe9\'\x000b\xf5-\xa24D\x14;w\x97\x989\xd5*\xe5\xe1Sr\x97\xf0\t\xdb\x98\x8b\x9f\xbf\x87\xceu\xf5\xd9\x04\xb7v\xb9\x10\x11]y\xe6\xd6\x03\x97\x00"\xde\xd0T\xea\xb2&amp;\xa0\x92Hh\x95\x18\x12\x15\xea\xad\x95\xf3\xd4W\xee\xab\xe1b\x89l\xe2Q\'\xbd\xfdy\xe0\xe4p\x89T4\x1d\xbe\xd7O\x9f\xbe5{o&amp;*\xed\x908\x11\x8aL\xadl$rG\xc7\x01\x85u\xc0\xe37\xdd\xd3\x06\x06G\x80\xb8\xf9\\\xd3\xe8\x11\x8a8UB-\x81\x8b\x0bQ\xe2\xc2}\xdc\xbe!\x08\xe4\xac59\xd4"D^\x92\xd6\x85\x17\x16\xf0\x07\x14\x04A\x84;\xff\xb8/\x11\x97\xa4\xf2/\xdb\xae\x8b=\xa5\xe4\rl\x94\x94\xb3\xf6\x14\xf1\xc8\x81\xa8\x15\xd1\xb2\xb5s&lt;O\x97\xc8\xcc\x9c\xbd\xdf\x02\x08\x84\x9f\xea\x88@\xbcP\x0b\xe0\xe2\x18\xde\x8e\xb6\xb4\xfc+#\xf4\xc7d]\x88(K\xdbpu\xd6q\xf6\x9eol\xa7\xd5\x98\xabK\xe6\xa70.Q\x9c\xf8\xa1\x16 \xd0\xe4\na\xd9AntR\x95\x19\x12\xcc\xe2\xc2\taE\x15.F\x82&lt;\xfd5%]\xf9\x11\xec\xc3\xc9H\xb2\t\xad0\xc6\xf9L\xec!\x03\xa0\xb4M\x03#OHq\x0f\x89\xb9\x04\x9a 4d\x85\x9b\xce\x0b~\xa1\x0eR\xb3\xcff\xd2\xc8\x9c\xa3\xd6\xa4\xe0w\x03\x89\n\xf5\x0efq\xe1\x84Io\x7f~\xe7o\xdfs\x0ej\x07\x9c\xb1U\xaf\xb9\xe75\xa1y\xe4\xc2|\t\xbc{\x9b/L\xc4\xaa\xe7DDT\x86(\xba\xd54\x00\x9a\x8f\xda\'}vZ\xa4 \x13\xe1-\x13\xb8\x84k.&gt;\r\xec\x1b\xa2y\x03\x93\xbd\xf7\xb9n\xf3\x14\xa1\xce\xb0\x1a7L9"~\xd3\x13Ny\rl\xb9\xf2\x1f\x80\xde\xf3/\x9a\xf6\xbe\xa1\xfe\x15\x92\xb0\x7f\x7fY\x11\xc3!\x17\x96i\x9c\xc8\xc4_\xa2\xe7\xe8\x10j\x11,\xd3{\xde\x85P\x8b\xe0\xe2\xe24}\x17\\~a\xd6\x0c\x018\xf98J\xf4[q\xf3v\xf5\'\xb9\xb3\xfd\x8a\xd5\xdc&amp;ny@\t\xaa;(@de\xf3\xe57\xec\xc3\xac\xdd_\x07\xbd\xf0\xdcNf\x96\xa8\x96\x93\xb9E\x04\xe4/E\x89V\x8bB(\x89K\xa4%h\xf3\x83\xe1\xab&gt;\x06 \xb3\xdd\x9f\x9e\x15\xad\x12\xc0;\x9ba\xca\x0e\xa9\x82#[h\xb0u\xc6)\x1c!|\xba#\xd4s\xd0P\x02\xc0\x86\x12\x90\x85\'\x96\xaa1/4\xa3\xd5\x12\xcd(\x10\xbe\x7f\xc4\x94\xf2/G\x1f:#j\xf8Q,pq\xf1\x17\xa1\x8d\xba\xd8\x95\xbdq\xd2\x07K\xaep\xc1\xc8\xd5\x9f\x84Z\x04\x0f\xddg\x9f\r\xb5\x08\x11\x05\xb5\xdf\xba\x91k\x04\x7f\xc4\xe2\xc6\x97;L&gt;\xf6\xdcv\xbb\x9f\x9a\xdb\x1f;O\xf4\xec\xaa\x85\xe5R\xdch\x13\xb7&lt;\xd0\x06*\x1b\x01\x0b\xe6/\x041\xeb5\x85\x16\x06\xdc\xde\xd7%\xf2\xa0TU-\xcc\x02\xcbvXA)\x1b\xe9G\xb3L\xc1&amp;s\x02\x1a\xdf2I\xeb\x05*\xe7p\xa0\x8dY\xb0\xf1\xecP\x8b\x102R\x97\x19\xaa\t+X\xaa\xedRG2gj\\\x8ed\xe5\x18\x89\xd5\xeb\xcfZ=\xcaH\xc6\xa0e\xd7C-\x82K\xf8\x06\x80\xedS7e\xda/wV\x18\x03\x06/\xbf!\xefY\x9b\x8dx\x97\x1bm\xe6\xae\'~v\xc0\xb1sw\xf1KP\xeb\x0c_\xf5\xb1q\x84\'\xce\xb7\xa4I(q\xed\xfe\xd6\xfd\x8d;NX\xb1~\xe6\x91"\x05f\xb51E\xfa\x8a#\xf3\xd4\x9b\xe6TqB\x96\xb6\xac\x8c\xedr\xd6v\xdc2L\x06\xa73\x0c\x01S\xb6~\x11j\x11\\"2\xfe)+%5\x8f\xe2\x1cP\xc2=\xcf\xae\x8e\x13V\'\x98\x12\xfa\xc9\xfa\xf3\x7fq\xc3\xd9\xbdX2\xdcc\xca\xd1\x87HWa\x84\x83\x19\xbaD@\xe2k\xd7\xc0\xe5|\xf0\xb3\xb7q\x08\x07\x8b%AFgC\'Q\x81F\xb3\xa2go\xcf\x86S)K\x0f\x0e\xb2T..AE&gt;o\xd0t\xc0r8&amp;\x8d\x00P\xba\xe6A\x146\x80d\xaf9\xd1\xd9\xcd\xa4\xce\xd3N\x05\x7fwj\xed\xd9W\xde\x8f\xfc\xdd\xbe\x88\xb2av\xf7_s9\xcf~\x1b\x01\xee\xe5\xe0]c!\xb3\xdb\xfeE&amp;\xbf\xf3P\xef\x92q\x9e\x00\xfc\xed\xefcV\xe4\x87[\x19\x8e\xc7\xb0|\xf0)\x8c\x1b\xean\x03\xbbDP\xa2\x15i\xa6\xd8"2\\X.L\x9a\xde\xf7\xea/n\xbd\xd7\x05@\xe3a\xbbC-\x85 yC-@\xb01l\xb2\x95s\xd6\xe8\xe5\xfd*)qm\xbf\x92s\xc8\xe3\xaf\x93\xecL\xad\x1d\x92\x84\xca\xb4\x0b\xde\x1e\x99\x1e\x9d\xa7\x9d\xcc^sb\xa8\xa5pq\xb1L|\xa2\x14\xaa \x83\xe1$[P}\xeb\xe4o\xb2~\xbaP\xc0e\xf4\x0b\xb5\x7fP\xdb\x1c\xba\xa7y&amp;z\x93\x00/\xb7\xfe\x0c\xcd\xe8\xa4z\xcf\r\x0b\x0f\xfd\x18\x98\xbc#\xf6\x9e\xe2\xb7\xb2\x8a\xdd}\xd6\xfb\xfef\xa7\xdf\xb3&amp;/9\x90\x88\x88\xa2\xab\x0e\xde(\xe0\x1fL\xb2C\xf5\x9e\x1b\x88\x8a\tF\x06\xf0\xe9_\xd2s\x10\xb2\x01\x92\xac\xc4\x00[r\x05\x88\x9c\xca\xaf%\r#\'\n\xa0 .\x11\x0e\xa7\x8e\xbe\x05\x02x\xcf\xfb\x02P\xcd\x8c\xbd\xb0\x99A6\x16\xe7\x9f\xc0,\xfb\x94ngj](\xaeY\x04\x9b\x18\xaeei\x9b\xaaL\xc6\xb9%,\xd4\xcb\x7f\x91\xc4H`zf\xc6%g\xad\xc9{n\x85\xdf\xb7O\x8f\x06\x83v\x18\xfb\x18=|\xdf\x9a:\xa4\xad\xd5Z\xa3ml\xc7qV\x15\xc3\xc5\x85\xc2\xfdL\x91^\x00\x00\x12\x14\xe8ID\x00$\xc3@jbV4\\\xa6\x8eBl\xbd\x06\xcd`&lt;d\x98\xfc\x1c)\x1a:_dX\x9d\x88U\x07\x004\x18\xbc\xc3\xd9\x0c\x1d\xcc\xcd\x1f\x9cx\x1f\x1dsD\x06\x802\x86\xc6vM\x9a\xb2\xc3\xa2\xa0.\x9bK\x90\x88\x97\xaf{@\xf3Wic\x1d\xb8\x03"\xa2x\xd5\x8e?\x92\xc2\x8b\xbc\x88\xb8\xbd\xaf\xcc \xd4";+\xb4\xb1\x9c\x13%\xd8\x04\xe6\xf7J :\xa1\xcc\xd26\x00\xa5[\x06\xc0\xe0\xe57\x02^\x8c\xd9\xc6\x84\x01\x9d\xa6\x9e$\xa2^s/X\x9dq\xa6);L\x15\x92\xab\xce\x14\xf6\xa1\xe5\x98\x83\x162\xca\xd4:v\xee\xce\xbc\x0b&amp;\x16\xbb\xaa\xf5\xd8 }n5\xd6J\x89\x8e\xd2c\xf6Y\xa2|\xa1*\xdd%\x92\x13\x88f\x94\xf9\x0b\xe2R\xbb\xdf\xdb\xbe\xc9n\xda\xa6\xee\xc4\xd7\x12A~P\x0b\x0e\xfc/h%\xb6\x1ew\x88\x98y\x163\xdaM|\x8f\x88(u\x93@\x88\x91\xa8poK\xb7\xecg\xed\x9d\xb0\xf9\xbei\xfe\xd3w&lt;\x8e\xe8/\xc8\xd4m\x8f\xac&amp;\xa9\xd5wK\xf1\x96\x0b\xcdb\xa9\xf6\xc2\xdd\xadY\x97\x08H\xd5\xee\xebB-\x82\x1d\x16\x1d\xfaQo\xc38\xe2\xf8`q\xde\x14\x9fS\xc4\xcf\xdf\xc3\xff\xb1\xd1\xa8\xb5\xb7\xadDO\xeeOYNa\xe9\x96\xe3\x17\xe8!\xe2\xa7=$=h\xf7Yf\x86EcT\x08\x8a v\xe85\xd7uI\xe4\xe2BDi\xc2\x99o\xed$u\x88r\xb1\xe3\xb0A\x98@G\xf1\t\xfa\xf8\x8dw\r\xae\x9aN\xe0"7\xf7\xde`\xf3\xe5\x7fEb\xfe\x0e8xJ\x87K\xc7\xa9\'\xac&amp;\x89\xca\x15\xdb\xc5%\x94D8[0\xa9\xcb\x0c\x85!D\x05\x9d-qH\x10\xf6\xf6t\x89\x1f\xba\xa2#4\xe9\x82XV\x11"R\x9f\xb8KXS7z\xdaf\xd3w&lt;6\xca/s\x9b\xfd\x9f\x85\xff\x1eQ}\xc20\x8a0~\xd3\xbdP\x8b\xe0\x12a(c5\x01\xe7@jx\xc2\xb8\xeb\r\xcc&lt;8\x01\xa5ib+aaG\xc5p\x89$\x18\xd7\xcf+\xcf\xecT\xe0\x1c\xb5&amp;Q\xdc\xaa\xd2\xd7\xed70d\xf9\x87v\x84\xb3\x8f\xc9\xa99\xff\x89_\xa0\x87\xa5\xf8\x1d\xa7\x1c\xd7\x84euJ\x18\x17\x97\x88\xc1\xaf\xce\x1d\x1b\xd0v\xb4\xf9\x1a\xcc\x18\xb0\xe4\xaa6\xfc\x1f\xc0\xbb`\x9e],o\xdd\xce\xd2nw^\x92\xd25\xcf\xdfp\x96\xad\xb4\x91\x9c\xbf\x82\xbb\xe0\x19\xe8\xf5\xd5O\xff\xb2\xd0e\x9a\x0e\x10\x03\xe0\xb7#Hd\xae:.\xd4"(p\xd7\xd5]\x82H\xe0\xd5(\x1e*+\xb4\x8e1\x8d@1u\xdb#\xe5\x1c\xd7\xe7\x00j\xca\xd6/\xfc\x9a\nG+gpq\xee\xbb\xdf\xf9)\xb9U\xb2V\x1f\xafw)E\xc9A\xf2\xafq\xf2t\t\xb84\x11\x8c\xd4\xa1\x16\x80\xc3\xa9\'\xf2z\x18\xce]\\\xc7-cn\xa9\xc6)\xc2\x82U\x90\x93\x00\xf8\xd7\xed\xda]\xa2\x14u\xfa\xbd#\xf5\xa9\x99\xaa\x8c\xd1\\/\x9a\xb7\xfe\xf4\xd1\xeb&gt;\xd5v\xc07~\xb5\xf9\xaa\xe4\xa8\xe5\xb8\xef6\x97(J\xd9\x0e+Z\x8d=D\xe6\x8e\x13(c\xe5\xd1A\x91H\x9f\xa4uC,\x00\x1f!\x93\x96\xc6\xf4\x9csN&lt;\xb2\xce\xd8=\x1eel\x05 \xc8N\xe4\\"\x15k\xce\xfc\x11j\x11\xac\xb1\xee\xec+\xd9\x8cVw\x17\xa7t\xdb\xa5\xdcIp\x92\xa2}m\x14\n\xe0\xa9\x1f\xe3\\\xee\x0b\xac7#W\xcek\x8b\xd8.\xd4\xc5*\x013j\xad\xa6\\\xc7\xb7\x04c\xc6\xcd\xdbU\x15\xf2\xd9\xdf\xb0\xe3\xca7\xad\xe9\x99\x85T\x96\xf3\x0c\x156\x950\x14\x94j\xbb\xd4\xffL\\\\"!\xc6\xcb\xc5RW\xdag\xc1%CK4\xa9\xec\xafB;M\x10\xcaMT\xa8w\xa0\x8b\x08:\x01?\x0c\x1d\xc2*a\x00\x807L\xaa\xccm\xb4W\xfb\xcc\xbf\x18~d.\xd0(\x04j\r\x8f\xec\xde\xfe\x9c\xbd\xdf:+\x89\x8b\x8b\x9a\x02\x8df\x87Z\x04\x0fM\x87\xef\xb5\x97\x10\xc0\x91\xcf\xf9\xef\x98\xbc+\xcd[\x7fz\x92\xa2}O?\xc1\xc0%WM#\x07\xa1\x03NUf(\x11\xa5-?\\{)V.\xae\xc9=\xfb\xc8w\xdc\xeb\x0e\xd8\xca\x8f\x94\xa9\x15Qfr\xd5O\xc2/z\x07\xe4\xa2\xdb\xfb\xc9\n7\x9d\x07\xc0_\x87\x86\x0e\xd1s\xce\xf9P\x8b\xe0/\xe1\xa7-uq\x11e\xde\xbe\xef\xcd\xa2\x84\xd9\xce\\\xde\x95f\xad&gt;\xe1\x89\xf7s\xe9\xb6JU\x91\xe4\xf5k\xf5\xdd\x12\xf8\x0e\xd8\xc8o\x0c\xc3\xea\xaaf\xd6\xea\x13D\xa2u\x9dy\xa6\xc5\xe8\xfd\x96r\xd6c\xe8\x8a \x1fP\xb1\x87\x89}\xe0\x88H\xf2\x12\x03\xb9\xe1\x1f\xfd\x8e\xed7\xf4*jR"26\x8b\xbd\xf7\x13\xe5\xd5X\xa2\xf6\xa2=\xb6&lt;#&gt;\xc9J\x0c\x08\xe2\xa0S\xbe\x0b\xe6\xc0\xe6\xb4\x8bK\x88\x11Y\x7f\x06Pw\xc0V\xe9\xf3\x7f\xca$\xdc\xae\xd7R\x07\xac\x173U\xe9!\xc2\xf7a\x83\xb43v~ED\xd9kN\x92\xc4\x000r\xcd\'\xf6\xb2\xfb"b\xcd}\x1dU\xdd\xbf\xf2\x93\xf9\xbd\xc7\xc8\xd1\xd1\xc1\x12\x9d"U\xe9!\x00b\xe6\xec\xa4\x17\xc1RMNSN\xe1;\x01\x06\xce\xc7\x1c"\xf8+.\t\x94g\x82\xe3\xe4Qo\x9c\xf3\x08\xef.\xe3\\\xa2\x14\xf1\x88(w\xddi6R~\xed\xe8\xfbf\xdcg\xc8\xbb\xd26\xe3\x8fH\x9f\x8f}\xa1JU\xc4\xcf\x0e\xd8G\xd2z\xbf+\x1d7I\x9f\xc5\xdes\xff\x88Y\x91,\xb8s\x8f\xc0\xda\x98\x7f\x03\xef\x7f\xe3WE\xb2\xd7\xee\x9b\xa6\xea6\xf3\x8c-q\x1c\xa0d\xeb%\xf6\x126\x1e\xba[\xfa\xacX)\xc9\xd4J~`/\x12\x11^&lt;u\xba\xb8\x04\x92d\xf5\xfdI\xfd\xb7ac7e\xeb\x17\xa69(\xbb\xd2\x12\x83\x97]g\x9fs\xd4\x9a&lt;j\xedmY[\x19\xdd\xb1\x0e\xd8\x88\xd8\x8e\xe6\xc6A&amp;\xb0\xb9\x15\xb32\xed\x96K\x9f\xaf\xfe\xe2\xcc\x9d\x16j2\xd7z\xa2\xe8\xfe\x96\x1a\xad\\\xf0gQ\xa1\xc652\x1a\xd1)\x16j\x01\\\\t\xe81\xdb\xcc\x01\x8b 1*\xf8\xba\xd2\xb0:D\x147o7\xa2\x04D\x14+W\xe7\xcf\x01\xa2\xb0\xe89:\xf8\xbf\x04\x1d|\x004\x1b\xb9\xcf\xb9\xfc\n\x98G\x89]\xd9\xb9\xe2\x9c\x04\x80\\m-A\x81\x9e!\x14&amp;\xb0\xa4n\xac\r\xeb2\xe34\x11u\x9b\xa9^\xf6\xd0:\xe2u\x9ci\xdb\xbf\x0ct\x11N1\x7f\xff\x0f\xa1\x16AI\xecJ\xa1\x96\xc0\xc5E\x07\x07{&gt;\xa9+\xd5\xf5\x11\x9b\xa8\x96^\xef+\xb3z\x18~\xfd\xfd\xb9\x84\x82\xc4\x06\xd76]\x12rm\xe4\x14\x8b\x0f\xff\xa4\t+\xc5\x8fj\xe0\xe3A\x9f\xf0&lt;\x0c\r&lt;E\x03\x94o\x90-\xaa\xbaD\x14r;\x9b\x9d\x9e\xea\xa6\x9fH\x8dB\xd7\x19\xa7\xb9\x11\x96\x1d{.\xc5\x040a\xf3}\x9e\x8b\x9bt\xa5\xdb.=\xf35\xba\xce8=g\xef\xb7\xe2\xd3\xdfRmtO\xe5\xf7[xY\xfe5\x08\xb3\x10S\x00D\xcb\xd6\x8e\x02\xd9\x92f\xa84*@9\xfbA\xbc\xc0e\x9d\xb4X\xff\xc0eND\xc2F\xc8i\xcf-\xa4\xaf02\xa0\xa2x\x97\xbbK\x89\xa8\xf1\x87c\xe2\x84Z\x00\x17\x97\xd0\x902pY\x9f\xfeZ\xafS\xc9N\xbe.\'.Q)J\xd1P\x1d%Q\xcd\xf5\xe7\xffZw\xee\xf5c\xde\xf4\xf7\xde\x9b\x886D\xd5\xde`\xa4!}\x0bmX\xef\xf9\x17\r\x8c/\xf6\x9a\xe7\xac\'\xf6\x84\xf2/\x17~\x88hu\xc3\x85\xc7\xf4\x1d\x8f\x8b\xb5X\x18\xfcr\x87\xac\xf80^\xbe\xee\x14\xcb]\x85v\x89:\xc4\xadJT\x96{\xa5\xdb\xcc\xf7\xa7\xefP\xf4\xc2k\xcf\xbe\n\xb2tz\x14o\xb5H&lt;\xf2`\xaf\xefa\xdb\x93\xdd\xf8\xf9}\'4\x02\xbe\xf6\xc8\xb3\xdc$\x8e?\x9b\xf4}\x17^\xb6\xf4`\xb5E\xdbN\x1b\x84Bg\xed\xfeZ\x1d\xe4\xe8\xe0\x0c@\xb1\x96F\xfdV\xf6\x9a\x13#\xd7\x18\xc5\xd9c\xe5%\xc2\xb9~\x89Kd\xe6\xf4\x93\x10\xd6&lt;i\xeb.S\xac\\\x9d)C\x0b"\xa2T\x8dk\xf6\xde\xf4\x1c\x00p\xea+\x00\xb8\xf4\xd4y\t\x01|\xf0s\xc0o&lt;\xacX?v2\xd8!\xfc\xd6O\xf6r\xe5\x19\x88(K5\xab.\xe7\x8c\xf4\xc6\xfdi\xc2\xf27\x9cu\xfc\x11\xa4\xf3\xd3\x0eb,\x95?2\x97\x0e\x9e\xa3!5\xc9J\x0c\x90\x7f}\xefs\x84;\x9d&amp;\xff\x89U)h\xe7\xbc\xdd\x0e\xd8\xc5&amp;\x19+k\xbd\t\x05\x95\xa3\x0fmW\xdc\xb8\xd2\xa7\x14\xa5\x06\x95\xed\xb0b\xc9\x91g\xb1ru\xea9\xe7\\\xf1\x96\x0bO\x7f\x8d\x86Cv\x12\xa57\xde;\x04p\xff?\xbf\xde\x9c\xfc\rg\x9aEIAD_i\xde\xcf\x8c\x95\x02\xe1\xebFt\xaf1\xd4\xc4\xd2\x06\xe5\xaa3\xd5VV9\xee\xfd\x0b"\x8a\x9d\xbb\x8b_\x129D\xbfEW6^\xf8;(Ee\x88\x10\x8d\xfe?\x81\x14r\xe6\xae\'\x81\xcb\xfc\xa3\xdf\xc1\xd4\xdfj\xf5\xddb\x1c\xd3\xed\x80]B\x8b\xe3\x96\x02\x0b\x92\xe7\x05 "\xa2T\x8d\x99I\n#R6\xd2\x04\xe5\x08\xa4\xf9u\xe9\xe0\xa6\x9eE_\x13\x1cUgK\xe0\\V!#\\5a\xc3\xde\xbaY\x7f\xd0v\xe38MG\xecM\\\xa4\x8f:4~\xb5@\xc9DT\xbd\xd7F\xb9\xedC\xdbO,u\xd9\xa1\x94\xa8\x96CB\x19\xf1\xfe\xb7\xe1\xe87\xb5A\xfdA\xdb\x17\x1e|j\x1a\r\xc0g\x7fG\xec;uqQp\xfb5F\xac\xbee)I\xdb\tGZ&lt;^\xb0\x00\x00 \x00IDAT(A\xf5\xc0\x88CU\xba\xad\x93\x7fm?\xe9(\x05\xa0\xcf\xd07\x02\xec$\xba\'\xb8L\x89\xe9\xa4\xb5H\x1b\x0c[y\xd3\xcf\x1c\xe6\x9a\xdb*\x0f9B\xca\xc9E\x9a\xcd\xd3w\xf2\x91\x9b\xab\xe6&amp;\xc7\xa9\xaa\x9b\xb0P/\xe9\xf3\xc0\xa5\xd7\x88\xa8z\xcf\x8d\x8e\xe4l\xcc\xf1/=\xea\x1do\x9d\xf85\x08\xc5\x19R\x82\x88\x00\x94\xeb \xeae\xd2\xc5\xc5\x80\\D\x94\xb9\xea\xd8P\x8ba\xc2\xd3p\xb0\xecS\xb0\xf1\x9c9\xef~\x17Z\x19\xe44\x18\xbcC$Z\xed~o\x13\x11\xef\x1c\x17\x97\xf0p\xde#\xbd\xd5\x04\x92\xfe]\xd7\x19\xa7\x01&lt;\tuU\x11\xa6\x88\xd1\xc5\x98\x15k\xf4\xda$\x90I\xe2a+o\x1a\x1fAt\xea\xddi&lt;l\xb7y$\xe7\xc8[\x7f\xba\xf4\x99Y\x83\x17\xae\xc6\x81\xa2B\xa7U\x14\xaf\xea+\xb0=/\x17\x97\x08H\xb5\x1e\x1bB-\x82M\x0c\x1a2vZ\x97a`\x01\xdf\xf6\xc1\x89\x97\x00ei+\x0f\x11s\xdb\x90\x82\x88\x88\x92\t6\xc1\xcdF\xbck]4\xf2(\xc49A\xcd&gt;\x9b\rDMP\xa0\x87\xea*\x80\xbf\x01\xa2\xe4\x94\xb1U\xf4\xec\x1d\xa4@\x00D\x19,\x15\xad\xf6,\xc4\xe3\t@\x99Z[\xca\xd6\x1fn\xbf\x06\x9br\x99\x91\xc7\xf8r\xe7\xe9\xa7\xfc\x17\xe6\xe3\x97x\xf7\xb6\xde#\nc\xde0\x83L\xceZ\x93\x83S\x10\x00\x95.\x9b\x8b\x8b3\x84|f\xe97\t\xcd\xa38\x04\xf7YqL\x7f\xc4\xf7sm&lt;\x15\',Z9\x95\x8dO1\x95\xe9&lt;y\xeaM[x\xf0\xe9\xae\x9b\x11\xfdWVc\xba@mUYF(r\xb4r\xf2oK\x8e&lt;\x13\xcf\xdf\x98\x0b\xff\xb3\xff\x03\xb5\x1c}\xc0)1d$\x0b@\x9e\xc1CeT\x87(R\x1f\xb5w\x89X\xb4\x18\xbd\xdf\xc6B\x9f\x1d\xfc\xed\x8a\xcc\xf9]\xddn&amp;\tt\x89rDlo\xf9O\xf5^\x1b\xd5*\xa0Y\xdbYr\xc6\xfe\xce\x07\x8e\x8b\x17\xf0q\x8f\x81bT\xfdA\xdb\x7f\x04\x8c;\x89\xec5\'\x01\xe80\xe5x\x00D\xf3\xa0\xb4\xaa\x96"p\x05\x85\x8eL\xa1\x16\xc0\x04\xef\x0e\x8b\xc3\x00h5\xf6\xa0\xf6\xa5\x9e\xb6\xfdK\x00\xa3\xd6\xde\x0eD\xa1.Q\x85$E\xfa\x06\xa7\xa0*\xdd\xd7\x99G\n\x05\x02G\x1aJ\x12\xd1\xcf\xd2\x1b\x18\xab\x92\xe8\xf4W\x81\xb9_#\x11\x92\x14\xe9\xdbf\xfc\x11\xff\xf2\xb0\xa0\xbfm0\x98x\t\x84\xc8\x1f\\r\xf9\x17\x00&gt;K\xbf\xd1\xca\x1d\xba\x87\xb7y#\x8c@\x0f\x8c\xe6\xc9\x94\xbc\x86\xae\xf8\xd0z\x06q\xcd\xa3X\xa4h\xf3\x05\x0e\xe6v\xf8~x_8a?q\xf6\x9a\x13-\xa52\xf6\xd5&amp;R\xa2\xed\xe4..!Fc\xcd\xc3\xca\xd9\x1es\x03Ly}\x1f\x13\xd4\xb0\x90\xb3\x0c\x00D\xf9\xee\xfc\xe3{\xd3\xbco\x9dS\xd3&gt;\xce\xd1X\x89\xc9\xef&lt;T\x85l\xbdf\xe1\x9d\xbf\xf6\xdc&lt;\xe6\xd7\x86\xa3x\x83\xf1Y\x83\xc1;\x82\xda\xfa$o\xc0\x0b\xcd)\xc9\xd0f\xfca\x00z\xfe6\x06.\xb9\n\xa0\xde\xc0m\x01\x92\xaeZOsm\x86r\x1d\xdf\xea\xad\xb0\xac\x19p\xbf\x96Q\x8a~\x8b\xae\x10\xa55v\xb0\xc1A\xb9\x95\xc0\x10\xac\xd8\x1b.\xfcM\x94\xd6Zq..\x81%\x15\xc7\xd5\x9aD\x92\xa2NN\xb8\x83\xd6\x01l\xbe\xfcF^V\x96\xaaVMAq\xe85\xf7\xbcH\xb4 ,kG\x08\xea\x0f\xe4\xacB\x03\xf0tcq\xab\xb2\xa7\xf4=\xffAE\xd7&gt;F\xc9\xde\xa7\x1c\xdb\xee(d\xa7bR[Z\x05\xf9\x91\x13\xb9\xa8?\xf65\xc3\x1d\xbc\x06a\x94\xa46\x18\xa7J\xa0\xcb\xd7\xff9\xe2\xf8\xa3/\xf6\xd0}+]"\n\xb7_\x05\xbb\xa6\x8a\xbd\x1bY\xf5.\xa8V\x11\x03\xf9\xa6\x157\x8dQ\xb0\xf1l\xff\x04H\x13\xf9\xba\xf0\x16\xa3\x0f\x10\xd1\x1b\xdfM\xe5\x010e\xeb\x17\xdc\xc8z\xdb\xf3\xb7\xfe4y&amp;\xe2VSN\x7f\r\xa6\xec\xb3@\xc0\x80\x83\x97\xfc\xc21\x03\x85L}\xcft\xe2\x98\xd7,Bx\x04\x80U{5;?2\xa8\x15\xbe\xb7\xb5\xcf\x82K\x91\xec\x9dr\x89\xa8\xbc}\xe5?\xe3\x08A\xa8\xa91sv""\xa2\xd8\x95\xbb\xae%\xa2\xf2\x9dV\xfa\x99\xa1\\f=\xf9E\xef+c+U@\xb4l\xed\r\x13$\x12\xca\xd6\n\x1d\xa7\x9e\x10\x88er\x88%\x84h\x0c&gt;\xc7#\xa2\xff\t&lt;\xff\xf7&gt;\x87^\x07\xec\xc5h\x17@\x9f\x9c\x14\xbb\xb2\xad\x84\x1e\xb2V\x1f\xefO\xf2\xd0\xa2}\x92\xabO\xbf\x0c\x89$&gt;\x02\xaf\xe6\x99\xae\xc2\x08\xe93\x00\x8a\x17@\xf3g.\x91\x1cg;\xc5\xd8\xb9\xf5\xac\xf3\xd8GGBN\'\x01\x80(\x7f\xac\\\x9d\x13\x17\xe9c\xe3\xbe\x86\xad\xbc\xa9\x1dC\x00\x90&lt;\xa2\xfb\xacc\x12\x11\xd1o\xde"Z\x8c&gt; \x15\xb7\xe6\xfd?\xf5\xf2\xef&gt;\xeb\xfd\x1fB=X\x9e\xb0\xe9\xbe@\xacX9kO\x91}\x8d\x16 a\x9cb\xf4\xbaO\x8d#\xb4\x99p\x040\xed\x80u9\xff=J\xb7[f\xe6\xb1 \xb9m\xbb\xa42\xb2E\xa0\xe9\x14\x00\x99MV_ S\x0c&amp;\xaf\xd3\x8e\xe0K\xd5\x7f\xf1\x07\x8e\xe7\xa9w)E\xa9A\xce\x96\xe5\x12UH^b`\xe1\xa6\xf3\xae\x06\xde\xab\x8f \'\xbf\xb2,I\xe9\xb6KU!\x00R\x95\x1e\xe2\x8c@V\x88\x99\xb3#3\xca\xf3\x07@\x94\xaa\xe3\x14\x91\x89f\x08\x10l\xdf\xcb\xb4[.\xc5?x7\xbc\xd4\x10=\xccn*\x0b4\x10e\xb1T\xc4\xf0U\x1fSj#\xb5\x06G\xd8~\xc338\x00@\xb1\xad\xf9\x97\x05\x107o7JR;0\xa2\xf1K\x04\xb0J6\xe5\xad\xd0y\x95\xb3\xdb\x1c\xe9*\x8c\xb4\'\x95S\x02h3W\x85d\xf6*\x82\xf4\x9e\x7f1@\x85\xba\xb8\xd8\'M\xb9aA(%8\x0b_\xf2w\xbbT\x9b%zq((\x8b\xed\xf6\x08\xbe`\x03\x9c\x9e\x8eh\x01\xa0g\xb5J\xdb\xf5\xdak\xa0\'\xbd\xfd\xf9\xa6K\xff\xfa#\xe4\x10+\xa7\x92\x00\x1c{dY\xc8\x9b\xbf\x07\xf6\xc7Uy\xac\xd2&gt;L\xdb\x8f\xd7A\x10X\xcb\xa3A1\x96\xe0\xe2\x12\x1e\xa8\xd9g\xb3\xe3y\xb6\x9b\xf8\x1eE\xe7\x1c9P\xc0\xd3\xd8\x94o\'\x9b\xb52\xd1\x01$*\xdc\x9b\x88,\x1f\x87\xf0\x97X\xe1\xb6\xef\x0f(\xaa\xbb\xae\xd4u\x8d\xe7S\xfa\xe6"\xbd\xaf\xe9C\xbb\xf6\x0b\x88\xf2Y\x12\x89czI\x98\x87\x1ayZ\x8f;\xa4:%\xac\x1d\xda\xd6\xe8\xbd\x89&lt;C\xc3\x18\xb6\x8b\xe6\x13V\x17\xc0\xd4m\x8f\xe4a\xda\x87\xa9\xfb\x84\x93\xd5sX\x1e[\')\x04\x87\xe9\x92\x05S\x17\x97@1/`na\xca\xb6_A\xa23\xad,\xa61\xb2\xd5\xb0v\xa0\xde\x94{o@T\xd64Z\xf2\x92F\x8a\xaf\xec8\xa9\xf4\xb5b\x97\xd5\xbb\xadXv\xfc\xf8%R\x95\x19"\x1e\xdf6\xc5[\x86\xe0\x1cK\x9c&lt;]\x82_(q\xab\\\xac\x8a\xa9\xcb\x0e\x15\x9b\xfb*l\x89\xb4\x1awH\xc0\xc9fv"\xb2\xb5.\xad\xabuoH\xea\xd2m\x97)C\xe2\x12\xd1\x92\xf7~\x96\xbe{\xee.u\x93t\xe5G\x90\xe3h&lt;~\xeau\xc0\x94T\xdb\xdd\xf2l\xa9\x06\x9d\xe7Qrl\xea\x12\x01\xb0\xaaJ\xb0\xc5@\xe19F \x9d\xd6\xa5i\xa22\x80,!\xb2\xf6\x95\xa5\xda8g\'\x88q\xf3u\xe3\x86w\x9ev\xd28\xa1V\x8c5g\xfe\xf8\xc4\xec&lt;\x8c-T\xf36\x9f}\xc4\xd3_\xa3D\xab\xc5V\xb2J\xce\x0f\x0e\xab\xab,!4&amp;v\x1b\x0e\xd9)\xefe\x0f\xdf\xc7\'\xaf\xd4s\xdf\xf5\xe7_\xcb\x93hu\x08\x84\xc8\xca\xdcld1\x8c\x94\xe8\xd8\x17:\xbff\xaaFD4u\xeb#"\xcaXyt\x83AB&gt;\xac\x88\x08\xc0\xa7\x7f\xe1\xce?\xf2l\xf3|\xfc\x87\xba\x94Vc\x0f\tf\x18\x002\x13I\xcf\' \xdc\xffO\xfbT\xa3\x07\xae8\x17\x97\xf0\x89\x13\x9a\xb1\x9ac9\xb1\xf8J\xd4\x8av\x7f\xebU\xdd^\xca\xb4s\x05`\xe6\xd4\xb6\x80\xc1\xb5KO\x15\xf9\xb7\x18\xbd\xdf\xb88CJ\xaa\xbe/\x95Me\xac\x93M\xd0o\xa0\xfc\x11\xc9\x8cY\n\xb9\t*\xdct\x9ei\x9cD\x85z\x8bd\xa5b\xdd\xd9WbN~\xccy\xcc\xdb\xf1\xf5\xf6\xca\n\x95\xdd\xfb\xff\x81R7!\xa2\xb3\xdf\x05b\xdcc\xd0+\xe4\x91\xf4\xa5e\xb2\t\x99R\xea\xbb\xf02\x8b\xcf6\xa4\x1b\r5\xf6\x06\xc87l\xb9\xe0\xc0\xffD\xcar\x16\xd5\xbb\x13\x89(\x1cj\x01\\\xc21\x9a&gt;)L\xf1-\x80\x9e\xd4\xbc\x8bN1+N\xdc\xf2\x80\x1b\xe37M\x7f\x89@\xe9\xdc\x8a\x9b\xc5WtE\xad\xc7\x1df\x1f\x98\x89\xc1\xd8\xb9\xbb\xc8\xaf\xf6\x9cs\xce\x9f\xf9\xb4\xd6\xc0d(Pv{\x89j\x15j2\xc74M\x97\x19\xa7\xed\x17\x18\x94\xf9q\xf1\x96\x8bXGu\xfe\x07\x00`\xd3\xa6\xb0\xa2\xfd\x82P\xb4\x87X\xba:\xcc\x90Y\xcf\x1e\xb0\xe4*\x80grC\xd6\xd6\x01\xd3\x7f\xd6\xf1\x8c\x9b\xb3\xd6d\xed\xea1\x97\x0c\x95F\xb1\xfa\x10={\x07J\xd7\xdc\xb6&lt;Q\n\x9f\xb6\x81\x8b\x8b)U\xbb\xaf7\x8b\x92\xdd\x91E\xda/\x05\x16\x84\xc5\x89\x93\xa7\xeb\xaf\x02\xb99\xbb\xbc\x1cu\x88\x9b\x97\xbf\x90\x1e\x08\xac\xfcFF\xab\x11\x11\x17\xed\x13\xd0\x1b\xa1\n\x12V\xb4\xdf\xa6\x8b\xffd\xa9\xe63\xe8\xe1\xbe\x08\x0c\x9b\xcf!\x95\xd0x\xc5\xc5%\xc4\x08\xd6o\x00\xc2\xe6~\x0c\xf4S\xd4\xea\xc4\xcc\xd6Up\x89\xa9\xfa&gt;k\xf7\xd7\xce\x160d\xf9\x87\x1acOB\x00\xf8\xf8\xa5\xdb\xec:\x0e\x7fZ\x19\x81\x08rg\\\xb5\x87\xe9\x10\xdf)\x8a\xe8]\x88\x97\xaf\xbb\xb5\xbb\x8e[\x95\xfd7h\xa9\xbc\x19\xe6V~uqq\x9c\xd4M\xd8\xff\xa6\xc3\xf7\xca\x83\x9b\x0c\xdf\xa3\x93@\xe1\x11h\xcc\xfa\xcfT\x97\x03d,F\xc4\xf3\x0c\xdb\xab\x1e\xbd\xd6\xc4R\x12\x11\xe5\xa8e\xa7\xdb\xf3\x87Z}\xb7p\x15\xd6\x00\xd83\x9a\xad\xdb(\xc4(O\x94\x19\x00eh\x199\x1a\x8eh\xd9\x02\xa8\xe6c\x15\xab\x9e\xef"\r\x19*\xdatY\x11hf\xef\xf9&amp;\xd0E\x00Xw\xee\xb5y&lt;\x17\x17\x11\x06-\xbb.}\xeeh\xddcy\x83A;(Y}\xf6y\xc5\xf1\x17\xecC\xe9v\xcbt\x13\xe8\x00`\xcf-\xa3\x1eb\x97\xec\xb4\x8f\xe0\xa1\x02\x00\xff\xca|\x08j#\xf8L\xf9\xa7i\xc2\xcdA\xe3-\xd1\x9cl5&amp;p\xc3\xb3T\x1b\xcf9\xa4\x11\xab\xa2\xd5\xfc\xad\x91\xa4\x8e\xf41z\x8e\xc8|\xc6\xf1\xa7p3\xbcP\xd5\xb4`.\xf2\xfb\x89\x9e\xaa]\x81F\xb3\xf37\x9c%\x90\x81\xc9i\xe9\xac\xd5\'X:%\x15&gt;\x87\x8c\x00\xba\xcfz?\xd4R\xb8\x84WLkm\xd2b\xfdCU\xb4\x9c\xdcu\xa7\xcauS\xdbO&gt;f\x9c\\~\xd6\xa8\xcf\x82K\xf2K?\x03G\x1f\xa2\xe5\x98\x03\x82\xc9e\x94\xee&lt;\xed\x14\x80\xc5\x87\x7f\xe2\xa6\x1a\xb7\xf1\xae\xf1R\xa4\xc1\t(\x00\xe36\xde5H\xabU\x05\xb7\x85\xc7\xf0\x82\xe3Vp\xc5\xc9\xd7pf\xa8\x8a\xd6\xc3\t?\x07:\'\xaf\x0c\x99\xfb\xeew\xca\xfaP\xda\x81^$]s\x11\'\x190\x1ck\xf2\x10\xf7\x11\x94\x9a[\x90\x9a@\x9eA\no\x18\xbc\xf8..F\xc8\xce?\x04\x13\xf5\x1e\xaa\x92\xa2\x1f\xfef"R\xe5nk\x8f?B\xc6\xca\xa35W\xa2%.\xd2\xe7/\x802\xb71\x96\x80\xab{\xecy\x14\tkr\x93\x00 \xcaOT\xe4s\xa3\'\x96D/\xed\x97\xde$\xddf\x9e!"=_\xf1\x12\xef\x7fk\xf4\x04\xbeq_\xf8\x88\x06\x00\xaf\x93.\xfb\xf3\xb9\xba\x03\xb62G\xc2\x1f\xfe*p\xd6.MS\xfd\x82\xec\x0c)\xb4t\x9f\xc5?\x8e\x1f\xa5\xf0\xd3:\xa9\x8bK\xa0\x90\xbf\xff\x9d\xa6\x9e`3HS\xaf5\x829s\x1b\x97\x1c\xb5&amp;\x07hH\x01\xe0\xa5\xd7\xc2s\xa1&amp;s\x01\xf4]`\xc7\xca\xe0\xb1/\x00@u\x96\xc9\xb4h+%\xf8\xef\x8d\'x\x18T\x06\x00I\x8a\xf6\x8d_\xa0G0\xe5\t4\xf5\x07\xed \xa2K?Bkf\x92\x8b\xca\xf0\xb28zuf\xd9\xd1_\x88h\xf3\xe57\xf6\xb2\xf5\x87~\x8b\xae\x04\xc2O\x9a\x9f\xfc\t\xb4\x18\xbd\xff\xb8u\x9b\xdb\x1a\xc2\xfc\x17\xc6%\xf2\x90\xba\xac\x91\xff\x03\xc7\x15w\xd7\x9c\xf9\xc3c\x01GF\xa6\xcac\xe4_\xe7\xec\xfd\xf6\xe8C\xa39\xf7\x03\x81\xc9\xab\xc4\xfe\xcf\xb8\x99\xa4 J\x08\xe0\xce\xdfFo\xd4\xd2\xa3\xbf\xa8Bj\xf5\xd9b\\\x9c$s\x87\xc9\xc7\x88h\xdf\xa7HR\xa4/\xf7F\xae\xfeb\xe2\x89\x01\x80\xd92\x80\x1c\x93\x98\x81\xb0\x95\xcdh8x\xa7\xb</t>
        </is>
      </c>
      <c r="E485" t="inlineStr">
        <is>
          <t>&lt;class 'numpy.ndarray'&gt;</t>
        </is>
      </c>
    </row>
    <row r="486">
      <c r="A486" s="1" t="n">
        <v>484</v>
      </c>
      <c r="B486" t="inlineStr">
        <is>
          <t>steps_per_sec</t>
        </is>
      </c>
      <c r="C486" t="n">
        <v>7000</v>
      </c>
      <c r="D486" t="inlineStr">
        <is>
          <t>5.3784957</t>
        </is>
      </c>
      <c r="E486" t="inlineStr">
        <is>
          <t>&lt;class 'numpy.ndarray'&gt;</t>
        </is>
      </c>
    </row>
    <row r="487">
      <c r="A487" s="1" t="n">
        <v>485</v>
      </c>
      <c r="B487" t="inlineStr">
        <is>
          <t>Loss/localization_loss</t>
        </is>
      </c>
      <c r="C487" t="n">
        <v>7000</v>
      </c>
      <c r="D487" t="inlineStr">
        <is>
          <t>0.0041235355</t>
        </is>
      </c>
      <c r="E487" t="inlineStr">
        <is>
          <t>&lt;class 'numpy.ndarray'&gt;</t>
        </is>
      </c>
    </row>
    <row r="488">
      <c r="A488" s="1" t="n">
        <v>486</v>
      </c>
      <c r="B488" t="inlineStr">
        <is>
          <t>Loss/classification_loss</t>
        </is>
      </c>
      <c r="C488" t="n">
        <v>7000</v>
      </c>
      <c r="D488" t="inlineStr">
        <is>
          <t>0.11665179</t>
        </is>
      </c>
      <c r="E488" t="inlineStr">
        <is>
          <t>&lt;class 'numpy.ndarray'&gt;</t>
        </is>
      </c>
    </row>
    <row r="489">
      <c r="A489" s="1" t="n">
        <v>487</v>
      </c>
      <c r="B489" t="inlineStr">
        <is>
          <t>Loss/regularization_loss</t>
        </is>
      </c>
      <c r="C489" t="n">
        <v>7000</v>
      </c>
      <c r="D489" t="inlineStr">
        <is>
          <t>0.037861165</t>
        </is>
      </c>
      <c r="E489" t="inlineStr">
        <is>
          <t>&lt;class 'numpy.ndarray'&gt;</t>
        </is>
      </c>
    </row>
    <row r="490">
      <c r="A490" s="1" t="n">
        <v>488</v>
      </c>
      <c r="B490" t="inlineStr">
        <is>
          <t>Loss/total_loss</t>
        </is>
      </c>
      <c r="C490" t="n">
        <v>7000</v>
      </c>
      <c r="D490" t="inlineStr">
        <is>
          <t>0.1586365</t>
        </is>
      </c>
      <c r="E490" t="inlineStr">
        <is>
          <t>&lt;class 'numpy.ndarray'&gt;</t>
        </is>
      </c>
    </row>
    <row r="491">
      <c r="A491" s="1" t="n">
        <v>489</v>
      </c>
      <c r="B491" t="inlineStr">
        <is>
          <t>learning_rate</t>
        </is>
      </c>
      <c r="C491" t="n">
        <v>7000</v>
      </c>
      <c r="D491" t="inlineStr">
        <is>
          <t>0.07995484</t>
        </is>
      </c>
      <c r="E491" t="inlineStr">
        <is>
          <t>&lt;class 'numpy.ndarray'&gt;</t>
        </is>
      </c>
    </row>
    <row r="492">
      <c r="A492" s="1" t="n">
        <v>490</v>
      </c>
      <c r="B492" t="inlineStr">
        <is>
          <t>train_input_images</t>
        </is>
      </c>
      <c r="C492" t="n">
        <v>7000</v>
      </c>
      <c r="D492" t="inlineStr">
        <is>
          <t>[b'640' b'640'
 b'\x89PNG\r\n\x1a\n\x00\x00\x00\rIHDR\x00\x00\x02\x80\x00\x00\x02\x80\x08\x02\x00\x00\x00\x83\xaf^t\x00\x00 \x00IDATx\x9c\xed\xddu\xc0\x14\xc5\x1b\x07\xf0\x87\xee\xee\xee\xee\xee\xee\xee\xee\xeeRZJ\xc4\x00$\x04iP@PTTD\x05\x0cD1\xb0P\xb11Q1\x7f&amp;*\xb6\xcf\xef\x8f\xbd\xdb\x9b\xdd\x9d\xdd\x9d\xdd\xdb\x8b\xf7\xe5\xfb\xf9\x03\xeevgg\xe6\xf6\xbd\xdb\xd9\x98y\x86\x08\xe2\xa7N\xa2+ \xd7e\xfa\x01\xbf\x9b\x16\x17^\x17\x92%\xa8\xc4\x02\x9bL\xd2\x12\x95\t\xaf\rebJ?\xe7\xd6W\xa4\xcb\xd7?\xf4?\xc5\x8a.\xda\xf36Qf\xa2\x1cz&gt;DT\xa1\xd3\n1\xdb~\xf3\xef\xd7Wi/\n4\x9a\xd5t\xc4\x16q\xa1\xb8\xb9\xe953\x0fY\xf2\xb0\xf8\xf6\x07f\xa2\x066\x9f=\x03\x11\x11e\x92\xe6\x99\xb1\xf2h\xe9\xe7\xf5\xa5(3\x17o1_\xba.\xea\xcc\x01 \xc9\x94\xef\xb8\xdc\xe7\x96\xf9{D_\xfa\x8b?\xc4\xf0\x98\xd2`\xd0\xc6\xd8e\x9e"\xe5\xe9\xe2\xbc\xde\xfd\x10_\xa8\x17\x11Q\x99\xa1DT\xb3\xf7j\xe7\r\x99\x99\xa8f\xe8M\xf6\xf6\xcc\xbc\xfd\xe4o\xff\x935\x87i\xca\x0e\xb3l\xd8`\xf05\x0f\x115\xb0f\xfe\x9d\xd0\xce13\x15\xee\xa3\xa7\xf9\x93\x99d-\xee\xde\xe7\xfe\xd5\x974\x18\xbc\x91(\x9d\xb5\xb6\xab\x0e]p\xf8\xdcD\x94\xbb\xeeT\xbd\x89m9zG\xa6\xcac\x9c\xd3;\xca\xce\xcc\xe5;.3-\r\xa2\t\x07\x00P\x91\xaf\x1b\x0e7)\xc8\x9e\xd3\x7fY\x17\xe6\xae3UkN\xbc\xfe)\xdb\x8e\xdf\xb3\xf2\xce\x8f\xa5\xabN}\x11iG\xb5\x7f\xb3U\x9f0\xee\x86\'\xc9x\t\xab\xbf\xbe\xe75C\xd1M\x87\xdf\xaa\xbf\xd6/O\x89B\xe7\x1fU\xba]\xa7m8\xe6\xfa\x93\xce\x97\xfb\x83\x97&lt;,]\xbel\xff\xfb\xa6%b\x0e\xa3\xaf{\\\xbaUX\xb6\x1b\xef\xfd\xdca_\xb1\xe5\x1c\x02\x00 \xe4\xc4G\x81\x1d\x1a\x9e\xfa"y\x8f2)\xe5\x08X\xb9\xebu1\xcd?s\x95\xb16k\x9a\x18\xde\xa5o\xe1#\xf3\xc2M\xaf6-\x11\x9b\x9f\xf5G\xbfm1z\xfb\xa9\x8b\xa1\xd7ZK\xb9\xf9\xf8\x8f\xb6\x7f\x9a\x82\xbd\xc2\xaf\xca\xf9\xa8\x8c&amp;k\xf5\xf1\xbe\xb7u\x90\xb3\xf6d\x7f\xdf(\\\x13\x03$\x0b\xfc\x14\xe3\xa0V\x9f\xd5\xe4\xf7\xc0\xd7f\xdc\xae\x18\xd4(@\xd9\x8do\xf3I\x13\xdd\xfe\xec?\xferw\xbb\xb0+\x18~\x98*W\xbd\xe7\x8d\xd9\xaaO\x90&gt;\xb2\xcdU{\x8a\xe1\xb6\xb3\xd2o!\xb7\x96\xa6N\xff\x9b\x85\x85\x85\xc5\x14O|f\x9bI\xd7\x19\x07\xdd\xf2\x0f\x86\xdb\xc7)\x18\x9fj\x00@\xc0J\xb6^\x94\xe8*\xa8\xba\x84s\x8b\x04\xc8\x1fp~\xc5\xfa\xe9/\xf5\x16\xe5\xccw\x9e\xff\xb2\xcf\xff\xcf}\x13\xf5\xd3#f\xbe\xfe\x9e\xcf"\xef\x0b\xf6\xb4\xa6\x99|\xf3\xb3\xb6\x95\xf1^\x7f\xd1?\xca\xf5\x1c\xb6\xecX4\x05\x01\xc0\x95)\xbb{\x12\xb8"\x95m\xbfD%\xd9\x85X\x9c~\xe5\xe9\x1a\xdc7\xb3\x86\xe3\xda\xdc\xc2ks\xf7.\xfb\xeeiRY&lt;T\n\x00\xaed\xef\xe3\xb25%\x18\xb3\xea\xa4z\xe2\x11+N\x04U\xae\xcaEj\xab\xb1;\x85w\x85m\xd3\x05Zh\x85N\x92\x9e\xff\xe2\x86\x1fy\xfbbG\x9ayc\xe9\xa5_\xfb\xd5\xdb\x0f\x04\xcf\x98\x00\x00\xaep\xf2g\xc3W\xa6\x184\x8ai$\xcb\xd25\x0f\xba\x14\x00\x80\xa4\x87\xcb\x0e\x93\xb8\xef\x90l\xf1-\xce\x8e\xfc\xf6\xaf\xd3\xde\x10\x9ey{\xf2\x8d\xc7=\x8c\xaf(@\xe2m&gt;\xfec\xa2\xab\x90\x82\xd4Kt\x05R\xaa+\xe5p\x9f\xdb%,\x89&amp;y\xf6F\xf2\xd4\x04\x00\x02\xd6\xfb\xea{\x99\xf9\x89O\x99\x997\x1d\xfb\x81\xd25\x1f\xba\xf4\x91DW\n\xa8\xed\x84=\xb1\xc86\xceG\xf3\xa0\x8a\xcbVcB \xf9\xb8\xba\xacP\xe1\xad\x8f]\xf2\x9eq&amp;\xf7$r\xb2\x1b\xd7\x00\x90\n03Q\x05\xd3\x10L\x9cq_\x81r\xd5\x99\x12H&gt;\x81|y2V\x1a\x15x\x9eV\xf8\x9e\x03@\xc28\xb4\xb5\x13V?\xcd\xcc\xfe\xe2\x1cAJ\x94\xbf\xe1\xccDW\xc1V\xcb1;\x12]\x05\xa2\xf86\xd8\xd6\xb0\x97\x00\x90z8\x87\xc3%\xa2\xa9\xeb\x9fw=\xe2\xa4\x86k\x08\x9cd\xa44\xa6\xd8Xq\x92\xad}\x80\x85\xf6\x99{x\xc0\xc2#\xda\xeb\x8c\x95FG\x9f!\x00\xa4$*\xb7\x9a\xb54\x85\x9a\xccqN\x13h\xbd\xe2\xea\xd7\xe4\xae|\x8a\xde\xb7\xb1\x93\x98\x068p\x99Z\x9b\x16\xa4\xec\x8f\x03\x00\xea\xf4\x06\xb8\xff\x82#\x8f\x7f*\xf9\xe5_dv\xbdJ&amp;\xa2T\x10\xb4v\xcb\xa3?\'\xba\nf\xda\x14@\xf1\x84\xa3\xbf_\xb9\x03\xc9%\xbc\xff\x03\x88I\x02\x00\xc9No\\k\xf6^m=\xf8\xb2\x91j\xa6i\x9a\x06\\KHi\xf0\xf0\xd2\xd5\x82]o\xca\x16\x17\xc69\x10\xc0\x15\xa1\xf3\xb4;\xf4\xc6u\xde\x8es\xa6V\x96-\x12X\xd5\x14\xa8v\xa2+\x00DDO~\xee\xf0\xbd-\x1e\xbfz\xa8\xb9\xe3\x05\xfc\xd0\x00\xae\x14\xb9\xf4\xc6u\xc3\xc3\xdf\x11U\x16\xd7\xfd\xc3\xbc\xe2\xc0\x87qn\x80k\xf5Y\x13\x87RlTH\\\xd1\xee\xe2v\\F\x03\x10/9\x13]\x01\x00H(\xb1q\x1d\xb0\xf0H\xcf9w\x1bV\x17\xed\x97\xecW\xc0%\x07\xc6\xb3\xb4\xfa\x03\xd7\xfb\xd8j\xd5\xa1\x0bQ\x97\xdc\xc4\xf4&gt;I\xff\x1c\xe0Q\xd9\xf6K\xad\x0b\xf1\xc7\x05\xb8"\x18\x1b\xd7\xac\x0e\tR\xfdAA\xf6\x01C\xb3\xcbe0F\x84\x80\x94\xc0i\x0eAkD\xad\xac\xd5\xc7\xc7\xb22\x00p\xc5\x936\xa2\xce\x8d\xeb\x15\xd2\xfa\xda\xccN_Jq\xe3\x18\xef\x9f\xc6\xb1\xcc\xdc\xdd\xa1\xb3\xa9\xfe\xaf\xef$\xd6_\xfe\x9c\xb5\'\xc74\x7f\x00Hf\xd5\xed\x9aXf~\xf8|\xaa&lt;\xf8\xfa\x0e\xc9k/\x7f\x0f\x95T)\xfbT&amp;\x1c\x86\x02s]\x04\x043?\x02\x00\x11\xa5k\xce\xccM\x87o\xd9\xff\xfc\x7f\xcc|\xf6\x97\xe4\xba\xea}\xe3\x8f$\xaa\x8cI\xacwT\xc3\xc1\x1bc\x9a\xbf\xbaE{\xdeNt\x15R\xbc\xa4\xfaY\x01@\x12*\x90\xe8\n\xc8\xa5\xc0\x83W\xd5DW `\xbb\x9e\xfa#\xd1U\xb8B\xfd\x94\xf2\xbe\xfc\x00\x00\xc1\t\xa2?\xb3\x81\xe5\x94"C\xb0\xf9\xc7D\xceN\x89\xaeA\x0c\xcd\xd9rv\xc4\x8aG\x13]\x0b\x00\x000+\x93\xe8\n@"I\xee\xc1\xe4\xe8\x98\x88\x8a\x00\xc0\x15\xef\xc5\x1fq[\x0ct\x19\x13]\x81\xd4\xe9\xfa\xbb?Mt\x15\x00\x00 f\xf4k\xbb\x82\x8d\x9d\xa6\xbdJ\x1e)\xb0C\x00\x11Q\x86\x8aNc\xca{]u\x8flq\x95\x18U\x06\x00\x12&amp;|,\xa8\x9fB\x8fep\xc5\x1a\xb5\xf2q\xa2\x8a^\xb7j:\xfc\xd6XT&amp;@\xd2\x01\x81\xf8y\x02$\x97\xa0~\x93\xd6\xe1=\x9b\x8f\xff\x18H\xcep\x05H\x91\xb3\xe6\x8d\xbc\xf6\xb1DW\xc1L\xff9w\x9c\xb2o\xc4\x8a\x13\xc6\x951\x18\xb3\x0e\x00\xd1\xc0I1\xc4N\xf3\x91[\x13]\x05\x00\x80+\xc0\xe4\x9b\x9f5-\x89s\xeb\xce\xccD\r&lt;n\x947&amp;UIu\x14\xff\x94?^\xe9\xe7s\xe8&gt;\x06\x00@\x94\xa3\xe6$\xbbU\x17\x8c\xed\xc4\xc5T\xd4l\x9c\xfd%\x91\x9f%o\xbd\xe9\t,\xdd\xbb\xba&gt;\xb69\xfdu\xea\xf9\xb6\x00@js\xe2#oG(\x95\xab\xab\xeb\xee\xfa\xc4ou\xdcK\xc4}\xf8\xc0\x94P\x9d\xd5\xf1\xf09\xec\xf3\xa0\xe8wq\xaa\xd9\xa7A\xccm\x00H\x19\xd2\'\xba\x02\xa9_\xcd&gt;\xab\x13]\x85+E\xa96\x8bp\x8a\t\x00`\xc6\x16&gt;\xae\xf5\x83?\xbc\x96\x1cH\x19Z\xc60\xff\xe4\xe0\xe9sMY\xf7\\\xecj\x02\x00W\xa2\xd8\x1d[K\xb4\\\x10\xa3\x9cS\rk\xeb\x9b$\xb3&amp;3s\x8b\xd1\xdb\xc5\xb7\xb7=\xf3wl\x8aJ\x1b\x9blUx\x98\x1dy\xd6\xa6\x97bW\x0f\x00\x80\xe4\xe7an\xa5\xb9\xdb_\x8fY5\x82\x11nh\xebho\xb5\xfb\x84I\xd2\x06\x1bK\xaf\xc0\xcc{N\xff\x95\xb0\xda$^\xa5DW \x18Wo}5\xd1U\x00\x00H\xb4y;\xce1s\xb9\x0e\xcb\x88\x88\xa8&lt;Q\xde\xf2\x1d\x97S\xfe\xeeD\x15c\xdc\x00\x17\xf1\xb1M\xec\xce\x06\xbeO\xf4\xb5~j\x97.\xd1\x15\x00\x00{\t\xbf\xdbye\xd2\x9bXfn0x\xa3\xb8j\xc3\xc3\xdfik\x1b\x0c\xda(\xdd6\xce~c\x8e\xf5\xf0\xd6\xa0\xbf\x84\x0e\x9d\x81\xe3+m\xd3D\xd7\x00\x00\x00\x8c\xb4&amp;v\xc0\xc2#\xcc&lt;w\xfb\xebz\xbf\xeb\xd5\xf7}a\xbc\x0b}\xa5_\xc1\xbc\xef\xa1m.\x15\xc3z\xf8\xf2\xf6\xdf\x89&lt;\xbb\xcdZ}|\x02K\x07\x00\'\xf9\x1b\xcc$\\\x01\'F\x01f\xee9\xe7n2\x06\xcd\x9f\xb5\xe9%\xd3c\xe09\xb7\xbe\xe2\x9aW\xd7\x19\x07c[\xd9\x98s\n^\xe6\xe9\xfbY\xa5\xdb*\xb5\x84\x05r\xd7\x99\xaa\x9e\xad?\x93\xd6\x9c\x8eu\x11\xa2L\x95\xc7\x14J!\xd3O\x01@\x884|c*n\x95\x93\xe4\xa31\xf3#\xef3QY\xd3B\x93\xab\xec{\xcd\x1cy;\xf4Ar\xd7\x9d\x9a$\x1fJ\xaa\xd3\xd4\xfdD\xf4\xe8\'\xb6O\xb5\x83\xaa|\xaf\xab\xee\xa1\x02=\x03\xc9*\x15H[n\xb8i\xc9K?%\xef\x97\x04\x00"v\x9e\xfa\xdd\xba0M\xd9a\xf1\xafI\xb0\x92\xa7\xa1z\xfdr\xa4A\xaa\xde\xf3\x06f\xae\xdb\x7f\x9d\xfa`\xa4\xac\xd5\xccw\x17\x93\xe7\xa3\xa9\xc9\x9e\xe8\n\xa4v\x85{\'\xba\x06\x00 \x93\xd2\x0e\xd6\x01\x9b\xba\xfe\xf9\xd8\x17\x92\xc65\x053\xaf:tA{\xfd\xdao\\\xb8\xe9U\x19*\x8e\x12[\xdf\xbe\xf3\xee\x93n\xd8b\xd4v\xeb\xc2\xc2M\xae\x8a\xa2\xb6\x10\x0bU\x9dV\xe6\xe8\x18\xafj\x00@2\xb1^?]\x01\x921\xba\xa4\xf5\x92W\xe5\xf2\x97\x99)k\xbb\x12\xad\x16jo\xef}\x9d\xdbO\xba\xddy\x93dP\xa1\xd3\xf2DW!\x00\xb9jOQL\x99\xbe\xc2H\xd7$QV\xc6j\xe3\xc3\xdf}i\xf9&amp;\xdc\xf1BR\x7f1\x00 \x05\xa8\xd4ee\xa2\xab \xa7p\xa8\xb5ejtw\x9c\xfc\x8d\x8a\xf6\xdbt\xec\x07\xe7\x06\x98\x99-#z\x8b\'y\x03\x9c@\xcf|\x83=\x03\x00)L\xc6c\x1fH\x8e\\\xd9jL\x88\x7fUR\xb1\xa6\xc3\xb70s\xfbI\xb7\xb7\x19\xbf[\x9a\xa0d\xeb\x85\xe2\xdbp\x03\x9c\xc1\xb40\x86U\x8c\x8b&amp;\xc3oMt\x15\x14\xe4\xee\x12\xab\x9c3\xb4\x90//34V%\x02@\xf2\x98\xbe\xe1L\xa2\xab\x00f\xd2\x96u\xe7\x93\x97)W\'\xfd\xed}o\x18\xef:\xe6\xed\x1a\x87\x8a)\xfa#\xe5\x9f\x19\xa4\x0e\xd9\xaa\xe3\xbc\x19 Y4\xb4.z\xf1\x07\xc3\xb1\xb2\xe5hIg\x1f\xa2\x82\xda\x7f?\xa5\xb4\x03k\xbe\x063\x12]\x85\xe0\xfd\x97\xf4\x8f~\x01\x00@]Y\xf7$`V+\xd1\x15\x88\xf0\xd2$\x17\x8ea=\x12\xa0X\xa0\xb9\x95\xf7\x94\xfa\xf6\xe8\'\x8c\xca\xda\xcen\rN\xb3\x00\xaet\x0bv\xbdi]X\xa9\xcb\xb5\xf1\xaf\x89\xa0QBK\xd7epO\x12?\xce3.\x94\x8eO%\x9c\x1d\xff(F-J&lt;\xbb\xbb\'p.E\x00He2\xb7\xf1\xb9\xa1\xfd\x99{\xaa\x91,\x97 \xa9&amp;\xd8S\x99!\x89\xaeA\x8at!I\xbe\x87\x00\x904\x82\xbd\xf5\x07\xb6\x92\xe5&lt;@\x95S\x9c\xe7($p\x8e\x8a\xd8N\x0c\x15\x88\xeb\xee\xfad\xd3\xb1\x1f\x12]\x0b\x00\x88BJ;\xd6\xc7H]\x0fi\xb3w\x88Y5R\x85\xd2\xb8\xea\x8d\xca\xd4u\xcf\xa9${\xeb/\xbe\x12nJ\x01\\\x99\x9aP\xcc\x9a\xe7\xda}\xd7\xc6"[\xa9q7\x9e\x8a[Yq\x91\'\xd1\x15\x08\x9c\xcf\x07\xfc\xbf\xe3\xdc\x11\x00R\xb2:\t\xb9\x02\xc6e\xb7\x84\xefg\xf3Q\xbb\xf7u\xfc9\xe2\xa9^\xa2+\x00\x00)\x013S\xc6V\x89\xae\x85Y\x8bQ\xdb\xf4\xd75z\xdd\x98\xc0\x9a\x00Dc\xe9\xbe\xf3\xfa\xeb\xdcu=\xcc^\x8cSX\x00\x10eIt\x05R\x952\xed\xaeIt\x15\x88p\xa0OV\xcc,\x19\xc1\x9c\xad\xbd\xfe\x12\xf7\xe7\x01R\tf\xfe8\xf5\xfe\x9e\xd1\xc6\xa4\x18\xe8s\x04\x00\xa9\x06\xda\x1e{\xees\xfd\x82\x8a\xe4\xfb\x8eeKt\x05t.\xe3\xac\xa2\xdbu\xb9\xa2\xd8\x16\x00b\xec|\xd2\x1d\x19\x15\xe5Ot\x05\x1cdMt\x05R\x92\xe4k\x9b\x95\x8cZ\xf9X\xbcj^\xc1\xd7VM\x02\xae\x05\x00\xc4\xd9\xe7)\xf3\xe0\xe8,S\xe5\xd1\xa6%\x81\x1fISh\xa3\x12\x1f\x0f\xbe\x13\xda9\x9c\xa4\xd3K\xe4T\x0c\r\x9d\x8c\x95\xb7\x9b\xe8\x10\x00R\x8as\xbf{;\xb2\xd4\x1b\xb0\xde\xba\x90\x99\x89r\x04T\xa38I\xc6Cj\xd2\x88\xe9\xce\xf9\x84Y\xa5\x08Y\x82\xd21\xa9\x10\x00@"$\xe1s\xa3\x84\x87\xc2/\xa4\x9e4}\x85\x91\xfe\xca\xb8\x92\x9b\x7f\xc5\xcf^\xad\xc7\xf5\xfe\xcb\xc8\xde\xde=\x8d`\xfb\xc9_\xfd\x97\x95\x00M\xae\xe4\xef\x0f\x00\xa8\x92N\xb5\x04\x9a\x8e\x93\xf7%\xba\n\tf7\xfft\xe6\xaac\x9f\xfa2\xe9\xda\x98\xd1\xd7=!\xbe\x15Z\xc1L\xbe\xf3\xf4\xd1\x94&amp;\xeb\xfd|\x00\x00\x8b\x81\x8b\x1e\xf4\xbbie\x87u\x8d\x87n\xf6\x9b\xad\xa2\x14:\x19\x86\xa1c\x9a\x18DE\xdd\xf0\xe5\'\xe2v{\xe6\xb2\xd0\x98\x95\xef\xb8,&gt;\x85\x02@\xaar\xf23\x8e}\x93\x90\x82\xcd\xdd\xfe\xbai\t3\x97i\xeb?\xfcE\x12_\x85T\x8d{\x89\xa5\xe3VR\x85N+*uY\x19\xb7\xe2\x02\xb7\xe5\xd1\x9f]\xd3\xd4\x1f\xb4\x81\x8c_\xb0\xca]\xaf\x8ba\x9d\x00\x00\xe2o\xc3C\xff\xf3\xb7a\xb9\x0eKc\xd1\x00?t^\x9eg\x02\x1b\xfbb\xcd\xe7\xd9\xaf,\x18\xbfz\x08n\x7f\xf6\x1f\xd9\xe2R\xd1\xec\xa53\xdfK\xb6m&lt;tsr\x9cfe#*)\xbeO\x8eZ\x01@\xe2l}\xfc\x97DW!8%\x06\xca\x97\xe7\xeeb\xb7\xc5\xc5\x18\x1f\x04?HE\x07\xd9\xa0\x1b\x0c\x9f\xf3)\xa5+?\x82\xa8\xa8z\xfa\xe5\xfb?\xf0WP\x8c\xd5It\x05\x00\xc0F\xb3\x91[\xe3\\\xe2U[_\x8ds\x89\x01J\xda\x8b\x89\xe6\xbe\x9e\x9e&amp;\x95\xe0\xcf!\xd26\xf3\xbc\x89\xcd\xacS*]\x99T\xbe\x1b\x0f\xdb\xdc\xb4\xf0\xadb\xe7k\x83\xcd\x10\x00\xe2a\xd7\xa9\xdf\xe3_\xe8\xe7\xe8\x93\x19\x04\xe9&gt;&lt;\xf1QT;6\xd1\x7f\x97\\\xfd\x17&lt;\x90\x88r\x8b\xd4\xe9\x7f\xb3J\xba\xf8\xec\x9f\xd8\x95\x92\xa2\x9f\x85\x03@D\xe7iw\x14l4;\xd1\xb5\x80 -\xbe\xed\x9d\x04\x96\x1e\xdch\x99\xfa\xccl\xfb\x8c\xc0\xe2\xb5\xdf\xf8\xc5\x1f|\x94\xdbX1\xdd\xa6c?\xa8$K\xf4\xd9\x0f\x00$\xbdA\x8b\x8f&amp;\xba\nI\xa7\xfb\xac\xbb\xe2]d\xa1\xde\xccL\x94S}\x8b$\x180\xe32\xb5\x00\x11\xfdk\xdf\x08\xc5\xa2}\x1au\xdd\xe3\x81\xe7\x19\x05\xa5\x1ej\xfb\xcf\xfc\x17\xebz\x00\x00\xc4I\n\xbd\xf2\xd8\xf9\xe4e\xe9\xf27\xffL\x91\x1f\x87\xdc\xff\x10\x95_\xbf\x1c\xa7\x8f\xf6\xdc\xffR\xea&gt;t\x97\xb9u\xa2k\x00\x00)V\xa6\xcac\x82\xca*\x856\xbdW\x8a|\xddL\x0bN\x7f-\xf9{\x15iv\xb5\xd2\xdf1CK\xfde,\xc6\xc8&gt;\xf5E@\xdf\xa5,m\x83\xc9\x07\x00\xc0\xe4\x8b\xf8\xb5yU\\\xd6\x17\xe8I9:\xa8fV\xa4o\x94\xb51J\xe4D\x14\xb7\x9d\xfe+\xd8\x0c\x039\x8f9u\x91\x89\xea;\x97"-\xe8\x93\xe48\x8bZy\xe7\xc7\xf1)\xc8\xfb\xde.\x11\x93z\x00@2\xc9\x93\xe8\n$\xbb\xb1\xd7\x9fLt\x15R\x1e\xad\xbd\xb9\xe9\xf0E"\xea9\xe7n\xc7\xb4\xf9\x02/\xfdrr\xb4\xee\xbe=\xf2\xbe\xb9\xfe\x1d&amp;\xef\xc5\x8d\x1f\x80\x94!g\xed\xc9\x89\xaeBJ\xd5w\xde}\xe9+\x8c \xca\x9e\xe8\x8a$D\x90m\xe1U[_\xdd\xf8\xf0wDd\xb33\xeb\x1a\xde\x15\x1f\x10]i\xfe\xa6\xb8\x0f\xc0\xd0\xa5\xc7\xbcn\xe2ob\x06\xaf\x9b\x00@\xea\x97\x9a\x0e\r,3j\xe5c\x89\xaeWl\xc5\xec/\x98^Z\x96\xb4\xb8\x94\xfb-\xaa?P2s\xb6\xd4\xe4\x9b\x9f\x8diM\x00 \xe6\xf2\xd6\x9b\x1e\xe7\x12s\xd5\x99\xe2\xb0v\xf1\x9e\xb7\xe3V\x13Q\xbb\x89\xb79\xac-\xd3\xce\xdb\xec\x0b\x9d\xa7\xddal\x03\xf2\x89m\xb0\xaf\n^\xe9\xb2\xd7\x9c(\xd9u\xf9\xbb?\xf7\xad\xea\xfe\xf4\xb0\xe7\xf3vU\xaeW\xdc\x94\xbc\xe7\xb5\xc0\xbe9\xd7\xdd\xf5IPY\x01@*\xd1z\xec\xae\x98\xe6o\ru\xd4z\\ %\xe6\xfc!rp/!me\xb3\xd7\x98\xa87\xc0S\xd7?\xaf/\xbf\xe7\xd5\x14\xd9\x1e/\xdc\xfdV\x1cJqm2\x1b\r\xd9dw\x05\xec\xbcm\x91fW\xab\x97\xa2(\xa6\x83\xe3K\xb4Zh\xb7j\xc9\xde\xf7bW.\x00$^\xb6\x1a\x13\x82\xca\xca\xf1\nX\xad\x0f\x97\xfdT\x07\x8a\xf4c\xee7\xc1\x1c|\r3\xab33Q\x11S\x8a\xdb\x9e\xf9;\xf9.\x82\x0bz\xaaI\xf3\x91jQ\xa6\xd5{\x95\xc7]\xf6\x1a\x13\xb5\x17\xe9+\x8e\xd4^T\xee\x9a\n\xe22\xa2\x873@\xea\x14\xeco;=\x11\xd5\xec}\x93t\x9dKc`\x13\x1c\xdf\xaf&amp;\xc1e\x95\xb6x\x8b\xf9\xe2{\xe9\x07\xf9\xdc\xf8$\x98\x88\n5\x99c\x97\xe3\xc45\xa7\x83\xab\x9e\xbb\x03/\xb0~\x15uw\x92_\x91\x17\xeb/\xbe\xdb\xf2\x98e\x96\xdc2C\x95\xf3r\x8a"\x99\xd8x\x9cqT(\xd1\x15\x00\x80\xb8\xd8+\x9f\x90\x95\xc8r\xcfP{\xed\xd0${\xbd\x88l1j\xbb\xa7\xf4\xd1\xd0\xeaV\xbe\xe32\xb1\x92\xdaSa]\xdfy\xf7\xc5\xad&gt;\xf1R\xdd\xf0N\x08y\xa1;\xf6A\xc0\xad\xfb\xe1s*\x19\x9a\xefF\x98&lt;\xf9yr\x9fs\x00\x00\xb8q\x8f\xf1\xeb@l\x80\x83\xbdI[\xa6\xdd\x12\xaf\x9b\xdc\xa2\x167\xdf\x8e^\x7f6\x06j\x16\x1b\xe0\x9c\xb5\x92wd\xd7\xf6\'~\r"\x9b\xbcAd\xe2*\xa7{\xac\x95\x94/i\x9eY\x00@\xdc\x1d:\xab\xf2\xfb\x0f\xec8\xe8\xbf\x01.\xd8+\xa8:\xf8\xa6\xc5D&lt;u1T\xff}\xcf\x87\x82\xe6g\xac4\xda\xe6\x19pm\xed\xbf\x84\x1cdcW\xa85\xe7\x9b\x8f|\x1dM\x86\xcb\xf6\xbfO\x85{;\xa5\xc8\xd0B|\xb7\xea\xd0\xa7~\x8b\xaa\']\x9a\xb5\xdax\xbf\x19Fk\xde\x8es1\xc8\xb5\x043\xdf\xf92\x9av\x80dW\xccS\xea-\x8fZ\x9e\xccya\xd7*L\xb8\xe9\xa9h\xb2\xd5H\xa7\x03\xcaXi\xf4\xf4\rg\xa2\xcf\\\x17\xfe\x08\x99\x85eelz`\xe9O"\xcb\xf9+k\xc4\x8a\x13\xd5z\xdc\xe0o[\x0f\rp\xa8kUa\xef\x85\x84v\xc2\xfe3\xc9{\xac\x9f\xbb\xfdu\xfdu\xe0A:\x03\xd4t\xf8\xad\x01\xe6\x86\x0bk\x80\x14\xa0\xc9\xb0\xcdq,\xad\xda\x8f\xe1\xe3\xc2\xf7\xe6\x03D\x01\xfd\x90\xd1p\xf0-J\x99\x15\xea\xed\xa3\x06]g\x1cTH\xe5\x12,\x89\x99CMN\xfe\x1e\xc3\x97\x1f\x97\xb6\xbe\t?\x02\xc6k.\xe7\\\x8a\xe9\x1e|\'\xc8\x1d\x92\xb0\xdd\x9b\xa6\t\x95\x882\x14W0\xae\xbb\xeb\x13\xa2z\xd2\x18&amp;\x94\x04_?\x00\x08D\xee\x00\xf3R9.0s\xc6J\xa3\xa3,\xc8r=\x91E}\xdb_\xd4*)\xaa\xd3o\xadZ\xdei\xd4\xab\x115\x0fs\t\xbb\xa9\x18\\V\xc1\x18\xba\xccCXG_\xadQ~\xef\x9b(a\xe6\xcd\'~\x8aQ\xe6\xa2?\xd0\x06\x03\x80\x8aTs\xc2\xee\xde\xcb)S\xebx\xd4\xc3\x1b\xf9UT\x12*\xd8\xd8v|\x97\x83d\xfbv5\x19\x16\xe4\xddfQ\x8b\xd1\xdb\x89\x88\xf2\xf7\xa0\xe4~.\x00\x00W\x16\xd3Qx\xdb\x13\xbf0s\xb3\x11[\xac\xab\\\x18c\x19\x9a/\xb5eCt4\xbf17\x19~\xeb\x80\x85G&lt;\x94\xe5\xc8\xad\xda\xe6\x8b~\xfb\xf4\x95\xa3\xacI\xcd&gt;\xab\xedV\t\xdd\xce\xcbDYJXA\xbb\x15\xda\x94J\xb1S\xbd\xa7\xcf\xe7\xf1^\xcd\xdf\xf9\x86\xbf\r\x1f\xffT\xfc\x137\x0c\xa42\x00\x10[\t\xbfD\x08\xb0YRa\xd3g\xca\x8f\x1b\xef\xfd\\\x7f\xfd\xe8\xc7\xec\x10VP\xb3!4\xedO\xc4\x89\x8f\xe2\xbd\xf3\xf5\x8e\xdc\xf1\xa4\xdf\xa5w\xddEq\xe05\x00xL\r\\\xf4`4\x9b\x17o9\xbfz\xcf\x1b\xc4/s\xae:S\xfef\xa64M\xa3\xae\x1a\x00\xc4[|Fyzf7V\xe4;y;\x9a\xffK\xe3\xf8c\xd3j\x95%*#z\x9dgzp\xb0t\xdfy\xe9rk5J\xb7\xbdf\xebc\x97\xfc\x95\xe2&amp;\x9bk\nf\xfe \x883\x95\xee\xb3\xee\xd2^&lt;\xfd\xa5{n7\xdc\xf3Y\xf4%\xa6\x14\x8a\xe7\x82\x9e\xce\x17\x99\xf9\xdc\xef\xb8\x05\r\x90\x1a-\xf0{\x8b\xcc^N"\xa2l\xed\x892X\xd79Dvt\xe6\xd0\x00G#g\xad\xc9b\x86\x01G\xde\xc8\xd6&gt;\xc8\xdc\xe4\x8a\xaa\'\xcdVc\x02\xe5\x89\xdcu7=\x85\xf5\xb1c\xadW\xfc\xe6LJ\x0c\x14\xdf5\x1a\xb2\xc9k\x11\xb1\xd6m\xe6\x9d\xc6\x05.\x01\xb9\xbcj?\xf1v\xcb2so\xf3\x87\xcf;\xed\xf9\x84\xdf\xd3\x02\x80h\xf8\xec\x98\x13\x83_\xbe\xcf\x90\xb6z\xa0\x8cXh:b\x0b\xe5\xec\xa4\x9a\xbaH\xdf\xa4= 6\x1b\xb1\xd5\xba\xd0\xb9\xb6\xfe\xa6K\xda\xf6\xc4\xafD\x8dL\x93[\xc4_\xc7\xc9\xfb\x88\x92\xa0+\\\xf1\xfevk\x94\xbf*\xd5\xecV\x14m&gt;\xefB\xb2~\xdf\x00@T \xd8\xec\x02ii\x8a\xb7\x9cOD\xbd\xaf\xbe\x97\x99\x0b4\x9c\xe5\x9c\xf8[\xe6\xab\xb6\xbejX\x94\xb3\x93\xb4&amp;=f\x1fz\xeaK&amp;\xa2n3LW0DJ\xedJ\x94\x11\xc1l\xe7\x83J`$&amp;!HHM\xc7d\xc5}f\x9f\xb95\x11\rY\xfa\x88\xd7\xed\x06.\x8a\xe1\x0c\x80~\x94\x1eLD\x85\x9b^\xed\x9aPMF\xfd\xd5K?\x05\xdcX&amp;\xed\xd9\x1e\x00\x18\xc4\xe7\xb7z\xdf\x1b*\xa5\x88\xb1\xa5\x88\x99\x1fx+\x16u\xabBD]\xa6\x1d\xa0,\xc1N\xc1\xe4\xae\xd5\x98\x9dv\xab.2\x13\xd1\x80\x85\x0f:\xff9j\xf7U\x1cm\xecK\xe1&gt;vk\x98\x99\xa8\xaeJ\x1e\xe6\xfagm\x17~U\xdaku\xd4\xbf\x99\x9b\x8e\xfd\x90\xa2\x9b\x1cf~\xf4\xe3\xe8\xeb\x1f\x99\x00\xea\xeam\xafQ`\xf3a\x03@\xd2\xf1\x16\xc02!^\xfdE\x9c8\xc1\x80\x99+w\xbd.F\xe5\xa6\xe8\xc6\xc0\x8e\xe2\x87\xb2$\xcb\x11u\xc9\x91\xc1K\xf9\xea\xcf\xb0Kt\xfak\xdb\xea\xa9\xdf]\xe8u\xd5=v\xabb\xfa7M\x95_\x18\x00H\x85\x1c\x8eV?\xd9\xac\x1261&lt;\xd8^$\xbb\xe7\xacx4\xec1\xfbn\xbbU\xa9\xfexZ\xb0\xf1l\xbb\xcf\xf8\x8dy\xb9\xf4\xa6}F\xf3\x82\xe2j\xc1\x1dK\x0e""1\xc2\x97a\xfe\xe9|\xdd?V\xdd\xf3\x92\xbe\xdfO\x7f\x15\xaf\xbfZ\xba\xe6*\xa9\xec\xa6\xd66\xb9\xe3\x85T\xfee\x03\xb8\x12\xe40\xcf\xf9\xaa`\xf5\xfd_F_\xf0\x17\x96\x83\xe6\x13\x9f:\x8d\xcax\xf3\xcf\xd8\x1eq\xfa/8"\xbe\xd5g\xb3\xf7\xab\x89u\x91\x16\xa2\xa8\xcd\xb8\xdd^\xf2\xb1\xedq\x93\xe2\x1c}\xd7}\x00\x98\x1df\xae\xd1\xeb\xc6\xf0\xbb\xf2\xe3o&lt;%\xac\x8cU\xf0H"j9fG\xf4\x99\xcc\xd9r\xd6\xb2\xccC\x84T\x00H\xe1\x8a\xf5\x8bY\xd6\xdeF\x0f\xcf\xde\xfc\x8a\xc3Z\xbb#\xb2\xddr\xf9u@\xa9\xc1Di\x9d7\x0c\x88\xb7C\x7f\xba\xf2#T\x93\xfa\x9f\x84\xb1\x96\xdf\r\x13\xe0\xe0\x8b\xa1\xbfN\xf7\x99w1s\x8f\xd9\x87\x1c\x123\xf3\xeb\xbfi\xe9%s\x0b\xbe~\xd9\xfc\x87\xbe\xe75\xeb\x9f\xbe\x8e\xbfz\x9a\xaa\x11}&amp;1\x92\xcc3R\x03\x80-\x1fS\xdc\xc7\xe2Hd\x93\xa7\xcb$EA\xca\xd8*~e\x05!\x99\xdb\x03Wb\xe5=~\x90t\xcc\xbc\xf7\xb9\x7f}m\x9b\x14\xaav_\xa5\xbf\xf6\xfb\xa0\x1d\x00\xae\x00\xce\xbf\xfc\x1f\x1d\xd6\xe6\xe8h]6q\xcd\xe9\xe8\xab\x14\x1f9jMRL\xb9\xf5\xb1K*\xe1\xa5\x92@\x83DW \x86\xd4z\xdd{Q\xb4o\xc0\x19\x1a\x99\xc7\xd1\xd9\xb3\x8f\xe0V^\xba\x16\x00\x92]\xd5\xee\xd7+\xa6df\xbd3\xea\xe4\x9b\x9f%\xa2\xe7\xbfS\xfa\xcd\xb7\xf7\x1b\xb2\x91\x88\x1a\x0e\xde\xa8=L\r\xf6\xf8\xf2ol\xae\xdd\'\xaf}F\\2\xe5\xe6g[\x8c\xda\xd6i\xea~\xa2|\x81\x17\x97\xbax\x88\xcf\x15c\xaa\xb3F.\xbf\xe3\x03\xe7\x04\xc3\x97\x1f\x8f\xba2\x1e\xa0\x01\x06H\x19J\xb7\x8d6\x1e\xbd\xd7\xe0\xb4\xf6\xcb\xd3\x1a{\xa3T\xfa\xd9&gt;\xb1q"\x81\xb2\xdf\xca\xe2\xe8\x1e|\xc9\xa6bi\x9bY\x13\x9f\x11N \xbe\xf3\x7f/4\xa2t\xdb\xc5\xfe6L\xad\xf4g\xbaC\x97&gt;"\xee\xd5\xf3A\xb6\x16Zw\xeb\xcam\xc7\xef\x89&gt;\xaf\x14\xdd\x8c5\x19vk\x8a\xae?\xc0\x95"\xfcC\r\xb2\x87m\xb3\x91\x92\xd0\x86c\xaf?\xe9\xd0\x00[\x03nx\xea\x16k\xb30\xbf\xd7\x18\xf7\xa7\x8d\x03QB1\x0b\x95\xeb\xe3\xa1kU*\x95\xad\xfa\x04\xf3\xa2\xcc\xb6\xd1N\xfc\x84\xe9N\xd3\x94\x88\xecf\x86`f1f5\x11\x11\xe54EwQ\x94\xb1\xd2h\x1f[%\x89\xd0\xfe\xcc\xde!\xd1\x15\x01\x80\x98\x90O\x1fk\x17\xf5\xc2\x95u\x93\xad\x8f]\xb2\xcbG\x9c\xfe\x8f\x88(Wg\x9b\x0c\xeb3\xb3\x16\x84\xd9\xbe\x91\xb6ry2\xea:+\x91\xbf\x8b\x8f&gt;s\x0f\xfb\xd8JW\xb1\xf3\xb5\xa1W\x96\x19\xe8\x8a6\x9f\xcb\xcc\xb1\xb8\xd9\x1e\x9cZ\xef\xfcc\xae\xde\x81\x17\x93\xb9\xc2\xb4\xe2\xc0\x87\n\xa9\xcc\xd3\'(+\x1b~\x11\nB2hq\x92E\xe5\x04\x80d\xf0\x83\xf9\xc8\xae\xfa\xf0\xccN\xd9p7\xec(\'h3\xad2\xcdA\x9b\xb7\xdet"\x9a\xb7\xe3\x9c{\x85J\x0c&lt;\xf6AR7\x06f\xf6\x17\x9d\xba\xbb^\x89\xff\'j\x9c\xae\x82v\x87\xa0\xb4}\x9a\xda\x81\xde;\rx\x86"Q\xa7\xa9\xfbc\x97\xb9U\xcb\xd1\xa1Q\xc8\xe2\xfe1\xc5&lt;\x89\x9c\x84\x01@\xaa\x92\xbb\x0b\x11\x11e\xcd[\x7f\xbaRzS\xac\x9f,m\x03\xaf\x91+\xf3\x85\xb2\x8d\xe1\xcbO4\x1b\xb1E\\\x12~&amp;\x1d-\xfb\xb6\xc4\xef\xac\x06)\x9f\xaf\xf6\xb5\x9cti\x9ez\xd3\xa2\xac\x0c\x11\x05\x11)\xd3$\xc8\x0e\xf0\xd6\xdb\x00y\xeaM\x93\xdc\x81\xcf\xd6\x9e\x88\xb6&lt;\xfa\xb3\xbe\x00\xcf\x80\x01R\xb6\\u\xa6\xb8\xa6\xa9\xd5w\x8di\xc9\xf8\x1b\x9f\xb2&amp;\xfb\x92Y\x08\xca/1c\xe3\x8b\xda\x8b\xad\x8f]\xb2\x8ee\xf2z41\xa5w\xdd&lt;\xeeG\xab\xbcD\xb4\xeb\xa9?\xe2[\xa8*\xe5k\xbb\xec\xb1\xad\x87=\xe7ypS\x8aX}\xeb\xf2w\x8fI\xb6\x00\x10\x0b\x9f\xc9\x0f\x04\xe5\xed\xd2\xbf\xfd7W\xe8\xb4\xc2\xee\xf0\xb1h\xcf\xdbd\xd3\x1d\xc9\xf9v13\xbf\xfd\xb7\xc7CR\xc6V\x1c\xa6\x92&lt;\xca\x86\xdc\x9f\xa5\xfb\xceK\xf3\t\xb4\x03p\xc8\x9e\xa7\xff$\xa2\xdbN\xff\xe5\x960\xf8\xa8\x96M\x86\xdf\x1ax\x9e\xb7\x9e\xf8)\xf0&lt;\x93\xd3\xa8\x95\x8f)\xa75\xc5\x9b\xab\x11pU\x00 P\xa5\x1c\xd65\x18\xbc\xd1\xa6\x99\xd1\xe7\x9e\xcb \xddp\xd2\x9a\xd3j\xedS(X\xe0\xad\'~r\x98\r\x97\x88\xce^\xe2\xae3\x0e\x86\xdedkoZ\x9bW6\r\x0e\x0b\x84\xc5%Mi\x14*\x99\x00\n\x15s\xda]\xaa\xf2\xe9\xd7C\x05\x03\xc8\xcdI\xc0\xb3c-\xd8\xf5fx\x17\xd5\xf7\x9dI\x91fA\xcd\xdd\x9b\xa4T\x1f\t\x01@\x92{\xdf\xb1I\xa8\x1e\x89\x80\xef\x87\xfau*Q&gt;\xf5+ZK\x03\xec\xdc\xcc\x14#\xa2\x9a\xbdW\xabU#\xe1\x94\xe6\xdf\xf5A\x9c\xcd\xa2\xdf\xfc\xfbcTJ4\xbe\x8b\xf6\xb4)\x7f\xb6\x1a\xfa\x80\xa8L\xd1\xd6&amp;)H&amp;J\xb1&gt;ja\xe6/\x99\xef~5IO:\x01 \xa2b\xe7\x15\xda\x8b\x8eS\xf6Qp\x17\x8bB&gt;\x15\x0c\x0b\xf3\xb9?\x9d\xaa\xd0i93\xaf}\xe0+\xe9\xda/-\xad\xb8v\xd0\x99\xb6\xfey\x95\x8a\xd5\xe9ws\xf8\xa5\xbc_\x0f\x11my\xec\x123+v\xe0\xd2\xa8&lt;,O\x08\xc5?h\x91fsc]\x13/\xccw\\\x1a\x0c\xdeh\x97\xf4\xc9\x8b\xc9\xf6t?\x98~\xd7\x19*\x8eRIf:\xa9e\xe6\xbf\xbd&lt;\x91\x01\x80\xb8\xc8\xd3e\x8d\xc2\xbc\x81\xe2\xef\xb6\xb6\xa5w\x95\xba!K\x1e\xf6}\x08p=|\xd8\xaf\xb5\x99\x8f\xa8\xc4\x00"\x1a}\xdd\x13D\x94\xbe\xc2H=\x93b-\xe6\xab\xd4\xa7\xb9,\xa8\x88\xa6\xdb\x8c;Ur\xb0\xda\xfe\xc4\xafI|\x88\x8c&lt;b\xdc\xf8\xc8\xf7Ae\x1a\xd0\xe7\xad\x19D&amp;Nz\xcd\xb9\'\xca\x1c|\xb6\x7fy\xbb\x89\xef^\xb9$\xcfa\xd7\xa9\xdf=\xe4\x99\xd6&lt;"\x1c\x00\xe2\xad\\\x87\xa5\xd2\xe5\x13nz\xca\x14\xb2X?p\xe4\xaa\x1d\xdc%\x9de\x00R\xab\xb1;\x1d\x92\x0f[~\xdc\xe9\xf8\x95\xb9\xb5\xdd\x1am\xabz\x03\xd6\x11Q\xe6*c{\xcc:DD\xc7&gt;\xe0*\xdd\xae\xf3P[\x03\xc9Ur\x83A\x1b\xfd\xe6\x16\xb2\xc7\xbd\x87\x94UY\xf1\x8d\xef\xc6l\xefs\xff\xb8\xa6\xf1\x94\xb9B\xe2h\x07\x85\xa7j%\xec\xee\xf4D\xef\xfb\xe4=\xc3\x03\x80\xd8\xca\xea{\xcbb-\xe6;4\x99\xf5\x07n\xd0^DwE\xa5\xd8\xb9)\xa7\xe1]6\xa7aTv|\\\x0f\x19\xd2\x0b\x81\x159\x1ceL\x9a\xa1q^\xfa\x80\xf5\x9dw\x9ft\xf9\x1b\x7f\xf8\xf9+t\x98\xb4\xd7S\xfa4e\x87\x12\xd1\xf5w\x7f*\x04\x0f\x89\\\n7\x18\xb4A\xba\x95\xca\x89\x97\x97\xf8h\xc1\xeb7\xff\xfe\x82\x8dfk\xafK\xb6^\x14}\x86\xa68\xa0\x8f\xbc\x8f{\xd1\x00\xa9\x82\xf1\x97\xacE\xbd\xa71\xd7\x9f\x8cK\xe1i\x1f\xfb$\x8a\xe3H\xa1^\xa6\x05\xfe\x8eJ\xcdGm\xf3_\x07%\xb5\xc3/\n\x0b\x0b\xa3\x8f\xea\x10\x8aeh7\xb9\x85E^\xf7$6\x92\xeap\xbf\xee\xe8\xb7\xb1\xcb|\xe9\xbe\xf3\xbe\xef\x87g\xae26\xa8j03Q\x1d\xb7\x04\x00\x90P\x91\xee\xcd9:\x10\xd5\'\xaa\x14e\x86\xc5[\xce\xb7\x1b\xdeJDe\xdb\x87nzG\xf9\xfbW\xd8&lt;\xb8X\x10\xe1\x80\xd2\xdf2\x13\xa5wN\xfb\xee\xbfn\x15+3T\xebM&amp;]y\xf8u&amp;cWd\xdd\x8d\xf7~\x1e\xcc\xe8#\x05\xcc\\\xa3\xd7M\xfe\xb6M_a\xa4\x97\xa1\xabJ\x95\t07\x89\\\x9d\xa2\xcf\xa3\xe7\xec\xbb}l\xe5\xef\xa3\xf9xtR\xa9\xcb\xb5$\xdc#9\xfd5\xab\xf4\xfc\x00\x80X\x11\xfa\xfdF\xc9\xf6|_\xf1.k\xfbI\xb7\x07T\x13\xdbjX\x96U\xf6q\xec\x0b\xe4\xb6d\x96\xaa\xe3\xae\xda\xfa\xea\x93\x17\xd9a~\xa48\\\x9d\x9c\xfe\x8aM\xddy\xca\x84\xe3l{\xb2\xf2\xe0\xc7\xcc\\\xb7\xff:\xc5\xf4\xa6\x8f\xb6\xf8\xb6w\x147\\\xb8\xfb-o5s\xf4+3\x11\x95j\x13\xc0\xdd\xddh\xdc}6N\x97\xa1\xe7~g\xca\xdd\xf9\xf1\x0b\xb8\xea\x05H\x81\x9e\xfa\x82\x89\xe8\x94\xdb\xd0\x0eg\x87\xcf\xe1\xf7\x1f\x8aH%ej\x9c\xf4\xa7\xdaA\xab\xe0\x9e\x84\xa8\xc3\xe4\xbd\x01\x16\xb9l\xff\xfb\x92\xe9\x08\xa9\x96\xe9\xbd\xf3\x99\xc7C\xef\x05\xfe\xfd\xd1n\xaa\x97s\xbe[\x1b%\xd3p k\x82\x1b\xef\xfd\xfcs\xdc\x10\x06\x00{\xb6\x93\x04l|\xf8;\xc5,&amp;\xaf}V\xbd\xbc\xc7?5\x0fdT\xdd2o7\x85\xe3i5\x95\x0c\xe3\xf9\x9cl\xcd\xfd_\xb6\x9d\x10\xc0t\xf1\x0e\x81B\xa3\xa3\xf4\xc8\xb9zO\xcf!Y\x1cv\xf27\x92U.\x8f\x00\xfcI\xec\x00Yfn4t\x13Q&gt;\xc7T\x85\x1d\xd7:\xb2\x1f \x00\x00IG\xe5`\x14\x9a\xad/K\x1b*\xd6?\xe6\x15\nk1j\xbb\xfd\xca\xe2m\xc6\xef\xd6\xdfX?B\x96\xaa\xe3\xb4\x17\xdbO\xfe\xe6\xf0\x01M\xab\x9a\x1agCRd\xcd?\xbc\xa4\xa2%m\xd9g\xbfa\xf9 \xce\x9c\x9d&amp;\xdc\xf4\x94\x8f\xd2\xa5~\x8c{\x03\x13}\x93&amp;\xcb!\xab5\nX\xb5\x1e\xd7\xdbo\x15\xf8\x8cF\xc1\xcbXi\xb4\x1e\xf7\x86\x88\xa28\xc9H\']\xca\xcc[\x1e\xbb\x84\xd0\xd0\x00)M\xa9A\xc1\x1cFK\x0e\x8c\xbc6\xd2\x06\x90\xf4\x9c\xa3\xdc\x87\xa5Po\x7f\xd5\xd0{\x06}j\xa9C\x9e\xba\xd3\xee}\x9dM\x91\xa2u~\xf7\x80&lt;P\xb6\xd4\xf4\rgT\x92\x15j2\xc7WM\xe2G1\xeeXtB\xedS\x89V\x0b\xb4\x17q\xbfx\xd5Z\xb2B\xb2\x9b\xeaf6\xd3\x99\x18\xc4\xba\xfe;\x9f\xbc|\xfak\xdc\xe2\x06Hb\xdb\x9e\xf8\x95\x88\xf27\x98iY#\x9b\xb0\xa1\xd4 \x9bl2\x07Y\'\xa2\xac\xd5\xc6\xeb\xafM\xc7\xa9/\xe2t\xd8m\x18`^%[/\xd4^\xa4\x82A Z&lt;\x87\x95w~\x1cE\x1e.\x93\x1f\xc7l/\xc9\xaf\x14\xbdj1\xda\xe1~L`\xdaM\xbc-\x0e\xa5\x00@b\xf8;\xcc\xd9n\x95\xd3&lt;\xa8c\xd0\xe2\xa3\xdaD\x84\x0e\x86/?\xae^t\xb8\xd7ti\xe7d18|\xdb\x968p\xf1Q\xd7\x8d\x99\x99\xca\x0c\xc9]wj\x94\x95\x08\xfcs\x95n\x05:qU\x00\x00 \x00IDAT\xb3\xd8\xc7V\xce\x93\xde\xc7bFE\xab\xd7/\xfb+%\xef}o\xb8lx\xc3=\x9f\xa9gW\xae\xc3\xd2\xab\xb7\xbdf]n\x08\xdaj\x8c\xfbV\xbb\xefZ\xc5\xcc\xe7n\x7f]\x8c\xbcV\xb7\xff\xcd\xa9\xe0\xec\r\x00\x94\x98~\xed\xc6!\x9e%\xad\t\xba\xcd\xf4\x19\x069@\xd7\xdd\xf5\x89\x8f\xadR\xc4q\xcdTIO\x11\x80e\x1f\xb0\x8a\xa7S\x1f]\xfa\n#m\x9es\xd7\xd3\xdf\xbaD\xe0\xca\xde\xc1G\xb9F\x05(s\x1b\xc7\x04\xb9\xecVX*/\xbb\xcd\x13\x03B\xb9\xb5\x957R\x9d\x01\x8c\x1c\xbf\xc3\xcc\xac\x0f\xfa\xcf[\x0f3\x15\x02\xa4X\xc7&gt;H\x96\xb6J\x98\'\xd1\xd0\x89T\xec\x90\xe5\xaaFt\xd3)\xdaa\xe6\xa5\xfb\xce\x07\x9b\xe7\xea\xfb\xbeH\xc8\x89\xc2\xc7\xde\x0b\x1d\xb0\xf0\x88\xf6\xc2\xf7\xf8i\xe7\x80\x1e\x19+\x8d\xf6Z\xa5\xe84\xf1\xbde\xb9\x0e\xcbf\xde\xf2"\x11-\xddw&gt;\xa6\xa3\xde\x99Yl\\\xc3\x13 1Q\xf1\xc4\xf6\xf4\x06\x80T\xa7H\x9f\xfdgB\xc7\x94\xa0\x0e.\xa6|\xa2\x99bA\xb1JK\xf6\xbe\x17J\x99\xbd\xbds\xca\x1a\xbdo"\xa2|\rf\xb8\xde\xd2\x8f\x8e\xc3x\x18y?5\x92\x8d\xe4\xd1\xefQ\xf7\x99{\xd8&gt;}\xd2O\xc9\x90\xb6\x99\xf6\xbf\xf3_\xb3\xf5\xb8]\x0f\x9fw\xffs?\xfd\x95K\xf7\xfb\xba\xfd\x83\n\x8f\x13\x96\xb5\xad\x16q\x05\r0@\x12\xf1\xf5k,\xe1\xb86?Q]\x95\x9e)\x01\x8e\xae\tJxo\x88#@2k\xcb\x9f\xfb\xd6\xdb\x8e\xaa7p}\xf8\xa5xc\xb3\x103\x13e0\xee\xf6\x0cb\xe9\xea\xcf\x05\xad!,\x9cm:\xf6\x83zb\xaf_\x0c\x0eO\x05\xf1\xce?\xac\xcd\xf0h2\xf9\xe6g\xad\xd9\xde|\xe4\xeb$n\x0f\xeaG\xb9}\xd1\xe6\xf1\x9cG\xb9\x98k\xe3\xba\xe6\xfe/\xaf=\xf8Q\xdc*\x04\x00\xc1\x8b\xe6\x88y\xeb\xa3?g\xaa&lt;\xc6\xe3F\xaa#yj\xf6Y\xed\xb8\xbe\x1e\x05r\xc72|1d2u\xdds\xeay\x84\xf7a\x13\xca\xda\xcenn\xd7x2\x1d\xbbs\xd6\x9a|\xef\xeb\x92Z\xb9\xf6Z\xfa\xc1\xbe\r\xa8\xd9\xdb)\xac\xb4\xbf/\x95k\xd0\x12k\x82y\xdb_\x17\xde\xd9\x9eJV\xe8\xb4\xbc\xc9\xb0\xcd&gt;\xaa$&gt;\x90n1j{\xe4Vs\x91\xbe*[O\rh\x04\x173?\xf8\x8e\xb8K\xcd\x81\xcf\x92\xf8\xbc\x07\x00\x9c\x14\xb4[a\rXa\xfa\x9d\xfb\xfe\xd9G}\xbc(f|\x9b\xc6\x9aa\x97\xe9\x07\xb4k\xc4\x1c5\'\x11\xd1\x9f\x1eK\xdc\xf0\xd0\xff\xb4\x17q8\xb497fA\x90G\xbc\x8a\xcb`\x98L\x9eR\x1f|)\xb4\xb7s\xd6\x9el]\xbb\xe2\xc0\x87\xa1W\x86\xde^\x19\xf5W\x99\xab\x8c}\xed\xb7\x00\xff^\xa5\x93\xa4as\xbe\x1aN\x92J\x02\x80\x0b\xeb,u\xd9j\xb8G\x1e0\x89\xe6\x07\xbf\xee\xc1oT\x1e\\)\xcf\xa6\xa7\x8a\x99\xb5Q\xd1IOyFBa\xf2\xe0\xf8H_aD&lt;\x8e\xf59:R\xf8;\xb6\xf9\xf8\x8f\xd1L\xe7W\xa1\xd3\xf2\xec5\'\xaa\xa6.\xd2\x97\x88\xaeq\x99I\xa2j\xe5\xae+\xfdT%w\x17\xc7\xd5\x8d\xed\x8a\xd3\xfecfc\\\xad\xe2\x94\xb3\xa3\xf6\xaa\xf9\xc8\xad\xe1\x85\xd5\x89\x8a\xfa\xa9\x1b\x00\xc4GbO\x96\xdf\xf9\x87\x17\xecz\x93\x99K\xb6Z(.\x0f\xd7\xaa\xea\x90%\x0f\x13Q\x83A\x1b\x98\xf9W\xa1\xaa\xbd\xe6\xdc\xa3x\xf1-]\xfe\x07s\x83\xc1\x1b\x15+9&gt;\xe0\x87\xd9\x85J\xb7]\xdcx\xe8\xe6\xfdg\xfe\x0b4[""*3\xc4\xb2\xa8\xb4C\xf2\x8c\x95G[\x17z\x1a\x0fcH\\\\\x8bW\xaa2G\xa4m?/\xe7\xe2\xe2\x12\x84+\x08\xa5\x07\x87_\xd5\x93\xae\xcfYkr\xb0?=\xfd!\xbd6\xa5J\x8d^7\xe6\xac=9{\r\xe5\xb3\r\x00\x88\xad\x12\x03\xa5\x8b\xbf\x8c\xe2@\x10\xe5ADy\xf3&amp;zJf&amp;\xca\xaa\x0f\xbd\xf0\x17_B\xd4y\xda\x1d\x81\xf7\x1du\xceM\x8b\xe7\xe0\xa5\xc4\xbc\xc1V\xafL\xbb%\xc2\xd8\x15\x83\x00\n\xca\xe3pmg\xe8V\xf6u,O\xfe\xe2vf9\xc81&lt;\xcb\xec\xcd/K\x97\xa7-7&lt;\xcar\x7fb.\xdb~\xa9),\x9d\xf8\xa9\xd1#\x1a \xc5q\t\xe6\x1e\xe0OZ\xcf*o}\x97\x88\x01\x85\x9b^m\xddV\xb3\xea\xd0\x05}\xe1\xaf\xfe\xebV\xc4T%\x93\xe2-\xe6[\x17J\x13W\xe8\xb4\xdcu\xf8\x90\x8f}\xe8a\x93,m\x15\x13G\xf3\xa7\x8c&gt;\xd4\x17\xb95]\xee\xb2\xd9\x0e\xe8\xda\xf1\xe4e\xef\xd9\xc9/U\xa5\x9e\xf8\x94\xf5x\xae\xa6`\xd1\xc9\xd3\xe6y\x08\xbd\x0e\x00\xc9\xaf\xed\x84=\xb6\xc7\x97\x8c\xad\x88\xaa\xc5\xaeh\xfb\xe3Z\xa8\xff\xe7\xc45\xa7\x8f}\xa8\xa5\xc9j\xbc\\\xb6\xcb-\xf4x\xec\xac\xc7^\xca\xc5Z\xcc\x13\xdf*\x863\xd4.\xdc/\xdb\\w:[u\xe8BL.U\xfd\xab\xac\xbf\xf2\xd9\x97\xd8\xc4&gt;`\xd6\x071x\xf6\x1fl\x86\xf1\xe1\xa3\xcbU\n\xfd\xa4\x00\xa9\x8dc\xcc\xde2$\xfeV\xcdW\x15\xfe\xe7\x9d\x1d\xb4\xf8!\x1f[=\x12D\xf8\xad(\x0f=\x8d\x87n\x96M)h \x7f\xba\x96\xa7\x0b\xe5u\xee\t%\xe9\x9e\xed\xc6\xf8\x07\x8a\x99\xe7\xbf\x0b\xa0\x08c\xcf\xa0\x10O\x0f\x95\x85\xd38\xf3w\xef\x8d?\xfc\xd7p\xe0\xa2\x07\x89h\xf5}_\xf8\xce!\n9\xc571\xf8S6\xb2.\xca\xd7`F\xd0\xa5\x00@\x14\xde\xfc3\xe0;\x93\xbd\xaf\xbe\xd7c\x15\xd2\xe8\xa3JL\xb4\x00C*E\xbf\xf0\xbd\xfb\x15\xe4%\xe6\xa7\xbf\xe2\xc1\xd7\x98\xce\x00\xa2\x98\xed&lt;\n\xd36\x9ci;\xdee&lt;\xab\x9d\xb2\xed\x97\x10\x1137\x8btm\x8dF\xde 2Q\xd4\xa0\xc3\xe4\xbd\xd1\xe7\xf2\xc2\x0f\x86\xbfu\xbe\xfa\x89oWj\xf5Y\x93\xa3\xd6$\x7f\xdbF\xf9\\\xd68\xf6\xd7\xbd,\xdf\x05\x01@\xdcX\x9f\xfbF\x86\xbet\x9fu\x97\xf3\xc6\x9e~\xe7\xfaT}\xa4&lt;\x9b\x829\x7f\x97\xf1\x1b\xa1M|\xdc\x97k;~O\x8c\xe2\xf5\xab\xec"\xf1\xb6\xf9\x9d/\x87^_\xf2u\x0cm7\xf1\xb6\x1b\xef\xfd\xfc"\xf3\x1dg\xf8\xbe7\xf8\xc0\x8b\xfa\xc9M\x11\x8f9i\xb1\xa2b\xb2OT\xc5klU\xfa\x8a#c\x97\xb9\x1e\x9d\xe6\x0f\xf9\x1f\xd4!,\xa8\x82\x1c\x92\x1b\xf8\xd7\xdd%yl\x01\x00q\xe7x\x08;\xf3}\xe4W*\xb6\x8e\x8a*tZ\xa1\xf4;/m\x18\x1e\xb3\xfc\x8e\x0f\xd4\x8b\xf0z\x1ci&gt;j\x9b\xb6I\xd3\xe1[\xac\xdb\xa6-o\xd3\xfb4\x7fw=\xf1\xc4\xd5O\x13Q4q\xf9E\xaa\xf5\xcf\xd4\xdaf\x85i&gt;]\xc3\xd4\xc5\x17m3\xcf\xafT\xa8\x82\xea=o\x8c\xc4\xbb\xf0\xa2P\xe39\xe2\xdb\x01\x0b\x1ft\xd8\x15\xeb\x8f~\xeb\xa3\x08\x07\xd2\x11Vai\x83-\x8b\x88\x882\x10U\x92\xaf\xb1\xcc\xdd\xa9\xa0\x80J\xa2~\xf3\x1f \xa24e\x87\x99\x96\'a\x14X\x80+T\xdfy\xf7\xa9]\x0e\xd6\x8a\xfe\x94y\x96e\xd0\x053\xd7\x8f\x84M\xf6l\xc2MO\xc9\xc6\xfb\xd6!\xa2\x02\rg\xf9\xceV\x89}\'[{e|\x95T\xddyu\xa5.\xd7\x12\x91\x1e\x81y\xc9\xde\xf7\x84\x95\x85\xc4\x94\r\x95\x077\x07\xa7\xac\xf8\xc6x\xef\xc1.\x9a\x84\x99\x8f\x1eF\xa2\xe1+N\x98\x17\x15\xece^\x92\xb5\x1d\x11\xf5_pD\xb1JQI\xdb\xacP\x13\xf1\xe4\xc3\xaesbM\xcb\x92\xd0i\x93\xa9\xa3\x9f\x8e\x99C_\x06\x81\xc3\x83m\\\x04\x03\xa4$\xfa\xc4\x7f[\x1e\xfd\x99\x88\xfa\xce\xbb\xcf\x94 9~\xd2%\xf4\x1b\xd1B\rKMZs\x9a(]`\x85\xe4R\xb9p1\xb4\xb8\xeb\x1e\xfcF\x7f}\xee\xf7\xc8\x8e\xba\xf5\xd1\x9f\xb5\x17*3\xd8g\xad&gt;\xde\xba\xb0d\xeb\x85\xef\xfe+\xef\xda\xcd\xcc#V&lt;\xaaPU5\nw\xf8\xbd\x10\xe7\xbd($\xce9/\xa8%[\xa8\xea\xf6g\xfe\x8ef\xf3(\xe9\x83\x91\x0c\xb2\xb7\xf7=\xdf\x91\xc3\\\x1d#\xaf}\x94\x88\xfe\xf1\xf2\x03L\x8e_+\xc0\x95J\xf1\x17X\xa1\xd3r\xbbU\xd7\xdf\xfd\xa9\xd7\xdc\xa2\xac\x0c\x95\x1e\xecp\xfc\xaa\xd9{u8\xabH\xccj\xf1\xc2\xab\xc5(q\xa6\xa6\x0c\xb7\x9e\xf8\xc9GU\xd5\xd9&gt;;\xcc\xdb\xed\xb9\xffE&gt;\xef\x92\xbd\xefm|\xf8;\xe7\xac\x98\x99\n\xf76-T{.\x90\xd3=\x89=-0\x88\x17\xa5\xc6\\\x7f\xb2\xd5\xd8\x9d\xaa\xc9\xf3ww^\xcf\xcc\xce\x11\xbb\x8c|Nn\xf8\xf2\xcfqn\x8d2\xba\'\xf1\x88\x99\xeb\x0f\xdcP\xab\xcf\x1a\xc5\xf4\xff\xa1\x01\x06Hr\x1c\x0ebg\\\\\xcbz\xeb\xcc8\xd5\x8cY\xad\xbek\x88h\xfa\xc6\x17\xfcT"\xf4\xa0\xda\xe1\xfaU_\x95\xde\xb2*\x97\xf6\xdf\x89\x8fx\xefs\xff\x9a\xd6\xc9&gt;])\xf28\xbbQ\xf4\xb4S\x84Od\x07\xc4\xb2\xed\x97\xda\xc5\xa5RQ\xbd\xd7\x8d\xd36\x9c\xd1^\xefy\xfa\xcf\xa8jiPD\xb9&gt;\xb6\xb3w\xc4\x84l2D\xdf\xa2\t\x03\x17\xb8\x9c\xb5$\x13N\x98eic\xb7\xa6\xe7\xec\xbb\xb5?Y\x89p`W\\\x01\x03\xa40\xc1\xffh\x8b\x07p\xc4d\xe6Cg\xdd+\xa62\xbf\xc2\xdd\xafZ\xf2\xc9\xdc&amp;FQsUvf\xebq\xbb\xc2/\xa3\x9d\xb8\xbe\xd9\x08o\xa3\x95\x98\xb9\xff\x82\x07\xa2)\xf1\x96c?t\x9ezG\xe4}\xee.D4|y\xe4\xa1\xac\xfd\x89\x85d\xf4\xaa \x0f\x11\x11\x95df\xf3h\xb7H\x98\xe5\x90\x0c\x95Fi\xf7E|\xf0\xfdm\xcf\xae0gI\xc3\xc1\xb7X\x96E\xfb\x88\x84\x99[\x8e\xdea\xbf&gt;\x87)q\x94\xc5\x01\x80\x7f\xf9\xea\xcfh9f\x07\x19\x1f\x95\xa5+?\x82\x8a\xf6\xb3\xdb\xa4H3s\xdcG\xaf\xf6?\x1f\x9af\xa0r\xd7\xeb\x98y\xd2\xdag&lt;m\xfe\x1333\xefz\xea\x0f\xf5M\xec\x0e4\xa7\xbf\x8e\xdf\x01(v\xf7\xe7k\xf4\xba\xd1[^\x99[\x13\x91\xca\xa8_\xd3([\x05y\xf4W\xcd\x84\xb9)[\x8f\xdbe\xae\x7f\xc1^\xa60\xc5\xea\xa6\xdc\x1c\xfd\xcd\x89\xdc\x14\xde\xa59jMr\xfc\xd3\xe4\x8e\xba\xac\xb8b\xe6)7?k^\x9a\xabs\xd9vK\x88\xc8t\x07\x08\r0@\xd2\xf9-\xfc\xb3\xfc=\xf4\xa2\xa2\xc3\x0f\xd5\xee\x18\xad\x0f\xf30]\xa0\\\x10\xaexLwV#\xafK\x0c \xa2\xae\xd3\x0f\x92\xfd1\xc2\x1aS\xc9\xc3Dr^e\x96\xdc\xd6;\xf8\xa2\xbf\x83W\xf0O\xfeD\xc1\x1eR\xcbuX*\xbc\xcba\x9bNV\x07f\xceRU23\xa0^C\xd9\xd9O]\xe3\xdb\n\xcc\x9c\xb1\xd2haI\xb1\x13\x1f\xc9&gt;`\xa1\xde\xd6e+\xef\xfc\xb8\xdf\xfc\xfb\xd5\xaal\xa2\x14\x90$&lt;\x1a-\xa2\xef&lt;\x7f\xc5\x99\x9d\xba\xc8\x94Fu\x90\x9b\xe9\x19\x8a\x8f\x01\xee\x00\x900\xed\'\xddn]8g\xcb\xd9\xc8\x9b\x02=\x1d3\xc8y\xf4]\xc3o\xdbp\x07,}\x0b\xca\xdd\x85\x99\xc5\xeb!\x17\x99\xdb\xb8\x1e,\xbe\x93%p8\xf403Q#S\x02\xf5`\xf4\xa3\xae{\\1\xa5]\x05L\xaf\xbd\xc7\x083HSn\x98\xdd\x87\x15\xeeWK\xfc\xe2\xbcc\x95\x0f\xfaDD\x94Gr\xaf\xde\x82\x99\x892\x06z\xf4w\x1a\xc1,\xfdb\x10\x91\xe2\xc0\xd9\xe8Ts\xf8\x98\xff\x1aW9w\xb8\xf3\xf4\xbcC\x9b\xff\xb8v_s\xc7+\x97}\xee\xd6\xf1\r\x00b\xee\xd8\x07|\xfa\xab\x98\x9f\x1aO\x0fw\x02\n\x8a\xca\x01\xfd\xf0\xeb\x86fo\xd8\xb2c\xa6\xadJ\xb5Y\xa4\xd800\xb3\xef\xfb\xa5\x8ey\x12\x11Q\xfa\xe6\xdf\xdb&gt;\x07\xcd\xa6wrf\xe6\xf0#C\xeb\xf0PEi\xde\xfa+\xc0\xbf\xb5\xed\xbcX\xa6\xcfb\xba\xed\xb9\xf6\x81\xaf\xf2\xd6\x9fa\xfe\xbc%\x07\x11\x11Q\x06\xf5\xb6\x87\rq\xa1M\xccS\x0e\xbf\xfc\xb3\xf9^\x8bd\xa3,m\x15\x8bVP^\xfd\xab%\x9d\xec\xeb\x82\xdb\x15\xad5\x9f\xf0K}*\xe5\xe2\xf2\xa4DD\xd4|\xe4\xd6q7&lt;\xa9\x923\x00\xc4M\x1</t>
        </is>
      </c>
      <c r="E492" t="inlineStr">
        <is>
          <t>&lt;class 'numpy.ndarray'&gt;</t>
        </is>
      </c>
    </row>
    <row r="493">
      <c r="A493" s="1" t="n">
        <v>491</v>
      </c>
      <c r="B493" t="inlineStr">
        <is>
          <t>steps_per_sec</t>
        </is>
      </c>
      <c r="C493" t="n">
        <v>7100</v>
      </c>
      <c r="D493" t="inlineStr">
        <is>
          <t>5.164853</t>
        </is>
      </c>
      <c r="E493" t="inlineStr">
        <is>
          <t>&lt;class 'numpy.ndarray'&gt;</t>
        </is>
      </c>
    </row>
    <row r="494">
      <c r="A494" s="1" t="n">
        <v>492</v>
      </c>
      <c r="B494" t="inlineStr">
        <is>
          <t>Loss/localization_loss</t>
        </is>
      </c>
      <c r="C494" t="n">
        <v>7100</v>
      </c>
      <c r="D494" t="inlineStr">
        <is>
          <t>0.004264689</t>
        </is>
      </c>
      <c r="E494" t="inlineStr">
        <is>
          <t>&lt;class 'numpy.ndarray'&gt;</t>
        </is>
      </c>
    </row>
    <row r="495">
      <c r="A495" s="1" t="n">
        <v>493</v>
      </c>
      <c r="B495" t="inlineStr">
        <is>
          <t>Loss/classification_loss</t>
        </is>
      </c>
      <c r="C495" t="n">
        <v>7100</v>
      </c>
      <c r="D495" t="inlineStr">
        <is>
          <t>0.15634933</t>
        </is>
      </c>
      <c r="E495" t="inlineStr">
        <is>
          <t>&lt;class 'numpy.ndarray'&gt;</t>
        </is>
      </c>
    </row>
    <row r="496">
      <c r="A496" s="1" t="n">
        <v>494</v>
      </c>
      <c r="B496" t="inlineStr">
        <is>
          <t>Loss/regularization_loss</t>
        </is>
      </c>
      <c r="C496" t="n">
        <v>7100</v>
      </c>
      <c r="D496" t="inlineStr">
        <is>
          <t>0.037897866</t>
        </is>
      </c>
      <c r="E496" t="inlineStr">
        <is>
          <t>&lt;class 'numpy.ndarray'&gt;</t>
        </is>
      </c>
    </row>
    <row r="497">
      <c r="A497" s="1" t="n">
        <v>495</v>
      </c>
      <c r="B497" t="inlineStr">
        <is>
          <t>Loss/total_loss</t>
        </is>
      </c>
      <c r="C497" t="n">
        <v>7100</v>
      </c>
      <c r="D497" t="inlineStr">
        <is>
          <t>0.19851188</t>
        </is>
      </c>
      <c r="E497" t="inlineStr">
        <is>
          <t>&lt;class 'numpy.ndarray'&gt;</t>
        </is>
      </c>
    </row>
    <row r="498">
      <c r="A498" s="1" t="n">
        <v>496</v>
      </c>
      <c r="B498" t="inlineStr">
        <is>
          <t>learning_rate</t>
        </is>
      </c>
      <c r="C498" t="n">
        <v>7100</v>
      </c>
      <c r="D498" t="inlineStr">
        <is>
          <t>0.07995281</t>
        </is>
      </c>
      <c r="E498" t="inlineStr">
        <is>
          <t>&lt;class 'numpy.ndarray'&gt;</t>
        </is>
      </c>
    </row>
    <row r="499">
      <c r="A499" s="1" t="n">
        <v>497</v>
      </c>
      <c r="B499" t="inlineStr">
        <is>
          <t>train_input_images</t>
        </is>
      </c>
      <c r="C499" t="n">
        <v>7100</v>
      </c>
      <c r="D499" t="inlineStr">
        <is>
          <t>[b'640' b'640'
 b'\x89PNG\r\n\x1a\n\x00\x00\x00\rIHDR\x00\x00\x02\x80\x00\x00\x02\x80\x08\x02\x00\x00\x00\x83\xaf^t\x00\x00 \x00IDATx\x9c\xec\x9de`\x14\xd7\xd7\xc6\x9f\xb8\xbb\xbb{B\\H \xc4HH\x90\x10\xdc\xdd\xdd\xdd\xdd\xa1P(\xd0\x96\xb6\xb4\x14\n\xa5\xa5\xde\xd2R/\xd4\xdd\xdd\xdd\xff\xf5\xbe\xedy?\xcc\xcefvwfvtwC\xf9}h\xc9\xee\xcc\x9d\xbb\xbb3W\x8e&lt;\x07PE.\xe0\x0e\x14\x13\x11\x11\xc1\xb7\xa1\xcb\xe8+6\xde\xf4\x91\xd9A\xaei\xa3\xe0\xd7(\xb7i"\x9a\xbd\xef\x19u\xdd\xb3%\xfer\x0e\x8e\xd6\xab\x17v \xdc6\x97\xf1\xeb4Y\xfeI\t@\xa8\xe9+\xfe@\x856\x1d\xe2\xc5\xab\x16\xc8\x11zs\xf6\xde\xa7u\xbct;\xc96\xb9\x8a8Q\x91\x95\xf3\xecp\xd9\x90\x9e\xd7=\xf1\x8f\xd0\x9b\x86a\n\xa5\n\x1a\xf6\xcd\x9b\x98T\xbfBE\xcfP&lt;p\xe7/DjZ\x08.\x9eq\xf4\xfc\xbfjZ\xe0#H\xf2\x91)d\xbd\xff\x91p\xafV\xd5\x9d\x0eI\x8a\x84c&lt;\xf4\xb8\xb0\x0fP\x0c\xd7.\xec\x9d\x9d\xe9\x94&lt;\xdcr*\xca\xe9\xbdq\xcb\xcd\x9f\x06\x97\xcc\x00|e4\x9d7\x11\x01M\x9a\xf6\xd6a\xf0\xac\xb5w\x0fl\x87k\xda(\xf6\x9f\xc5@\x84m/\x9e\x16X4\xadf\xfc\x95\x9a\xb4\xe5\x9d3\x01\xc8\x04\xfcD\x8fJ\xd4\xe4Z\xaa\xf0i\xb0\xe3\xc5\xc7m&lt;\'a\x98\xd6\x85\x01\x8b\xcf\xfcC4\xff\x8a\x17\x04\x8fH\x18\x12^&gt;\xa7\xfd\xcf\xa4a&amp;\xefz\xd4\xc0\xa5J\xf4\nz\xacl2uhScJ\x07\xef\xc9\xea\xb9\x1e(\x94\xf0\xcb\xc6O\xd8\xfc\x90\x9c\xb6\xbdw\x9c\xf9\x12\x88r\x88\x07G\x8cXIG\xb9v\x11~/L\xa3\x9e\x98\x93?`\xf1\xadD\xd48\xf5:\x00\x80\xbb\xe5\x11\xad\xf3N\x12\xd1\x8d\xcf\xd8\xe7\xb1tHdm\x97;:.\xcc\xff\x1e\xfe\x9c\xaa\xc7\x1e\xb2\xf9\xd5\x9d\xb5jh\xd2\xb6G\x01\'\xcb\xd7\x9d\x92\x87ku\tG\x85\xf9\x0e=\xa5\x1c:g\xdf3c\xd6\xdf\xafkoT h\x9c0\xa3\xf3\xf0}\xba\xf6C!a\xbd\x81"M[\xf4\x91u\xf4\xf3\xbf\xe87\x86\xe7\x01\xde@\x10"Z\x11\xd1w\xc8\xf2;\x94\x19*4\'\xafu\xb3[\xfah D\xca\xc1\xb1\xd5\x8b\x80N\x02o\xbah\xd8+Sb\xfa#n\xa0\xf8!\x97\xdd\xfd}h\xe9,\xddzp\t\xcd\xd1l\xde2\xe0^MD@\xb1\xc6\xcd:\x00\x9dG\\n\xef.\\\xa2\xe3\xe3"\xb2y2\xc0\x1a\x1a\xad\x12x\x9d5K\xf5\xcd/\x12\xbc\xea\xe0\xa6\xc0\\\xac\xef\xbcx\xcb+d\xf8\x98A-\xba^H"\xb9}6\xe5\xb7m\x93l\xba\x8b\x13~+F\x9b\x0e)\xc33k\x9cO\xee\x04\x95\x8dxd\x8e\xd5\xa43\x97\xb8\x84R\xf2\xec\xdd\x01\' \x0c\xc8\xe8\xd4w\xab\xbd{\xe2\x80H\xda\xa3;&amp;\xfe\x05S\xac\x1e\xf3\xf4\x8f\x14V6[Bcq@&lt;\x00 U\xe8\x08"\x82\xb3\xb8\xbd\x9d\x97\x9c\xe1\xab\xee\x96\x7f\x96\x10\x01\x80\x9b\xe5\xab.\xa9#\x80,\xed\xaeb3b\x80\x00\xd1\x03\xa4\xd9\xb1\x1d\x16\xb7\xf4\xd1\xfa_$Q\xffK\xd8\t\xefz{\xf7\xe0\x12\x1a\xe0\x99=\xeeO\xa9;!MH\x032\xe0S\xdfs\xd6\x8d\xb6\xba\xa2B8\xd1\x06\xfc\xd8\xcb9mk\\\xbbZ=\xc43K\xd9f&amp;Y\xd4\xcd)\x93\xa4aD\x14P8U\xab\xf6&amp;m{T{\xd3\x9d\x0c\x04\xa3C\x92\xea\x97\xdb\xb2\x1f\xf6 \xb0\x87\xbd{\xe0\xa8\xc4\x0f\xd6\xb25\xbf\xc6\x94\xee+\xb5l\xf0?\xc3\xc0%g\x0e&gt;\xf0\x8b\xe1\x8f\xa86Em\xb0q\x1c^\xb5\xd2\x02/U\x13\xd1JD\x8b\xaf|\x85\x88|\xf3&amp;\xda\xe2\x8aF\xe2\x06\x01\xae\xdc\x17\x9e\xfe\x81\x80\x12\x9b\xf6\xa1\xa3\x12\x0f\x001\xfde\x05\xbd\xda\x9e\xcc\x96u\x9bN}\xe2\xd7i\xb2"K\xb8Nh\x98\xd3\x11\xea\x94&lt;\x8c\xb5\x99\t\x9a".\x16\x82\x1d\xc2a\xe0\x88\x84\xf6\xd6\xb8\xc1\xa8~\x1a7\xf8\xdf`\xee\xfe\xe7\x98\x1dX\xd1\xc0\x9dD\x94\xda\xb8\x1a\xf0\x05R$\xc7p%\x01\xe5\x00\xd8\xed\xaf\xab\xd5\x13\xb4 \x93\x88\xa6\xeex\xe2\xb9\x9fe\xee\x1d\xe5\xa7\x1d\x9a\x91\xdffncw\xb0`\xb7xMZ\xd9s\xd7w\x91\x9d\x99|-\xe9\xe9@\xd6p\xab\x06\\\xec\xect\x94\x84\x97\xe4\\\xb5\\M\xaf\x9b.\xf0zZ`\xe14M/t\xd1\xa3\xfa9\xbf\xc4%lA\xc2\x10\xc0\x8b\xd9\x91\\\xff$\x11\x91g\xf68\x00@\x00\xbc\xea\xa4M-a\xcc\xfe\xef\x99\x1f\x89\x88\xde\xb9\xd8\xad\xa9\xa3\xd6\xde\xe7\xd8\xc9\x02\x89\xb2O\xa8[FDu\x13\xae\xe6\xbc\x16\xfa-\x11\x11\xb5-\xb8Y\xbb\x8eA\x1f?ZJ\xe3\xd4\xebl\x95\xf4\x9f\xb3\xee\xc6\xf7\xd9\x7f\'\x02\xb1@\x99\xc51\x01E\x03w\x02\x99@Xn\x9fMg^\x93\xfe8X\xcd%3\xbb\xeb\\\xf8\xf3\xbf/\xa2\xa9G07\x80\x13\xf5\xc7\x1f\x05~\xf6Crp3\x8b\xe6d\xf5\\\x7f)\x9e\\\x7fx\xd2\x8d\xd4\x11\x0b\x84\x01\x9d\xf9\xde\xf2\x90\x1cr\xc2\x1d\xfeD\x02:\xc4#A\xb4\xc7\xf0\x90\x06\xf7\x14&gt;\xc4`\x82s\xcf\x10\n\xe30\xff\x06\x0e&gt;\xf0\xcb\xd6\xd3\x9f\x01\xberSed#;m:\xdcTH\xa7(\xa1v\xa9\x94\xd3\x98\xd1\xach\xc0\x0e\xcek\xae\x7f\x13qF9m\xa8\x9ft\x04\x88\xb2x9\x0e\x88T\xdad\xc8\xe4m\x8f\x12Q|\xb7%\xaaz&amp;\r\xd7\xf4Q\x08\xe9\xc5y!\r\x01=\x00o\xd3\xa3J\x900D\x91\xd9\xc0\xf2\x9b\xb1BX\xb9y\xe0[t\x97\x05\x17I&lt;AZ\xd3j\xc1O\xe2Ug\xb85\x03\x9b\xbd\x05"\xa8\x89\xc8-\xddJ\xe4\xc5\xc5F\xdc@\xaf\xec\xf1\xf6\xee\xc4%\x14\x90\xa4Z\r\x87w\xff!.\x0cb\x0b\x88\xe8\x8a\xfb\xff\'~@\x97\xd1W\x009\x93\xb6&gt;\xc2{@D\xc5\\\x0b\xa5\xb3@\xf1\x8b.\xbf\xe6\x8da+\xef\x92\xd5OK\xf2Z\xb7\x10\x91\x1c\xa9\x96\x12x\xd7\xbfC\xd4c\xfa\xf5\x88\x1f\x0c\xa4#\xa0\x87\xd5\xe0/\x00\x83\x97\xddAD\xffGd\xf6\xb9^\xf9\x93\x88H\x8a2\xcf#\x9f3\xf3t\x96\xc02\xae\x9d\xc7\xbe\xa4\xfc\xb6\xad\x88\x1b\x08$\x01\x00\xcaszo2\x8c\xa5\n\xa5\x8d\xb25_%\x88b\xaaY\xe1\xd7\xc8^\xdd\xcc\xed\xa2,%:\xd4\xe2\x15o\x9e\xa3\xac\xe0\xa7\xc3\x1a\xdd\x1et\x1b{\x98\x88\x84\x162w\xbfKD4g\xdf3o\x11\xe9$\xe5\xc5\xe5\xd5?\x1ddQ#"\x17\xc0\xa3s\xf2\x9f$\xcd\xde\x1d\xb0\x07.],\x87\x8f\xd6y\'\xad\x9d\xc6\x93\xe9\xa1-Dt\xeb\xabj\x9e\x9d\xa8\xb1\x1b\xce\xed\xbb\xe7\x07\xe9\'\xc4V/b\xb7\x8ej\xae\xeb\xd4&lt;\xe3\x86)\xdb\x1f\x93qFd_\xa7\xe4\xe1\xeb\x8f\x7f`\xb8\xb4g-\x90`\xd5\xdb\xdag\xeeM\xcc\xf1\xe7&gt;V\xde\xdb\xe3\xcf\x12\x11\xe5\xb6n.\x1f\xba7\xa0`*;\xb9\xf2p\xed\x13\xffDwY\x00\xc41v\x85\xe0\xe2\x19\xf7\x7fd\xf8\xae\x94\xfa8K\xd9\xafZ@M\xc2\xbd\x9b\x9b\xa0mC=.\'\x9e\xa3\xb5\xc7\xde\xd3\xad}!\xe9\x0cux\xd4\xe8\xd2\xac\n2\xfc\xf2-\xe5|\x0b\x89h\xe8\x8a;\xcb\x86\xec\xe1?)\xb8gp\xc9\x8c\xa5W\xbf\xa6o\xd7\x0c$I\xd7\xca\xd1\x93\x0e\x9e.fO:p&amp;\xa8\xaeH4\x93*\xe3\xc1O\xe9\xca\x87\xffP~~T?\tSi!\xf7\x0f\x8f\xcc\xb1\xcc)\xd2\xf5\xf5\xc2+\xe6\x00\x00\xca|;Mb_\xf3d\xaf++\xa2*\x1f\x88bN\x1c\xbf\xe9!\xf87J\xc8\x0e/b\x8e\x9fy\xd9Sr.dF \x11\x95\x0f\xdb\x1bP8\xb5|\xe8\xde\x98\xae\x8b$\xefI\x12\x11\xde\x07\x88S\xb3\x87\xf9\x8e\xe8\xa6\xe7)\xa0`*\x13\t\xa8\x9c\xd8\x01\x16/\xd9$\x9e_\x0c\xcd\x06\x8dAKo\'\xa2~\x0boA\xc2\x10\xc4X~R~\xb4\x8b\xbe\x13\xa5\xef\xfcSDd\xb9\xdc \xa2\xf7\x88~S\x98\x18\xae\x1e\xfb[\xf0.q\t\xbd1\x9d\xde\xe4\xa9\xe2Y\xcf\xbf\xf7\xe8\x06\xe4\x8b\x1e\x91\xc0i\xce"\xe7$\xbc\x0f;\x11\xca*R\x92\xf8\xe6\xbfd\xd2\xb2(D\xf4\x05Qx\xc5\x9c\xe7\xfeG\xac!\xc1C\xd16:\r\xacC\xf7\xa9\xefI\xa2c\xf5\xe4\x0b\x94\xd6\xb4Z\xceU,)"\xa2\xdc&gt;\x9b\x80\x109aVQ@Rz\x8f\xb5\xd7=\xf1\x8f\x9a\x95=\x11\x9dz\x91\n\x07\xec(\xe8\xb7]q#\x08\x11\x89\x12\xb8\x08\xc87\xdeN\xf5\x93\x8eX\xf5\xa1\x88\xa3}d\x13{\xa3\x9b\xdb\xd0B\xcbf\xa5t_5s\xcfSQU\x0bT_$)\xab\xe7\x06\xd5\x8d82\xb6q&lt;\x08\xc5)8\x84:\xeb%\xcc\x90\x16D\xede\xb5\x99\xf4\x1ek\xd4w\x86\x8f&lt;\xe3\x0c\x17X4\x8d\xcf\x10\xea-]?\xc1;G\xa2\xa0\x1ew\x91\x11\x8b\xf0Vf\xfc\xd9z\xfa3"\x02\x9c\xe1\xdau\xf95o\xa8\xb0c\x97\x101y\xc9:\xc7\x881\x84\xf4b\xfaY;\xe1*H\xd7\x04\xf4\xe8F\x1c\xd4\\\x9f\x88\xc6\xcb\xab\xb2\xc0\x8b\x8d*\xa7\xd9\x12\xe3o\xa1\xc9\xf7\xccE\xdb\xdc\xe1\n\x8b\xce\x85\x89\xb81T\xe0\x08\xb5\xd8\xf4#\xc9&amp;R/~@\x14P\xc1\x98\xda\xca\x87^\x06\x00p\x97\x93\x8d\xd7I\xabD\xc9KX`\x19{R\xa8IZ\xf0\xf8M\x0fj\xad\xf5\xcf\x10\x07\x14&gt;\xf5\x03\xf3\xf8\x97\xb7-\xb8YE8.\xe6\x1fx^\xf4\xfdD\xd3?;\xb5\xfb&gt;\xfd\x1a\x89\xe8/v\x14j\x99yc\xbf\x85\xa75\x1f4u\xc2\xd8\xcf\xd9{\x9f\x01B\xa4h]\x01(\x1d\xbc\x9b9k\xc1\xc1\x17u\xee\xa0\x14|\xde3\xf7"{\xfau\x9a,\xb0\x9b\xf7\xbf$\xb1.D\xaco\xde$\xebG\x99\x10\xec\x9d;A\xce\x8d\xae{\xbcU\x87\xc5V\xa1wa\xbd\'l~\x08q\x838\xbfZ\x9a\x8c\xd2i\xb1\x03\x03\n\x84\x15\xe6\xfc\x8d)t\x89\x86\xff\'\rU\xd6M\xdd\xf1m\x00\\\xf5\xacd"\x9b\x89[\x1eVt\x9e\x145\xf9&lt;\x95v3a\xfcG\xac\xbeg\xf95o\xc8\xdd\x03)\x9d\x1d\xd3\x81\xb0\'\xben\xdf\xfc\xe5\xf4\xde\x08d!a\xc8\xfb\xed\r\xfa\x19\x83{/|\xa7p\x02\x8e\xaaZ\xb0\xeb\xf6\xaf%\xd8\x0b;\xab\x9c\xe6\x99\xd3g\xecy\x12IC\xa5/_\x98\xb3L\x13\x9f\xecF\xaf\xd9\'\x88\x88-3\x15\x8e\x80\xa6\xec^\x1b\x06/\xbb\x83\xf7\xe0\xd9{\x9f\x96\xfcuI\xaaSt\x11\x11\xd1JD\x1f\xf1\x18\x93\xbd\x0f?\xf4{B\xed2\xbe\x98\xc0\x90K\xd6\xcb\x8e\x87O\x03\x90e\x9a\xb7`ea\xc4\x8e2A@\'\xeb\x93V\xe2PD\xf7W\xdbI\xbdq\xfc\x1ej\x8a_\xfed\x9d\n\xaa\xb3\xf7\x86\xbc\x9d\xfa\xc0%g8\x03qYb\xddr)uU\x99k5\xcf\xb8\xa1\xff\xc2[\x98p\xad\xf6\xf7\x9c\xab\x80\x02\xb3#7\x9d\xfcXV\xaf8\xf8\xf7_t\x8b\x940\xda{\xdf#\x84\xb7*\xbbF\xf1\xc0]\x9c\xf9;\x0e^\xb5\x12\xd71w\xbfCH\xd4|i\x1b\x07 \xa0`\xaaev\xac8\xccG\xe89\xeb\xc6\xd8\xeaE\x08\xec\x11\xd3u!\xd0I\xd8\xa8\x16\x83\xc0f\xabm\xce\xdc\xf3\xa4\xe3[/\xac\xd5\xb9\x92\xaf\xc3\x19_\xb3\xc4%u\x84\xd9\x8b\xc6\xc5fa\x7f\x15^zI\x04FV\xceWc\xc5\xea\xd8\xf8vWsvj\xe3*=\xc3\xeer\xeb&amp;\\\r$\\D\xeb\xad\x0e\xe6\xd1\x08,\x9c\xa6&gt;;V\x02\n\xaa\x8b\xcb\x95\xb5\x8a\x06\x00\xe7\xca\x91k\xee\x05\x00\xe4\x00q@\xb0\x84\x13\x9d\xf2\xdb\xb6\nd\xd6\x16"i\x98\xd1\x1dn4A{f\x8d\x93\xd97.%D4~\xd3\x83*Z\xb0\xc2\xc85\xf7\x9an\xa0\xf5\xf0\xdcI\xa7\x0c`*\xbb\xc8\x97\x87\xf4\xaa\x1b\xbb\xe1\x01"\xf2\xc8\x1c#\xc5\x8a\x1eT&lt;\xbdS\xdf-\xa2\x87d\x16\x0f\xdc)\xbb\x1b\x17%\xcc-2q\xcb\xc3\x91\x95\xf3\xe0\xaf,\xdd\x9b\x97\\\xd3Di\xe7\xe4\x86\x15\x08\xe9\x05D\xaas\xe9;\xb2\xca\x9d\x8e\xf4\x98~\xbd\x96\xf5L\xf8\x89\x83\x7f\x93\r\xd2O/j$\xae/\x19\x89\xbe  K\xda\xe4\xa4\x96\xe3\x86\xb4\x9f\x046\xabG\'J-\xf6\r\xd2?\x9d\xc4L\xc2pf\xc8JiP[\\\x84\x88\xc9\xc2\xd2Kp\xdf7o\x12\x11m\xbb\xe5s\x81\xf7+t\xba\xae\xbd\x896)\x94$\xa6\xb3v\x11\xa2\xd2\xe9\xa5\xd9\xe0\xbb\xe7\xae\xef\x88\xa8\xef\xfcS\xc6W\x82\x8a\xa6_\x94u\xddmD\xdc \xa1d\x0f)\x82&gt;6&amp;\xa9~y\xc7\x1b_\xda\x8bU(\xcc/LnXAD}\xe6\xded\xf5H"\x82s\xe5\xc0%\xb7\xb9\xca\xd0\x83S\x15`at\xed_~\xef\x8fj\xda\x11\xc6\x1d`\xccr\\\xc5|\x7f\xed\xa7\xb7\xa4a\xd4\xae\xc8\xad\x12/\xa0@\xff\xe2\x07\x15|\xc1\xcf1\x1d\xa38\x8a\xfab9j\'\xe0\\\x83\xcf\xd4\xabNmO\xfe[\xb8ve\x16\xaa\'\x9esx[\x7f\x87\xe7"L\x12\xd0\x13\xa1\xf9\xd5h\xb5V&gt;"\xf7\x99{\xd3\xc6\x9b&gt;\xb2zX\xf5\x98C@\xb2ms\xd9\x8d[si\xfa\t\xb1\x03\xe5$\xad\xfa\t\xac\xb7d\xeb\xf7Z\'\xacO\x07p\x1f\x9a\xf2\x8fI\x87\xb3\x11\xd6\xc7n]\x017\x94R\n\x89:\xf5\xc2\x8c\xda\tW\xbd\xfe\x7f\x04\xc4\x02\xce\x9cE[\x90\x03\xeaRYGH\xb8\xd5\xd6$\x0e\x19\xa7\xa7\x8b\xe5\x12\xba\xc5\xbev\x04\x0c&gt;u\x05ISB5\x0f\xdc\x01w\xf5_)\x11q\x12|u\x9db\xf5\x88\xf1N\r+\x9f\xcd\x8a\xdf\t\x95\x9ah\xdf\x8b;%\x0f#\xa2\xd0\xd2Y6J\xabuT8\x92\xda\x12\x1c\xbdn\xd5\x12\xd2\xbb5\xe6\xb9\x9f\xa9\xf3\xf0\xcb\x0b\xfbo\x97\xbe%\x8d\xd6@\xe0A*\x06g\xb9K\x17 \x95\xf8d\'\xecA\x85\x82\x9a\xb0\xf1\x00\x88(\xbb\xd7F\x1d:t\x89K\xa8#\xb2/3R\xc7u[\x0c@\xe90\x14\t\xe0\xb6\xd7\xc99e\x84Z=\xd8\xa0\x96\xc6\xa9\xd7q\xfe\x0e\x01\xb2U5h\xa0\xd0-ctF\xf3Z\xb5\xfa\x7f\xfc\x18R\xda\x9c\x92\x871\xd7\xd2\xba\xc6p\x11\xe2\x07\t\xbdW2x7\x11\x19C1\xee}\x8f\x88(\xa3y\x9d\xa6\x1d`\x90\xec\x08\xf0\xae\xb7o\xbeY\xd3\xd4\xa3\x86\xf9#\xbc\xb5x\xe0N\xebk8\xe7\xaa\x84\xdae\x06\x91N\xa7J\xfd;\x08\xa0\xcc\x18l\xbbW\xbav\xb7MS\t\n?#\xea&gt;\xe5Z\x00H\x1cb\xc3\xeb\x8a\x10"\xc3M\xf0\xb9\x89\x95\xe3\xbfU\xe9O&amp;\x9e\xb6-\x8d`UoV%Z\r=6\xa9\x85\xc7\xea\xac\xc6V/2\\\xb5P8\xedX\x94\xa6iG\xd5\x87:\xbbg\x8c\xb1\xa8\xa8\xd3\xc1\xc2\xa7\xa5\xe2\xdeM\xf2\xa1\x91\xa2\xc1\xd2\x89D\xc4.S,Uz4"~0\x11!i\x98\x84C}\xfe&amp;Zv\xe4u\xed\xfb \x9d\xc0f"\xda}\xe7\xb7\x80+\x93\xedc\x8d\xa0\x8d7}\xc4|\x87\x02U\x16\x02\xadI\x84\xca\xa6\xdb\xb8\xc3o\xb1s\xb0\xd26B\xe0!\xfd.\x82\xa2\xb5,\xef\x8a\\lh2\x16#\xd0\xebV\x94\x88C\xf9E\x92\x1bV\xc8\x8d\x92\xd8}\xe7\xb7Z\\Y\xaa\xc0\xac\xad\xf0\xea8A\x80Vj\xa5\xe9\x86\xf1\'\xb3S\xc1(\xd9ee\xed\x8e\x03\x19{\xeb\'\x1d\xd1);\x8e\x88\xaez\xe4OI\x87\xc6\x0e\xbc\xfeIJ\xef\xb1V\xfeE\x12\xe5\x9f"\x84\\_C4\xdf\x13\x97\x94X\xb7\x0c\xc8\x84g-\x11]\xf9\xd0\xef\xea\xbb\xf5\xc2/&amp;r%\xc3V\xdee\xabh\xa6|N\xf1\x0c\x95\x88\x99\xa39\xeaR\x05\xf0\xedp\xcf2\x0f^@\xac\xcaJ\x17\x9bO}BDG\x1e\xfb\xdb\x96Un|\xf2&amp;\xa65\xad\xbe\x94E\xa3\x94H\x87\x1a\xd9m\x88\xc2[\xbdb\xf8&gt;\xc0\x05H\xe6\x9ad;\x10\r\x93\xafq\xcf\x1c\x03\x14\xb29Q\x97\xb0/\xf9\xf9m\xdb\x0e\x9c\xfdy\xc8\xf2;\xe1\xdb]\xab\xfd\x1c\xd3\xce\x99\xd7\x146\xe5\xd7i\xb2\xceFr}J\n\xca\xa3D75u\x03\xfep\xaeRT\xbeX\x1d\xa1\xbd\xc7lx\xc0\x86\xd7\xcb\xde|\xf3\xa7\x0f|\xa4\xfe\xaeuT#\xa4A\xdc*\xdd\xcaa\x8a1w\xf9\x94p\x86\x80\n\xc7\xd3\x88\xd6H3$A\xa1\xc3\x89\x88\xe2\xba-\x010|\xd5\xddv\xaa\xcd\xa5\xca\xfb@Ds\xf6=\x93P\xbb\xd4;g\x82\x1c\x03\xb5\x964L:\x12\xd9y\x9e\x8e\xb7\xb4\r\xd0(\xa4\x99\x99)\x19\xfd\xaf\x80\x82\xa9Dt\xeci\r&amp;`F@Cx.\x17\xcf\x0bm_\x9b.\xbb\xfa\xb5\xef\xd4-\x08&lt;\xb3\xc6\xed\xb9\xf3\xdb\xf1\x9b\x1f\xba\xfb\x1d\x02\xf2\x80H \xce%u\xa4\x9a6\xb9L\xdb\xf9\xc4\xdf\nz\xe8\\\xa5\x87\xed\xdadl\x9a\x7f\xc5\x0b_\x19\x84\x06\x01d\xeb\x92\x1b\xe0\x18\x94\x0c\xda5x\xd9\xedJ\xcf\x0egw\xcf\x92\x95\x93m\x8b_\xa7\xc9\x00^\xfa]7_\x83\x85\xcb\x8d\x88\x10\xd0\x03@R\xfd\n"r\xcf\x1c\xa3\xd7\xa5\xb5\xc2\x8az\x9c%&gt;\x7f*}\xf6^\xfc\xcdx"3\xfb&amp;:\xa7H\xa9nd\r[\xe5;\x86\x95\xcd\xb6o\xae63\xf0e\xb6\xacOnXa\x0f\x07\x84Vk&amp;m\x8c\x1f\xcc\xb7\x91\xd7\xba\x05\x9e5\x80\xaff1\x191\x03\x98\x96\x05\xd4\x02\xf2$8\x9bY\xbf\xacRIN\x00\x9f\xb1\xee\xe7\x98\xae\x0b\x89\x08\x81=\xd8\x18{mTh\x12k\x97\x11\xd1&lt;+\x05?\x84\xc8\xd1V\xa0\xc2%\xbb\xb7I\x08\xf4\x84\xcd\x0f\x11\x11\x90\x06\x844L\xbeFAh\xb5\x08\x91\x9d\xe7i\xd8\x9a:|\xcd\xaa\x7f_\xc2\x14\xab\x0ers)"N L\xf2#_8P\x90\x81:L&gt;\xa6\xa6\xcaP\x9aDP\xffW0\xec&lt;&lt;k\x11\xce\xddDZ\xeaa%e\xf5\\OD\xb6O\xdd\x91\x8fx\xd0{\x9a\xc8{\xcc\xb7\xb1\xe1\xc4GZTw\xe5\xe2\x07\xd7\xae\xad\xf3N~%\xb8\xd0\xd4k\x11FD\x8f\x7fM\xe0\xa8\x1d\xdf\xf3.\x01\x19q\xd5\x8b\xf5\xb8\x16\x11}b\xf8\x8c\x9e\xb26\x99\xfe\xf9S\x9e\xfc\x8e\xfa/\xbaE\xf3^\x19\x08)\x9dID#V\xdf\x03\xa4u\x1bw\x18.Uz]\xe9\x12\x17\x1b\xe1\xf0\xac\xb1w\x1f\x0c[\x7f\x9d\xd8r\xf3\xa7\x9a\xb79z\xdd\xd9\xd6y\xa7\xac\x1fw\t\x94\x88\xbf=\xe7\xf2g\xc7m&lt;\x07\xcfZiB`I\x80\x17P\xa6L5L\xbe\x16w\x01\xbc\xeb\xe5\x94\x19-\x00\xc2\x84d^\xfa\xce?ED\xcd3n\x90\xd9\x07)\xc425\xe7y\xdf\x93\\\x9bA\xae\x89\xa2=\xa0\xc48\x01W\x8e\xdc\x0f\xa8\xcc\xbc\xb2\xfe\xcb\xe6\xf4\xde$+\xfd\x8f\xe9[\xb7q\x87U\xf4\xcaH\xfc`\xde\x97\xcb\x87^\xe6\x9b7\t\xc1-\x9c\xb2\xd8\xce\x97\xaa\x07*B\xe3\xf4\x00\xf9\xd8\xb2\x8cW\x8a\xfeB}V\x89]u\xf4m=\xdb\xd7\xde\xe3\xa0[F\x84~\xd58\x8c\xc4\xea\x7f\t.Y\x8a\xeaC\x00~\x8d\x00\x88\xe8\x8d\x7f\xcc\xbeg_\x045\x03\xc5\xf2\x7fV&amp;\x98N\xbapfP\xc5\xb0\xbd@\x89\xbdK,X\xa1\xcf\x9c\x9b^\xfe\x83\x10\xdd\x9f\x88\x84\xb7\x9e\x82y\xe4#V\xdf\xc3\xae0\x02U\xf7\xc5f\xe6\xc9@\xb3\xbfG\xad;;j\xddY[]]\x9c\x90^\x80\x0b\xbcj\xa5\xe5\xab\xfd\x87\xe1\xaf\xcab_mqf\xc5\xdd\x91#V\x94P\xf6\x8e#\xa5\xd8\xd9\x0fE\x13\x95#b\x0c|\xf5\x8a\xef\xb6\xc4\xaf\xd3d \xef\xe8\x05z\xf83\xd9Ff\x8b\t\xd8\xb0@\t,\x9cFD\xfaO\x8d\x05\xf2O)vK\x1f-\xbf.\xbbr\xb6\x9e\xfe\xec\xd1/\xa8\xf3\xf0\xcb\xa5-\n-v\xf3^\xc6a\xb0@X\x19M\x0f\nn~Q\xc3\xa7\xbe\xa2m\xc1i\x9b/.\xf9\t\x85g\xed\x9e;\xbf\xbdH\xfcUz)\x85\xe6$\xab\xae\xb5"\x1f\xbf\x80\xc2\xa9"\xa3FP\xf1t"\xcahV\x90\xef\xd8qq\x03\x82\xe0}I\x87\xdd.\xe4\x03\xe5*\xcbhZ\xe0f\xac\xa3J\x16\xbc\xf1\x0f\xdd\xf1&amp;\xed8\xf3%\x90!\xa9\xb1\xe8~F]0\xee%\xe2\xba-&amp;" BZ\x97\xa4\x8f\xcbjEu\xdc\xd2Gm?\xf3\xc5\x9e\xbb\xbeCx+\x10\n\xa4\xea\xae&amp;\x1b\xd0\xc3%m\xe4\xcc\xcb\x9eb\'`e\xb51\x92\x81`\x9b\x84\xfa\x1b2P\xe6\xed\x7f\x8e\x884\x158\xe36\xa5\xe3Z6\x0c(\xb7ZUp\xc0\xe2[/B\x05\x7f\xf7n\xb65\xcfjNy\xc5\xf0}\xe2G\xb8\xa6\x8d\xe2\x1bq\xe4b\xf7=t\x11\xdc\xbb!\xba\xbfxX\xca\x7f\x90\x84\xda\xa5\xce)\xe6\x15\xbbm\x88\x07\x10\tD\x02\x9e\x08n!\xa2\xad\xa7?#"\x8d\xac\xf4\xc6\xddU\'\xc4\x0f\xf2\xce\x9d`9\x01\x1b\xf9\x92\xc84\x1a&lt;\x14A\xaa\xcb\xf2(\xa5u\xde\xc9\t\x9b\x1fJ\xaa_^3\xfeJ U\xd54\x1c\xde\xe7#\xa2#\x8f\xfeU4`\'\x90\\=\xf6\x10;\xb7\xe9\x87\x13\x90\xcaIF\x92\x9f\xf3\xed\xdf\xa8AM$\xa98\xc3\xb9\n^u\xbey\x93d\x16\x8dp\x14\x92\x10\xdc\x13\x9e5\x12\xea\x92\xb2\xd6\x1e\x8fn\x17Q\x19\xf6\x8eK&amp;\x90b\x83d\x0c\x97\xd4\x91CW\xdc)\xa5\xaa\xb6\xce8\x849\xc8Nx\x0b;2\xe2\x81X;\x05\xf3\x97\xc1\xbd\x1a\x1e5\xab\x8e\xbem\x9c\x08\x93\x1bV\xdc\xf8\x8czK`\x00\x90i\xbc\xb7\xc3\xcaf_w\xfe\xdf\xbfD\xa6_""\xfa\x85h\xdc\xc6s]G\x1f\\q\xed\x9b_\x12\xdd\xf3.\xad?\xfeA\xe3\xd4\xeb\xb4\xd3W\x92\n\xd3\x1f\xe7\x94\x11W\xdc\xff?\x046\xabK\x88\x8f\x19\xb5\xf6\xbe\xf9W\xbc@D\x11\x9d\xe7\x01\xf1@\xb2p\x18W\x99F\x11\x18\x15\xc6o\x15\xb1\x03\xc5\x0e\xf4\xae\xb7P\xe3\xf1\xdcp\xe2\xc3q\x1b;~M\x9d\xe8\xfe\xdd\xc6\x1e\xe2\xbe\xe0\x9a6\x92\x88\x80"\x8bC\xd5nM\xc3\x81L\xc4\r\x94\xd8P\xcd\xf8+\xed\xac\xa4z\t\x1br\xeecf!l\x8b"\xf0\x97\x10&amp;\xd0\xde\x1d0\'\xb2\xf3\xbc\t\x9b\x1fB\xfc\xa0\xcc\x96u\xe7&gt;!"\xf2\xcc\xd2\xa4\xe6.\x00\'\xf86\x00\xa1@\xf8\xc1s\xbfZ\x9by\xdbYp\xf0\xc5a+\xef\xfe\xcc\xf4\xc5\xcf\x89rzo\x92suU\xdb\xf7\xb0\xf2\xd9\xec\xde1\x04\xf1\x835\xb0^\xfa60K\x9c\xef\x88\xe0\xd7X;\xe1*\xb5\rZ\xc7\xd5\xf0\x11\x84kl\x00\xb0\xb8\'c\x80\x10\xa5\xf66\xc6\x19_\xa0\xe8\\%XM\x94\x98\xb5\xf7\xe9S/\x98,%\x8f?KD\xf4\x8fn\xf1%\tRe \x9d\xabl\xeb]\xbf\x84}\tl\x98|\x8d\xbd\xfb\xe0p\x10\x91k\xda\xc8\xa6\xa9G\x8d\xe5"\x1c\n-\x04\x83\x02\xad\x1fQ8\r\x886H\xe6Ysc\xc9\xc1\x1b(\x80gMR\xfdr\xe9\xb3\xafK\xeaH\xa0\xd8\'o\xe2\xb4]\xe7\xcd\xde:\xf9&lt;I\xb0\xf01D(\xd2\x88\xe6\x10\xd6\x87\x9d\x80\xb5!\xa1v\xe9\x13\xdf\x18&gt;Hl\xf5\xa2\xba\tWk\xd5\xb28\xf2]\x1b&gt;~\xf9\x93\x11\xde\x87\x9dM\x93mT\xafE\t\xe1V\x7f \xcb\xb96\xb8x\xc6=\xef\x8a\x9f%\xeek\x08\xe9\xe5\x18\xebh\x85.I\r\xefi\xbb\xe3\x961Z\xc2oqQD\xbd]\xa4\xb0\x83l0\x12\x06;^I\x0f#\x1a.\x94m\xa6\x81\xe5\x03\x14\xfdF\xf4\x1e\xd1\x97\x12\xe6\xdd_\x882[\xd6[\xe4 $\x0c]q\xa7\xf1\x98\xc7\xbe\xa2\x9c\xde\x12\xcb\xadz\xfb\xe6M\x94\x1a\xd2%\x80G\xe6\xd8\x96\x99\xc7\xd4\xb4`Jy\xcb\xccc\xc6\xcfR;\xde\x06;`k\xb8U\'\xd6-c\xffhW,^|\xe5+D\x94\xd5s\x03Bzye\x8f\x97\xbc\xe8\xb1\x0b\xb9\xe2ow\x1d}0\xadi\x8d\xb6\x97\xec\x0c$\xdb59\xc1\x0b\xc8@@\x0f\xa1\xe4cq\x96^\xfd\x9a\xe6\x1d\xb2\x17D4~\xf3C\xa2\x878\x87\x96\xce\xb2Qo\xb8\x84\xf6\xb6\xaaup\x89\xff\nn\xed\x8e\xff\xe0\x92\x196\xb9d\xa7Qk\xef\x93\xbe\xeb\xddr\xf3\xa7\x99-\x82\xa5\x85=2\xc7\xbag\x8c\x89\xafY\xba\xf7\xee\xef7\x9f\xfaD\xe4H\x96X\xc0M\x83hS\xe7*\xa0\x041\x03\xac8P\xa5\xe3\xdf\xb4\xee\xc6\xf7\x99\x8f&lt;c\xf7\x05m\xdaT\xb1\xa5\xb9\xe9y:\xf1\x1cO\xa8\x1d\x11\xed\xbe\xe3\x9b\xca\x11\xfb\xbdr\xc6\x039\x0eZ\xe5\xd6\\\xd6\x83\x7fBLnXID\x9bO}"\xa1E\xe9\xca*0$\xa4\xdb\x95R\x85\xe5\xb8mj\xeb\xcb\x9d\xb2\xfd1\xfdb\xcdn{\x9d&lt;2\xc7\x8a\x1d\x11;p\xfa\xee\x0b:\x97y\x88\xb2La\xaa\x19\x7f\xe5\xa1\x07\x7f\xd3\xf3\xa2\x9ac\x19\x13a/\xa2\xed\xdd\x01m\xc9Y}\xfd;\x02o\xe9X\xca\x89\xbb\xdb\x13\xa2\xf7\x9c\x13\x00\xa4[8\xf3\xfbm\xdbu\xfb\xd7\xb7\xbfA\x93\xb7?\xc6\xf7\xbe\x1b\xc2[\xe1\xd2%\xadi\xb5V\x9f\x02\x00\x9c+\xb7\xdf\xfa\x85Fm\xf9]\xfd\xc8\x9f\xc4\xe83k6\x0c\xfa\r]q\'\x90$\x7fF\xc8\x01\xb2\xe1\xd7\xc8\x95zv\xcb\x18\r\xa0~\xd2\x91y\x07\x9e\'";\xd5\x1aQ\x84\x80\x1a&lt;s\xa7Y\xf1\xf8\x86\xf6\xee6\xee0\x10+g\x0e\xf6o\x04&lt;:b54\xdb\xe2\xc3\xfc\x00\xc2\x07\x94J\xcbsP\xa8F;r\xcd\xbdDd\x11\xe4\xec*s\xb5%\x86O\xdeD\x0b\xc3]\xac\x169K\x06\\RG*-\xe3Q*\xa5\xe0\x81\x7f\xfe\x14\x006\x11{\x92\x84\x93&amp;\x95\x15\xdaa\xa2\xbe\xad\x18\xca\xecG\xaa\x1e\x11\xf8\x99-\xeb\xad\xce\xbe\x83\x96\xde&amp;\xdf\xe6_6~\xf3C\x87\x1e\xfc\xed\xf2\xfb~\x12\xd8\x07Gr\xb6k1\xd6\x9e}I\xc4\xd7,\xd9p\xe2C\x95\x8d\x18\x19\xc2Z\xd45\x12\x06f\x8c\xc3.!%3\x11\xd5O\xfe\xe9\x96\xe9\xb6\x06Ct\xd3\xb4\xa3\xb7\xbf\xa1\xa1\xafP\xb3\xe1H\x18\xa1\xc8\xa7\xe4Y{\x9f\x16?\x93\x88\xdea\x02\xc5\xbdj\x81\x18)ZU\xe9\xb9}6\xa5t_\x95\xd5s}\xcb\xcccl\xb9\xba\x0e\x87\xab\r\xf4\x1d\xd9\x87\xd0R}3\r\x08\x01\xbc%\xf8h\xe3\xc6\xac\xb7Z]1\x99\xaf\x9d\x80\xa9;\x9fH\xe9\xbe\xca\xf4\xc5\x0c\x84\xf4\xd4S\x8fL\xd35Yp\xcf\xd5\xd7\xbf\xa3\xac\x80\xb9A\x96HP\xceWd\xdf\xe3\x06\xafZ\xe1\xacef\xaf\x9c)^\xaf[\x05~\x9c\xff\x8a\x13(\xfe\xb6k\xda(2\xd4\x0cv\xd0B[:\x89FY\x9d}W\x1d};\xb4L\x81k&amp;\xb2b\xf8\xbe\x1b\x9e\xa2\xf7\x886\x9d\xfcX\xb4 \xa0\x7fJ\xc3J\xf9\x13p\xc9\x94\x1d\x8f/:\xf4\x12\x00\x84\xf4\xe2\xa8\xfd\x94\x01\x91\x92\xf5=D\xf0\x9e\xceF\x96iQ\x082\xc7\xb8l\xe5\xfb\x98\x8a\xf6\x0c\tC\x98\xe7\xce#k\xac\x86\x15\xd6\x03\n\xa7j\xd5\x94\x0e\xb80\xbfH\xe7\xe1\x97#\xb8\xc5\xfa\xf8\x19P05\xbc|N\xdd\x84\xab\x8f&lt;\xf6w\xa7\xbe[L\x13K\x12\x15\xf5@\xf3%\xb0D#^\x10\x1b]\x12\xa4\xb4\xe7R\x88\xe4\xdb\x83\xcac\xed\xb1\xf7\x80T\xc7("-\x8e\x9f\xd6!\x8beU\xa3\x0e({\x98\xb7\xdd\xf29\x11\xf5\x9cu\xfc\xd8S\xd4y\xf8\xe5\x9cwrW^\xfb\x965\xc7R\x81\xf0\xa4U\x04\xe0\xe5?h\xf4\xba\xb3p\xb6[}\x91\xb2!{\x88\x08\xb1\x03\xbb\x8e9\xc8n\xe2yQ?j\xcb%\\\xe9=\x90b\xfd\x10\x00\xe8l5\xf7C|\xf6}\xf6gBh/E=\x04\x80\xca\x11\x97?\xf4)}KDD\xa9\x8d"\xd6\xe6\xec\xe9\xbb\xce\x97\x0f\xbdLb\xb3E\x03v\x18{h^\xc2\xcf\xaf\x111\xfd\x11\xde\xaa\xb66\xb6w\xfd\xa6\x93\x1f\x13\xd1\x82\x83/*Q\xc6\xb0\x05Y\xf0i`\xff\xad\x9d/&amp;\xd6\xa6)\x06Sw&lt;.\xebx"\xea5\xfb\xb8\xf4X\xb3(\xc0I\xab\x88MM\xac4&amp;8UJ~\x92\xc1\xec3|;M\xd2m7\x03\xb0U\xa14hHQ\xd0\x99\rq\xd3\xc1%\x11\x9f\xd3{\xa3\xb2Yd\xc2\xe6\x87\x89h\xc8\xf2;f\xed}\xda\xbf\x803E%\r%"\xb5sg\xd2Pmky\x8a\x92h\xf1J&gt;\xf3\xe0\x8c\xdf\xfc\x10"Z\xf3\xdb\xb6\xda\xaa\'z \xa8\xc8\xaf\x18\xf1\t\xf8\xeew\xd4&gt;\x8c\x17\xbekoM\xab\xfd\xc3\xd7l\x83:K\x92e \xa4\xd7\x7f&lt;\xff3\xb0h\x9a\x94\xc3\xb2z\xaeW\xd6&gt;\xf1\xebl8*s\xf6=c\xef.(C\x86\xf9\xfa\x86\xa7\xb8\xcf\xbc\xd2\xbb\xdf\xb5\xabg\xd6X\xb9\xaa\xaaU\xa3\x0e(\xbc\x9c&lt;r\xe3\xba-v\xb4\x07\xfb\x8d\x7f\x08^uJ\xaa\nz\xd6*\x8d\xe26\xdb\xac\x8b%\xa2\xb8\xa4)\xcf\xb2e\x06\xeb\xd2\xc1{\x14\xb7\xa0\'z\xcb\x1c\x8a\xf1\x89\xf8\xf4\xcb\xcc\x9a\xac.\xb42N\xbe\xd0\xde\xd4\x83\x9fh\xb5\x7f\xf0\xd7~7\xd2N,{g\x8aoNb.~\xa9\xb8\xc86s\x03\x03\x1f#\x98\xe8\x99\xa0f\xd9\xed\xc7\xf4\'\xa2\xca\x11\xfb\x95\xf4M74\xd4\xb6v\x14n{]+\xadZY\xc8\x8d\x15\n\x97\xb3\x16S\xbe\x17\xe96\xee\xb0\xb0K,\xce)y\x98\xe2\x96\xb5@\x81-+\x9b\xafB\xbb\xc4\x13mF\x99\r\xc5rea\xcf\x8ag\x12\xe6_RYh\xf2\xaaG\xfe46\xf5;\x11\x12\x86\xd8\xc3\xd4\x0f\x00\x81\x85\xd3\x12k\x97q\x8a\xbd\xf2\x12\xa2:\x9c8\x9ew\xbfa\xcb\xf2J\xca\xb0T\x92qN\x19\x91\xd1\xbc\xd6\xca@\xeaYS:x\x0fP\xa4(z\xcb\xf7\xd5\xbf\xc8q\x82:\xb5 \xb4\xb7\x03\xea\x04\x11\x91\xba\r\x9f\xc2\xc0f\xddq\xe9\x02\x84hZ\x8b\xc6\xbdj\xa4mv\xe1\x1d\x0e=\x12\x1c\xa5\xfb_:\x1c\x02u\xc4\xc3zs\xff\x922\x01\xdf\xf4\x9c\xba\x8a7\x81\xcd\xefpZ\xbb\xf7=*\x1e\xb4Kyk* "\xaf\xec\xf1\x9c\x17bX\x93\xf8ESDR9\xbbn\xff:\xa3y]Jw\xd3\xfar\x81=$\xab\xa9\xb8\x0b\xaf\xab\x98\x91_\xd7\xba\x93\xf9\x0b\xaex\xa1m\xc1\xcd\x86`4\xa7J\x95f\x1bY$\x06\x16\xb6\x9b\xe9szo\xdaw\xcf\x0f6\xbb\xb6D\xe6_\xf1\x82\xfc\x93\x8a\x81\n\xa0\x0c\xfeM\xa2\xba\xb2\x9a\x85\xff)\xc0;w\x02\xfc\x9b\x88h\xf3\xcd\x9f\xda\xb1\x1b\x1d\x81\x02\x15\xe7\xe6\xa76\xae\x8a\xa8\x98\xabUW\x00\x00\xc9\x88\xe8\xdb\xa9\xefV\xc0\x0b\x88\xd4&gt;\x87\xb2=\xd1\xb3B(\xebQ_\x0c\xceK\xcb\xa9\xc5h\xb9\xf1\x85\xb4\t\x98\x88\x8a\x06\xecT\xd1\x95\xb8)\xdb\x1f\xe3\xb6v\xf4\xfc\xbf\x1a%\xf6hB\x0e\x11y\xe5\x8c\xb7~\xa0cp\xe5\xc3\x7fX\xbc\x96\xef\x9a6*\xb2r^\x8f\xe9\xd7+n\xb6~\xd2\x91\xaaQ\x07\x88\x88[\x83$\xaaj~l\xf5"\xc5mr\xc8l\x9b\x7f3\x02\xe5\xdb\xa8\xa5\xe1\x9f?\x85\xb9\xb5\x0c3\x85oCZ\xd3\x1a[\xad\xabb\x07\xca\xd4=\xef \xf8vGP\x0b\xd0\x19H\x8b\xaa\x9c\xaf\xae-m\xad\xfa\xed\xbfkt\x97\x05@\xec\xc7Dt\x11iv\xcaDJ)\x98\xe4\xed\xb7~\x01\x94\x01\x9d\x15]"&gt;\xb2\xf3\xbc\xb79\xdf\xb0\x7f\xfe\x14\x15\x01\xe4\xf9&gt;\xb9\x13\x99\xc7\xf5\xf2{\x7f\x84kWD\xf4\xd5L&gt;\xc9@\x86\x89J\xb3O\xbd\xa6\x8ds\x08\xed\x9d\xdecmF\x8f\xb5\xc2&amp;"\x91`\xd1$\x89\xb3/\x11\xbdK\xa4"=\xba\xd3\x88\xd5\xf7p[;\xf4\xe0o\x8a*}\x05\x01Q\xd6\xc2\xb8\x14\xd8\xf3cHa0\x97\x1e\xaa\xcbb1+\xc6/\xd0\xecc\xae\xbc\xee\xad\xcc\x96\xf5\xd2\x82:\x03\x11\xd8\x83\xf7\x8d\xd0\xb2Y#\xd7\xdeGD\xdd\xc6\x1e&gt;\xf2\xe8_\r\x93\xaf\x01*\xb43;\xa5\xdbB\x8d\xca\xb9R\x7f\xefF\xdc N\xe89\x00 \xb0\x19\xde\xba=\xe1\x97\xe0\xc7\xf6N,3\x8b\xa2\xe3(\xbeJ\x8ak=\xfb!\x01\xceJ\x9d=\xce@*Pn\xfc{\xc4\xea{\xb9\x92@2\xc92\x0edG\x1e\xfd\x8b\x88b\xab\x17+m\x8a\x0fs\xd5=\x05\x94[?\x04 \xa2g\x7f&amp;"z\xe0#:\xf71\xed\xba\xe3\x1b\x81\x03\x83\x11\xd8\x0cDXn\x8f\xa4O\xc0\xd7?I\x12\x05^\xa6\xecx\xfc\xdc\xc7\x84\xc4!\x9c\xe3\x03\x03\x8b\xa6s[\xdb}\xc77\xf2\xeb\xf5\xc6\x03\xe1\x1d\xbc\x94\xb8u\x88HD\x89\xcf\xf8\x05\xc6u[b\xf2\x86\xe44\xe5\x1b\x9e4N\xe1`\x16\x9d\xed\x7f\x1a(\x1c\xb0\xf8\x8c\xe1\xc5\xc4!r\xfa\xae^\xadH]\xda\x98\x8dp\xaf\xb6X\x8a:T\xd1:\x15u\xb0\x95\xe0\xd6&gt;\x15\x05\xf4\x08)\x99\xe9\x919\x96\rM\x8c\xd53\xf1T\xae?[\xea|\xe9\x937\xd19e\x84}\x03s\x1c\x0f\xcb\xb8\xb0L\xc5\x81\x1bA\xc5\xd3\x81\x94\xf8\x9a%D\xd4o\xe1-\x8b\xaf|E\x03!b.J\xab8\xcb\x15\xbb "$\r\xcb\xed\xb3)\xb5q\x95\xc50\xcaK\xa2e\x0b\x12\xb9\xe7]\x92\x92X_;\xe1*\xe3)c7&lt;\xc0&gt;&amp;\x9e\x01\x85S\xb9\xad\xfd\x1fQ\xb7\xb1\x87\xb9\'\xe6\xf4\xde\xf8\x0bQP\xf1t\xae\x14\xb60)\x12\x1cO\xea\x16-f\x00\x00 \x00IDAT\xca\xa2\x02\xedN\x9c\x84\x80\x12\xe5U+\x1e\xf9\x9c\x88(\xbb\xd7F }\xe4\xda\xfb\xf8\x0f\x8a\xee\xe7\x93;QV\xb3D$q\xd5\xd8\xe1\xe9:\xfa`r\xc3\n\x1b_\x94\x95\xf9\xb6B\xcfY7\x12\x91\xa65I\xa4\x90\r\xb8\xc1\xbb\x9e\x88\x1e\xf8\x88z\xce:.M\xae\xd2\xc6\xa4I&lt;\x8e\x88\xce}L@,\xb7\xe0\xc9EM\'\xc4Y\x9a\x7fM\x8ciDt\xfcY\xed,\xfcQ\xfd\x80\xf8\x81K\xce\x101\x93\n3\x9c\xa5\xdb[\x00\xcb\x97\x88\x14\x99\xb2B2\x9a\xd76\xcf\xb8A\xc1%\xa5O\xc0\x7f0\xb3\xa3(3/{\x8a{J\x97Q\x07\xe0V\r$\x01\x9d_\xf9\xc3\xbc\xc1s\x1fSX\xd9l\xce\xd9\x05\xf9m\xdb\x80N@0\x10e-b\xc0\x03\xee\xd5\x8eZw/\xcc;g\xbc\nY\x8c\x8a\x1b\x9f!M\xabL\x9a\xc0D\xc31\xcf\x97O\x9e\xbcY\xd6@H/ \xc4\xbc\x871\x03\x1c\xb8:\x99\x0c\xc4\x7f\xb6\x02\xc0\x13^u\x1eY\xa2\x15\x05d\xe0,32\xcd\x8a\x89\x80Y\xe7\xa6\xf7X\xa3\xa2K\xca!\xa2\x82~\xdbl{\xcdl\xbe\x82q\x02\xd1\xa7\xd2X~\xcd\x1b\t\xb5\xcb\xac\x1fw1a)\x99b*\x97\xddk\xf6q\xd2\xdc\xc5\xeeV\xfd\xca\x9f\xdc6m\xa0\x7fk\x05\x9bK\x00zJ\x9f\x80\x89h\xec\xc6s\xa1\xa5\xb3D\x16\xe2\x9f\x99\x1e\x9f\xd3{\x13\xd0\x19\x01=\x92\x1bV\xf06h\xcb\x8fj[JU\xe4\x07\xc7\x06\x14N\x95Z$\xde\x0e\xf8-\xbf\xe6\x8dC\xe7~\x1d\xbe\xea\xee\xa4\xba\xe5\xf6\r\x80\xd5\x01\xd1`\x8d\xbc\xd6\xcd\x08\xe9%WYB\x1c"\x92\xa1+\x99&lt;,\xae\xdb\x12EC\x95\xb7\\\x9bFG\xc0\x13\xee\xddt\x10\xbc\xb4V\x026\xa0\x87L\xdf\x8c\xe3c\xeeCqJ\x96Zba\xc4\xea{5\xea\x83\xcb\xc2\x83/J4k\x0b\x94\xf7\xb1\x17\x81JO\xcc\xe2\x9d\x17y\xf9\x9c\xe83\xa2\xc5\x87_\xce\xe9\xb3I`{\x9aovJD\xc5\\\xf84DU\xceo\x9eq\xc3E4\x01;j&gt;\xa4\t\xe6\x12\x05\xaf\xfd\xad\xed\xb7\x1d\x06\xc4\xa9\x1f\xfa\x0e\x9e\xfb\xd5,&lt;\xd6+{\x9c\xca6u$\xbcb\x8ek\xda( GCU\xbf\xc9\xdb\x1eE\xb8\x88H\xba%9\xa1\xa5\xb3\x1e\xf8H\xea\xcfy\xf8\xa1\xdf\x9f\xfc\x8e\x10\xd9vq\x18(L\x88h\x05\nmx=\xdbH9\x06\xda\xe4*\x16\x98W\x88\x92\x8aG\xe6\x18\xf6\x9fjc@zL\xbf^\xda\x98\xe2\xa5\xcf\xe4\xa18eBY\xf1+\x00q\xd2\'\xe0\xe3\xcf\xd2\x99\xd7\xe9\xfa\'\x85T\xb1\xa2\xcc\x8e\xbf\xe1I\xca\xea\xb9\x1e\xde\xf5AE\xd3\xfb-&lt;}\xd1L\xc0\xce\xa9#t\xd6Mt\x91\x14\xd5(l\xa3\xe6\xfdn\xcb\x87\xee\xe5\xfc\xa5\xb5\x00\x9f\xb3\x82\xa8\xc3\xe8\x88\x8a\xb9d\x11q&amp;tW$\xd5/\xb7yt\x11\x0fA@\x0e\xe0\xf3\x9b\xf5{W\xc3e\x9a\x87!\x19W\x11D\xf4c\xc7|\xd2.\xf1\x9f\xc7\x1f\x08\xe6\xf5\xc4w\xd0\xc9\xa3\xcf\x9c\x9b\xb8=\xffG\xfa\xf4K\xd44\xf5(\xfc\x1aEV\x81f\xc7?\xf73\x85\x96\xcd\xf2\xce\x99\xd0\xb6\xe0\xe6w\xf9\x1a&lt;\xfbAG\xfc\x0eC\xad.\x1d\x9a\xa6\x1d=p\xf6g\x15)7\xce@\x94\xb5\xb8Z\xc1\x80\x92\xbc\xd6-\xb6_\xdcL\xdfuA\xf8M\x81\xe0\xd3\xc4!\xdf\xf1\xf5\xb3z\xec!\xde\xc3\x9f\xf8\x86\xba\t\xbce\x1b\xe4\xa9\x04\x84\x97\xcf\xd1\xe2\xa2\xe5@r\xf7)\xd7r\xea|i\x88\xdc\xf4\xb2` \'\xb0h\x9a\xf2H\x19\xfdr1/aOX\x97\xa4\xd2\xd8c\x11&amp;m{\xb4#\xd4\xd4\x92\x8e;\x11\x01&gt;\x86\xbf|\x1a$\xce\xbe\xa7^\xb4\x9e&amp;\x1bZ:\xebk\xce)\xab\xaf\x7f\x07.]&lt;2\xc7\xf4\x9d\x7f\xea\xd5?y\xda\x14m\xcc\xc3/_\\\x90\xdc\x98#`\xe12H\x18\x12Td%XL\rl\xe7\xf9\xcd\x15;o\xfb\x8a9\xe0\x9ew\xd5L\x81\xaa\xf4Y{L\x93\xae\xc5\xa1M\xdcC\xed\xf8\xab\x00o\xa7\xe4\xe1\xb2\xaa\xcb\xe4\xf6\xd9&lt;c\xb7\xe5\xcc-O\xdfW#\x91\x10\xad\xb9\xfa\xd1\xbf\xb4h&amp;=\xadi\r\x11\xcd\xdc\xf3\x94\xb6\x8eg\x00\xf2#\x95B\x00\xdf\xbe\xf3O)Ur\x90C`\x8f\x8b2\x0b\xc8+{\x9cMl\xe6\x9a\xdf*\xe2\xb0\x19D\x96\xa9\x90\xaa\x95\x9fW\\\xfb\xa6k\xda(G\x8d\xb6\xd5\x00\xabSoT\xd5|\xb8\xca\x92\xf1\n\x02\xdc\xa3\xbb,0\xfc\x15\xd3\xbfy\xfa\r\xdf\xf1\xb5\xec\x9e1FVW\x07-\xbd\x8d\x9d\xb6\x13\xe1]\xc7\xbc\xe8\x94&lt;\xdcl\xbaJ\xac[n=\x8a\x020u=\xca\xca\xeaI\x14\xb1/2\xe5\x0b\x89\xe8\x886#\xb0V\xe8,Z\x10\xdd\x1f\x91}o|\x9a^\xf8\xd5\xa6;\xef\xa7~ "\x1a\xba\xe2NY\x82\xb2\xb6(\xb4@D\xa9\xe6\x85\xe5\xb9\xc8X\xa7L\xdd\xf1\xb8\xad\xdc\xb7\xe2\xf1/L\xb8\x9d\x1ej\xc0\x0c\xedrN\xbey\x93:\x946\xac\xf4\xfan\x05\xfau\x82%L\xa3\xfa\n\xaa\xa3@}\xbb/\xbf\xe6\r\x99\xe2M\xae\x08o5\xb59\xfb\x87\x95\xcd&amp;\xb2K\x1d\x11[p\xfcY\xb1\xd9\xf7\xe5?\x08IC\x95\xb7\x1e\xd5\xd6c\xda\xf5O\xff\xc0\xdf\xb8\\\xd5\x85\xbdw\x7fOD@\xa9\xb5\x03\x95\xe5\xff\x08\x98|\xe5k\xbc\'\xd6-W\xd4\x81\x0e\x8doB\xed\xd2.\x8c\x8c%\x97\x84!\x7f+6\x86\xbbw\x93\xe2\xf7|\xf4K)\x06\x15\x96\xc0\xa2iE\x03vH\xf1\xe1\xfb\xe6M\x02\xe2\x81X\xd6^\xc4x\xe6\xa5\xce\n1]\x16\n\x0c\x19\x0e\x1b\xdd\x8e\x1f\x88\x06.&gt;c\xef^\x88b\xbfz\xf2BT\x8f9\xe4`\x11\xb9*\t\x00"\x00\'\xa5\xdb\xe8\xc8\x80\xc2\xa9\xac\x15\xab\x9c\x88\xe2k\x96H\xd7N\xca\xe9\xb3\x89\x88&lt;-r\xfc\x0e?\xf4;\xa2\xfbK\xefD\xe1\x80\x1d\xd2\x0f\xd6\x998\xc3\x00\x12\xc0\xaf&gt;\x08\xe0\xc0\xd9\x9f\x85&amp;\xe0W\xff\xa2.\xa3\xafP\xba\x7fJ\xcf\xea\xb9\xfe\x1d\xa1\xa6\x89*\x86\xed\x93\xd5\xdc\x80\xc5\xb7\x8a\x8f\xb3\x9d\xfan1\x0c\xd9JJ\xd1\x08mj\x13\xe57\xe5\xb0d\xcb\xaa\t\xab\x88X \xc6\xf4K\xf3\x11:\xd4*\xbd\xe7\x9c\xb0z\x8cg\xd68\x19\x13p\xd7\xd1\x07[\xe7\x9d\xcc\xee\xb5\x11\x08\x95\xb0\x15\xf6\xf1\xcd\x9b\xc4&amp;\xe6k\xb2!\xf3rh\xb1\x92\xd8\x81J\xcaIJE\xc6\xa6\xbf\x031{\xdf3\xf6\xae]\xa8\x07a\x8a\x8c.^@N\xf5\x98\x83\x01\x05L6m\xf8\xec\xbdO{f\x8d\x03B\xa571f\xfd\xfd\xf2\xaf\xeb\xa8\xc4\x0c\x90:6\x055\x0fZz;\xef4\xf9\x01\x91R\xdd\xa5\xe2\xec^\x1b\x85f\xdfG\xbf\xa07\xfe\xa1\xfa\x89G\x14\xb5\xccOp\xf1\x0c\xf6\x9fr\xeb\x84:\xa0\x8b!\xc9J\xac2\x8f\xdcir\x89\xa1\xc6\x14w\xc5Y\xcc~\xba\x00\xf6f\xd0{$\xccMkZ#\xeb\xa1\x13\x82\x0c\xba4&amp;\xe6\xe5\x90\x92\x99\x16\x07J\rJ/x\xf1W\n-\x9b\xc5\x96(1F\xb2\t\x9bU\xe3\x06\x1d{Z3\xabzd\xe7y\x1dDl\x93\x17\x7fua\xe8\x17S\xbd\xc9K\xf0\xe2\x0e\xf8\xc2\xa3\xc6\xaf\x93x\xfc\x8e\xaeh]RI\x15\xde26\x07\x80k\xda(\xcb\x99\xf2\x1d"\x8f\xcc\xb1\xf2\x1dg\xee@\xda\xf8M\x0f\tM\xc0CW\xdc\x85\x98\xfe\x87\x1f\xfa\xdd\xf1j\x9f\x9bY\xb0\xd5\xeb\x1b+#\x18^\xb5\xe6\x9a\xff\xed\xe4\x12\xd1\xb0\x95w\xb5\xbf\xe0\xd3@D\xebn|\xdf\xec8"\xba\xf5U\x02b\x11\xd9\xc6\xde\x0c\x81:\xf5X\x11b2P\t5K\xe1\\U3\xee\xb0\xe9\xcb\xca\xa7\xb0\x14"rK\x1f\r\xf8\x03\x9d8r\x891:(\x8c[\xec\x98\xfd\x9b\x88\xcf\xbc&amp;\x15\xaf:\x95\x1dRMg\x04\xb7\xa8x\\s\xf5\xf4\x1f\xdb\x8cRD\xb6\xa9o\x85\x88\xd6\x1f\xff@};\x92\x89E\xdc \x00r\xdc\xd5\xe2\x14Dv\x9e\'\xfc\xae\xfeaz\x8e\x04\xb7\x14\xa9\x19dH\x02L\x17x?\xc8l\xa0pM\x1bu\xe29\x93\x99\xf2\xc2wT6\xe42%\xdd\n\xed}\xf0\xdc\xaf\xbc\xb3\xef\x17\x1d \x89+\x08\xdeu\xa6\xa3\x8d\xbe\xba\xb0\x9e\xd9\xe3:\x8f\xb8\xdcd\x01\x17\xd6\xe7\xd4\x8b$\xa7h\xa3\x9f\xa5\xd3t\xe6\x9e\'\xd9]o^\xdb\x82\x9b\x87\xaf\xbaG\x9b\xee*\xc7$+\xc97o\x92\xb5\xe3}\x89(\xa4df\\7\x19\xe5R\x88(\xb2\x92o|\xe86\xf60"\xfb\x02\x00bM\xbf,U\xe2\x85\xbc=\xb0\x8c]$"e\x012AE\xd3]\xd3F\x02\x89\x92\x92\xc4\xb5\x98!\xb4\'f\x80\xb4\xaay\x1a\x12+3\x83%H\x9a|\x9dD\xd5\x05\xb1K;%\x0f\x93\xbe1\xd2\x14\rS\xe9%\x96O\xf0V\xb5\xc7r\xaa\x94\x10\xf5cwJ\x84\xdf\x8aL\xaa[.\xec\xf9\xb3\xccB\tM\xaa_\xf1%g\xb2\\{\xec=\xf81\x81H\xde@*P\x8c\xd0\xde\x12\xba\x948p\xc9\x99\x07&gt;\xe2\x99}\xb5S.\xd3\n\xebN\xca\xe8.\x0b\x88\x08H\x10y\xfa\xb4\xb0\xbb\x98m\x07y\x0c\xe3D4a\xf3Cbm8u\xd6\xbbN\xda\x81\xfb\xffw\xe33JF\x8f\x82~\xdb\xccb\x11z\xce\xbc\xd1\xeaYD\x94\xd9\xb2\xfe\xda\'\xfe\x91x\x95\xf5\xc7? \xa2\xd3/3\x81\x93\xe6\xb1u\xb9\x1c\x13\x07\xb3\x95\x0e\xe4\xbc\xab\xd5\xfe\x00D\x04\x7f\xcd\x8a/f\xf7\xda\x88\x88\xbe@av\xaf\r\x0e\xedEn\x87\xdbI_\xc4\xf4\xe7\xd4\x99\t\xb4}o$\xd3\x81B\xaf;6\x85\xfdw\xfcN4v\xe39\x07\xab$&amp;\x82\xbf|\xd7\xa6)&gt;\r\x12\x0b60u\xa2\x88\xe8\xdc\'4}\xd7y\xc0\x1fp\x032\x11\xd5/\xb8x\xc6\xf4]\xe7\xe7\x1dx~\xdd\x8d\x1fL\xda\xfa\x08P\x8c\xc8\xbe@\x14\xab\x85\xe4\nd\x01\xd1~\x9d&amp;/:\xf4\xd2]o\xb7o\xa3\x19\xb6\xdc\xfc\xa9\xaa\x8f\xa05E\x03v8\xa7r\xf3\x9b\xf9=\x08\xc6\xd5\x83\xb0\xfd\xd3{\xc9\x95\xafj\xde=%x\xd7!\xaa\x9f\x96\rJ.t(\x86s%\x10\xa9\xb0\xe6X"\x13\x87/9\x9d\xc1\xa9\x12\x88\x03\xa2\x80\x8c0\tz\x18R\x8b\xe4X\x10(\xf2\x1e\x11i\x9a\xa1\x1cg\x88\x05\x8b\x1b\x840Y\xba\x95\x8a\xae\xa5\x01\xed\xab\xda\xa2\x81;\xcb\x86\\\x86\x88\xbeZ4\xeb8D],\xb5\x92\xf4H\x1a\x8e\xb0\xba\xada\xc7S\xc5\x15\xe6\xb5"\x0f\xa1\xbd%*\xda\x9b\xd5\xef\x93\x897\xc2\xfb\xf4_t\x8b\xe81\xa9c6&lt;\xc0\ti)\x06*\xe0]\x0f\x04\xc2\xbb\x1e\xbe\xdd\x11\xd5o\xe9\xd5\xaf\x11\xd17DD\xf4\x03Q\xf3\x8c\x1bZf\x1cKkZ}\xf4\x02\xf5\x9a}|\xdf=?|Dt\xeb\xabt\xfae\xfa\x8b\xe8{\xa2o\x88\xc6lx\xc0Q\xb3\xeaS\x88\x08\xc8c\x17\xben\xdc\x00%\xcf\xacq\xc6\xcd\xd2\xa8\xb5\xf7\xb17\x8c\x94\x0ccG\x83\x9b\xf9\xa2\xc0\xd4Z\x0e\xc0\x98x\r\x00\xbe\r\x92\x1e\xdb\xc86 \x93\x8duO\x00\x92\xd4\xfb1\xc7\xac\xbf\xff\xe8\xf9\x7f\xa5\x1fo\xd5\xce\x97\xa5S\x98{@\xe1\xd4\xfc6M\xeb\x02\xb5\x87\x03\xe8\x1b\x95\xe0\x9b7Ik\x1f^\xa6O\xdeD\r\xed\x01\x0eI\x91\x9dL\xca\xfcL\xdc\xf2\xf0\xa6\x93\x1f?\xf6\x95\x94.\xd9X\xb5\xc3\x80t\x8b\x965&lt;\x01 Ii zD\xdfNm[\xa5\x1e\xacDq\xd7H"\xe0+\x1e\x8a\x98P\xb3\xf4\xae\xb7\x85~\xb2\xc8\xbc\xd6\xcd\x07\xee\xff\x9f\x99=\xf9{\xa2m\xb7|\xce\xeb\xe8}\x87\xa8y\xc6\r\x9c\x82\x83\x8a\xd6\x8b\xa1\xbd\x98\x1b\xbbu\xdeIU\x19\xc9\x024L\xbe&amp;\xbef)\xbb\xc7\n\x86_w\xc0\x05\x88\x04"\xde"\xbaX\xd6\xb8\xf0\xc8\x1c\x8b\xd8\x81@\xa8\xa2x\xefX V\xc1\xcc\xed\x97?\xf9\xd4\x8bDDp\xaad\x8d7\xeaC\x80\x83\xb3{mP\xdd\x08\x8b\x7f\xfe\x14\xfd\x96T\xd9\xbd6vL\x93fld\xe7yl\xcc\x8eV\x04:^\xb0%T\x14,\xb3\xc0\xa7\xc1\xa1&amp;`f\x08V\x18\xbc\xc3\x0bO\xd2\x85\xe6\x18\xef\x10\x1f\xa0\x84\x88\xbe\x93\xf1\x95*]F\x04\xf6\x90\x91\xe4\xe3Tim\xf9+qq\x1c(\xf5\x8a\xedxU\x8f9\xc8;\xd1\nq\xe33\xa4&gt;\xbdg\xfa\xee\x0bD\xb4\xf9\xd4\'\xec\x06Ts"\x810\xc3D\xeb\xd7\xd8u\xf4A\x8e#\xd6\xa6y\x13\xba&gt;\xbf\x89u\xcb\x89\x08\x01Mr\xa2}\xbd\x81\x00ucTP~\xdb\xd6\xf1\x9b\x1eDx\x1f\xd10\x05{\x92\xac&amp;OY\x1c"\xba\xf3-\xde\x1f\xd5Kt\xdbm\xfbt\x1d\xf3\xb5U\xcb\xccc\xa4&lt;\xfb\x90\x17w\xed\x0b\x80H\xc3%u\xa4\xe4c\x15/\xb7\x9d\x10\xd8,-4\xc6F0\xc3\xe5f\r\x1d~\x82\xf9\x18\x9a\x11T4\x9d\xb5\x94\xe6\x019D\x047\xed\xc5\xa5u\x</t>
        </is>
      </c>
      <c r="E499" t="inlineStr">
        <is>
          <t>&lt;class 'numpy.ndarray'&gt;</t>
        </is>
      </c>
    </row>
    <row r="500">
      <c r="A500" s="1" t="n">
        <v>498</v>
      </c>
      <c r="B500" t="inlineStr">
        <is>
          <t>steps_per_sec</t>
        </is>
      </c>
      <c r="C500" t="n">
        <v>7200</v>
      </c>
      <c r="D500" t="inlineStr">
        <is>
          <t>5.383989</t>
        </is>
      </c>
      <c r="E500" t="inlineStr">
        <is>
          <t>&lt;class 'numpy.ndarray'&gt;</t>
        </is>
      </c>
    </row>
    <row r="501">
      <c r="A501" s="1" t="n">
        <v>499</v>
      </c>
      <c r="B501" t="inlineStr">
        <is>
          <t>Loss/localization_loss</t>
        </is>
      </c>
      <c r="C501" t="n">
        <v>7200</v>
      </c>
      <c r="D501" t="inlineStr">
        <is>
          <t>0.0050349385</t>
        </is>
      </c>
      <c r="E501" t="inlineStr">
        <is>
          <t>&lt;class 'numpy.ndarray'&gt;</t>
        </is>
      </c>
    </row>
    <row r="502">
      <c r="A502" s="1" t="n">
        <v>500</v>
      </c>
      <c r="B502" t="inlineStr">
        <is>
          <t>Loss/classification_loss</t>
        </is>
      </c>
      <c r="C502" t="n">
        <v>7200</v>
      </c>
      <c r="D502" t="inlineStr">
        <is>
          <t>0.121911824</t>
        </is>
      </c>
      <c r="E502" t="inlineStr">
        <is>
          <t>&lt;class 'numpy.ndarray'&gt;</t>
        </is>
      </c>
    </row>
    <row r="503">
      <c r="A503" s="1" t="n">
        <v>501</v>
      </c>
      <c r="B503" t="inlineStr">
        <is>
          <t>Loss/regularization_loss</t>
        </is>
      </c>
      <c r="C503" t="n">
        <v>7200</v>
      </c>
      <c r="D503" t="inlineStr">
        <is>
          <t>0.037922196</t>
        </is>
      </c>
      <c r="E503" t="inlineStr">
        <is>
          <t>&lt;class 'numpy.ndarray'&gt;</t>
        </is>
      </c>
    </row>
    <row r="504">
      <c r="A504" s="1" t="n">
        <v>502</v>
      </c>
      <c r="B504" t="inlineStr">
        <is>
          <t>Loss/total_loss</t>
        </is>
      </c>
      <c r="C504" t="n">
        <v>7200</v>
      </c>
      <c r="D504" t="inlineStr">
        <is>
          <t>0.16486895</t>
        </is>
      </c>
      <c r="E504" t="inlineStr">
        <is>
          <t>&lt;class 'numpy.ndarray'&gt;</t>
        </is>
      </c>
    </row>
    <row r="505">
      <c r="A505" s="1" t="n">
        <v>503</v>
      </c>
      <c r="B505" t="inlineStr">
        <is>
          <t>learning_rate</t>
        </is>
      </c>
      <c r="C505" t="n">
        <v>7200</v>
      </c>
      <c r="D505" t="inlineStr">
        <is>
          <t>0.07995074</t>
        </is>
      </c>
      <c r="E505" t="inlineStr">
        <is>
          <t>&lt;class 'numpy.ndarray'&gt;</t>
        </is>
      </c>
    </row>
    <row r="506">
      <c r="A506" s="1" t="n">
        <v>504</v>
      </c>
      <c r="B506" t="inlineStr">
        <is>
          <t>train_input_images</t>
        </is>
      </c>
      <c r="C506" t="n">
        <v>7200</v>
      </c>
      <c r="D506" t="inlineStr">
        <is>
          <t>[b'640' b'640'
 b'\x89PNG\r\n\x1a\n\x00\x00\x00\rIHDR\x00\x00\x02\x80\x00\x00\x02\x80\x08\x02\x00\x00\x00\x83\xaf^t\x00\x00 \x00IDATx\x9c\xec\x9de\x80\x157\x17\x86\x0f\xae\x0b\x0b,\xb0\xf8\xe2\x0e\x8b/\xee\xee\xee\xee\xee\xee\xee\xee\xae-\x14\xa7\xb8\xbbC)\xa5T\x90RJ\xa1P\xbc\xc6W\xe3|?2\x93\x9b\xc9$#w\xef.\xbb\xdb&lt;?`n&amp;\x93d\xe6\xdeM&amp;\xc99\xef\x81\x02\rg!"\x88@\xc4\x16\xa3\xf7\x0bO\x19I\x0c\x10\x0fb\x95aRb,:\xfcv\xdd\xf9\x7fS\x95\x1c\x94\xb1\xe2\xa8\xf9\x07^\xe9\xe9\tI]\x15\xbb\xac\x01H\x81\x88\x00\x81=f\x9f\x07\xc8N\xaf\xfc\x0b\x11\x11\xeb\r\xdc\x86\x88\xb4a\xe4\xf8GD\x00\xc8Ti\xb4\x9e7=\xd7rD\x8c\x96\xa9\x05\xc9\xdc\x7f\xf1\xf5\x80\xa2}H\x86-\xd7\x91--\xa4\xc5B\xcf\x85\xe9\x9bd\xad:\x0e\x11!Y-\xd3}e\xe0&gt;g\xa92\x86\xad\x8b\x162w\xdf\x0b\x80\xe8\\b\xf1V\x8bHJ\xa1\xc6\xb3\x01\xe2\x00@\xc2\xbc\x9d\xb9\xd6RZ\x8e9(z\xb0\x1a\r\x06\xef\xb48+c\xce\xa7?{qU\x18\x91 Og\xfbL&amp;\x12\xe5\xef\xe6\xf3\x96\x10d\xbf\xf9\x08F\xf0\x87n\x80B\xa1\x08[\x82E\x89\xb1\xc08\x9cP\x98\xc4L\x00\x99\xedKo03C\xf9\x11\x90\xa1)@\x81\x0e\x93\x8f\x9fz\x82d\xe8E\xc4\x96c\x0f\x02@\xd7\x99g\x01\xe0\x0fSE\x05\x1b\xcf\xae\xd6s#\x00$\n\xee\x06\x90&gt;\xa0H\x1f\x80\xf4\x1b/i\xd9j\xf5\xddL\x9a\xc1\xb40\x1a)\xb6\xc7\x9c\x0b\x88X\xab\xef\xe6\x0c\xe5\x86#"@\x00\xc9\xf6\x84\xa9\xe2\x1e""n\xb9\x86\x10\xbf"[H\x9d~\x9f\xa4)=\x18\xa0\x08i\xf9\x94\xad?\xb0w\x8d\x88}\x16\\!)\x15\xbb\xac\x11&gt;\x1c\x88[\x9e\x1c\x8f\xdbt\x0f \xfb\xa0e\x9f\x03\xa4%)\xc9\x8b\xf6\xe5\xf2\x17i:\x17\xf8\xc1 \xa6\xed#\xfdOq\xfa\'\xe7#eQ\xe7\xc5\x86r\x00n?\xe9\x98\x83\\\x85}X\xa3B\xa1\x88\x82\xc4\xcf\xddIv\xcabf&lt;i\xcb\xf7\x8b\x0e\xbd\x91\x97\x9a\x9a\x8e:f&amp;m\xf9\xde\x9cX\xad\xc7FY]\x88x\xe8&gt;\xce\xde\xf3,{\xf5\t\xa4I\xabO\xffI3,&lt;\xf8\x9a\xc9\x9e\x1c \t9\x9a\xb9\xfb)@\xf6\xa2\xcd\xe7s3i\x00\xd8|\r\x01\xf2&lt;\xd5\xc7\xd4q\x9b\xee\t\xef\x14\x11\x01\xd2=\x90&lt;\x84\xcb\xaf1\x7f\xfd\xe9djK\x19\xb9\xe6\xab6\xe3\x0f\x93A\x1d\x00j\xf4\xfe\x88\x1c\xf4\x98}\x01\x113V\x1c),J\xe1\x10\x1f\x8eaj8T(\x14\x11\x8a\xe4\x88\xf8\xe5_|\xc7\x94\xa6\xd4`\x8bk\xa6l\xfda\xe4\xda\xaf}\xd4\x80\x14\xfaA M:\xff3\xdf\x9e\x14!\xfd\xd6\x9e\xfd\x1b\x00\x00\x12\x03$\xd6R\xd37\xb1*8z\t\xd0\xc7\xf2\xb7\xdax\x9c\xb9\xe1\x90\x9d\x88x\xfd\x17\x04\x80\xdf\x11\x11\xf1\xeb\x7f\xb1T\x9b\xa5\xf4"\xae\x8f&amp;\xeb\xcfCV|aQ\xcf\xb5_\x0c\x97\xf4_|\xdd\xaaU\x00\x00\xd1\xec2\x84\x9e\x02Lm%\xc2\xbe:\xf1\xd8\x16%\x07&lt;\xff\x02=v|\x11\x05\xefK\xa1P|\x08\x12VN\\\xa0\xbb\xe4\\R\x97}\xa8\xfd\xea\xb4\x8e&gt;\x08\xa5\xa8C\xfe\xdfr\x8dT\x14\x88\x88\xda\xf6p\xcc\xd24\xf7\x8f\x88\x00~\xda\x87\x94u\x81t\xee\t*\x99\xcb\x8d\x91\xa55\x99\x10\x93\x96\xd3)\xbb\xe7F\x12Tj8d\'\x00d(?\x02\x11\x7fG\x14\xce\xceu\xf2%\xcc\xdb\x05\x11\x0b7\x9d\x0b\x90\x91$\xad=\xf7\x8f\xe3\xdb\x14`\xb1\xc6\x10\x9ab\x9d\x91\x8d\xfdP\xb5\xc7\x067\xd7\xa6\xb0\xcfb$F\x96\xd6n/Q(\x14\x8a\xff4\x888p\xe9\rs\xa20\'\x97R\xa3\xf7G\x90\xa1\x99\xf6!^\x05\xeel\x83\xc1;l\xab\xe6\x06\t\xc2\x1am\xfa+\xd8\xa2\xf6z&lt;\xab\xd8e\x8du\x06\x9e4\r\xc7\x7ft\x1f\x9c\x1a:\xa5wW8\x80\xc8"\xcc\xc7\xc4\xca\xd6&amp;\xac\xab\x88\x90\xb8\xd8\'\xf6\x15\x9f\xfd\xa6f\xc9\n\x85\xc2=\xf2\xa1+\xc8:3"\x82\x7fu\xbbBx&gt;\xff\x83\xcd\x99\xcb\x9c![\xb5q\x82\xcbR\xd5\xa7\x06Y\xddf\x9esX\x17e\xcc\x86;\x00@\'\xe2\x05\x1a\xcet[B\xe8H\xc9\'$\xaa\x1a\xa6\xf5\xf9vz=|\xf5m\x1f\x96\x16\xc1IUr\xa0\xef\n\x0b\xb4\xcf"g\xe2\xe6\x07\xbej\x87B\xa1\x88\xa0\xe8\x9d\xb5\x1f\x97.\\zED:\xd3\r*?\xc2a\x15\x93?yhJK\xc5T\r\x85\x9b\xccuPLjv\xfb6|\xf0z$\xdbx\x91\xbb0\x86\x93\xab\xa8Iv\xc4B\xb78\xfb\xef\xb0\xe9\xf2\x87\x9f\xd1\xee\xbf\xf3\xe1\xdb\xa0P(|\x83\xd5X\xa2o\xcd\x82n\x90\xe5\xa3)T|\xf2\xdf\xe0\xe57\xcf=\xb3-0\xba\x93\x12S\x84\xf4\x13\xa6\xc7\xcb\xd5\xc1y\xb3\x08\x8d\x87\xed\xb6\xcd\xc3&gt;\x87\xf4\xe5\x86\xb9\xad\x02\xc2\xcb4i\x81\xc1P\\\xa1P(\x14\x11\x06\x87\xc3@\x89\xd6\x8b\x01b{]K\xcc\xac\xd2M\xc7M\x97l\x1a\x10\xce6\xb4\xd7\x7fE\x9f.6J\x89\x92\xb6\xc1\x16\xfc\xe8l\xcf\x9e#\xa8\x82\xdc}+e\xbd\xd0\xb5H\xa1P(&gt;(\x7f"B\xc6\xe6n\xaf\x9a\x7f\xe0U\xaclm\x9d\xe7\xb7\xedme\x19bgwQ\x8b5\xafB=\xe0Y\xdc\xc5\xdc}/\xbc(p\xea\xb6G\xa1hN\xa4\xa4\xfd\xa4\xe3.\xaf\x08\x08\x93v(\x14\n\xc5\x07\xe7\x19"@\x1a\xd9Y\'\x8b\xb1aG\xe1&amp;s|X\x1a"\xb2\xd6+\xfb\xbeeG\xd3\xe4l\xce\xee\xb3\xcf;)0^\xae\x8e\xa1jP\xf2:\x9f\xfd\xfa\xdf\x9a\x04\x03\x00\xf8Uq\x95\xbd\xc3d\xb7\x03\xb6/)\xder\xd1\x07\xac]\xa1P\xfc\xa7\xc8\xc2}\xf6i\xf7\x97\x07B\xb3\xeejm\xef\xe3\xccu\'\\V}\x0b\xdbg\xd1\t\xaa\xe0\xd4Z-j\x103[\x1b\x81/P\xfa\xa6\xc8`\xd6%\x8d($\xac\xfc\xa1[\xa0P(\xfe;$\xaev\xed\xadA\xc7\x11\x00\x16x\x82+\xb8\xe3?\xb3\xe5\x99\xc8W\x05\x05\x16\x1f\xe0\xab\xa2\xc2\x89\xd4\r\x9d\xe4\xba\xfc\xda\xe0\xb1&amp;V\xd5\x8e`D\xc0&amp;)\x14\x8a\xa8\t"&amp;\n\x96\xc5\xa2\t\n\xcf\x96Du\x92\x84C\x1dG\xbf\x0f\xa7\xc1#K\x95\xb1\x0esR\xd7mD\xac\xd9\xe7cQ\x96\xe2\xbek\x97/\xd0\xc3l(\x14\nE\x98R\x10\xc0\x0f\x113\x94\x1f\xce\xa6\xaaI\x80O\xb8\xf8\xc2\xa8X\x12\x99\xf0\xde\x0c\x9e\xc2\t\xb6\x88f\xc0!\x10\xf9\x9e\x8cB\xa1P\xf8\x08D\x14\xd9\x07Im\xb5,H]rP\xe8\xdb#\xa4\xe9\x88\xbdaT\xb2\x9c\x02\xec\x87\x08&lt;H\xe4e?\xb8jgp\x03\x89\x16X\xac\xd2\xe2to\xd0\xa2.\n\x07`D\x04H\x89\x88\xde\xa8x\xfa\x94o\xde{\x1a\x96\xb4p\xaf\x0f\xd8\x12\x85B\xf1\x1f\x02\x11\xb7\\\x0f\xfb\xd1%t\xcbzF3\xe6\xc8\xc7\x81\xbbX\xa1\xd3*_\x97\xca\xbe$\x15\xf2i\xc9\x89\xed\xb3\xb8\x84\x19\x80=\x0b\xce\x7f\xf0\x91\x9e#\x06\xba\xb4\xaa\xcf\xa9\xd8\xd9\xa5\x14\xb9B\xa1\x88\xca\xf8\t\xac=\xd1\xd4-~|\x05\x83\x1b\xcc\x08\xbfV\x99\x89]\x86\xf9\x90\xef\x835\xc3[9\xc6\xed7\xd1\xe7\xf3\xaa\n\x9dW\xb3\x1f\xc3\x7f\x18s[\xa3\xd0\x08\x0b\x004\xf93f\xd8\xe3\xb2\xc5\xcf#\rem"\x8e}\x16{\x82}Q\x88\x98\xb2\xedW\x84]\xe1\n\x85"2\xf13"@R\x87\x02\x90\x8e\x88\x9a\xfe\x1b9?t\x03\x9c\xe0\xdb\x90\xc3E\\dm*\x16\xf1\xbe\xf5\'\xbf\xe0\xac\x8f\xac\t\xac\x0bDD\x80\xfc\xe0\x0bA\x15\x85B\xa1\x88\x80\x08\xe2\xb5E\xcb\xd42\\jL\xc6\xa6\x16h8\xcby\x11\x9c\xb1X\xb8\x13\xcf\x8bkJ\xb7\r\xa7\xe8\x11a7\t\x9e\xbf\xff\xa5\x93J3W\x1ec:\xcf\xbf\xdb\xd1\xb5\xe8\'\xf2\xd6\xde\xfe\x9b\xf7\x88\x03\x00\x1f:}Yc\x1b@\xd3=\xf1}]\xa0B\xa1\x88\xb2\x14\xfb\xd0\r\x88\x0c\xa4j\xf0\xa1[@\x89\xe5\xdde\x01E\xfb\x08\xd3+uY\xcb~\xb4\x1d\xd77\\|\xef\xb0F="\xe4\x7f\x8b\x1c5&amp;~\xe8&amp;(\x14\x8a\xc8I\xb4L-\x9cgN^\xb4\xaf\x93lg\x9fb$Y\xd7uC@\xad\x08`O\x94\xd9W\x05u\x98r\x82\x1cD\x80\x9b\x12\xe0\xbcU\xd5zl\x08\xbb\xc2\xbd"SX\x16\xaeP("\x1eY\xab\x8e\x93u+\xc9\x8a\xf4\x01\x80\xd1\xeb\xbf\xfd\xd1\x94\xe1)\xe2{7\x9dQUigW\x18\x02\xeb\xd3\xb68/0\x12\xb1\xf5FD\x1c\xa8\\\x92!\x1c\xea\xb8\x17\xba\xe1M\xff\x19{\xe3)gI^\xfb,\n\x85B\x11n\xcc\xdc\xf5\x93\xab\xfc\xdf\xf1}\xab\xe6\xdf\xd9g\xfe\x156\xf5\x89\xd4 6\xb2\x82\x88\x009&gt;\\\xfdyd\'X\xeb\xeb\xc6\xc3vW\xef\xb5\xc9WUz\xf1\r\x86\x91\xc3[\xc6\x8a4\x8e\xa1_X\x94\xef\x0b|\xb62\xa1P(\x14\x12\x8c~M^\x8d\xb2\xe11\t\x8b\xe4d\xfb\xd0\r\x00\x88\xa8K\xd3N\xc8\xef\xc8\xa7.84UD\xde\x87\xa3P(\xc2\x90\xd7\x1f\xa0kH\xe9\xeb\x02\x85\x8b\xd8\x02\xbbn\x9f\x12\x1d\x006_C\xd9\xf8\x97\xbb\xf6\xe40n@\xf8\x10!F\xf7\x0f\x8e\xab\x11Tf\xce\x16Z\x12T\n\x93b\x15\n\xc5\x87 #\x88z\x16=%6\x00d\xaf&gt;^KMZ\x13\x00n\xfd/\xd2\xbc\xc8#F\\\xc3.\xfa\xcc?\xcc\xc4(}\xd3\x0fP\xe9\x07\xc2\xbf`\xcfte\x87zqa@\x91\xb0\x19D\x15\n\x85\x02\x00 n\xf9te\x86\x9a\xf5xi\xca\x80%\x9fyN\xa4i\x14\x9eMc\xd1\x9c}c\x95\x99\xb5\xfb\xa9\xab\x0b\x8f=\x0c\xbf\xe1-O\x9d)\xe1V\x97F\x92\x1a\x90\xa1YxW\x1a\xd6\x04\xd4\xfe\xd0-\xf0%\xa1~\xd3J\xe1\xc3\xc6(\x14\x8a\x88N\xc2\xbc]\xe88\xc7\xf6\x1a\xc3V}\xc9\xe4\x8a\xe1U\xd9\xe1\x1df\xce\xbf@\x8fp\xae1[\xd5q\xe1h=\x9b\x19\x92\xd4\xf0\xee\xca\xa2\xcd\xe7\x87\xa2^\xdfjl\xf9\n/\xbd\x9f\xad\xb1\x1b8\x93\x99\x93D\x97\x04{[\x7fAg\xcdP(\x14\n_\xe1W\xc5a\xc6\xe6\xa3\xf6%)\xd83L\xdb\xe2s\xaa\xf7\xf4\xc2\xf0\xd8\xbb7\x9e\xa8J\xa8=\x8e\x82\x0c+\x07\xfa\xf0\xe6s\xd3\x04\x9fq\xfa\tF\xb80\xc9\n\x85"|\t\xaf\x05\xb1\xa45\x01 v\xf6v\x92\xb0t\xbcpA\xa1\xc6s\x98O\xf9\xc3\xaaU\xce\x89F\xfa\xca`\x8b,qsv \x07^On\xba\xcd:\xe7\xdd\x852\x1c\xaa\xa6\xf8\x8c\xa4\xee\xa7\xef\x1e\xb9\xb1\xa0\xe2-\x17\xe9\xc7\xba\xb2c\xfc\nl^s\xf8a\x87\x95\x94j#\xd2\n\xf5\xaf~\xf1\xa5\x83\x12\xa2\x97tX\x8b[\xc2\x7f9G\xa1PD\x08\x16\x1cx\xf5\xa1\x9b\x00\x009 \xa8yx\xd6W\xac\xf9\x02\xd7\xd7\x04\xd6\xa3\x87"\'\xd7\xd8&gt;\x8a\xcf\xe3\x1c\xb1\xc8I\xbd\x81\xdb\xc3\xb7\x19\xa1\xc38T\x8b\xa2\x08[\x93\xddUm\xbe\xb1aNB\xa29%\xf5AQ\n\x85"j#\xeb\xc5\xe6\xec\xfd9qp\xf7pn\x8c\x0bb\x95\xb1\xcb\x91;&lt;\x9a!B\xed\xdbE.n\xbeC\x00p%\xf4\x16.dt\x15\x8aJ\xa1PD&gt;"\xd1h\xe1j9\xd1\xf1l\xc6\xf7\x0b\xd7)\x8b\xf77kyF0"\xee\xae\xa75\xa28K\n\x85B\x11\xc9\xa9\xd9\xe7\xe3p\xa8\xc5\xdb\xf1\xbe\x00s\x9c\xdc2\xa7\xa6\xc5\xd8m\xe6Y\xaf*RX\x13W?(`\x95\xeb?\xc9\xaf\x88]\xa6\x9f\xf1\xe2\xc2\x90\x96\x0be\xa7"\xd1\xfb\xb1B\xa1pE\xc8\x87\xa8\xd4\x0b\x91^\xc3vZH\x8b\x85\x0e{\xa5e\xc7~s_W\xa8\x08\x0b\xc3\xec\xbf\xc3\xac\x0b\x0eM\xe7\x8e\x88a\xaf8fE\xc3\xc1;-\xce\x06\x96\x18\xe8\xa4\x90\x14!\xfdr\xd5\x9a\xe4\xa3\x16)\x14\n\x85W\xe8\x01|4\xdb\xe3\x92\xad\x97H\xb3\xc6-\x1f\x1e\rr\x84g\x1d5\x82L\x14"H3\xfe3\x14\xa6G\xde\xd8\xcdE\x06\xe6\xed{\xf1\xa1\x9b\xa0P(|I\xae\x0f\xdd\x00\x0f%\xdb\xc8Gz_0i\xcb\xf7\xd6\x19B\x19\x11\x8fr\xe2\x91\x1az}\xcf\x9e\xafdO5-X\xae\xdc\x86\x07q\xca\x85C%\xea\x95N\xa1\xf8O0g\xefsc\x82\xd1\x85#ld\x84o\xfd\x19Q\xfa\x97\xd1\xeb\xbe\xd5\x0f\x13[\xe5KQW\x98\x9c(\x7f7\xc7U%\xa2GQ\xa2{\xcd\x18\xfeU\x0e^~3\xfc+U(\x14\x8ap\xe2\xb3_q\xe1\xa17l\x8a\xaf&amp;\x8b\x1ca:\x08]~-/\x9cqdr\xde\x06i\xceT\xf5\x0f\xdd\x8f\x02\xa3\xa9\xa2P\xf8W\xd9t\xc4\xa7\xe2\x13\x01\xb5\xc9\xef\xedATxQS(\x14\x004\xcc\xdc\x8d\xdf\x11\x11\x9b\x0c\xdfCOD\xf8\tY\x960*\xf7\xab\xbf\xf1\xa7P\xdf\xbb\xc1\xe6+!\r\x87\\\x8c\x8c\xf47~\x0f\xcfg\x9b\'\x1c\xeb\xfa\xc0\xf8\xe4G\x1b&gt;.\x00\x00p\xe0\x9e\xd6\xdaFCw\xd1\xc4&gt;\x0b\xae\x90\x03\xd3\xbd$\xf9\x17\x11\x00F\xad\xfd&amp;|\x9a\xa7P(\xc2\x96\'\xfa\x1f\xf9\xaa\xd3\xff\x0b\xa3*N\xff\x14\xc1\x07r!\xf1\xed\xb38\'Y-o\xaf\x0c\xb5\xdc\xf1\x7f\x8f\x08\xff\xe2\xe8\x94\xc5\x87\xdf\xb2\x03\xb3B\xa1\xf8\xcf\x91\xb9\xf2\x98L\x95F\xf9z\x16%\xd4v\x86"M\xe7\xf9\xa4\xf7\x1c\xb5.\x82N\x11:O?\xfd\xa1\x9b\x10\x86\xac&lt;e\xff\x0e\xb7\xf8\xf0\xdbphI\x84G\xac\x0c\xaaP(\xfekD7~\xcc\xff\xca(^\xbf\xe5:\x96n\xb7,Q\xb0s\xab"1\x1b.:\x1aYs\xd5\x9a\x04\x10\xdb6\xdb\xd9g.d\xb0\xc2\x97\xc2\xccq$\x0b^\xf4&lt;\xb4\x8f4\xa1\xf3\xaca\x12T\xc0\x13\xa4\x01\x00\xa0\xcf\xfc+\xbe\xaf\xc2w\xf4_|\xdd\x81\x84*\xe4\xaf?#\x1c\x1a\xa3P("8\xc1\xa2D\xfb\xf0\xab)\x8a\xf5\xf3qC\x00\x8e=\x8cp\xa3/\xfbB\xb0\xe9r\x84k\x9e\x99\x8c\x15Gr)\xe7\x9eI\x9b]\xbd\x978xb\x9e:S|\xd9&amp;\x11_\xfe\x15~\x0f\xf3\xd4c/\xeb\xaa\xd8e\x8d\xefZ\xc1\x87\xf9\x02\xc8\xe1\xbb\xc2\x15\nE\x04%m(\xaf\x17\xcfJ\xe3\x96\x0be\xb1\xe1\x85\x93\r\xd7\x94\x87\xbf\x8b\x04\x83\xab\x0f0\x06\xf5\xab\xd6c#\x1b\xe2)\xe2S\xa0\xe1,\xd9\xa9\x04y;\x87gKDh\xcbN\xd13\xb7\xfa\xb0\xedP(\x14\x11\x02\xefWtm\x82\x03\xfa\xe0\xe5\xbd\xf1\xb0=\x16g3V\x1c\x15\xfa*dT\xe8\xbc\xda\x94\x96H\x90\xcf\rU{l\x08e\t&gt;a\xdc\xa6{\xecG\x12\x06\xd8\xe2g\xe0\xdb5\x7f\x1a\x08\xf9C\x10\xdao\xf0\x83So\xe0\xb6\x0f\xdd\x04\x85B\x11\x01\x08\xaa0\x02\x00\xfa\xcc\xbf,9\x9f"\xac*N^;\xacJv\xc0\xf4\x1d\x8f?`\xed^\xc3E\xa7\x17f\x08\xcf\xcd\xf5\x8f\xafD\xf6\xe5\x04/\xc4\xccy\xcavX\x11\xfaB\x14\n\xc5\x7f\x19_\xf8\xed\xc4)k}&gt;m\x99\xa1&gt;\xa8\x85"\x12\xb2&amp;\xe1`\xad\x19\xff\xd1}\xe7\x95|\x08c1G\x1e\xd2\xc6\x86\x85q\xac\xd9\x0c\xcd\x84\xc9y\xeaL)\x15\xc6\xfa\xa3\x11\rD\xe4\x04a\x84\xbf\x90l\xd5\xc6\xcbt\xd6\x14\n\xc5\x7f\x85\x14!\xfd\x98O4\xfc\x9c\x16\xf9\xc0v(\n\xdf\xe1\'\x9e\xe1S\x92\x1av\xc1\n\xc3\x87\x0f\xa8\xb6\x1d\xb6Q\x023W\x1a\x1dv\x85\x7f\xf2\x99\x8f\x7f9%Z/\xf6m\x81v\xa4\xf3\xfa\xca\xfa\x83\xb6\xd3\xe3|\xf5\xa6GT\x83\x7f\x85B\x11f \xe2\x8e/$\x7f\xf9\x9e\xb9caq\x06\x17x#h\xd5f\xfc\xe1P\xd7kI\x9cr\x00\x10#KX\xda\xc8Dx\x9b\xa6p\xef\xf7\x83\xd8\x0f\xa1s\xbf\t\x13\t\xc9#\x0f\xc2\xf3\x81h\xefm\xe1\xbc)\xa0P("\x04M\x86\x7f\xea\xe4/\xff\xea[Y\x9e\xcc\xbemO\xd8\x11#k\xeb\xf0\xaft\xec\xc6\xbb&gt;-/4\x93]\x7f_5\xc2\x05\x01\xfc\x16~\xaf\xb9\x17?@3\xc2\x11\xe7A#&lt;\x7fw\x89\xaa\xa2\x0e\x00\x00\x04\xa9\xf1X\xa1\xf8\x8f\x9074.\xbc\xd12\xb5\xf4]K8\xc2dQ\xd7\xd8\xafy44\xaa\xf5\xd8\xe8YN4o\x1b\xfbW\x0f\x8b\xc6\x84\'\xe7\x7f\xb6\xeb\xd0S\xd4\xf1\xa2X\xb3\x9fq\x18A\xbe\xb80\x15p.\xd3n\xb9o\x0b$\xa2\xeb\x125\x92$\xec\x07n\xc4U\x03\xb0B\x11\x95\xe0v\xaa\xbc7Z\xee\xb7\xf0\xaa\xe4L\x0c\x80\xd4^\x17\xfba)\xdcd\xee\x87n\x82\x80\x1d7\xc3\xbb\x0b.\xddvY8\xd7\xc8\x90\xd4\xeb+\xdbO:\xe6\x93\x16\xac8\xf1\x87O\xca1\x93\xb2x\x7fsb\xcf9\x17\xa8w_\xfc\xdc\x9d\xd8\x11w\xce\xde\xe7j\x00V(\xa2\x08\xa6?f\x831s\xe3a\xbb\x9d\xff\xb5G\xcf\xdc\nR7\x00 \xd6OQ\x91\xe8%}RL\x9a\xd2\x83\x9dd\xab\xd9g\xb3\xfc\xa4\xbd\x00\x99\x82\xd0c\xce\x05z|\xe2QD\x19\xba\\\x0c\xa2i\x1b\x87eC\x14\n\xc5\x87\x03\x11K\xb5]*?\x9f)B\xbfn\x9b\xf6\x11}I\xbc\n\xdeN\xdc\x05\x1eY1\xb3\xb6q_N\x81\xde\xf3.y\xd5\x00\xe7\x14\xb3:\x99\xaeI\x98\xd5\xeb\x0f\x90\x93\xf9\x98;\xcc*\n\x05\xe1l%\x17\xb3\xb4\x93\\\xb9\xebL\x01\x80}\xdfF\xe0\xbfJ\x85B\x11\x0e\x84\xb4\\\x18\x0e\xb5\xb4\x9f|&lt;\x1cj\x01\x804\xa5\x06\x1b\xf5\xae\x03C_\xe6\xfd\x88\xfc\xfa\x12y(m\xf5\x8eH\x89n\x9f\xc5\x11\x89}T\x8e\x88x\x15\xaa\xf5\xdcH\x0eW\x9e|\'\xcf\x17\x02\x00\xd12\xb5\xf8\xf8\xaa\xf9\xf7\x93 lZ\xa6P(&gt;\x0c\xc9j1\xab\x9d\xcdG\xedwv\x95\xc4\x12J\xfe"\x9f\xae\xec0.E\x16\xb4\xa0\xed\x84#\x88\xd8w\x81\xf7\xd1lD=Wx\xe0h\xc1\xc0A\x0c\x1c\x9f\x12\xcf&gt;K\x84\xa1r\xb7u\xde]\x98\xbcX_\'\xd9Z\x8e9`JK\xe9]\x8d&gt;B\xa0\x8bYw\xc0VD\x1c\xe2\xd8jZ\xa1PDb\x18\xc7\xffL\x90\xa6!\x7f\xfaC\x18\xfaZ\x8cdm&amp;\x1c!\x07\x9b.aD\x90\xda\xc8Qc"$\xd7\xec\x84\x0f\xdd\x8f\xe0S\xde\x80\xf0\xac,Y\xe1\xde\xbe*\xca\xe7[!3v&gt;\x91\xc5\xa5\xb6"e\xdd\xd4\xa5\x06\xf9\xb6%fbgo\x17\xd6U(\x14\x8a\x88G\xa2*\x00\x00\x10+\x14\x0bq\xa1\r\xa9Dvv-;\\s\xbc6k\xb4)\x8e\xd1&amp;6\x19\xa7\xbf\xe8D\x84\x92\xc5\xa4\xab\xec"\x1a\xae-qr\xb4\xf7]a\x1e+\xe2f#\xf7\xfa\xae\xd8\xf0\x80&gt;dD\xac\xdd\xef\x13z\xac\xa5\'\xad)\xbf\x94\xfd:l\x15\x9b\xf3y\xddB\x00\xd8tI\xe0\x1a\x14\xdc\xc0^Hd\xd3%\xed*\x93\xeaH\xd8J\x98)\x14\x8a\x08\xc7?\x88\x00P\x7f\xe0\xf6\x9a}&gt;\xfeP\xebrE\x9b\xcds\x92m\xd7\x97\x86\xfe\xee\xf8\x0fh!~\xb4\xe5\x9a\x9e\xd9\x9d\xb8n6\xeb\xd3\x9f\\G\x00\xb8\x13%vy\xbb\xcd:\xb7\xe7+\x9b\x1b\xf1b\x0eZ\xbe\xe3*\xe7\x99\xc3\xcb\xdc/v\xb8\xd4\x026\x06n&lt;\xa9\xc2\xaa\x15\n\x85"\xc2R\xad\xc7F.\xc5\xda\xd3\xff#\xd1\xae-\xcd\x7f\xf0\x1e\xbaZ\xd6\xcbUk\x12\x00\x00d\xac\xd2}\xbd\xa7I=\xf9&amp;\t\xf97T\xfdu0\xf9\x8f\x15\xdd\xe5(\xd1z\xb1\xec9\xb0\xe9\\l\xc1\\\xb5&amp;3\x9f\xf2\xbblU\x1e\x97\xf9\xdd"\xd0\r\xad\xd8\xd9I$\xf9\xb0s\xe3\x0e\xeb[\xf6-\x86/\xb4T\x1b\'\xa6a\xae\xf1\xcb\xd75,\x8aU(\x14\x11\x8eSO\x04c\xcc\xb4\xed?\x86\x7fK\x9c\xc0\x06\x01|\xed\xbb\t\x93L\xa6\x1f\x11\x93\x14\xec\xe9\xaa(D\x84\x94\x82yv\xc5.\xf6\xe3\\\x92B\xee\xearK\x91\xa6\xf3&lt;\x1f\x04\x86`\xfe\xa2\x8b\xbcQ\xea6\x90\xa0\xd2\xa0e\x9f\xcbO\x0b+\xd5\xa8\xd3\xff\x93\xd0\xd4&lt;e\xeb\x0f\x9f\xfd\xe6\xfbi=G[\xdd"A\xa1P(|\x0c\rJC\xba*\xf2o\xb7\x99\xe7\xd8&lt;\x9cY\xca\x9a3\x7f\xb9\xaab{8\xe8:\xc5\xaf(;\xd3y\xfaiO/l47\xf3\xb2w\xd6\xdcg}\x11\x9f\xd1+2U\x1a\xf5\xa1\xaa6s\xf4!\xd6\x1d\xb0Ut\xa6 \xfb\xc1\x1ch\xb2\xde\xc0\xed\xdc\xf3\xdfz\x03\x01 q\x81\xee\x0e\xaa\xcd\xe8\xb8\x81a\x16\xaf\xda+\x1c\xfe\xe4\xd2\x94r\xa4\xe5\xa2P("\x19\x88\xb8\xfa\xf4\x9f\xf4c\xb9\x8e+\x8d\x1d(\xf1i\x89\xc9^\x92\xa3\xc6\x04\x8b\x02\xc7l\xb8cL\x88\xc1~\x88\x9e\xd9*\xe2\x10"\xd6\xea\xcb\x0bB\x99;\xa9\x9d\xb7hJN\x90\x83\x88f\xfb\xd289\xdaC@-\x8b\xab\x1c\xe3d5\xd5\x0f\x00\x02\x8b\x0f\x88\x9b\xb3\x83\xf9\\\xf8k\x9e\x98j\x8c\t\x00\t\xf2t\xf6a\x15c6\xdc\x99\xbd\xe7\x99\x17;\xafa\xff4\x9c\x0f\xd2N\t\xc7o\xd0\xed\xee\x86B\xa1\x88$|\xfa\xb5\xaf\xfa\x11\xb9\x07j\xc2\xca\x16\x97\x05\x16\x1f\xa0\x1d%\xad9c\xe7\x13\x87\x95\xe5\xaf?\xddK\x1b\xectT\xed\xcf\xa1\xca\x81\xc0\xf7\xc9\xd3\xf9\xfaY\xddZ\xb8\x10\xc0\xbd\xe5\xe8$\x91\xa4C\xa2\xfct\xdf1/$\xae\xe6\xdb\xd6\xfc!\x1d\x96\x84\xc6\xc9q|[\xbb\xef\xb05\xa5\x06\x80D\xb6cp\xb4L-\xc8\xc1\x86\x0b\xefC\xdd$\x85B\xf1_#\xbd/\x15\nW\x9d\xfa\x9fu\x06\xeb\x1e\r\x11\x85#\xb4\xdb\xb9\x880\xe8\x82w\x13\x1aD\x84x\x15\xbc\xb8\x90!Y\xe8.\xf7\x06\xbf\xfc\xbc\xedO\x8d\xde\x1f\xf9\xa4d\xe1zi\x82&lt;\x9d\xe8q\x8b\xd1\x06\xed\x97d\x85{\x87r*\xd9y\xfais\xe2\xb0U_\x86\xa6Lk\xc2m\xee\x1b\xa1\xa5a\x15\n\x85K2\xd28n\x88X\xa6\xbd\x8f\xc3\xae\xc9\xfb\x8b\x9c\x00\xd0t\xc4\xa7\\j\x9c\x1c\xed-vO\xcd\xa59\xe9\x8f\xc6m\xba\x97\xad\xda86\xc5w\xbb\xa4\x02\xdf\xa79\x9f\xfe\x1cv\xbd\xe4/\xf2\x92CQip\xc4\xef\xd6\x07.\xbd\xe1\xc5U\x81%\x06\xd8g\n\x1d1\xb2\xb6\x06\xc8\x16\xf1\x1f\xa0B\xa1\x88\xe0Xm\xa0Z\xd0v\xc2\x11[\x01\xcb\xef\x10m\xd7\x87\xc3(\xf6@\xcd&gt;\x1f\xf7q\xa8j\xa9\xc7?g\xd3\n6\x9eM\x0eR\x84\xb0\x91\xe3\x02e\xd6@\xb6\x11[C\xd7Y\xe7L\x94\xbf\x9b\xc5\xe9\r\x17}3\x12\xf8vD\xc9Zu\xac\x0fKs\x83\x85\xc2F\xdc\xf0k\x85\x81\x14\xe6\xe3\x9c5\'~\x90\xa6(\x14\x8a\x0f\x8a9\xc2\xbc{R\x84\xf4s\x92\xadp\x939\x00\xc5C_\x1d\x8b0\x9c\xea=\xbb\xc1\xa3\xf9\xa8}\xa1\xacw\xd9\xb1\xdf,\x86\xa8\xa3\xdf;\x1d\x80\xabt_\xdfx\xd8nq&gt;\xf7{\xb1\x1d\xa7\x9e\xb4\xce\x90\xb6\xcc\x10\xc3gY8\xa9\x0c\xcd\x10\xb1D+\xb1w\x96\xef\x88\x1b\x9a\xdfC\xf6\xea\xe3\xc9\x81\xe8\x8b\xb0\xdd\xcb\xd7\xac\x083W\x1e\xe3u\x03\xbc\xc3\xbf@\x0f\xef.t\xe6\xb1\xadP("!\xa4\x17+\xd9f\x89\xb7Q\xd8\xd2\x08S\xa3ej\xe9}\x9b\xbc\x851\x8a6\xd0b4\x15\xe2\xf7g\xd3-\x86R\x99\xb6\xb3\xf9\x92te\r\x8e4\x0b\x0f\xbda?z\xbf\xb6\x9f\xb19\xfb)\xa4\xc5\x02A\x1e\x12\x869L\x90\x84\xdc\x08\x1596_\xf3\xfd\x82m\xd7\x19g\xdcd\x17h\x92\xf8\x8a\x02\rg\xca\x95\\\xc5\x7f&amp;\n\x85B\xe1\x82\xdc\xb5\xa7\xd0c\xbb\xe5J\x1f\xb8L\xb8\x91\x07\xb2YZ\\y\xf2\x1dmp\xe9\xb6\xcbl\x8b\x13\xde\x1d"r\x1aXl\xdfZ\xb2\xcd\x92\x17\xde,\xe1\n\x8c\xab\xeb\r\xdc\xe6\xbe\x1c\x9eH\xbdCy\xfdWG\x8dwz\x8f\t+\x01@\xb9\x8e+C\xd3$\x8d\x04\xbcs\xf9\x99\xa7\xdeZ\xed)\x14\x8a\xff2\xa4\x17\x18\xa4\x9b\xba\xd4\xea\xbb\x19\xa0\xa8\xddE\x82=\xdd\xda\xfd\xb6\xb8\xaf\xbc8\xe9\x16\x85\x10\x97\xa4\xacU\xc7\xd9\x96R\xa6\xfdr\x0bEh\xb7P\xdb4\x00HV\x84\x8f\xea\xb3\xe4\xe8\xaf7\xff\xd0\xf6zm\x17~\xff\xe3\x10#\xe7\xc4\xc1\xdd\x01\xe0\xb4Qy\x8d\x956\x93\x92\xcecuO\x97\x9d\xcd\x9c\xffY0\x8c\r]\xf1\x05\xf3\x89]\x97v\xe8\x04\xec\xe7\xcc\xfb\xc8\x05&gt;\x1an\x95v\xb4B\x11\x85\xa8\xd2}=\x17*\xc7\xda\xd8g\xd6\xee\xa7\xc2\xf4\xdc\xb5\'\x0b\xd3\x11\x11 \x9a\xd7\xcds\x8a\x1e\x16\xd0\xd7d6\xa5\x14\x05\x80&amp;\xc3\xf7\xf8\xa8?\xcd\xeb\x8bB|E6\x00H\x98\xd7\x97r\x1c\xe1\xc6\xf4\x1d\x8f\xbb\xe8k\xd1\xf1rwd\xcex\x13_(c\xc5\x91\xbeh\x94B\xa1P\x88\x08}\xe4Q\x87\xbb\xbcg~\x8a\x10\xeblS\xb7\xff\xc8E!\x14\x82\x88!-\x17\xd2\x8f]f\x9cA\xc4\xdf=cm,OV\x93\x1dS\xe8\x94\xa4\nD\xc1\x05\xc9P;\x8e\x0b\x9eI\xb4\x12\x92\xbc\xaeb\x10y\x03".&gt;\xf2KX\xd7\x02\x00\xee\xc3n*\x14\x8aHE\xf2b}\xc9\x81\xbc\xdfw\x13\t\'E\x9d\xde\xf3/\xfb62\xae\x8ek\x81$s\x88\x05\xa1Y/"&gt;\x16\xdc{~n\xce\x84\x88\xab\xa9\xc6u\xdcr\x00\x00\x10\x08\xa9|l\xfdT\xae\x83/\xf6&amp;?0Y\x01@\xf6d\xbeyo\xe3\xa3%\x04\x11\xd9EW\xcen&lt;f\xd6\xd6n\x0b\x0c\r\\(L\x96Z}x\xd9T\x85B\xa1\x90"t\xe3q\xc2W\xff\x08\xbb\xa14a7\x81{\x12\xea\x92\x8dm\xcbj\x91\xad\xf7\xfc\xcb\xe6D\xfb[\x8b^r\xcb\xf5\xd06r\xc0\x92\xcf\x84\xe9\xb3\xf6&lt;\xf3\xa2\xb4n3\xcf\x86\xae9\xde`\xf9\xa0\x98(\xcb\t*\x91\x9c\xef\x10K\xb4Z\xe4uu\xe47\\\xb6\xc3\n.\xfd\xea\x1b_\xee\xb6\xb6\x1ew\x88&amp;\x1d\xb8+)Y&lt;/\xf7\xbd\xe8\xb4B\xa1\x88\x1ap\xbb\x9b\xfc\xe4\xb5\xc1\xe0\x1d\xc2\xcb\n\xe9\xf2\x14\x12\xa2\x03\x00@\x06\xfd\xa3\x97\x12\x1f\x1c\xba\x8en6\x9b|\x12\n4\x9cU\xa0\xe1,cZJ\xcfa\x92\x1a\xb2\x0be~M"\x9c\xb6M\x18\xa0p\xee\xde\xe7\x0e.\xcdkgX\xeeq\xae\r\xfb\x05m\x9b\xa0O\r\x87\xec\x94\x9d\x1a\xbd\xfe[r\x10;{[H\xd3\x10 \x0b@\x12\xdb\xfaDC\xb5q\x07=e=\xe3Y?\x80D\xb6\xc5R\xd8\xaf@\xf6\xf4dF\xd4\xf3\xf6\xbd\xb0(\x19\x11\xbd\x0f\xbe$]rW(\x14\x91\x96\xdd\xb7q\xe6\xae\x9f\xd8\x94\xd2\xed\xec=s\x84||\x95\xf6V|/S\xac\xb9\xc8{\xd5!I\xa5\xe3"\x00x\xa9\xe4\x90\xb6\xb1\xe4\x84\xc1M3U\x89\x81\xcc\xa7|K\x8c;\x7f\xeb\xce\xff\xebM\xd5\x1c)\x04\xc1\x83\xbd\x86\x0e\x1e\x88h\xd8\xa8\x0e=\xb1\xcd\xf1\x83iEB\xa23\xc7)\xe5~\xb1,iC\xf7\xba\xe0b\x945^WEv\xe6\xc0=\xd7\xed\xe90\xf9D\xfe\xfa\xd3\xbdjG\xc4\n\x8c\xa8P(\xc2\x03I\xb8V\x87\xd8\x87\x0fj9\xe6\x80m\x9eP\xe0\xc0P%ae\x00\x08n0s\xd9\xb1\xdf,r%-\xdc\xcb\x9cH"3\xe6\xae=%f\xd66O\xad\x87\x87\xe8%\x9d7\xec\x1fQQ\x9d\xa7\tB\x08(B\tY\xd2\xa7\x0b6\x85\x9b\xcc\x91\xe7\r\x90\xbd\x01\xb8\nqm\xfb\x1a\x11\'G\xfbX\xd9\xdbZ\xe5\x88Y\xdayu\n\x85"\x12\x13\'g{\x91\x9bMh(6\xfb\xd3\x9f\xb3W\xb7\n\x12\xec\x8c\x0c\xf6Y\x9c\x92\x82\x91\xc1\x12\xb0\xe2\xc4\x1f\xd6\xd7#"@\xec\xee\xb3\xcf\xfb\xaeI&lt;\x95\xbb\xaee&gt;\xb9U/I\xd3a\xca\trd\n\xc0\xec+\xfc\x01rp\xa1\xa0]\xf1\x00\xb1Z\x8f\x8d\xdc6\xb9T\x89\xd3@Q\xce+\xbd\x93K\xdf\xeb\x8c\x15\xbct(\xba\xf1;\x02\xc0\x15\xe3v\xf2\xbas\xff\xb8*\xa4J\xf7\xf5\\J\xe8\xc5P\x15\nET@7/\x8a\xe6Vw\xd0\xdcu\xd6\xe8\xfd\xb1(c\x98\x93\xaa\xc4\xc0&amp;\xc3\xf7\x98\xd3?\xd3E\x94\xd2\x94\x16D\xc4\x93\xc1\x8a\x1a&gt;\x93\xcff\x0e\x7f\xe7t}2\xa0h\x1fcB\x02\x00h;\xe1\x08\x97\x8d\x9b9\x89V\x0e\x02A\xb3\xc2u\xb2\xa2\x0b\r\x06\xeft\xbe\xa8[\xa0\xd1,\xfbLV$\xa4u5\x1a\xba\xdb\xe15S\xb6\xfe\x10\xbaJ\x05$\xca\xdf\xcd\xb0\xb5\x1fV\xe8/"\x81\xf5\x1d_\xe2\xe2\x852m\x99\xa1\xf6\x99\x14\nE$\'\x89\xcc\xbeW\x17At\x15\x9b\xd6\xb4\x8f\x15\xcb\xedb\x9a\xc1\x88\xe9\xd8\xc3P\xd9\x10\xb1a\x07\x9d\x0eEIk8q\x14\x0e=+N\xbe\xf3\xeeBr#\xbc\xd1o:\xb1\xaf\xad\xb5\x9a\x8a\x84\x82^\xb4\n\x80\xd9\xadw\x1c\x0e\xd9\xc9d\xbd\xcd\x84#U\xba\xaf\xb7\xfc\xfab\x1b&gt;\xa5\x93l\xf0\xcb\x8d\xec\x00\xa0\x8b\x1eB\xb8H\xd3\xb9\x00\x80\x88\x0e\'\xa91\xac\x9c\xa0\x02\x8d\x1fs8)P\xa1P\xfc\x87\xb8\x8fh\x96Z\x04\x80\xb3O\xf1\t\xe2\xf9\xe76\xe3\x16\x17\x84\xc0\x8cWq\xdd\xb3\xe8\x079}b\xc7\xdbk\xee\xc5AK?\xb7\xcd\x96\xacHoDLQ\xac\x1f\x00\\x\xc1\xd7\xfb\xdeEKR\xb2\x01\x10\'\x7f\xf2\xf0\xa2\xa94\xc2\xb76eJ\xd7$\xba\xd8\xc4\x1e\xf0\x03\x00HP1\x8c7\xe0)\xf1\x84\xa9\x81%\x06\xee\xf9\xca\xc7f\xd8\xef\x11\xe3\xe4l\xaf\xff*\x02\x00 \x7f\xfd\x19\xe6l\xf4{t\x85\xec\xc7F\r\x0c\x11\xd1\xbc\x9e\xacP(\x14^\x82\x88ne\xaa,$y\xcd\x85\xd3N\xadN\xffO\x1c\xd7 pGA\xc4\xdc\xb5\'\x7fg\xea"\xa7n\xff1F\x16K)\x86\x04\x15e\x1dk\xab\xb1\x07!ny\xd6`\xf8\xf6_z\xce\x14\xbc\xaa%"rj\x9df\xbcW\xf9\x0fj\xce%\x047\x98Q\xb2\xf5\x12\x8b+\xbcz\xb3qK&gt;\x00\x80Xb\x13h\x8d$5\xe8~\x7f\x96*|\xdc\xdf\x1c5Bo\n`\x05\xb7~#\x1c\x8ce\x0c1(EC\xcc\xacm c\x0b&amp;!\x0b\x98X\x12\x96\x1aX\xd3\xb6\xff\x18v\x85+\x14\x8a\x08\x8d\xf3\xb9&amp;\x1bVV\x14\x97\xde\xa7&amp;]1K}|\x15!f)6M\xe6\x9d,\xe3\xd6\x9f\xce\xdf0\x8af\xaf&gt;\xfeo\x9bG\x91Nv\xc2&lt;KF\xc4\xf9\xfb_\x8a\xf2\xc6\x0f\x8dn\xa2,F\x93I`D\xaa\x02\xd1w\xe1U\x00\xa8?h\xbb\xd7m\x00\x00\x80\xf8\xb5\xfbn\xf9\xfa_\xe9\xc4\x91\x86\x9a\xef:\xf3\xac\xd0\xde*K\x15sD\xde SJb\xd0\x83:\x18\x88]\xd6MS\xc5\xc4\xcf\xdd)\x94%x\xe5\xb9\xe7S\'1\x85B\x11I\xc9Qc\xc27\xef=\x1d\xe8[DW#hM\x81\xe1\x95\xf7Q\xd6\xdd\x93\xd4\xeb+\x11\x11 =9\xfe\xc5r\xc4=\xf6\x03w6\xc0\xb2L\x00\x80\x89\x9b\x1f\xc8N18\x8c\xc1\xe0D\xda\xd3E\xa0Y\x12`\x8a\xde\xbb+8[\xad\x92\xad\x97 \xa2\xc9\x05\xcb\x03"\xea\x1eY\xe9c\xe7hG\xd3\xbdX\xc8E\x1d\x9ab\xa1\n\xe9\x9a\xb8\xe5MI\xd2\xd7,\x85B\xa1\xf0\rf#\xac\xba\x03\xb6\t-Pbgog=\x18\x14l4\xcb\x97\xd2K\xa68\x07f\x86\xad\xfc\xd2\x8b\x82evg\xf9\xea\xd9H(\x98b\x00\xf3\xbcB\xcff\xa1\x17\r\xe3@D\xc8\xd0T~\xbe\x80\\Q\xc4\x1bz\xcf\xbbdn\xb6uJ\xd7\x19\x8e\xa5.\xe3\x95\xbf\xeb\xfe\x994\x1a\xba\x8b\xab\x9ak\x0f\xfdX\xa9\xebZ2\xa77\x91\x1e\x00\xc6m\xbagY\x8f\x1b\xf3\xa8\xc4\xd5\x84\xc9\r\x87\xec\x12\xa6K\xc8\';1r\xcd\xd7n\xcaQ(\x14\x91\x9a\xd8e-F\x0b\xd3\xa9 .\x03\xbbq\xd5k\xde\xa5\xd04\xa4\xcbt\x83a\xd1\x84\x8f\xbf\x0bMi\x16\x98\xfbq\xb2\x8a(y\x0e\xc4\x03U\xf3\xfc\xf1\xcb\xd7\x15\x00\xe2\xe6\xea\x00\x00\x00\x89\xae\xfdb\xb8\xe4\x85^B\xa96K\x9c\xc8R\xbe\xd5\xf2\x07\x01\x00g\xcd\x8b\x88\x0e\xcd\x89}\xf5\xd2\x93\xa7\xce\x14sb\xfd\x81\xa65\xeax\x15d5f\xab6\xae\x8c|=\xf6\xd3\xaf\xb5\xab\x8a6\x9b_\xa6\xddr/[i\x04\x8do&lt;%M\x118x\xc4\xaf,L\xe0\x8d\xc4U\xad\x02|Yo\x87K\xbe\x8b\xd4\xa5\x88\x17\x9c\xf7.\xd4\n\x85"\xca\x82\x88\xc4\xe0\xf6kS\x88\x05\x8b\xc8kE\x9a\xce\x03\x80\x90\x16\x0b\x11Q\xb8^\xe76\x9c\xea\x89G^\x0c$dy\x93\x8b\x95\x14\x00\x00!-\x17r\xea\r\x142\x00w\x9av\x8a|L]j\xd0CD\x90\xcf\x8c+v\xe6t\x9b\xfd-\x1a\x84\x88\xba\xd9\x97+\x0f.\xabq\xd4\xd5\x10K\xb7]\xc3\x13D\xac\xd9\xc7\x91\x17\xf8\x96\xebx\xf1\xa5\xf8v\x1c\x96 k\x00=\xbe\xfc\x8a/?q\xb0f\xa9\x90\xa4POO\xaa\x7fu_ke\xbb\xfb\xc6\x01\xc0F\x12KJ\\\xaf\xaeR(\x14\x11\x8f{\x88\xc4\x91\xf4\xd0}O\x7f\xe4@\x19Q \x07\xb1\xec\xf8o\r\x07k\xfa\xfbf\xad\t\t\xfe\x16\xe7\xae\xbc\xc1\xca]\xd7U\xee\xb6\x8e\xa68\x8d8\x94\xa8\xaa\xec\x8cy7\x11 \x11I\x11\nz\x10\xfa.\xd0V8\x83\x1b82\xb5\xbd\xf6\x0b\x02\xe4=.z\xab\xb0\xee\xf7\xe7\xef\x7f\xb9\xf0\xd0\x06\x86S\x9c\x00\x00 \x00IDAT\x1b\x88_Qr&gt;\x98\xfcW\xb6\xbd\xe6\n\x1c=s+&gt;\x8bd\x99\xd4\t\xe2\x00Y~U\x00\xe07i\xb3}\xab\xa4\x06\xd4\x1aY\xf6\xa0\xf4\xaf\xaf \xdd\x8f\xaf\xd6s#\x00\x00\x14a/I]j\xb0\xf5\xa3NUr "B\xb2Z\xb1\xb2\xb5\r\xfd`l6\x02\x07K?=\xe1\x92\x03\xc8#b)\x14\x8a(\xc5\x8a\x93\xef\xf4\xe8\xb6\xbcY\xa6\xa0[\xb7#w\xed\xc9\x88\xd8s\xce\x05\xebliJY\xeaR%\xadiNc:G\'*\x196k\xbf\xa4\xfb\xe6\x16\xcce\xd3_\x00\x08,1`\xf8\xea\xdbh\x8cJkKp\x83\x99\xe4\x80\xb5\xfeM\x98\xb7\x8bm\x00\x06\xd2\x92\x94!\xc2H\x91\xf1bgoG\x8eB\'\xe2\xed\x02D\xec9\xf7\xa2E\x86\x02\rg\xd2\xe30\ri\xfc\x061\x7f\xfd\x19Y\xab\x8e;\xfe\x03\xfa\x17\xe8\xe1\xc3\x92\x11\x91~_\x14\xf3L\x9a\xcd/Jv\xa7%\'\xa3\xdf\xa2k\x137?P\x96\xd2\n\x85\x02 9\xef\x11+\'\xce\xe7\x7f c\x91\xeb\xbd\x9b\rO\x9aF\xb23\x0f\r]\xa148\xc4\x86\x8b\x9el\xe2\xb1\xd6\xb8\xbd\x97\xb7\xeeT\xba\xe1}\x07q\xea\xb6G\x16\xad\xbb$YS\xd5)\xc4~\xa8\xd3\xdff\xe0D\xc4\xf0\xb5$wH\x01\xcb\xb3\xd1\x00\x8c\xcf\xd0\xe6=#\xd8\x9c4m\xc7c\xeb\x16 "\x99\xe9\xa6)=\x84\xda\x90\xa3\xe5\xf6\x81\x80\x84\x95\x1de\x13`\x1c\x11\xe3H\x9d\xa08\xdb1\xdf\xe1H\x82T\xa1PDzX\x07\xdfB\x8d\xa51d\x96\xdb\x851\xf0:\xd6\xfa\x885_\x99\x13\x85\x9d\xec\xe4O\x1eZ\x96\x94\x9b\xf4\x95\x83\x97\xdf\xe4\x8a\x1a\xb8\xf4\x069\xe6\x16\xfd\x8a6\x9b\xb7\xe92Z\x08A{0J\x01G\xcf\xd2J\x1b\x8a\x0c\xe4[t\xe8\x8d\xf0j\xaa\xb5\x19\x9a\xf5O\xc9\\\xd9)\xd5{n\n\xcd\xe52\x1e\xcb\xef\xc8\xc9\xde\x04\xf7@Z\x8d=\x98\xad\xda\xb8|\x9eH\x7f\xa98\xf3+\x02\x15\xde\xf2~C\xdd\xa0\xc5\x11*\\\xdaE\xf3\xd8\xaa\xbe(\x14\x8a(E\xef\xd0\x9913\xa4\x02H\xc7\x9a}z3\xc0\xb0\x91\xd5\xc3  92\x90\x94\xb5g\xff\x06\x80&amp;\xc3\xf7 \xe2\x1f\x96=x\xd3\x11\x9f\xf6\x9cs\x11\xcc\xdbx\x92i\xdf\xd0\x15_\x94jc%k\x05\x005{\x7f\xbc\xfe\xfc\xbf\xa1\xd7\x85`\x084\n\x98\x88}\x85G\xaf\xff\x96\xf9\xc4.!$4\xcb\x81\xe9\xc4\x01\x80\x95\xa7\xfe\xc7\xa5f\xaa4JnBlc\x03\x8c\x88\x19\xca\x0f\xd7?\x89\x83\xe3\xfadLB\xc4j=6\n\xd3\x8d\xbf\xd2\xe4\x88\x08\xe9\xc5"\xdb\x84\x1c5&amp;\xb2q\xab\xaa\xf7b_e\xc4\xf1\x89m\xfe\x10\x82\x9a\x95he4\xe4\x96\xcf\xb3\x15\nE\x94\xc1\xb5\x01g\x98\xc2\xf4\xc5\xee\xa0\x0b\x92\xfc\t?-\xeez\xdez\xd3\x10\x11 \x0f{2~\x9eN\xb2I*G\xc5.k\xf4\x9e:+\x10\xfb5#\x96\xf2\xcei\x9dT\xa1\x13\x16B\x10\x19\x1c\xe6\xeb0\xf9\xb80\xbd\xd3\xd4S\xf4X&amp;\x80%\xc4\x95\x8b\x9as\xfby~\x1el\xb4\\{e9\xda\xc5\xcb\xdd\xd1\x98`\xbd\xc6\xeea\xe8\xca[\x16gm\xe2F;"\x07]XJUr`\xa8KS(\x14\x91\x81\xf6\x93\x8f\xa7)=\xd8\xec+\xe9d\xcd\xf0\x1eb\xa96K\xc3\xa6]\xa1\xc3\xb4\xe7g\x16sh8d\xa7\xf3\xf2\xd8\xa5E\xeb\tM\x91f\xf3\x9c\x17\x1b\x0e\xb8u\x0c\x13\xe0\x11\xbd\xf2\x97\xcdS\x19\x12K\xc41\xac\x89c\x9f\xc5G\xe4\xad7\x8d\x1e\x1b\xbf\xca\x94qr\xb4\xa7\x1f\xb8\xcd\x0b\x10\xeabj\xd7\xd5\x15\x95\xe6\x9a9{\x9f\xeb\x87\xb1\xad\xf2)\x14\x8a\xa8\x01"\xd2\x1dM\xc1\x88\x1b\xb34\x00g\x90UX\\H\xa8HW\xd0I`\xda\xe4\xb5\x95\x8d(%\xb7\xc4\x9b\xc56\x92\x95\xcf\x08\xac\x07\x10\xad\xd7\xdcK"\x01\xb5\xfc\xe6\xec\x1c\x88\xd8l${a\xf2\xb1\x1b\xef\x8a2\xa6(\xd0p\x16\x00l\xbf\xe9\xab\xfb\xca,_\x93\x88\xf1\xd6\xdb_\xf2\x80\xc5\xd7\x9de\xd4\xfe|,\xfed\xc8\x9e\x88B\xa1\x88\xe2\xb4\x1a{\xd0\xd7\xa2\x042\xb2\xe7\xad;Mx\x82\x04}[p\xe0\x951Y\x0fJ\x93\xba!\x9bJe#G\xad\xfb\x86+g\x85\x9d]\x98\x8f0\xb8$\xfd\xc3\xac\x85\xea\xeb\x87\x05?\xf9\x8c$\xfa0\x10l\x92p\x896/5&amp;\x17\x92\xbb\xf6dr\x90\xbf\xfe\x0c\xe9\xfc\xd52\x1c/@\x08\xf9\x0f\x11il\xa5}w\xf0\xf0w\xeco2\x9fH\xb1\x99#9\xf7\xf9\xc2\x0b$Q&amp;iJ\xfdA;^\x08\xf7)\x0c\xe6W!\xad\xc7\x1f\x86\xe8%\x85\x7f\x14N\xfeR\xde2U\xcc\xdb\xf7\xc26\xbfB\xa1\xf8\x8f2j\xdd7\xe15\xfa\xfa\x0c/\x1a\x1c+\x1bU\x1d\xca\r\xba\xd1\xcd\x86\x0b\xef\xcd9cfm3u\xdb#\'U\x04U\x18in\x8f]\x9cy\x17\x81\x13\x08\xb5\xfbm\xd1\x0f]8"G&lt;\x88l\x19\xbf\xaf\xc9\xee\xbe[(o\xe8\x87q\x01\xe0\xd8\x0f\xbc\xd3\x11"V\xe8\xb4\xda\xbc\xe9;x\xf9M\xd4uf\x00\x00 \x97E\x15\xab\xcf\xfc\xc5\xa6d\xab6^\x18\xc1\t\x11\x85rc\xed&amp;\x1e\x05\xfb\x19\xb0\xa3\x97\x9bs\xcf\xf0\xecSq;#\xda\xbe\x86B\xa1\x08%~\xa2D\xf1\xea\x9cf\x82\x14\xdbF\x14\xd7\x0e\xdbA(\xf6\x05I\x10{\xef \xae\x99m\'\x1ee\x13e}q\xd2\xc2\xbd\xd9\x8f\x07\xee2\xd9\xc8R\xbc\xb1\x04ZN`\x89\x01\xee\x9b\xc6.\xd2\xdaHJ9\x99\xdc\x93/h\xd6\x9e\xa7\\\xa2~(\r\x03`\x0b\x9d\xe9:&amp;&gt;\xf9\xcf4&amp;i\xe9\xd6\xc1\x10\x9f#\xde\xfe\xdb\xf67\x90\xbdT\x9b%\xe4\x96CZ.D\xc4\xc5\x87\xdf\x9a\xf3\xb0\x1f\x84Jj\xda\xaf:A%\x9a\xd2i\xeaID\xb4\x88\xe7h\xa6\xfd\xa4c\xed&amp;\x1e]\x7f\xe1=\x19e;O\xb7\xd5\x92#\x08\x02\x0f+\x14\x8a\xff$\xa2\x01f\xd6\x9eg\x00P\xac\xf9|\x00\xa8\xd5w\x8bE&lt;&gt;\xaf\x10\xf7qa4)\xff\xfa_\x0c(\xd2\xc7\x99X#Q\xc3\xf0\xf8\xf5F\xcb\xac\xf9\xd88h[\xea&gt;\x0b\xae\x98S\x93\x14\xa4Z\xc4b7\x15;\xc4\xea\xd6\xd6$\xc8\xd3y\xf35o\x1e\xa6\xc93\xc7Bb\xcczb\x97\xcf\xfe\x89\x05\xd6s\xd0\xa2\xe0dEz\xb3\xe6Qt\xf3\x98\xecD8\x98@\x8b\xa1\x19\x84+"f\x8a4\x9d\x9b(\xb8\x9b\xb9\x10\xd6\x0e\x91\xadt\xfcG\xf7\x9d\x14\xabP(\xfes\x8c\xff\xe8&gt;U\x81&amp;\xcb\xa7\xeb\xce\xff\xcb\xe5\x99\xb1\xf3\t\x97\xf2\x00Qh,\x93\xa5\xb2\'\xc4z\xbbI\xc7\xec\xab\x8fQ\xca&gt;\x8f\xef\xd0E\x83%\xf8\x19M\xa6mv.\xc5|\xa8\xf5\xfc\x06\x83wl\xbd\xe1\x83\xaa9\xf7h\x0bdB\xc7\x15:\xaf\x06\x00\xb2\xf9\xbd\xe4\xe8\xaf\x00\xd0g\xfee7MH\xcf\xd5N\x97Cj\xf4\xfeH~U\x1c\xdbhE\x16\xe4\xaa5\x19 \x96s)\xcd\x8a]\x0c!:\xe6\xec\xfd\xd9\xf6\x12D\xbc\xf5\'\x02\xc4\xf0\xa6}\n\x85"j\x930o\x17\xc8\xd0,\xd4\xc5h\x0b\xda\xe5:\xac`\x83\x15\x9a\x19\xb3\xe1\x8eIw\xc2?\xd4\xb5\x9bI*Jt:\x95\x0c\x9f\xd14^\xae\x8e\xb6y\xbey\xeft\x1a\xc7\x91\xbch_\xdb\xc2O=\xc1\xe6\xa3\xf6\x95\xef\xb4\n\xf4\x01\xb8\xb8I\xc2\x8c\x1d\x95\xeb\xf4\xff\xc4\xb6L\x9f u\xec6\xe5\xd1\xf1\x7f\xe9\xe6+\xe36\xa4\x99{\xb4\x12R=\xf7\x0c\x87\xaf\xbem[\xf8\xe1\x07\xb2\x968R\x8d\xb6\n\x8c\xa8P(";B\xb9G\xca\x10\xde\xfd1\xbe\x932Y\xe1\xfe\x8eSNx\xd3,\x80r\x1dVxwa\xd8\x90\x0f\xb4U\xc4\x10HVKK\x93O\xdc-T\xb4&lt;\xf8UI\x94\x9f_\xc3\x04\x00/\x14Q\x02\x8a\xf4!\x91\xf5\x10q\xd9\xb1\xdf,\xf3\xa6\xba\xfc\xda\xbem\x88(\xdb\x8d\xf6\x0cu\xb1\x05\nM\x0e\xe7\xcd\xd6U\xb3\xaa\xdd\xb6\x99\xf5C\xfb\xd0\xcbb$BW\xe4Fd\xd6\xcbn\x17\xba\x11\xb1\xc3\x94\x13\xf5\x07\xed0\x9d\x89\x05\xc0\xbaV\xdb\x17\xa5P(\xa2\x0e\x88X\xb8\x89\xa6\xf3&lt;r\xed\xd7\xdc\xd9\xd6\xe3\x0f\x03\x00\'\x9fTo\xe06\x17\x15X-\t\xda\xca8\xf8\x9e1\xeb\xbf\x05(&gt;\x7f\xffK/\xae]v\xfc\xf7\xe9;\x1eg(?\xc2\xe7\xad\xf2\x8ex\xb9:\xb0\x1f\xcd\x83\x9f\xfe\xd1\xe30\xed\xc4\x83\xd6\xb8\xfe\xec\xcf\xa6g\xad:\xd6\xe1\x10\x1b^\xe3\x87g\x92\xaa\xd5\x18\xbf\x02\t*lg\x88\x0e\x00`^\xae\xcf\xaf\x07\x9aDI\x88k\xc2\xc9\xc7\xecC\xd0\xc2se\xac8\xb2R\xd7\xb5\xe6\xcc\x88\x98\xacpos\xf0\x89\x98Y[3\x9fx\x83\x00\xeb\x07\xb8\xf4\xe8\xaf\x16g\x15\nE\xa4\xa3\x88y\xe7/\x9f\xa6\xdah\xe8\x1d\xdei\x19\x02\xd9k\xe5\xc5\x8a\xa2\xfa\x98\xe6\x8e5{\xbb\x8c\xc4\x9e\xa8\x8a\xbb\xfc\x00\x00\x90\xbb\xf6\x14\x08\xa8\r\x90\x80\xeb\xdd&gt;\xfd\xdaf\xb4`\xad~|2\xb4X[\xff:\xac\x82\xdd\x957\xaf\xd3^yM\xbe\xca\xe8.\x9b\xe6\x8f\x0c\xac\xd25\x9b\xee\xb2L\x00\x80$\x85z\xdag\xd2\x88E,\x01-*"\x0f\xb0\xc7\x9c\x0bfuh\x12\x8f!f\xd66\xa6\xcb\xd9\x9fb\xdcz\x03\xb7\x01\xa4\xe6\xaeE\xc4%G~1\xaa\x82\x08\x90=\x84q\x9b\xeeY_\x08\x00-F\x1f\xb0\xb8\xaf|\xf5\xa6IDH\xc0l\xf3\xa5P("7l_`\xee^\x11\x11\x92\xd7\x06\x80\x1d_\xd0\xc4 s!\xdc\x9a\xa1\xdb\x0ez\xea\xb6G\xb6=W\xdc\x9c\x1dd\xa7V\x9c|\x07\x00\x90\xbe\xa9mE\xa7\x9f\xd84,}9\xb1\x00\xf5\xdc\xbd\xcf\xeb\xf43ny\x9a\xd4:?\x00\xc6@L\x00\x00\x10\x9d~\x83N\xb6NE\x146\x0e\xb4\xda\xec9N\x8e\xf6\xde\x0f\xc0T\x9fY;\xb0\xf0\xba\xd1^\x17\xf4Z\xb2\n\xb2$\xaaB\x1a\xd0c\xce\x05\xdb{\xccZu\xac9\xf1\xec3l7\xf1(k*\xe8!ymD\x9c\xbf\xff\xa5\x9d?X\x0cc\xa5\xf9\x00 {\xf5\t\x9c\x97\xb6q(\x95\xee(\xb3?K\xbb;*$IW(\x14\x91\x10\x12\xdd\xdd\xb6K\xfdN\xcf`\x8c\x9c\xa3\xc1]n-U\xcf\xb1\xf5\x86\x973*\x82_\xfe\xae\xa1\x9b\x92\xda\xf8\x029\xf7|\x9d\xb1\xf3\xc9\xac\xddO\xb9D\x9fL\x97\xd9B&gt;\xfb-\xcc\x97v\xad\x07ZQ\xbao\x82F\x1c\xbc\xe7\xe8\xd6^K\x1a\xf6\x8d\x1e\x19\xa2\xdf\xc2kZR\x8cRL\xf8B\x03\x16\xdf\x8b\xdb7\x0c\x929Z\xa6\x16\x88\xc8\xbc\xa7\xba\xa3j\xf7\r\xb2\x86\xf5[t\x8dK\t\x87\xdf\x80B\xa1\x08\'|2H\xf8\xb6\xe4&lt;u\xa6:\xb6E\xe2#\xd8\xbcC\xccWO,uI!a\xe3\xf4\x18\xc0\t\xc9\xae!\xc40\xd8\xc2T\xed\xb1\x81\xae\xc7:k\t\x8bg{;\xb0\xb8\xbd4\x07\xad\xc2\xd8\xdbf.\xd3n99\xa2K\xc1$g\xbf\x85W\x03\x8a\xf6\x91\x14V\x14\x00\x1a\r\xddm[\x97$\xb1\x98\xed\x00lL\x88\x06\x90\x81\x8dA\x14Xb\x00$\xaa\xcagf#K\xda1e\xeb\x0f\xce3S\xa8\x06\x16\xbf\x84c\x04\x11\xc7\x7ft\x1f\xd27\xa9dt"b3l\xfb\\\xfc\x8d\'\xc8\xd3\xf9\xc6\xef\xe4TN\xf3UV\xbf\x13j\xb8g\x07\xfd\xc6I\x99F%N\x85B\x11\xd5(h\xe88\x12V\xdet\x99\xf9\x18\xad\x84\xfb\xe1\'\x16\x9dV\xe6\xac9\xb1\xd3\xb4S\xed&amp;\x1d[{\xee\x1f\xa7W3\x16\xa1]f\x9c\xb1\xcdn\x8e\xbf\x94\xa9\xd2(\xbb\x8b\x82\xf5\x03c\x84\xda\x18\xa5 \x9e.5\x9c\xb19\'\x9fD`6\x83Cd\xa5W\xee\xba\xce\x94fZ9\x8cg\xd04&gt;\xfd\x04\x01\x12\x9a\x8b\xea6\xf3\xac\xb1\xaf\x8f\x1e\xe4\xc0\x04\xec=\xfd\xcaDA\x94\xdb\x8b\xe2\x0c2\xdfrf0lF\xa42e\x0b\xf2|NZ\x93/(A\xa5\xb0{\x9fc\x99\xbb\xf7\xb9L\x14\x8c8\n7\x1e\xb6[(\x17c\xdd\xbc^s/\xed\xfb\x16\x01\xd23i\xbc\xb8\xb4\xb7\xa4\x81tMn\xfc&amp;xK T\xed\xb1!4N\xcc\n\x85"RBFG\xe1+\xbc\x7f\x81\x1e2\xa5\x05\xc23\x83\xca\xae#2W\x1e\xb3\xec\xf8\xefNr\xd6\xe9\xf7\x89\x17\x1b\x99\x15\xbb\xac\xf1/\xd8\xc3Y^\x9b\x10\xf1N\xf0/\xd0C\xb4\x17k\xc3]\xd3\x1d\r_}\xfb\x99WC\xd7\xc3\xb0\x19\xf0\x8c\xf3`\x91\x91]\xac\xd2\x82D\x9d\xf9\xfb_\xdaEx\xcc\x00\x90\xc42\x83\xb6\xb2=i\xcb\xf7\xe4 F\x96\xd6%Zk\xc1\xea_sw\x9d\xa1\x99+\xbb\xbc\x04y:s)\xdao,ym\xe7\x85P\xc8\x9d.9\xf2\xcb\xc1\xfb\x82\xef\x82\x94</t>
        </is>
      </c>
      <c r="E506" t="inlineStr">
        <is>
          <t>&lt;class 'numpy.ndarray'&gt;</t>
        </is>
      </c>
    </row>
    <row r="507">
      <c r="A507" s="1" t="n">
        <v>505</v>
      </c>
      <c r="B507" t="inlineStr">
        <is>
          <t>steps_per_sec</t>
        </is>
      </c>
      <c r="C507" t="n">
        <v>7300</v>
      </c>
      <c r="D507" t="inlineStr">
        <is>
          <t>5.3220735</t>
        </is>
      </c>
      <c r="E507" t="inlineStr">
        <is>
          <t>&lt;class 'numpy.ndarray'&gt;</t>
        </is>
      </c>
    </row>
    <row r="508">
      <c r="A508" s="1" t="n">
        <v>506</v>
      </c>
      <c r="B508" t="inlineStr">
        <is>
          <t>Loss/localization_loss</t>
        </is>
      </c>
      <c r="C508" t="n">
        <v>7300</v>
      </c>
      <c r="D508" t="inlineStr">
        <is>
          <t>0.005226229</t>
        </is>
      </c>
      <c r="E508" t="inlineStr">
        <is>
          <t>&lt;class 'numpy.ndarray'&gt;</t>
        </is>
      </c>
    </row>
    <row r="509">
      <c r="A509" s="1" t="n">
        <v>507</v>
      </c>
      <c r="B509" t="inlineStr">
        <is>
          <t>Loss/classification_loss</t>
        </is>
      </c>
      <c r="C509" t="n">
        <v>7300</v>
      </c>
      <c r="D509" t="inlineStr">
        <is>
          <t>0.20196544</t>
        </is>
      </c>
      <c r="E509" t="inlineStr">
        <is>
          <t>&lt;class 'numpy.ndarray'&gt;</t>
        </is>
      </c>
    </row>
    <row r="510">
      <c r="A510" s="1" t="n">
        <v>508</v>
      </c>
      <c r="B510" t="inlineStr">
        <is>
          <t>Loss/regularization_loss</t>
        </is>
      </c>
      <c r="C510" t="n">
        <v>7300</v>
      </c>
      <c r="D510" t="inlineStr">
        <is>
          <t>0.03795755</t>
        </is>
      </c>
      <c r="E510" t="inlineStr">
        <is>
          <t>&lt;class 'numpy.ndarray'&gt;</t>
        </is>
      </c>
    </row>
    <row r="511">
      <c r="A511" s="1" t="n">
        <v>509</v>
      </c>
      <c r="B511" t="inlineStr">
        <is>
          <t>Loss/total_loss</t>
        </is>
      </c>
      <c r="C511" t="n">
        <v>7300</v>
      </c>
      <c r="D511" t="inlineStr">
        <is>
          <t>0.24514921</t>
        </is>
      </c>
      <c r="E511" t="inlineStr">
        <is>
          <t>&lt;class 'numpy.ndarray'&gt;</t>
        </is>
      </c>
    </row>
    <row r="512">
      <c r="A512" s="1" t="n">
        <v>510</v>
      </c>
      <c r="B512" t="inlineStr">
        <is>
          <t>learning_rate</t>
        </is>
      </c>
      <c r="C512" t="n">
        <v>7300</v>
      </c>
      <c r="D512" t="inlineStr">
        <is>
          <t>0.07994863</t>
        </is>
      </c>
      <c r="E512" t="inlineStr">
        <is>
          <t>&lt;class 'numpy.ndarray'&gt;</t>
        </is>
      </c>
    </row>
    <row r="513">
      <c r="A513" s="1" t="n">
        <v>511</v>
      </c>
      <c r="B513" t="inlineStr">
        <is>
          <t>train_input_images</t>
        </is>
      </c>
      <c r="C513" t="n">
        <v>7300</v>
      </c>
      <c r="D513" t="inlineStr">
        <is>
          <t>[b'640' b'640'
 b'\x89PNG\r\n\x1a\n\x00\x00\x00\rIHDR\x00\x00\x02\x80\x00\x00\x02\x80\x08\x02\x00\x00\x00\x83\xaf^t\x00\x00\x1d\xe7IDATx\x9c\xed\xddw\xfc^\xd3\xfd\x00\xf0\x8f\x0c\x89\x90H$\x84\x10\x92\x08\xb1\x82$b\xaf\x88\x84\x10\xab\x89-\x1a\xc4J\x88\n-\xb5w\xec=~\x88\x10\xa5V\xab:\xd4\xa8U#Z5\xdaR\xabV\xabU\xbb\xa8\xa2\xaa\xce\xef\x8f\xfb&lt;\xf7{\x9f\xf5\xcd7;}\xf5\xfd\xfe\xc3s\xee\xb9\xe7\x9c{\xbe\xfe\xf9\xe4\xdc{F\\~\xef\'Q\xe9\xd3\x94""\xa5\x94]\xf6\xdfar~\x99g\xa6\x94\xf2tv\xb9P\x9f=c\xd9\xd1UM\xa5\x94\xb6\x1a\x7f}^q\xe2\xc5O\xfc\xe4\x85\x143i\xa1&gt;{Vf\xac\xdc\xa0`\xd7\x99m\x19\x00\xe6\xa7\xd5F\x9e\x1e\x11G]\xfdl9c\xd0z\xbb_TUf\x87I\xb7n8\xe6\xb2\x88Xn\x93\xef\x0c\x197%\xcb,\xc7\xe0\xa5\x07\x8c:\'""\xd6\x1b{\xea/\x16\xeb\x7f\xc0\xb9w\xbc}\xdbo\x1b\x05\xdaUg\xb6{\xc5H?S\xfa\x8d8y\xd6*\x02\xc0\xbcs\xf9\xbd\x9f\xcc\xcc r\xbd\x06\xf9\xad\xeb\xe6\x9e{\xc7\xdb-\x8c\xa3}\x87\x9d0\xcb\x11\xb7\xd2\xfas\xa2\x11\x00\x98\xcb\xa6&gt;\xf2\xef\x88\x88\xe8_\xcc,\xc6\xc2c\xa6&gt;\xdfe\xd0\x84\xaaZ-\x0b\x96\x03\x8a\x17C\x0f\x98\xdaL\xd1\xba\r\xf6\x1bqJ\x0b\x9e\x02\x00\xffm\xaa&gt;\xf1\xce\xa6\xfe;\x9c9\x13\xa5{\xed^\x9bw\xda\xcdo4We\xf9]g\xaeC\x00\xb0\xc0\xe9:2\x1a\x84\xde\xad\xc7\x7f\xaf2\xa3GD\xdf9\xfa\xec.y*\xff\x17@\xd5\xf4\xae\t\x17&lt;\xde\xa8{\x00\xf0_\xec\x9a_\xfe+""V&lt;\xfb\xf6\xb7\xa22\xd4m\xba\xcf\x95\x11\x11\xb1h9#\x9f~\xdc\xe8\x03p\xadU"\xba\xcf\xb0P\x1et+\xa3o\xb7\x16\xb4\xbfL\x8b{\x02\x00\x0b\x98U\xb6i\xf6\x0bk\xe7\x11\xb5y\xd94\xe9%\xd7;\xac^\x85\xfe\xf52g \x8b\xbb7&gt;\x91\x1ezk\xf6\x07\xbb\xdd#\x96\x8b\x88\x9e\x9b\x1e5\xdbM\x01\xc0\x02\xa7g\xbbU\xf6\x99SM]|\xd7\x87\xf9\xf0\xf7\xf8i/e\x99\xcdV\xe9\x91\x8f\xc8\xc7\x9ez_\xcdZ\xe1x\xfe\xab\x19\x04r\xaf\xb5\x01\x98\xff\x1a\x8ce3\xcd\x07\xc29\xec\x84\xeb_.\xa5Zm8/\x9f\x0b\x00\xf3V\xd7\x91\xb3S\xbb\xd7\x90c\xe6TGj}4\xa3A\xeae5\xdbxU9a\xda\xcb\x8dn\x1dq\xf9\xd3\xb3\xd2\'\x00\x98#\xea\xbd\x89]s&gt;\xf4\x03\x00\xfe\xd7\xac\xb3\xcb\x05\xd1f\x93b\xce\xec|\x1f\xed;\xfc\xc4\xd9\xee\xd1,:\xee\xda\x17ZV\xb0W\xc4\x12s\xb5\'\x00\xd0Rk\xedtV\xcb\x0bwZ\xeb\xa09\xf3\xd46\x1b\xd7d-&lt;gZ\xaeo\xdd&lt;\xb5\xfe\x9e\x97\xcc\xcd\x07\x01\xc0\x8c-_7w\x83Y\x0cQ5\xab\x84[&lt;\x9dj\x89u\x0em|\xb3c\xcb{0p\xf4y\x11\x11K\xed\xd0\xe0\xfeR\xb1\xd8\xb0\xe3\xae{\xb1\xe5\r\x02\xc0\xdc\xb6J\xd5\xf5\x92\xeb63A\xbaBv\xaaR\xd1.\xdf\xfdqDDt\x98\xddN\x95\xf5\xdcl6\x97\xf6v\n\x0b\x90\x00X@\x1c;\xf5\x85BL\xeaT{\xacoc\x1d\xee}\xbd)\x98M\xbc\xf8\x89,\xb1\xf2\xd6\'\xcdB7Z\xad\xb8W\xde\xec,ToV\x8f9\xdd \x00\xcc!\xdd78&lt;K|U1@\xec\x93\xa7RJ\xb1\xec\xe8\x88\x15\x8b\xb5\xbe\xce\n/\xb2EM{M\x1bI^\xf5\xc0g\x11\xf1\xdc\x97\xcd\x8f;\x07F\xc4\xd2\x1bL\xaa\xbd\xf1\xf8\x07sx\xc0z\xc0Y\xbf\x9c\xb3\r\x02\xc0,\xe8\xb5\xd1\x98\xcb[\\x\xeda\x07]\x97_\xa4\x94\xa6M\xff:""\xbaW\xbf\xd7m\xbbI\xa37\xbd\xfdF\x9c\x9cWo\xc9#\xb79\xf4\xc6\x19\x15Y&lt;"b\xd1-[\xd2ZD\xcc\xcc^\xd6\x0007\xad\xb1\xfd\x19y:\xa54\xf1\xa2_W\xde_.\xfb9\xe2\x8ag""b\xb1\x06S\x88\xd7\xca~\xeez%E\xc4\xf2\x9b\x1d]u{\xd5mOky\x97\xba\xaf\x7fxDD\x8fQ\x11\xdd"z\xd5-\x93R:\xe7G\x7f+_5}\xbd\xdez\xc2\xf7\xe6\xf1\x06^\x000s\x9e\xfa$]|\xd7\xdf\x0b\x19\x8bD\xc4\xcdO\xd6\x1d\x9bv\xad\xcd\xda\xfb\xe4{j3\xeb\xbeI\x9e\x1d\x8d\xc6\xca\xc5/\xd0\x00\xf0\xbfb\x85!\xdf\xcd\x12\x9d\x07\x8e\xdfj\xfc\xf5\x8d\x8a=\xf3\xcf\x14\x11GOy\xaep\xb2a\x85\x7fW\xc6\xd7\x91\x87\xdd\xd4\xfcs\x07\xefzA\x96\xf8&lt;\xa5\xd3n~c\xc3\xbd.\xcboe\xa1:\x9b,\x9d\xa5?/7~\xcc\xd4\xe7+Zi\xb7y\xf3O\x01\x80\xb9i\xd9Q\xe5T\xef\xe6\x0b.\xdco\xec\x80Q\xe7FD\xc75\x0f\xac\xbd\x9bR\x1a\xba\xff5\x95yu\xc3m\xa7\x88\x88X#\x1bj\x8f\xfa\xf6\xed3\xec\xe0\x86c.\xab\xcd\xdc\xf9\xe8;\xean\x06\x92\x05\xdd\xce\x03\xc6G\xacV\xcc\x7f\xa5\x14\x86g|81\x00\xcc;O~\x9c"\xe2\xa4\x1b^\xc9.?h8=\xaau\xcc\xc6:\xdaC.\xfcU\x9e\xfe\xf6\x95\xbf\x9b|\xdb\x9b\xc5\xbb\xe5\xc9Y\xab\xb6\xb0\xb5\x17\xbfN\x11\x8bE\xc4\xa0\x9d\xcf\x8f\x88-\x0f\xb86\xbf\xb5\xeen\x17\xcdZ\x0f\x01`\x1ey\xfc\xfd:\xd1\xb4v\x97\xa8-\xc6]S[,\xb7\x7fya\xcfr\x9b|\xa7\xf6n\x1e\xb0K\x89\xde{D\xef=\x9ai\xadE\x01\xbe\xcd&amp;Y\x94\x1d\x7f\xde\xf4\'&gt;*\x95\xff\xbf\xfb\xff\x19\x11W&gt;\xf0Y3K\x99{l|dJ):\x0e\x9f\xf1#\x00`\x01T\xde\xe5*\xfeV\x19/\xa7&lt;\xf4E\xb7u\'FDt\x18Z\xcc\xff\xc5\x9f\xea\x85\xd5\x9e\xbbT\xe7\xb4\xdb&lt;Z\x16\x83w&lt;\xe2\xb6r\xb1\xd6\x11\x11m7\xad[l\xea\xc3_\xd6\xe4\xad\xbe\xd4\xfa\x87\xcf\xb0}\x00\x98\xbb\xae\xbc\xff\x9f\x8do\xb6-^\xdc\xf9r\x8a\x88\x0e\xab\x8f\xab(\xb2\xc2\xae\xa5Da;\x8e\x94R\xa3 z\xf0\xb9\x8fED\xbd\xbd\x9d\xdb\xef7\xf9\xc1\xe2\xf5\x86{]\x1a\x11=6:2/&lt;r\xe2Mkl\x7fF\xb7\xc1\x13\x8b\xc5\x8a\x0fZd\xb5\xfdj\x9f\xfb\xc8\xdb\xc5\x9c\xf6u{\x05\x00\xf3E\xd5\x16\xd0K\xcdl\xfd,\xec\x9d\xf9\x83\xbfT\xe5\xcc\xaarx^b\xdb\xda\x9d)\x1b\xb5|\xe1\xcf\xde\xbf\xe5\xe9\xaa[\x8b\xe7\xa9c\xaf}!\x96/\x0c\xb8\xbbl3\x1b\xdd\x03\x80\xd9\x96\xc5\xb3\xec\xbf\xab\x8d&lt;-\x9f\x0e\xddy\xc0\xf8,\xd1w\xf8\x89\xb1\xd8\xb0f\xea\xfe\xf0\xf7i\xc7#n+\xe6\x14}V/^\xf6\xdfa\xf2,tu\xe8\xfeSO\x98\xf6R\xe9\xa2\xe7\xce\xc5[\x97\xdc\xfdQ\xdd\xa7\xe7\x8a\x9b\x8dDDD\xe7Y\xe8\x00\x00\xcc\x19=\xcb\xfbU\x8d8\xe4\x86\xfb\n\x9fi\xb7?\xfc\x96\xd3o\xf9S\x9d\n\xcb|#[\x8cTa\xe1\xd2\xf7\xd7\xa3\xae~6\xcf\xfb\xc3\x97)\x0b\x8a5\x8a\x1bzd\x9bg-\xd3\xb0o\x15\xbbL\xd7961\xa5\xb4\xfav\x85\xc8\xba\xc4\xb6u\x9b\xca\x03\xf3Ew~P\xb7\x00\x00\xcc{KF\x0c*^\xe7\xe1\xaa\xe7\xa6u\x8e\xff;\xe3\xd6?\x97N\xb6\xef\xb5{3\x8d\xbe\x94\xd2\x9b)E\xc4Y?\xfcks\x0f\xef:\xb2nv\xf6\xbd\xb9\xae\x15\x86\x1c\x13\x11\x11]f\xeat\xc2\x94R,\xbdS8\x8e\x10\x80\x05\xc6\x12\xc5\x8b\xcd\xf7\xbb\xbaj\x86\xd4\xe4\xdb\xde\xcc\xf6\xcd\xc86ynF\xb6\x9e8w\xf3S\xd5\xe5g\xb8B\xf7\x85\xff\xa4\xa3\xa7&lt;\x17\x11\x13\xce\x9f\x9eg\xbe_\n\x99m\xdf,\xbc-\xaf+\xa5\xb4\xccFG\x14s\xba\x0e\x9e\x18\xe5\xa9\xda\xe3\n\x93\xbc\x84a\x00\x16\x147&gt;Q\n~5V\xac\xbc\\\xae~\xfdz\x9b;&gt;\xffU\x16\xe7\xba\xfc\xfe\x8bt\xe09\x8f\xe4\xf9\x95\xf1\xaf\xce&amp;\\y\x81\xab\x1f\xfa|\xb5\x91\x15\xa78l\xb0\xe7\xa5)\xa5\x88\xa5\xab\xaaL}\xe4\xdf\xf5;\xd6\xb4\x13\x16\x00,\x18\x8a3\xb0\xf2\x9d\xb0""\xa2K\xb1\xd8&amp;\xdf\xbc"K\xac\xbfG\xdds\x90\x9a\x9a*\xbd\x9d\xae\x7f\xab\xa5n\x7f6}\xd4l\x95\xac\xc1a\x07\x96v\xbfz\xad\xb0\xd7\xc7!\x17&lt;\xde8\xbawZ|\xc0\xc13\xd5\x13\x00\x98+RJ7\xfc\xba)\\\x1du\xd5\xb3\xc5[\x15E\xdblRU\xf7\x89\xbfW\xc5\xc8\xea\xd0\xbb\xd9&gt;Wf\x89\x8d\xf7\xbe\xe2\xbc\x9f\xbc;d\xbf)\xc5\xbb\xdf\xbd\xe6\x0f\x11Q&gt;7p\x8d\x88x\xb3\xf0\xc4\xfc\xe9?{\xa9:\x12\xa7\x94\xb2\xf2\x11\xf1\xdc\x97u\xe2tJi\xe9\r\'\x95K\xaeS\xbc\xd5m\xf0\xc4\x1e\x1b\x1f\x19\x9d\xec\x84\x05\xc0|\x95R\x8aX6"b\x91!\xe7\xfd\xf8\x9d\xa8\x8c\xbb\xc3\x0e\xba\xae\xb9\xca\xcbU\xee\xf8\xd8j\xa3\x0b\x7f\xf6~\xf9b`\xe1F\xbf?\xfc\xbb\x18&amp;\x17n\xd4\xdee\xf7|\x9c%\x86\x1f&lt;-"\xf6=\xfd\x81\x88\xf8M\xf1\xbbr\xed\x1e\x96\x85\x9d\xb3\xaa\xfe\xc5\x90Rj\xb3\xd2\xde\x11\x11\xd1?\xcf\\s\xc73K\xa9\xe5w\r\x00\x98_\xeey=E\xf4\xcbv\xb3\xaayQ\\1\xa2}\xe6\xd3\xc2\xdd\xf2\x1a\xdc\x95\xb6:\xf1\xe8\xab\x9f{\xf6_\xd9\xadVO~R\x7f\x03\xac\xaa\xccEV\xdb\xaf\x99.]\xf7\xd8\x7f\xb2\xc4\x0e\x93nm\xd0\xd4r\x11\xa5\x15G\x8b\xac\xbe\xdfB}\xf6l\xd4\xd4\xe8\xa3\xeehp\xa7CD\x9ff\xfa\x00\x00\xf3HJ\xe9\xb5\x94"\xd6\x8e\x88\xfd\xcf|(\xca\xc7\x13\xfd\xf2\xadR\xec\xbc\xe2\x17\xff\xa8\xaa\xd2w\xd8\tY\xa2r\x80\x9b\xeb5\xe9\xb2\xa7\xaaObhYO\xb6&lt;\xf0\xda\xa8\xb7\x9fev\xb9\xcd\xa17\x16/\x8b\xc5\xccm\x06\xe0\xbfC9z\xb5N)m\xb0\xe7\xa5Y\xe6\xf7\x1e\x9f\xf1\x04\xa8bb\xc4!7DDt\xdf\xb1\xa9\xd0\xa2[f\xbf\xbf.\x7f\'\xee\xb3\xe5q\xf9\xcd\xf6\xab\xee[5-\xb9\xcb\xa0\tY"{\xf9\x9c\xe9\xbeA\xfd#\x13\xfa\x8d8\xa5\x99\xee\x15,\x1d\x11\xd1z\xa3\xea\xecE\xb6\x88\x88\x99ZC\x0c\x00s\xd8\xb1\xd7\xbe\xb0\xd2V\'FD~B_J)\xbam\xf7Y\xd3\xb0\xb2]\xed\x82\x9f\x87\xdfNKo0i\xe4a7E\xc4\xd2\x1bL*\xdcY\xb1\xa9\x91L\xd7\xfa[SE\xb4\xaa.Yi\xf4Q?jP\xb1GD4\xda&lt;\xab\x05\xdaD\x8fQ\xd1~Ht\xdbnV[\x00\x809!\xa5\x94\x9fh\xb4\xe7\t?\x8f\xeaw\xbf\x8b\x0e\x18uNDt\x1b&lt;q\xd4w\xb2\xa0X\xbdlw\xa1&gt;{f\xcb\x93\xb2\tS\x85\xba\xd9Y\x08\xa5u\xc3\xc5\x93\x01\x1b/gZ\xbcA~DD\x97A\x13\xb2\x99b\x05ko=\xfe{\xe5\x0e\xb7\xbd\xea\xc1\xcf\xeb\xfe\x81Y\x97\xc6\x9ct\xf7F{_\x1e\x11\x11+?\xfd\xa9\x97\xd5\x00\xcc?\x85`\xd9\xea\xa9O\xd2E?\xff\xb0j[\xca\xa8\xfa\xfa\xdb\xbbf\xfb\xc9n\xdb\xe5\x1fe\xb7\x9d\xf8\xfd\xe2\x9dly\xee\xd9\xb7\xbf\x15\x11\x0f\xbdU\x0cx\x83c\x85\xddj:P\xb7W\r\xad4\xfc\xc4\x94\xd2w\xae\xfc]m\xddr\xf5\xfeU\xf9\x11M\x87 \xf9Z\x0c\xc0\xfcV\xb5Cr\xf1\xcc\xbe\x88(\xeffU5%j\xd0\xce\xe7\xff\xe8\xb9F1\xac\xfb\xc97\xbeZ\xbc&gt;\xfb\xf6\xb7\x1a\xcd:\xfeS\xe3\x00\xfc\xd4\'\x15\xcfM)=\xf9qj\xddwL\xf5G\xe86\x9bt\\\xeb\xc0\xda\xea\x11\x91/\x17\x8e\x88\xc5\xfa\x1f\xd0\xa0\xb7\x000?\xd4?\xf5\xa8\x10\xc6\xb2u&gt;\xc3\x0f\x9a\x16\x11\xfdw\x98\x9cR\x8a\xe8\x15\x95\x83\xc8uv\xb9 "b\xd9Q\xc5\xba5G\x0fU\x9f\xec[\xa3z\xf0]\xd2v\xd3\xd3o\xf9S\xc4*\x07\x9d\xfb\xe8\x8c&amp;&lt;g\xc7+\xc5\x94\x87\xbeHeU\x85k\xf6\x0f\x01\x80\xf9e\xd1-_\xfc\xba:,\x1dq\xc535\xe5\x06\xd5]\x17T\xe5\xc4\xef\xfd1O\x8f\x9b\xfc`\x16\x05\x07\xefz\xe1\xcb\x95\x85{\x0f=\xb6\xb2\x91\xfe\x83v9\xbf\xaa\xa9&lt;|\x1et\xee\xa3\x111\xe1\xfc\xe9\x1b\xeeui\xdd\xbf`\xe0\xce\xe7U\xe5\xdc\xfdj\xe9q\xef\xa6T\xb3\x9d5\x00,\x00\xb2c\x8e\xca\x81\xb0\xebC\x7f\x9da\x94]&gt;\xfa\xec\x91mNYuw\xda\xf4l\x1b\x8du\xf2\xfc\x03\xcf~d\xe1~cSJ\xd1eD^\xec\xd6gR\xc4zy\xfb)\xa5\xc7\xdeM\x11\xb1\xf1\xdeWD\xc4\x97\x85\x91\xeb\xc2\xfd\xc6f\xc5\xd6\xdd\xed\xc2\xa6\xfe4{\x12b\xb1K)\xa5\x87\xdf.].\xb1\xce!\x97\xdc\xf5\xf7\x88\x98\x8dI\xd4\x000\'l{h\xc5\xb4\xa9\xd1G\xddQ\x1cJ\xae\xb2\xcd)\xa5\xd8Y\x88j+l\xfe\xdd\x9af\xd6\x8ce\x9b\xb6\xa5\\\xb8\xdf\xd8|\xaeS\xc4\xe0\xa6\xba\xddw\x8cN[\xa5\x94v\x9ct[J\xe9\x94\xef\xbfV\xbe\xb5fVt\x87I\xb7\x96\x9fR&lt;\nb\x95r\xa2\xf4\x82\xba*\xbe\x16\xfb1\xea\xdb\xb7\x17/\xbb\x0e&gt;\xb4n13\xb0\x00\x98\xef*\xde*g\x073\xb4]\xf9\x9b\x11\x11\xd1:"\xf2\xd3\x82\xf30\xdcq\xcd\x03\xb3m s=7m\xd1\xa6\x16\xd9\x1a\xa7\xac\x91\xbb_m\xfa@\x9b}Q\x8e\x88\x88E\xb3\x9f\xb5v:+"\n#\xe6\x8a\x85\xc8\xa5\xfd\x9c[\xe5;l\x94\xa2\xf5*\xdb\x9c\x12\x11\xabowz^\xf2\xfc\x9f\xbe\x97\xa7?\x14t\x01X\x90\xb4\xa9\x19\x0e.\x99R\x8a\xe8\x1d\xd1a\xb3}\xaf\xaa*\x9dRj\xbf\xea\xbe\xb7&gt;\x93RJ\x1f7\x8d\x8c+\xceW8\xec\x92\xdf\x94\x93=\xab\x9f\xd6ah\xf6\xbb\xcd!7F\xc4\xae\xc7\xfc\xa4|c\xb5,\x1ew\x198!"V\xdf\xee\x8cF\xdd\xcd\xa6FG\xc4~g&lt;x\xf3S3\xda\x81\xb2\xf3\x88\xba\xd9\x03GW\x7f0\x06\x80y\xaa\xcb\xc0\t)\xa5\x88\x85\xa2)\x1cf[MUn9\xb9\xd4\xf6\xc5Z\xc5\xf9Y\xe3&amp;?\x14u\xf6m\xce\x16\x1d5M{N)\xfd\xf6\xb3\x14Q\xe7D\xa3\xdb~\x9b\xeez5\xad\xb1}\x9d\xa0\x9b\xb7\xd9\xba\xef\x98\xba\xf9\x11\x11\xd1q\xdf\xd3\xef\xcfw\xf2\xca\x9f\xde\xba\xef\x98|\xa4~\xd3o\x0c\x7f\x01X\x90l\x7f\xf8-Yb\xdb\x89\xdf\x8f\x18\x90\xa5\xb3w\xb9\x15o\xa7{\xed\x1e\xd1.\x7fW\x9c\x9d\xec[\x0c\xba\x9f\xd6\x8cA\xdf-\xe5\x0c\xda\xfb\xe4{\xb2\x9cC/\xfcUU\x99Ts^oIy\xa0\xdc`h\xbbvM\xbc\x8f\x87\xff\x96~\xfe\xc7\xa6\xe5\xbf\xff)\xdc\xcd\xf7\t\x89\x88\x0e\xab\x8f\xab\xd7 \x00\xcc[Y$;\xe9\x86W\x0e&gt;\xf7\xd1\xec=p\x94\xc3\xde\xd8\xd3\xeek*\xd7ix\x14\xc3a\x8fQ\xf9\x9d\x97\x1b\xbc\xfe-6u\xdcu/f\x99\x8f\xbc\x93"\xe2\xf8i/\xe5\xc5\xde+Uo\x9f]\x0e*L\x01\xfb\xe9\x8b\x15\x93\xadN\xb8\xfe\xe5\xfc]w\xdexqG\xc9,\xb3&lt;\xcf\xb9\x94s\xeaM\xafg\xe9I\x97?\xfd\xdc\xbf\x8c\x83\x01X0\x0c;\xe8\xba(\x87\xbaS\xbe\xffZ\x1eb;\x0f\x1c\x1f\x11\xd9\xe9\x84\xbd\x87\x1eW\xb7n~po]k\xeexf\xc4\n\xd9\xd7\xe2\xb3n\x7f+\x1fjG\xbd\x93\x88^\xf8O\x8a\x88s\xefx;"\xa2\xddfY\xe6G\x95\xa1}\xec\xa9\xf7Et\xffcJ\x13.x&lt;"zl|d\xf1n\xa9n\xb4\x9ex\xd1\xaf\xf3\xbf\xa2\xdf\x88SV\xda\xea\xc4\xa57\x9c\x14\x11)\xa5\xc3/}2L\x81\x06`\xc1\xd0+jV\x16\xdd\xfbz\xf6\x82\xb7sm\xe9q\x93\x1f\x8c\xfc\xfc\xc1\xcc\xb2\xa3#\x96\x88X\xfe\xb5b`\xeb4\xbc\xa6jf\xe1\xea\x8c%\xb7_~\xb3\xa3[\xd2\xd1\xc1\xbb^x\xe5\x03\x9f\x8d.\x1d\x08\x11\xadV\xdc\xf3\xcf\x85A\xf6\xa97\xbf\xf1Zed]c\xfb3RJ\x11\x1d\x86\xee?5\xba\x8d\x8c\x88)\xbf\xfcW\x08\xc0\x00,P\xba\x0c\x9c\x10\xb1\xf0\xed\xcf\xa6\x88\xd5\x8a[(\xe7o\x8f\x8b\xd3\xa0jc\xd8\xca[\x9f\\\xb8Z)"\xfeU*\xd3*"\xfa\x0e?q\x8b\xfd\xaf\x89\x8e\xc3^-L\xec:\xed\xe67\xf2\n\xa5\xf9Y\xcdZw\xb7\x8b.\xbc\xf3\x83qg&gt;\xb4\xc5\xb8)+o}R\xd5\xdd\xaa\xaf\xc2\xe5\xb3\x8d+7\xdc\xe8:\xb2n\xe7\x01`^{\xf2\xe3\x14\x11}\x86\x1eW;\xad\xa9\xef\xf0\x13K\x9bU\x15\xbe\xf8f\xaey\xf8\xcb\t\xe7O/\xe6\x14\xeb\xae\xba\xed\xa9y\xd8\xee&lt; {\x95\x1d\x17\x97?\xcd\xf6\x1arL\xb1JM8\xac&gt;{\xb8U\xdf\xbd\xb2b\xd9\xb0\xfb\xec\xdb\xdf\x9at\xf9\xd3Y\xceI7\xbc\x12\xe5\xd0{\xc9\xdd\x1fE\xcf\xa6c$\x8e\xbb\xee\xc5\x0b\xef|?\x7fD\xf9\xaf[(/p\xe0\xd9\x0f7\xfe\xbf\x02\x00sYJ\xe9\x9f)\xa5\x94^-\x04\xc2\xa6\x8d\xab\x9a=.p\xfb\xc3o)\x8e\\\xabJ\x0e?xZ&gt;\xa3\xaa\x18\x08\xeb\xee"\x99MN\xde\xff\xac_\xde\xfdj\x16h{EDD\xeb/R\xfa$\xa5\xe8\xf1\x8d\xeaG,\xb4aD\x14\xf6\xdb\xaa\xb6\xe4z\x87Uu\xf8\xd1w\xcbu\x17\xd9\xa2Q-\x00\x98G\xa6\xbf\x97\x8e\xba\xfa\xd9\x88x\xec\xbdT\xef0\xa2\xeeY\xcc{\xfe\xab4\xf4\x80\xa9\xedV\xdd\xe7\xf3\xca(\xfbjJ\x11+G\xc4\xeb)\xfd\'\xa5\xed\xbeus\xbesd\x16n\x17]c\xff,}\xc8\x85\xbf\x8a\xe8\x12\xb1lv\xf7\x9d\x94\xeey\xadi\xcc\x9dR\x8aX=\x9aBl~v\xe1r\x11\x11=w\xae\xda~\xb2\xf4\xdd\xf7\xa6\xd7#\xfa\xc6\xe2[\x15\x1aiJd\xc5\xba\xaf\x7fx\xdd\xd9\xd1\xb3\xf2?\x0b\x00\xe6\xb8\x94RD\xd7,\xf1l\xbe\\g\xb1a\xe5m)c\x99\r\x8f\x88(\x0f=+_ g\xff=\xe1\xfa\x97\xa3\xfd\x90\x9a6\xab\x0b\x97\x13ke\xa1:\xa5\xf4JJ\xcf\xfe+\xfd\xec\xa5\xd4j\xc5\xbdjke\xbd\x8a\xb6\x9b\x96s\n\xdbDwl4\xd5\xab\xc9\x17\rc\xed\x063\xac\x0b\x00sK\x9b\x95\xc6DDJi\x9f\xd2\xaa\xdfV\x8dJ\x1e{\xed\x0bQ\xf3j7\xbamWN\xf5\xca\xf3\xce\xff\xc9\xbb{\x9froDD,\x94Rz\xe0/\xa9\xb6\xd9\xda\x90&lt;\xad\xb0\xa8\xe9\xd3\x94~\xf5a\xd3\xf8\xf8\xfa\xc7SJ\xe9\x8a_\xfc#\xbb\xccN&amp;\xae\x92\xad\xf1\x1d\x7f\xfe\xf4\x88x\xfc\x83B\x08_~\xd7\xe2\x13/\xbb\xf7\xe3r\x8d\x01\x8d\xfeR\x00\x98w\xb6\xfb\xd6\xcd\xe5\xa5G\xebEy}p\xad\x94\xd2b\xfd\x0fht\xab\xfar\x85\xdd\xca\x99k\xd5\x7fjS\xfcn\xb6\xc1n#\xb7\x187\xe5\x9e\xd7\xf3\xf6\x17?\xe9\x86WV\x1cv|\xcd\x9b\xe46\xcf}\x99\xfeQ\xcc,L\xcb*+M\xf0\xee\xb8\xd6\x81\xcd&lt;\x1a\x00\xe6\xae{_O\xf7\xff\xb9i\xac\xd9f\xa5\xbdk\xa6C\xf7\x89B,\xdc\xe9\xc8\x1fDDt\xdf\xa1nk}\xb6&lt;."&gt;O)\xa5\xb4\xccFGD\xe3\xaf\xad\xc5\xed!\xf3bm\xfb\x95^w\x0f\xde\xf5\xc2\x94\xd2\xc1\xe7&gt;V\xf5\xe97K\x8c&lt;\xec\xa6\xa8yS\xfdZ\xc3W\xcd\xb1\xeen\x17\xf9\xe8\x0b\xc0\x02\xa7)8\xf5\xda\xbdp\xd9\xb3\xf1\xd7\xd3(L\x92\xaa\xf6U\xa1\xd6\xf4\xf7\xb3\xf4b\xb7&lt;\xdd\x94y\xe3\x13\xd5\xab\x8f\xeaF\xc7\xc9\xb7\xbdY1w\xbal\x87I\xb7\xae\xf5\x8d\xb3k\x8a\xb7\xc9~\x8e\x99\xfa|\xde\xe6\xf3\xffn\xaa\xd5w\xf8\tU\x15\x84d\x00\xe6\xaf\xf6\xe5P\xd4e\xd5\x91\xa7Et\xac\xba]\x15\xff.\xb9\xfb\xa3\x88x\xf8\xed\xb4\xc5\xfe\xd7DD\xf4\xdc%\x9f\x96\xd5b\x8b\x16\xd2kD\x0bb\xe1\xb8\xc9\x0fF\xbb\xcd+\xb6\xdf*\x1f\xd9\xd4H\xbbU\xf6)^\x16\x1e18\xfb\xc9\x17(\x03\xc0|P\x8e\xaf\xfd\xc7\x9ev_i\xbb\xe6e*\x16\xdd\xa6\x94\xdeL)\xdf\x1f\xe3\xf9\xaf*\xd6\x0e\x9d}\xfb[\xcd\xb7\xffNJ\xe3&amp;?\xb8\xe9&gt;W6zzD\xfc\xe6\xe3\xea\x8f\xc7?\xfc}\xca\xc6\xb2\xd9\x0e\xcf\xcbo~tS\xf96\x9bD\xc4\xf8\xf3\x1ek\xd4Z\xf1\xb2\xbc\xc9\xe52w\xbd\x92\xa2\xb0\xab\x17\x00\xccg}\xb6&lt;\xbe\xe6\xa3\xef\x0c\xd4+\xbczm\xfe\r\xbfn\xee%s~4\xe1w\xae\xfa}DD\xb4z#\xa5\x88\xf80\xa5b\x7f\xb2\x8f\xca\xc3\x0f.M{\xce\xd7\xf2.\xb9n\xf5&gt;\x1b\x11\xf1\x97\x94\xeem\x9a\xa8\xd5+\xcb_i\xab\x13\xebu\xa0\xcd\x0c\xfeH\x00\x98\xabj#S9\xa7o\xb1L\xb6\x06)"":U\x96_(\xca\xb3\xa2f\xf4\x94\xe2\xb9\xbf\x03*o\xc5\x03o\xa6\xcd\xf6\xbd\xaaX\xe5\x9dB\xc7\xd6\xda\xa9\xf6\xa3oE\xcf\x0f\xbf\xec\xa9\x88\x88\xe8q\xf7\xab)\xban\x9bR\xda\xe7\xf4\xfb#b\xdf\xd3\xef\xaf,\xdc\xa5\xba\x15\x00\x98/\x8aal\xd2\xe5Og\x97\xf9\xf7\xd1\x15\x87\x95\xe6.m\xfc\xcd+\x06\x8c:\'K\xbfW\x19\xb3\xff\xddt\xd9&gt;\xcf&lt;\xea\xeag\xeb\x8e\xaa\xfb\x0e?!\x1b\xd4f/\xa5\x87\xec7\xe5\xbd\xca\xf1\xf7\x94\x87\xbe\xa8\xd3\xb7\xae##":\x0c\x8dh\x7f\xdbo\xb3\xcc\xe5\xaaZ^u\xdbS\xeb\xfe]\xd9K\xf2lT\xfdAJ\xcf|\x9a"b\xeb\xf1\xd7\xd7\xf6\r\x00\xe6\x9d,P-\xb5\xde\xb7j\xf6\x9f\xaa\xf0\xab\x0fS\x94G\xba\x9b\xef{uU\x0b\xa5\xd7\xc8\xe5-!\x97X\xe7\x90(\x04\xef\x96x\xa3\xdeN\x93\xb9\xd3n~\xa3\x85/\xc9\xb7\xd8\xff\x9a\xf24\xec\x1e\x11K\xc5\xa2[\xd6m\x10\x00\xe6\xb3\x01\xa3\xce\x19z\xc0\xd4B|\x1a\xf4\xb7\x94"\xa2\xdb\xe0\x89\xb5\x85w:\xf2\x07\x11\x83\xb7\x9d\xf8\xfdB\xde\xf2Q\x8e\xd9/~]n\xa4&lt;\x8d+\x93\x9d\x82p\xfa-\x7f\xca.\x9b\x8b\x85=wYv\xe3o\xff\xe0w\xa5\x02y\x95\xa8\xfc\xa2\x9cy\xe2\xef-\x8f\xa9\x9d[\\\x12\x00\xe6\xa1\xca1b\xaf\x19\x96o\xbf\xea\xbe\xc5\xba\x11\xb1\xc4\xa0Cf\xbf\x1b\x9b\x8e\xbd2"\x06\x8e&gt;7ks\x95mN\xa9*p\xf2\x8d\xaf\xa6\x94\xba\x0e&gt;\xb4n\xf5\xf2|\xae\xa6\x8e\xad\xb7\xc7\xc5Y\xfa\x9d\x94\xca\xcb\x9f\x06\xcf~?\x01`vU\xee\xc9\\\x9a\x81\xf5\xed+\x7f\xd7|\xf9\xba9\xaf\xa44\xc3\x93\xfe\xea\x0e\x7f\xf7\x9b\xfc`T\x8cw\xeb\xecG=\xea;\xb77\xdfrT\xff-\xd5\xdf\xaa\xf3[/{#\r\xc0|\x97\x07\xad\xbdN\xbc\xab\x9cW\xde\xb7y\xc9\xedk\xcbo4\xe6\xf2\xda\xcc\xeb\x1e\xfd\xaa&amp;o\x89\xc8&amp;FU\x1e\xd9[\x8e|+\xe69{\x1c\x7fg9\xb9r\xc4\xdaQ\x15\xa4\x97\xde)\xfb}\xf0\xaf5\x1bM\xd7\xa4k\x12\xd5\x13\xb5J\x96\xaf\xdd \x1a\x00\xe6\xad\xda\tJ\x17\xfd\xfc\xc3\xae\xebT\xbf\xe3\xbd\xfd\xd9\x14\x11;\x1f\xfd\xe3y\xd7\xb3z\x9a\xba\xda\xa9\xe2 \xc2\xd6}\xc7\xd4)Sc\xd2\xe5O\xcf\x9d~\x01\xc0L\xca\xc3\xd5\x8eG\xdcV\xc8^\xbaQ\xf9\xc3.\xf9Mm\xe6\x87\rb\xde\xcf_I\xc5\xf5\xc4\xb5\x0fmd\xc4\x84\x1b\x9a/P\xa3[\x9e\x9a\xfe^\xc5\x8b\xe8~#N.\x14\xeb\x9cm\n=`\xf4\xb93\xd9&gt;\x00\xccQ\x95#\xe0u\x0bw\x16\x8e\x88\x88\xb6s\xf8y\x1d\x86\xce\xb0\xc8U\x0f|6+-\xb7\xde\xb8\xb0[HD\xc4\x06{^\xba\xda\xc8\xd3f\xa5)\x00\x98\xeb\xba\xef\xf0\xd3\x17\xd3\xb8\xc9\x0f6.\xb1h\xe3[e\x1d\x86F\xdbM+\xb3:\xcfV\xaf""\xa2\xf7\xd0\xe3\xea\xe6\x0f\xdc\xf9\xbc&lt;\xfdja0\xfd\xe3\xe7\xeb\x0f\xac\xf3\x7fd\x98{\x05\xc0\x82"\xa5\xf4\xdc\x97\xcd\x85\xa5a\x07^W\x95\x93\x1f44\xdf\xe3\xd9\xae\xc7\xfc\xb4n\xfeY?\xfck\xdd\xfcv\xab\x8c\x9d6\xfd\xeb\xb9\xd9#\x00h\x99\xf2\xe8\xb0]DD\xacW[\xe0\x1f\xb3\x19e\x97\xdei\xf5\xed\xce\x88\x88\x85\xfb\x8d\x9d\xadv\x9a\xb4\xcbS\x8d\xff\x05\xd0&gt;"\x16Ym\xbfb\x81!\xfb]\x9d_~&gt;\xbf\xff\xe9\x00\xc0\xff\xba\x94R\xc4\xc0o]\xfad\xb4\xdb&lt;b\x99r\xf6\x80\xc2\xdd\x96\xb7Se\x959\xd0\xbfY\xd7/\xdan2_;\x00\x00\x8d=\xfd\x8f\xfa\xbbR4\xbf5t#cN\xba\xa7\xfe\x8d6-\x8a\x85\xd9b\xa7\xb9cP\xf6s\xcb\xd3\xc6\xbe\x00,\x00\xeez\xa5\x14\x807\xdf\xaft\xc4\xc2\xe8\xa3~\x14\xf5\x0e\xb7o\xbe\x9d\xbf5.PuNQD\xfc\xec\xa5zG\x05/6\xac\x85}\xaeUZC\xd5qx\xc4j\xcd\x97\\\x7f\x8f\x8b\xa7&lt;\xf4E\x1e\x8f\x01`\xfeH)\xdd\xff\xe7\xea\x19\xc2\x13.x&lt;O\xf7\xdf\xe1\xccr\xb2G\xfd&amp;\xda\x0f)\xb66\xdb=\xaa8ox\xe8\x01S\x0bW\xcbDc\x07\x9c\xf5\xcb\x17\xfeS\xe7\xe9\xef\xd7\xeb\xd2\xdc\x1cj\x03@\x0b\xdc\xf7\xe7\xfc\x15t\x8f\xdd\x8e\xad3\xa9x\xfc\xf9\xd3\x1b\xd5\xdd\xf5\x98\x9fd\x89V+\xeeY\xcc\xef\xb0\xfa\xb8\x96&lt;z\x0eN\xa2N)uZ\xeb\xa0\xc6m\xf6\xddh\xcc\xe5\x11m\xa3\xe7.k\xedtV\xb9\xd8Bs\xea\xe9\x000\xd3\xb2Y\xd0\x0b\xf7\xfb\xe6q\xd7\xbd\x98\x1dY?t\xff\xa93\xae\xd6\xec;\xe7\xa2^C\x8eitk\xa9\xf5\x0f\xaf\x93\xdbqx\x9d\xcc\x88\x88(/V\xee\xd4\xa8@\xa1z\xe7%\xd69d\xd3\xb1\xffW\xbcS\x8c\xcd\x8b\xae\xb1\x7fs\x8d\x00\xc0\xdc\xf6\xd0_S\xd3fX\xbdw\x8f\x88\xe8\xbdGU\x99B\xe8\xaax\t\xbc\xce.\x17\xcc\xc2\x13\x17_\xfb\xe0\x96\x14;\xf5\xa6\xd7gTd\xed\xe2\xc5\x1e\'\xfc\xbc\xb6Dy\xc9r\x87\xa7?M\xd9j\xa8\x88&gt;\xd1yD,\x00\x8b\x98\x01\xf8\x9f\x96\r\x13\xef~\xb5\x1c\x8d\xcaKw\x06\xed|~\xb1\xd8v\xdf\xba\xb9\xe9\x94\xa4\x92nQG\xaf\x88\xb6\xb3\x11\xdb\xd6\xad\xcd\xdax\xef+b\xb9\xd1\xb5\xf9\xe3\xcf{\xacx9n\xf2\x83\xfb\x9e~\x7fD\xa4\x94\x0e:\xf7\xd1r\xf6\xc0\x88\x88X6\xbb\xe8=\xf4\xd8\x8f\x9a\xfaVg\xd13\x00\xcc;w\xbd\x92\xc5\xa4\x9e\xbb\x1fwgSn\xeb\x8d\x8aeZ\x16SK!\xad)\x9c\xe7:6?\xc3\xb9wD\xc4\n\xbb\xb5\xe0\x11e\xcb\xed\x1c\xd15\xa5\xf4\xd8\xbb\xe9\xbb\xd7\xfc!b\xb9\x88\x15\xca\x9dl\xbb\xc7\xf1wf\xc3\xfa\xc7?H\x11\x0be\xf9\xc7O{)\x96(\x9d\x8dh\xf8\x0b\xc0|\xb6\xcfi\xf7\x15\xcecX\xa7%U\xc6\x9ctw998\xfb\xa9\x8dg\xe5\x9c~\xe5\x8c:G\xf3\xfe\xe8\xb9\xfaQp\xc8\xb8)\xb5\rn\xb0\xd7\xa5\xffH\xe9\xf3rW\xaf~\xf0\xf3\x88h\xb5\xe2^W\xdc\xf7i\x94\xbfd\xdf\xfcT\x8a\x88i\xd3\xbfNe\xd1{\x8f\x94R\xc4\xca)\xa5\x13\xae\x7f9o\xad\xcf\x96\xf5w\x99\x06\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f8\x9f\xf7\xff\x16\x19\xd3{\xc6\xf6\xd4o\x00\x00\x00\x00IEND\xaeB`\x82']</t>
        </is>
      </c>
      <c r="E513" t="inlineStr">
        <is>
          <t>&lt;class 'numpy.ndarray'&gt;</t>
        </is>
      </c>
    </row>
    <row r="514">
      <c r="A514" s="1" t="n">
        <v>512</v>
      </c>
      <c r="B514" t="inlineStr">
        <is>
          <t>steps_per_sec</t>
        </is>
      </c>
      <c r="C514" t="n">
        <v>7400</v>
      </c>
      <c r="D514" t="inlineStr">
        <is>
          <t>5.325722</t>
        </is>
      </c>
      <c r="E514" t="inlineStr">
        <is>
          <t>&lt;class 'numpy.ndarray'&gt;</t>
        </is>
      </c>
    </row>
    <row r="515">
      <c r="A515" s="1" t="n">
        <v>513</v>
      </c>
      <c r="B515" t="inlineStr">
        <is>
          <t>Loss/localization_loss</t>
        </is>
      </c>
      <c r="C515" t="n">
        <v>7400</v>
      </c>
      <c r="D515" t="inlineStr">
        <is>
          <t>0.056474205</t>
        </is>
      </c>
      <c r="E515" t="inlineStr">
        <is>
          <t>&lt;class 'numpy.ndarray'&gt;</t>
        </is>
      </c>
    </row>
    <row r="516">
      <c r="A516" s="1" t="n">
        <v>514</v>
      </c>
      <c r="B516" t="inlineStr">
        <is>
          <t>Loss/classification_loss</t>
        </is>
      </c>
      <c r="C516" t="n">
        <v>7400</v>
      </c>
      <c r="D516" t="inlineStr">
        <is>
          <t>0.19729292</t>
        </is>
      </c>
      <c r="E516" t="inlineStr">
        <is>
          <t>&lt;class 'numpy.ndarray'&gt;</t>
        </is>
      </c>
    </row>
    <row r="517">
      <c r="A517" s="1" t="n">
        <v>515</v>
      </c>
      <c r="B517" t="inlineStr">
        <is>
          <t>Loss/regularization_loss</t>
        </is>
      </c>
      <c r="C517" t="n">
        <v>7400</v>
      </c>
      <c r="D517" t="inlineStr">
        <is>
          <t>0.037966784</t>
        </is>
      </c>
      <c r="E517" t="inlineStr">
        <is>
          <t>&lt;class 'numpy.ndarray'&gt;</t>
        </is>
      </c>
    </row>
    <row r="518">
      <c r="A518" s="1" t="n">
        <v>516</v>
      </c>
      <c r="B518" t="inlineStr">
        <is>
          <t>Loss/total_loss</t>
        </is>
      </c>
      <c r="C518" t="n">
        <v>7400</v>
      </c>
      <c r="D518" t="inlineStr">
        <is>
          <t>0.29173392</t>
        </is>
      </c>
      <c r="E518" t="inlineStr">
        <is>
          <t>&lt;class 'numpy.ndarray'&gt;</t>
        </is>
      </c>
    </row>
    <row r="519">
      <c r="A519" s="1" t="n">
        <v>517</v>
      </c>
      <c r="B519" t="inlineStr">
        <is>
          <t>learning_rate</t>
        </is>
      </c>
      <c r="C519" t="n">
        <v>7400</v>
      </c>
      <c r="D519" t="inlineStr">
        <is>
          <t>0.07994646</t>
        </is>
      </c>
      <c r="E519" t="inlineStr">
        <is>
          <t>&lt;class 'numpy.ndarray'&gt;</t>
        </is>
      </c>
    </row>
    <row r="520">
      <c r="A520" s="1" t="n">
        <v>518</v>
      </c>
      <c r="B520" t="inlineStr">
        <is>
          <t>train_input_images</t>
        </is>
      </c>
      <c r="C520" t="n">
        <v>7400</v>
      </c>
      <c r="D520" t="inlineStr">
        <is>
          <t>[b'640' b'640'
 b'\x89PNG\r\n\x1a\n\x00\x00\x00\rIHDR\x00\x00\x02\x80\x00\x00\x02\x80\x08\x02\x00\x00\x00\x83\xaf^t\x00\x00 \x00IDATx\x9c\xec\x9de`TG\x17\x86\x0fN\xd0@\xf0 \xc1\x02\x04\x08\x81\x04wwwwwwww\xd7\xe2^\xdc\xdd]\x8b\xb4\xc5\xad\xb4@\x81\x96\x8f\x96"\xef\xf7cvo\xee\xee^\x99k\xbb\x1b\xe0\xf9\x93\xec\x95\x99\xb96z\xce{\x88\xbe\xe3B\xbe\x063\xe0H\x8e\xea\xe3]\x0f\x13\xf6\xba\xbf\x84\x02\x9d\xa7\x9d\xed8\xe5\xb4g\xcb`\x84b-\x17\xea8+\xa4\xc6D\xd3K\x12\xb1\x89W\x96\xc8\xd7\xd3\x85\xf8\x1a(\xdejQP\xa5\xd1\xfc\xc7\xef\xf8\x19\xd137{\x07,:\xfa\x81\x88\x86,\xff\xc5\xf4"\xe5k0SS\x91\xf8\t\xaa4\xca\xd4\x1a,\x8fI\xe9\x98E\xccU\xe74\\Z\xc5.\xab\x89B\x8d\xe7\xfa\x80\xdd\xd2\x145\x8d\'\xf5\xf5\x93\xb5\xf2\x18\xe7M\xb1JV\xea\xb2F\xdc\xfa\xee\x7f\xa0\xf0\x14\xa3\xae\xbb\xe4\xb9\xc6/fq\xa2T\x1e\xef\x04\x18#\xbb\xf8G\xab\xb1\x87y\xce\xb9\x1f\x81\xaf\xd7\n\x92\x03\x88\x92\xa1\x91\xbe\x93\xe7\x1dxG\x91\x0b\x9a[ \x17\xa2Z\x9c\xbe9\x04\x96\x1bv\xf5=(q\x15\x8d\xe7e\x05@I\xb4\x9e\xc5K\xc5.\xab9\x8f\xec\xb7\xe8\'\x8dUAdw\xd6\x1eu\xfao\xe3;0\x91iY\xc6/gRBQ\x88b\xdb\xff\x0fV8Nh5v\xfc\xfc\xbd\x8eR\'2\x80Y{\xdf\x12\x11Q\xac\xd4E\xfb\xc1\x85\x13\xbfC\xf9\x8e{\x96NSO\x03\x18\xb4\xec\xb6\xa7\x0b\xe2]\xd4\xe9\xbf\xd5\xd3Ep\'\xe9\x88\x92\x11\x05x(\xf7\x0c\xaaG\x00\xa0\xe458\x93\xcbXv\x98\xeb\xc6|\rf\x14o\xb5HS\xb1\xf4\x91\xb1\xec0JS\xcf\xca\x1c\xfc\xd4\x0e\x88CD)\x8b\xf4\xb1\xb2\x0c\xe1\xb4\x19\x7f\x94(\x85{\xf2\xa2(\x0e\xfd\xbc&amp;#\xf6\xb9)_7\xd2x\xd8^{\x9f&amp;\x92\xa7\xcb\x12\x11\x00\xf0\xabk\xab+B{\x92iu\x16%yu\x1d\'\xb5\x9f|\xf2\x13@\x14\xa63S/\xa6\xdb\xcc\x0b\x94\xb4\x9a\xc7\xb2\xf7\xab\xe4\xb1\xac\xbf."\xa5k\x10!fh\x9a\x0c\xdf\xeb\xe9"\x08\xb8\xa9E&lt;\xf8\x08\x94\xa6\xae{\xf2\xfa6\xc8\x970\xac\x93\x96\xe3\xa3[U\x10\xef%qe\x97M\x91\xfa/\xbe\xe1\xd4\xee\x1e\xfb\r\x16\x0c)\x02\x8e\xfd\x86\x0ce\x86\xc8\xec\xcd\xa5-1\xdb\x1aC\xba\xaf`&gt;6\xb8\xda\xb8+\xef]\xaf\xc2\xb3KJ\xaa#\x95\xef8\x135cc\xc9\xb66q\x9e\xaen+C\x97\xe9g\xf9\x0e\x8c\xdck\xde\x15\xe1G\xc1&amp;s\x8a\xb7\xd42\xc2\x8eQLK\xa1L\xe3=\xd0z\xdc\xd1\x19\xbb_\x1bO\xeag\x00\xc0\xe9W\x0e\xcf\xcb7W\x07\xfd)\xa6\xac]\xbc\xd5"\xa2,FK\x16\x01\x90k8#\xbb\xb5\x14_\x13&gt;A-\x84\xd6w\xec\x86\xc7D\t9O\xd44P^y\x16\xbe\xb9:\xea-\xa34\xfb\xeeG\xf8\x06X\x92q\x1b\x9f\x10%\xf1t)\xbe\xa3\x81\xe9;_\x01 _\xb3\x16\xde\xf4p\xec7\xf4\x9a{\x99\xe7\xc8\xe0j\xe3\xec\xff\x86\xb6\x1ew\xd4\xba"I2s\xcf\x1b\xa2\xf8\x9aN\xd9x\xd5\xe0\xe4\x9c\x03,\x91L\xe5\x87\x1bLG\xe0&gt;\xf0\x1e\xa0D\xae#\x1c/\'\x84(\xc4\xd3ep;\x9d\xa7\x9d\xf1t\x11\xa4\xa9?hg\xffE?q\x1e\xbc\xe8\xe8\x87]\xbfb\xf7\x1d\xee\x8f\xc1\xbf\x96\xd2\xdeD\x95\xf6\xdeSKJ9\x05\xef\xa6\\\xc7\x15Z*\x8eT\x16\x16E/\xbe9\r\x0c\x11\xbev\xd6\\\x80\xa8US\x85\x7f\xb8\x10\x8f(\x90\xf3P\xff\xc2}\xc8\xaf"w\xca\x9aHlZJi\x1b\xd8MO4\x91q\xd9\xc9\xcf\xe66\xc0\x06\x13\xb1\x98\xd4\x9e.\xc0w\xbe%\xb2U\x19\x1b?\xa4\xbd\xa7Ka-\x00\x0e?\xd1\xf6\xd9\xa7/=\xd8\xa2\xc2h%"\xd4Y\x1e\x83\xdd\x9c&lt;\xf5\xa6{\xbc\x18\x16\xe7\x90\x80\xfb\xc8\xcc\xa6\xe7]\xb4\xc5\x02\xfbK\xc8\xe90\xe3.\x03+\x93\xf1\x01\xb0\xf0\xc8?\x9e.\x86Qj\xf4\xdeD\x94\xf4\xdb\x98\x967\x1bE\xef\xa3\xef\xb8\t{u\xa3q\x81\xdc\x1a^\x01Rk\xd5Z\xf1^\xa3z#\xb0\'\x15Z{\xb2\xa7\x0b\xe2\rD!"-M5?\t\x01\x14i&gt;\x9f\xeb\xd84u\xcd\xfcv\xa2\x16\xe69*g\xcdp\x1f\xfd|\rg\xea\xcd,\x18\x00Qn\xbd\xa7{\x0b\xf5\x07\xef\xdc\xf7\x00\x1d&amp;\x9f\x92\xda\xc9\xbb\xca\xf9\xf5\xe3_Xd\xf4\x1f\xb3\xb8\xe7\n\xf2\x1dg^xt\xd0\xf9\xce!\xeb\x98\t\xc3:e\xaf:\xd6H\x82\x06O\xf7fX\x03\xfc\xe3O\xd0\xba\xb4\xe9N\x92\xe4\xed\xd6\x7f\xf1\r\xf6\x7f\xb6*.\x1a\x00&amp;\xb1\xe0\xd0{JX\x81b\x95&lt;\xf7\x1aM\xdd\xebl\xb3\xe0\xb0\xd3\xa8\x91w\xea^\x8dHW\xde\x83(\x96I\xa990u\xfb\x0bW\x8b\xd7%\xc7?Z\x91\x97\xfb\xc9Uk\x92OPKO\x97"\xe2P\xb6\xc3rO\x17\x81\x0b\x00Y*\x8e\xf2t)\xf4\x00\xe0\xe7\x082\x91\x0b\x80(\xbf\xdd\xe0&lt;\xda\x17\xdd\xc5N]\x87\x88\x12\xe7\xed\xba\xee\xa2w]x\xc96K\x00\x982Yj\xd6\xda\xa42u\x07l\x8b\x9a\xb1\x89\xe6\xd3\xe2\x95eS\x17\xe2B\xde\xfadUQ+w[GDD\x89\x06\xff\xf0\xb3EY\xb8\x9f^\xf3\xae\xe4o4\xcb\xf4dg\xed}{\xee\x8dw}\x14_\x13\x06&lt;IR\xf0z\xee{\x01\xeaZ\x04\xdf!"\x9f\xa0\x96\xe15\xa0i"5\x16\xd2i\xea\x99\xc0r\xc3\x8c\xa7\xd3n\xd2\t+V\x04M y\x8d\xc7\xe65\x99F\x1a`\xfb\xb9\xd1\x94\x0f\xab\xd5\xf7G\x89\xad&lt;N\xdb\xa9\x05\x87W\xafX\xce0F\xc4P\x16\xe3\xa1h\xf3\xf9z?1\xb9\xc6%\x06\xfb\xf3\xe3O\xdfz\xbb\x1e\x98\xa3\xfa\x04O\x97\xc1\x9b\xb0\\\xf0\xcf\xdbqt\xa2\x88buvMG\xec\xa3(\x85\xccH)\xa9\x19\x89x#\t\xc3:\x9b8f\x1d\xb4\xf4v\xf5^\x9b\xf4\x9d\xcb\xde\x8aH\xe9\x1a\x9aU\x187\xf3L\xefm\x0c\x94R\xfe\xfavXt\xe4_\x8bR\xfe*\x95\xb6\x88\xc8\xc7\xd3\x05P\'U\xd1~\x00\xd2\x96\x1c\xe8\xe9\x82|\xc7\x95\xe4\xf6\x068\xa3\xa6\xd3Z\x8d;\xe2\x90J\xc1^f\x16\xea+&amp;Qe\x8aV\xc4\r\xf9\x00\x18\xbd\xee\xa1\x91\xd3YW\xa0T\xdb\xa5\xe6\xad\\\x9a\xcc}\x80(\xb9\xe4\xae\xac\xbaV\x94s\xd6\x9c\xf42\x82,\xc7|\xe7;\xbcD4w\x11\xe9O\xfak\xe5/]\x8f&amp;B=\xd0o\x8eW\x00\x00\xe9\xf9a"\xbeU\xdb\xf8\xac\xdd]\x7f\x19DYM-\x9dy\xf8\x98i\xa1\xe9\x17\xd6\x19\xc0\x8a\xd3\xdf_\xeco\x81\x84U\xba\xaf\xf7t\x19\xac\xc5\xdf\xd3\x050\x894u#\xa0\x9a\xcc\xb7\x89\x0e\t\xee|y\xeb{\xd8S\xd6J\xa4\xbdN5\xc5\xc6Xw\t\xf5\x07\xed\xd0\x9a\xf1\x80%7\xa7\xed|\xa5\xf5,\'\x00\x10\xa5\xd4u\xaaN\xe5}O\xc6R\xfb\x8e\x1bYy\x16\x9f\x81Rm\x97z\xba \x96\x01`\xc1\xa1\xf7\x9e.\xc5w\xbe\xf3\x1dCd\xab2Fc0\xab\xa4\x8d\x87\xed1g\xd2\xcb!\xa4\xa0\\K\x1c\x83(\xc8\xe2X7V%\x0e@\x14V\xcf\x1b\t(\xf1u\xac\x1b\xc647\xb9|\xe6&amp;g\x05\x96NQ\xc6\rn\xfbMF\xae\xf8\xfa\xf0\xf5t\x01"\x04\x1a\xab\x8f8\xa5\x89\xc8\x0c\xb9\x9f4\xf6v4\x88\xff\x9c\xff\x80S/\xcc_rj9\xe6\x90\xa4\xac&amp;S\xfb\x1a\xb0\xe4\xa6\xb9\xd9q\xd2|\xd4\x01#\xa7s\xc6\xdb\xf6 \xba\x8d\xf8\xa4\x08\x1a\xba\xe2W\xd9\x9d\xb1J\x9a\x97\x91\xb7\xd2a\xf2I\xfd\'k\xb1_m1\xfa\xa05\rp\x08\x11Q\xe2*\x00\xba\xce8\x1f\x91\x96!\xe3\x95\xf1t\t\xbc\x91\x08b\x1c\x90\xc6\xe9w\xd5\x1e\x1bTk\xfc\x18Y\x9a[V\x1e%X\x84\x80wf\xdc\xd5p\x0by[\x8b\xceC\x9a\xc9\xdb\xfeXz\xe2\x93\xf1\xdcy\x89S:o\xfd\x19"\xa7\xa6\x88\x86\xb5\xd1\x8e\xbd\x87\xfc\xf6\x8f]\xdf\x9a\xc2WA\xa7\xa9J\x11\x17\xa2dhdVFVW\xac]g\x9e\xb7.\xf1\xef\xb8\x17m\xd6\xd7\x9e\xc7\xbf\x96\x97w\x1a\x0c\x7f}\x19\x89\x92g\xaf:\x8e\xa5s\xf47\rI\x1dx\x88Y{\xde\x18\xc8\xfa\xdb"ah\'\x8aU\xc2\xb4\xe4R\xd7%\x8aE\x14\xe2Q\xcd\x06Y\x83\xf9m\xb7\x10)]\x037\x94 ^\x8ev\xd2\x1d2SM\xf6\xdc\x8aVI\xf7\xa7\x11cd#\xc1\xc5\xbf\x95\x8b\x9dP|+.\xfe\xed*\xc2\xceFK_\x8b\x01\xdaw\xbe\r\xf6\xdc\r\x7f\xed\x97\x1c\xfb/\xac\xce\x14"JU\xb4/\x11\x95i\xff\x83\x960\x942\x0bCq\xcb\xb8\xc1\xd1\xdc\x12b\x16\xa3\x94\xb5\xa3ej\xea\x86\xac\xf6?4ZgF6o\x10\xe5F\xdc6&amp;vX\x94\xf1\xda\xe97u\xc7\xe2\xd4E\xfb\xb9\xa1\x1c\x11\x97\x9c5\'y\xba\x08\xdf\xf9\x8e\x06\xce\xfc\x89\x86Cv\xd9"N&amp;\xae\x92 T\x14$\xdb\xc7\xbc!Z\x04\x04\xc0\xb7#\xcd\x11-P\xbb\xaa\xa8\t\xc40+\xa1m\xb7\xd0p\xc8n\x9e#\x07-\xbb\xed\xf6\x06\x98+zFv\xb5\x90\x17\x92\x8e\r)K\xb5Y\xfa=Z\xfbw\xbe\x13qi;\xe1X\xd3\x11\xfb\x89\x88(\xa5K\xc5\x94\x8d+\x89\x88\xa0f\xfa\x1duR\xd6vkv\x89\xab\\zgBCX\xb1\xcbj\x9e\x065~H{\xa2P\x00{\xef\x81b\x972\x9e\xafVT\xc4]u\x93\xbb\xee4\x8aj\x8a\xd0\xa0\x12\xc9\xf2\xf7P&gt;`\xa1eRj\xdf\xf9\x8e\x1e\xfc*rF\x8e\xd3\xca=\xb3\xfb\xef\xbd\xe7_e\xff\x1cy\xea\x94r*\xb3\xb2\xf8\r\xa0\x00o1;J\x90\xab\xa3\xcd\xae\xf3;"z\xcd\xbd\xe2\xce\xec:M=m\xcaH\xb4z\xaf\x8d\xbc\x8a1)jxl\xf2\xb9\xde@\xcd&gt;\xf5&lt;\x88\xa3\x9aXJ\xcf\xb9\x97\x95\x0f\x90\xf4U\x90\xc2\xd7pY\xbe\xf3\x1d\x81h\x03\x96\xdc\xdcrC\xf2\xfd\xb7\xaa\xcb\x9b\xa3\xfax\x93S\x8cT@\xdfy\x82Qd\xdd\x01\xdbe\x1d[#\x17\xa4\x145\xad\xa9%BXx\xab\xef|\xdbd\xf7t\x01\xbevR\x14\xea\xe5\x9d\xcb\xe6b\xdaO:\xe1\xe9"|m\x14m\xb1\xc0\xd3EP\xc1m\x1dP]Xe\x12\xf8\n\xf8\x05\xf8$\xba\xf0\x0b\x7f\xa9\xdc\x01\xeb\xefR6\xcf\xc7\x8d\xb7\x85\xcb\x8c\xa8L\xdf\xf5\'QN\x8b\x12\xef\xb7\xe8\'\x8bR\xfe\x8e.RyQ\xd7Uw\xd5\xc0#\x15T\xb8\xe9\xdc\xe8\x99\x9a\xc5\x0fi/l\xa9;`\x9b\xbe\xec\xbe\xe3\x95\xa4\xcbYs\xe27\x16b+\xfd\xb6[\xa2\x9e\x87_\xc5`\xb5A9\x7f\x03\xbc\xee"(z\xd1\x02\x8dfQ\xccb\x86\xcb\xe9\xbd\x84\xd4\x98\xe8\xe9"\xb8\x938{\xef\x99\xd9\xfd\xcaU\xeb\xbb\xb9\xab1\n4\x9e-\xfa\xa5\x1c\x194\xc4/\xb7\x99\xc1\xda\xb42m\xe7+JTy\xd2\x96\xe7\x1f\x00\xa2d\x8e;\xd3\xf3\xa6\x12;\\\xf0\xc5\xba\x08\xe4\xdf\xf1\x18q\xbf\x06\xc5\x95\x91k\xees\x1e\xc9T\'\'mynE1\xe6\x1d\xfc\x9f\xde\x11\xb3W\xeb;\x8a\xf0K\x94\xbb\x8b\xa7\xcb`\x1c\xd1p\xd9\xdd\xa3\xff\x00\xbd\'\xc64\x12+\xcc\xfbI\xe8\xf4\xdbP\xc3\x99\xb2\x96\xa1\xb2\xb8\x90MW\xa82\xa2 JPa\xc3\x15\x00X~\xea\x8b\xb9E\xe2&amp;\x9e\x87\xf2\xf5FR\x17\xeb\xef\xe9"|\x9dp~\xad\x99+\x8c\x040p\xe9\xada+\xefp\x1c\xee\xab\xaf0]g\x9e\xff\x19 k\x1ew\xb1\x16\x0b\x8b\xb5\\hz\xb2\xdf"\xb1K]y/\xf4\x964h\x97z\x84.3\xce]y\xff-\x8d\x7f2\x95\x1f\xe1\xe9"\x84\x03\x80)kV\xec\xbcZ\xbc}\xe3U\x8eG\x12\xad\xc8\x07c\xebX\x1b\xafb\xe2\x8f\xbf\xe9&gt;\xfd+\xc6D-6/\xc6\xb9o\xeaf\x000\x9d\r\xe3\x14k\xb1@\xc7\xe2\xb7\xae\xf5r\x16!\xd4I4-\x81BE\xef\x9b\xab\x83\x96\xf4\xdd\xcd\xd7\xb7\xfc\xd4y\xfaY\x00C\x96\xff\xa2\xe3\xdc\\\xb5&amp;G&lt;E&lt;\xf7s\xfd\x03\xdfg\xe3W\xa9\xd1\xd0=]gx\xa1Zd0\xfb\xf3\xda~\x15b\xa1\xf9\xc9[\x7f\x17\xea\x85\xaa=,\x0c\x15\xe9\xad\xa6:\x9eg\xd4\xda\x07\x9e-\x801)\xa2\x0c\xa6\x95\xc3"R\xd5!\xa2\xddwL|\xfdR\r]\xf1\xab[\x1a`9rHm\x8c\xe1\xc5\x06qDD\xf1B\xda\xbd\xf7\xe2\xe2\xa9\x90VFN2m}\xdd\x06=\x0e\xc2/_/\xc6\xa3\xa3\x90k \xa6\x0f.o\x12\x93\x83\xe7u\xde7\x85D\x95\xb8\x0fM@\xa2\x81\xef\xd8\r\x8f\x85\x1d!5&amp;\x02(\xd9z\t\xb16\xd2TU\x81\xc1?\xfclbj_%\xbd\xe7_u[\xa5\x99\xac\x80\x9c7\xb9\xac\x92-\x07\x91\xdd\xfd\xda{\x19\xe9K\x0f\x96\xad\x9d\x1d\xc8\xb8\xf6"\xd4\x0c&gt;\x9c\xe9&amp;)\xff.\x13\xa8\xfbO\xa0B\xe7U\x9a\xd2w\x0f\x19\xca\x0c\xf5t\x11\x0c\x92\xfd\xea?\x11\xb6\xeb\xc0\x83\\M\xfd7\xe0_\xb8\xb7{\xcb\xc2\xe3V\x15*Ui&amp;\x7f ]\x93r\xc5K\xcf\xe8\x15\xc2oi\r\x88\xa4$\xe2\xab\x86\xbe\xe3\xc0\xd5\x7fp\xf4\x99\xbe\x81\x8bf\xff?\x00D\xf1\xb5g\xa4\x9el\xe2&lt;]\xb5\x9f\x17\xc7\xf4\x92x\x88\xb4y\xeaM\xb3$\xe1hE\x1cc\x03\xdb\x88\x92\xa1\xb1\xf3\xa6\xd8\xdf@T\xbb\xaf\x10#.\xbc\x01f\x14\xc0.\xc0\xacP\x01i\x0c\x8b\xed}\xf0\xc5\xfdH\x90\xcbS\xd3\x11Q\xc57\xdf\xc8hl\xfa\xae?\x9d\xb6$/\xd8\xcbX\xe77\x81\x81s#0\xf6\xb9\xc4X\x9e.\x88\xb5\x94i\xff\x83\xa7\x8b\xa0BH\x8d\x89&amp;\xeaa}\xe7;"\xb2:\xf6\x863k&lt;]r\x19B\x07\xbeD_\xf9\x02a"Oe\xbc\xf3\x17P\xaa:\xb5\xfbmq\x9dBw\x0f\xb9\xebN\xd3\xab\x91\x19\x9b(\x8e\x81\xb7"\x93\xde\x13\xbd\x02\xb9\xc5\xbcM\xd7"\xeag\x123K\x0b\xa9\xcd\x11\xb2\x87\xc1kKh\x8d\x12\xa7@\xa6\xf2\xc3\r\xa6\xf0U\xd7\xbaF04K\xe4M\xe6\xe5\xea\x91\xb8\xe2docVf\xdf\x83"Hp\xf6\xb5\xc5v\x19v\x05\x86\xe8\x99\x9aI\xee\xcfS_[HG1\xddg_\xd4}n\x84\x06@t\xa9HpK\x8e\xfd\xe7\xfe\xc2|\xc7\x89\xb6\x13\x8f\xb3\x7f\xe6\x1fz\xafpX\xc1&amp;s\xdcR\x1c\xfd\xbc\xfa\xde\x00KaPl|\xdc\xc6\'f\x95\xc4\r\xf0N0\xf7\x9awe\xff\x03\x14i6\xdf\xe2\xf2|\xc7r\x8a\xb6X\xf0\r\xfb\xf5rN4\xa5\xb3$s\x19\xe3\x1d-\xa8\x8eY\xb9\xb5Y\x88\x00\xd4\xea\xfb\xa3\x91\xd2H\xe0kyl\xa2\x05\xf6v\x97[\x80]\x12\xf10K2\xd8\x9a\x1e\x00\x0cX|\xc3\xac\xd4\xbe\xf3u\xc3;&lt;\x0b\xae&gt;\xbe\xef\xc2\xeb\xaa\x82\xab|\xc8U\x10\x01f$\xfe\x9d\xef|\xcb$\x89\x9e\xb9\x99\x96\xe3\xb3\x17i\xee\xbe.u\xe9v\xcb\xccH&amp;\xca\xd2\x13\x9f\x88\xf2\x1aN\'\x92\teq\xe1#\xf0\xd3\x07\xc7z\x92\xcf\x06\xe5;N\xa4-9\xf0g\xd3g\x08b\x1459\xc1\xaf\x86X\xd9Zq\x1eY\xb6\xc3r\xb9E\xa0\xae3\xce\x99W"\xef!5\x80\xc2\xcd\xe6\t\xbf\xdd\xb8t\x14\xcay\xdc\xe6\xeb\xa0d\xd5\x88\x12[Y\x18\xef!\xba\xa7\x0b C\x8cb\xe4o\xb2|\x9b\x89\xa4.\xd6\xcfx"\x13\x7f\xfc\xadl\x87\xe5\xc6\xd3Q"zQ#\x0bj\xa2I\x85\xf4\x165\xf3\xdf\x00\x89)J\xa1\x84\xa1\x9d&lt;]\x0c\x9d\xf8\xe6\xf4j=\x16I\xe2\xba9\xbfi;^\xba9G}T\xed\xbe~\xf1\xb1\xff\xd8\xcc\xde\xe4\xad\xbf\'\xc8\xd5\xd1\x8bm7\xbc]\nN\x8e\xecU\x15&amp;3\x9d\xdf\xccso\xbc\xf6\xfe\x13%\xac\xe8\xe9\x12XJ\xc2\xd6\xe3\x8e\x08?L\x1f!qi\xd2\xa9\xe2M\x81^\xbeV\x00t\x9bu\xc1\xd3\xa50\x0e\x97\x8b\xac\x03\x00x\\f\x1b\r\xdb\xa3\xa38^\x8c\x9f%\xa9\xba\x06\xb1IQ\xc3\x92\x8cd\x98\xb0\xf9\x19Q~w\xe6\xe8\tT\xde\xf2\x94E\xfa\x00x\xc3]\x9b\xb7\x1a{\x98\x7fn\xc0"\x16H\xd9\x1f\x85\xd4\x98\xf8\x8f\xf7v\xce\x14\x88\xa2o\xd1]\x1c\xe3\xeb;\xdf\x14\xbf\x01\xe7\xdf:\xbd\xea\x11i\xfa\xad\xd3\xd4\xd3\xd7\xfe\x05\x80\x9a}6\xb7\x18s\xc8\xfc\x0cF\xac\xbeg~\xa2_#)\n\xf6\x12\xff\x04@\x94\xd6\xaa\xccb9\xcb\x05\x18\xd4\x97\xb6\x1eu;~\xe3\xfce}T\xddy\x07\xde\x11Q\x95\xee\xeb\x89\xb2\xca\x1cbD\x0c\xcb\x06\x80\xbb|W\xd1b\xb4\x05\xdf\xbcn\x12V$\x8aLD_\x80\xd5\xe7\r&gt;\x85l\xcaZW&amp;\xadC\xeb%fq\xa24\xdaOK\x92\xa6\xf8\x00\x0f\x97\xdc\xdbHV=\x82:\xd11~G8\x112\xb8a@\xf1\x01\x14\xab\xa4\xb2zF\x97\x19\xe7\x0c\x08K\xa9a\x82E\xab\x1d\xbfJD\xe9\xedU\xb0\x85\x11\xcd\\M^\xdbO:\xe1A\x01[/\xd1\xcee\xc5x`\x92\x1c\x8a\\\x16d\xff\xea\xf4\xa6\xc13\xe6\xd6\xa0\xec\xd3p\xc8nM\xd9O\xda\xf2\x9c\xe2\x94\xd6t\x8aV\xa2gnF\xd1\r\x99\xc9\xf8\xe6\xea\xd0f\xfcQ3\xcabB\x7f\x88\x12;\xabh\x01\x08\xae6\xee\xb5\x8ew Y\xf5\x18\xda\xcc\xeb\xbeE\xa2\x05J\xb8\x0ez\'\xa2\xf6\xd7\xe1e\x08;\xf0\x10\xca\xdeu"\xdc\xda\x01)\xd1j\xb1\xa6\xe3sT\x9f\x00`\xf6\xbe\xbf,*O8I\xab\x19L ah\xa7y\x07\xde\x99\xf3\xcd\xab \xe9n\xe1\xeb)\x01[\x00\xfb\x1e\x80\x88(U\xed\xc6\xc3\xf7\x9a\x97\xb0\xb6\xc8?\xf6\xcf\xc0G\xfdP\xbd&lt;\x06\xc8k:\x1c\x0c\x1d\xc1\x0c\xac\x17\xc5\xd31:\xf4B\x82\xd2\x95\x1a$\x19pw\xe6\xee\xd7\xf3\x0e\xfe\xef{P2kHWo\xe0vI\xe9P/\xe4\xc7\x9f\\\x1a\xe0\\\xb5\'\x13\x05\x08[\xc5q\x83e\x94\xa2MT\x98\xf2R[\xc1\xb3\x7fb\xfc\xa6\xa7\xec\x7f\x00\xe9J\r\xb2(\xa3\xecU\xc7Z\x94r\x84"\xb9\xc5\xe9\xcb\xaev\xebm\x17\xfd\xd5\x0fIRE\x188\xce\xde\xfb\xd6{\x1a\xe0\xdcu\xa7r\xceW\xdb\xb0XX\xcam\xb0\x90\x18\x03\x16\xdf\xb4(\xfdVc\x0f\x13\xd1\xe2\xa3\x1f\\w\xfd\xe75O\xdf\tkW\xbe\x0c\xe1\x8dB\xa4\x01%\x06\x88\x7f\xbe\x07t\xd4]\x92#\xe0\xf0\xad\xe2\x18m\x8f\x80S/-yu\x06.\xbd\xa5W+Q3\xd9\x1d\xdd\xf6\x93\xe4\xeb\xa6\xcd\xf4#\xae\xd2\xfc[\x97\xe9^\xed\x01\xe5=\xf5\xbewb\x95\x12x\x82\n\x00\xe2\xe5hg\xff\xad-\x14OD!E\xa1\xde\x00\xd6^D\xcf\xb9\x97\x89\x88\xa2\x17\xf1t\x89\xd4HT\xf9\xfb\x17!"_\xdb\t\xc7\xa44\x11\xad\xb1&lt;\xd5@L\x8f[;Jr\xf1oT\xec\xb2\x9a\xc5\x12\x1e\xb6\xf2\x8e_\xee\xce\x9a\x04p\x18\xd2\r0#U\xd1\xbe\xaeG7\x1d\xb1\xcf\xba! \x0fZ\xc37vw\xb2SOY[\xfc+\xb8\xdax\xbb\x18},"JQ\xa8\xb7\x91I`\xff\xc2}t\x9fk*\xd2s\t\xe5;\xadts9"\x16\x00L\x94C\x12\x91\xd0\xf8\n\x85Y\xe4\xac9\xb1Z\x8f\r!5&amp;\xea:\x9bu\x1d\xa2I\xee[t\xe4\xdf"\xcd\xe6\xb9e\r\xc5F\xbc\x90v\xea\x07\x11\xcd\xda\xf3\x86R\xd6vU\xed\xa8\xd3\x7f+\x00\xed\xfa\xfb\xdc$\xadf\x13\xd9\xf7z\n7\x9d\xe7\x13\xd42R\xba\x06_\xcb\xfc\xbf\x9b\xa8\xd3\x7f\xab_\xee\xceDyo~\x02\x11=\xd1\xde\x9fc\xad\xef\x9e\xbb|\'*5\xd7\xd6\xd3t\xc4&gt;\x0bR\xcdO\x94\xd4\xac\xb4\xba\xcd&lt;_\xb9\xdbZ\xb3R\xd3A\xa5\xaek\xa2\x056%\x8a\x93\xbaX?\x9f\xac--5\xe6\xfa\xfa\xf0\xe2)8\x11\xc6bEG\xc9\xd8X\xbfMb\x9c\xd2\x14\xa9\x80\x91\xdcM%\x99\xb3\xda\x94\x12\x91;L9\xc5\xfe\xab\xd5w\x0b\x11Q\xdc2\x00\xe2\x06\xb7\xb14\x86\xe0\xf1\xe7\x98\xbb\xffo\xeb\xd2\x97G\x93\x84Hzf\x7f\xeee\x04\xdf\xfe\x82\xc6\xc3\xf6d\xa98\xca\xd3%\x91%v\xb6\xd6\x8e\x1b\xf4Y\x90\x04\xf4\x99\x7f\x95\xb3\xaf\x96\xd8\xde\x00\xc7P=4W\xad\xc9\xbaJ\xa3\x93\xe4\x8e\x9e&lt;\x02=\xe7^&amp;JX\xb4\xf9\x02\x00\x96\xf8Z9\xd2n\xd2\t\x85\xbd_"\xc8\x94\xd7\xb2\x93\x9f\xcds!\x0bq\xde\xe0S\xa2\xf3\xb43&amp;%\xee\x15\x14l\xec&gt;\xc5\x7f\xe9\xe0\xf0\xdf$\x82e\x86&gt;\x8e\xff\x8e\xe0j\xe3y\x8e\x8c\x92\xa1q\xf5^\x1bud\x91\xb7\xfet\x00fHfj\xc4\xc1;\xc3\xd6*0\x81\xd2\x882\xeb\x9e\xa1\xccP\xd6\xd6\\\xfc\xdb\x93\xa3&gt;+I`7\x1f\tr\xbe\xc0g\x00\xc5,&amp;w\xde\x92\xe3\x1f\xad.\x9a\x89\x04W\x1b\x0f`\xdc\xc6\'\xec"\xbd\xd6\x02\xc2L\xa2\x19]~\x03@Q\n\x99R\x96\x08Ep\x04H3^\x19\x93\x13\x8cpD)D\x14w\xc4\xea{\xed\xec\x01\x918\x90\x1a\xe1\xa5\xa9\xcby\xf2\x96\x1b(\xd2l\x1e\xf9U\xe2\xce\xceF\xf3\xd1\x07O\xbf2\xaf\xc2\xb1\x0b\x9c=\x05\xf8\xe7\xed\n4\x9a%\xfe\xe9\xc5-\x99\xf3\xea\xcf+\x91\x97\xce\xd5\xf7^[l\xbd$\xab6u\xfb\x0b\x16\xbf\xce\xb9\x01\xfeJ{\x1cT\xbc\xd5"\xad\xde)\x11\x91\xd1\xeb\x1e\xfen\xf0\xf1\xf9\xd7"\xa2\xe4\x05z\x9a\xf0\x1a$\xa9j4\x05\xef\x032\x91\n\xe5\xa8\xdac}\xa4t\r\xad+\xcfwTYp\xf8\x9f\x8b\x9a\x03\xc9\xc4\x11\xfd\x9f\x82(\x01\x11\x11\xa5\xe4?\xff\xca{\xcfT\xa4s\xf7\xffm\xb7-\xcd\xed\xfe\xdc\xf5"\xd7\xa5\xf0F\x13h}\xdc\x01\x1a\r\r\xf7\xbc\x1f\xb4\xec6\x9by\xee&gt;\xfbb\xda\x92\x03=V,wb\xf4{HV\x9d\xf3\xc0b-\x16\xf2x\xd6\x16n:\x97(\x87\xf03E\xa1\xde|\xc9\'\xaf\xdac\x83\xdc\xbe\xa9\xdb_\xbc\x07\x1c\xab\x0fW\x12\xc8\xed\xa87p;\x11\x11\xa5k&gt;\xea\x80\xf1\xea\xc3"\xd3\xe2\xe5\xa7\xad\xa8\xd78\xbc\x08\xfc*\xfd\x0f\x00p\xee5o\x01\xe2\x87\xb4\xb7\xf7h\xbd+Zv\xe1\xa6\xf3\xd4\x0fr!y\xc1\x9e\r\x87\xee\xd6\xf4b\x0c[yGGF\xe6\x92\xb2H\x9f7\x00%\xab\xee\xce(\x9c\xa3\xd7=\\y\xd6\xcd\rp\xe6^s/\x1fx\xc8\xb5JHD\xcc\x887"#\'*\xe7\x8d|+S\xb0\n\xf0T\x1c\xc2|\xb5\xebL\x80wL\x0c\xe4\x02\x10Vg*\x11\xb9\xf4\xc7\xd9\xeb\x18Lq\xcb\xe8\x1b\xeb\xfb\x04\xb5\x04@\x89*\x17l&lt;\xbbP\x93\xb9\xbd\xe7_5XV\xf7\xb0\xe4\xf8G\xe3\xd6.\xd5z\xca\xf6i\xc4\xbc\x06\xa6\xef\xfaSS\xcap\xec\xf9z\x03Ff\xb9\xb4\x9e\xdbp\xc8.}\x19\x89I_j\xb0\xd2n\x0e\xf1,\xbf\xb0\xce\xe4S\\w\x01~\xd32\xf1\x1b!\x88\x9a\xb1\xf1\x0b \xa4\xc6\x04O\x17D?\x9a$\xcfJ\xb4ZLi\x1b\xc8\xed-\xd7q\x85\x19%R\xe2\xbd\xd2W\xe30\x03\xcf\xdf\xad\x88L\xc9\xaa\xe9-\x8f\x07P\xae8n|\x84\x13\x95\xba\xaeq[\xd9\x04bdn\xaev\x88\xb0\xa6\xe58?\x13\xbf\x1c\xd9\xae1\x87\xf3\x19\x1a\xc8\xbb\xf3\x17\x94n\xb7\xec\xc83\xcc;\xf8?\x03\xe9\xb8\x99\x084\xdb\xe6y\x00\x98\xee^)\xfdq\xa5\xaekRxD%S\xa6\xa1+~]w\xd1\xea\xce\xb1\xbbc\xb5\xc9b\xf3\xa5\xcc\xe3\xe1bD4\n5\x99[\xb5\xc7z\xf9\xfd\xa9M\xcf1\xb8\xda8\'\xbd\x0e.\xf8\xbb\xb7\x00\xb2V\x1e\xad9\x03o\xc5\xb9\xf9\xf5\x8a\xf1\xae\x0b\xd1\x8bJ\x98\x16\x13\x11Q\xc7)\xa76\\\x01\x1b\xc2\x1a\xcfg\xf0\xb2\xdb\xdcw \xd1\xed/^y\xaf\xdcC\x94B\xae\x92\xbf_\r\xfc_\x81do\xb5\xdd\xc4\xe3\x9a\xe4\xa9\xbfU\xe2F\xe8\xb8\x02\x9e\xa5F\xefM\x9e.\x82\x03\xccN\xb9b\x97\xd5\x00\xe4\x9b|?\x00\x7f\x00D\x19,0\xffLXQ\xab\xa6A\x92\xbc\xddl\x1a:\x9e\xc3\xb9\xf5\xf5\xaf\xe9\xd9\xf2H\x92\xb9\xc2\x88\x16c\x0e\xe5\x94\x8c\x9eaL\xc5\xde\x95\x82\x8dg\x9b\x94R\xd6\xc8\xe9\x1b\x99\x94\x94V\xdc\xe0\x0c\x9dm\xdc\xc6\'\xce\xdb\xa2\xb8D\x99\xd4\x89%2@\x89\xf2H\xc8\x14\x1bd\xe3UPL\xfds\xbc\xdf\xd1D\xf9\x8e+\x99\r\xad\x15\xf4\x9awE\xf4K\xd9\x9a\xc4\xf3\xf8\xe6\xea\x10)\x9d\xec\xdc\xb2\x9bam\x07\x9bL\xddrC\xa9\xf3*nk\xe2\x06\xb7u[\t\xe5\x11\xc9T\xe9\x1c}\xfa\x96g\x7fw\xfe\xe2tz\xc6\xab\x1c\x16\x89\x9a\x86\xbf\xf5\x07\xef\xb4T\xbb_\x9e\\\x19\xca\x0cq\xf2.\xd0\x05\xc7\x14V\xecR\xcaf\x9f\x9c\x8fI\xd3tB\x95\xee\xeb|\x82Z\x12\x11%\xa8\xc0y\x8a[\xd06CU\xb0\x89\x99\xce\xc1\xa2\x1b\x18\xc7\xcbnK8s\xf6\xfdE)\x9c\xfb\xac\xbc*?\x1a\xf0.[6O\xf1\x07\xd0g\xc15O\x97\xc2+\x10j\xecVc\x8f\x98\x99n\xcc\xe2\x96\xce\xef\xbe\x13\xb5534\x9a\x95X\xce\xe4\xad\xbfk\x9a\xd6\x0b\xab3%M\xf1\x01\xecb\x0e&lt;t\xae\xee\xad\x98R^w\x897\xc1\x03\x0f\xb5\xe7+\x1f\xf4\xadz\xaf\x8d\xcbN~\xd6\x9c\xa0\x0b.\xb1\xacy\x010y\xdb\x1fDq\xf6\xdc\x03_L\xd9\x90C\x8f5\xdc|\x00;\x7f\x11=\xafh_I\x00\x00#\xfck\xbb\x1b\x19\xee\x00\x9e\x8a[\xa5J\xe5nk]\xd5\xa9\x1a\x0e\xd9M\x94\xd3\xac,J\xb6^\xe2\x9b\xb3\x03\x11}\xad\x92\xda\xfc\xf4\x99\x7f\xd5~+\xbeuX]\xc1\xb7\n\xc6%\x95\x9a WG\x8aQ\x14@\'U\xc9 C\xdapA|\rS@}\xad\t\xff%\x95b\xfdA;\xb4\xa6\xc3\x8f\xfd\x1aRM\xda\xf2\xdc\xf5\x92\x02J\x0c\xf0\xde5]Yde\x11M\xb9\x96\xa9;^PT=j\x1b5zo\x02\x90\xbd\xda\xb8\xcc\x15F\x1a,\x83\x02\xf0&gt;\xbf\x1d\x05\x92\xe6\xef^\xc0\xb4\xe9zi\x06,\xb9Yw\xc0\xb6J]\xd6x\xb3\xebH\xfe\x86\x92\x133\xea&amp;\x81\xa7_I\xbf\xd2\xdf#\xe0z\x08-!j&lt;M\xe4\x0c\xe2\xe5-\xc5\xf5\xd4TuL\xcc\xf7\xca\xff\x0c\xd6\xc3~{\xefAbB+I\xben\x0e\xbf}\xcbo\xbc\xaa)\x1b\x1fJ^\xc3@\xb1\x8c\x91\xb6\x01k\x9f\xa29J%d(3\xe4^Dj\x80\xc3\x00D\xcd\xd8Dn5\xba\xf9\xa8\x03\xba\x93\x0e\xaad\\^U\xc7\xdc{\xea8\xc1\xae\xb1V,E:l\x805d\x98\xbc\xed\x0f\xab\xf3\x00\x90\xa1\xcc\x10\x05{\xef\xa9;^\xca\xed\n,7\x9c\xdc\xe1G\xe7\xb0\xae\xd1{\xfe\xd5k\xff i\xfe\xee\xaa\xa7-9\xfe\xb1\xd3\xd4\xd3\n\x07\xb4\x1c{X9\x85,\x15G\xa6($\xadG\xfb\x1d\x8d\x84\x05W\x1b\xa7b&lt;\x11\xb3X\xb2\x02=\x1d\xb6\xb8\xac&gt;x\x1bC\x96\xff\xc2yd:e\x9f7;9kN$\n\xd3]\x1eV\xb7\xcf\xe1\tW\xafE~\xd2]r\xf6\x91\xa4\x03\xbbZ1\xdb\xac\x0f\xa92\xf0\x06\x1b\xa9\xd8y\xf5\xd8\r\x8f\xc9\xbf\x16\xbb\x96\x8e\x8au\x93y\xe4\xdep\xc5\xf3\xf7\xed;\xc6b\n\xc9\xad\xd9\x07)\x9e\x15` G\x1b\x85\x9b\xce\xab\xda=\xdc\xe6s\xf5y\x00\xd8w\xdf\x9c7J\xed\x8b\xce\xdbe\x86W\x07\x03\x95\xc2W\xd7Y\xc9\xcc-\x84&gt;\xd8\x9c\xa2\xa7K\xa1\x81\x0eSN\x01\xa0xey\x0en\xa5\xd6\xdb3N\xe1\xa6\xf3X\xdd\xfe\x8by\xb71\x98\x88*w[k\xf7h\xb6\xd6\xfa\xb4\xf1\xf0\xbd\x92\xdb\xbd\xa4\xf5uDVvJ\x95?\x00\x00Q246\xb14R$\xf3\x9e\x8e\x8b\x17\xc2mn*1\xe6\xee&gt;\xfb"\x7fF\x17\xff\xc6#\xc0\x88`\xea\xfaK\x18\xb4\xec\xb6\xd6\xb34\t\x1a\xc8\x92\xb6\x01\x806\xe3\x8f\xb1_\x19\xca\x0c\x8d\x91E\xd5\xa3]\x15\xfe\xb5^+\xa4\xbc\xadb\xc2\xe6g}\x17^\x17mHK\x14\xddc\xa5\xd1\x83?Eu\xabqF\xca"\xba\x83\xbdf\xb4\xd5lq]t\xd4\r\xccH\xcf=\xf0N*|\xb241\xb3\xb4h=\xce\xe9\x13\xf3gu{\xebqGTN\xceR\x91s\xa9/\x0b\x11\xbd\x04\xf6\xdesC%\x9e\'M\xb1\xfeD\xe1\x02\xe5v\xf2\x03\xe81\xe7\x92\xea\xf9\xf5\x06n\xdf}\xc7h9\xcf\xbd\x91L!1\xb7\x0e\x9c\xb7\x900\xac\x13\x00\xa2d\xd75\x84x\xf3\n\xf8\xbf\x01\xab\x19\xbf\xf9\x99\xe4vM\x9d\'3Z,=d\xab2\x86\xff\xe0\xc0r\xc3\xd6:\xaa^\x08\xaa\x96\xf9\x1a\xce4\xb3XDD\x940\xac\x13\x11\x11EU9.5op\x85\xef|S(\x8d+\x9c\x9b\x0f\r\xf4_t\x83\xff\xe0\x91k\xee?t)\x03\xb36\xd5\x93w\xb1\x96\x0b\x97\x9e\xf8d\xfb\x91\xba.\x11\x95i\xffC\xbd\x81;r\xd4\x98P\xb2\xcd\x12=)JQ\xbe\xe3J\xd5\xa0x`1\\c\tA=\x93\x03\xc8^u\x9cj\xe2?\xfd\x07\x00Q\x03\x9b\xe8+\xdb\xaas\x903A\xdc{\x0f\x85\x9b\xce\xd5\x96\x9c\xc8\xff\xca\xd3\xe8\x96\x83\x89Y\xba\xdd2\xa2\xd4^\x19[\xd4\xeb\xa8\xd1{\x93\xf1\xb9\xc4\x94E\xfa\x9aR\x18"\xeah\x0f\x97\xcb\x89\xd3\xc2U\xed~[\xcc*\x89\x04\xd2.\x9e\x89-\xcc\xf1\xab [\x95\xb1r\xbbbfiAD\x8e\x0e\xbe\xde/\x96"W\xc2\x18\xfd\x17\xdf\xb0K\xf3j\xc3\\q\x82$\xf9\xbaE\xcd(\xd7\xa0d\xae\xd8e\xb5\xf8\xb7\xfe\xe9\xc6\x1c\xd5\'\x00\x18\xbd\xee\xa1\x90\x90\x90\\\xa2\xdc\xa6y\xf7g\xa98j\xca\xb6?\xf6\xdcE\xad&gt;?\xca\x1dc\xbf\x86LN\x1b\x1fI_X\xd8\x96\x9b\xe1\xdbG\xae\xb9\xcfN\xcf\xd7\xc0\xd6g_{\x01\x1a\xec\x08|J|\x95\x13\xb6\xb1\xb3\xb7V?H\x86Dy\xba\xc4\xc8\xdc\xdc\xbf0g&lt;\t\xd3p\x14\r\xf0.\xe4Z\xa6\xda\xfd\xb6\xeaM2\x8e\xed\xc5\xf3\xabh\x96\xfaX\xae\xda\x93\x01\xd4\xee\xb7\x85(V\x81\xc6\xb3uX\xc0\xbes\xef\x870z\xdd#\x00\x94Hs|\xc0\xef\xd8I\xbc\xec\xe4g\xa1\xfa\xea8\xf5\xf4\x8a3\x11\xb8*\xf3\x92\xaa\x18\xc0\x0f\xdc\x0e\xa2\x1d\xa7\x9cRm.\xa5-]\xb3U\x19c\xb3\x0c\x9arj\xc0\x92\x9b\x00&lt;\xa4G\xe1H\x82\xf2z\xce\x12\xad\xc9\x07\x96\x1bf\x17\xc16\xcdm\xd1;)\xder\xa1\xdc.\x00D\x91\xf4\xa7\xdcj\x11Q&gt;\xe1\xe7\xfa\xcb\xb8\x0f\xf4\x98\xad\xbe"`\x84u\x97&lt;\xff\xedi$\x0e\x00\x9bh\x8cF\r\xcb-7\x84\xa5\xfa\x00\x00Z\xf5\xe6\xe4\xa8\xd6s\x03Q\xcaFCwC]\xdeA"f\xd4\x1d\xf7V\x7f\xb6;\x10\xd9\x88\x0b\xa6\x12\x81\xe5\x86\xb1\x7f\xdc\xeeh\xab\xb9\xeb\xd3t\xc4&gt;\x1d\x1a\x96\xb3\xf6\xbe=\xfd\xca\xc9\xd4 @k"\xfa\xa8\xd8y\xb5\xfaA\xda\x88\xc6\xde\x07\x8f\x0b\xd7\x97h\xbd\x98\xff\xe0\xc8\xe9\x1b\xb9\x06\xe6\xca\xec\xf83~\x9ez\xd3\xe5\xce\xdfz\x13\x00\x02\xcb\x0e\x93\xd9\x9f\xd2tYD\x0bH\x1d7\xb8\xed\xd8\r\x8f+u]C\xe4\x9f\xae\xd4 \xd6\x8dZs\x01\xd6N\xa9y1\x00J\xb66\xb2\x88 \x9eV\x8d\xca&gt;\x8c\xcd\xd7\xddT;_~\xe7u-\xf1\xa4-\xcf\xd5\x0eQ\x8a1\xe0J\xaeZ\x93\xcavX\x0e f\x96\xe6\x16\xdc\xd8\x8c*#\tC\xb2\x03\xa6\xc1\xde\xab\xfe\x8bo\x10\xd1\xc85\xf7_\x00F\xc2\x1cI\xa6\xbf\xf4\xf8\xc7\xa2\xcd\xe7{\xc3\xb8\xca\n&lt;u]\xb7\xbf\xe0\xcc+\x93\xb3\x8e\x91\xb9\x19{\x1f\x96\x9f\xfaBDzm\xcb- Yu\x85\xfb\x9c\xb7\xc1\x0c\xe1\xff&lt;\xf5\xa6\x9b,\x18\xe7\xc19\x81\xfd\x0f\x00@\x1c\x01\xadX\x0b\xd9\x01\x1f\x11Q\xba\x06~a\x9d\x89\xa8r\xd7\xb5\xac\xcc\xb7&gt;C1n\x94;\xf0\xd4\xdd\x03\xa0 \xc2\xa5\x83\xd8\xd9Z[\xb8*,\x9a\x84,\xdfi\xa57V\x97\xba\xa4N\x14\xf1#\xe1\xfb\x8aV\xc4\xec\xc4\xe9\xa5\xe2=,\xdej\x91)\xb9d(3\xb4F/C\x02\xfa\x07\x1f!v\xb6\xd6Dt\xf4\x19\x0e?\xc5\xf4\x9d\xafL\x14\x08\xdb\xff\x00\x9b\xae\xe13\x10&gt;\xb9\x12\xa3\x98Y\x89{\x9ch\x81M\x8c\xa8\x08\x18!V\xd6V\xd5{n49\xd14u\xd9\xe70p\xe9-+"\x1a\xe9f\xd59\x9cz\xc9U#\xb5\x19\x7f4gM)m\x7f1au\xa6\x98+ok\x05\x82/\x8d=\xaa&lt;Q\xdc2\x80\xed[\xe59\x9d\x88\xd2\x95\x1a\x0c\xc0\xecf\xc3\x03\xb1\xcct\xac\xca\x97\xed\xb0\xdc\xa2\xc2|\xc7T\x02\x01\xfccv\x87c\xd59\x95~\xb3\x89\xea\xff\x85\x9b\xcd3%\x9d\xf8!\xed\xc7o~\x96\xa2P\xaf\xea\xbd\xa4j\xf6\x18\xc5\x12\x86v\xd2\x97r\xb5\x9e\x1bZ\x8c&gt;h\xff\xa5\xa4\x88\xeeJ\x93\xe1\xfb\x12\xe7\xe9\xaa/_\x1ej\xf4\xde\xac\xfb\\o\xec\xa7\x1a\xc3\xed\xe3\xbd\x007\xe6e6\xc7\x9e\xc3\xba\xee$\x00\'c9\xf6l\xd44P\x1c\xc4C\x06-\xbd\r\xc0\xac\xce\xbe\x07\xf1\x12\xdb\x84\xef\xb8\x1f}ms\xe7\xe9g\xcd}a\x92\xe4\xeb\xd6m\xe6y\x99\x9d\xa4\xff\x9e\xba\x00\x00 \x00IDAT.\x8a=z\xe7\xb7\x7f\x93/\xf3\x82C\xef\xe3\xe7l/1-\xc9\\B}J\xd8}\x9c$H_z\x08Q\xca\xca\xdd\xd6\xe6\xa81\x81(\xbd\xb62Y\x15%=\n}S\xdf\xb5v\x15dU\x8a4\x9fo\xe4\xf4\xc8\xe9\x1b5\x1d\xb1Of\xa7\xd7[\xe6\xc7\xca\xda\n\x80\xa8_\xc9A\xbc2,\xec|\xe4\x0c\x8dn}\x06\x00\t_C\xf9\xf5f\xf6\xb2\xa6(\xe4b\x9a\x9b\xb8\x8a\xa3#\xbc\x98l7&gt;:\x98\xa2\xd8\xad\xf6\x15Hk\xd1\'aDH\xe8\x1b\xfaP\xbf*\x8c\xc6\x85-\xd3\xfe\x07\xc5G\x9fU\xe1\\\x9e\x17F\xe3K\xe51\x9f\xf8(\x19\x1a\xdb\xfc,\x03\xea\xd9\xb7\xd9\xaaHA=\xb8N\x7f\x9b9z\x8e\xea\x13\xc4\xe7:\xdc\xc0\xb4\r\xce\xbd\xe1\xfd\x94\x04\xaf\n\x11\xb2\xd2\xa1Z)\xd7q\xc5\xc5\xbf\xb5~\xd4:\xee\xbf\xf7\x04\xba0Y\xf6\xcbp\x95\xa8\xa0.\x95^\xf7\\\x8b;I\x0f\xc0H\x88S\xf1\xda\xb5\xc03\xf9{\x1a9}#\x00\trut\xdd\x05\x16\xaf\xd1\xbf\x96\xee\xc28\xa5\xe6\x97\xbb\xb3)IYJ\xce\x9a\x13k\xf5\x95\xf5\xec\xf2~\xdc.(\xfdU\x91\xad\xca\xd8\xe4\x05{j\x1e\xcf\x11\x8d\xdb\xf8D\xb4\xe4\xcc\xeb3:h\xd9m\xa6\xcf\xa3\x8aOP\xcb\xc9[\x7f\xb7\xff2\xd5\r!U\x1dWq\x82TEm.\xd4\xac:&gt;\xfc\xc49\xae\x97SM\xbd\xe0\xd0{3\x8b\xe4Fr\xd4\x98 \xff\x08\xb8\x1e\xcd\xd7D\x84\x1f\x90\x08\x8b\xac\xbaO_u\xd6\xfd\xb7@\xac\xac\x1b\xc0s\x82\x0e\xcf\x16\x95\xdb\x12\xb5ph\xed)%\xbcfZ\x9bcL\x1f\xce\xa0e\xb7\xab\xf5\xdc \xfc\x8c\x94\xae\xa1o.\x83\xee\x19IU\x8f(\xd5v\xa9\xcc\x1e\xaf\xd0\xc2\xf5&gt;\xac22`\xeb\xbe\x00bem\xa5\xf5\\\x00+Ns}Jln\x8c\x88\x12\x84v\x0c\xae6\x8e\x88\x9a\x8d\xdcOD\xa6D\x83\x07p\x1f JN\x14\xf0\x83\xcdV6|\x17\x11u\x99~\xceI\xfe\xb7\xf10\xb1\xd2m\x8a\x08_q;\x90q\xd2\x96\xe7\xfa\x94+,e\xcc\xfaG\xad\xc7\x1fm:b\xbf\xec\x11I\xab\t\xffz\xb3\xf7\xbfN\xe4^2\xf1\x12\x8b\xd0\x00\'\xc9\xdbMS\xe2\x89rw1\xd8x\x9b\x84\x9a\xa0\x9d\x01\x8e?W\xba4\xfb\xb5[X\x00\xe3\xdc\x95z:\x07\x1e\x82\xe2\x87;L;M\xd6i\xc6\xaf\x12G\xb0\x01i\x9b\x97\x12\xad\x17\x13\xf9\x1b\xca]\x1eA[&amp;\xc2\xd1z\xdc\x11\xd8\x02%Q\xfa\xd2\\\x81\\\xdcCp\xb5qE\xf8\x8c\xad\n7\x9b\xf7\xb3\xed\xdd\x8bF1\x8bS\x94B\xbd\xe7_%\xca\xf4\xab\x195FP\xa5Q\x00^\t\xf5O\xec\x92\x1f\xeciv\x99q\x8e\x02\xea\xab\xf8\xae\xf8\xd7\xf2t\xad\xf5\xad\xd0f\xc2\xb1\xe6\x9a\x16(#\x0c\xeaC\x0e\xdex\xbd\xb6\x97X\xd4\x19\xe1\x81\xd9w\xbc\xd1\xf3\x1e\xa7\xd5$\xf41\xf1\xc7\xdf\xa4\x96a\xc8\x1d\xa6k\x8a\xca\x00\x00\xac\xb7\x85\x8el\xd0x[\xb2\xa2\xc9Z\xd9I(8w\xb2\x02=tgQ\xb6\xc3r\x8a\\P\xdf\xb9\x16\xd5\x83?\x9c\xfa\xf2\xc3\xc9\xcf\xaf#l%\x0b s\x85\x11,N\xb0W5\x15U{\xacW?\x88\x11\xb7\x8ch\x0c\x1aH\x14\x1f@\xdb\t\xc7Xm#?\x1d\xc2K\xc5.\xab\x7f\x81\x03\xf6=\x89]c}*\x12\xccU\x99\x12\xc5\xce\xdez\x82\x8c&lt;\xb8#^\xaa\x1b\x0f\xc0S\xdeJ\xdf\x0c\xba\x05\xac\xe2s\x05ur\xe2\xe4\x0b=U\x03\x00Mm\xa7\xdc \xfb\xfc\x1b\x00H[r\xa0\x8e2p\xf2\x0e\xa0\xd8\xa5x\xc2\x8f\x9bB\x89V\x1a\x84W8\x91\x1b\x05\x8e\xdb\xf8\xc4\xbcLbR\x14\x07\xefX~\xf76\x9f\xa0\x96\xe6\x15\xc3Z*w[kA\xaa\xbc\xe1,\xbd\x81\xa0J\xa3\xf9;\x9d\xe5;\xae\\\xee8Y\r`\xf6\xde\xb7v#\xca^F\x02\xaf:%+\xbf\x93\xab\xa8\xc2\x93\x1d\xbf\xe9\xa9\xde\x8c\xc2I[r\xa0\x93\t\x8b\xaeQ\x8a\xf9\xb4\x1a{\x98\x19]\x7f\xc7\x12R\xd4P\x8b\x10j\x14\xa3\xc6\x9c\x92\xcc;\xf8\xbfH\xe9\x1a\x12\xd1\xa1\xc7N\xafi\xf8\xc5\xc8+b\xc72\x12\xe8\x8d\x13\x005\xb9\xbc\xf4,\xf2\x19\xb7ZT\xdd\xb5\xd89\xb9\xea\x9ax.\xb1\xc0\xec\x18^QVB([\x8c\xcc\x9e\t4d&amp;_\xa9\xfa\xf1\xfe\x87r\x8bS\xb1\xe7\x1fz\xcfvY\xeaVKD\xe5;\xad\x12\x16\xd7\xf8\x823\xa6\x00p\xeb3\xfc\x0b\xf7\xd6\xb1:."\xd9g\xc7\x0b\x8f\xd0\xb2\xcc\xeed\xcc\xfa\xc7\x14\xbf\x9c\xdb\xb35\xa7S\xa2d2\xad`T\xcc\x00PHk\xc0\x1f3\t\xf1\\\xd6\x9cx\x818\xb65\xfc.\xfdnX\xd2\xd92\x05\x00\x8d\x86\xee\xf6t)\xbe\xa3L^\xc8\x07KOS\xac\xff\xd9\xd7\xeeh\x93\x96\x9d\xfc\x04\x9b\xc2e\xd6-7$\x82\xc7\xb9\x9c\xf1\xd5~\xe6\x11\x82\xb8\xc1m\xe5vYel\x94\xba\xce\xe0\x1f~6?YG2P\xaa:\xca\x03\xa9\x8b\x7fc\xfbm\xd9\xcbS\xb8/^\x80\x9f\xa7\x0b`-\x8d\x87\xed)\xd5v\xa9\x11G/\xad\xa4.\xd6\xcfmy}\xc7|Lr\xc3\xb3\x13\xa0\xef4\xd7h\xa9\x9e\xc5\xb5\xfa\xe6\xd9\x12!HS|\x80\xa7\x8b`\r\xc9\xaa\xdf\x05Dcbs\xa5\x0c}\xd9\xcc\xab\x06\xa2\x14b\x11\xc6\xb4\xe6\x94\x9c\x88\xc2\xeaL\xd1z\x9a\xf7\xa0\xf4a\xa4\x95\x8c-\xeaV:O?{\xe5=\x06-\xbb\x1d7\x87\xf9=\x15\xd6\xf5\xb3\x07\x93Hdz\xfa\xdfQ B:X\x87\xc7\xd2\xfe\x8e&amp;r\x00(\xd3\xfe\x07O\x17C3\xc6-\xda\xdcH\x06qt5eZ\x8d;\x02@s3)\x87h&gt;&amp;\x7f\xc3\x99\x00\xb6\xde\xe4\xeao\x01`!\xce\xe2\xe5h\'^\xf1\xe4\x1d\x94\xdb]\xce\xadr\xf6\xf0N\x1a\x0f\xdb\xe3xw\xa2\\}\xaf\xaf{\xcb\xec8Tz=\xee\xf1\xc8R\x0f\xc5\x93\xb2\x16Q&gt;\xa2x\x00\x9a\x8e\xdcO\x11\xafSo~\x98\x07\xe3w \xa2\xddC\x9d\x98\x1c\xbf\xe5;\xa6\x10\xb3x\xf2\x82==]\x08\x0f\xb0\xf9:DB.\x9eE"^\'\x11\xbd\xd0V\xe7k3\xcdw%\x8b\xdd5\xc2\xc6\x92c\xff=\xd6P1\xc5\xf1\xdc\xfa\x8a\xad\xcfbu5\x1a/\xa4\x9dAURI:L9%&lt;\xe6\xd9{\xdf*\x1cY\xb6\xc3\xf2\x86Cw\x13e%\x8am?%Qp\xb5q^\x14\xcf\xeb;\x11\x00\x17I\xe7\xaf\x05K=&amp;\xa41\x18\xde*z\x11\x9b\xc6\xb5%D\xae\xd6s\x83)\xa6\xa3y\xeb\xcf`\xa1$M\xc5\xdb\x83\xb8\xaf\xbb\xa8\xa5\x01\xde&amp;\xbf\xc4\xcb\x03\xcbi\xde\x81wN[\x94\x15\xdd\xf25\x98\x19-\xb0\xa9\xfdW\x0c\xa2\x04F\xca`\x80L9kNr\xbaSR\xd3\xc5\xf9lO=M=\x97]T\xa8\xc9\x1c\xb2\xbc\x15\x97\xd6\xf4\x08_\x94Uv\xb7M]\xc7\xf5\xad\x8d\x9b\xa3\xad\x97\xc4|\xfd\xda\t=mv`T\x8f c\x94\x97\x9c\xd8\xcb\xefSBjg\rk\xcb\x141IY\xa4\x0fg\x94\x9a\xc8\xe9\x1b\xb9\xbf\xdf\xf3\x06xf\x92\x8e\xd0\xe1\'\x96O\xfey!\x9b\xae\x02\x80\xa4\xd2\x91@(1gV\nS\x0802p\xe9\xad\xbd\xf7\xd4\xef \x00\xbb\x98\x1c#@\xb5\xfdOQ\xb0W\x95\xee\xeb\xd2\x97\x1e2g\xdf_\x00\x86\xad\xbcS\xb4\xc5\x02\xe5\\\xc8\x80\xc1\xdb\xef\xdc\'\x9e\xf9\x13W\\f\xa4#\xa5kX\xb8\xd9\xbc\xd8\xd9Z\xcb%\xd2w\xe1u\xb7\xbeg.1\xc9\xd3\x97\xd2!\x8a\xf4\xdd\xb0\xd3=\xc4\x1a\xb5\xf6\x81\xa7\xcb`\x02\x92o\xf8\xd1g`\x8eE\x92.\xad\x00(M]\xeb\x8bf&gt;+\xce\xa0\xd3\xd43\x9e.\x05\xd9\x979\xa39mo9\xf6\xb0Y\xde\xd2\x1c(\x85\xf4\xf0~\xfa\xc9F\xe2\xb1\x14\x7f\xa2\x14au\xa6^}\x0f\x89\x15\x9cX\xd9\x987[\x02"\x92V-NS\xef\x1e\xb0\xc0\xee\x99\xa75s\x9e\x85\xcf\xa8\x81M\x16\x1d\xfd X\x12\xf1x\x88\xc6\xc9\xde\xc6\xbc\xc2H\x07\xbb\xd0w\xbd;\x7f\xb1\xaa\xa3\'\xe9\x139v\xc3c\xf1\xcf\xbc\xf5%\xa2VD\x04&lt;\x108\xd9c\xc4.\xe5\xbam\xfb\xcfn\xe8\xb4\x85\x1b\xc9[\xf1\x8a*|\xe9E\x9a\xcfwg\xaf4}\xe9\xc1\xf1C\xda\xeb\x8ej\xb7\xf9:\x00\xc4\xc9\xde\x86%e\x86\xddF\x12c\xa7\x13\xc9\x04\xa4ae\x9b\xba\xfd\x05G\x02_\xb9\'\x88\x97S\xac\xe5B\xd1\x07\x92_\xd3\xb9\xa1127\'\xbf\x8a\xfa^\xc4{\xec,\xdf\xf2J\x07\xf9\xd7d\x89\xbf\xe0v\xbd\x17\x17f\xc5\x19\x9c{\xcd5\xd5^\xb6\xc3r\x00G\x9e\xf1\x1a\xb6\xe9\xb8\xde\xaa=\xd6\xdb\xad\x91%\xa8?h\xa7\xa6\xd4\xbe\xc1I\x9bo\x93\xe8\x99\x9a\xaa\x1f\x141\x91l\x98\x87\xaf\xbak\xd5\xbb\x1d\xb50\x80BM\xe6:)\xafi\x82\x15\x0f@\xf4LM\xcdh\x80M@\x08\xe5\xe4@\xd2\xaa\x00"\xfa\xc0\xf4[\xc0\xfe\x16\xf9\x90_%\x16i\xd7i\x87\x12\xed\'\x9d\x10\x8e\xac\xd4e\x8d\x05\xc5\x8b\xb7\xff\x81\x86\xb7\\\xf8\xa4\xd9d5D\x98X&amp;\xff\xc2\xbd{\xcf\xbf*\xder\xe5}x\x16f\xe5\x95\xbc@OJXQv\xb7\xa2\xbbH\x92|\xddL)\xc3w\xbea\xb8$\x8e\x89Bt\x0b\x9b\xb0\x0f\xf3\xc8S\x87\xefe\xd35\xf6)Y)\xcbg7nz\x01\xe8\xd0!g\xc5\xf6\xcd\xd5\x01\xca!Gc\x16O\x10\xda\x91l\x13T^\xaa\xf0\xfc\x1dU\x92\xe5\xd7/t\xcf\xc3\x98\xf5\x8f\xc2\x7f\xc4,N\t\xec#R\x9eAq\xc96K\x04\xa3Yo\xe8\x0c\n\xb6\xdd\xb3\xf6\xbeIV\xa0\xe7}\xfb\xcfBM\xe6\xb2\x7f\xfc\x0b\xf5\x0e?:Yu\xe9T|Jh\x15\x10h;\xe1\xd8\x98\xf5\x8f\xd8\\y\x96\x8a\xa3\xf4_\x80\x08C\xf7\xd3\xd1\x10\xcc\xabB\xe2x\x1b\\\x1fX\xf4\xa2D4m\xc7K\x00\xe4W\x91(T.@\x93!"i\x9b\x80\xf2\x16b:[\x1b\xe8\xa0Ex\xd0\x9b\xcc\x006_wCe\x12]\xdfi\xddf\x9e\x07\xa0\x1aD\xb9\xf7\xfc\xab\xf6%\xb3|\xd3w\xbe\xd2\x97\x97w\x10\xfa\x00 \xca\xec\xa1\xdc=\x13o\xf4\x1f\xe0\xfa\x07\x94n\xb7\xcc\x9d\xed\x9a\x83 e\xb3Q\x07\x00\x0c^\xa6"\xb5\x95\xac@\x8f\xd1\xeb\x1f\xd9\x1b\xe0\xc4\x9a\xf2\x03\xd0k\xeee\xe5\x03\x1c\x9aL\xbe4\x010\xe7\x99\x8a]V\x03\xc8\xd7p&amp;Q\xa8x4\xbc\xec\xe4g\xb5d2\xd9\xff\xc9\xacu\xfc\xad\xa9\xb4\n\x147/Z\xf0\xcf\x1e\xea\x1b\x95hm~|\x08~"ghDb)\xdd8\xa5]\x8f\xa9\xd5\xf7\xc7\x8eSO\x13Q\xa3\xa1{\x14\x92\xea6\xeb\x02\x11\xfdj\x7f\x7f\x06,\xb9izi\xbf#\x00`\xf4\xba\x87\x94Z\xd52+*\xd9\xfa\xa9\xc1n(\x95\x11\x16\x1e\xf9\xd7\xd3E0B\xe6\xfd\x0fM\xab@z\xce\xbd\xcccK+"\x92YY\x8bH(\x1eXV\xeb\xb9a\xb4x\x18JDD\x00\xfe\x052\x94\x192\xc6e\x97\x02\xf7\x81\xd8\xd9Z\xab\x1d\x95\x8d7\xb9\x81Ko\xc9\xf9\x11\xdb\xc9\xcf\x9e\xcdb\xbb\xa9\x14o\xd2\xe1\xc4\x93M\xba\xe1\xac\x1f\x7f\xd2iN%\xfc\xdc\xf9\x8b\xb4\xe1\xa5r\xb4\xd7%\xc7?\xd6\xe8\xb5\x89\x1c\xe7\x96Uyj^\x03\xac#\x9d\xf2\x1dW\x9a\x92\xb5\x89\x0c]\xf1\xab\xa7\x8b@DQ\x95of\xaa"}\xed\x81z\xb8HY\xb8\x8f\x19\xa5\xfa\xca\x99\xa5\xe8t\xae\x83a+\xef\xb8\xd60\xd5{m\xe4\x7fpA\x95F\x9b[$1\x8e\x1e\x951\xad\xcb\xc8\xfd\xfcl\xe6\xb8"\t\x80\\\xb5&amp;\x9b\x94\x9a9\xcc\xdc\xf3f\xf1\xd1\x0f\xae\xdb\x8b\xb5\\8l\xe5\x1d\x85\x13\x9d\x06\x87\x1b\xae\x00@\xa8\x84j\xa4\xc3 \x9e/6\x8f"\xbd\xe6]q\xda\xb2\xe6\xbc\xc9\xb3\xd0\xc1\xd5\xc6\xe9KM\xb0\x92P&gt;,a\x98|\xf4\x89pr\x13\xe5f\xffu\x9af\xae\xbfA*\x8aR\x88(\xa9\x8e\x1e\x06\x07f\xc9\x96\x99/,\xe5\x85T\xea\xba\xd6\\\x01\xe4,\x15GEH\x11JYt\x84\xd6\xc8=f\xfd\xa3\xcc\x15F\x9aW\x86\xcc\xde\xb3\xce\xa5L\xaa"}\xe5\xc2HDP\xe2\x87\xb4O\x9a\xaf\xbb\xa7K\xe1\x01\xd2\x96\x1c\xe8j\xf9\x0b\x80\x12T b\xe1\xde\xc3\r\xc8\xc7m|\x02@\xcd\xbe/\x8d9%s\xfd\x0cv\xfdj\x8eS\xb6@\xb2\xfc=\\\x02\xbf\xf3\xd2s\xeee\x00j\x86\x0f\xf1U\xd3I\x92\xb7\x9b\xf0\x7f\xa2\xdc]L\x94\x95\x11n`\xcb\xf0\xa8\xe3\xa6\x113\xa8\x05\x80\xfa\x83v(\xd7V\xba\xab\xb3\x90\x9a\x13\xf5\x16M\x0e\xa3\xb3L\xc6\xeae\xb3\xdd0\xe2\x96\xb1\xbb\xf0}\x9bD\'\xa2\xaa\xdd\xd7\x8f\xdfd\x8b?\xbf\xfe2`\x8b\</t>
        </is>
      </c>
      <c r="E520" t="inlineStr">
        <is>
          <t>&lt;class 'numpy.ndarray'&gt;</t>
        </is>
      </c>
    </row>
    <row r="521">
      <c r="A521" s="1" t="n">
        <v>519</v>
      </c>
      <c r="B521" t="inlineStr">
        <is>
          <t>steps_per_sec</t>
        </is>
      </c>
      <c r="C521" t="n">
        <v>7500</v>
      </c>
      <c r="D521" t="inlineStr">
        <is>
          <t>5.3719153</t>
        </is>
      </c>
      <c r="E521" t="inlineStr">
        <is>
          <t>&lt;class 'numpy.ndarray'&gt;</t>
        </is>
      </c>
    </row>
    <row r="522">
      <c r="A522" s="1" t="n">
        <v>520</v>
      </c>
      <c r="B522" t="inlineStr">
        <is>
          <t>Loss/localization_loss</t>
        </is>
      </c>
      <c r="C522" t="n">
        <v>7500</v>
      </c>
      <c r="D522" t="inlineStr">
        <is>
          <t>0.0074975574</t>
        </is>
      </c>
      <c r="E522" t="inlineStr">
        <is>
          <t>&lt;class 'numpy.ndarray'&gt;</t>
        </is>
      </c>
    </row>
    <row r="523">
      <c r="A523" s="1" t="n">
        <v>521</v>
      </c>
      <c r="B523" t="inlineStr">
        <is>
          <t>Loss/classification_loss</t>
        </is>
      </c>
      <c r="C523" t="n">
        <v>7500</v>
      </c>
      <c r="D523" t="inlineStr">
        <is>
          <t>0.17468129</t>
        </is>
      </c>
      <c r="E523" t="inlineStr">
        <is>
          <t>&lt;class 'numpy.ndarray'&gt;</t>
        </is>
      </c>
    </row>
    <row r="524">
      <c r="A524" s="1" t="n">
        <v>522</v>
      </c>
      <c r="B524" t="inlineStr">
        <is>
          <t>Loss/regularization_loss</t>
        </is>
      </c>
      <c r="C524" t="n">
        <v>7500</v>
      </c>
      <c r="D524" t="inlineStr">
        <is>
          <t>0.03803955</t>
        </is>
      </c>
      <c r="E524" t="inlineStr">
        <is>
          <t>&lt;class 'numpy.ndarray'&gt;</t>
        </is>
      </c>
    </row>
    <row r="525">
      <c r="A525" s="1" t="n">
        <v>523</v>
      </c>
      <c r="B525" t="inlineStr">
        <is>
          <t>Loss/total_loss</t>
        </is>
      </c>
      <c r="C525" t="n">
        <v>7500</v>
      </c>
      <c r="D525" t="inlineStr">
        <is>
          <t>0.2202184</t>
        </is>
      </c>
      <c r="E525" t="inlineStr">
        <is>
          <t>&lt;class 'numpy.ndarray'&gt;</t>
        </is>
      </c>
    </row>
    <row r="526">
      <c r="A526" s="1" t="n">
        <v>524</v>
      </c>
      <c r="B526" t="inlineStr">
        <is>
          <t>learning_rate</t>
        </is>
      </c>
      <c r="C526" t="n">
        <v>7500</v>
      </c>
      <c r="D526" t="inlineStr">
        <is>
          <t>0.07994425</t>
        </is>
      </c>
      <c r="E526" t="inlineStr">
        <is>
          <t>&lt;class 'numpy.ndarray'&gt;</t>
        </is>
      </c>
    </row>
    <row r="527">
      <c r="A527" s="1" t="n">
        <v>525</v>
      </c>
      <c r="B527" t="inlineStr">
        <is>
          <t>train_input_images</t>
        </is>
      </c>
      <c r="C527" t="n">
        <v>7500</v>
      </c>
      <c r="D527" t="inlineStr">
        <is>
          <t>[b'640' b'640'
 b'\x89PNG\r\n\x1a\n\x00\x00\x00\rIHDR\x00\x00\x02\x80\x00\x00\x02\x80\x08\x02\x00\x00\x00\x83\xaf^t\x00\x00 \x00IDATx\x9c\xec\x9de\xc0\x15E\x17\xc7\x0f\xdd\xdd\xdd\xdd\xdd\xdd\xdd\xdd\xdd\xdd\x1dR\x82\xd2\xddH\x8a *\x02\x06\x8d")\x82\x8a\x85\n**\x06\x8a\x8a\xa8\xc8\xfb\x7f?\xcc\xdd\xbd\xb3\xbb\xb3\xbb\xb3{\xf7\xde\xfb\x80\xfb\xfb\x00\xf7\x99\x9d\x9d9[\x93\'\x88(\x1f\x80\xf4\x15G\x929\x00N\x7f\x8fLU\xc6X\xe4\x112\xff\x85\xafE\xc9)\x88\xe8\xfa\xbf \xca\x02\x80\x88\x88\x92u\x9az\x88(\xb9\x9a\xa3\xc7\xec7\x94CD\x94\x8e\x88\xaat_M9;\x11Q\xaa\xd2C\x8c%~\t\x00\xe8;\xff\x04\x93\x16\xc0\x86\x93\x7f\xa9\xc2\xab\xf0W\xc4\xff\xe6\xffT\x13\xdbOz\x99(\xdf- \x90?[{"\x1a\xbe\xec\xbc\x9a\x19\xc0\xb6\xb7\x1f\xf1\xe7.=\xf4\xb3\xaep\xa2BD)\xe7\xed\xfd\x8aruV\x93J\xb5yFt[\x04\x18\xe5\xe4S.\xff\x0e]fm\xd5\xb9\x82\x85\xc4\xaf1q\xe3\x07\x16\x15}\t\r#\x96_\x90\x94\x90\x88\x88\n:\xc9l\xca\x8c\xe7&gt;\xf5\xa4\x9c(\x12+w\x97h\x8b\xe0\x01\xc6\xcf\xc1\xc7\xc7\'j\x18\x9b~\xe3Q\xa2\x0c\xec\xcf1k\xae\x84X\xdd\xaa\xd7\xef\xb12+u]\xa9\xed\x17\x94\xbe\x90RZ\x9c\xbe\xf4\xd5\x9f\xc8\xa4\x8b\x8d\x93\xb7\xdb\xb4m\x9f\xf0\x99Yw\xfe\xa9\xe1\xea\xd8\x9f\xd7\xfe\xc2\x9b7\xd5J\x13\x10Q\xde\xfa\xd3\xb9\x9ce\xcc:\xef\x96c^ \xa2x\xf9\xbb\x1f\xfd\njN]\xb6\x9c\xb5\'\xb3\x1f\x15:-\xe7\x8f\xb6\x1e\xb7\xbf\xd9\xc8=o\xfd\x00\x00\x94\xa2\x01Qz\xa3`B\x00\xe4\xae;U\xfd\xb3L\xbb\xc5\x9f\x01{.3\t\x13\xa8\'\xf6\x98\xfd\xa6I\x01\x05\x89\n\xb3r\xce\xdf\xf5\x9b\xe0\xff./}\x18s\x9f&gt;\x80j=\xd7F[\n\x1f\x9f\x88p\xe9\xb7@\xf7S\xbb\xdf&amp;\xb3&lt;\xac\x13\xcaVc\x02Q\x99[\x86\xee!a\xa1\xde\xc6S\n5\x99\xa3+\xe1\xe2=\x14m&gt;\xafB\xa7\xe5|z\xe7i\x87\xd9\xd1\x03\xef\x0bZ\x04\xdbq\xfaM\xe0\xe2=\xfd\xc4\xb7j\x8f5\xea\x9f\xb7\x80\xe7/\xa3h\xf3\xf9f\x85\xbf\xfbGp\xb2\xdbj\xec~2L:\xb9\xcc\xd9\x01\x10\x95%\xa2\xa2\xcd\xe7k\x87\x0b\x94\xb6\xfcp^\x8c\xd4e\x87\xd6\xe8\xbd^_B\xaaF\x94\xa9\x95\xfa\xa7ZBP\xe0\xb4MI0\xcd\xd5\x14\x92\xa4X?\xab;\xe2\xe3cG\x9f\xf9\'b\xc8\x0c\xb8\xc7\xec7\x8c\x891D6\x1f\x9f\x08\x93\xde\xe2X\xd6\xea\xe3\x95\x0f#\x83LY\xbf\x87\xe1+JZ\xac\xbf.\x05\xc0sg\xff\x07\x80(+[\xc7\xb6\xe8\xbd2W\x1d\xcb\xff9l\xe99\xee\xaf\x9cDD\xc9\xea\x11\xd1S\xbb\xbfT\xcbYr\xf0G%CYVl\xf6\x1a\x13\x03\xe5\xc7\xaa\xc4F-\xf7\x81\xcdg\x1e\xbe\xfdc\xa0\xd2\xf6\x93^6V\x1d8%c\xabC\x9f\xda\xdc\x16\xdd\xb0@wH\xbd\xb4Rm\x16\tOO_q\x14emg]\x85\x8fO\xb8;\xb9\x9a}6\x84\xb5|\x1f\x9f\xc7\x95\xb7\x7f4\xed\xa2\x142\xca\x94\x03\xe0\x8d/\xa3&lt;Vm;\xe1%""Jh8\x924A\xa1^vg\xe7\xe7~\xa7\x13e(NDDq\x00\x1c\xfa\x0c\x00\xf6^\xe1\x16\xea\xe3Te=\xf4\x9b\xb7\x82sh\xed\xf2u\x90\xbdW\xf0\xf4\xfe\xdbv\xf2\xd8\x92\x95R71\xa6\xc6\xdc\x19C\x86\x96\x9e\x16W\xc0\xd3\xd2LYr\xf0G\x8a_\xc3\xech\xcc\xbd\xdb1\x89\xe3\xdf\xe0\xad\x1f\xdc\xdc\xa8\x02\x8df{.\x8c\x8fO\xcc"]\x85\x91\xb9\xeaL1;\xaa61\xb6mM\x99v\xcfz)\x96\x04\xb9\xebL\xd5&amp;$%\x81\x9c\x99\n6\x9e-\x14^I,**[\xdf\xbe\xef8\x8f\xe6\xa3\x9e\xd7\x95\x0f\xe0\xdc\xcf \xca@I\xea,\xd8\x7f[[K)\x00D\xa5\xea\xf4\xdf&lt;p\xd1\x19\x89\xab)D\x94}\xd8\xb2\xf3\xd6\xeb\xff\x9c\x00\xd9%\xca\xb4b\xdb\xd9G\xd6\x19b\xe5\x11h\x18e\xae:.\xc4zc\x083\xb6\x7f\x16b\tC\x97\x9e\xf3;`9B}W}|\x9e`\x92\x88\x93\xd34\xa5\xb8\xd5"+\x89\x8a\xd5\x02\xb8\x91\xfd\xd7t:\xdb\x9a&gt;U\xd3J\xc6\xaf\x0e\xe0\xda\x03\x10\xd1WNZO\x8b\xd5l19:\x12U\xa4\x94\x8d\x88\x88(\xab\xd4)i\x9b\x11\'m\xae\xdaS\xd4\xaa\x1d\xd4\xeb\x1d\x00\x9ey\xe9{}j\xf6\xf6\xd1\x90%\xc6\x92/\xdc\x15\xf8}|\xc4\xf0o\xb5O\x0cBU\xee-\xd2l\x9e\xf0\xa8\xc5\x89\xc2\xf4Xy\xba\xf0\x87\x1a\x0e\xden^yNY)%\xba\xc61\xab\xdfU\x7f\x9f\xfe\x1e\xff\x88\xf3g]~\xf8\xaeu-\x0ew\xb2\xe5:]\xcb\x1aK\xb7}\x86\x88\xde\xff\xcbq\xbb\x90\xad\xc6\xc4\x10kWH\xe1Q9!\xe2O\xa1\xfe[,\xd8\xf7M\xb4E\xf0\xf1\x89&amp;\xb1\xad{5\xcb\xa3\tn\x8alu4\x7f\xa7k\xe6Z2G\xa4+?\xc2\x90\x96:\xf0\x7f\xec*\xad\xc7\xeeW\x05K_qd\xdar\xc3C\xaf1~\x81\x1e\xecG\x8a\x92\x83\xf8\xf4\x1a\xbd\xd6\x85^\xf8\x7f\x8aY;?\x8fX]\r\x06?\x17\xb1\xba|b*9\xa3-\x80\x8f\x8fB(\x0b2\xd9k2\xf5\xe0\xa0\xc7\x86l5&amp;2\xd7\x16\xa1\xa3\n\xd6{\xee\xb1\x87\x96\xd3_\'\xadj\x9ap.@\xe5\xe2\xffh&lt;l\xa7\xfc\x99\xffx,Ul\xdd\xdfy\xeb\xcfpW\x90\xbf^\xe7c\xc6c\xfan\xac?\xf1 \xda"\xf8\xf8(\xfc\x0f \xa2s?\x9b~K\xd3\xb5&gt;.t\x94\xeb\xb8\xd4\x131\xbeu\xba\xf9JT\xb6\xc3\x12\'\xd9\x0bIjz\xffG\xa8\xd6\xc3\xf7{\xe0\xe3\xe3\xe3\x13NB\x1b\xa5\x96\x8f\xe0 7\x99}]9;i\xff.\x1d6a$\xc9b~H?\x07\xb5#iH\x82X\xd2}\x96\xc0\xf5A\xe8\xbb\xd7\xae(\x14\x8dJ}|||"\xcb\x07\xff\xe0\xe2\xbdP\xbbO]\xa7\xf8\xe1Cc\x81\xc9\r)\x02\x98?gGu\xd9\xe2\x85\x95\xad\x19\xc5C9\xf9\x8d/A\x94\xdb+QB\xa7\\\x87\xa5\xd1\x16\xe1\t\xc1\xf8\x8a&gt;\xa6\xcb\xb0&gt;&gt;&gt;\xe1\xc5\xdb\xa6\xa1H\xb3\xb9\x1e\x96&amp;\xc4\xb9\xc0i\\\xd5\x93M\x94\x98Z\x94\x18u\x12ySL\xbc\xea:o\xa0\xc6\x0c\xdeT\xe4#G\xdd\xfe[\xa2-\x82\x8f\x8fOx\x91\x9a\x9bJbt\t\xe9\x88;\x0e\x8dq\x9d\x94\x9d\xd2\xa1,\x0e\xb0\xf5"\xe9\x9a\x88\xcf\x9c,\x07+)\x1aFJ\x8c\'\x83r\xd1\x16\xc0\xc7\xc7\'\x86\x93\xb2\xd1\x84\r\xefG[\x88\xc7\x1b\x93n2\xa4\x05j\x87u\x85J\xe6\xaac\x89J\xfbo\x82\xa7De\xfb&lt;j\xf0\xc1\xb8|||\xdc!\xf4\xc5X\x8a\x88"&lt;\xa2\x07\x10O1\xa2\xf5\x84\xf0\x19wV\xe8\xb4\xcc\xdf\xe4\xf3\xd1\x12+\xda\x02\xf8\xf8\xf8&lt;\xb6t\x98\xfc\x8a\xf2\xd3\x81\xa7\xfb\xb2\xed\x1d\xd9\xfc\x08\xe1\xcdd\xe3\x85\\Z\xa4\x88\x9a\x9fNo\x89!\xbe\xae\x1e/r\x9a\x1d\xa8\xde\xd3w\xb7\xe2\xe3\xe3\xe3\r\xc1\r\xc2\xb7\x7f\xc0\xd6\xb7\xff\rG\x1d\xc5[.P\x7f\x87#p\xa1\x8f\x8fS\xcc\xfc\x9b\xca(\xd8\xff7\x97F\xfe\x9bW\xed\xe3\xe31\x00\xe2\xe4\xedfL\xdfq\xde\xff\xc0|\xc2\xc8\x07\xff\xc4\x94\x17\x8c\xf5\xbe\xb1r\x0b\x82A\x11\x11Q\xf1\xc4E\xfa\x18S\xd3\x94\x1d\xa6\xfc,\xb7\xfd\x9d\x98r-\xe1#c\xe5\xd1\xea\xef\xado\xff\xfb\xd0\xef\x80}|B$_\x83\x99DDT\xc2:\x1b\x17\x9a\xde\xe7\xf1\xe6\x85\xf7bt\xbby#\xe2\xcd\xfa\xfa\xe3\x7f\xb2\x0e8K5\xd3\xc0\x8b\x00\x9a\x8e\xd8mQH\x99v\x8b\xc3 ZL&amp;Y\xb4\x05\xf0\xf1y\xfci2|\xd7\xac\x9d\x9f\xb3\x98}\xc2\x0cO\xf8BS z\xe0\x13\x8b\xf1\xf1=z\xb2\x1f\xa8s\xc0!:^\x9e$\x02p\xfdW\xc9\x1bm\x01||\x1es\x02\x8dK\xd2z\xe2\xc3\x89jGV\x9cp\x902\xda\x02\xb8 \x97}\x96\xc7\x9f\x98\xd0\xab\xf1\x1d\xf0\xf6sAyf\xef\xfa\xe2\xe4m\xd8u\xcf./!&amp;\\\xb8\x8f\x8fO\xf4a\x8d\xcb\xf0e\xe7\xa3-\x88[\xb2\xb4\xb5&gt;^\xb2\xf5\xc2\xc8\x08\xe2\x13\n\xf1\xf2{i\x90FD\x89\n\xf7\x96\xc9f\xd1\xc5\x02\xf6\x1d\xb0\x8f\x8f\x8f\x8f\x8f\x8f\r\x936}\x08\xa0\xe5\x98\x17d2\'(\xd4+Lb\x00h;\xe1@\x98\nw\xc1\xf3\x97\x03\xfdk\x8e\x9a\x93\x88\x9f\x9b\xa6ld\xdb\x01\xc7\xf4^9K\x9bhK\x10\x05b\xfaC\xf1\xf1Q\xb1xY\x01\\\xba\x07Q\x9e"DD\x99Z\x87U\xb0\xc8\x90\xb4X\x7f\xb5y\x8d\x9d\xa7\xeb\xfd\x98\xf7\xe9\x96j\xb3\xc8\xc3\xd2\xca\xb4{\xd6\xc3\xd2d\xd8}\t\x94\xae\xb9.1\\Md\xac\xca\xee\xce\xb3\x98\xe0\xc6\xca\xdd\xc5\x9f\x01\xfb\xf8\xf8\x84\x85\xc86+\x99#X\x97=cV\xbf\xab\xbb\xfc4\xe5\x86\x11U\x8c\x96&lt;O(\x820\x12s\xf6\xdc\x8cL\xdd\xc2\xd7;q\xd1\xbe\x86\xa4:\xd6\xbb\xbc\xe2CI\xea&gt;\xff\xae\xdf+\xfb\xf8\xf8xC*\xf6\xdf\xa2\x03\xdfEW\x0e\x0b\xf2\xd4\x9d\xd6b\xd4^\xf1\xb1\x94R\x81\x04\x004\x18\xfc\x1c\xcc\xed&gt;c\xd2\\\'\x06\x852\xf4\x96P\xfb\xe0d\xf5\xbd\x91C\x81\xf5\xb2\xe9+\x8c4\xa6O\xde|\x9d\x88\x88\xe2\x0b\xcf\xf2V\x8c\xc7\x88Y;?\x8f\xb6\x08&gt;&gt;O"QlV\n7\x9d\xbb\xfc\xf0]O\x8b4z^,k:\xa7\x89[\x8d\x88\xdaN8\xf0\xb87\xac/\xbe\xff\x18\xc8\x9f\xb8\x88a&amp;\x1a~\x1a\x0f\xdb\xb9\xf3\x82\xf0\xe6\x94!\xa2\xb4\xe5\x87\xeb\xf6}W\x1c\xf9\xc5\xba\xc0H\xbd*Y\x14o\xed\xffQf\xed\xfc&lt;~\xc1\x9e\xd1\x96\xc2\xc7\xc7\'4,\x16\x1b\xb7\xbc\xf5\xaf\x9a\xa7\xcb\x8c#\x11\x14J\x9a\x045er\xe5\xaa3%\xccr\xc4\x00\xb2wpq\x12\x00[\xb5\xf9 !y\xff.\x18\xc2\xb9&gt;&gt;&gt;&gt;\x1e\x13\xdb\xc59\x9b\xcf&lt;\xf4P\x822\xed\x17\xb3\x0ex\xc1\xbeo\x8cG\xd9\xa1s??\x96J7\x17~y\xcc\x04\x8e\xd8\x1dV+\xaa\xd6s\xadG\x95f\xf4\xa2\x10OH\x15\xc5\xbac\xc07\xe2\x8fr|\x1e[\xea\xf4\xdb,\xf4\x02m\x06\x80\x0f\xfe\x8e\xfa\'\x17\x12Z\xab\x92\xd4\x00R\x96\x1a\xac\x1e\xfd\xf0\xa1f\xf9q\xd4\xaa\xcbQ\x14\xd5)\xc7\xbez\xbc\x1f\x8dS&gt;\xb5l\xfd{\xcf=fq4\x06\xf4\x1cad\xe8\xd2s\xd1\x16\xc1\x94\x98,\x9b\x8fOX\xf8\x0b\xa0d&amp;\x8e\xaeD$,d\xe6\xc1\xc0A\xd4B1\xb1\xabX\x1fOWa\x84.%~\x81\x9erEW\x90\xc9\xc4\xf7\xaf\xdf\x8b\xa6\xb9\x9d\xa7\x1dz\x1c\xcdN\x00\xb4\x1a\xbb/\xdaR\xd8\x10;o\xd7\x08\xd4b\xdd\xf5\xda\x92\xaf\xc1\x0c\xaf$!\xa2#\x9f\x87\xe5-z\xbc^N\x1f\x1f\x1fO\x08}\xc1\'\xbb&gt;!CK\xfe\xaf\n\x9d\x96\x19\xcf\x01p\xfc\x1b\\\xf8\xd5\x83F\'a\xe1\xde|\x1f\xdcx\xe8Nau\x8f[\x07\xfc\xe4\xab\xe7D\xecq|\xf4\xc8\xab\x8a\xb2zT\x8e\x03\xf8\xbb\xf4X\xbd\xc0&gt;&gt;&gt;aG\xb0_\x05\x80\xa8l$\x85\xd0\xaeB[\xe5\x89\xa4T&gt;1\x84\x98\xf7\xdc\x9f\xfc\xd1\x95\x8f\x8fO\xd81k\xda\x06/&gt;\x1ba1\xec:\xe0\xc41\xaf\x15\xceE\x94_x a\xd8|F\xfa\xf8\x10\xd1\xa8\x95\x97\xac?\x87\x83\x1f{\xf8\xb1dR\x7f\xc5\xbco\xd0\xc7\xc7-\x1d\xa7\x1c$\xff\x9dV0\xed\x80\xb3\xb6\x05p\xe5\xbe\x7f\x97|\x1e3\xd2\x95\xd7+Ox\x85\xeeK\x11|5\xf1\xaa\x87\xa1\xda&lt;a(\xd3\xc7\'J\xec\xb9,\xf4\xea\x1c\xc0\x98\x9e\xb3\xf6dc\xb6\xf2\x1d\x97z-W\x94\x01P\xb2\xf5B\xb5\x89\xe1\xdb\x9a\xd4e\x87FU4\xef1&lt;\xe5\xb4\xd1\x91C\x92t\xcd\xa2-\x81\x0f\x91L\x07\x1c\x16\x04\x1eL}|\x1eg\xb2w\xb8i\x12\xd1\x05\xc0\xc8\x95\x97\xcc\xcf\x0c\x84\xdd\xae\xd3osx$\xf3\x1eG\xcd\x047!.\xae\xa4\xe5\xf2W\x0b\x1e7\x1e\xcb&amp;\xfb\xbd\x18\xbf\xdc\x12\xd6\x0eXW\xda\x8es\xfc\x9f\xfe$\xd8\xe7\xc9 I]"\xea=\xf7\x18\x00\xa3!\x90\xee\x03k?\xe9\x95\xc7\xb5\xef\xc9\xdc\xa6\xfd\xa4\x97\xa3-\xc4\x93I\xff\x85\xa7\xa3Qm\xbahT\xea\xa3\'\xc2:\x89BS\x08\xafx\x8c\x03\x9f\xfb&lt;\xa1\xc4\xa6\xb8U\xd5?D\x1f[\xce\xc8\xca\xe3cO\xc3!\xdb\xa3-\x82\xcf\x13@rw\xa7y\xd2\x1fGe\xa0\xff\xb8\xce.||\x9e\x0c\xc6\xae\xb9\xf2\x98.W\x86F\x9ah\x0b\xe0\xf3\x18\x90\xa6\xdc\xb0h\x8b\x10^\xfc\x0e\xd8\xc7\xc7\x03z\xcf;\xae\xfe.\xdctn\x14%yl\xc9\x9d\xbe\xe2H\x87\xa7\xe4\r\x87\x1c\xe1$^\xb4\x05\xf0\x80^s\x8ezRN\xf8\xfa\x9e\x8a\x9d\x97;=%Z\x1d\xe1\xcc\x1d7\xa2R\xaf\x8f\xcf\x93C\xc9\xd6\x8b\xac3T\xe9\xb6\xaa\xddD\xb6\x1f\xec\xde}f\xe7\xe9\x87]\x9f\x1b\x13IR\x97\xff\xeb\x95\x8f\xe0qH\xd7\xec\xed\xbd,\xcd\xc7\x1c\xdb\xdeK\x18\xcbk\xe3\xc9\xbf\xc2!\xcc\x95\xfb\xe8&lt;\xed\x90\xd3\xb3\xbe\x8d`\x07\xdc+4\xef\xa4&gt;&gt;Q#I\xb1~\xd1\x16\xc1\x1d\x19\xfe\x08\xf9\x0b\x8f\xb9\xabU\xb1*\x1b\x92b\xb6M\x91).\xf7 \xff;\x000\xaa\x16:|3+\x86,E\xb6\x90K\xf0\xf1\xf1!"\xd9\xafWu\x80\xf7$,\xe2\xb9%W\xb4\x05\x90\x05\x80\xc0\xcf\xb6\x8f\x8f[~WZ\x89\xc3\x9f\xc94\x17\xee\xbf\x94\xb2\xed\x17\xbb&gt;\xd7\xc7\xe7\xf1\xc3wtl\xc1W\x8f\xe5\x9d\x89Sw\xc0\x96*\xddWG[\x8c\x18\xcac\xf5\xb6\x8b=?o\x08\xcf\xea\xb1\x0cMG\xec\x8eV\xd5\xde\xf2X\xbd\x06&gt;O4\xff\xa1w1v\x95\x8d\'\xff\xba\xfc\x9b\xcb\xeb\xddw\xf5\xf1\xb9Q\x19[\xd5\xee\xb7)\xdaB\x84\x87\xe4\r\xa2-A$p\xa1\xca\xe4\xe3\xe3\xf3\x18S\xab\xefF\xde\x01\xba\x81\xcc\x91\x13\x85\xc8\xc3\x1d\xc1\x1c\xb5&amp;\x85pvPok\xee\xf3\xb7(E\xc3\xd0\xe5\xf1\x89\xa9\xf8\xd6YQc\xc0\xc2\xd3D4s{\x04\xd5\x923\xb6\x8c\\]&gt;&gt;z\xb2\xb4\x15\xa5&amp;\x8b\xb4\x18&amp;\xe4\xaa3%|\x85\x03\x88\x9d\xc7M@\xf8\x18\xbeZ\xd0\xe3\xa97\xa3-B\xe4\xf0\xfcY\xc4\xf0\x87+\xa4\xe5\xe8\x17\xa2-\xc2c\xc6\xcf\xcaS\xceXy\xf4_\x8f\xe1\x13\xf7\xf1yB\xa8\xdcu\xa51Q\xe8"\x9b\xa3\xb8\xe5Q\xc7l{\xfb\x91\xb7\x05\xfa\x84@\xd2h\x0b\xe0\n\x83CY\xafh4t\x07\x11y\xfe\xce\xfb\xf8\xf8\xf8\x98\xf1\xf867%\xa2-\x80O\x14p\xb7\x96\xe3\xe3\xe3\xe3\xe3\x82$NOx\xe5#o\x17\x9a\xe2;\xc8\x9b\xaa\xb1\xa7U\x8by\x1c\xd7N}\xbc#U\xb4\x05\xf0\xf1\xf1\xf1\x82|\rfD[\x04k\xf2\xdf~\xac;\x9b\x045\x9d\x9f#\xe3\xf7 \x85\xf3b}|\xecy\xf7\x8f\xc7\xf9s\xb3"n\xb4\x05\xf0\xf1\xd1\x11\xb7\x9a0\xb9\xc1\xa0\xe7\x8c\x89\x002U\x19\xe3I\xb5\x05\x1a\xcd\x96\xcf\x1c\x13f{s\xf7~\xe5\xee\xc4j=\xd6\xcad+\xd8\xd8\xe2\x86\xc4\xd1\xfd]\xae\xc3\x12w\xc2\x88p\xbc\xba\xf0DS4\xda\x02\xf8\x84\x8f\xc7s\xbf\xdf\xe7?H\xdd\xfe[F\xad\xbalL\x1f\xbf\xfeZ\xe4\x85\xa1\x18\xd1\x07\x17t|F\xcaF\xeb\x8e\xddwQS\x8d^\xeb[\x8f{\xd16[\x14\x9d3\xf8\xf8\xc44\xaav_c\x9b\x87kF*\x85U\x18\x1f\x1f!\xa5\x03\xaf`\x9a&amp;\xd1\x96$BD5\xbcZ\x86\xab\x0f\xc28n\x00P\x7f\xd06\x8b\xa3j@\xfb\xc7{\r\xdf\xc7\x84\xf1\xeb\xaf\xc5\x80\x81\xa9,\x1e\x89\x9a\x9em\xd0$+1\xc0E]\x8f\xd1\xed\xf2yB\xe8\xbb\xe0\xa4\xfa\x1b\x800\x02\xdd3/}\x1f~\xbd\xca\xf2a.?&amp;2y\xf3\xf5H}\xf3E)e\xa3\x88T\xe4\x135Z\x8d\xdd\x17m\x11\x1e\x0f\xfc\x8e\xd6\'\xa6\x90\xb2\xf4`\xee/\xdf\xef\x8f\x8f\xcf\x93@\xd6\xea\xe3\xd9\x0f\xbf\xb3\xf1\xf1yr\xb0\xd4\x06\n\x07\xb9%\xf2\xe4\r\xeb"\xaa\x9d#\x8e\xc7\x12\xaf\xd4\xe5\xfe#\xb8\xe8\xc6\x84\x8bI&gt;\x8f\x11\xf9\x1b\xce\x8a\xb6\x08&gt;\xffU\x8c\xc6\x06P\xa0d\xf5G\xae\xbc\x14\x11)d\xe3\x8cN\xd9\xf2\x91\x8b\xd2\x9b\x0c\xdf\x95\xad\xfa\x04\x17\'&gt;V\x88G0\xb7\x9e\xc4Q\x85%q\xff\xd3ak\x13\xd4\xa0h\xcc\x86\xd5\xd0j\x99\xaa\x8cm?\xe9\x15\xa2\xd8\xe1\xaa)CK\x0f\x0bKZ\xbc\xbf\x87\xa5\xf9\xf8xL\x92\xa2\xfd\xc2Y|\x01\xfb,^\x10/\x7f\x0f\xa2\n\xe1\x8b\xa5\x13\xb1\xf6\xce_f|\x8c\xa8\xd8yE\xb4E\xb0&amp;\xbf\xcd\xf1d\xf5\xed\xcb\xc8\xd5\xa9\xe3\x94\x83\xac\xf7\xddr\xe6\xe1\x9a7\x7f\'\x8aS\xb2\xf5\xc2\xa7v\x7f\x19\xbeh\xa7.&amp;\xac\xb9jO\xa1\xb4\xcd\xc2!\x8c\x8f\xcf\xe3\xc4\x99;Q\xe8B\x9e\x98~\xcb\xa8\xcb\xbd\xfc\xf0]\xf3\xec\xa9\xc3*L\xa4\xc8g~\xa8\x88\xed\xc9\xbd\xe7\x1e\xb3\xcbR\xd6\x914a\xe2\xb1}EKP\xdaf0\xe7\x1b\xee\xba\xbe\x8d\xc85\xf6\x9asT\x94l\x11\xea\xcd\xc7\xe7\xc9\xe2\xb1mM&lt;\xa4B\xfc\x02=\x9d\x9eS\xbe\xd3\xb20H\x12"1%F\x96;V\xbf\xf9;\xfb\xf1\xdfy\'K\xb7}F6k\xea\x90\xbc\xa5\xb6\x9f\xf4\xb2\xb1\xc7}\xf6\x95\x1f\x8c\x89\xa1\xd4\xc2\xf8S_\x88\xef\xcd\xca\xe7\xb1%m\xb9\xe1\x1e\x0e\t\x1f\xa7`\xf5\x11BF\xa1L\x80\x8c\x0f\x81P\xb8\xfeoL\x7fR\xf5\x07\x1a\r\x9a\xedVJ\xedPL\xde\x9b\x86XN\xd8I\xd7\xdc\xa3\x82"\xd09\xe5\x14\xcew\x9b\x8d\xdc\x138\x1e\xaf:\x80_&lt;\xed\x83U\\\x96\x16\xf3_\x00\x9f\xff\x08Y\xaa\x8d\x8b\xb6\x081\x91X\xb9\xbbD\xa8\xa6\xccm"T\xd1\x13\xc1\xe2\x83?\xeaR\x8a\xb5X\xc0~\x00(\xeb\xa5?N!~\xc0\x03=\x8f\xb4\xfdn\x96\xaa\xe3\x88JR\xc2\x9a\xc6\x9c\x136\xbc\xefa\x07\\\xa8\xc9\x1c\x99l\xc2\xea,d\xf8\xef\xac\x8e\xf8&lt;\xc94\x1c\xb2\xdd6\x8f\x85\xcf\xa6\xf0b\xe2\xec:f\xb2\xe6\xe8\x1f\xd1\x16!j\xfc\xa3m\r\xad\x9bo\x00\x87?\x8b\x89\xad\xe7\x13\x1d\xec9\xb6~\x859A\r\x8b\xdc%Z=\r\x80(\xaf\xe7r\xf8\x1d\xa7\x8f\x0fG\xd2\xba\xfc_\t\n\xf6\x8a\x96 D\x14ClQ\xf6_C\xce\xdaS\x1c\x9d\x12J\xb3\xf285I\xe9[\xc8\xe4\x02p\xe8S\xee\xa2rt\x94\xaf!\xfc\x93c\x13D\n\xb7\x15;/\x8f\xbc \xe1\xa0H\xb3\xb9\xfa\x0eX\xb4\xba\xdbd\xf8.\xf5\xb7\xf3I\xb0&amp;\xee\xe7\xc0Eg\x84\x99\xac\xcb\x04\xc0\xef_\x14l\xfc\x94\x13\x01||\xfe\xf3\xc4/\xd0\x03@\xc5\xce\xcbK\xb7}\x96\x92\xd6\xa3\x9c\x9d\xa2-Q$\xe8:\xe3H\xb4E\xf0\xf11\xc5\xb8\xf5\x9b\xb1\xb2\xc0\xd9\x0b\x80/\x01"\xca[\x7f\xfa-\xaf\xb7\x81\x19\xad\xc6\xeek5v\xbf\xe7\xc5\xfa\xf8D\x8d\x87\x81\xef\xa40\xc5\xae"\x91=\xcd\xf6sp\x10\x19)NU\x99\\\xf9\x1b\xce\x12\xaax\x00\xf8\t\x00\x90\xbb\xeeT\xd9\x1a\xddR\xa7\xdf&amp;\xaf\x8a\xca\xd7`\xc6\xe63\x0f\xbd*\xcd\x9a\x06\x83\x05\xe1#\xffcT\x8c\xb6\x00\xb2&lt;N\xcb\x15\x1c\xc2\x0f\x93(\xbb0\x1b\x11\x11\x15y\xffo\x97\x1d\xb0\xeb[\xf4\xc2\x95\xc7\xf2\xde\xfa\xfc\xc7)\x02\x80\xb2D]E\xa8\xb4Y\x07\xacRo\xe0V\x07\xe59Y\xb7\xf4\x89\xc1\xd8\xebC\xc5\xcc^\xadl{\xe1bx\x99H\xcb\xe1\x05\xc2\xef\xf1K\xe0\xb9w\xcc6\xefsT\xee\xba2f&gt;\x17\x1f\x9f\x98\xc5\xb8uW\x01\xa4.3T2\xff\xa8U\x97\x13\x15\xe9\xe3\xad\x0c\x1bN&lt;\xb0\xed\x80\x01\xac?\xfe\'Q.o\xab\x0e\x99X\xd1\x16@C\xefy\xc7\ri\x99\xdd\x16\x166\xe7\x82O\x18\xae\x8ck\x85\xab\xb81\x93n3_7\xfb$\xf9l\x00z&gt;\xf5&amp;\x11\x11\xe5m4tG$;\xe0Y;?\xf7\xfb{\x9f\x98\x8a\xcd:\xb0\x8c\xeeRbG\x15f\xa96\xde&gt;S\xa2\xdaDD\x94\xcf\xa2\xc7}(J\xec&gt;\xebuG\xc2\x98P\xd0\x8bB||\xfe\x13\x18?\xc3DE\xfa4\x1f\xf5&lt;\x97%{\xf0\x9b\x8aW\xcd\xd8={@\xa6V\x16\xe2y\\\x97\x8f\x8f\x17\xc8\xcc\xcf\xa2\xb2,V\xa6f\xef\rB\xc7:*\xed\'\xbdBT&gt;k\xf5\xf1\x19*\x8d*\xd6b&gt;S\xeb\xb8\x07\x00(\xd1\xea\xe9h\xc8lE\x92\xa2\xfd\xfe\xf1\xa8\x15\xa8\xd4%F\xbb\x14\x8edcW\xa6\xdd\xe2\x8c\x95GKfn9\xfa\x05\xcf*\xceh\xda\xd6G\x97h\xc5\x12\x10\xcd}\x13\xbe\xff\xb7\xd9\x9b\x90\xdd\xab\x0e\xb8\xa2\xd4\xb7\x90\xb6\xfd\xa4\x97m3\xa5\xaf02dq||\x1e7\x16\xbd\xf4\xbd11V\xee\xce\xc6O\xfa\xe5\xeb8\xf8q\xe0\xf7\xa9\xef`\xf0\xd9\x9br\xfb;\x00\xf0\xf6\x8f8\xf1\r\x88rDF~\x1f\x1d\x1f=\x8a\xb9\xb3\x8d\x1a\xbd\xd7G[\x84\x98A\xaa\x90\\N\x1a\x11t\xc0\xb1*k\xbb\xd8\xe4\xea\xaff#\xf7\x00P}\x82F\x00\x005{o\x88Xu&gt;&gt;\xf6\xc8\x8f@\xdbN8\xf0\xec\xcbw\x88\xd2\xbb\xa8\xa5\xcb\xf4\xc3\xfc\x9f\xab^\xbf\'qR\t\xe1\x947\xb0\x18\x1e\xafz\xa96\xcf\xbc\xf8&gt;&amp;\x88t\xad\xbb\xcd|\xed\xad;\xf8\xf8\x7fx\xe1\xbd\x98\xdb\r\xc4\x04&gt;\x0f\xdf&lt;5u\x93p\x95\x1c5bDx\x06\x8fH\x19\xc2\xb9Y\xcd\x0e$-\xde\x9f\xffT\x8f}\x05\xca\xd1\xb1\xee\x80-\xc6\x9cW\xee\x07\xba\xe7\x10\xc4\x08\xf2\x8d\xbf\xb6\xec\xf3\x98"\xdf\x01\x07\xfa?\x91c\xb9p \xec}\x8b6\x9f\x1f\xcc\x91\xbd\xc3\x9f\xc0}@\xa8\xed\x95\xa1\xd2\xa8\xb1k\xde;r\x03=\xc5QPb\x1a\xa1z6\x8e0\xb3w}\x19m\x11|\xdc\x92\xa5m\xf8\xca~\xfe]\xcd\x07\xfb\xaf\xa8yy\xff/\x10%O_q\xa47Ufj\xe5\xc9:\xb6\x91a\xcb\xce\x87\xa3X\x1f\x9f \x8e\xb6a\x00HE\x03\r\x99\xa4\xc5\xfa\x1b:_\x00\xe85\xe7(?\x00\xcfY{r\xdc|\xdd\x89\xd2\x8a\xcaHT\xa7\xdf\xa6\x81\xcf\xbc5\xe8\xd9\xb7# p\xc8d\x88\xb6\x00\xce0D\xa1\x89\xd1\x84\xa9\x81\x96\xc6\x18\xff\xf1I\x9aL\x0b\x98\xb8\xf1\x83\xb3?\x05\xbe\xd9\x9b@\x97\xe9\x87\x13\x17\xe9\xdbf\xdc\x8b\xe5:,\x8d\x8c\x00!\xc5\x17\x89\x1f\xf0\xa0\x19\xed\xd7\xc6\xc7\xc7\rqB/\xe2Ka\xf7\x0b\x00x\xf7\x0f\x18\x9c*\xe4\xa3\xa4\xf5\xd2U\x18A\x94\xb9|\xc7ej\xa4\xd8\xd4e\x87\xd6\xea\xbb\xb1\xd3\xb4C\x96\xb1c\xa3O\x8f\xd9o\x84\xb5|%\x98D\xc6\xb0\xd6\xe2\x13&amp;\x1e\xdbn \xef3/\xdf!\xaa\xb0\xf9\xf4?a\xaa\xe0\xebP\xee\x8c\x1f\x04\xc9\'\x86\x91\xd0\x93R\xe4\xdb\x8br\x1d\x97\x8a\x0f\xe4\xead\xde\xff\x02\xc0\x92W\x7f""\xa2\xfcD\xe5\xb8\xd3b\xe7\xac=y\xd8\xb2\xf3\xad\xc7\xa9^\xe8\xb2\xd4\xe9\xb7\xb9\xe9\x88\xdd\x1eFzHR\xac_\xc8e\x94&lt;y;\xa2M\xea\xc6\x93\x7f\tR\x03\xf6]&gt;1\x9d\xa5\x87~\x8e\xb6\x08O\x0eJ\xebT4\xcar\xf8\xf8\xe8\xb8\xa3\xed8\x8b4\x9b\xeb\xae\x9c\xa9[?\xb6&lt;\x9e\xdc\xf2(\x11\xd1\x9f\x96\xbd\xefm\x802\xb5V\xf2j\x9c\xb3\',\xd4\x9b\xe5\x99\xbc\xf9:Q,\xa2\\C\x97\x9e\xdb\x7f\rwD.\xf1\x9e\x0c\xf2\xd4\x9b\xc6\xffy\xe6\xcec:[\xf2\x89&gt;\xb1\xf3D*\xecf\xf4\xc8Qs\x12\x80\xcb\xbf\xf9\x9f\x89O\x0cc\xe1\x8b\xdfj\x13RDG\x0e\x13\xf5+\x1e\xdb\x13\xd7\xbc\xf9;QZ\xca\xd2f\xe1\x8b\xdf~\x118E\x7f9|9\xa6sq\xef\xf18\xf8\xda\xeeK\xe0\x17\xd8\xcf\xff\xe2\xb7,\x11%2\xeb\xc3C\x16\x9f\x8d\xf0Bt\xf9\x8e\xcb\xdc\xb9\xee\x12\x13\xaf\xbagE\x85F\xe4b{\xfb\xf8\xb8\xc7k\x03A\x8e\x94\xb69$:`\xb1\xca\x92\x9a\xe1\xfd\xbfAT6S\x95\xb1\x9bN\xfd\xbd\xf7]\xdc\xb1l\xbc\xca\xb6_\xec\xeeJ\\\xd0o\xc1I\xd7\xe7\x1e\xb9!\xbe\n\x00D\xe5\xab\xf6X\xa3\xa6(\xae\xfe\xf8\x0c&gt;aa\xdc\xda\xf7\xc2Ut\xb6v\xeaO\xf6Vw\x9cr\x90O)\xd1j\xe1\xc7\xffS\x9fl\xb2p\x89\x11N\x92\x16c\x0eC\xca\xd9\xe4\x93$k[\xffU\xf7y\xd2\x10\x9a\xf1\x85\x15\x89\x0eX\xe0^C\x17\x8e4G\xadI\x9d\xa7\x1d\x9a\xb9\xe3F\x9b\xf1/6\x18\x14\x81X@\x92S[a\xd8\x80d\xf2\r\x07\x94h\xa6\x91\x7f.D\xf4\x93\xdf\xc0\x19\xf84&lt;\xf7\xe4\x17\xf7\xc5\xe6\xf6R\x8e\xb0\x12\xbbJ\xc5\xce\xcb\xcd\x07\xe5\xc5\x1c\xa6k\xf0;c\x9f\xc7\x98mg\xff\x07 e\xa9\xc1\x11\xae7G\xadI\xd6\xbd\xef\xf4\xe7&gt;\xe5\xb2\x17OV|\x00Q\xc2|\rf\xeav\x8ek\xf4ZW\xae\xe3\xd2\x06\x83\x9f\xab\xddoS\xe6*c\x85u\xad9\xfa\x07e\xef\xa0O\x8d[\xcd\x9d\xe0\xae\xceRI"\x9b1u\x13"\xea\xb7\xe0\xd4\xeb_\xfa\xed\x8b\x86\x15\xaf\xfd\xe2(\xbfW\rt(\xcb\xfe\xd1\xee$|\xc5x\x1f\x9f\x98\xc4\xa8\x95\x97\xd8\x0f\xd6\x8d\xc5\xcd\xd7\xcd\xf6\x94|\rf\x9a\x1d\x02\xb0\xfe\xc4\x03\xf5\xcf]\x17\xa5\x9a\x1b\xeb\x0e\xb8f\x9f\r\x9c&amp;WAJ\xde\x80\x88\x88\xd2\xdf\xe5\xf2\xfc\x0b\x10\xe5IQjP\xfdA\xdb*uYa\xd1\xa7\x86\xbb\x05\\{\xec\xbe6A\xb4x\x9e\xbc\x01\x00[\xf54\xadS{\xa1\x13+\x8f7\x98c\x08?Z&gt;\xa3\xe4%\x06FL\x12\x1f\xa74\x1a\xbaC\x9f\xe4\xd8\xfb\x95\x1f\x10\xc5\xe7\xc9\xe5\xe9\xfd\xb7\xcd\x0e\xad;v?\xf4\xfei\x81y\xf9f\xdc\xb4\xec\x80\xbf\x07V\x1c\xf9\x85R40\xce\x1a\xd5&lt;\x94\xa0&amp;Q\xce\xbc\xf5\xa7W\xef\xb9\xb6\xcf\xbc\xe3\xb9\xebL\xe5\xf3\x84xE\xa1\x91@\x98:d\xc9;\x9e\x08\xf6P[H\xf7Y\xaf\x1b\xa3\x14\x8cZu\xd9I\x911\xd3C\x88\x07\xb6\xe6a\xc0\xcb{\xd5i\xea\xab\x1e\x96\xc6S\xa7\xdf\xa60\x95\xac\x03O\xae\xf5\x81\x8f\x8fWH/~:\'h\x92\x94\xb2\x91\xfcY\xd63`F\xfd\x81"\xd3\xde\xb4\xcd\xba\xcfz\x9d\xa8$\x11\x11\xc5\xcf]wj\xd7\x19G\xea\r\xdc\x9a\xb8H_5\xcb\x80\x85\xa7/\xfe\x1a\xec\xa5\x8e\xde\x8a)\x0b\xb9^t\xc0\x99\x00\xec\xbe\xa4N\xa6\x85\xc6\x8e\xf1B\xae%\xd2T\xe8\xb4\xdc\x8bb\xdc\xf80\x97$S\x95\xb11\xdc\xd9\x0bQ\t\xb7\'\x86o\x02\x1a\x8f\x88\xb2T\x1b\x17\xb6\xf2\xa5Q\\_\xe9\xf8\xc3\xdfE\xf6\x89Qt\x98\xfc\n\xf7W&lt;\xd6gp=G)]\xfe\xdd\x97`L\xdcw\xd5\xfe\xb5\xb6\xed\x80\x1b\raK[\xa5\xb2U\x9f@D\xca\xcc\x92o,b\xe5\xad?\xbdJ\xb7\xd5\x94\xa3\xa3\xe4\xd5\x85\x8f\xdd\xdc\xda{\xc1\xc6O\x99\xe4*\xefQm\xe2I\xf6\x13Jp\xd5=U\xe9!\xd1\x12\xa2\xf5\xb8\xfd^\xae\xacd4un\xfc\xe2\xfb~\x97\xe0\x06W\xb1\xb9\xb2\xf8\xa1\\|\xa2\x06\x80\x87rmJ\xdar\xc3\xcd\x0e=\xfb\xf2\x1d\xc9\xeaR\x97\x19\xaa\xab\xddf\x06&lt;h\x1b\x11\xc5\xce\xd3\xb5\xf3\xb4C\xa2-\xde\xdc-F\xef\xdd\xfa\xd6\xbfZ\x8d-\x19Rv\x9dq\xc4\xd1\t\xd9kL\xec\xb7\xe0T\xed\xbe\x1b\xd3\x967\xbd\x0f\x9cs\xae\x98C&amp;"z\xc3^\x93\xabd \xfc\xd4cH\xedH\xad\xb5\xae=\xfa\xc7\x95?@\x94\x92(O\x88E-9\xf8c\xb4wI&lt;%\xc6y|\x8co\x9fE%\x9cQ+||\xac\x08l\xa6F\x897o\xd9t\xc0\x05\x1a\xce""\xa2\x9c\xc2\xd3\xdbOz\xf9\x0e\xf0\x00\xb0\x9c1\x94\xb4\x10 E\xc9A\xe2\x03\xe9\x9aK]\x80\x96\xf2\x9d\x96\xb98\x8b\x88\xfa\xcc?\xa1\x89~\x91\xbd\xbd0\xdb\xa6S\x7f\xbb+\xdf\x96\xf8\x05z\xe8\xc6F\xd1#F\xab\x98I|,Ox\x00\x06W\x14\xe7\xffHX\xa87\xfb\xa2\xb3\xd7\x9ch\x92?\xf4\xfd2\xa1\x1d\xa0\x8fO41UiIU&amp;j\xcbz\x19*\x8e\xb2\xe8\x80O|\x03\xa2\xbcD\xb1\x84\xe7V\xef\xb9n\xdfU\xfch\xd3\x01\xebH\xe9\x81\xd0&amp;\x9bID\xb4\xed\xec#\xf6\xc3\xdc~7\x97\x07\x02\x10\xb3S\x8a\x9a\x173wx\xee\x04\xf1\xa5\x0f\xd1v\xc2\x01o\xcb\xb4\xc6\xb6\x03\xd6E\x9e_\xfd\xc6o\xe1\x14\'\x06\xe0b\xa8\x1a\xabR\x9d~\x9b\xc3 \x8a\x8f\xcf\x93\xce\x90\xc5g=/\xf3\x99\x97\xbe\xb7\xe8\x83\x7f\x05\xe6\xbf\xf0u\x99v\xcf\x12\x95\xa4l\xed[\x8f\xdbO\xd9\xdaS\xe66DD\x94\xb4d\xeb\x85D\x85%\'\xf1j\x99\xd6yB\xbd\x9e\xd8U\xac\x0e\xe6\xed\x1aj\xf9DD4g\xcf\xcd\x83\x1f\x87o\xe9"S\xd8J\xf6\x80l5&amp;\x98\x1c)n\x92\xee\x19\xa3\x9d\xe9\x96\x13\xe50\x18\xa0\x13Q\xf4\xb5\xf4#\xcd}@\xf1\x87\x15S\xb00\x0c\xf1\xf1\t7\x99\x93\x14\xed\x1b\xb2[\tgX6:\xb9l\xf7\x83UF,\xbf c\xb8, Y\xfd\xa87|\xde\t ;\xec\x88"\x08\xb8\x0b\xf5\x0c%@\x96\xc0\xb3D\xa5.+\xab\xf5\\\xeba].\xa8\xda}ut\x05\x88\xb1(\x03\xdf\xb8\xd1\x16D\xcf\xa7AMO\x1f\x9f\x08\xb2\xe2\xb5_#\\\xe3\x88\xe5\x17\xd4\xdf\x17~\x15\xb4\xcb\x92\x1d\xf0\x82\xfd\xb7m\xe7:\x8a\xdf\x06C\xb6\x0c-\x9d\x88\x9c\x88iH\x8eY}\xc5\xc9YDD\x89\x8a\xf4!\xa2f#\xf7\xc8e/\xed\xb4\xfc:\xfd7\xdb\xce\xe6\xc3Kb\x99@\x87\xd9\x99CM\xaf\x88\xf9c\x0e=)\x1a:\xca\x9e\xae\xfc\x88\xe0\x1f\xe6;\x1d\xd1#\x91\xeb3_\xfd\xc4\xabg\x17\xe3zq\x1f\x9fh\x93\xb6\x99a\x89\xc9\xd2b2C\xcb\t\x1b\xde\x17\x1e\xb1\xe8z\xbf\x07:M}\x95\xb2\x89u\x94b 2\x1d\x860\x8f\xb9\x15\x93JB\x00\x94\xb1\xa5\xa4\x18\xb5\xfan\x94\xc9\xe9\x14\xdd\x96\xa7\x91\xado?"\xa2\xa7v\x7f\x19\x8e\xdaU\xd2\x94\x1d\x06 \xac\xc6\xee*-F\xef\xf5\xa2\x98\xc7l\xff&gt;\xc6\xf2\xf8\x8d\xc9|\xfe\x93\x84y\xb59I]\xa7g\xbc\xf4!b\xc9j\xe5\xc4vZ\xb8\x0b\xbe\x04\xacUp\xff\xd2~\xeaM\x86\xef\n\x97(\xf1\xaa\xcb4+N\x8c\xaf\x92\xe8-g2\xb76\xc9\x19\x0e\xd2I\xe6\x9b\xb9\xe3\x8611W\x9d)\xf6g\xa6m\x16\xe5\xf5\x80H\x10PE\\t\xe0;o\xca{|\x06\xb2&gt;&gt;O\x0e\xe3\xd6]\xf5\xfd\xb3\x0bq\xd8\x82W\x0c\x93\x18\xcf\xbd#\x8e\x04\xa5c\xf4\xeaw\xa3\xda\xe581\xb5\xf4\x82\xaf-/v\xde\xde\xaf"&amp;\x89\x1dB\xdfd\x9eq\xf5\xcf\'~\xa8\xa1\xa3L\xb4\x05\xf0\xf1\xf1\x92\x9c\xdc\xefHo\xa8\xe4\xad?#|\x85w\x9c\x12.\xcf\xba\x06t\xb1\xd2\x1cx(\x04`\xe1\x19\xa3D\xab\x85\x96\xcb\xc5\xa1\xba\x80p\xc5\x7f\xca\xeb\xd6c\xc3\x7f\xac\x1b\xb6a\xc6\xf6\xcf\xa2-\x82\x8fO\x84\xd0(\r\x01(\xd9f\x91\xf4\xb9\xd1\x1e\xcf&amp;\xad\x17z\x19\x0b\xf6}\xa3m\xfe\xd28:\x1d@\xaf9G-\x8eJ\xb6\xad\xd5{\xad\xbb\xefE+\xac\x0b\xc1\xa4\x83\x8fr\xe19\x85\x9b\xce\xad\xd2\xed?\xae&lt;\x9c\xe8\xd9W~\xa8\xd8y\x85\xd3\xd3N\xdc6}\xf4\x05\x1b\xcf\x0eM\xa4p\xe1\xe9\xa0!\xb1\xa3\xdc~\x94k\x9f\x18\x81\xfa\xddv\x9azHM,\xder\x81\x87\xce\x08\x93\x15\x1f\xe0I9I\x8b\xf5\xa7L\xadl\xb3\x15i6O\xf9\xf9\xd8De\xf9\xc6\xbc9\xa8\xd1{=\x00\xa2\xc2\x81\xbf\xcd\xdd\\\xf7\x9e{\xccs\xc1\x82H\xdcy\x9fd%\xbcy\xd5\x89\n9=\xa1n\xff-\xf2.hJ\xb4^\xa8KY\x1a\xb0\xe9\xf2\x84\x84\x9ey\x981\x90\xa8p\xef0\x95\xec\xe3\x13\x05\x00\x98\xc4\xaeO \x13AA\xc1u\xdc\x95\x00\x95\xbb\xad\n\xb1\x84\x90\xc9MD\xcf\xbc\xf4}d\x94\xbc\x88(E)\xad\xe7\xcb\\\x9dM2\xa6$"fCU\xb9\xeb\xcao\xfd\x91{\xcc!S$\x95\xd7\xdc0b\xc5E\xe3\xf6\xfc\xb2\xc3w\x1d\x16c\xb1L\x95\xd6\xa9H\xce\xd1\xd4\xee\xaf\xb4\xfb&lt;i\x98\xbd\xd3\xcf\xbc\xf4\xbdd\t!\xc6\xf0\xba\x15\xb3?*\xcfg\x96\xcf\xbfk\xbc\xde\n\xd6\xa7\xb0g\xb4\xe4\xe0\x8fN\xea\xc9\xed$3\x11Q\x89V\xfa\x89\x91\x8f\xd7\xc8n\xdb\x1b\x83:\xcb\x92V&amp;\x16\x82\xce=\xb2\xacj\xba\x8e\x91+.\xba;1\xc2D\xd1\xbd\xae\x8fOLg\xff\xb5\x18\xdd\x01\x9b\x93U\xc2BWO\xaa\xd2C\x00\xe8\x02\x11n8\xf9\x17\x11}\n\xc4\xcamm\x8be\xa6\x00\xe5\xbd6V\xd8-y\xd2\xb7\x08c\xe1\x91!K\x9b\xf0\x95\xbd\xe1\xc4\x03\xb7\xa7z\xe9\xed\xc45\xcb\x0e\xdf\x05`\xe6}\xd3\xc7\xe7\xbfLX\x15Y\x1d;r\n\x075{o\x88j\xfd)\xf6^\xc1*\x13\xe7\xfbf\x1d\x1b\x80G1g1 V\xe5hK\x10\x93k\xe0\xbe\x00\x00 \x00IDATS\x98\xb3\xe7&amp;\x11\xad9\xfa\x87\xe2\xcbL\xf3\xf9\xd8.\x14\xb9\x1d\xc7\x98+a\xa4m\xe6\xaa\xc0\x88\xd2`\xd0s\xfer\xb1\x8f\x8f\x00NM\x89(y\xfd\xec5\'\x85\xb5:\x00Y\xaa\x8e\x0bk\x15\xe1#q\x91\xbe.\xce\xfa\xd7\xbc\xe9\xc9So:\x11\xc5\xcb\xdf\xddxh\xef\x15\xd3I\xe7\xbd\'\xa2-\x9b\xbc\xe9C\'\xd9\x93\x86K\x8e\xf0\x00`\xe5k\xbfR\x82\x9a\x1e\x96\xb9\xd1.\xe8d\xee\xba\xbcRz\x01\x0f\xab\xf6\x82\x94\xb69\xe2\xe5\xefav\xc8y\xbb\x94\xdea~\x1f\x9f\'\x01;\x03\x80X\x95\x8b\xb5\x98\x1f\x11I\xf4\x84o\x0c\x0e`\xd7E\xc7\x85[\xbbM\x00\xf0\x85\x13\x81\x01\xe4\xaa3e\xe3\xc9\xbf\x9c\x8a!I\xaa\xd26;g=\x9fz\xd3\xab\xba\x06?\xfb\xb6WE\x85\x87r.\xce\xc9UgJ\xee\xba\xd3\x94\'\x9e/w\xdd\xa9\x81\xd0R\x89\xebx\'X\xa0\xd3\xad\xddo\xd3\xf1oD/O\xaaF\xde\xd5\xe5\x0c\x7f\x06\xec\xe3\xe3\x136\xe2T\r\xfe\xe6\xbco\xba\xd8\x18&amp;\xca\xd6z\xdc~\x97b8w\xfc\xc9\xb0\xf6\xc9\xec\xa2\xf5t\xdd\xe0\xe6\xa859\xc64\xd6\xb6\xd3nu\xf3&gt;\x9emY\xa3V^""\x8aW]I\xc8\xa3t\xe4\xce\x8cV-\xa8\xd3?\x18L\x97\xbf\x87&amp;\xf7\xb3\xa4iA\x12;\x0e\x95\xbb\xad\xaa\xd3o\x93\x03\xe1\xec_\x89\xd4\x15;/\x97)\'A\xc1\x9e\x8e\xea%em\xa0l\x87%NO\xf4\xf1\t/C\x16\x9f5qU\xef\xb4]H\x19\xba0\x11$lK\x9a\xce\xa2*\xd9\x121\xcf\xa0Q\xde\xad\x0f\xa1\xd3u\xe3\xb2\xcd6pB\xae:S\xecVq\xd3Q\x96\xb6\xca\xefJ\x92\xf5\x86yl\x91:\x9c\x85[Q\xba\xed3\x929\x8f\x7fmz\x07\xce\xdf\r\xe1\xe6\xa4jlH*\xeb\xbe4\x1f\x9f\x88\xd1a\xf2+\x91\xa8\xc6~\xa9-V$\xc4\x08\x079M\x1db\xb8\x86\xb5\xd4\xd1p5\xa03}v\xedE!\xa7m\x8e\x0c\x15G\xa9\xbf\x87,y\'gm\x89\xe0\n\x91b\xb9\xbd\x81\xacF\xc1\xd8\x9d~\x00Edm\xb6\xe9\x88\xddf\x87\xd2\x94\x1d\x16\xbez\x9b\x8d\xdc\x13+\xb7\x99E\xbb\x98\xa3\xb7\xe0\xd0\xbe.H\xde\xfa\xd3\xe53w\x9aj\xe6\x9b\xd6w\x86\xef\xf3$\xe0\xac7\x8d1\xab\x8e\x0eHZ&lt;\x10f\xd1+\xe1\x8d\xbe\x93\xd6\xd8\x05\xf5\xf3\x84\xf9/|mvH\x13\x86\xd6\xe7\x89C\xeb\x99Nj\x15\xa4l\xfb\xc57\xec^\xf8P\xbe\x88Mv\xbaf:,\x86\x17&gt;&gt;&gt;\x02\xa2\xa5\x87\xe55I(q\x1d\'Cf\x07\x8a\xa9\x87&gt;\x05\x11\xad8\xf2\x8bs\xa9&lt;%\x99\x07\xfe\xb1\xffk\x00\x88\x9d\xa7\xeb\xc9\xdba\x8fM\xb4\xf7J\x88\xe5\xc7\n_\xe4.c]\xea\xddp\xa5\x18aA\x05\x0f\xdd\xc8G\xdbd\xd1\xe7\xbf\x87\x1a\xd6&gt;\xfcUea\xff\xad;\xfeg\xf8\xebrK\xea&amp;\x94\xad]\x04\xea\xe1UfD\x141;\xd0h\xe8\x0e"\xad\xdaW\xd8\xf8\xce\xc1[\x11\xc7\x90\xe2\xc6\x858\x80\xf5\xee\xfdN\x84\x8b\x90\xbf\x8eJ\x9c\x87\xa9\x92\xceNM^?\xb4\xaa]\xf2\xec\xcbw\x8c\x89?\xd8\xdd\x87W&gt;\xb2R\xec\x0fU&amp;\x11\x8eV\x89&lt;us\xed\xe3\xe3\x05u\xfam\x8eH\x07\\\xf41q\x02\x97\xd7\xe2X\xec&lt;]_\xbe\x1e\xbcQcV\xbf+S\xa2\xc9\x06aN\xdd\xdf\x92\x1e\x07\x8b\xb7\\ \x93\xcd\x88\xc5#~\xeds\x8b\xa7\xef\xc8\x9bR\x1a"\xca\\e\xec\xcb\xd7\xf1\xa7\xe37\xaa(y\xedu\xcb\x93\xa2\xa6l\xf9\x88/\xa7|\xc7e.\x0bJ\xd5(]\x05\xd9%\xfdl5&amp;\xb8\xa8a$\xd3\xb5\xe6\x88\xc1\xabM.u&gt;v^x\xfc\xb6\xab||\xac\x00`\x19G=\xb5\x85\xeeb\x8c%LC\x8aqk\xafr\x7f\x95w\xa4\xfa\xc1\x93\xbe\xe2H/\xc4q@\x93a\xbb\xcc\x0ey~\xaf\x94\xa1\x89pm0\xa5\xd5\x99\x89j{+I\xcc\xe1\xe9\xfd\xb7\x9d\x9fT\x88=\x9a\x98\xa0$\xc1;\xca`\xca\x017\xd8h)\x9c\x8e\xd2\xdaOzY\x97\x92\xb5\xfa\xf8\xf0U\xe7\xe3\x13y\xb2Z\x7f\xde\x1f&gt;\xc4\xa0g\xde"\xca\xfd\xdc;\xd1o\x05\xe4y\x00,|\xf1\xdb\xf0\xd7S\xd4\xf9)9\xe5\xdaS\x8b!\x91\x15i\xca\r\xa3\xe4\xf5{\xcf=F\x19\x9d\xc5\r\\\xfd\xe6\xef\x85\x9a\xccqW\xa9\x90\xb1k\xdfszJ\x84t\xf2\xdd\x914`f\xfd\x8f\xf8\xf1\xe5\x08\xbd\x86\xed\xe7\xec_\x0c5\x80\x87\xea#Z\xb5\xaa\x1a\xb6\xf4\x9c\xf9y\xde\xf8\xc6\x8a_\xb0\'\xff\xf6\x9e\xf9^ \xb0\x84\x15\xb2\x8f\x8f\x0f\x11\x119\xf1\xb8\x94)\x1c\x02t\x9b\xf9\xda\xbac\xf7\xc3\xfd\xa1f\xaf9Q\x9f\x14\xbbJ\x88e\xdev\'s\xae\xce\xaf~\xc2N\xb4T\x1e\x89\xd2\xe6\x9f-\xe3\xa4\xbb\xd5\xe6\xa3\x9e\xd7\xa5\xe4\xf2\xcc\xd6\xa8\x98G\xe5XS\xdc.C\xbc\xd8y\xbb\xba\xb7C\xcb\xaa\xd76p\xf6\x15\xa4t\xe6\xd9\xca\x93\xe5h\xa7{\x04~\x07\xec\xe3c\x05\xfbB\xae\xff\xab|\'\x11\xf7\xbc\xcf&gt;\xe9\xab\x0f\x02\x024\x18\xfc\\\x98+,B\x94Lx\xe0\xa6\xc3\xc6\xe2\xf5/,\xf2\xc7\xa34MK\x1a\xa2\x9d\x07H\xde\x80\xfb\xc3b\x0e]&amp;M9G\x96\x9a\xe5\xed\xb3D\x1aSm\xb2\xe8!\xab\xfa\xfb\xb8t\x1eJ\xa7\xe8\xdah\xdb\t\x895{\x04\xf5\x07m\xb3\xbbKF\xed&lt;[\n;?EL\x9ez\xd3\xbc*\xca\xc7\'\x12D\xa2\xd1I#\x13\xa6\xd4\x13\xf2\x99\x1d\xc8Rm\x9c\x9d\x1e\xb2=\x96\xf7\x8a\x8f\x93c\xd62\xe6\xf5\xf6n\x0fXtF\x98\xfe\t\xd0{\xeeq\xebsK\xb4z\xdaCI\x88\x88(\x15\x003S\x19\x00\xef\xfc\x1c\xca\xb5+\xbe\xcc\x9c\x87\x03\x1a\xba\xe4\x1d\xdb&lt;9kMn?\xe9e\x99y\xb6\xe1\tV\x02 \\+:\xf0\x01(\xe04Jp\xd4T\x9b7\x89\xbd\xb3h\xe7oQl\xfb,A&lt;\x0el\xc0\xc5\xfcv\x19{8\x86\x84Y\xf4\xf1\xf1\x047\xce\xe5\x8d\xe8\x82\x99\xbcq\xf3\xf1\x98=h\xa9\xe0aYnw\xa0sjBT1\xe2U\x939\x93o\x88\x1b\x0f\xdb\xc9\x1f*\xd0h\x96\xfc\xb9\xdeQ\xd2\xf2\xa8\xb0eO!Sn\xb8\x87\x89M\x86\xef\xba\xfe\x10\xb3v~^\xbe\x93\xad\xces)\xa2\xd2j\x18\xe6\xd3\xdfa\xc7y\x81l\xffs+\xf0\xca\xd7\xef\xb1\x1f\xaa\xb9\xe0/\x86\xa2\x1e\x97\x99z\xa4IP\x83(U\xb4\x85\xf0\xf1\xb1\xa4V\x9f\x8d\xc2}\x1d\x00\xd3\x9f\xfb\xd4\xebo;\xd1\xf8\xf5\xd7&lt;-P\x88\x8b\x01\xb2\xd5\x9c\xc0\xd1\xaa\xf8\xa8U\x97\x9d\xd7\xee\r\x8b_\xf9A\xfd]\xad\xc7\x1aa\x9e\x81&amp;\xb3\xe4\xc8\x10\xe6\xae\xc2qp\xeb\xa4\xc5\xfa\x0bC)$*\xdcGr(@D\xb5\xfbm\xa2\x84\xb5\xd4?\x01P\xe6\xd6N%\x91!\x82&amp;\xfb\x8c\xdc\xdc\xef\xec&amp;N\xe3\xf5$*\xdc\'L\xd2Xb=\x99.\xd4j\xec\xbe\x08\t\xe2\xe3\xe3\x88P\xbejGg\x99\xf5\xf41\x81\x16\xa3\xf7:\xdcm\x8d\x10\xba\x89\xac5\xfc\xbd]z\xe8\xe70\x88CD\x14\'o7\x87\x0f1g\x98$\x11\xd2~\xd2\xcbf\xe2\x99\xa5/\x0b\xdc+\xbe\x83\x11\xee\x13K\xad\x15Mr\x16\xea\xd8\x0c\x81\x9aB\x8eZ\x93\xcc\xbe \x00\xa9\xcb\x0ce\xbf7\x9d\xfa\xbbn\xff-\xf1\x0b\x98\x86\xd7%\xb5\x9b\xfc\xcfx:\xeb\xb7\xe0d\xb4E\xf0\xf11\xa1d\xebE\xb9\xeaL\xb5\xcdf\xde\xec\nf\x1em\'\x1c\xd0\xa5\xe4\xa85\x89\x88\xaa\xf5\\\xebT&lt;\xc7\xa4n\x12\xf6*\xa2\n\x80\xbe\xf3O\x18\xd3\xf9\xd9m\xc0a\x96\x07\xe8\x15\xbb\xe6\xbf\xf0\xf5\xaa7~sYX:\xc7[\xb6N\x01 \xb3o*&gt;\xd1\x92\x07r\xc3\x0eM9\x81-\xeaR\x96g\x84\x1e\x86$\x17\x80\xa3\xb7\xa0\np\xe26b\xe7\xe9\xe2\xb0\x90\x84D\xf4\xfe\xdf\xa6\xbb\x18:\xa4\xcd\x9as\xca\x9f\xe8;v\xf6\xf9/\x12\xea\xc44]scZ\x93\xe1\xbb\xccC\x8ex\x86\x89\xd8b%gs\xd4\x90vQ\x0b\xe8\xa6R\xb5\xfbj\xd7\xe7\x1e\xb9\x11|\x8e\xae\x1fh\xc5.+\xb4\tY\rY"\xa2m+\xc6\xa5m\xb4B\xa4w\x04\x01\xacz\xe37\xb3\x08?\xaa\xe7\xe1\\u\xbc\x8b\x04\x95\xa95\x00\xca\xd6\xde6\xa3;g[\x8c\n\x9d\xa4b\xf7\x86DR\x99\xd9\xb9\x0b\x15k\x1f\x9f\x98F\xbcj|{}\xe1W\xb3\xb6;&gt;\xa5hh]\x12\xefl\xef\xfa\xbf\xc2~]\xe7\xebQ6\x96j\x14\x89\x9d\xb7k\xe0\x97}P\xc5\xd0\xc9\xee0]\xc0\x92\x83?\xaa\xee\x1a\x14\xcczMSEq"a\x98U\x01\x16\x9d}\xebq\xfbe\xb2\xc5X\xfe\x07|\x02\xc8\xc7\xbb\xe5q\xe5\xfa*\xc0\x99;\xee\xefU\xc5\xce+\xf8[]\xb9\xeb*\xa2D\xee\x8a\x8a\xd8#\xb3\xab\xa8\x90d91s#\xc9\xc7\xc7\x06\x00k\x8e\xfe\xc1~\'-\xd6_wH\xbe\x9c\xec5\'Y\x1dN\xd3\xf4Smi\xd5z\x84qEz\xd5\xeb\xf7\x88h\xc5\x91_t\x1a\xda\x8f\x0b\r\x87l\x0f\xfe\x91\xcbYhU"\n\xf8f\x8a[\xad\xcd\xb8\x17=\x91g\xda\xb6O\xda\x8c\xb7/*u\xd9\xa1\xea\xef\xea\xbd\xd6yR\xb5\x08)\x9d \x132\x12Q\xb9\x0eK\xdbNx\xc9:\x9f\x8ck*\xaf\xd0}h\xb6\xdf\xddo\xa6\x0bW\x81\xd0CE\x9a\xcd3f\x98\xfe\xdc\xa7\xf2\xbew\x8a4\x9b\xf7)\xb0\xee\xf8\x9f,\x8cA\xf8\xfac\xbb\x92e\x06\x10\x96CI"\xf2\xc3k\xfa\xc442U\x1ec\x9b\x87\x0f\x9c\x1e".\xd6\xba\xf7_s\xff\xcd\xb3]g\xb2\xfb\xbc\xe3\xe6\xef\xee\xba\nIJ\xb7}\x96\xb2\xb6uzVX\xe7\x1fq\xf2u\x03@\xe9[H\x9f\x91=c\xa5\xd1\x00\xb6\xbc\xf5\xafY\x0e\xb6k\x18\x99i\x93\xea\xb9\xc5)\xd7\x1e\x80\xadE[\xfaQ\t\xa0\xbb\x96P\xbe\x85\xac\xd5\xdd/\xf9\xaa\xc4\xc9\xdb\x95T\xff\x12\xd9\xed\xd7\x99Mp\xe8G,I]\xb6\xb3\x0e@;\x10d\xcbW\xb2v\x8c\x07?\x8e\xf2\x12\xc8\xe3\xb8\x06\xe3\xf3\x84\xf3\x87C\x95Q\xf7$\xab\xe7\xa2\x03\xf6H\x8chZ\xeeo}\xfb\x91\xa3\xabh;\xe1\x00\x00\xa2\xd22g\xcd\xda\xf9\xb9d\xb1\xddf\xbe\xa6Kq\x1aX\x06\x10\x1b\xb9Z\xe2\x8d\x959\xcf\xbc\xbd_\xb1\x1f\x86\xedj{\xe2\x15\xe8\xe1\xe8Yx\xf2\xfa)\x9eG=\x00@\xceZ\x933V\x1a\xfd\x03\x90\xb5\x9a8,\x81\'2\x97l\xb3\xc8\xf3\x16\xa0N\xbfP]\xdf\x84\x8e\xc5E\x85\xdf\x07\x9f\x8fO\xc8\xbc\x15\xc2\xee\x14\x11%-\xd6\xcf+I\x9cP\x9c\xb2w\xb0\xce\x91\xb8H\x9fRm\x1co\xf5Y\xc7XL[n8\xc5\xae\x92\xbc\xc4@Mj,\xdd\xb6w\x8e\x93\xdf\xeani~;\xbdY3\xacMW\xf5\xda\xb6N[X\xa1\xea\xf5\x7f\x98\xcc\x11\x9eQ\xe5\xad?}\xad\xb2OD\tj\xea\x8e\x02\x18\xb0\xf0\x0c\x85\xa0S\x197\x9f\x97KAS\xb7~lr\xa4\xa4\x87\xb5xD\x88\xca}&gt;&gt;\x11\xc5vZ\x13\xe9\xb6I\x9e\x8d\xa7\xfe6;\x04\xa0\xee\x80-\xaeJ\x15\xf8\xf18\xfb\x13\x06?\xfb6\xf1\xfd\\\xa6V\x14\xab\xd2\x82}\xdf\x10\x91RQ\xc6j=\xd6\xe6\xad?#n\xben\xae\xea\xd5a\xdam\x07d\xc8\xd8\x92O\\x\xe0;M\xa6$u(}s\xfe\x14c0\xb8Px\xe2\x02\xc9\xe5\xb4u\xba\xe2\xe2+\x10\x9e\x92\xaa\xcc\x10\xa2\x1c\x8b^\xfa&gt;E\xa9A|\xfa\xc7\xff\x0bf6\xf6\xbb|\xe8b\x00\xcc\xd0\xc8[iC\xa1t\xdbg\xad3\x9c\xfa.\x86\xb6!&gt;&gt;\x8f7\xa7EQ\xcc\x88\xe8\x83\x7f@\xf1\xaa{^\x9d\xc5\xb6eXy!\xe0\t9\xa8\x81\xdco\xc1)\xb5\x99\xfb\xf8\x7f\xa0\xd8U\xa4[\xbd\x1c\xa9\xcb\x0c%\x8aea\x8d\xba\xef\xaa\xcd\xd4\x07\x80!\x06\x94\x84[\xe00&lt;\x11\xaf\t\x9a\xa3\x0cY|\xd6x\xb8bg\xfb\xc5\xea\xcb\xbf\x05n\xddjs+g\xf3Y\x9d\x1b\xea\x0f\xda\xd6\xc7\xb0\xa8`\xf7&gt;\xa4\x11\xa4\xa5jLb\x1f\xd7\xce\x0c\xc6\xce\xff\x02\xa2\x0cV9\xd263\x13/IQ\xeb\x95-</t>
        </is>
      </c>
      <c r="E527" t="inlineStr">
        <is>
          <t>&lt;class 'numpy.ndarray'&gt;</t>
        </is>
      </c>
    </row>
    <row r="528">
      <c r="A528" s="1" t="n">
        <v>526</v>
      </c>
      <c r="B528" t="inlineStr">
        <is>
          <t>steps_per_sec</t>
        </is>
      </c>
      <c r="C528" t="n">
        <v>7600</v>
      </c>
      <c r="D528" t="inlineStr">
        <is>
          <t>5.3632956</t>
        </is>
      </c>
      <c r="E528" t="inlineStr">
        <is>
          <t>&lt;class 'numpy.ndarray'&gt;</t>
        </is>
      </c>
    </row>
    <row r="529">
      <c r="A529" s="1" t="n">
        <v>527</v>
      </c>
      <c r="B529" t="inlineStr">
        <is>
          <t>Loss/localization_loss</t>
        </is>
      </c>
      <c r="C529" t="n">
        <v>7600</v>
      </c>
      <c r="D529" t="inlineStr">
        <is>
          <t>0.004379573</t>
        </is>
      </c>
      <c r="E529" t="inlineStr">
        <is>
          <t>&lt;class 'numpy.ndarray'&gt;</t>
        </is>
      </c>
    </row>
    <row r="530">
      <c r="A530" s="1" t="n">
        <v>528</v>
      </c>
      <c r="B530" t="inlineStr">
        <is>
          <t>Loss/classification_loss</t>
        </is>
      </c>
      <c r="C530" t="n">
        <v>7600</v>
      </c>
      <c r="D530" t="inlineStr">
        <is>
          <t>0.17036895</t>
        </is>
      </c>
      <c r="E530" t="inlineStr">
        <is>
          <t>&lt;class 'numpy.ndarray'&gt;</t>
        </is>
      </c>
    </row>
    <row r="531">
      <c r="A531" s="1" t="n">
        <v>529</v>
      </c>
      <c r="B531" t="inlineStr">
        <is>
          <t>Loss/regularization_loss</t>
        </is>
      </c>
      <c r="C531" t="n">
        <v>7600</v>
      </c>
      <c r="D531" t="inlineStr">
        <is>
          <t>0.038083833</t>
        </is>
      </c>
      <c r="E531" t="inlineStr">
        <is>
          <t>&lt;class 'numpy.ndarray'&gt;</t>
        </is>
      </c>
    </row>
    <row r="532">
      <c r="A532" s="1" t="n">
        <v>530</v>
      </c>
      <c r="B532" t="inlineStr">
        <is>
          <t>Loss/total_loss</t>
        </is>
      </c>
      <c r="C532" t="n">
        <v>7600</v>
      </c>
      <c r="D532" t="inlineStr">
        <is>
          <t>0.21283236</t>
        </is>
      </c>
      <c r="E532" t="inlineStr">
        <is>
          <t>&lt;class 'numpy.ndarray'&gt;</t>
        </is>
      </c>
    </row>
    <row r="533">
      <c r="A533" s="1" t="n">
        <v>531</v>
      </c>
      <c r="B533" t="inlineStr">
        <is>
          <t>learning_rate</t>
        </is>
      </c>
      <c r="C533" t="n">
        <v>7600</v>
      </c>
      <c r="D533" t="inlineStr">
        <is>
          <t>0.079942</t>
        </is>
      </c>
      <c r="E533" t="inlineStr">
        <is>
          <t>&lt;class 'numpy.ndarray'&gt;</t>
        </is>
      </c>
    </row>
    <row r="534">
      <c r="A534" s="1" t="n">
        <v>532</v>
      </c>
      <c r="B534" t="inlineStr">
        <is>
          <t>train_input_images</t>
        </is>
      </c>
      <c r="C534" t="n">
        <v>7600</v>
      </c>
      <c r="D534" t="inlineStr">
        <is>
          <t>[b'640' b'640'
 b'\x89PNG\r\n\x1a\n\x00\x00\x00\rIHDR\x00\x00\x02\x80\x00\x00\x02\x80\x08\x02\x00\x00\x00\x83\xaf^t\x00\x00 \x00IDATx\x9c\xed\xdde\xa0\x15E\x1b\x07\xf0\x87\xee\xee\xee\xaeKwwwwwJ\x08H\x08\x02R\x82\x84\x94\x8a\x80\n\xa8 \x08\x8a(\xa8\xa8\x08(*\x88\x89\x81\x85]\xd8\xf9&gt;\xef\x87=g\xcf\xec\xee\xec\xee\xec\x9e=7\xff\xbf\x0f\xb0gwvfN\xdc\x99\xdd\xd9\t"H\x1c\xae\xfc\xc5\x01\xc6\xd6l\xc4\xf6\x00c\xd3\xb0\xc0!\x8c\xe9\xe5\xdes\xa1=\x7f\x84\x0f9\xc7 \xea:\xe3\xa0\xbe]\xb1\xd3ri*\xcc\\\xb6\xddbm\x0f[\x92\xb0\xe6\xc7\x9a\xe15\x87\xbf\x10O\xccYk\xd2\xa8\x15\xa7e9Lkz}5\x12\xa6\xa4\xd7\xb7&amp;\x93\xc9\xee\xdc(\xe2\x04\x80\x14#!J\x8a\xa2\x81\xc78i\xfdK\x81\xc7\x99$T\xeb\xbe\xca\xe1h\xcf\xd9\x8f(\xc4Q\x98\x88\x88\n\xe8\xaf\x87\xddz\xd2\x14\x82\x993W\x19#\xbe\x1c\xbc\xf8\xc4\x98U\xcf\xea/\xf5C3\xb7\xbe\xaa\xef\xec8\xf9\xfet\x15\x86\x13\xa5\x9b\xb0\xf6\x05-L\x8bQ\xbb\xb4\xa39jN\xd46\x0e_\xe1\x0c\x95F\xea\x91\xbc\xf1\x07\x9f\xfa$\x12\xdb\xe1+LD\x9f\t\xf1o{\xfa\x17!_\xa9\xad\x19\x90)\xc2\xcc\x0bw\xbfCDT\xb0\x07Qu\xc7\xc0r\xd2z:\xba\xca\x1b\x00 ~\xcd\xde~)\xa8\xa8P\xf6Ec\xee\xce7\xb2V\x1f\x17~\x15\xa9}\x1b\r\xddJT\xd3\x18\xb6\x08\xd9\x7f\xda\x1f1S\xd6\xb6\xd2C9kM\xdap\xfc;\xfd\\\xbb[^"\xaa\xdb\x7f\xa34\x86\xa6\xc3\x85V\x81\x82=\xf5\xd3k\xf4\\\xc3\xcco\xfc\x11e\xfdWB\xdfr\x8c\'3Q\x03\xdc\xe9\x02@BJ]fHBg!`\x13\xd7\x9d\xb5\xee\xdcw&gt;\x05\x16\xa9\xf9\xc4\x17\xe5;,u\x0c\xdb\xd5\xb4\xe3\xd2\xef\xa6O,;\x85k\xa6&lt;u\xa6\x1e}\x9b\xb5\xb6z\xad\xc6m?i/3\x7f\xe3\xbd\xde\xba\xf9\xee7\xbd\x9e\x12%\xb7\xca\xb5\x80\xe953\xdf\xfe\xc8\xe7\xb1\xcb\x0f\x00$&lt;\\t\'\x1d\x85b\x9d\xc0=\xcf\xff\xado\xe7\xaf?C\x1a&amp;\x9f\xcd~Ez\xbb1\x11e\xae2\xa6N\xbf;*t\xbc\xd5&gt;xm2\xfeD\xd3\x94\r]\xb7=~\xd5\xe5\xe1\xae\x895\x80\xf4\xa1\xfb\xe9O\xe3\xf5\xcfA\xbb\xa7\xb7\x973~\xb2\x01\x00\xc9\xc7\x8b\xdf\xa0R\x079i\xdf\xa8\xa0\xa2u\xdd/\xb6Tw\x9e\xf6\xa04|\xdd\x01\x1b\x1d\x93J/\xd9\x97\xa9\x95\xf6\x7f\xf9\x0e\xe6\x8b\ti\xc6d;\x1bn=y\xc31]\x00\x00\x88\xce\xaa@\xdb\x15\xe3\xb9\x01C\xef\xee\x94Dd\xd1&gt;\x9f\xff\xbc|Ju\xfbo\xf0\x9cN\x89\x01\xfa\xa6\xf8\x8d\x1cx\xd5C\xbah\x8b\x02HiR\'t\x064q\t\x9d\x81\xf8\xf3\xbf\xff\xfe\x0b0\xb6T\xa9R\x05\x18\x9bEN\xd3\xeb\x1b\xafo\x8ber\x81\xfbM\xfb|\xd2(}J5\xb4\xff&gt;\xfb\xf43\xeb1\x97\xda\xf1\x93\x03\xfaf\xaaTy\xf4\xed4i$a\x97=\xf8\x914\x8e\xa9\x1b\xcf\xbb\xe7\x11\x00\x00R\xacDz\xa3\x96\xb1e \xd1\x94n\xb3H\xba?\xd8w\xed)\xb6\xecq\x13\x02L\x1a\x00\x12\x11qD&amp;\x10\x11\xe5\xeb\x96\xd09\xf0\xc3\xb1+S\x90\x12i\x05\x1cc\xf6\xef:wt\x11gQ\t\xf4\xd2\xb7)\xf13\x07\x00pU2\xa13\x10\x04\xc9\x1ddL\x1b\xb7C\n7\x9e\x1d\xcd\xe9G\xde\x8ay\xcd\x94\xb1\xf2(\xb7 ub\x9d\x07\x00\x80\x14\xa2dBg 1\x8b\x8b\xf2\xfc(o\xa0\xb3T\x1d\x1b`l&amp;)\xf3\xe6\x1e\x00 Ij8d\x8bug\xcd\xdek\xe3?\'\xf1#Q=\x8fLSvhB%=\xe6\xf6\xe7b\x9f\x88yj\x0e\x00\x80\x18\xba\xefl\x90=\x84\x01b\xa6\xa6{\x10{o\xfe\x1d\xba\xd5\x1e\xb2\xe4D\x10\x99\x01\x00Ha\xb4y\xff\x13\x8f/\xd1\x82\x9a\xc4\xf5_\xf0\xd8\xdb\xff\xe2K\x04\x80\xe4#sBg \xf9\xf8V\xa8\xe3\x1b\r\xdd\x9a\x809QS,\xa13\xe0\xe4\x85\xaf\x0cum\xf5\x9e\xab_\xfd\x997\x9f\xf81\xa1\xf2\x03\x00\x90\x94\xa0\xdbN\xd2\x92\xc8\xbf/\xacH\x08\x00\xe0Ab+1K\xb7\xbe\xa5l\xdb\xc5\xd1\xc4\xd0|\xd4N\xfb\x83Y\x12\xdb\xfb\x05\x00\x00\x90{\xfdWo5V\x945\x9c\xf1\xf4\\\xd1D\x05A\x8b\x8blfhA6\xdf\xf5\x87\xb8\xc4\x01H\x89\xb2\xb5K\xe8\x1c$=1\xbf#\xcck^1\xd7Q\xc6Xe#)\xbb\xf7\x85\x7fT\x82e\xab&gt;\x9e\x88\n6\x9c\x15\xe3\xec\x00\x00D\r\xad\x91\xd6O`\xe4m\xa7\xc2\x9b\xc5\x1dB\xfe\x95\xe2?\xba$\x07\xbfv\x00\x00/\xb2\xb4\x8e\xc7\xc4\xb2\x06\x1e\xe3\xfd\xe7\x93b\xa1\x1fY\x0e(_\xfd\xe9\t\x98\x8f\x00\x14\xe9\x93\xd09\x00\x00\x88\x8e\xc2\x84\xba\xd4z\xdc\xbd\xf1\x90\x93\xc4\xc0\xcb\xbdT\xdd\x18\xe6#xh\x00wQ\xa7\xff\x06\x85o\xbft|d\x05\x00\x00\x92\x8d\xef\x93f#\xad}\x8d\x98\x8a(\xaf\xf02\xc1\x16\xcf\x9e\xb8\xfelB%\r\x00\x00V\x15\x12:\x03\xc9\x193\x13\xa5\xb3;\xba\xe5\xc9\x9f\xe21/\x00\x00\x8e\x84\xdb\x88\xca\xd1\x9d\x0e\xc9L\xc3\x84\xce@\xe0\xd2\x98^\xe3\xd7\x0b\x00\x00)X\xc9\x01\t\x9d\x83\xe0\xa1j\x07\x80\x14d\xd0\xe2\'\x12:\x0b\xe0GR\xa9\xab\x1a\x0c\xdeLD\xd2\'\x08\xcc\xbc\xf4\xfe\x0fL{\xe2%S\x00\x001\x92\x1d\x13\x8c\x80\x9dR\t\x9d\x81H-\xcb\xcc\x95\xbb\xdc&amp;=\x04\x00\xc9Y\xa2\xf9SW\x1c\x83a~\x0e\x07\x90D\xfd\x97X\xfe\xf4\x00 yI4\xf5:\x00\x00@bT"\xa8\x88\x12m\x8d{\xfe{C\xc6^\xfc:\x91\xe6\xd3\xd5\xa17\x12 \xe7\xb3\xb7_\x8a\xffD\xd5\x15l\xe4m\x02\xe7y\xbb\xae\xc4(\'\x00\x00I\x89\xc2\xa8\xca\xe2n\x01&lt;K\xb4\x17\nI\x17&gt;RO\n7\x99\x93\xd0Y\x00\x80\xc4$\x85\x94\xa1\xa9\xcb\x0cN\xe8,$C\x15:.K\xe8,\xa8(\x9a\xd0\x19P\x92B\xfe\x12\x01\xc0U"\x9f\xe37sBg\x00\x12R&lt;\xd6U\x81=\xa9\x01\x00\x88Lo\xcb\xcc\xfd\xe6\x1f%\xa2\x1a\xbd\xd6X\x82\xfd\x19\x8fY\xf2\xe1w\xc5p\x19+\xb9\xaf\t\x11S\xfe\xab\x8a\xa43\x92j\xf8\xb2\xa7\xe29\xc5T\xa9R\xa9\x04\x8b\xbe\x9e.\xdfad\x941\xb8\xcb\xdb\xc5\xf02\xe9|\xef\x00\x00\x90$\xf9\xaf\x1dst\xb0\xee[}\xe8zT\xb9\x89_\xa9J\x9b\x1e\x88\xe4N\x98|\x00\x00\xc4\x08\x1e\xaa\xc5\xabT\x8d\x02\x89&amp;[\xf5\xf1\x81\xc4c\x92\xae\xfc\xf0XD\x0b\x00\xe0_\xe7i\x0f&amp;t\x16b\x0b\xd5pB\xab\x9d\xd0\x19\xf0\xa2D|\xcf/\x9d\xb3\xe6\xa4xN\x11\x00 \xd9J\x99U\xfe\x90%\'l\x8eT\x0fo\x14\x8a&gt;\x95\x98~\xb6\xb1\x88\xfc\xd0\x1b\xfc\xb71\xda\x94\xf9\xf3\x00\x003kY\xe0X:\xd4\x8aif\x82\x94\r=Y\x02\xf6\xa9\xf6\xc3\xc8\xddi\xca\xc6\xf3\xe1}\x91\xd5s\xbdW*\xe6\x95ww\x9c\xfe\xcdw\xde\xdc$\x95\xdfm\xf6\xefQ7\x03\xa4d\x7f&amp;\x8b"\xa0D\x8b\xf9\t\x9d\x05\x00w\x85\x1a\xcf6\xed\xd9x\xfc\xbb\x04\xc9\t\x00\xc4\x07\xb4\x80\xc5\x0fL\xb8\x9f\xe4\xfc\xe2\xf4\x95e\x89\xbf|\x00@r\x95\xa9\xf2h\x92\x8f\xfdM"\n\xf6H\xe8\x1c\xc4^\xc6\x96\t\x9d\x83\xe4C\x1b\xec\x9e\x98\x14n:b\xfbUf\xf1R\xf8\xf9\xafp\xb9\x06\x90Re\xaf1!\xa1\xb3`\x96\xb2\xef\xd4\xf3%t\x06\xa2\xf2m\x80\xdd\x8e\xf2u\x8d67\x00\x00\x10sI\xa4\xef\xd5\x95\xbf\x98\x88V=\xfcYBg$\xa6\x0cs\xae\xed;\xa7Z\x07\xa7\xab\x90T\x07\xec\xa6\xecKF\x00\xf0\xeb\xa6m\xaf\x1bwTM\x98|\xa4\x18_\xd9\x17\xd6\x8f_\x95\x1cJr\xf3H\x14l\x18Y.\x90\x99k\xf4\\\x9d\x80\x99IBj\xf6Y\x97\xd0Y\x00\x80D&amp;\x11\xb6Q\'Ku\xfbo\x90\xdeH\x1dy+\xb23I\xdci\xcd\xdcrQ\xcf\xe7\xee\x17\xffM\xd8\xcc\xc4\xc2\xd6\xa7~\x0eo\xe6H\xc8|\x00@\xb2g.\xf4\xb3\xb6M\xa0\x8c\xc4\x93\x96c\xee\x16_&gt;|I^\xe7}\x1cm]X@1\\\xe2\xact\x9ds%N*Y\xa6\xed\xa2\xd8g\'z9\xa38\x17+t\x01\x00$w\x89\xb32N(\x89\xf6\xd3\xa8\xd3oCBg\x01\x00\xc0N\xa2\xbb\x8d\xcedxUr`\xbc%\xac^\x8b\xb00|%\xde\xea\x9eTe\x06\xbb\x07\x02\x8f\xea\xf6\xdf\xf8\xc0\x85Dz\xf5\x00\x00\t\xe6\xd0\x1b(\x17\xc8\xda\xa8\xd8\xf7f\xe7\x11\xa5\xa1\x9ek\xb1\xae\x17_\xfb%\xbe+`\xa2\xc2\xf1\x95P2\xd1a\xd2&gt;\xa22\xcea\x12\xed\xbd;\x00\xc4\\\xc3![|\x9c\x95\xe4J\r\xb1\xfbRL\xe9\xf7\xa6\x1e?\xa2"\x0e\xc7r\xd4\x9c\xe8p\xf4\x8ec\xdfzI\x88fo\xbf\xe4)|\x102Y\xf6\xd4q&gt;\xe1\xf2\x1fI\xec\x07\x06\x00\x10\x98b\xcd\xe6\x8d^\xf9LB\xe7B]\xdd\x84\xce@\x921\xe6\xf6\xe7\x12:\x0bV\x05\x13:\x03\xbab\x1e\xc3K;\xd0\xd5\x0b #\x00\x00R\x89\xe8\x0e8{{}\xd3~-\xbc\x84\x92&amp;\xa13\xe0I~\xed\xbfLUF\'l&gt;\x92\xa8\xf4\x15Fx=%\x11\xfd\x1d\x01@b\xf6\xda\xaf(,\x92\xb3\x0fQ\x19\xc4;\xe7\n\x18\xdf\x08\x00\x00\xb8\x98\xb3\xe3rBg\x01\x00 Yh1jg\x12i\x1cK\x9b\xd0\x19\x00\x89\x15\x07?I\x80TK\x0c\xf0}\xea\xb1w9q\xfc\xe0\x8d]\xee\x8b\xf5K\xa0l\x00@\xf2\x97\xc1\xd7Yq\xc1f"\xc0\x927q\x14\xe2`V\xa8\xf1M\xaea\xbe\xc5w\x07\x00\x89\xd3\x9c\xed\xa16F\x95:\xa6\xcf\xbc#\xa6=\xccL\x99Z\x05\x9e+e\xe9\r\xaf\xf2w\x13\xdf\xc5\xad\x0f|\xa8m$\xb5\xea3&amp;\xb3\x1en8\xfe],\xa2%\xa2$\xd2S\xbdvBg\x00\x00\x00\x88\xc8K\xad\x1c\xa3\xaa\xabB\xc7[c\x11m|:\xf5\x89\xf6\x19\x06X\x01\x97\xd3\xfek7a\x8fC\xa0Z\xe65\x85\xac\xc3\x91\xd5e\x8b\xe2\\%\x87\xde\xe0l5\xb4y\xb3]\x06I\x03\x00\xf8VA\xdf\xba\xfd\x91\xcf\x130\x1f\x103\x9e\x07\xc2\xfe\x11\xe3\xe6\x87\x12-\xe7{=\xe5\x91\xcb~\xb2\xd4l\xe4\x0em\xe3\'\xd9;j&gt;j\xa7\xdd\x89\xcc\x9c\xaa\xf4 \x1f)\x02\x00\xb8\xcbW\x7fF\x941\x9c\xfc(\xd6\xad\xc41\xbf\xd1\tR\x86\x16\t\x9d\x83,\xd2\xbd{^\xfa\x9f\xa7X\x16\xdc\xfbv\x10\x99q\xf2}\x12{\xbe\x00\x00\xc9\xd7\xf1\xf7\xb8t\x9b[\\\x83\xb5\x9bp_\xec\xf3\x92\x90\xf4\x07\xc0\x1af.\xd1\xc2\xf3\xad\x12%\xbd\xe7\xc7\x89^\xda&amp;\xa1\x8d\x84\xec:\x10\xac\xbc\x14\xfe\x9dl\x0c?\xad(\xd1rAB\xe6\x08\x00\x12\xab\xf2\x81\xc42w\xe7\x1b\x81\xc4\x13cU"\x9b\xe9\x9b\xfb8?6\x15p\x9c\xf8\xe2\x87\xf8\xad\xe3\x13\xc9%\xc5\xdf\xb2lL\xbe\xe3\x9c\xda\xd9\x85L\xaf\xdf\xfd\x9f$\xb6\xdf\x94\xdfi\xd6j\xe3\x14C\xaa\xc9#&gt;\x17\x17W\xb8\x02\x00\x88V\xe7i\x0f&amp;t\x16\x02f7\xc2\xf5\xd5_\x02.:\xcbwH\xba}\xaf\xca\x05\x10G\xeaFD\xf4\xd0\xeb1\xaf\x90\x12O\x9dg\xe92\x06\x00\xc9\xdd\xb9\xef\xe3\xa3\x00J&lt;\xc5\x9c\x8a\x1f\x1ds;s\xcb\xc5\x98\xa5\\"f1\xc7\x9f^s\x0e\'H\xba\xf7\x9c\xf9K\xba\xdf\xf9\xb7\x97\xb4~\x99\x00\x00\x9ey)\xe6\x8a\xc70\x1f2;N\xff\x16\xcf)zr\xf9wo5D\xa9\xd6\x0bc\x94\x13\x15\xccLT9\x013`e\xfd\xed9\xff\x1a{\xcf\x95\\@t\x99\xbe_\x1ax\xfe=o\xf9\xce\x98\\\xd1\xbe\x05\x1b\xcd\n8N\x00H\xd2&gt;\xc0\x8d\x82\xbd\x9a\xbd\xd7\x06\x15U47d\xcc\xdcg\xde\xa3k\x1f\xfd\xb2\xcb\xf4\xfd\x15;-_\xfb\xe8\x97\xd2`\x93\xefx\xc9w\x12D\xf4\x89c\x0e\xfff\xb6\x1bi3l\xd9S\xe2K\x87w:\xf0\x96\xc7\xfd\xe5-\xde\x0cXx\xcc-H\xa9\xbc\xf5\xa6\xc5GV\x00 I\xab\xd1suBg!\xe6\x92JK\xa3&lt;\x9f\xf9\xbb\xcb\xc2\xe6\x17_\x14m6\xd7t\xee\xe1+\xdc|\xa4\xed\xa8SOn\xda\xf6\xbabH\x87\xcf\x99\x99\x95;Oy\x8e\\\xb3d\xef\xfb\xd1\xc4\x0f\x00\x90\xb8\xec|\xf6\x8f\x84\xce\x02\xb8\xab\xda}\x95\xe1u\xben^z\xd5\xc6b\xfe\xc5\xfa\xd6]\xd37\xbfb\xdd\x99P\xd7F\x9f&amp;\xe6k\xb2(\x16\x96\x00\x00\x08\xcb\xd8R-\\\xd6\x80\xd2\xcbiz\xadX\xbe\x9f\xf9"\xa8\xe28\xbeg&lt;\xd6\xde 3\xc7\xf5ZCTP\xdf\xa9\xf1\xb4\xa6\xec\xfa\xa3_G\x9f\x13\x87\xa3\xbfX\x02\xcc\xdd\xf9\x06Q1\xf5$Z\x8d\xb9\xc7O\xce\x12\xc2\xf9\x1f\xd8\xd3[\x03\x00\x80\xa4\xe7\xcd\xbf\xf5\n7R\xc3\xfd\x928\xc6\x95\x1e|\x8d\x89h\xfc\x9a\xe7\x89(}\x85\x11\xf6\x01\x0b\x04\x98\xe8\xc8\xdbN)\x87m\x10`\xba\xfet\x9a\xfa\x80iOb\xf8\xe2\x00 \xe1\x94J\xe4\xd3\xd2Vp\r\xa1&gt;\xb0\xb2\\\xfb%\xd1e&amp;\xe1\xe9\xb5o\xab1w\x8b;\xa3\x8c\xb6Z\x8f\xdb]\xc3\x0c\xbc\xe5\xb8s\x80\xd9\xdb.\xed|\xe6w"\xe9\x02\xb79\xbde(M\x13\x9b\x03\xd1,\xb4\x10s%[y\x98\xf1j\xc3\xb1oc\x97\x13\x00\x00\xa2x\x9f\xda\xc9A\xaf9\x87\xa2\x8c!U\xe9\xc1\x81\xe4\xc4\xb7\xaa\xddV\x9a\xaa[fN]f\x88\x8f\xa8\xe2gJ\xa6\xcb\x7f0\x11-\xdf\x7fM\xdci^\xc0 S+\xbdQ=)\xc2\x8d,\x00$\xac\xfc\xeeA\xe2A\xc9\x81\xc1\xc6\xd7e\xfa\xfeDX\xbc\xb2\xe0\x8b\xc4\x94=\xebg\xa5U\xc0\xaeZ\x8e\xb9[em\xa5\xc7\xdeI\x14o\xb6\xd1\x90\xad\x01\xc5\x84\x15\t\x01 \x00\xa9\xa5{cV{\xd5\xb0\xec\x89fR\xeb\xb4\xe1\x8d\xe2D\xc4\xccv\x83k\x13\\\xee\xdaS\x02\x8c-g\xadI\x01\xc6&amp;\'\xeb\xe8\xab\xf8\xab\x88\xfe\xc7\xf3\xccg\x89\xa2\xc2\x06\x00\x88\xa5"}L;\x12\xc9\xd4\x80u\xfam\x88E\xb4\xddf\x1c\xf4x\x86\xfc\x02\xc5\xbb\xea\xe1\r\x97\xa9\xc4\x1c{B\x854\x19\xb6-\xda\xec\xd8\x8a\x8bY\xcc\x89X\xfaf\xf2\xfd\xc9g\xad\'\x00\x08B\xfe\x063\x02\x89\x87\x99\xfb\xcd?\xaa\x10P\xec&gt;S1\x90\xa4\x83\xe2\xe1j\xa0\xb8\xb9{Q\xff\x05\xae\x93%\x05\xc2\xd0\x897\x11\xb6\x8a\xa7@S6\x9e\x0f$\x9e\x85\xbb\xdf\t$\x1e\x00\x00ge\x83\x8c\xac`\xcf c\x939\xff\x03\x13Q\xa9V\xfa\xc4\xcb\xb9\xfd\xc4\xe2k\xe9\xc3\xf8\x12\xd4\xc8l\t\xe9|\xcb\x9et\x9f\xf5\x10\x11%\x82\xe5+\xb2\x07\x15Q|4\xfb\x03@\x92\xb0d\x9f\xcb\xac~\x17o\x04y\xb3\x95\xaa\xf4\xa0g&gt;\x97G\xb8\xcb8\x15\xd7\xaa\x87?\x0b0\xdd0\xf3\xc2\xb12yb\x90n`\x82\xbb\xf7\xd5\xdff\\@\x11R\xd7\x19\x07\x82\x8a*\xdeyX\x1ad\xdc\xea3DD\x94%\x90\x84\x99\xf9\x1b\xb4g\x00@&lt;\xf37x\xc6Y\xb4\xf5\x93\xd6c\xc8\xeeI^\xa0\xe9\xe6\xab?\x9d\xb2\xb7\xf3\x97P\xcf\xd9\x8f\xb8\x06\xfb\xda\xefG!}/\xb1o\xf4\xaeiw\xa0L\xdbE\xda\xc6\xd8\xdb\xcf\xc48\x0f^\xc8\'\xee\xf6\x8c\x997=\xf1C Q\x01@\x12\xd3p\xf0\xe6xHEZ|\xcf\xde~I\xdb\x7f\xf2Z\x80\x85{\xa4\x898\xaeW`\x8b\x17\x19\xe5\xd3\xfeK\xa0\x07\xb1\n\x8b\x00\xe6\xe9\x12\xd3\x1cl?\xf5k \xf1\\\x8d\xd7\x0f\xb0"\xa5m\xea\xfbd\x95\x1em\x0e\x06,&lt;F\x94F:c%3\x13e\x8c&amp;r\x00H\xae\xca\x05\x12\x8bk]\x15Te\xf6\xd8\xbb\x1e\xe2\x11\x17yMW~X\x00\xc9\x17\xec\x11@$\xce\xf2u\x93\xeeNR\xdd\xb2j\x12\x11\x95\x1a(\xf4\xe8v\xb2\xeb\xb9?=\xc5~\xdb\x81\x8f\xc3\x9b\xb5\x97\xde\xff\x81\xa7s\xa5\x98\xd9:\x8bd\x80\x92\xd4w\x07\x00\xc9B\x12-w\xcc\xb38\tJ\xb7Y\xe4\xf4\xa6bsc\xfa\xce\x7f\x92\x14\xf3\xd4\x99\x1a\x8b\xb4\x02\xa185\x87\xce\xeb\xef\xa4p\x93\xd9\x9e\xc2\xab\xc8Pid\xe0q\xea#\xd7\xb7&lt;\xf9S\x0c"\x07\x80$\xe5\xd6\x07&gt;L\xe8,\x04\xc3:Y\xa3\xd7B\xdc\xb4\xb8\xd0\xb7\xcc\xda\xedZ\xaa2\x83\xa7\xdeyAzJ\xd9v\x8b3W\x193m\xd3\xcb\x1e3+\x918/M*wY\x11\xde\x0cu\xe0\xaa?p\x93\xea\xc9\xa9\x1a\xa9\x84Zs\xf8\x0b\xaf\xb9RQ]a\xa6\xebh\x88+m7\x1ev\x97\xf7\x08\x12\xbc\x8f7\x00$\x9c\xe8K\xfc\xa2M\xe7J/\xe4?0\xc5\xec\xbcjad\xd6$i\xafT\xf7\xa9\n\xad\xb4\xda7}\x85\xe1&gt;\xce\x15#\xd16\xf2\xd6\x9d\xe6\x1c\xd2y\x1d\xbd9\xdb/\xd9\x1c)\xe2#W\xa2&gt;\xf3\x1e\x8d2\x06u\x937\x9c\x8bq\n\xa9b\x14o\xc7)\xf7\x07\x13\x91\xdfu|\xad\xd7\x82\xcc,m\xc3\x00\x00\xf0\xafZ\xf7\xf0mG\xf1\xfe^\xcf\x1d\xb2\xe4\x84v[0x\xf1\t\xb53\xaa\x8f^\xf9\x8c\xb6\x15\x8b\xae=\xf6\x17(\xf9&amp;\xad?kwJ\xdb\t\xf7\xb9\xc6\x13?+"\x98R,\xdeb~41|\x19\xc9p^\xc3\x81B\xe1a\xd9\x85zE\x13\x7f\xe2w\xe97\x95\xafL\xe8Z\x95\xb5\x8d] f&amp;*\x1d@\x9e\x00 \x19\xcb^c\x82iO\xdf\x9b\x8f\xc4{.l\xfb\x003s\xe1&amp;s|\xc7[\xa1\xe32\xd3\x9e\x95\x0f}\xea\xa9j\xf4\xd5\xf6\x98\x98\xe4\xec\xa0\x18P\xfbX\x98Y}\x12\x8f|\xf5\xa6\xfb\xccU,\x85\xbe_\xcb,\xaa&gt;\xe3\x89\xf7s\x01 \xa5\xc8\x117Q\xdbx\xf6\xba\xa4\xc8\xf0_\xc2fh\x11N@\xb5\x02\x10\xd6N\x880\x17d\x01\r\xd3T\xc4\xcc[\x9f\xfa9\x98\xb8\x94+B{\x95\x02\xc8\x86\xc5\xca\x87?#\xa2\xb2\xed\x16{\x9a\xb6"\xd9\xf3W\x83\xeag\xb5\x9f\xb8\'\xd0\xec\x00@\xd2\x11\xd4\x05x\xe7i\x0f\xba\x86\xd9w\xdeey\x06fV[\xb27\xf20x\xe8\xd2\'\xed\x02\rYb\xd7|\x1d\xed\x03W\xa9_\xdd&gt;\xc9\xf8|L\xab9\xfa\xb6&lt;K\xcc\xac_N\xd9i3~\xf7\x89\x0f%\xa7\x7f\xe9\xe5\x07\xe3)p\x8ch\xbf\xf0n3\xbd.\x9e\xe1\x1e\xa7W\x9f%\x82O\x03\x00\x12H\xbe\xae\xf1\x9c\xe0\x80\x85&gt;\x17*x\xeb\x1f\xcfEU\xa8LL\xdd\xd8\xba\xdf\xbd\xb8L\'\x99\xfa\xaab\xa7\xe5~2\x90D\x04\x9d[\xa7\xd5\xa0?b&amp;\xaa\xea\x10 w\x9d)\x89\xe7\xd3SY!\x8a\x99}\xce\nND\x99\xcc\xfd\x10\xc7\xafy\xdegT\x00\x001eW4K\x07M9N\xa3XJ\xdc\xa92\xd7t\xc9V\x0b\xa4\xfb\xffI4\xb5E \x02\xab\xfcJ\x0e\xb49 t2\x8a\\\xeb\x14\x1a\xb3\xea\xd9\xc8\xfe\xa2}\x1b\x0f\xbd\xab\xcb\xf4\xfd\xc6\x133\xa8$[\xa4\xc9\x9c\x04\xaf\xbf\x97\xef\xbf\xe6\x1a&amp;\xa6\xb3y\x00@\xd2e]\xdf\xdeI\x94\xe5]\xd1fs\xd5#,\xdfa\xa9\xcd\x11\xd5\xc1*\xe2\x8cW\xba\x1f\x8d)\xf6\x99wD16W\xab\x0f]\'\xa2\xcd\xca\xb3+LX\xfbBx\xb3pPyP\xa6\xf0\xb48G\x07\xe9\xb7s\xfe{\xf3\xce\xd3\x9f*\xfd*\xde\xfe\x97\x9f\xbb\x1e\xea\xc65\xe2\xb6S*\xa7D\xa3v\xdf\xf5\xbe\xcf}\xe0e\xf3;\x1a\xb5\xe2tt\xd9\x01\x00\x08R\x8e\x80\xe2\xd1\xbb\xf6DV\x0e\x96\x16\xfd\xd2y\x15\xf4\x90-F\xef\n(?\xde\xe8\x19\x88\x8c\xbfJ\n\x86\xddz\xd2\xdf\x89OZ\x9e\x10\x87WC*&lt;w\xc7\x1b\x1d\';\x8d\xb8e\xe6\xf7l.\xb9\xde\xfe\xd7\xad\x16/\xac\x8dq\xf2\xdd\xd1\xac\x82\xdf\x13\x01\x00bFy\xd0mH\xb0\xed~\xc3n}*\xc0\xd8\x92\x91\xf4\t\x9d\x01U\xe2\xefA\xfd)\xfe\x87\xccD\x05\xac1$\x01\xce\xb3\xca\x10\x11Q\xc1\x86\xb3\xe2!#\x00\x90\xc4\xac?\xfau \xf1|\xc3LT\xc7\xcf\x99Y\xdb\x06\x92\x81\xa0(\xce\x89\xd1n\xe2\x1e\xa2\x06\xd6\xfd\xc7\xbc\xac\x03\x11\x9d\xf26\xfb+I\xd7\xdbIr\xca\xb5_\x92\xd0Yp7\xe6\xf6\xe7\x1c\x8ej\x0f\xb3\xad?\xa7o\x98\xb5\x07\r\xaf\xff\xc6T\xa0G\xac2\x07\x00I\xc8\'\xccDT\xaa\xf5B\xf7\xa0y\xb5\xae\xd4y\x88\xe8\xbaBu\xe5{\x94\xa4\xd6\xce\x1c\xfb[\xa2\x9c*\xddgD\x05\x1a\xce\xa2\xb4M\x84\x1dzG!I\xad\x9c\xb0\x06/~"\xe0\x183\xb7\noe_\xfb\xe8\x97\x01G\xae\xacV\x9fu\x8a!\xdb\x8c\xdf-\xdd\xff\xb9\xe3\xef*^n\xc4\x0b\xac|\xe8\xd3\xd8\xa7\x02\x00\t\xcd\xa6@\xa9\x12EAc\xee.\xd4b\xd4N\xf5\xa4\xad\xc3\x93\xec\xee&gt;M;\xe7\xed\xba"\x9d\xcd\xd1z\xe2\xbb\xff\x0bG\x18\xbe\xcf\x1e\xb2D&gt;bx\xf7\x8b\xffJ\xf7\x83\x03\xf13\xf7\xf4+\xda\xf9\xcc\xefv\x87\x1e|\x85?\x8e\xba\xe6KZ\x8d\xd8*\x03\xb2\x01\x00\x1c\xf8yHi*(\x87.=\xe9\xbb\xe8d\xe6\x12-\xe6K\xabp\xbbJ=\xae\xd7\x1a\x87\x08m\xa7\x8f(\x10\xb3\xd9\xb5J\r\xf2zF"\xabi\xca\x13)=\x13u\x92\xbd\xbda`\x12\x11\x11\xcd\xba\xeb\xb5\xa8\xe24z\xfe\xab\x98\x7fh\xa9J\x0f\xdex\xfc;\xf5\xf0O\x7f\x9c\xa8\xbeG\x00\x88\x07\xbe\xa6\xcb\x17\x1f\x1b\xcf\xdbuE\xdf&gt;\xfa6\xffh\xa9\x0fr\xd5\x9e|\xe1\xc7\xd0\xce\xb8^k\\+\x8c\x9e\xb3\x1f!*\xe3#WZ\xcc\xfa\x83\xc3\xc3W\x84\x84BK\xf0Z\xa6\xbe\xcab;9~bRK\xdf\xea2}\x7f\xa5\xce\xb7%`V&lt;\x89\xf2\xe2\xa0\xe7\xecG\x82\xca\x89\x89s\xc62T\x0cf\xd1\xdf.\xd3\x0f\xe8\xdb\x95:/\xa7\xd0T$\xa2,\x81$\x04\x00\xc9\xdc\xb9\xef\x99\xd4\x16Q\xcf]{\n\x11\x11\xd56\xed\x17\xe6\xee\xb7S\xc9-@4\xaa\xb9\x07\xc9\xdcZ%\xa2\xf6\x93\xf6*4\xbd6\xa0b\xfd\x14s\x96t\xc5\xfe\xfe;&gt;\xab(\x95&amp;\x1c\xd7n\x86\x19\x88\n\x99\xcf\xe9\xb7\xc1\xb4g\xd6\xd6W\x95s\x05\x00)\x0f3\xe7\xa93\xd5\xb4S_\xecO\xdd\x8c-\x17\xc5\xaa\xd7\xae\xc8\xee=\xf7\xb0x\xa8l\xbb%\x9e\n\xf7\xdb\x0e|\xac\x18R\xe1:\xc0\x13y\xa9\x9d\xa6\xecP\x87T\x1e{G\xba?_,\x96PL\\\x8c\xf3/\xc6c\x8fq\x15Y\x88\x88J\xd9M\xe3\x15r\xe8\x8d\x00\xf3\xec\xa7\xa5\x07\x00\x92\x9b\xa5\xf7\x7f`\xda\xe3XE\x959\xf3\xa5\xfc\xe8\xcf6g\xd9\xc5\x16\xd3ups\x85\xee\xc5\xdd]\xfe#&amp;\xd9\xb8y\xd7\x9b\x81\xc7\xe9\xc6i6fO\xecz\x0e\x8bl?4\xb5\xa1e-\xc7\xdc\x9d\xa9\xf2(O\xb9\x02\x00H^\x8a\xf49\xfb\xad\xa1$e\xe6-\'o8\x9c\xd1b\xd4.\xf5\x1a\xebCf\x87\xa5\x87\xbe\x11\xe2\xf9\xce\x1c\xa7\xa9\xc5/\x9bkZ\xef\xfc\xc7\xbe\'u\n\\`\x95z\xea\xc6M\x86\x9b\xd7\x06H[nX0\x91\xc7\xd8\xc4\xf5go$\xfb;{ey\xebN3\xed\xc9\\eL\x82\xe4\x04\x00\x92\x9b\xc8|\xcb%\xfa\xeb;\x15os\x1f}\xd3_1]\xc5\xf9p\x81\x063\xed\x0f&amp;\xb76\xc0\xe6\xe1a`\xad\xc7\xdd\x9b\xb09\xd1\x15k~\xb3z`\xad\xe9^\xf3\x0b\xb36\xdc\xfc\xbe\xb3\xff\x05\x9f\xad\xd8[w\xe4+\xd3\x1e\xd3_\x01\x87\xc5c\xa6\x00 \x91\xca\x1chly\xf4-\x95"\xc6\xa1$z\xfd7\xcf\x85T\xbb\t{\x88\xa8r\x97P\x87a\xb1\xab\xb6)\x93\xcc\xfc\xbb\xf7\x12p\xc9\xde\xf7\xbd\x9e\x12\r\xebp\xa9$Qj\x9b29\xf0\x96\xe3\xd2`\x1b\x8e}\xeb)\x1eG\xd1L\x01\xe6ua\xc1\\\x86W\x8e\xad\xee\xa9\xcb\x0c!\xa2&lt;u\xa6\x9a\xba\xef\xa1\x02\x06H)z\xdc\xf4\xb0lw\xdd\xc8fz\xc3\x82\xb8\x83\x16y\x9eA\xa9\xd5\x98\xbb\xff\r\x17(\x9eJ\x16f~\xe5\x86]\xf8\xac\xbdf\x1fR\x8fG\xbaS13\xe3\xfc\xae\xc9j\x89\xbfP\xf4\xab\xce\xb1\x8c\xb8\x9c{\x01\xef3\x0c\x07R\xdc[#\xa9\xd2m%QQ\xc5\xd3\xc5\xdb\xdc`E\xf9\xee\xa29\xdd\xdac\x91\x88\xf4\'/\xe1\x05*b\x924\x00$~y\xa5{\x8f\xbf\xc736\xbf\x12`23\xb6\\\xeck\xb3\xa8\x9fC)s\x95\xb9L\xdb\xc5\xd2C\xe9\xca\x0fw\x8d\xed\x91\xcb\x9c\xb6\xfc0"\xbf\xb3@x\x1f\x0f]\xa7\xdf\x1dz6D\x9e"\xb1\xae{q\xe7\xe3\xdf\xff\x1a\x8eJ[\xeax\xe0-\xc7\xad\xd5\xb0b\xfc\x05\x1a\x1a\x9a\xdf\xc5j\xe0+!\x92\xdd/\xfc\x13^{*\xe6K&gt;l;\xf5\x0bQ\xc3\xa0b{?\xde\xeb\xadIw\xbcd\x1db\x17\x88\x13\x1f\xa0\x0e\x06H\xf1l\xca\xf7\xc8j\x83O]\x8bQI\xe1\xf2D\xd6\xae\xe2q\\@\xa9\xe1\xe5\xdf\xe3\xaf\\cf*\xd8\xc3\xcb\x19\xe6q\xaeB\x15k~\xb6\xed\xbb\x9a\xb7\x9a|\xc7K\xd2\xfd\x96\x98\x83\xaa\x8fSK\xf7\xeak&lt;\xfb\xafGCS\xac\x88J\xf9\x8cJ\xc1\x85\x1f\xf8\xab(&gt;|\xd3\xc7[\xa3\xe7j\x87\xa3\x00\x90\xac\xac8\xf8\x89\xf8\xd2\xf5\x0f\xde\xae\xfb\x12;\x0e\xa5\xad\xdce\x85\xaf\xdc\xc5\xca\xa2=\xefYw\xe6\xac9I\xe5\xdc\xe1\xcb\x9e24\xd1KT!\xa2\tk_\xd0^\x98j\xc7\x8b?K?"\xa7)A\xb4\x18\x8a5\x9fg=4m\xd3\xcbz\x05\xdc`\xf0f\xbb\x18\x9e\xbb\xce&gt;\xe6\xb5&gt;|\x85\xad\xf3\x82\xf9\xab\x12v=\xf7\xa7\x8f\xb3\xecZh\x1c\xa5\xf2\x14\xba\xe9\xf0m\x14\xe3zn\xffE\xcf\x91\xeb\xf9A\x05\x0c\x90&lt;9W\x99\xbe#$\xa2\xcdO\xfe$\x8d\xf6\x0bf}\x0e\xc5\x18\x8dB\xb1\x8e\xccQ!&gt;\x08W\xbc\x9btX\xee\xa9B\xc7[\xc5\x97z\x84\xbd\xe7\x1e&amp;\xa2\x0c\x95&lt;Oj\x18\x8eA\xbe\xa4\x92\xf1&amp;8\xa3cL\xc5\x1d\x8e\x85\x1eugn\xad\xfe\xe0\xd6\xab\xb6\x13\xee\x0b:J\xe7\xf7\xebO\\\x0c\xe2TU\xa0\xe1,T\xba\x00\xc9_\xbf\xf9G\x9b\x8d\xdc\xa1\x12r\xfe\xdd\xda8"\xc9Z\xb3\x99\xab\x8eY\x81\xa5\xd3\x1c\x99jtm\xbb\xde\x80;\x89H\xb1\x93-3k\xeb51\xb3u*\x0c\xb1\x02\x1ee?+\xd9\xfd\x17\x82)\xd6\x17\xe8\x83\xca\x9cd\xb0;\xf0g\xd0\xb5K\x8c\xaa\xabB\x8dn\x12\xe2/+\x1c\xc9\xa4\x9e\xa8\xf3\xc2\xc0v\xca\xb4]\xe4\xe3,\x00H\xce\xac\x85\x8e\xebX\x11\xcd/\xcaE\xa4\x98\xc4\xdd\xde\x1b-\xa53\xf533Q\r\xafQ\xf9 -\x94W\x1f\xba\x1e\xde\x9f.\x9a\x98\xb56s\xeb\xdd\xb9B?,\xd7\x99\x8a\xedx;\xb1\xdf\xfc\xa3\n\xa1Jx\x88\xb1\xb8\xd2\xbc\xd9\x81&lt;\xff6\x19\xbaT\xbe&lt;\xa5\x98\xa8\xe3\xa4`\x05\x82\xcd\x0f\x00\xa4\x14\xee\xc5Y\x91&gt;D\xd4`\xd0&amp;mJ\x84\x18\xcb#\xdf\x9d\xba\xb18\xa7\x81\xb6\xb0\x8c \xdc\xa56O\x17\xbb\xb7\xe3Z\xc8z"I%W\xa7mO\xffb\xffa\xca\xbb \xd9E\xae]\xeb0\xb3\xb1}\xbb\x9aB\x05\x1c\x80\xfe\x0b\x1e\xf3}\xee\xaa\x87?3\xee\x90\xbc\xf1\xf1\x86\x81^\xd9\x99Y\xab\xfe\x13ocl\x86\x16\xc2\x0bC\xaf\xb4T\xa5\x07\xbb\x9e\xddb\xf4.\xeb\xceFC\xb62s\x87\xc9\xfb\xa2\xcc\x1a\x00$I\xa5Z/\x14_v\x9cr\xff\xff\xa2\xeb\xde\xf9\xd6?\xfa\xe9Y\x89\x882\xb6\xd0^\xbc\xf6+\x13\xd1X_\rt*j\xf7]\x1f\xda2/\xd3[\xe8\xf8U\xa6\xb4M\x85=\xa1v\xf5\x83\xaf\xc5\xa0\xac\xcf\xde&gt;\x90h\x98Y\xebp\xfe\xe6_L\x94\xde\xd4\xa0\x1dP\x05\\\xd5\xba\xabD\x8b\xf9QD\xa8Z}f\xa9:V\x162m4IKi\x13_\x14l8k\xdc\xea3\xf6\xa1\xaaN\xbd\xf3\x82s&lt;\xbd\xe6\xa8\x0e@\xf7\xea\xd4\'\xe2\x9f\x0c\x00\xa4\x08\x15\xc9\xc3\xddF-\xa2\xec\xa1\nU\x93\xa7\x0b\xc5f\x8d\x01=K\xb9jM&amp;*\x19x\xfc\xd6\x84\x1c\xe4\xb1L\xd8\xab\x18\xa1\xbe\x1aq4\xee8\xf6\x8d\xb6\x91\xb1\xd2\xa8\xd1+\x9f5\xa5\x15}\x05\xbc\xef&lt;\x13Q\xf1\xe8j\\\xa9\x07^v\xccU\xa9A\xde\xa3\x94\xf4EP\xd7`\xd0\xa6hN\x07\x00H\n\xdcV\xd2\xf5Padj\xe5\x1c\x0f3W\xef\xb1\xda[\x9c\xd1\xe7\xca"m\xb9a\xd1\xac\xfa\xe0\x92\xb40\x93\xb6\xe9\xac \xda\x9fmg\xcf\xf6\x1bsY\xb5\xd3m\x17\xe4\xb0\x95\xb5m\xf1\x16NSI?\xf8\x8aj\x86\x1b\x0f\xbb\xcb\xf1x916\xf5\xa1t\xd6&gt;w\x00\x00\x9eI\x8b\x8f\xad\'oh7\xcd\xa6&amp;k\x1f\xc6\xfb\x9d\xe5\xd1\xa7t\xcd\x88h\xc1\xbdo;\x04\xd1g\xb3Ra7y\x85_e\x1d\x8e-\xdc\xfd\xce\xfa\xa3_\x8b{n\xde\xf5\xa6V\xf5&gt;\xf1\x01\xebm\xb6\xd2!\xce\xce\x1a\x0f\xddj\xfa\xa2\xef\xbf`W\xa3{\x9d\x85\xc3i\xe0S\x0c\x04?\xe1\x86\x8f\x1aT\xe5\x14f\xdew\x9e\xc5\xb9\xa3\xf5\xb3z\xcf9,\xec\xa9\xe05u\x00H\x89V\x1f\xba\xaeo7\x1c\xb2%\xf0\xf8\xd7\x1c\xfeb\xdb\xa9_\xb5\xed\x9b\xeez]\xdf_\xb2\x95\xf2u@\xben\xe1\xad`\x96&lt;b\xe6\xa0\xe6 \x9ct\xc7K\xcc\xac\xd2\xd2~\xff\x05&amp;*4e\xe3\xf9\xd0\x8do\x91&gt;\xb6Ast\xd0\xfe\xb7.o\xd7{\xee\xa3\xeay\xd3\x07m[\xab\x96h\xee\xf0b~wXb\x00E=\xcb43\x13\x95\xb6?\xee\xb2\xee\x96c\xb4\x86\x97\xcc&lt;\xe9\x8e\x97H\xe8\xf4\x0e\x00\xc9\x163\x87\'\xfb\r \xaa\xbb\x9e\xfe\xd9\xd3)\xddg=\xe43\xb1T\x8d|\x9ehV)\xfa(\xc4b\xd44\xa7\x98 \x03)\xcc\xbc\x9f\xa8\xfc\xc3\\\xab\xcf:\xd9\xd0)\xd3\rYQf&gt;|%\t\xb7\xb2~*|\x83\xd6\xe5\x1a\xd3\x96\x1b\xe6\xd4[\xbe\x98\xd2@)\xa3\x8a\xce\x87{\xcf=\xdcezR\xfa\xa9\x00@\x10\xc2]\x94\x15\xe9u\xcfon\x0f \xe3\xff1X\x8fY\xd2%\x9e\x94\xa8\x8fZ&amp;"*\x1a\xba\xfb\x9c\xb1\xe5\xa2\xb6\xa1\xbd\xd9"M\xe6\x10U\xf5\xf1\xc6\x87/s\x98\xc2ZU\xed\xbe\xeb\x89\xf2\xeb/\xd5\x9f\x89Rx\xee\x08\xed\x86,W\xed\xc9\xa6\xa3?$\xee\'\x9a\xbb\x9e\xfd#\xa0;ro\xf3Y\xfa\xf3\xf4\xc7|\xf3\xdd\xe6\xae\x8bl\xdf\xd8\x00\x00\x10"\x16\x10\xad\xc7\xde#\xddo})c\x1e\xe9\xeb\xbb\xcdp\xee\xce7\xc4\x97w&gt;\xf1\x83%H]\xaf\xe5Z\xceZ\x93\xfa\xde|\x849\xb4&lt;\x94\xda\xe9i\n4\x98\xe95\xa1\x18\x15\xb8v\xd1\xda\xed\x1f\xb3\xea9"\x92\xde\xa8\xf5\x99\xe7\xa1\xd5:Z\xb9;[v\x89\x03\x88K\x91|E\xacl\xfaz\xcf\x8a\xcc\x9fC\xb6v\x9eN\x8fF\xe8\t\x82]?\xf0\xd4\x8d\xfd\xf4P\x03\x80d\xe0\xc0\xab\x96\x02\xda\xcb\xf2|\xfb\xbd\xdcu\xe9\xb4I\x0c\xdc\xaa\xa2\xc2\xda\x7f\xf5\x07\xde\xe9#\x89\x11\xcbOiI\xc4\xf5^[\xa2e\xf0\xa3n|\xab\xd49Rs\xe4o0#\xe12\x92\x00^\xf9\x89\x89\xe8\x91K\xec\xb3\xe9\xa2\xd4 m\x18\x95\x02\x97!L\xb5\xfa\xac\'"J\xdf\\z4S\xe5\xd1\xb2\xdd\xb6\xfd\t\xca\xb6\x93/\xa6\xa9i2|\x9be\x02\x19\x91Kc5\x00$[\xdeod\x03H\xf1\xe3Pkv\x03\xd3~"Z\xa9\xcd8\x9d\xbf\xfb\xf1\xf7L-\xdeJSJY;j1s\xdar\xc3\xa2\xca\xb1wW\xfe\xe2O\xdd&gt;\xc9Z}\xd7\x13\xd1}g\xffs\x8d-~\xc6\\\xbd\xf9wTc\x9c\x14\x97\xea\xbb\xf4;/\xdc\xfd\x8e\xefTb,GxC2\xa7i\xba\xf2\xc3||&gt;\x937\x9c3\xed\xc9Ty\x14\x0b\xeb\xa30s\xd1f\xf3\xf4\xc5K\x00 eYs\xf8\x0b\x1fg\xf9.\xacm\x1b\x0f\x85\xae.\xe2\x80Wm\xe3\xe1\xd7\x99\x99\xfd\xcd+y\xd7S?\xebQE\xdfIJ,=\xa5\xf2\xd5\x9bNTG\xf1\xf3a\xe6|\xf5\xa7G\x99%\x8d\xd6\x1aaI\xd7\xbc\xeap\x00ru\x0c("\xdb\xe1XY\xab\x8f#\xca\x17P*r\xe1\x0fJR\xd7\xda|w\xfe\x1f\x183\xb3\xe9\xa9?3\x9f\xff&gt;\x94J\xab1\xf7\xe0I0@J\xe70\x97\xd3\xc5\x1b\x9e\n\x08\x9f\x0b\x12t\x9by\x90l\xa6\xdd\x7f\xe7?\xf34\x14&gt;\xca\xac\xaa\xddVz&lt;\xb7z\xcd&gt;\xebL\xbb\x98\xd9y\xa9\x1f\x8f\x19\xcb\xfb\x99Z\xf8\xf7\x98\x1f\xbe\xe4\xf9-\x97i\xa3\xb0\xe4Na\x0f\x0f\x1d\x82d\xdf\xd1=K\xb5\xb1\xb1H\xf0+\x9b\xdf\x8f\x8fE\x94\x89\xa8\xe1`\xefc\xf0\xb2\xb6\xb5\xee{\xf1k\xd4\xbe\x00\xe0\xc8\xee^MV\xdfH&amp;\x1cV\xd1u\xc6\x01}\x80\xacP\xdd\xe6\xd2\xf7\x88\xcf\x83\xc3G#+\xc5JW\xe2c\xe6\xc8\xb4\x12i\x9b(\xb6\xf5}\xeekZ\x06\x9d\xd7\xb3\xc4=\xd2\xb5\x9e\xfc\xa9\xd6}\x95k\x98v\x13\xf7\x8c\x0bO\x93\xf2\xd4\xc7Q\xd5\x04vo\xbc\xd7\x9cC\xf7\xab&gt;\xbb\x95\xd3\x97\xa6\xf8 \xe8;\xc5\xa0\x9a\x1fL&lt;\xf5\x89\xcbU{\xf2\xac\xbb^\xa6L\x11\xc0\x00\x00 \x00IDAT\x8bE6\x00 Q\xb0\xaf\x15\xd2\n}\x86\xcb)\xc6\xa6\xcdw\xaf\x9e\x908\x97\x96\x1e\xa0\x97a&amp; \x8b\x8c-\x98\x99\n\xf6\x14\xf7\xedy\xe9\x7f\xfav\xd7\x19\x07\xb5\rke\xa9\x17g\x8f\\\x8e\xaa\xbc\xaeo\x98O\xd8f\xbd&amp;\xa2\xed\xe1iC\x88(U\x19\xf7Er(\xfc\x01n?\xf5+\x87\x17`0*\xa8\x98\xc3xn\xba\x8c\x9f\xa7\xd1V\xfb/\xba4\xfb+\xab\x1f\xd9L\xd3X\xf1\x1cS\xba\xcdG\xed\x8c:\x1b\xa2\\j+&lt;\x02@\x12\'-\xc2"\x8fES5"\xa2\x0f\ra$\xcf\xbd\x84H\xe2\x94R\xcd\xd1\xc1u\xc5r-NSK\xa0~C\xe9&lt;\x17\xa6\xf5\xa1\xac6\x8c\xb5|\x87\xa56gX\xe6\xb4r\x1a\x94\xe2~\xc7\xac^1\xac|\xf83=\xf0\x96\x937\xbc\xa7UF\x9c\xd4\x90\x88\xbe\xf7T\'\x19\xaff\x024a\xdd\x8b\x91\x17\xe1i\xb9\x04\x86+\x8c(\xef\xb3\x83\x92\xbd\xc6\x04\xa5p\x85{\xa9\x7f\xbf\xb3\xb6Fnd\xd5\xcf\xc2\x03`\x00\x08\t\xbc\xe0\xd0\xa7\x8e\x9a\xb2\xe1\xdc\xcd\xbb\xae\xd8E\xa5\xd1\xe6\xdf\xbf\xfd\x91\xcf\xd5\x9bs\xb5\xf9\xfc\xc41\xca\x9aOd\xe7\xder\xdf\xbbDT\xb2\xd5\x02\x95\x9c+\xcaXi\x94k\x18\xebU\xc2\x94\x8d\xe7Ma&gt;\x16\x8eJ\xef\x8a^\xff5\xf4\x81h\x0f\xa1\x07,&lt;\xdef\xdcn\xaf\xb9e\xe6\xb5\x8f~\xe9\xf5,\xbf\xb2\xfb&gt;\xf3\x0b\x8f-\xf9\xbe\x13\xf2\xea\x8e\xc7\xbe\xf1{j:\xa2\xb2bV\xf7\n-:\x00\x90&lt;\xe5\xac5\xe9\x89\x0f\xcc%T\xf1\x167\xaf|\xe8S\xa24\xdaK\x1f\x1d|\xdcK\xbd\xe2\xf2\x85}LJ\xb7\xb9E\xafn\xf5\xdaZ\xac\x80\xf3\xd5\x9bNdw\x03\x17\xbaG\xdf\xa30\x9e\',\x8d\xb0\x1d\xb7d\xdf\xfb\xca\'\x12\xa5jdY{\xd8\x85\xbf\x0b\x9a\x8c\x95FzJ\xc5\x93\xac\xd5\xc6\xa9\x04\x8b\\\x00\xe51O\x97\xa1\xad\xf4\xecE~\xe9^\xbb\x07\xdek\x8f|%\xdb\x9d\xc1c\xa2\xeeZ\x8f\rMK)N\x0b\x93\xbf\xfe\x0co\xb1\xe4\xefN\x19[:\x86\x08\xf5E\xbf\xfc\x87\xb7\xf9R\x00\x00B\xbc\xcdP\xe8\xb0x\x80E\xa8\x00\xca\xddI\xdc\xa3\x11[Y\xf3zY\xac\xd7\xab\xc7\xaf\xca\xde]\x89\x01\xe2+fN_aD\xb0\xe9\xea\x85o\xccJ\xe1\x06\xeeA\x88\xdc\xaa\xb7\xcc\x01d\xc4\xc2u\xb4\xb4.\x86UT\xee\xceD\x94\xa7\xce\xd4\xbd\xe7|$a;6\xa9r\x97\xdb\xca\xb5[b\xbav\x91\xbd\x8bL6\xfb\x01 \xe9s\xfd\xdb\xd6\xc7#F\x14\xeca\r\xe6\xfb\xd1\x9d\x96\x81\x81\xb7\x1cw\x08\xf3\'3\x95\x1a(=\x91\x88\x88\x8a\xb6\x1ek\x18+y\xfe{\xae\xd1s\xb5}\xf8\xc0\x8cZ\xf1\x8c\xdd\xa1iw\xbe\\\xb1\xd32"j;\xe1&gt;\xd7x\xd2\x94\x1d\xda|\xa4J\xe7\x1d\xc3:\x80\x85\x1a\xdd\xa4p\x8a\xc4\xb8\xd5g\xd4\x03\x1f|\x8d\xed\x967~\xf4M\xd3G\x9a\xdba\xe1\xbc\x83\x96Y\xd5\x02\xfcF\xa4]\xdc\xa3\xe0\xb4"d \xac\x0f\x1d\\\x03\x03@rS\xb7\xff\x06\xe7\x00\xccl\x9d&lt;YV"\xd8.\xc2\xfa\x93\xaf\xe2\xa3\xe1\xe0\xcd\xa6\x14G\xdevZ|\xa9\xe5a\xf4\xcag\xa4\xf9\xc9Pq$3\x13\x15sK\'c\xfc\x94nvO\xac\xf5[y\xd9\xa7T\xc0%\xd2p\x1b\xbe\xe3\\\x86\x1er\x18}$\x81\xc8P1\x98\x06\xf6\xa7\x13G\x7f.\xa2B\x0e\xc7v\xbf\xf0\x8fq\x87\xf6\xa5\xd7\xa9-\xacH\x9dx\xbe\x1a\x00H\x00\x95\xbb\xac\x08**\xdf\xa5\xc9\xef\xe1\xbaJ\x1bY\xa4/=d\xd2`P\xa8\xe6\xfe\xc8-\xa1\xb7\xfe\x89\xe1=\x99\x1e\xe1\xba\xa3_;\x85\xc8\xa9\xcd\x1b\xe52;qP\xee8\xf6mh:OEy\xba\x18_G\xc6Ush\x96\xc4\x90\xf0\x15\x8f"m\xe6\xe4\xd2\x14\xcb\xda%\x161[\xeaK\xff\x9c{\x11\x8a\x87P\x01\x03$OY\xab\x8d\x9d|\xc7K\xe2\x1e\xb5\xb6\xd0h\x14bfK?\x1a\xdb\xa6K"\xca]{\x8a\xfc\x11\xacE\xc9V\x0b^\xfd%\x01J\xab\x03\x17\x99J\x0ep\x0fg\xc3\xae\x84U\x7f\x08\x1abY?\xe0\xb1w\x0c1\xdc\xfd\xdc\x9f\xde"\xb4*9P\xa19DE\xa8\xe3\x95\xc3\x93\xfb\xef$1g#"q\x86\xc8DS9y\xee\xd1\xedP\x01\x0fYr\x02\x150@JV&gt;\\2\xd6j4D&gt;\xa9\x9e\xac\\\xa8CDy\xebM#\xa2\xfa\x037\x99\x02\x8f^\xf5,\x19;0\x93\xb9\x18jHD\xa5,K&amp;H\xd7Z0U-\x8er\xab\x05\x93t\x99\x89\xeb\xbdV9\x15A\xbe\xae^B\x17\x92\x8d\x8eu\x91#n\xa2\xd7S\x88\xc84P\xd8Uxz\xce\xd2\x8b\xf7^5\x1db\xe6a\xcb\x9e"\xd9\xcf`\xdc\xea\xe7#/\xb2\xb41\xd74\x05\xba[\x97[\xbe\xf0\xa3\xe4\xdbT\xbc\xea2*\xe1\xf5\x84\xd2mn\xb19\xa2:\xf3\x8cr\x05\x99\x91\x99\xb5^\xfdD\xb4\xef\x1c\xaf\x97\xb5\x8e\xa0\xba\x05HA\x0e\xbd\xe1\xff\x0f\xde\xb4\x00\x9cXvh\xf33\xfb\xcf\x96\'\xe1E\x12k\xf4\\\xc3\xcc\r\x06o6\'\x9d3\xa8\x15\x02\xe4\xa6ozY\xdb\xd0\xd3\xbd\xf7\xf9\xbf\x85\xe3\xee#d\xc2\'6\xb8\xe7\xcc_^Sw}\x90\xaf\x92z\x93aw\x11Us\x0e\xc3\xcc*\xbd\xa6\xd3\x96\xf3\xb9\x963\x11\xbd\xf1\xa7\xed\xf8\xec\x181\xfeTl?\x01\xc7\x1fs\x95h2\xd0j\xcc=\x0e\xdd\xc8%\xbd \x01 \xb9(\xd9\x7f\xe1\xb1\x84\xceC\xd4\x84\xe1\x1c\x8d\x86l\xf5\x1d\x8d\xdf+\x86\xb4\xd6]\x1d&amp;\xef\x0bm\x15\xee\xcd\xccb\x9f\x1a\x8bJ\xbd\xe6\x1cR\\Q\xd1,_7?gY\x85\xdb\xcf\x07-z\\\xdc\xcd\xcc\xb3\xb7]\xd2_\x1a\'\x19M}\xff\x056\xdd\xdd\xfe\xc5LD7\x94?\xc6\x07\xedV\x8c.\xd2\xdb\xf8\xba\x84\xa9\xd5D1~\xaf\xa4\xdd\xd9Z\x8e\xde%\xbe\x94\xa6\xfe\xcc\xe7\xaaY\xd2\x17Wx\xe8\xb5\xd0F\xa1\xc6N\xbd\xd9Q\x01\x03$[\x01=\xcf\x0bi?i\xaf\xb6\xd1f\xbc\xe79\x98l\xe4u\r\x91\xa7\xee\xd4w\xfes\xca\xb66Z&amp;&lt;\x93\xa5aB\xc7\xa1\xe6\x016\xf2\x19!|\xcbSw\xaa\xa9\xc9\x9d\x88fo\xbf\x14\xcd$P"\xc9\xf7\x95\xdb&lt;-\xc6\xf2\xfd\xd7\xa2\x8aP\xae$Q\xe9t\xe5\x87\x8b\xbbr\xd5\x9a\xaco;\xde\xc7+\x8e&lt;\xb6e\xc9\xa4\xea\xe4\xd8\xb2s\xcd\xfa\xcc{4\xca\x18\x88l/\x8c\x8a6\x9b\xfb\xa5\xe5\xf4l\xd5\xc7\x13\xd1\xd76\xd1j\x8b\x80\x01@\xcaS(\xb6K\xd1Y\xa7\xad\xd8\xf1\xcc\xef^#i9\xe6n\x87\xa3\xcc|\xee;y\x7f\x96I\xc6\xdeg\xa2\x91\xb7\x9dRI\xfa\xd4\xa7\xea\xd7+\xc5\xac\x19\xb03d\xc9\t\xe5hU\xe3T\xd4\xc08\xfa\xcb!\t\xc9\x94#\xe9\x9a\xb9\xc6\x9f\xb3\xd6$?\xd9r\xce\x8c\xa5\xeb\x99\x94\xaf\x994$l\xef\xda\xcd\xa2j\x97&amp;\xa2\x92\xad\x16\xf4\x98\xf5p\x94\x91\x00@\x12vE\xf6L\xaeX\xf3y\xd6\x9d\xcc\\\xae\xfdR\x958\xdf\xfd\x1f\xeb\xab\xa5:\x0f\xc6\x08\\&lt;\xa4\xb5\xed\xd4/\xa6=\xe2D\x86\xae\x98y\xb0\xc7\n\xd8\xd5}/\xfe[\xb0\xe1\xac\xd0\x0b\x97i\x11%\xf9\xb1\xfd\xd0,\xb3\xa3\xc4\xc8\xfeW\x98\x88\xde\xfc\x9b\x0b5\x9e-9\x9c\xa3\x033\xbb&gt;hgf\xe5\xeexDD9jN4\r\xe1\xcdSw\xea:\xf9,\x98\xd2\xb4\xc8\xe9\xd6\\\xe8\xa6\xf7\xda\xaf\xac\xd5\xd6\x91\x85O\x88\x88j\x94m\xb7x\xe3\xf1\xef\xd43\x0c\x00\xc9Re}+\xa0\nL\xd2\xe5\xa4L\xdb\xc5\xdaF\xcd\xde\xeb2U\x19\x1dD*\xea$\x0fqUd\xa88B\xdb\xa8\xdb\x7fcPY\xa1L\xad\xae\x06z\x95\x90\xba\xec\x10f.\xdc$Tu-\xdf\x7f-R\x19\xabQ\xbbHJ\'\xdd\xebc\x16\xf1\xd6\xe3\xee\xf5z\x8a\x8c\xe1\x99z\xb0\xd7yZT\x9e\'\x85\xb6\x8fM\xc8[\xe4\xbeyZ\xb8g\x1f\x00\xa48y\xeaLuX\xd9\xd7\xab\xfe\x0b\x8e\x99o\x08ru\xb2\t\xeb\xaev_\xadO\x936\xe6\xa4\x80X\x84U\xb7LB\xe9I\xf7Y\x0f\x99\xf6\xd8\x0fS\xf1c\xd5\xc3\x9fEs\xba\xa9\x16)\xdbnIt\xd9\x11\x14\xebg|\x1dY\x96\xf1C\x9f\xb5W\xd6\xb5G\xbe\xb2\xd4|\xd9\x89\xa8\xf7\xdc\xc3\xb2\xf0\xa1\x896\xc5\xf0W\x99U\xe6\xf2\xb4\xeb\xbd\x1c\x9b\x06\x0f\x9fm\xcbv\x99\xa9\xd9{\xdd\xf1\xf7\xd0\xd3\n\x00\x8c\x94\xcb\xaf\xc2\xfeb\x13\xe6\x15\x92\x0f\xdf\x94\xf6\xae\x9a\xbb\xf3\rm\xc3\xee\x81%\x11\xf5\xb8I[H\xa7\x8e]\x06\xd2\x94\x1dJ\x05z\x18Or\xea\xcbc}*\xcc\xcc\xc2=\x90|\xcc\xa8~\x8b\x1c\x18\xd9\x08\xe3MO\xfc \xceQeb\xf7%\xce\xda\xfa\xaakj\xe5;\xdcJDv\x93)\x1ey\xcb\xe9\xe7\xc1\xccD\xe9L\xa9\xf7\xb8I|\xa8Y\xdd5\x03Dt\xd3\xb6\xd7\r\xafS5\xa2\xc2\xd1tM\x90\xce\x99*\xfb\xfa2\xb6\x88"\x15\t\xf1\xa3\x18x\xcbq\xf5\x9b\xf2\xfb&lt;\xac\xe5\x05\x00\xc9A\xa4\x9c\xd2\x8b\x89r\xed\x97\x18\x8a\x8c\xcc\xad\x82J\xec\xb3\xa43\xf9\x80\xf0\t\xb8\xf7\xd06\x99u\x97\xbe${M\xb5$\xdcm8\xf6-\x11\xe5\xae3E\xebL\xeb\xcfs\xd7\xedR\x0c=}\xe88\xe5~\x9b\x00\x91\x8a_\x9c\x99\x92\x88\xde\xf8\x83\xc9q\x12\xec\xc8\x8b|\xdd\xf4\x97k\x0e\x7f\xe1\xfb\xb6\xb5t\xeb[T\xce-\xd2d\x8e\xfc@\xfa\xe6_%\x9d\xdf!\x00$\x07B\x99U\xdb-@\xaceR\t\xa4&gt;\xf1\x90\xaf\xb3T\xd3MT3\x16\xb9\xdeNY\x03\x18_\x96\'\xa2FC\x15\x87P\x0b]\x99R7V\xc9[\xf9\x0eK\x15\xa2\xadl\xdd\xa5\xcd\xaaf\xf5\xd45\xc7\x0f?cK"\xfaS\xf9\x16s\xda\x9d\xe6\xa7\xad6\'\xe6^$\x9f\x12\xa4\xaa\xb0mXBC1\x03\xcc|\xeb\x03\x1f\x86_\xe5\xf4t.\x00$a\xda\xdf\xb98\xb5\xa1\xfb_~\xc6\x96D\xb4\xf0\xde\xb7\x1d\x82l?\xf5\xabqGi\xe3\xcb2DT\xbd\xc7\xed\xe2\xae\x96\xa3\xefVJ\xddQ\xd6\xea\xe3\xf4\x186=\xf1\x83\xbe_RE\x15\xea\xa9\x1e\xad\xef\x9e\xc9\xf7\x067}\xbf\n\xed6t\xf0\xe2\'\xdc\x02\xe6|\x8fCw\xa8\xa6\x03\x9d\xa6&gt;\xa0\x9cZE\xc5/\xeb{\x9b\x9b`\xd3\xe9\x17~\x08\xe6\x12\x87#o\xcd\xdbx\xebQ+N\xdb&lt;N\xae%\xdb\xa9\x93w@\x13\x95i\xb3\xc8SN\x04%P\x13\x03\xa4\x18\xc5\xfb;\xff\xc1;\xf4\xcc\n\x9dX\xac\x1f\x11\xd5\xec\xbdv\xfe=o\x89G\xd7&lt;\xfa\xa5\x9e\x86\xe2\x92\t\xe6\x9c\xa4i\xa2~\x96~n\xd5n+\xad\xefh\xe6\x16\xf7\'\xa0N9\t\x89t\xe7\x9e\xb4\xfe,Q%\xd3\xe1\x0e\x93\xf7YO\x8c\x9f\xf24O\x9d\xa9Dd\xba\xee\xb1$\xedmjh\x13f\xbe)\xdc\xa8\xdek\xce!k\x80\x9f\x1d\xdfi\xe6*c&gt;\x0f\xe2\xa3\xb0\xfb\x84\xa3\xf9\x9c7&gt;\xfe=\x11e\xaa\xac\xd4\x1b\xbf@\xc3\x99\xce\xb3x\x12\x91\xc3d\x93"\xed\xa2\xa4B\xc7[\xf5=\xaf\xff\x1a\xaf\xe3\xf4\x00 \x01h-`\xce-\x99\xfa\xa1/\x98\x9d\x9b4\xa5\xcf\x14\xc3\x01r5\xb4Y\xdd\xc1\xc1?\xb2\\i\xb3v4\x1ez\xd7\x9c\x1d\x97\xa9X_iN\xec0\xb3\xdb\xd8\xa1\x12[\x9e\xfc\xc9K\x1e\xdd\x96\xefU\xd3e\xfa\xfe\xe8#1\xceDM\x07_eSc\x83\'\xfe*\x80^s\x0e\xb9^|\\\xf9\x8b\x89\xea\xfb\xce\x98\x9d\t\xeb^\x8c\xeb\xe5}\x15\x8d\xacmM;\xa4\xbf:\x07?\x06ZS2\xb3C\xdf:\x00H&gt;*vZ\xe6p\xb4V\x9fu\xea\x9d6\x89\xf2\xd8-\xd6kG\x8b\xbc\xa4d\x1d$Z`l\xe8\xae7\xe0N\x8a\xb4.Jz_\xbf\x1f\xcag\x16O\x19\x90\xe6\x87\x88\x88\xca\x9f\xbc\xc6\xa6\xde\xd4A1\x0ep*Hn\x17@6\x02\xae\xc0\xacy\xe8&lt;\xed\xc1`\x93\x10\xfd\xc3\xfc\x93\xec-\x9b\x96)\x9c\xb0\xeeEmC_MH]\xeb\xb1\xf7\xea\x8d\x13^\xce\xcdj\r\xfc\xdcu&amp;*\xe8\xfb\x96t\xd9\x83\x1f\x11\x91\xf1\x99\xb1-\xdc\xf8\x02\xa48\xd9\xaa\x8fo;\xfe&gt;"\xf7\xb6h7\xce\x8f\xcdB~ul-t\xac\x90l\x1b\xfd\xfa\xde|D%i\x07%Z\xcc\xd7\xd3}O\xa1I@\xc5\xa8\x15\xcf\xb8\x86\xe94\xf5\x01\xaf\x9f\xb9\xf8p\xfa\xf4\xa7\n]\x8emU\xb4; \x9e\xee\xdah\xfc/3\x11}\xeb\xfdJ"&lt;Y\xb7\x9b"}$;\x0bzx\x9coU\xb1\x</t>
        </is>
      </c>
      <c r="E534" t="inlineStr">
        <is>
          <t>&lt;class 'numpy.ndarray'&gt;</t>
        </is>
      </c>
    </row>
    <row r="535">
      <c r="A535" s="1" t="n">
        <v>533</v>
      </c>
      <c r="B535" t="inlineStr">
        <is>
          <t>steps_per_sec</t>
        </is>
      </c>
      <c r="C535" t="n">
        <v>7700</v>
      </c>
      <c r="D535" t="inlineStr">
        <is>
          <t>5.367112</t>
        </is>
      </c>
      <c r="E535" t="inlineStr">
        <is>
          <t>&lt;class 'numpy.ndarray'&gt;</t>
        </is>
      </c>
    </row>
    <row r="536">
      <c r="A536" s="1" t="n">
        <v>534</v>
      </c>
      <c r="B536" t="inlineStr">
        <is>
          <t>Loss/localization_loss</t>
        </is>
      </c>
      <c r="C536" t="n">
        <v>7700</v>
      </c>
      <c r="D536" t="inlineStr">
        <is>
          <t>0.0010547254</t>
        </is>
      </c>
      <c r="E536" t="inlineStr">
        <is>
          <t>&lt;class 'numpy.ndarray'&gt;</t>
        </is>
      </c>
    </row>
    <row r="537">
      <c r="A537" s="1" t="n">
        <v>535</v>
      </c>
      <c r="B537" t="inlineStr">
        <is>
          <t>Loss/classification_loss</t>
        </is>
      </c>
      <c r="C537" t="n">
        <v>7700</v>
      </c>
      <c r="D537" t="inlineStr">
        <is>
          <t>0.07327012</t>
        </is>
      </c>
      <c r="E537" t="inlineStr">
        <is>
          <t>&lt;class 'numpy.ndarray'&gt;</t>
        </is>
      </c>
    </row>
    <row r="538">
      <c r="A538" s="1" t="n">
        <v>536</v>
      </c>
      <c r="B538" t="inlineStr">
        <is>
          <t>Loss/regularization_loss</t>
        </is>
      </c>
      <c r="C538" t="n">
        <v>7700</v>
      </c>
      <c r="D538" t="inlineStr">
        <is>
          <t>0.03814961</t>
        </is>
      </c>
      <c r="E538" t="inlineStr">
        <is>
          <t>&lt;class 'numpy.ndarray'&gt;</t>
        </is>
      </c>
    </row>
    <row r="539">
      <c r="A539" s="1" t="n">
        <v>537</v>
      </c>
      <c r="B539" t="inlineStr">
        <is>
          <t>Loss/total_loss</t>
        </is>
      </c>
      <c r="C539" t="n">
        <v>7700</v>
      </c>
      <c r="D539" t="inlineStr">
        <is>
          <t>0.11247446</t>
        </is>
      </c>
      <c r="E539" t="inlineStr">
        <is>
          <t>&lt;class 'numpy.ndarray'&gt;</t>
        </is>
      </c>
    </row>
    <row r="540">
      <c r="A540" s="1" t="n">
        <v>538</v>
      </c>
      <c r="B540" t="inlineStr">
        <is>
          <t>learning_rate</t>
        </is>
      </c>
      <c r="C540" t="n">
        <v>7700</v>
      </c>
      <c r="D540" t="inlineStr">
        <is>
          <t>0.07993971</t>
        </is>
      </c>
      <c r="E540" t="inlineStr">
        <is>
          <t>&lt;class 'numpy.ndarray'&gt;</t>
        </is>
      </c>
    </row>
    <row r="541">
      <c r="A541" s="1" t="n">
        <v>539</v>
      </c>
      <c r="B541" t="inlineStr">
        <is>
          <t>train_input_images</t>
        </is>
      </c>
      <c r="C541" t="n">
        <v>7700</v>
      </c>
      <c r="D541" t="inlineStr">
        <is>
          <t>[b'640' b'640'
 b'\x89PNG\r\n\x1a\n\x00\x00\x00\rIHDR\x00\x00\x02\x80\x00\x00\x02\x80\x08\x02\x00\x00\x00\x83\xaf^t\x00\x00 \x00IDATx\x9c\xec\x9du`\x14\xc7\x17\xc7_\x90\xe0\x10&lt;x\x82[HBpwwwwwwwww)\xee\x0e\xa5\xb8\x16w-\xb4E\n\xa5H\xfb\xa3P\xbe\xbf?\xf6\xee\xb2w\xb7\xbe\xb3\xb7\x97\xb0\x9f\x7f\x08{\xb33\xef\xf6vgfg\xde\xfb&gt;"\x0b\x0b\x8b\x88DZ\xcf7\xd9i\xea)\xcf7j\xe1\x05\xc42\xbe\x89\xa4\xc67\xc1\x00\x00+O\x7f3\xdb\n\x0bu\xc4&amp;\xa2\xd89\xda\xa8:\'M\xf1\x01D\xd4w\xe1U\xa2\xccD\x01F\x98e\x11qI\x92\xaf[\xca"}\x84&gt;\xf1\xf5\xb4)\x16\x16N\x04\xa9=\x01@\xea\xa2\xfd\x8c0E\x17I\xab\xba\x1f\xbb\x0f\x00\xf0\xbc-\xd2\x144\xdb\x00o$u\xb1\xfe\xb1s\xb4&amp;\xcaB\x94L\xed\xb9Q24\xa1x\xe5\x88|\x00\x04\x96\x1a\xfc\xc2\xfb~r\x0b\x0b\x0b\x0b}\xc4%\xa2.3\xce\xc2+G5w\x12\x85u1\xb4\xfe\x0cZO\xccO\x94\x9f\xa5!\x91\x84\x1c\xfa\xab\xb8\x17\x11\xeeK\x0b\x0b\x0b\x86\x14l2\xc7l\x13&lt;\xca\x1b \x82,\xf2\xe54\xb0\xee\\5\'\x12e\xd3pb\xac\xec\xad\x17\x1e\xfd\x9b\x12T`n\x92\x05C\x02J\x0e\x12\xf9\xc4\x87b\x96\xf4\xa8)\x91\x89(\x85\xcd\xb6\xc0"\xb2\x92\xdel\x03\xb4\xe1\x81\rcs\xa8\xdac\xa3\xd9&amp;\x88`[CHS\xcflC,\x84\xc9Vy\x8c\xd8:O\xd3\x11\x07"\xc4\xfa\x8f\x97"&lt;w\t\xf6\xb4\x19\x16\x16\xdf=\xd1253\xb8\x85L\x06\xd7\xaf\x15\xd81\xdb\x10\x0baj\xf7\xdb\xf6\x1ex+\xf2\x03\x8dX\xf3\xc0\xc3\xf6XXx\x15\xd5{m2\xdb\x04\x0b\xfd\xa4TW&lt;Qec\xcc\xf08u\x07l\xb7\x0f\xc0\xaa]\xe0,\x88\x88|\x8b\x9bm\x81\x85\xc5\xf7K\xcb1\x87\xcd6\xc1\xc2\xa3T\xeb\xb1Q\xfa\x8dq\xf8\xea\xfbD\t]\x0e\xa6-&gt;@\xf50\xef\x19f\xeey\xb3\xf4\xf8\xe7(\x19\x9a\x98m\x88\'\x89\x1b5cS\xf5g\xe5bo\xc8wD\xa0\xd9\x06XD&lt;rT\x1dg\xb6\t\x16^G\xb5\x9e\xa2{\xba\xdc\xfb\xe47\xb7\x11\x1a@X\xbdi\x06\xdbea\xc1\x88\x92m\x96\xb0\xad0Y\x81\x1el+d\x04\xc3\xe8\xdb\xe4\xec\xaa\xb2\x88(d6\xdb\x00\x0b)BkO6\xdb\x04\xa5x\xe5\xeb\xb9\xb7c\xbd\x13[\x18N\x8f\xd9\x17\xcd6\xc1B\x90\xfcs\x0f\xfce\xb6\r\x9e!\x11\x91\xbf\xd96\xd88\xfcT\xb9\xc7R\x80\x98\xf7\x8c\x17\x92\xc4l\x03"\x1e\xc3V\xdd#"\xa2h\xa6Z\x11`j\xeb\xb2\xf8P\xcaZf\xdb`aa\x08\x01\xa5\xc4B\x04\x8d\'\xb0\x91\xc7\x9a\xba\xf8\x1e\x00(EM\x8f\xb5(N&amp;\xefw\x19Ne\xb6\x01\xdf\x0b\xf1r\xb57\xbe\x91\xc4\xc67a,\xde\xff\xc0XXD&lt;bx\xce\xfd\xb3`\x939V\xc0\x85\x18\x9ae\xb0,\xbc\x9f\xe0BM\xe6J\x97\x88\x9e\xb9\xb9gL\xb1\xb0\xb0\xf0\x1aR()t\xe1/\x97\xb9\xaf\x16\xbd&amp;\x0b\x0b\xaf\xc6h\xa1Qi&lt;\x13\xc6]\x7f\xd0.\xa3\x9b0\x8f,&amp;\xb6=x\xf9m\x13[\xb7\x88\xd4D\xb2\xe16\xbb\xb5\x96fa.\xd1\xdd\x0f\x1d|\xcc\r\xc0\xc6\xeeC[\xb7\xbeE$\xa6\xe1\x90\xdd\x94\xb6\xbe\xd9V\x10\x97\xfd\x05\xc0\x86K\x11\xe9q\xbb\xf3\r\x15\xbb\xac1\xba\x15Uo\x1a\x93\xb7\xfdn\xa81\xeeDePG\xacR\x0c*\xb1p"/\xe3\xfa\xa2\x17u9\xb0\xf12\x00\xf4\x99\xff3\xe3\x86X\x91\xac\xba\xd9\x16p\xe46\xa0N+p \xb2"x\xb7\xa8\xce\x8d\xe6\xc2\xe2\x1f\xff\xb7\xfa\xac\xd4\x10\xc2\r0\x93\xb7\xfd&gt;j\xdd#.\x17\xaa\xe7\x08h\xa8\xed&lt;\x8fi)f*?\xfcw\xef~\r\xd0{\x7f\x0c]y\xd7\x1b\x93;~\xf7\x88\xa4\x8f\xb5\x01`\xffCh~~\x0c\'vi\xb3-\xb0\xb0\x90&amp;y\x8c\xac-e\x0b\x01 \n\x15\xfcH\xa1\x1fF\xb7Y\xe7\x8f\xff&amp;?\x84\xe4o8\x8b\xe2\x97SR\xa17\xf0\xc5SJ\xc6e\xda/W\xd8P\x9a\xe2\xfd\x8d6\xc6\x10\x00\xb8m\xda[\x98\xcf\xc0\xa57%&gt;\x05\x90\xbb\xeeT\x8f\x19\x13\xf9\x00@&gt;Vb\xec\xef\x96\xa4\x00^)\xe8\xd9-\xcd\xfc\x08A\xd7\x99\xe7"\xea\xcf\x04 o\xfd\x19f[!O\xa7i\xa7\xcd6\x81\x88(C\xd9arE\x92h\xbb\x15J\xb7[\xa6\xbc\xb0_h\'\xbf\xd0N\x1aZ\x894\x04U\x1fo\xb6\t\x16\x11\x95\xc5?\xfe\xcf&gt;\xb2JM\xc2\xf25\x98\x19\x89\x06\xe0xf\x1b\xc0\x8c\xe0\x9a\x93\xd8o\xf3\x99E\xda\x12\x03\xcd6!b\x11&amp;\xf1Y\x8a\xc2\xbdW\x9c\xfa\x0f\xc0\xb8M\xcf\xd4\xd6\xbb\xea\x8c\xba\xe7&lt;]I\xeb\x87\xb3\xb0\xd0B\xd3\x11\x07~\xe7F\xd6\xd4u%\x8am\xba\xc2\x8d\xbe\x9e\xdd\x97e\n\x00\xa2\x94\xcbO~5\xa2\xf2\x96c\x0ekR\xd7\xd7EP\xf5\t\x00\xa6\xed|\xe5\xe1v\r#a%\xa2\xf8f\x1b\x11y\xb0M\x99\xd350\xdb\x10\x0b\x0b\x0bi\xfc\xe4\nD\x86\x90\x9ez\x03w\xfc\xe2\xfc\x12\x7f\xe9=\xabwz\x93^C#b&amp;{\x00K\x7f\xfaW\xf8\xb3\xf8\xe5=kKd\x86\x1b\x80\xa5wp\x953~\xd33+ed\xe4\xc6\'}c\xb3M\x88d\xa4#\xa2H\xa0%\xc7\x8a\x94E\xfaP\xac\x92\xfc#\x0b\x8e|4\xcb\x98\xef\x97\x89[\x7f\xeb9\xf7\x92\xd9VDX\xd2*\x9as\x15o\xb9(u\xb1\xfe[\xaf\xa3\xdf\xc2k\xacZ\x8e\x95\xbd5\xab\xaa,\xbc\x10\x00\xf1\x83;\x98mE\xe4C\xf1\x00\x1c\xbb\xf4\x9bH\xb2\xcb\xab\x98$U\xcc\xb6\xc0\xc2\xc20z\xcd\xbb\xfc;\xd0`\xf0n\xcf\x07\x86[XX\xa8"m\xf1\x01\x91\xc5\xcd\xca"b\xc2\xad\x9a\xd6\xea\xb3\xc5lC"\x1b\x89\xf3v5\xdb\x04\x0b-\xb0\xe8\x9132\xb0\xc3B%\xc15\'j:/\rc;,,\x94\xe31Y\x13\x0b\x0b\xcf0d\xc5\x1d=\xa7O\xdd\xf1\x92\x95%\x16\x16j\x086\xdb\x00\x0bCIVM\xe4\x83$e\xda/\xf7\xa8%\x16\x16\xc6\xe0\x98P6\x1a\xba\xc7\xf9\x13\x1fs\x0cbOp\xc96K\xcc\xb6\xc1\xc2\xc2\r\xbf\x8a\x06Ul\x7f?\x0c\x12u%\x8e H\xc5\xb4e\xaf2\xc6cvD$\x12U\x96\xf80W\xcd\x89\xf1r\xb5\xf3\x98-\x16\xd24\x18\xb2\xdb1\x00\x07\x96\x1e\xcc\x1d,\xd6r\xa1\xe3`\xe2&lt;\x11~_\xa0\xdb\xccs\x11N\xbb?\xa2\xe1G\xbe\x9e\xcb\xbck\xf1\x1d\xd1|\xd4A\x91ObX\xab\xd0\x1a(\xd8d\xcewy\xdd\xbcTX\xa7\xfe\xa0\x9d\x8e\xb1\xb6H\xf3\xf9\xdcA.x\x9f\xe3\xf2\x07E?\x96w\xff\xa6\xa1\xd6\x9e\x91\xa1l\xbe\x8a\x9b_"\xf3\xe5\xad;`;%\xafa\xb6\x15\xdf%\x95\xbb\xae\x13\xff0\xa1\xe7\xec\x88D\xc4\xc9\xd9\xd6l\x13\x0c%\xc1\x9as\x11\xa63\xaa\xd3\x7f\x9b\xa0O\x83\xe3`\xd2\xfc\xdd\x95\xd4\xe3\xe5\xc3\x9b5\x00{\x8c\x06\x83\xd9d\xc5v\xdb\x101\x0e\x7f\xfb\x1f\xa2B\x19I\xf3)z\n,T\xa3\xe7\xc9,\xd2l&gt;\x9b\x14\x87\xc6\xf0\x07\xf0\xe3oP\xa0_\xa3\x87DFVn\xe1\x01\xd2\x899\x15F\xb6A+\xe2$\xcf\x89\xd0\xec\xb9\xc7\xe8\x9e1\xe1\x8d3\xc4\xe3-z\x82\x8b\xcc\x94\xbc\x0c\xe0\xd4\xeb\xc8\xd5\xcbx=\x8b\x7f\xfc\x9f\xd9&amp;X8!8\x00\xe7o8\x8b\xa2\x15\xf5\xbct\xad\xc5\xf7H\xd4\xc2f[`a\x1e\xf9\x1b\xcd2\xdb\x84\xef\x88S\xaf\xac\xe9\x8e\'\x88\x99\xad\x95\xf2x\xcdI[\x7f\x030j\xdd#\xc7\x91/\xd6\xac\xd4B=)\x0b\xf7\xe94\xf5\x94T\tI\x0fM\x0b\x0b\xef\xc1/r\xbc\x9a\x03\xe8&gt;\xeb\xbc\xd9VXXXx\x82\xc8\xd1k\t\xe1\xbd\xbb\x8d\xdf9\xe9BkO1\xa2^\x8f\xdf\xca\x89\x95:\xeb\xfa\x16S^)\x00J]G\xa3E\x16\x16\x16\x86aD\x92l\x00\x14\xa3\x04\xf3j-,\xbc\x8a|f\x1b\xa0\x9c\xe0\x84\xb9;\x9bm\x83\x85\x850\x91\xf7\x8d\xcd\x13l\xbd\x8e$\xf9\xba\x99m\x85^\x16\x1e\xfd\xdb\x12\xa2\xb7PNb\x97\x84Y\xc6\x10\x8b\xdd\xd2q\\F\xf5XX\xe8"Q\x9e.f\x9b\x10\xa9\x00P\xb6\xc3\n\xb3\xad\xd0K\xa9\xb6K\xcd6\xc1"\x02\x91\xa0&lt;Ea\xe87(\x9a@\x97\xc1\xcbA\xf4bD\xf1\xf5V\xc2\x94\xb2\x1dVX/=\x16\x16\xac\xf0\xcd\xd2\xc2\xf9@NS\xcc\xb0\xf8~\xc9Xn8\x93&gt;\xdd7k\x0b\xe9\x02I\xf2u\xe7\xf6S\x93\xe4\xebF\x14C\x7f\x8bD\xd4l\xe4\x01\xc3^\x0bR\xee\xbe\x8b1\x1b\x9e\x18S\xb9FR\x14\xee}\xe6\x8d5\x00[\x84\x93\xab\xc6\xc4\x02\x8df\x9bm\x85\x85\x85\x85z\x92\xe4\xeb6\xef\xe0{\x00\x14\xd8HgU\x83\x97\xdd\x92.0\xff\xf0\xc7\x03\x8f\x1c\x83\x07\xab\xa4`\x99\x89r\x08~\x90(\xac\xcb\xd6\xeb\xd6Xe\x11\xf9\xb1\x16E,,"\x0bj\x9c\x84U\xa1M\x9cH\xf3;(\xd7\\\x94\x8cM\xb4\x9dn\'\tQF\x00E\x9b/\xd0W\x8f\x85\xf7\x93\xccl\x03,\xbc\x88k\xff\x80\xa8\x80\xd9VX\x18B\x8a\xc2\xbd\xdd\x8e\xb1Y\x94\xf5^\xec\x03p.Ug\x1dz\xaauv\x9f\xb0\x12\x00JV]\xe3\xe9\xe1$\xe5,\xef\xbb\xf0\xaax\x99\x14\x94\xa4\xaa\xe0\x07\x00\x1a\x0f\xdbKDY+\x8dr\x1c,\xd1jq\xb2\x02=t\x1bfaaa\x0c1JD65S\xef\xc0K.\xe9\xb0U\xf7\xee\x03&lt;%m\xca[\x7fF\x82\xd0\x8e&amp;\x9ad8CV\xdc\xd9x\x19\x1b.!k\xa5\xd1f\xdb\xa2\x8e\xc2\xcd\xe6\xed\xbe\x8b\xc1\xcbok8\xd7\xf1\x18\x1f|\x12~\xe7\xa5+9\xf0\xfc\x9f^q#ZXX\x08b\r\xc0\x91\x16\xff\x9a\xee\xc7\x00\x18\xb7\xfa\xeb\x15\xc4\xcc\xde\xea\xf6\x7f\xe84\xf5\x94W\xdf\xd9q\xca\x10%U\x7fZ,\xb1\x0fV\x9c\xfc\xba\xf2\xf47=\x16YXX0\xe7\xa4BYY\x9fB\x06\x1bb\x0c\xa9j\x9bm\x81\xd7\x12\xef\xec[\x81\x9f&gt;u\xb1~\xdcRed&amp;\xae-\x9b}\xb0\xc9v\xb0#o\xfd\xe9\x8b\x8e\xfdC\x94\xd6lC,,,\xd8\x03\xa0\xcb\xf43f[a\xe1\x01B\xbd\xf7\xb5\xd0B\x02\x9ek\xb7\x17\x92\xcal\x03,,"0\x1b.\x01\xc0c\xabk\xb6\xb0\xb0PFJ\xb3\r\xf0N\xa2\x98m\x00\x1bbdmY\xb9\xdb:\xb3\xad\x88\xb4\xd4\xe9\xbf=\xb4\xf6d\xe7c\xa9\x96\x9f\xfcj\x8e5\x16\x16\x16\x16\x91\x82H2\x00\xcf\xdc\xf3\xc6#ke\xcaR\x9bDB\xf2P\xdc\xb2f\xdb`\x11\x11\xf0jo&amp;\x0b"\x8a[\x06@\xed~[\xcd\xb6\xc3\x829f\xe6w{\x05\x10\xc5\'\xcajd#\xb1\x8d\xac\xdc\xc2\xc2h\x8c\xdf}\xcbQu\xdc\xf5\xcf\xdf\xd7\x00\\\xb8\xe9&lt;\x81\xa3\xfe5&lt;h\x82\x8f\x9a\xc2\x05\x00\xc4\xca\xde\xda([,\x18\x93\x8e\x88\xd4$\x0bIn\x98%\xb2\xa40\xaf\xe9\xef\x97\x12\xad\x16;\xfe\xb6\xde\x7f,"\x1eqr\xb65\xdb\x04\x0f\x13/K\xc5\x91Dd\xf9Cy?u\x07lWS\xdc\xc4\xd1\xd7\xc2|rV\x1b\xcf&amp;\x9a\xdf\xa7 \x83J,\xe4\xc8\xd7`\x86\xd9&amp;\xe8#f\xb6V|9\xa7\x88\x8e\xc7f\xaf#\xd6&lt;\xf0LC\x16:\x99w\xf0\xbd\xd9&amp;x5\xd9\xab\x8c\x15K\xe6\xfd\xc1z\x17\xd4\x88\x95\x7f\xc9\xa3D\xcf\xdc\x9cb\x940\xdb\nmD+\x02`\xf7]\xef~\xd2D$!\xdd\x01pX\xb3\xce\xa5Ed$J\x86\xc6f\x9b`\x1c\xfe\xf2Et\x91\xc9\xe0\xfa\xbfSr\xd7\x99"[\xc6Z\t\xff~\x88D\x82\xf5i\xea\xfd+w\xe3\x9e\xf9C\xdb\x9d\x9d]\xd3Y\x16&amp;S\xb2\xf5\x12\xb3Mp\x10\xddl\x03\xbc\x05+\xff\xa6,\xde}\x89\xe2h\xd7\xf3\xb7\xd0A:\xcf7\xb9\xe2\xd4\x7f\x94\xba\xae\xae*\x12W\xe1/\n\x15ma%A\x8a\xc0$\xcd\xdf]Uy\x00au\xa7Q\xd4\xc2:\xdb\x1d\xb4\xecV\xcd&gt;[tVb\xc1\x11;G\x1b\xb3M\xb0\xb0\x88H\xe4\xeb=\xffg\x8f4\x14\xe6\xf2\xff\xa5?\xfd\xfb\x9b\xbe\xd5\x18\xbf\xd0N\xcdF\x1e\xd0S\x837\x91\xd7l\x03\xbc\x9f(\x94\xb6\x9e\xf3\x91h\xfa+m1\xe6\xf0\xac}\x7f\xba\x1c\xfc\xd5Z\'\x8c,\xc4\xcc\xd6\x8aR\xd4\xf2x\xb3q&lt;\xdeb\x04\xe6\xad\xc4\xe3f\xc2o\xe71\xa2s\t%\xb2\x18\xdeP\xb4\xa2\x9d-\x8dV\x0b\xddd*?\\Mq\xa5\xc3s\xd9\x0e+\xa6\xee|\xc5W%\x93Lgi\xf1\x9d\xa24\'\x84Y\x0464\xdb\x02\xad\x88d\xd1\x18\xbb\xf1\xa9\x87\r\xf1\x10Q24\xf1ds\x15:\xadN\x96\xbf\x87\'[d\x8b\xe57\xa1\x1b\x05\x81\xb0\xb1K+\xa8\'\x87nK\x84q\x8e\x13MdP+\x91\x9b\x04!\x1d\x89h\xc1\x91Of\x1b\xe2B6V\x15\x9dxa\xf5\x03\x1e\x05\x00Q\x06\xb3\xad0\x80\x80R\x83&lt;\xde\xe6w\xab\x96gA\x94\xb0\x92l\x91\xbd\xf7\xe5{\xb7\xd4\xc5\xfa\xb9\x1c\x89\x96\xa9\xd9\xd1g\x0c\xba\xc5\xb6\x13\x8f\x03\xe82\xe3\xac\xfe\xaa\x840T\x06\xcb{\x88\x8c}\xa5\x13F\xcd\xff,\x04i:\xe2\x00Q|\xb3\xad\xf0J\x82\xaaO0\xdb\x04\xc3\x89\x9d\xd3\xf2(\xf1\x1c\xb3\xf6\xfd\xb9\xfa\xac\xccPZ\xb6\xc3\x8a$y\xbb\xf1\x8fpo\xaeO\x00\xfd\xb9`\xa3gi\xae\xb3\x06\xef\xe3\xbb\xdc\x89LU\xc7l\x0b,\xb43`\xc9\r\xfb\xde(SR\x16\xeeCD\x94\xb8\xb2\xee\x9a\xd2P\xb4\xa2\xba+\xe1\x93\xc9\x9aeX\x18L@\xa5\xaek\xa5K,&lt;\xfaI\xc9K\xb0\x0b\xff\x83\ro\x8aJ\xb20\x93W@\xe2\xbc]\xcd\xb6\xc2B3\xc2\xc2\xe6\x8b\x8f\xfd\xb3\xee\x82\xb7l\x01D\x06iY\x97W\x19\x8bH\x8d\x8f\xf4&gt;\xfa\xd4\x1d/\xb5\xaa\xf5\xc6\xe5N\xbc\xf5\xd5[\x1eN\x03`\xf5"\x9b8\x12E\rX|w4\x1e\xb6o\xc9\xf1\xcf\xd2e\xfc#\x81\x9a\xbf\x86\x17\x11U\xc4\rjG\x94\x1d@\xa3\xa1{\x0cm\xc8""\x10/g\xb5\xf1\xf6\xf7X-7\xde\xd6\xeb\xd8}\x17[\xaf\xab&gt;\xb7d\x9b%\xdfU&gt;\xe6\xe4\x05{f\xad4\xdal+,,\xb4\x11e\xd6\xde\xb7\xa2]D\xda\xfa\xdc\xbf\x11[\x13\xe7\xe2{\x10%Z*7\xcb\xd0C\x8a\xc2\xbd\x01x^\xfa\xa3b\x97\xb5\xdf\xe9\x96\x98.\x12z\xa0\x8d\xf6\x93O\xc8\x0c\xc0\xfe5\x89B\xe5\xaaI\xac\xb6\xdd\x08\xe6\xdc\xae{c\xec\xe7O\xca\xbeo@\xc3L\xe5G\xe8l\xcb\xc2\xab\xe0gY\x1d\xb5\xee\x91g\x1b\x17\x16$w#\x96\\\x81\xe8\x11(\xa5U\x1am\xa7\x8d\xd9\xf0\x84\xa9\x19\x02\xd4\xee\xb7\x15\x80^\r,\xf5D\xa0\x1f/\xe2\x90\x9aUE\xb7\xff\xc3C\xc9_\'y\x81\x9e\xac\xda\x8a\xa0\xfc\xf8+t\xca\xa6.&lt;\xfa\xb7\xfd\xcf(\xfa\xed\xb1\xb0\xd0\t\xd7\'O\xd9\xfe\x82\xe2\x95S\x12\xc4l\xf5\xe1l0\xe9"\x06Ej\xf9~\x0b\x0b\x0bib0\xaf\xd1r\xfd\xf3$\xaf\x80\x7f\x80.\xd3\xb5\xc7\n\x86\xba\xec\x10\x03 \n\xd2mX$\xe6;\xda\xa2\xb3\x88\x80\x18\xaf"gaa\x02Q\xcd6\xc0S\x0c]y\xd7l\x13\xdc\x88Q\x9c\x88\xdaN\xf8\xd1l;X\x92\xab\xc6D\xb3M0\x08W\x91m\x0b\x17R\x16\xe9c\xb6\t\x91\rk%\xd0\x82\x88(y\r\r\'\x15h4\x9b\xb5\x1d\x91\x8b\xbe\x0b\xaf\x12\xf9\xa7(\xd4\xdblC,\xe4\xc9Zi\x94YM\x97\xef\xb8\xca\xac\xa6\xd5\x90\x02\x80aK)&gt;\x86\xd4\x1a\xa7\x8c!\xd5J\x02@\xb9\x02\xb65\x00{\x15_\xbd\xe0\xe7P.ol\xdd&lt;\x06\xc3X\'\xc4\x8b\xe8b\xa5\x94\xe0\x11A\x1e$\x7f\x00\xbd\xe6]6\xdb\x0cog\xcb5l\xbe\xaa\xf8\x07\x8dY\xd2H[,\xd4\x11A\x9eD\x0b\x0f\x91\xdfl\x03,,\xc2\x01\xf4\xfa\x0f\x7f\'t\x98rR\xf3\xb9iK\x0c\x18\xb0\xe4\x06Cct\x93\xcal\x03,\x84\x88Z\xe43@\xe9\x1a\x98m\x87\x857Q\xa0\xf1l\x8aWV\xaeT.O\x98b\x02\x91&lt;OF\x94\x8c\x1e\xcd\xfd\xe5\x85T\xef\xf9\x83\xf1\x8d\xc4o:b\xbf\xf1\xadXD\x02\xbe\xdb\xb9\x91%S.F\xd2j\xf2\xfby\xd6\xb2\x9bE\xc4a\xdd\x05\x90_\x05u\xe7\xe8\xdb&lt;\n\xab;M\xcf\xe9\x16\xdf\x03\xa7_{n\xb5&lt;%QR\x8f5f.%Z-6\xdb\x04\xfdX:Y\x16\x16\xda\x89\xd4r\xdc\x16l0t\xbb\xdaE_\xe67\xa2\xd7\xc65\xc6\x84\x0ce\x87\x96i\xb7\\\x7f=\xb1b\xcb\n\x89y?\xde\x96H\\\x1d\x19\xca\x0c5\xdb\x04\x83\x88\xc6\xbc\xc6\x1cU\xc72\xaf\xd3"{4c|\xc2\x89\x88(m\x89\x81\xc6Un\xe11|b\x14\x97. $w\x95d\xd7\x1d\x8c\xdd\xf8\xd48\xabL\xc3\xfem\x035\xd7P\xa5\xfbz\xf1\x0f\xd3FU\xb9\xfd\xd6m\xd6y\xcd\x96|\xd7\xc4)\xfd%2zB\xa6/3\xf4\x11\xc0\xdc\xado\xfa\xae\xd7\xde\x18\xe6\xaev\xc5\xf8{b\xcd9\xf7\xdb;\x89`\xc9\x82\x8d#\x7f\x98)\x80\xf6\x93~2\xdb\nC\xb8\x0f\x10e\xe0\x1d\xc8h\x9a)\x9e\xc1\xbf`/\xb3M\xe0\x91\xa2\x16Q\\\xb3\x8d\x88xt\x9cr\x12\x80\xf2P\xbc\x88B\xfeF\xb3\x00\xfci\xcc\xdc\xa2\xf3\xb4\xd3FTk\xe1)\x84;\x8a\xc3\xbfD\xc2\x99(\x9f\x0ce\x87r/N\xd6\xa6\xfbw\x8b\xb5]\xaa\x99\xe4\x06\xd5\xfb\x11\x98\xb3\xff\x9dA\x95GR\x02\xe3\xe4lk\xb6\r\x16\x1eE8\x05j\xf4bb\xef\xd3^I&amp;n\x00\x0e\xa95\xc9lK,\xcc\xa0Z\xcf\x8d\r\x06\xef2\xdb\x8a\x08Jf\x83\xea]p\xf8\xe3s\x80(\x8fA\xf5GJ:N9\xd9|\xd4A\xb3\xad\x88T\xb4\x18}(u\xb1~f[!\x81\xa7\x13\xa1\x1a\xc1=\xc0\'}\xc4M-\xe3\xaf\xb0\x9c}I/\x8f\x15I\xf8\xdd\xb1\xed\x86\x11\x0bY\xa9CkO1\xa0Z""JTi\xd3\x95H\xbe\xf8\x16\x91\x89o\xb6\x01\x16.\xc4KQ\xd8\xf3j\xbb\x9e\x1d\xfe\x13U&amp;\xca\xed\xd1\x16\xf5\x11?\xa4\x83\xb3\x13V63\xad\x89\xe0\xa47\xdb\x00]\x04\xd7\x9cH\xe4\xcb\xba\xd6\xe8\x95\xbb\xad\x13:\x9e"\xa2_.\x0b\x19&lt;\x9e\x00\xdbB\x94\xb4\xf5K\xb5]\x9a\xbe\xccP\t}4\x00\x99\xca\x0f\xf7\xa4Q\x16#\xd7&gt;\xe4F\xdf\x86Cv\x9bm\x8b\x97\x92\xd8l\x03"\'\xcf\xacD\xd3F\x91\xc9l\x03,\xbc\x8e\xc4y\xbb^\xfb\x9f\xec\xe3f\xd4VQd$!\x93Z\xaa\xf5\xfcA(\x06\xc9"\x9c\xef&amp;I\xa4g\xd9p\t\x00\x92\x17\xeci\xb6!\x91\r\x00\xfb\x1eX\xcf\xb3 \xec\xa3\xab-"3)k{\xa0\x11%\xa3o\xc9\xd6\x8bCkO\xf6\x801^H$P\xdb\xf0R~\x05\xb6\xdd\x00\xc5*e\xb6!\x91\n\x00\x83\x97\xdf6\xdb\n3H[_\xbeL\x92\xaal\xdb\xf4\xcb\xdd\x89m\x85\x16\xc6\x91\xba\xa8:G\xb9\x15\xa7\xbe\x1ad\x89Z\n4\x9a\xcd\xeb\'\xa3H\x15\x8dD\xa41\xdb\x80HN\xc5.k\x8e=\xb7\xde\xd5\xa8F\xefM\xe4+\xa3\x95\xa3\x9cy\x07\xdf\xb3\xaa\xcaB9E\x9b\xcf7\xdb\x04\xa3\xc9j\xb6\x01\x91\x81&lt;\xf5\xa6\x11e\xba\xf9Em\xbf\xf7\xfd-\xc4\x96n\xbb\xccl\x134\x932~H\x07\xfe\x7fM3\xc4\xc2\xe2; \xa4\xd6$\x00\xc6\xa7\xd8*`p\xfd\x16\x86\x03\xe0\xee\xf7\xbe\xe9\x1b\xa3\x04\x11\x11\x15\xc8Xn\x98\xb9\x86\x18\xc4\xa0e\xb7\x06.\xbdi\xb6\x15\x16\x16\x91\x9fl\x95\xc7\x90\xb0\x96\xaf\x01\x0462\xbc\t\x0bc\x896z\xfdc\xb1\xcf:L&gt;Qo\xe0\x0e\xe3\xda\xe6\xa9\x96\xa7S\xb0[c8y\x16\x1d\xfb\x87\xe2\x977\xdb\x0c\xf6\\\xff\x8c\x0f*\xba\x830\x03M\xb1\xb0\xf8.\xf0#Jd|+\x96`m\xe4&amp;\x13\xc3\xad(\x17\x02;M=e)\x16\xe9d\xebuU\xb3\xec\xd8F\xd9aa\x11y\xe96\xeb|\xbc\\\xed\xcd\xb6B\x90P\xcf4S\xbb\xdf6\xcf4da\xe1m\xc4*\xd6r\xa1\xd8g\xc2\x9a\xaeL\xc9T\xce\x8a\xc4\xb7\xb00\x17\x93S\xaag\xa98\xcat\x1b"\x17\t\xcc6@\x9e\x0c\xf2E\xbe\x03\xdeKn&amp;\t\xa5\'\xb3\xb0\x88,\xf8U4\xdb\x02&amp;D7\xdb\x00\xfd\xc4\x8f({s\x136?7\xdb\x04C\xb1d\xa0&lt;\xcb\xd0\x15w\x88\n\x12\x11\xf9\xd7\xe4\x8e\x8cX\xf3\xc0\xf1i\xca"}L\xb1\xca\xc2\xc28"\x93\x12\x10\xf7]\x16\x1e\xfd\xdblC\xbeC\xb29\xb9\x19YX\xf0Q\xd5\xc5\x04\x96\x1e\xfc\x8dK\xc9\x1e\xd8\xe8\x89\xf0\x89Y(]\x03\xb9j\x18gt\xb7\xb00\x02\x00_#\xd7\x00,\xfd\xb0?\x03\x1cB\x86\x11,\x10#~yJY\x8b\x88\xe6\x1e\xf8K\xa4Dn\x8aR\xd8\x93\x16EV\xaa\xf6\xd8`\xb6\t\x06\x11\xd8(V\xf6\xd6\x1el\xcf6)\x03@I\xaa\xd8\x0f\xca$&lt;\xe0\x9e\xe1\xad\xd7\x91\xa7\xde4\x91\x87\xd9w\xc7-\xa9\x87|\xd1\xb1\x7f\x00\x90\x7f\r\xb5\xe6Z\xb0"q\x9e\xae\xf6\x807\x0b)"\xe2\xfb\xe2b\xee\xf9r\xc31\x00\xcf?\xf4\xa1H\xb3yB\xa7\xe6\xe7\n\xa4)\xde\xff\xc2_\xc8\xdfp\x96\xd1\xa6z\x92\x08\x94.\xb0V\xdf-DD\x14u\xf4\xfa\xc7\xac\x84\x9d\x99P\xa5\xfbz\xefZ\x13\xb2\xe7GdD\xda\xfa\x03\x97\xdcP^&lt;z\xe6\xe6,[\'"\xa2\x13/@\x94W\xa2\xc0\xc4-\xbf\x0e\\z\x93(@_;^\xb6\xf3\x1f\xd0\x00\x80m\x81\xfd;$Qe\xb3-\xb0`Et\xae\x8b\x9c\xbd\xefO\xf7\xcfd\xbbN\x00\xb7\xffC\xd2|\xdd\xe3\xe4l\xeb\xf6\xa1D\xe6&gt;\xa9\x1eC\x15A\xd5\'\xb0\xaa*\xe2\xc2\t\xa7L\xdb\xf9\n\xc0\xe0e\xb7\x88\x92+?\xb7b\xe75\xc6\x19F\xd1\x8a6\x1by@\xf0.j4t\x8f\x19\x03s\xb4\xa2\xack\xcc\xa9\xacX2\xa2|\x00\x98\'\t\x81-\xb3t\x1c"\xea8\xe5\x14\xf0\xbd\xe8!\xb7\x1a{\xc4l\x13,\xbc\x94\x1cU\xc7\x1ex\xe45\xb3~9~z\xe1M\xef(\x91\x1bC\xdc\xc1RF\xcd\xd8\x84\x88\x00\xf4\x9c{\xc9\x80\xfay\x046dU\xd3\x89\x97xh\xe4]\x97Q\xf8p\xdc\xb2\xd5{\xfd`\\\xab\xd2\x94\xef\xb4\x8ay\x9d\x00(N\x19J\\\x85\x88\x86\xad\xba\x07\x80\xd3\xd3\xb1\xb0p\xa1N\xffmd\x98\xab\'\x80\xb1\x1b\x9f\x1aQ\xb3\x06\x86\xaf\xbe\x0f\x80\xfc*x\xbce\x15\xaf&gt;\x16\x16f\x12\xbb4Q&gt;\xa3*\xbf\xf0Nbl\xf7\'"\x03r\xc5+\xc1\x88\x1c\x99\xe1\xcf&lt;\x80k\xff\xe0\xf0/\xd6l\xdaB\x809\xfb\xdf\x19W9\x80/\xde\xf4\x1a\xd7w\xe1U\xbfP\x0f\'\x17\x8a\r k\xa5\xd1\x9em\xd4\x14\x12\xb8Ey\xc5aR\xafo\x96\x16L\xea\x898\x98\x9f5\xd9\x1c\xb7\x89\xe0\x9a\x93\x94$\x85\xa8\xd0y5\xa3\x06\xe3\x90O!\x83\xf7\xc3\x13+q\x9b$\xa2H\x11\\\xf8]`\xff5%6\xf3\x94\xe3[\xc4\xe0\x1c;\xfe\x05{\x19Z\xbf\xd7\x93\xee;\xc8bd\xc1\x10_\xa2@\xb3mP\x17S\xe3i\xa2ej\xc6\xc8\xcb !\xa5\xaac\xebO\xf5\xa5\x11\xdds\x0f\xa1\xb5\xa7\x88|\x18x\xec9\x94\t2\xa7\'"\xe33\xaeX\xe8b\xe3eh_\xaaIQ\x8b\xa9-\x16\x16\x91\x95xD\xf4\x01\x90\x9fA\xc6-k\xb0%\xa6\xac\xcbz\x01\xcdG\x1d4\xbe\x91\x9c\xbd\xe7]\x060}\xd7\xeb\x90\xda\x935\xd7\xf2\x04\xd0\xefJV\xb3\xcf\xe6\x8b\x7f\xc9L|\xe2\x07w\x90.`\xe1\x1d\xc47\xa5\xd5!+\xeeD\xa0@\x11\xb6\x14j:\xb7\xe3\xd4Sf[\xa1\x19/\x8bh0\x1b\x00D\xb1\x00,9\xfe\xd9l[,\x8c$\xb8\xe6$\xc5\xab\xc4\xc6R\xae\xe3\xca\x93/!\x9d\x92\xacZ\xcf\x8d\xb2o\xffy\x1b\xcc\xd8x\xd9\x90\xefb\xcf\xb4ee-\x95\xc5\xdaP\x90%\xee\xce\xdb\xde\xbb\xce6c\xf7\x1ff\x9b\xa0\x88\xe0\x9a\x13\x89\xa8h\xf3\x05m\xc6\x1fc^9\x80\x1f~\x06\x11yVY\x81\x88\xe8\xa7\x17 "\x8aZ\xc4\xc3\xedZ\xa8\'ZQ}\xc2\xe2i\xb9\xd1\xf7\xe6\x17\x93\xbb\x83l\x95\xc7\x9c\xff\x13\xb9\xebNM\x10\xda\x91\x88\xc4\xc7\xb9\x98Rs\x85\x84\x95\x0c0\xcd\xc2\x89\x98\xd9Z\xb1\xab,y\x04\x13K\xd2M\xa5\xaekm\xeeBl4\x95\xd8\xab\xe9N\xd8\xfc\xbcJ\xb7\xf5\xcc\xab5\x82\xba\x03\xb6\x13Q\xebqGCjMb^\xf9\x7f\xa6\xbf\x96h\x8a\xad\x8f\x9a\xb1)sC"\x131\x18\xd7\x97\xban\xec\x1c\xba&amp;h\xec^\x7fu}\xb5\x06\x83w=\x06\x0e\xff\x02\x00\x94\xa2f\x96\x8a\xa3\xf8\x9f\x0eZv\x8b\xf7?\xa9\xd4\xa4\x13\xb7\xfc\xaa\xd1\x82h\xa6\xcf7\x99x6\x19MT\xa6QCIt8\x06G\xc8\xa5\x88\xbc\xf5g\xd8U\xdeR\x9al\nkR\x15\xedk\xf4\x885~\xd33C\xeb\xe7\x938o\xd7\xa7f\xaf\x0b\xea#x\xdd\x05\x18\x97\x827BR\xaa\xed\xd2\x0ce\x862\xa9\xaa\xd5\xd8#Di\x8b6\x9f\xbf\xfe\xa2\xe0]\xa24\xfeo\xce\xfewMG\xecgb\x12\x13\x00\xe4\xa97=\xa4\xd6d\xa2T\xdaN\xd7\xdar4\xad\'Zh%F\t"?#\x1b\x90\x0f+\xf0,i\xe7\x1d|\x0f\xa0t\xbbef["H"\x00\xd2*\xb0|j\xf6\xd9B\xd1y\xce\x1f\xec5\x85\\\x08\xf0\xb0dB@\xa9\xc1j\x8a\xfb\x19d\x86f\xc6o~\x1e5\x93\xf5B\xecN\xfcr.\x07\x8a\xb7Z\xa4\xba\x12\xdf\xe2Q24\x060l\xd5=\xb7\xcf\x92)\x0f\xfe[|\xec\x1fJV]u\xeb\xae\xe4\xd2]\x03\x1b\xb8U)\x0b1\xc4\xfd\xd5\rEx:\x187\xa8\x1dQv\x0f\x9bb.\x9c\xd7\xc5\xfa\x8b\xa0\xe8\xc5\xcc\xb6\xc5\x89\x81Kn\xa8u\x07\x01\x10A\xd7!,\xbek\x00P\xd2jDDi\xeb\x95\xeb\xb0\x92S0\xaf\xd2]\xe5\xbeK\xaa:)\n\xf5&amp;\xca\xc8"t:\xbd\xee\x1a\xbe\x03\xac\xc5\x1c\x13\xf0\xb6WX\xbd\\\xfb\x1f\xc6n|\xfa/0\xee\x87_L2!\x86\x9bby x\x98c\x94\xf9\xa41\xdb\x00w\xac,\xf2\x06\xc3\xdd\xf1\xf5\x07\xedl;\xe1G\xd5\'\xa7\xac\r AHG\xf6fE"R\x15\xed\xeb\xf8\x9b\xd7\xb9h\x0c6\xef&gt;\xeb\xc2w\xdcCiD\xcf\x15\x03\x10T}&lt;CcL\xc7\x91\xe7\xa0Z\x8f\x8df\xdbb\xc31\xf4\x1a\xad\x8bb\x06n\xc3j\xcc\x12&amp;X\xe15\x00 \xcaj\xb6\x15\xaa\t5\xae\xea\xfb\x80\xd6U\xb8\xdc\xaf\x80\xa1+\xef26H\x06\x96+N\xf9\x1a\xccT\\6\x96\xfe\xe6\xf4\x8f\x9dm\'\x1c\x07\x10%\xc3w\x1al\xaa\x9a\x98%\x89\xe8o\x15\x97=Y\xa6\xf2\xc3\x8d3\xc7\x1b8\xf2\x0c\x00\':\x1fd\xb6-\x0e\x14\xf9\x8b\xd4\xe8\xbdI\x9b[\x86\x85\xf7\x00\xa0\xe3\x94S\xaecp\xea:&amp;\x99\xa3\x90\x18%*u]K&gt;\x85\x14\xa6\x0e\xcc\xd7P\xf9\xb8\xa2\x87\xe0\x99{\xdexx\x0b\xadF\xefMa\xf5\xa6\xc5\xcc.\x10\x88\x92(\xacK\xfdA;U\xd5\x06 ]\xc9AJJ\xc6\x0bn\xaf\xaaf\xc3\xc8K\xbe\xc5S\x14\xeam\xb6\x19^\x82\xff\xf0\xd5\xf7\xcd\xb6!\x82\xc1\xe5\\\xd3=\x17\xf4cb\x8c\x19X\xc9!&lt;A\xd2\xfc\xdd\xc5&gt;z\x0f\x04\xd7\x9c\xc4\x858\xdb\x10wGh9\xe6\xb0\xd0za6\r&amp;\xa5,\xd2G\xc3YD\xc4\xc9}\x05\xc6\xcd\xd5\xce\xfb\xee\xfb\x82DDq\xca\xe8\xf8nf\x12a\xf7\x9c\xf4\x04^\x9b\x8fP\xa2V\xf50\xd1\xc0KZU\xe4\x06`\xb0\xe0\xe1\xad\x04\xe8\xbf\xed\x9b\x8d&lt; \xf9\xb9\x9c\x9e+\x03\xa7K\x8b\x88J\xf1V\x8b\xd6\x9d\xe7\xee@\x8f:X$\x0c\xeb\xec\xc9\xe64\x92\xa3\xeaX\xa2,j\xcf\x02\xc0\x0fc\xed1\xe7\xa2\x86!9}\x99\xa1\xda\xa66\xdaIP!\xac\xee4\xf7\xc3\x00\xe6\x1d\xfa\xe0QK\xbe\'\xe2\x87x\x89\xa2g^"\xaa\xd3\x7f\xbb\xfb\x07\xff\x013\xf7\xbc\xf1x\xee \x0fq\xf9\x03n\xffg\x1b\x80\x07/\xbf\xad\xfa\xfc\xe8\xc5\xf2\xd4\x9b.\xf6a\xa7\xa9\xa7\xeez\xbco\x15\'Q\xc2\xdc\x11\xa1\xdb\xf5"\x98\xe4\xe3\x93\x99\x81E\xc9\xd0\x84\xd2\xd4\xa3\x94\xb5Y\xb4\xe5\x05\xf8fi^\xa8\xe9\\\xf5\xe71{H\xd2\x14\x1fp\xe01(\xa0\x01\xf7\xdfY{\xdf\xba\x979\xff\x8e\x9b\xf5\xe4\x14\xab\xc4[\xdeG}\n\x01\xf8\x1f \xb8\xd0m\x11\xb9\x88[\xac\xc5B\xa1N\'\x8a\t\xb6x\x8a\x99{\xde\xf4_|]\xfb\xf9\x92r\xad\x7f\x03[\xaf\xabx\x8ao\xfe\x0b-!\x18\x16^Mr"\xa2\xc4U(EM\xb3-\xf1\x0c\t*\x00P\xe3Rd\x02\xd2\xe3\xeb\x07\xbb\'\xe4\x8d\x7f\x95&lt;\xbd\x01\xec\xecr\'\xc1\xee\xbb8\xf4\x14\x95\xbb\xad3\xb2\x15\xe6x\xc9;G\x04#k\xa5\xd1\xaa\x16\x9c\x07.\xb9Y\xac\xc5\x02\xe3\xec\xf1\x10~\x15\xdc\x0e\x85(8-y\xee:Se\x03\x88\x15\xfaUpD\xa8\xe8#\xcd\xfe.\x99j\xf5\xdd\xca\xd2\x90\x88@\x95\xee\xeb\xb9_\xb6\xcf\x82+f\xdb\xe2!\x92I}\x18\xd0\x90H\x95XL,"j1\xfa\x90&gt;\x93\xec$\xa9\xca\xfd\x18\x1fD\x9e\xb4\x01\xbc0\xfc:\xfd\xb7IW\xa6\xfeu?\xb5\xaa\x8c\x87\xf5\x07\xed\xe4d\x01T\xb6\xc2\x9a\xb4\xf5M6@\x07\x11\xa7WU\xa1\xc8\xd8\x7f\xd1u |\xa5\xe7{c\xea\x8e\x97;o\xe3\xe4+\xb6?k\n"\xa2t\r\xd8\xab\xe4Z\x98\x8aSlw\xacRf\x9bc6%Z-&amp;R\xd3\xa7\xc7-\xc3\xd6\x00\xc7\x8f\xe1\x12\x162\xff\xd0\x07r\xf9\xb5\xcc\xa6N\xffm\x9c%\xfc(\xde\xef\x85\xd8\xa5\x99T\xc3]@\xef\\E\xc8Pv\xa8\xb6;m\xfe\xa1\x0fj\x82\x9a"+I\xcc6\xc0\xcb\x08lh\xb6\x05\xde\x08\xbfK\xff\xf2]?5\x89*\x13E\xe72\x1bG\xcb\xdc\xcc,\t:\xa7!6\x8e\xeb\xe8&gt;r\xedC\xef\x19\x80+vY\xe3=\xc6x\x98\xda\xfd\xd8\xac\x95\xcd?\xf4a\xd3\x15\xb8u\xd6^\x91(p\xfa\xae\xd7\xdf\xe7\x8f\x1b\t\xf8\x1dH\x96\xbf\x87\xd0\'\xa9=lI\xc4$\xad\x07\xdb\n\xf8n{Q\'\x96\x9d\xf8\x17\\je\xff\x1a_\x81\xf2\x9dV\xb9\x15a\x9c\xc0|\xf0\xb2[\x94\xb0\xd2\xc0%7z\xcd\xbb\x0c\x80\xcb\xa1\xcb\x1f\x80k\xf6\xd9\xec|FT\xa2,\xdcG\xba\xdcC\xd8\x90\xe8\x0f\xa3^\xc7\xf32\xad\xcd \x02\x18}\xeb\xd4[\xae\xc2i\xe5?fI\xefy\x14/}\x80-+\x9fED%y\x8a\xc2\xe1\x01\xf1\x96\xb73\x11yc\x86\xab\xe45\xcc\xb6 \x9cL\xe5G\x94i\xbf\\\xa2\x80Q\xd3\x85Rm\x96R\xbcrDT\xb6\xfd\n\x0f\xe4-\xe0\xde\xa2\x16\x1e\xf9\xc4}\x9f\x7f\x00\xa2\xb8\xfc\x018u\xb1\xfe\xae\xe7\xa4\xaa\xc3\x1b\xf3\xdc|P\xfdk*\xbb.l\x1c\x91\x0cZ\x0f\x07\xf0;\xa0V-\xc4\xe3$\xe4\xbeu\xccl\xad\xf25\x98\xa1\xa7\xa2]w0g\xff;\xee\xef\xbe\x0b\xae\x84\xd5\x9d\xe6=\x03\xb0Z|\xb3\xb4\x88|sy\x00\x94\xa6\x9e\xd9VX|wl\xb8d\xdes\x14\xb5\xb0\x843\x1d\x80so=j\x9b\x07\x1c\x1frp\x82\xa8\xc7\x9eK\x8dj\xf5\x06\xee\xe0&gt;z\x0f\x08\xa6\n\xffEY\xdf\xd7`\xf0.\x007\xbf\xe8\xba\x88\x9c%k\xcf1\xfe%\xcawZ\xf5\\pz\xe1\x954\x1e\xb6\xd79\x0b\xb26\xc2\x13\xb6o\xbe\x8a\xea==\x9a\xcd\x8d!3\xf7\xbcq\xdc\xbd\x82Qv\x16\xdaI\x17\xb1\x9d\xda:N9\xa9\xb3\x86X\xd9u\xa5T\xb7p&amp;\x84\x884\xa4\x08\x020d\xc5\x1d\x15\'\x14l&lt;\xdb-\xaf\x88\nR\x14\xea\xfd\xd9\xb33\xfa\xee\xb3/\x88\r\xc0\xe1cs\xcc\x92Z\xab\xcfH\x8c\xa2\x1ar\xd5\x98\x08 F\xd6\x96z*q\xa7t\xbbe\x00\xbe;o\xcf\x145\x99K\xf8\xb6\x9dp\xbcZO\x8f\xe6\x12\xc8T~\xb8\xf3\xba\xc8w\xf6#\xaa\xa1T\xdb\xa5\x911\xad\x82\x81L\xd9\xfe\xc2\xa44\x9d\xa4\xf8\xd9\x8c8\xd9\xca5e\x8d\xcb]w\xaa\xea\x89\xd4\x94\xed/.\xfc\xa5k+Kb) I\xden\xf7\r\x18\x9eK\xb5]\n`\x8d\xfd\xe5\xd2\xd1\xa3\x1d\xfe\x05%[/\xd1Ss\xd7\x99\xe7\xfcB;u\x9az\x8a\xc9R\xe1\xea\xb3\x18\xba\xf2\xee\x98\rOu\xd6\xe3B\x8f9\x17\xa5\x0b\\\xfe\xc8Y\xee\xcb\xb6]3\x89[\x86(=\xeb\r\xd7\x18\n\xbd\xb5\xaf\x7fv\xbf\x13\xe2ji0\xb0\x11w_\xb5\x19\xff#\xc5a\xe3(\x1e\xf1a\xec;\xe2I^F\x8c\r\x85\x883\xecy\x11q&lt;\xd6R\\\xa8\xd4\x9dQ\xc5\xaa3\x86\xdf\xa0\x0c\xb7Zw\xdcB\xa9\xb6K\xb9:C\xeb(\x9cN\x8a*0\x94\xeb\xb8\xd2n\x98\xc6\xd4\x81\x16^I\x16\xcd7\xdb\x82#\x9f"B\x97\xedA\xb4/V\x99\xcf\xcd/\xb6\x9e\xc7\'\xbd\x94\xb0\xcc\xf9;\xc2\x00\x00 \x00IDAT\x17\x8f\x04\xc6\x1a\xa4\x8e\xd4I\xf2v3\xd9\x84\x04\xeeZ.^A\x81F\xb3&lt;\xd7\xd8\xc1\xc7\x00P\xae\xe3J\xad\x15\xe4\xd7yc\xa5)\xee\xe6N\xa5\x8e\x98\xee!IZ\xf0)t\xf4\x19z\xce\xbd\xa4\xee\xac\x00\xf1\x00\xbe(\x853\x95\x1f^\xa1\xf3j""\xca\xa1\xb8F\xcfjY\xb3\xa6\xe3\xd4SDa\xd54\xee\xd4\xfa\xb15\xc6+Q-\x93\x1e\x89\x08s=\x10\xf1\x05I\xac\x19Ud"\xb4\xf6d\xb3M\xd0\x82\xbf\x9e\x93\x01\xb4\x1a{\x84\x89\x1d\xe7\xde\x02@\xe9v\xcb4\x9c\xbb\xef\x01\x96\x9f\xf8\x92\xb7\xbe\xa8F\xbc\x08I)V)\xdf,\xcdE&gt;Mh\xff#\x12\xa8&lt;FO^\xb0\x97\xf1o\xf3\x918\x89\xd0\xf7N\xb2\x02=\xcd6\xc1@\xb2U\x1e\xfd\xc2\x12l2\ro\x9d\xd7j\xdaN\xd6K\xd5\xee\x1bZ\x8f;Z\xab\xef\x16\xa1\x0f3\x10%Kn\xcc\xa3\xb8\xec\xc4\x17\xde\x8a\xb4J\xc5\x86\x18\xc5\xf7?\x84\x8aM\xebt\x1ePy\x8c\x18\xde\xce\x16\x16\x16D\x04\xe0\xf8\xef\x1e{!\x0ee[]P\x8d\tl+\xb40\x8b\xd4\xdbo\xa2\xd9\xa8\x83\x002\x95\x1f\xee\xf2Y\x91\xe6\xf3\xdbN&lt;~\x0f\xc8\\a\x84\x11ms\xa1\x1eW\xfevW\xea\x90\'|\xf0f\x99\x82#\xa8\xc9\xf0}\xcdF\x1e\x8c\x0c\xa2\r*d\xc0\xbd\x88r\x1dW6\x18\xbc\xcbl+,\xcc\xe1\xec[\xe4o8k\xf1\xb1\x7f&lt;\xd0V\x8d\xde\x9b\xfe\xd0\xb0"-\x143\xa9\xa4-\xe7\x03\x11]\xddSi\x98\x83\x11\x8e\xbd:\xa9\xd4e\xadw\xedD\x94\xef\xb4*\x7f\xc3YD\xf9Mi}\xe0\xd2\x9b=f_8\xf4D\xf5\x15q\x8e\x12aC\x94\x0cM\xb8\n7_\xf5\x8a_(J\xc6&amp;\xb2eZ\x8d=\x02\x81h\xe3\xb4\xe4\xa3=b\xcd4R\xd6\x06\xf0\xd5\xab\x1e\x8f\x88C\xf4\xcc\xcd#\xf4\xc6|\xda\x12\x03~\xfe\x84=\xf7\xb8\':\x98\x88b\xe7hc\\s]\xa6\x9f\x81\xfc\xab\x85k\xf8Y\x81F\xb3\xf57}\xfeO\xd3\xefp\xc9D&gt;\x8c`\xdb93#\xb0\x917Z\xe5\tR\xd5\x11&gt;\xee[\x0c@\x87\xc9\'TUV\xb8\xd9&lt;\xde\x00\xecG~\x15Y\x04#f\x00\xf0\x06 \xca\xa0\xbb*\xcf\x01\xa0%\xa3\x8dy/@4\x81\xb4\xc5\xf7@\xc6r\xc3f\xdb\xf5\xd4\x0c&amp;\x0b\xdcR\xc5\xb8!\xb85&amp;3z\xc5\x0bn/]`\xf2\xb6\xdf\xf9\x925\xdeD:M\x99\xe6#\x1b\x19)Q\xa5\x98\xd9ZQ\xe2*f[\xc2\x92\x06\x83w\x89F2\xa4k\xa0v\x03|\xc4\x9a\x07D\xe9|\xb34\xe7\xdeV\xbb\xcc8\xcb\x9f\xd7d(;t\xc4\x9a\x07Z&lt;\xce\xfck\xa8&gt;%\xa2\x10\xc3\x0c\x17\x03\x0b\xd3\x89W\x96\xc8\x8f\x92Uw:\xe8W\x91\xff\xbc\xa4)\xde?nP[\xd9\x90J\x0f\xe9\xf6%\xac$\xf9qRV\xedhu)\r\xd5#\x88d\xa1\x01QA\xdfx\xe5\xce\xfca\xc0=\x99\xbf\xe1\xac\xa3\xcf\xb9w;\xc6\xa2B&amp;\xc3nJQ\xb0\xf1l\xa2\xac\x8e\xff\xfa\x17\xec\xd5r\x8c\xfdY\x8aY\xe2\x1d0i\xebo\xac\xda\xb2\xb0\x88\xa0\x0cZz3S\xf9\xe1\x94\xa4\x8a\xfb\xa2\x8e\x7f\xc1^\xa6\x98\xa4\x1bOG\xe8\xc6\xcd\xd5\xce\xc3-\xb2#\xb6\xd9\x06\xb0Bx\xd5!J\xc6&amp;\x06\xae\'O\xd9\xfeBt\xd962\xa2.o\x81\xf3\xab\xea\x0b\xc0&amp;e\xec[\xbc\xd5\xd8\xa3\'^|\x9f\xab\xfc\x16\x16\x16\xdaI\x9c\xa7k@\xa9\xc1n\x87\x95\xfaL}\x02\xbc1C\x91\xf7\xc2 \x8e\xd1\xfcl7\x15:\xad6\xd9\x02\x19\xd2\x18Pg\x81\x8a\x9d\xd7\xf0\xff\xef\x98\x075\x1fup\xfc\xa6g\x06\xb4\xc8a=]\x91\x1b\xafH`\x1c\xe9\x19\xbb\x91\xb1\xe6+\x0b\xa2P\xb2jy\x1b\xcc\x10\x95\x01\xf0)\xa4\xac\x9e\x98\xca\x8aiRHUO\xae\x1a\x13\xed\x7fZq\x92\x86\x10\'C\xd9az\xce7T\x81r\xda\xceW\x00J\xb6^,\xfd*_\xbd\x17_\x8c)\xa1h9\x05\xfcd`l_\xb0\xe1\xees\x01\r&amp;o\xfb}\xfbM\xd8S|XDz\x92\x9bm\x80j\xd2\x97\x19\xea~\xb0l\x87\x15\xa9\x8b\xf6SX\x83\x92\xe7\xe8\x11`|(]\xf8\n\xed\xb9?\x19\x87T\x88\xe1\xdc\xd7\x19N\xaa\xa2}u\x9c\x1d\xc3\x9a\x92\x1aD:\x87.c\xed~\xdb\x8ck\x86\xbb\xa7CkO\xf6\xcb\xddIb\xc1a\xd9O\xff\xb6\x1ew\x8c\xfb\xfb\xd0S\xd8\x1d\xb22ih\xb1\xf9\xa8\x83\xeaORx\x93\xe9\x9a\x19\xe8\xc4\xe1\xf2\x9d\xb6\xf8\x00\x13\xcd\xb0\xb0`\x81\xbc\xda\xeb\xe6\xab\xa0\xa8E&lt;`\nG\x89V\x8bo\xfc\x8bE\x1e\x08A\x8eQ\xc2\xf0&amp;t\xb3\xed\x86\xad\xb7)\xddn\x19EQ\xf8\xeao\xa1\x10\xbf\x8aD\x894\xf9\xc1\xab\xcd;\x11\xcd6\xa9\xf4\x93\x11\xf2.\xdct\xdeS\xfb\xdc\x93;\xe5\xc4K\xcd\xb3\xd1\xdc*\xcbk\x19\xe6=\x8f\x11q\xcf\x1e\xc3\xc8e\t\x0b\x19\xb2V\x1aEi\xea\x99m\x85j\x00T\xee\xb6\xcel+\xbeSx]MV\xf9\xd2\x11\x8f\xbcf\x1b\xa0\x1e\xdf,-n\xfc\x8b\x14\x85z/8\xfc\xb1t[\xa5\x02\xce\xb6_1\x91t\\\x01\x11\xd1\xe1\xa7N\x03\xf0\x17 \x7f\xc3\x99\xda\xcd\x8dd$\xadF\x94!E\xe1\xdef\xdba\xe1\x05\xc4+G)k;\xfe\xd7}\xf6\x85Z}\xb7\xf6\x9c{\xc9&gt;\x95\x94Ii7f\xc3\x13\xb7c*&lt;\x1b\xbcy\xfe\x177\xa8\x9d\x9b\xe6\x94\x85\x16"\xee\\\xdf\xfb\xc9O\x94Yqa\x87\xffT\x14\xee\xf78\xf9\x12\xc5[.4\xc4.;;n\x01\xc0\xaa3\x88\x96\xa9\x99\xf2\xb3\x96\x1e\xff\xcc\xfd\x918OWc\xec2\x97\xecf\x1b`\xe1=d\xe3\xcb\x95d,7\x9c(\xad\x8a\xb3}\x8b\xb9\x1c\x00\xb0\xf0\xc8\xa7+\x9fP\xb2\xf5\x92^\xf3.31Q79\x01\x94m\xbfBA\xb2\xb9d|\xf7\xa2\xf6\x93~2\xd4\xac\xef\x04\xbf\xd0N\xcc\x06`\x99\xa8n"\xa2\xa0\xea\xe3\x194\xe4y\xb2W\x19\xf3\x08P\x1f\x18\xa7&lt;\x92=\x1fQr\xa2,_\x80\xff\x01Bsg\xe5DQ8\xd1\x1e\xf7\xc3/\xcbN\xfc\x0b@U\xd4\x7f\xf8\xbd\x926\xe2\xad\xb6E\x0eR\x15\xed\xab#Q\xe6\xf7H\x81\xc6\x0ct\r\xf5\x03\x80\x9b\xf5\xf6_|\x9dR\xd7\xd5^\x91D\xbaO-\xc4t\xf6(N\xa1\xb3:\xc1\xe1$nP\xc4\x8d\xf15\x16\xc7+\x8dNr\xd7\x99\xca\xa4\x1e/%E!5\xcb\x922[AA\xc9\xf2\xf7p9\x14;Gk\xb2\x89\x89+t\xaf\xe7Hu\xd7u\x11Ci0\x92\xa1\x9b\x9d\x00|\xb3\xb4`^\xad\x85v\xbe\xa7HwWR\xd5\x96/#J\xca\x81Kn\xe8\xce\xcfM\r\x06\xef\x02\xd0l\xe4\x81f#\x0f(:\xc1};)m}"\xa2hE\x01\xb8\xeam1"j\xc6\xa6\xddf\x9d\xd7WG\xe8\xc2#\x9f\xdc\x8fF\xcf\xacb\x99\xed;#\xeb\xde\xfbLz`\xd5ZRi\x8a\xf7\xff\xf9S$\\\xfd\xcei\x1f\xd5\x84\xd3\xc4&amp;\x08\xe9\xc8\xca#\xa9\xe9\x88\xfdZ\x07\xd1l\x8e\x13\xaf\x7f6d\x00\xee\xbf\xf8\xba\xed?\x01\r#\x9c\xd0Xp\xcdI&gt;\xe9\x1bi??~\xb9\xc4y\x8dX\xa2\x0f\xd6|f\x8c\xac-\x19\xda\xc1\xa7\xd1\xd0=\xef\xe0D\xbfE\xd7\x88\xb2\x19\xd4\x9c\xe7\xb9\xfd\x95\xcd$\xf5\xa9|%q\x892\x92\xc0\xd6`\xa2\xad\xd7\xd1u\xe69\xa2\x84\\\xf7\x12%Cc"\xa2\xe8\xae\xab\xdc^\x80\xbb\xc6x6\xa2t3\xf7\xbcQ^E$\xdc\x13\x95\x12\x00N\x0f\xa0\xd1\xb0\xbdz\x9b\xd0\xb3\xa6\x12\xc9\xe0\x1e\x1e\xf7\xb4\x83v\x1c\xf7\xa8z\te\x91\xb6\xd4\xdc\xb2\x19\x92\x15\xe8AD\x85\x9a\xcc\xa9\xdcm\x9d{\x1e\x12\x96\xc4+\x17Xz0Q.\x03\x9b`\xcd\xfa\x8b\xa0\x84\x95t\xe7\xb2\x8e\xd3X\xea\x89\x92\xf5x\xd4\xbb\x0c\xe8\xce3`\xce\x81w\xcc\xab\x1d\xb9\xf6!D`\xdeV\xa4g\xfc\xa6g\x002\x94\x1d\xeav\r\xfd\xe7\x1e|?\xc7\x9e;a\xfbM\xd8\xee\xae\x80\x86\x12A\x16.?A\xfc\xe0\x0e\x86\x18\xedJ\x88\xcb\xff\x93\x17\xe8Y\xa8\xc9\\\x00\tswVr~\xe2&lt;]\xbf\xb7\x9b\x87\xfb\xad3W\x18i\xb6!\x9e\xc2\xf0\xe4\x0bqJ\x17i6\x9f(X0\xcf\x9dXR\xde\xa7\x80\xf1\xb1k\xbe[\xae\xa1\xed\x84\x1f\rn\xc5\x1d\x8f\xea\xca&amp;\xca\xd3E\xe3\x99\xdc\xfa^@\x03\xa6\xe68\x13\xa7\xf4?\x1e\xef_\xa6\xeexi\xdc^\x03\x9f\xb7\x00Q\xfa}\x0f\xf0\x05\x18\xb2\xe2\x8e\xb7\xea\x9c\x04\xe99\xb9j\xf7\r9\xaa\x8e\x15\xfaDm`\x9e+\xc3W\xdf\xff\xdd\xfe\x1b-:\xf6O\x91f\xf3x\x1ff\t(9\x88\x88\x88\xb2S\xea\xba\xf6D\xda^\'A\xec\x93\xbe\xb1\xc0\xd1hE\x00\xb8{8z`\xa2\xc6dT\xab\xd4e-E-R\xba\xedR\xfdU\x89\xc1\xe0R0\xe9\xb5|\n\x11Q\xda\x12\x03\x88\xf2\xda\xed\x89\xc8\n!!\xb5&amp;\x0b\x1c\x95Z8R\xe3f\xa9\x89\xdcu\xa6(+\x98\xcc\xf05\x8dX\xa5\x8c\xa9\xb7\x80\x9e\x93\x8d\xee\x11\xca\xb6_\xa1\xb9\x89\xeeJ\xf6\xe7b\x96t\x1f`\x00l\xb8\x88\xa9;^jkW\x0c\xd9W\xde_\x00\xaf\xcc\r\xa53\x15c:\xf7Ce\xda/\xa7@\x1d{\x16DD\xc9\x9c\xd7\xccB\xe5*LI\x94\x8b\x13t\x8c\x92A&gt;\xa1\xb5f&gt;\x02e\xdb/WX8\xb4\xb6P\x8fG\xd4{\xfe\xcfB\x87}\x8a\xb7Z$[\xa7o\x96\x16q\x82\xda\xb6\xf1\xc4k\x83hh\xd9\xec}\x7fJ&lt;\xb6\x00J\xb6^\xc2\xd0\x8e\xe9\xbb^\xab&lt;#\xcf\xde\x07\x10{\xb5\xd3\x06\xf7}\x0b5\x99\xc3\xb0N\xd3\xf1\x900)\x13\xd8\xfe\x9c\x1ec\xd4\xbaGf\x9b`&amp;\xdcX\x98\xaf\xc1\x0c\x8f\xb5e\x1f}\x05\xd7BS\x96l\xbd\x98(\x0f\xab\x16\xbb\xcf\xbe\xc0\xfb\x9f\xbc\xcc\x93\x0b\xf6\x81J\xfbV:\xc5/\xffD\xa8#V\xb5\xc7)B\xfe\xa6&lt;\xff,n\xce\xa4\xbbN\x8f\x93\xbc\x86aU\x0b\xcc{&lt;\x86t\xdc3\x00\xa2|\x0c\x9b\x03\x97|]\r\xa9\x8b\xf6\x03`\xc0\xa2\x88\xf4&gt;iz\xd6\xcd\xb9\x01@\xbd4\x950\x8d\x86\xeeaR\x8f&lt;\xf1\xcb+W!\x19\xb5\xee\xd1\xc0\xa57e\x8b\xc9y\x15%R\xd8\x9c\xf1\xb8\xe6\x83#"\xa2(y\xeb\xcf\xf0\xb0\x1d\x86\x92\xa2P\xefDa\x02+\xed\x1e\xdb\x82\x9d\xb0\xf9\xb9\xa3\xad\xb8Am%J&gt;ggL\xca\xc2}t\x9c\xed\xfb\x89[\x08\xd5\xb1\xf4R\xa9\xeb\xda\xf9\x87&gt;\xe8\xb0\x81\x19\xb1s\xb4)\xd1z\xf1\x13\x80(\xc9\x8d\x7f\xbdg\xa8V\xe9^\x9a\xa2\xa61f(!#\xab\x8a\x8c|\xdc|\x15\x97\x8c\t ~\x88gv\xfa5\xe0\x9f(O\x97\xf6\x93O\xa8&gt;\xef\x1d\x10\x01%\xb5|\x93\xe6\xef.]b\xf7]\xdbM3`\xf1uJ \xa3aI6\xe7m\x1f\x06\xa6Y\xb0!\x8e\x98\xd2\x8bg\x06`\xfe\xebo\x92\xbc\xdd\xa4K\xf2r\xc5\x98\xc9\x86K\xaa.\x8b@6x\xce\x81Q\x18\x9fB&lt;\xf7:O(\xba|\xb1\xfd\xd0\x823\xce\x88A\x9d\xfe\xda\x14\xf2u\xed\xe2\xdb\x89\xcf\xa2\x92p\x8a\xb7\x94[NOW\x9f\x88\x88\xe2\xb1m\x97\x8f#\xf6\x04\x80\xbf\xaa\xd0Y\x9d$\xad\xea\xb9\xb6\xa4\xd9~\xd3\x98\xee/\x1ac\xc1\xf4\xfe\x8bl?\xd5\xac}\x7f\xeaK\xe5\xa1\x81D\x06\xdd\x85[\xafk\xb9\xf8\xca2\x81\xfb\xb1Ze\xf2\x80\xbb\xa3\xf2\x8b\xa09\xcd\xa7\xf4\x06\xf0\xe8\xf5\x8f\xb3T\x1c\x15nL\xe2\xca\xdaZa\x8b_\xeeN\xcaS}D\x08_\xdc\x80R\x83\xcc6!\xb2\x12\x02`\xdfC(Q\x98\x92\x80\xefsS\x7f\xd0.\xddV\xc9\xd0h\xe8^"\xca\xdfh\x16\x00\x8am\x90\x93\x8dw\x11\xe8\xb2\xec\xce\xf5GQ365\xb2\xd1\x84\x8aw\x082\x15j:\xd7\xe9\x80\xdbT\xe5\xf8\xef\xe88\xe5\x14\x13\xb3\xec$1E\xd3\xb1\xf5\xb8\xa3\x8b\x8f\xfd\xf3\xc3\xcf\xaa\xfb\xcd"\xcd\xe7[/\xf7jq\x1b\x80\x03\xf8\x9f\x8e\xfb\xe1\x17\xc7\x00&amp;\xfb\x8ala!E\xd4\xc2\xfe\x05{9\x1f\x12\x9cEe\xa6\x84\x15\x995\x9a\xba\x0e\x93\xdd\x1c\x86\xd3\xb8\xf2\x1dW),\xe9\x93\xbe\xb1\xa1\xd3\xc7\xc2\xcd\xe6\xa9\xd2O4\x94X\x95\xba\xaeu\xbc\xcf\xc5\xcb\xd5\xbe\xef\xc2\xabiK\xe8\xcdd\x97 \xa4\xa3n\xc3\x94\xb2\xe8\xe8\xdf\xe37=\xcbQu\x1c\xbb*\x0bF\xac\xb40}\xe6_ISL\xaf\xd4Q\xe4$e-\xb1O\xa4\xdf\x80\x0b5\x9d[\xa9\xcbZ\xee\xef\t[~5\xc02\x1fJ]\xa7\xc1\xe0\xdd*\xcf\x12\xcd\xd4\xc9\x880\xf7C\x1f\x9d/\x8e\x7f\xa1^[\xaf{K\xe7\xe51\xee~\x13\xfd\xca\xd9*\x8f\x8e\x17\xdc^Me\xa1\xfa\xedQ\x8a\xbf\xae-j\xff\x82\xbd\n;\xc5\x92\xa9\x00\xc0\x1d\xf1\x8bf2)j\x11\xe57\xdb\x88p\xb2\x13\x11%(ODE\x9b/Xp\xf8#\xb3\x8a\xe3\x94\xe1e\xa5\raV-\x11\x11\x85\xf7\x02\x81\r\xef{d\xd7\xd0\x8b\xf1r\xd9&amp;\xa7(jo\xf9\xa5\xd25\x90\x18\x80\xf9\x</t>
        </is>
      </c>
      <c r="E541" t="inlineStr">
        <is>
          <t>&lt;class 'numpy.ndarray'&gt;</t>
        </is>
      </c>
    </row>
    <row r="542">
      <c r="A542" s="1" t="n">
        <v>540</v>
      </c>
      <c r="B542" t="inlineStr">
        <is>
          <t>steps_per_sec</t>
        </is>
      </c>
      <c r="C542" t="n">
        <v>7800</v>
      </c>
      <c r="D542" t="inlineStr">
        <is>
          <t>5.4235783</t>
        </is>
      </c>
      <c r="E542" t="inlineStr">
        <is>
          <t>&lt;class 'numpy.ndarray'&gt;</t>
        </is>
      </c>
    </row>
    <row r="543">
      <c r="A543" s="1" t="n">
        <v>541</v>
      </c>
      <c r="B543" t="inlineStr">
        <is>
          <t>Loss/localization_loss</t>
        </is>
      </c>
      <c r="C543" t="n">
        <v>7800</v>
      </c>
      <c r="D543" t="inlineStr">
        <is>
          <t>0.021617012</t>
        </is>
      </c>
      <c r="E543" t="inlineStr">
        <is>
          <t>&lt;class 'numpy.ndarray'&gt;</t>
        </is>
      </c>
    </row>
    <row r="544">
      <c r="A544" s="1" t="n">
        <v>542</v>
      </c>
      <c r="B544" t="inlineStr">
        <is>
          <t>Loss/classification_loss</t>
        </is>
      </c>
      <c r="C544" t="n">
        <v>7800</v>
      </c>
      <c r="D544" t="inlineStr">
        <is>
          <t>0.34536767</t>
        </is>
      </c>
      <c r="E544" t="inlineStr">
        <is>
          <t>&lt;class 'numpy.ndarray'&gt;</t>
        </is>
      </c>
    </row>
    <row r="545">
      <c r="A545" s="1" t="n">
        <v>543</v>
      </c>
      <c r="B545" t="inlineStr">
        <is>
          <t>Loss/regularization_loss</t>
        </is>
      </c>
      <c r="C545" t="n">
        <v>7800</v>
      </c>
      <c r="D545" t="inlineStr">
        <is>
          <t>0.03819666</t>
        </is>
      </c>
      <c r="E545" t="inlineStr">
        <is>
          <t>&lt;class 'numpy.ndarray'&gt;</t>
        </is>
      </c>
    </row>
    <row r="546">
      <c r="A546" s="1" t="n">
        <v>544</v>
      </c>
      <c r="B546" t="inlineStr">
        <is>
          <t>Loss/total_loss</t>
        </is>
      </c>
      <c r="C546" t="n">
        <v>7800</v>
      </c>
      <c r="D546" t="inlineStr">
        <is>
          <t>0.40518135</t>
        </is>
      </c>
      <c r="E546" t="inlineStr">
        <is>
          <t>&lt;class 'numpy.ndarray'&gt;</t>
        </is>
      </c>
    </row>
    <row r="547">
      <c r="A547" s="1" t="n">
        <v>545</v>
      </c>
      <c r="B547" t="inlineStr">
        <is>
          <t>learning_rate</t>
        </is>
      </c>
      <c r="C547" t="n">
        <v>7800</v>
      </c>
      <c r="D547" t="inlineStr">
        <is>
          <t>0.07993737</t>
        </is>
      </c>
      <c r="E547" t="inlineStr">
        <is>
          <t>&lt;class 'numpy.ndarray'&gt;</t>
        </is>
      </c>
    </row>
    <row r="548">
      <c r="A548" s="1" t="n">
        <v>546</v>
      </c>
      <c r="B548" t="inlineStr">
        <is>
          <t>train_input_images</t>
        </is>
      </c>
      <c r="C548" t="n">
        <v>7800</v>
      </c>
      <c r="D548" t="inlineStr">
        <is>
          <t>[b'640' b'640'
 b'\x89PNG\r\n\x1a\n\x00\x00\x00\rIHDR\x00\x00\x02\x80\x00\x00\x02\x80\x08\x02\x00\x00\x00\x83\xaf^t\x00\x00 \x00IDATx\x9c\xec\x9du@\x14\xdd\xd7\xc7\x0f!\x88 \x02" \x88\xd2 \x18H\x8b\x08\x08\x08\x8a \x8a\x8a\x8a( \x8a\r6vwcw\x07vwwww\xd7cw{\xde?\xee\xee\xec\xec\xee\xec\xec\xcc\xec,\xf0&lt;\xef\xef\xf3\x8f2;\xf7\xce\x9d\x99;7\xcf\xf9\x1e\x80\x7f\x1f\x01\x05]\x00\x19a-g;E\xf6\xe3xr\xcf\xd9\x97N\xbe\xc5_(\x07\xb7\xa4\x9e\x82KHQ\xacB+\xea\xa2k/a\xabQ\x07\xda\x8e;\x02P\x96c\xf2\xd4!\xbb\xbeK\x93\x07\xa7L\x03(\x0e`\xca\x9e$y\xc06D&lt;\xff\x19\x01|\xe4\x7f)\t`\rPT\xd0}\xb0\xe0i\x17\xd2\xa3I\xdf\xcd\xd2?\x83\xfc\x1bOb9;\xa0in\x95\x86\xe3\x82S\xa6\x02\x00841pO\x13\xa3\x0c\xb6\xc3W&gt;\xfc\x82\x08\xa5\xea2\xfe\nf\xb5\xf9\xe7Y\x12\xc0\xaa\xc5\x90]\xf4j\xd3}\xc6\x05\x00p\xaf=8{\xcai\xc1e\x1d\xbe\xf2a\xcf\xd9\x97\x04&amp;6\xa9i\x1f\x96#\xfd\xc3\n\xc0\x82\xe5\xdc\x92~\x9d$\xb5]\xb7\x9a\xea\xb3\x8c\x01\x8a;D\xf4\x01\xf0\x17X$\x06\x0c\x00\x00\xf4C\x00\xca\x82A\x18\x98\xd4\xe4\x95\xd8&gt;\xacW\xdd\xce+\xa1h\r\x00/\xea\xe03DDL\xee\xbf\x15\xc0\rJ\xc6\xa9\xb8\xa8!\x80\x13\x80\xa1\xfc\xf1\xc0\xd7\x88O\x10/~\xc3\xbd\x8f\xf0\xc03DD\xe1\xcf_l\xec\xaa\xf7\xe0\xd3"\xc9Q\xc2\xbb\x1dI\xfb\r\x11\xca&amp;\t-By\xaa9\no9\xa7T`g\x00\x00p\xd9|\x03\xebu[-4O\r\xa9\x04`\xcdt\\\x17Lj\x02\x94P\x95\xacr\xfd1KN \x80\xbb\xf6J\xf6?\x08&amp;\x00U\xf9\x9c_f\xdc\x86\x17\xef\xa5\xcdhh\xda,\x0eIJ\xd8\x86t\x07(\x07\xe0*\xb0\x8c\x00\x00p\xfd\x8f\xac\xf9&gt;\xf5\x8eW\xf7/\xc1\xd4\xbbml\xa7e\xa5\x02\xb29\xa7pB\xc4\xbd\x8f\x10\xc0\x8c:\x942p\xfb\xbe\'\xd8v\xeca\x03\x8f4\x00#\xaf\xf8\xe1\xbc\xca\xa0\x9e\xa25\xb8\x9c\xd5s\xf6\xa5\xc7\x88^\xf1\xc3%m\xb4^\x88I\xc5L\x00`i\xfd\x13\xba\xaeB\xc4~\x0b\xae\xab\xcb\xdb\x13\x8aEr,,\x1f&lt;\xc9+\xbb\xf8M\xf2\xee\x1a\xf5\xda\xe0VkP\xdeY\x842\r\xb5p9.X\x00\x141pO\x1b\xbc\xec\xee\xf4]\x1f\xd9O\xbd\'\xa9\t\xcc8D\xf4\x99\xb9\xe7s\x99\xd0\x9c\xe2\x95\xdb\x00\xe8\xa8\xbd\xae\x99O{u\xe7\x98\xc8\xce\xf6\xed\xe8\x9d8F\xbe\xc2\x97\xd3un\xa6.\x07\xc1\x14\x01\x00z\x9d\x97R\x92\xfa\x00\xa9\x16\xa0\xc5\xe0\x9dZ+\x06o\x16\x1c\xf9\xed\xc8y:A\xe7\xcc\x07\xda\x8c\xc22^\xd8\xd5O\x7f\xc0\x92~\x9d\xc8\xff7^\xc3f\x03\xb6\x01\x80ST?D&lt;\xff\x05\xab\xa7\xce\xa4\x7f\x9b\xba\xce)\xc9\xfd\xb7\x02T\xe0}\x99b\x91\xb4\x81\xa3\xb6 \x8fb\xe8\x8a\xfb\xda\xbe\xd0\xff\x10\x8cC&gt;_o\xfc\xc6\x97\xa8\x84Hy\xdb\xa9\xfa\xe1\x0e""\x8eZ\xfb\x94~0s\xcc!Dl\x98\xb3^\xa4\xab\x8b\x85/\xcbo\x7f\xc4\x7fh\xc2Yu^R\x92\xe8\xb6\x8bV\x9c\xc6\x1a\x19sE\xc96c\xc4~S\xef\xb6\x00\x00z!L\xfd\x073\xf5\xbb\xaf!\x85\xc9\x99s9g\xcee\xc7\xc8\xbe\x9c\x92\xc9\xcd\x93\xecH\x0e:N\x9c:E#\xcf\x8c\xe8\xb6\x0b9\x16\x0f\x00\x00*C\xb9\xc6\xf2\xef\xce\x8f&gt;\xa9\xcd\'\xa4e@\xc4;\xd2\xff\x94\xf4\xef\xc4%\xa9k\xcc\xc0v\xe3\x8eH\xbb\xf6\x82$(y\x8aW\xfcp\x802\xf4\x83\xe4^nq\xbe\x1d\x15\xc8\x16\x0c&amp;o{\xdbk\xee\x15\x00\xeb\xa2\x9e-?!\xbeG\xcc\xdd\xf6\x16\x9c\x92\x01 \xa1\xeb\xaa\xa5\'\xf0\xf2\x0f\xd2\xaa\x04ip9-2v\xc3\x0bD\xbc\xf0\xb5\xe0\xdb\x8a\xff\xc1\x93\xd2\xf5U\xff\xa6vf\xa0\x06\x85\xdew\xc7=\x0e\xf5\xc31\x19\x8aGK\xaf\x1f\xcc\xb0\x88\xe7\xd0\x14Q6tUf\xe7=\x04\xf3X\x85\x83\t]V)/\xc66\xcc\xd9\xa0\xbe&lt;\xda\xa2\xbci\xe5\xb6,?ka\xd4\xa2\x11W~""\x0e\\r\xfb\x15b\x9b1\x87D\xc8\xb1l\x12"\xce?\xfc\xcb\xc2\xaf\xa3\xf469-\xedX\xf8v&lt;\xfa\x0f\x9e\xfb,{&gt;\x136\xfd\xc3\xef\xd2\xe6\xb1\xf9\xf0`;M:\x01%bT\xff\xae\xaf\xd5\xab\x03m\x1d~\xf5\x05\x9c\xb4\xe5\xf5\x95\x9f\xe8\x11;\x94S\xcarM$\x03\xa3\x82\x86\xbc\xe5\x93\xef04]n\xe9\xae\xd5\xa8\x03+\xce\xa0\x88{\x07\x88\xf8\x08\x11\x8aG\x03\x14q\x8d\x19d\xe4\x95A\xfd4|\xe5\xc3[\xc8\xd0\xa4\x142\\\x11q\xde\xc1\x1f\xf9r-\xa3\x88|\xb9\xcc\xff\x0b\x10\xb1\xfb\xcc\x0b\xca\xed\xd1\x89\xb78\xef\xd0O1\xae\xe0\xe2\x15?\\\xdf\xb5\x05\xe7\xf3\x032F\xec\x87\xe2\xd1\x00V\xe1\x19s\x10Qa\x8a\xd3\xb8\xcffD\\r\x02\x01\\4)\x96\xe4\x96\x1d\x9bj\x92\x89v\xb0\x0cM\x9b%\xd7\x01\xdb&amp;\x16t\x91\xa0lX\xaf\x13o\xf0\x1e""v\x9dvN\xf3\x0c\xb3\xa7\x9cV\x18\x9fu\x9d~\x0e,\xb87sE\xda\x8f?J\x12\x8e\xdb\xf0\x82\xd7\xa5\x03\x9a\xe4"b\x8fY\x17\xf9\x96Y&lt;*\x89\x98WH\x8b\x19\xe494\xe8\xb9N\xfe\x17\x13r|\xd0\xd2;CW\xdc\x0fh\x92+\xe2E\xf3\x053R\xfe1\xeb\x9e\xf94\x1c\x07\xa0\xab\xf2D\xfd\xea|\xb2u\x07\xf0\x03\x08\xa0\xf7\xdfY\x93O\x81\x0e5\xfe+\xc3\x98L \xf6I\x00\xc6bf\xa8\x82R\x01\xd9\xf6\xa1\xaa\xd6\xba\x1dJ\x05d\x83c\xb2\x08\x97\xf1K\x9a\x10\x94&lt;E\x84\x8c\xfe\x07\x00\x00 \xe2\xae\xfb\x92\x16p\xe2\x96\xd7\x00z\xaa\xcf\r\xcc\xbfbI\x99\xb2\xfd\x1d@E\xf2\x7f\xab\xa0.\xce5\xfb\xbfFD\xc43\x1f\xd0\xb8B\xeb\x80\xa6\x82\xdb\x94r\xd21\x87\x98M\xa1\x08\x98\xc6\xb4\x18\xbc\xf3\x9e|\xcf\x04\xb6\r\n\xbaX\x00`\xdb\xb8\xcf\xe6/\x88\x88\xe8Vk\x90\xe6\xd9M\xdf\xfdI\xa1\x03N\x1f\xb6W\xb6\xf8\xc1\x19}\xd7\xe6|_b\xb3\x81\xdb\xef\x896\xfd\xf5\x03(\xc2\x7f*\xe6\x06\x00\x00f\x00\xe5\x01\x00\xec\x1a.=\x81\x82-\x1f\xf7?\x91~\xbf\x9b_\xc9\xfd\xa0S\xf56\xe9\x95\xed\x1a\x8a\xf2\xca\xf2\x1fr_\xee\xb5\x87\x00\x94\x02\xf0f9\x07\x1c\xb8\x8d\xa4\xf5Br\xb7\xbe\xa9\xd1j\xae\xea:cZ\xa5\xc18a\xa5e\xa2b\xaf9\x97\x8bWn#^\x86\xbc\xc9\x9e|\x8a&lt;\xa2\x9c9\x9754\xeb\x01\x00\xb3\xe0\xe6\xd3D)\x16\x1741\xf8\xfc\x97\xe0\x83\x88\xc4Z\xea\xa1dZi\xc6x\x1ey\x8b\xb5;.}\x85\x88\x88"Y\xf0\xaa\'{\xcaij\xb1\xaeb\xc2(\xaa\xb1\xbe\x85\x08%j5\xed\xb7Ep\xceW~\xe2\x91\x97\x85bu\x97b\xf2\xf6\xb7M\xfbm\xd9z\x0b\x15;\xe0|C\xdd\x18\xb9f\x9b\x85\xadF\x1d\x10\xe5R\x93\xb7\xbdE\xc4\xa7\xd2{\xfc\x80X&amp;\xb4g\xc16U\x02\xb0\r\xe9n\xe9\x9fe[\xad\xbb\x90\xc4N\xc9!\xa93\xc0\xbc\xf6\xc1g\x88\x88\xc7\xdf\x08|\xd1g\xa5#\x99\x1f\xf2U\xa5n\x97\x95\x888,\xefA\xf6\xe4S\x83\x96\xde\x11\x96y\xc12j\xcd\x13D\xd4sm\x0ev\rT\xcc\xe0\x83\xc8\xbd\xf7_t\x93s\xaeT\'\x14\xa8bRa\xc2tP v\xd5{PS\x88\x02\x81jFn\xfc\x15\xa1%\xb1\x14\xc5C\x86#\xd1\xed\x16\xe5\xdb\xb5\n\x84f\x03\xb6#\xe2\xa5\xefx\xf8%B\xe9D\x96\x8a\xe2\x10\xd1w\xf0\xb2\xbb\x00\x01\xf5\xbb\xaf\xddt\x1dg\xee\xfd\xb2\xf3\x1e\x82\x15q}\xe1\xeaY$\x00\xbb\x90\x1e\xd4\xffm\xabu\xa7*S\xb1\n\xad\x00\xc0)J\x88\t\xa5\x94\xd2",\rY\'h\x9a\x03\x1d\xfb\xa4\xbb\xa8H\x11\xf7T\x95\xe7\x9b\xd5\x8a\xef\x9c\x07\xe0(\xca\xc5c\xda/&gt;\xfe\x1ac;-\x13%7.\xdcC\xbc/\xbd\xcd\x0b_0\xaa\xcd\x82E\xc7\xfe\xe6\xdb\xd5\xc5\xc2*\xa8\xb3\xb21\x97MpW\x00[uIm\xa0x4\x94N\x94\x8d\xb4\xcc\x05\xf8\x8cAr\xffmT\x0e5i\xc6b~\x8d\'\xca\x0f\xe34\xda\xb2) J\xa7\r\xdd\rP\x19\x8aE2\x9a\xa4\xb4\x1au\x80\xdc\x1d\xcd9\xb3\xe0\r\xc7\xe8d\x8e&gt;\x08\xd6\xf5\x00\x00\xa0d\x81\x14`\x99d\x02\x8c}\xd5\xfbS\xb0BFC\x95\xeb\x8f\x11\xa9`\xea\x19\xb8\xe4v\xbe]K\xbb\xa8\xea\'\xf4C&amp;o{\x0b\xa61\x00UX\xd3\x17A\xc4\xb3\x9f\xa8\x01T\x15\x80R\x00\xd0\xa8\xd7\x06D\x1c\xcby\x07n\xcdEIU(_g\x18\xc7$\x12\xac\x12J\xfaw\x02\x9d\xaaz.)\rz\xae\x03\x830~\xc9\xb5\x85s\xf7\x19\xe7\x01\xca\x89\x98\xa3B\xef\xabn\xd0\xea\xdb|\xf0\xce\x89[^\xf7\x9c}\x89\xd5\x98\x8e\x0b\xbe\x1d\'\x9e@\xc4\x87\x88\xfan\xdc7\xec5\xc2\xc2\xb7\xe3?\xd2;=\xf1\x06\x9dk\x0eXu\xbep\xadIp\x86\xe3\xac\xc0\x88\xe1\x98e&lt;\xf5\xba}\x1bM\x10tuG*\x87\xef\xb4Ip\x87\t\xc7\xe5;`\x95\xbe\x03\xffZ|\xc9\xadY\xf8u$\x7f\xa7\x0e\xd9\xfd\t\xd1\xc2\xb7c\xc1\x16\x8b\x86\xef\xcas\x18\x9a&gt;\xcb%z\xe0\xa2\xa3\x7f\xec\xaa\xf7\x08h\x9aK\xb7\xf0\xca\x17\xbc\x82\x92\xa7\x08\xd8\xdc\x91\xa3\xe7,I\xe3]\xbcR\xa6H\xc5\xfa\x1f\\\xa1\xbe\xe1\x11\xab\x1e\xd1\xdb\x08\x1d\xa7fs\xf6\x7f\xe3\x9e\xcf\xec}_I&gt;\xff\x81\xa5\x05\x03\xf7Ts\x9f\x0ek/a\xdb\xb1\x87\xc5\xcb\xd5\x9b\xdebn\xb9\xc9\xa97\xea=\xef\xea\xac\xbd_j\xb4\x9a\x0b\xc6\x91d*\xc9\xff\xba\xc6`\x1c5n\xc3\x0br\xdd\xd7\x88\x81\xc9\x93\xf9g"\x80*#W?&amp;\x17=\xfbQ\xd3=\x85\xc2\x8a\xc9\xe0ewu\x9c\x92\x11\xf1\'\xd3nB\xd5fSe}\xa4q\x94\xb0kP9\x1c~\x89\x00\xc5\x89 \xc3ry+7\x8dn\xa2pb\x9f\xf4\x01\xb1\xa8gK\xea\xc0\xa6\xeb\xb8\xe2\x0c\x92\xe9A!\xc1\xbf\xf1\xa4b^\xad\xfc\x92&amp;f\x8e9d\xe1\xdb\xf1\x01\xe2\xf2SD1\xc3\xa6\xa0\x8b\xc6\x87\xb6c\x0f#\xe2\x81\xa7\xff\xc5jT\xa8\xf1\x00\xa8\x12\xdfy%\xf9\x86\xb9\xb5\x8fA\xd6A]T\xff\xca4\t\xf8\xb7Q\xb3\xedB\xaa]\xfb\x8c\x08`(\xca\xfa\x12\xad\xad\xac\xcc?\xb5G\xbf\x857$\xc9y\xbb\t\x98y\xc5\x0f\xff*\xbd\xfao\xc4\xba]V\xf2/\x800\xcaM\xde\xfe\x0e\x11\x9f"\x02x\xea:\xa7h\xff\x8aA\xb3\xf6~\xc97\x87\xce\xd1k\x9f\xfe@\x8c\xcbZ\x81\x88\x8f\x95z\xc1\x88Vs)g\xf9\x9c9\x97\x05_\x85\xaa9\x0f\x11\xc33\xe6\xe4n}\xe3Vk\x90|\xef[H\xfa$\xed:Cw\x98pl\xfa\xeeO\x00\x1eZ\xbd\x8a\x06\xe8?F\x9c\xb1\xfb\x13@\x95\x7f\xdb\x82\x84^\x08\xe8\x06\xe7\xf35\x8b\xb8\xa9\xde~\xfb\x7f@V\xee\xa9\xa9;\xde\xf3Uz\x9b\xb0\xe9\x9f\x13o0\xbc\xe5\x9c\xf6\xe3\x8fJ\x8f\x99\x8b^\xb6\x82\xc55F\xa1u\x13\x87\x7f\x10\x1f"r\x94\xd6R\xc6\xa4b&amp;"\xea:7cs\xd8`Jw\xe5\'\xbe\xa1\xdd\xce\xd6[\xc2\xef\xc8\xbd\xd6`\x89\xd4\x17g*\xd7\x1f#\x9d\x1d\x9a\x99Vn\x0b6\xf5\x00\xa0V\x87%\x00\x96\x82\x8b\xc1B\xea\x90]\x137\xbfR+k*\x16\xd7\xff\xe0\xf6;\x08`fX&gt;]\xf9W\x87\x88&gt;\xb3\xf6~\th\x92\xab\xb1N\x8e;\xf5\xfa\x16\x1f\xfb{\xe0\x19z\xc5\x0f\x7f\x80\x88\x88-\x87\xef\xd3,g\xd1\xb0\xf0\xed\x08\xc5\xb8\x0c\r\x85K\xffz\xc4\x0e\xb9\x8b8,\xefA\xfb\xf1G5\x90\xa8\xe4\x8d_\xe3\x89\\O-\x1e\xad`4\x13\xd6rv;YS\xf9?\xa4$v_\x8b\x9c\xc5\x01\n\t\x81\xc9\x93\xab\xa7\xce\xd48\x1b\xf7F\xbd6N\xde\xf6\xf6\xc4[\xf4o2\x89o\xe2\xc6}6}C$\x9e\x11\x1d\'\x1e\x07\xa8\x80\x88\xcf\xfem+`\xac\xfb\xa0\xbe\xf4\xde\xf7\xd2w\xb6[\xab\xd2p\x1c"B\xb9\xc6l\x17+\x1a\x1e\x9a63\xba\xdd"\xc1+\x90\x1a\x82\x88\xe7&gt;\xe3\xa1\x17\x88\xc4\x12^\xb0\x9f\xbdn\xb5\xc3/\x90\xff,\xd6\xfd\x07\xe2\xa85O\x00\xa0V\x87%\x93\xb6\xbeq\x8a\xea\x8f\x88\xf5\xbb\xad\x01\x00\xab\xa0\xce\xde\x89c\x05\x96G\x1c\xf8\xab\x0f\xd2(\xe6\xd5*\x9f\xe6:\xfa!\x0b\x8f\xfcv\x8c\xe8\x9b\x9ff\xaa|\xa8\xc4yd&amp;x\x96l{\xf9\x87\xec\xc3\xac\xdf}\xad\xd0|\xf8Q:\xb8\xdb\xc5o(tHW\xfa?\xbbA \x08\x89\xa1\x9d\x81{\xaa\xe4\xb9\x94\x12(4Z \xfcEd\x8f\x07\xc0\x85\xd0\xb4\x99\xe4\xde\xf7?\x11V-\x8c\x0f=\x97|\x03\xbd\xe7]\x05\xb0(\xe45L\xba\xfe\xa9O?\xc2R`\xcas\x86\xcb}\xf5]p\x1d\x11\xc1\x8a\xcdXz\xdbmIVA\xcd\n\xca\xc1\xdd\r@\x0f\xc0$\xb1\xc7\xda\xf8\xec&lt;\x91\xf2\xd4\xe33\x15.FV\xdd\xbd\x13\xc7\xac&lt;\x871\xed\x17\x93\x07\xb2\xe9:\xf5\x905\xf5_\x14\x14\x94\x82\xe0\x0fPZ\xd3\xab\x17~,\xe3\x00\x0cL*f~g\xaa\xd2\xe6&gt;\x1d\xa0h\r\xdfF\xe39\x98v\x17\x18tq4D\\\x7f\x05\xc1\xa1\t\xf7\xe4\xc5\xbcZ1\x1dv\x93\x9f\xb02\xc8\xc7\xc6w\xceCD\x89K7\x7fF\xacz4x\xd9]ai\xffK\xf8\x98T\xcc\x9c\xb6\xf3C\xebQ\x07\xc02~\xc7]\xea\xcb\xf7.\xe8\x82\xf1\x00\x11E\xd9\xdb\x8f\xcb^\x11\xd3~\xb1\xe0\xe4\xee\xb5\x87\xcc;\xf8\xe3\xb5\xf4K6\xf7\xedPPs;Fr\xe6\\\x1e\xb1\xea\x11\xf9\x7f\x8d\x8c\xb9\xe4E\xcf?\xfc\x8b\x1c\x19\xbe\xf2!"\xbeV\xdd\xb3R_\xf8\xb2S"\x8d*J\xd6A\xd9\x06a~\x88\xe6\xa8\xc6T,\xcd\xf0:Y\xcb\xb9\xcb;\xd3\xf0\x9b\xb2\xfd]\xb3\x01\xdbP\x9e\xdf\x88&lt;\xd7\xd5e\x1c~\x81\x88\xf8W\xd0\x10\xd0\xdc\xb7C\x99\xd0\x9e\x1c\'\xc1u\xb2\x96#\xe2\xb0\xbc\x07\x02.T\x80\x94\r\xef5i\xeb\x1b\xb7Z\x83\xa0\xacD;\xda\xc0=\r\xc0{\xef#\x94\xec"\x19\x86!\xe2}\xc4\x13oQ\x1aA\xa4\xf0\xa0K\xd9&lt;+\xd4\x99\xd5\x17\xd0\x84\xb3\xc5\xee}\xc4mw\x90\x1a^\xf4\x9ew\xb5J\x83\xb1\xdd\xa6\x9f\xfb\x888\xe7\xc0\xb7j-\xa6\xd7l#1\xfb\xa8\xd2`\x1c\x94\x8c\xa3\x7f\xa7v!=\x16\x1e\xfd\x03\xe0$\xa8\xfcN]\xa6\x9d\xed5\xe72@y\xb1\xfc\t\xb9 \xf0[b\'m\xe8\x1e\x80\xf2\xcbOcT\xe6\x02N\x85PX+\xd3\xadv\xe0)&gt;\x97\x7f\x8b\xf9\xf9P4\xa7\xc3\x84c\x05]\x04\x00\x00\xb0oT\xb0\xbe\xe7\xec\x907\xdbz\xd4\x01\x00\xa0$/\xf6K\xed\xfbN\xbeU#Rx@:\x05\xe6\xa8.T\xa1\xee\x08&gt;\xa5\xfb7\xd57-P\x89&gt;\xf1\x95\xff\x12\x05\xce\xbd\x1eKsp\xaf=\x98o\xdaS\xef\x11\x113G\x1f\xf4\x8a\x1f\x0e\x16uT\x9dV\xb9\xfe\x98\x90\xd4\x19\xb4\xa2\xfe\x9b\xf8\x86x\xf1\x1b\x02T!\x03A\xaa\xfc\rz\xae\x93Xo\xd0\x1c\xa5\xbe\x16\xc6\xbb\x93T\x0c\x85\n\xc3=l+\x00\x00XTO\x9d\t`\rPa\xfc\xa6\x7f\x10q\xd4\xda\xa7w\x11\xd7\\D\x97\xe8\x01`\x9dP\xa3\x95d\xa4\x1e\x9c\xa2\xac\x04\xe5R\xb7\xcbJA\x1b7z\xaa%\xc1\x0b\x89\xd1\x1c\x1f\x9e#f\x8c\xdc\x8f&lt;6n\xe5\x1b\xbb\xe2\xd1\xed\xc6\x1dU\xfa\xec\xff\xcb\xb4\x9fpL\xc0.\xafzl\xea\xe7\x9bT\x96\x14&gt;F\xc8e\x1a"b\xea\x90]T\xa3y\xf5\x17\x82\x1d%\xf7\x18\x04\xe0\xc7\x92\x9a\xaa\x1b\xe7&gt;a\xd1\xf2-Y\xce\x04\x80\xd5\x17\xf2\xbb\x16\x8d\xdf\xf82\xba\xdd"q\xbd\x93\xf9\xa0+\xd5Y\x04\x00g\xdaqc(\xa9\xb2\x03\xa3\xe1\x81\x88\x03\x97H\x16\xe5g\xec\xfe4z\xed\xd3\x1b\x7f\xd03N\xa3 \x92d\x91\xff\xecG\x01\xc6\xc0e\x9b\xf4\xddl\xee\xd3A\xba\xc3\xe7\x01EB\xe5O0\x18\xb5\xe6\xc9/D\xcaO\xf2\xd1\xbf\xad\xd1\xd8z\x0b\xfd\xa56D\xd5\xd3\x18-H,\x11\xf1\xa5FM\xa2\xa6a]8 \xe7\xc2\x87\x88\x1a\xd8~V\x02\xeb\x04\x00}\xfa\xceQ\x87\t\xc7$\xd9*/\xe6\xd97Zt\xec\xaf\x00\xd7J\xca}Y\x81&gt;\xf3\xaf!\xe2\xe4mo\xf9fX\xc0\xf8%M(\x1b\xd6+\xef,\xf7*\xe2&amp;\xff\xa7u\x99\xd0\x9c.\xd3\xce\xce\xdc\xfb\xa5z\xeaL\xb7Z\x83\x15\xb5U\x0b;\xec\xc6\xf7z\rz\xae[x\xe47\xf9c\xc0\xe2[c\xd6=\xdbx\rm\xaav\rM\x9b\xd9w\xfe\xb5R\x81\xdc\xc3\xee\xaa\xc72 K\xc4\xdc\xd4\x926t7\x94i\xc4\xfd|\x12\xde\x95\x8aX\xdcy\xea\x19\xea\'\x8f\xd8!\xecb:\xf4\x8f\xfc\xb6:\x81!\x94\xb8fj\x9fRu\x01\xfc\x1d#\xfb\xad:O\x14\xca\xd4\xee\xbf\xfa\x91\x18\xb1\xae1\x03\xc5\x9ev\x97\x07\x00(\x16Y1a\x14@1\xbe\x89}\x1a\x8e\x03\x08\xd8|\x83\xf8w\xa9$e\xe0\xf6\x1e3/p\xccS\xdf\xad\x05y_\xde\x89b\xc9\xf8\x94 \xdfK\x85\xba#I\xce\x94\x175K\xd4\xf4\x7f3~\x00\xf6qY+\x1c"\xfa\x14tIT\xa0\x13\xfc\x80\xf6aj#\xecq\xc7\x89\xc7\x95$\xcf\xbc\xfb-\xbc1{\xff\xb7\x0b_\xd0\xac\x8a\xda\x88\xd1\xf2\x18\xd5\x18\xb4\xf4\x8e\xb2[\xe6\xcc=\x92\xad\xec\x8b\xdf\xfee#9\x01(\xcf\x12\x0c\x8f\xfc\x83\x0f\x10\x03\x9a\xe6N\xd9\xf1\xfe_4\x03\xae\xd5~I\x9b1l\x8a\x10(1+\xf5\x05\x00\xa2\xd8@\x98\xb9\xe7\xb3\xcc\x7fT9\xf6\x1f\x7f2G\x1f\xaa\xd9fa\xbe\xfa\xfbZ\xd4\x99\xbe\xfb\x93q\xc5\xd6|\xd2\xb8\x00\xc0\x89\xb7\xd4`\x99f\xe3\xa3z\xa5\x91\xa00\xd0f\x1d\xa8\xfaK\xf2/U\xb7D\x95v\xda\xf7=\xad\xe8\x12=\x90\xa6T\xc3\xd2\x13\x94}\xad8]\xd0\xc8\xd67\x7f\xd1\xab\xdf}\xcdm\x9e\xb3\xb1\xd2\xd5\xba\xad8\x83E\xdcR\xc5uEm\xd4k#y\x80s\xf6\x7f\x1b\xbf\xf1%k,\x13&gt;\x98\xd4\x149&amp;\xcf\xff\x03(\xa1\xbd\xc8\xcc\xf9&lt;\xe3#\t$\xb6\xd32r\xc5N\xb9\'\xf9\xa7v\xb3\xae\xca\xa4\x97P\xba\xfe\x8e\xbbt\xd9H3\x80\xe2\xf9\xb2\x84 \xb1!\xd2\x94\xec\xc9\xa7\x88\xe9r\x9d\xac\xe5\x02v"\'ny-\xdf0\x15\xacQ\x0cW\xca\x85\xf7\xbe)\t\x1b\xc2\x85\xca\xb3\xf6\x92\xc06\xf8Qz\xa7\x9bo \x80\x8f:MJ5\x9c\xfe@=\xb7|%.kE\x8dV\xb2(\xf1v\xd5{\xb2\x9enG\xfa\x9b\xe6\x83v"\xa2\x81G\x1a\xbfke\xe7Q\xd5\xe3\x07b\xb3\x01\xdbXNF\xc4ay\x0f\xe6\x1f\xfayS\xa5\x00\xa7Cx\xc6\x1c^\x05`\xa1T\x80l\x19#*s\xc1\xa0\xa5w\x90I+T\xcf\xa5\xb9\xc20\x02J\xd5\x05\xf0*4\x1a\x9flTM\x99z\xea]\xc1T3f\x8a\x84\xaa\xabo\\\x90\xf5\xdcg&gt;\xa8\x1d\xd8\xfd\'\xb0m\xd0|\xd0\x0eQ\xbb\x16\xa7\xb6\xe3\x8e\x94\r\xef\xcdk1L\x13\xaa4\x18\xf7\x07\xf1\xd8+"\xa4\xaf\x15J\xfauJ\x1d\xb2{\xc4\xaaG\xa0WMK\x97\x90!J\x14\xe8\x91\xab\x1fC\x89Z$\x16&amp;X\xc6\xf1IZ&gt;w\xeb\x1bD&lt;\xf0\x14)\x89Z\xcd\xcb\x93oL\xdd\xf1\x1elx\t\x02\x1b\x9f\xfd\x88\x8b\x8e\xfe!&gt;\xbb\xd7\xff\x88p\xb3\xc7_\x8b\xfc\xdcH\xd0\x05\xb5\xe885\xa3M\xdfm\x07/\xbb\x0b\xe0#w\x86M\xbd^s\xaf\x00\x00\xe8W\x07\x87&amp;\xf2\xdb\x93\xbc\xf0\xa2\xf4\xdf\x11\xf1\xcaON\xd2\x8f\x06\xee\xa9`V\x8b\xf1\'\xd3\xcam#Z\xcf\x13Z\x18V\xca&amp;\xe5\xcc\xb9\xacjv\xbb\xe0\xf0/\xf9\x81\xa6uT\x9b\x05%\xfd;i\xa5$\xe2R,b\xf3\xcd\x7f\xdf\xe7\xa9\x0eO\x03\xf74\x00\xd3J\xf5$!\xbf\xc6\xae\x7f^\xd0E\xd2.7\xfe\xe2\xc6k\x98Os;-\xe2\x0e\xe0jS\xb5\xeb{\xc4\rW\xd1+~\x84\xc8:\\F\x11\x91\xad\xe7[\xf8v\x04\xb0\xf1\x8a\x1f1c\xf7\xa7\xc2\'M\xa1[\x8d\xd1\xf7\x9cQz\x86\x05\xbb\xea=d\xfd\x90]\x03\x94\x8a\x03\xfc[H\xee\xbfU\xea4U`\xf1@\x8aWn\x83\x88;\xee\xaaj\x19\x8d\xf9[FX\xd1\xfe_\x12\xca\xb2*ZH9\xf0T\xd1V\xa2\xfb\xcc\x0b\xafh\xed\xb5\x81{\x9a0\xb9\t\xba\xb1+"\x8e\xdb\xf0B`(\xba\x82\xc7\x96\xba\x8b\x99{\xbf\x00x\xf4]p=\xdf\xa6\x0e\x9ab\x10\x8a\x88\xf1\x9d\xc5rY\xe6HQ\x00{-f\xaf\x13\\\xaeF\xef=\x8f\xf0\x0b\xe2\xee\x87\xd8b\xf0.-^\xab \xd1T\x96$4}\x16\xbb\x99d\xfeC}J\xdbn\xa3\xbaQ\xac\x83\xc0k\x14\xadA.q\xe8\x056\xe9\xbb\x05J0\x0f\xe8\xff\xd5\x98!b\xb5\x16\xd3\x01\x00\xc0\x10\xa0h\x01\x17\x87\'\x16~\x1d\x01\xac"3\xe7\x07\n\x0fS\xafm\xf44r3\xb5O\x82\x121\x1c\xce+\xf2\x15\x95?\x03oQ\xe4\x9a\xcb\xd7\x19*7q,L\xfe\xcd|\x91\xbb\x11\xc3\xf0\x1a\x19s\xd5\xa7)4\x0c\xcb{\xa0%oF\xd5\x14\xdd|\x13O\xbd\xd7\xe2\xb4\xbbv\xc7\xa5KO`\xed\x0eK;L&lt;\xfe\x1f\x08X\xa2\r(\xa9+\x81\xe9\xc5\x8d\x1f*\x85\xfa\x8e\x1c#\xfajIB\x15\xe4?\xd8\xff\xf2\x02I\xa5z\xa3\n\xba\x08\x9a`\n%j\xcd\xda\xf7\xb5\xef|\xcd\xa2?\xfe\x8b):c\xcf\xa7\x84\xae\xab\r=\xf8-\x81pD~\xe5V\x04\xe2\xb2\xf3\x1a\xf7\xd9\xec\x18\xd9\x97\xdb\xe9E\x0f&gt;\xc7W\x88\x00\x954\xbc\xae4\x8e;6\x1f\xb4\x83O\xba\x12$\x95\x18[\xd7\x0eB\x13\xea6\xee\xb3\x89\xfd\x8c\xf5W\xb0B\xdd\x91B\xf3\x07\x00\x00\xfd\x10\xf9\xbf\xad\xc4\xbbqv\xfcM+\x8b\xb0\x19\x97\xffTk&gt;\r\x1c\x93\xb5\x96\xbd\x01\x11\xc9\xd1\xec\xd3\x13\xa8W\xc5N\xbbqG\xce\x7fA\xdb\x90\xee`\x10\xa6M3x+\x00\x87\xa6\xfd\xb6n\xbd\x85e\xc3{k\xed*\x05\xcf\xbf\xc8"\x94\xa2&lt;\xe8\x85\x00@\xd9\xf0^\x94\xc7\x9e\x9eKs\xcd\xf3\x8d\xca\\0t\xc5}\xcd\xf3\xc9O\x86\xe5=h5r\xbf\x962\xa7\x1e\xafH\x1d\xb0?\x95\x9bg\xdc0\xb7Z\x83\xc18\x92\xf5|\x1fr\xf2\xd1\x7fD\x88\xeah\\\xa15\xddn\x8b\x0b{\x1e\x8ax\xfb\xfcm\x86\xf5B\xc0*\x01\x0cB\xd9\x03F\x91\xb8\x14{\x1f\xa9)\xa1u\xd5.`\xafR\xb2?\xa6\x9d\x82\x18\\\xf1\xbc\xb3\x92eF\x1e\x05\xfe\x7f@\xe9j\xdd\xc8\x7f\xca\xd7\x19\nV\t\x00\xd6Z\xbaP\xf6\x14I\x84\xc5\xaa\xcd\xa6rN\xa4\x0f`\x0b`\x00z!&gt;\x8d\xc6CI^VA\xbc1\xf7\xe9\xa0\xa5&gt;\xbe\xf0\xc0(\x88\x93O\xc1\xc5\n-o\x90\xb8X\x94\xa1\xcf\xcf\xde \xba\xd7\x1e&lt;j\xcd\x13\xe7\xa8\xfeB3\xf6\x936\xb5\x0c"\xa8\x85\x13\x8f\xd8\xa1\xaf\x10\xb5\xe4\xc5\x81\xf2\xf0NO\x13\xa7\xb5\x0e\xea\x02\xa61\x00P*0\x9b\xe4F\x93&gt;f\xe3\x85\xd8Sp)\x1c\xa4\x9bm\xeaK\xed\x9fp\xc0\xe2[\xa2^\x9d\x13\xbb\x1f "r\t&gt;c\x1f\xd6\xabN\xd6rM\xae\x959\xe6\x90\xc2\x11\xf7\xda\x837\\EU\xfa\t\xff?\x91\xaf\x87D4\xdb@\x9b\xc1n\xf9\x988\xe9V\x03p\x04\xa8|\xf0\x99\xa4\xd2\xa6\x0c\xdc\xae6Q\x95\x06c\x85oW)\xea\xb4\xfc\xe7X|\x1c]\xa2\x07\x90\xff/?\x8d\x00\xe0\xdfxb\xa3^\x1bT\xa7\xb0(@\xa3\xa4|\xa3\x8d\xa4\xb1\xd0U\xe8\x80\t\xb3\xf7\x7f\x13\x9e\xb5]\xc3\xd0\xb4Y"\x153\x1fp\xd7B\xcf$C\xa1\x03n\x98\xb3A\xf6[\xc9\xb8\x99{\xbf\xa8\t\xa6\xa6\'[\xd5\xac\x9a25\xb9\xffV\x00\x80\xd2\x89\xf4&lt;\x7fq+&lt;\xaa0v\x0bh\x9aKS\xf5\x12\x99]\xf7\xb5\xd4\xf7\xb3Q1A\xb6\x92L.\xddF\xa9kd\xc2]{ER\x817\x97\x93\xec\xc3z\x95\xf0n\xa7\xe5\x92\xe4\x1f\x8c\x95\xc12 \xcb)\x8a\x97\x12\xa4\xf8\xd8\x85\xf4h;\xf6\xb0\x8eS\xb3\nuG\x90B2H\xe2X%\x80a8\xfd@\xcd6\x0b\x02\x9bN\xce\xb7B\x16\x1cz!\xc2b\x8c "XR\x11\x8a\xbc\x01\x80]\xe2\xee\xbb\xa4~\xfc\xd7B\xd2*RD\xe2xnR)\x93j"}\x1a\x8e#B\xb8\x8b\x8f\xff-^\xa9\x8d\xf0\xcc\x8bGkV8~\x01b\x05\xc1[qI\x18\xbd\xe6^\xa1w\x96\x89=\xd6\xa6\x0e\xd9%5\xbb\xf0\xaf\xd7m5\x14S\xb9\x80\xec\x1a3\x90Vu\x01\xc0\xd1.\xa4\x87\x91g\xc6\x0f\x94#\xb8\xb9\xb2\xd8,\x0f\xae\xfe\xc4?Z\xed\x1d\x85\x86+\x16\x06YL\x060$\x7f&amp;\xf7\xdf\xfa\x01Q\x8d\xd0\xa6}#\xa9;z~\x8c\x12\xd2\x86\xee&gt;\xf6\n\'ny\x1d\x96&gt;[\xed\xc9\xd5ZL\xcf\xe7\xe1\x8b\xb6i3\xe6\x90\xfcV\x97!@Er\x8f3v\x7f\xe2\x92\x83G\xecP(UW\xbc\x12Yf\x8e&gt;\xe8VkP\xe9\xe0n\x91\x99\xf3\xc1\xacv\x87\x89\xc7U=\xf3\xfa\xdd\xd7TL\xa0[\xfc\x04\xb1lI\xe4\'\x95\xeb\x8b%\xd9\xc6@\xb1+?\x11\x11{\xce\xba$(9\xbfp\xcd\xd2G\xaf\x91\xbeD\xe1GA\x0e\x82r\xa0\xaa\\\x7f\xcc\xc5\xafx\xf9\xbbl\xd9\x80/\xf5\xbb\xaf\xc9\x9erZ\xd3\xf2i\x99\x869\xeb\x15F\xb2\x9as\xf2\x1d""}\xfa\x05\x005\xdb.D\x85\x90\xf5\xb6\r\xf4]Y\x82\x07KF~\xfe\x8d\'m\xbb\x8d\x91\x8a.\xbf.\x94\x84!\x1d!^\x16R\x17\xf0w\x88\xab/\xfcw\xdaw\x00\x97I[^\xf3J\xb0\xec\x14\xfdI\n\x8b\xd2\xca\x9d\x12\xd4\xb5f\xee\xf9\xcc~\xaa\xa5\x7f\x96\xac`\xba\xc1Z.XA\xc2g\x99\xc4\x18\x119\xba\x17ra\xf2\xb6\xb7d\xb2\x1b\xdbq\x99sT\x7f\x00\x1d(\x9b\xb4\xf3\x1e\xd2\x17\x9f(v?\xc0\x91\xab\x1f\xcb\xfe\xb6\x8c\x17\x16MY\xcf%\x85\xa7\x12_\xc1A\xa9\xd8t\xa1\t\xf0j\x19\x99\xaf\xf7\x7f\xd7\xb8_\xd5\x14\xd0\xb3\xcb\xb4\xb3\x83\x96\xde\x11&amp;=\xe1\x15?\xe27\xc3n_\xa1\x0b\x8f\xfa\x1a\xb1\xa8\xa7\x9a\xb8\x08|\xa1\x1a\x11\xc7\x08b\x9fL4\xd1\\\x19\xb6y\xf4B\xa0D-\x00\x7f\xe5L\x8c&lt;3@\xa7*\x80\x0b\xd9\xdf=\xf9\x16\x15\x92o\xb8\xaa\xdc\xff"\xbb\x85\x11;Sw\xbc\x17},\xf2\xaf\xa3^\xb7\xd5g&gt;b\xd5\x14\xee\xa6:\xea0\xa9\t\x8eM\x19\x8e[\xd7\x93\x7fql\\\xfa.;\xb3z*c\xd8\x83\xff\x08\xeb.#"\xd6l\xbb\x90\xc3\xb9n\xae1\x03\xc5\xbb\xb2\x0e\xd1\x97Yz\x12#3\xe7\x87\xa5\xab\xd9;\x8bh5\x8f\xde#\x8c^\xf7\x8c\x9b\x7f\xad7\xfd\x8f\x06=\xd7I\xdf\xbeHB\xa4\xbc1\x02\xab\xba\xa6\xdem9\xa9\x9aPJ\x8f\x8dzm\xc8\xe7\x12\x13\xd1c\xe9_\xe5\x8c+\xc8\x8fYLc\xfee+\xd5\xda\xdf\xf0O\xec\xb1\xf6\xf0\x0bd\xd4g\xf0\x8c\x1f\x9e\xd8c]\xca\xc0\xed\xd4\x9aD@\x93I\x01M&amp;\x81M}\xbb\xea=\xe5\xd7ZY\x11c\xf5\xa9\xc5\x10\xd1U\x0bJQm\xe5\xa0\xa5w\x04\xe7R\xad\xf9t\xa9&gt;\xa8\x07\x91/\x967\xed1\xcb;\xc3\xd8\x01\xff\x0f\x05\n&lt;\xc2\x81O\xd7i\xe7\x98\x8eW\x96\x7fqlJ\x1d\xcbO\xcb\xce\x1c\xb8\xe46\xcf\x02\x98\xd8\x85\xf4\xe0\x99$\x1f\xb6~T\xa1-Chu\xe84\xe9\xbbe\xd3u\xf4N\x1c\x03\x16\xb1\xc5\xbc8\xe9\xe8I\xb0\xa9W\xbe\xceP\x01\x97T\xf1\xd9\xe6\x9f\xc2\x97\x85o\xc7\xf4a{\x87\xe5=\x00\x1dn\xcb*!\xa93\x00\x02\x01\xe0\x05b~\x86\xd7\xc8\x18\xb9\xbf~\xf75\xe4\xff\x11\xad\xe7\xa1\xbc\\C\xdd.+kw\\\x9ao\x85\x91\xa7\n\xe3\n\t;\x95E\x0b\xed\xa2\x8cd\xc5~\xe8\x8a\xfb\x1b\xae"\x93hTQ\x80\xe2\x00n\x0f\x11\xddk\x0f\xb6\xf0\xed8{\xff7\x86\x9eD"2\xcc\x82\xfb\x07\x14\xb2&lt;\xbe\xf4\xa4V\xbdA\x8c\x97\x9d\x94\x94\xff\x1f\xcd\xba\xc3\x9f4\xb1\xe8\x9c\xd9\x97H\x9e\xfd\x17\xdd$GL\xbd\xdb*&lt;\xae\x1dw\xd1\xad\x16C\xd8\xda*\r\xc6\xd6\xed\xb2J\x93\x920\x82\x88\xe37\xbe\x14=[-\xa0G[\x1b\x14\x18\x18X\x13\x1a\xe6l@De\xe3\xd8\xf8\xec\xbc\xdb\x1cGN\x86\xe1\xf4\x17\x9d&gt;l/\xf5\x8b\xb9O\x07\xb0U#&amp;\x9c\xd0u5"\xd2C\xbdY\xf8u\xb4\xa9\xda\xb5tp7y\xb581\tl:\x19\x0c\xfeUf\xbd\x06\xa1\x8d\xfbl\xba\x87X\xbaZ\xb7\xfc\xb2\xbd5&amp;/\xf4\xf8\x1b\x85\xb7/|\x11\x8b3\xfe`\xdb\x00\xc0I\xfa\xa7\x80A\xaam\xa2ST\x7fN\x1e#\xa6\x1a\xda\x01)Q\xaa."fM&gt;%w\xd0"V\xfe$\xba\xd4\x8e\xcd\xac}_\x111\xb6\xd3\xb2&amp;}7\x8b\\\x98"\xa1\xc9\xfd\xd94\xfd\xd9\xf9\xa8\x95iS\xf1\x91\xab%\xb1\xcc_!\xaa+\x9e_x\xc6\x9c3\x1fq\xfcF\xba\x97,)\x15\xfbX\xb8\xf4\x96\x9b\x1c\xa5\xcc\xe9\xf9\x98\x90\xcc3Gs\xb1\x86\xe5\x8fE\x9d\xef\x88|\xad\r\x18\xe90\xe18\xb5\x180,O\x160\r\xca4\x92\xce\x96\xbc\xa8\x83\xd9\x93O\x01\x981\xe63}\xd7\xc7Y\xfb\xbe\x82Ym\xcd\xe5\x9f\xbc\x13\xc7\xca\xc4z8\x0e\x99\x85 n\x88\xc3\xe2\xd2\xf5\x9e\xaa}\xe7_S\xb5N\xf8\x181\xb6\xd32Q\xaf+\xc5\xa2\xce\x8c\xdd\x9f\x82S\xa6*L+\xe5\xab:;\xce\xe36\xbc\xb8O\x9dl(\x8b{\xc1%\xf9\xce{\x88\x88\xc4\xef\x03\x00\xfe\xca\x7fe\n\x96\n\xa2\xa1.2X\xfe\xd00g=\xb7\x13\x8bUk.\xb1q\xf3\x88\xe5\x18\x96F8\xe9\xc3\xf6H#k\x95\x07(\xab\xf4\xbbcD\xebyg&gt;\xe2\xa1\xe7h\xcb{\xe9\x82\x13&gt;\r\xc7u\x9erF\xb3\x19\xacc\xf2w\xc4\x07\x88\x1cb\x84\xf1\x1b\xe5Qa\xc2X\xc2\x195\xed\xbfU\xdd\xc6!\x91\xbd.\xe9\x12=\xe0\xaaT\xbb\xbe\xdf\xc2\x1bw\x10\xe7\x1d\xfaI?\xcf\xb8bk\x8d\x97\xaf-\x04\xa7&lt;\xf9\x0e\xdf\x89\xde\x01;6\xa5\xf7\xa5\x83\x97\xdd5\xf7\xe9\xe0\xd7xb\xcb\x11\xfb\xd4Y\xb4\x19d\xe5J\xe6\x8f\x17\xber(\x15\xcd5\x96\x052\xf6\xaf\x980j\xdde\xb4\xf4\xcfZ|\x9c\xab\xbbN\xe1\xc1#v\x08y,\x8f\x10+\xd5\x1b\rf\xb5\x01&lt;\x00\x1c\xc8\xc1\xe4\x01\xdb\xd8\xabP\xc5\x84Qg?\xe18\x9e\x13VK\x7f\xb9\xc0\xcciCw\xa3\x16c\xd6zS\xff\xcb\xdd\xf6\x96\xdb\x16 \x17J\x82Q\x04"n\xba\x8e\x03\x97\xdc~\x82\x18\xd0\x84Ql\xb5\x12"\xae\xbf\xc2Z+h!\xd6\x05\x90&gt;l\x8fB\xc0\x18Z\xef\xab\xd6\xeb\xc9\x00\xc0\xd9\xcc\xa7\xfd\x07\xa5\xc0\'/%9x\x01\x80M\xd5\xae\x8a\xe9,\xe3\xa8\xab\x94\xf4\xef\x04`9q\xf3+TB\x93\xfb*\x08\xca\x80M=U\xbf\xb5\x9fp\x8cfR\xae\xcfqr\x12\xddnQ\xf6\x94\xd3S\xb6\xbf\x1b\xb1\xea\x91\x08\x05T"\xa6\xddb\xfa\x12\x88\xaes3\x96\x93O\xbc\x91\xbd\x9a\x07\x88\x00&amp;\xa2\x97\'2s\xfe\xdaK\xb8\xeb&gt;2\xd4\x19.\x98T\xca&lt;\xf0LV\xca\x89\x9b_1\x9d\xe5\x03\x96qNQ\xfd\x10\xb1lx/\x1e\xb9\x1b\x84\x89[/\xa7\xef\x92\x04\xee{\xc8\\\xe3+\x14d\x90\n\xebz\xeeL\xeb\x96\x9a@\x0f\xba\x87\x88\x1e\xb5\x87T\xa8;\xb2\xf7\xbc\xab\x88(Q\x08\xd2\t\x06\xa3\x1aY\xb9\'}\x1a\x8e_vJ\xf19;D\xf4\xe9:\x9dq\xcfL#\xfc\x92&amp;\xdaU\xd7\xcap2_(w\xe9\x1b\xce\xdc\xf39\xa6\xddb\x00?\x80\xe2`\x1c\xa5\xe7\x92\xb2\xf5\x16Vi0\x96Cr\xfb\xfb\xcak6\xac\xc4w\xceCD9\xcf(\xbb\x86\x0e\x11\x1c5/\xb9b\x1d\xd4\xc5\xb8bkC\x8ftz5\x18\x96\xf7\xc0IQ\xfeE\x03\xdb\xbd2\x8dH=\xfc\x8dx\x0b\xb1\xa4\xfc\xa8\x82\x02\x11\xa3\xdb\xb2XYz\xec\xbc\x87\x9a\xad`\xbb)_\x11\x11?\xa8ogl\xd8#d\xb3(\x0b\x0eY~\x8f\\%g\xcee\x00\x1b\xe5\xae\xb7\x00:`\xd5\xbev\x1ci6`{\xb2tk\xa6z\xdaLD&lt;/\x89\x8f\x8a\x0b\x8e\xfcF\xc4I[\xe9\xa6\xef*\xb5\xa5\x16\x1f\xc7y\x87~:F\xf6K\xec\xb1\xee\x1f\xc4i;?\xb0\xba$h\x06w\xe1\xf7b\x11JoG\x1b\xea\x8a6\x91\x99\xf3W_\xc0n3\xce\x0b\xd9\xef\xd7qjF_\xb1drcwn9|o\t\xefv\xe4\x84?\x88&lt;\xa7\x89Bc\xc2\xabp{\xa5\x02\xd7#b\x9f\xf9\xd7\x04f^`\xf0\xd0%@D\x12J\x96\xf0\x15\xd1\xcc\xa7}T\xe6\xfc\xa9;?,:\xf67(yr\x99\xd0\x9e\x88\xf8\\\xae\x86)\xb6M\xffC\x99w\x889\xb3\x85y\xdf\x81O\xc3\xf1\xe9\xda\xb7`\xec\x00\x00 \x00IDAT\xc3\xf6\xd0\xa2.RT\x02\xd0gLr\xfd\x0fy5\xda\xb6`\xd2\x05\xd3\x18(Q\x8b\xbe2\xac\x1c\x8bL\xc7\x89m\xc6\xa0\x0e\xabG\xd2\x9a6q\xcb\xeb2\xa1=UH\xb3\x15g\xcb\xc3&gt;i\xff\x131;\xaa\xca\xf5\xc7\x90"u\x98pL\xc4l\x15(_g\xe8\x8e\xbbh\xe1+\x91\xdf\xfa\x89x\x13\x19\x00\xf3X\xf6|\xc4\xc2\xc83c\xd3u\xec1\xf3\x82&amp;\xdb\xc3\xfd\x17\xde\xe8:\xed,\xf9?\xe3x\x82\xa3\xe5\xe3\xee\x07\x8a\t\x05\x17\t\x00\xa0L#\x03\xf74\x8dr\x00\x00\x80\x94\x81;\x14J5q\xf3\xab\xa4\xde\x1b\x01\xf4\x00\xfc\xda\x8d;J\xbdMU\x04\xa7p\x11\x03p\xad\x93\xb5\xdc\xbd\xf6`\xb0\x12`\xc7Z"\xc6&amp;\xb8+\xfb\x1e\x03\x19\xfa\x11k)\x82\x9e\xabZqc!^\\t\xf6?ET\x11\xe5&amp;\xac\xe5lR\x8ce\xa7\xd4\x98;r\xc4\xa7\xe1\xf8;Z\x1e\xba\xfeFDDj\xf7\x91c\xaa\xa8\xcc\x05`\x1aM=\xf6\x97\x88\rs6l\xbb\x8d\x17\xbf\xe1}\xc4n\xd3\xcf\x1fSZ\x03\xcb\x99}\x19\xc0\x17\xc08u\xe8n\x9b`AK"\xff\x0e*\x99T\xca\xac\xddq\xe9\xfe\'\x98\x9f\xde&gt;\xc5+\xb5\xf9!1\x98R\x8c\xe6\x16\x9e1\xa7\xc5\xe0\x9d\xaa\xf6\x865\x0c\xa9Y=m\xe6\xaa\xf3x\xfd\x0f\xaa\x8b\x15\xe1\x06e\x1a\xaa\xcbL#\xef\xb5\xa1+\xee?E\xbc\xf6\x0b\x17\x1d\xfds\xf9\x07\xa6\x0e\xd9\xcd7\x07\xaf\xf8\xe1;\xef\x8b\xf6\xb9e\x8e9D\x8c$\x0e\xbd\xd0\xf6\xec3\x88\x98\xac*aV:\xb8\xdb\xfe\'\xd2\x8e\'\xbfj#\xf1\\?\xf8\x1c{\xcd\xbd"xb\x97:dw\xad\x0eK\xc8\xff\x95{\xdf\x0b_P1\x9e\xb7\n\xaa\xa7\xcex\x81\xf8[\x9a\xf0\xa3f\xcd\xe9\xe1\x97\xa4\x91\xd4T\xc562s\xfe\xc6k\xb2\xdb\x99\xb6\xf3\x83\xf2=\xb2X\xdd\xde\xe6\xdaV\x9bp\xd8\xbae\xc7&gt;\x89\xc5\x0c$\xb9\xffVDt\xaf=\x98\x94\xf8+[\x99\x88\xf4\xa8Y\xfd\xeek\xc08JA\x95\x82\x17\xbe\x8d\xc6;\xd7dVN.\xe9\xd7\t\x11I\x85O\x15\xc1\xefE?\xef,\xda\x86h1\x9al\x85\x84\x91\xe4\xd1}\xa6\xde:O\xce\x7f\xc1\xf7D\xd1\xa6D\xad\xd2\xc1\xdd|\x1a\x8ek?\xe1\x98O\xc3\xf1\x0fQ\x91/\x88\x8f\x10\x83S\xa6!\xe2_D\x00\xa8\x9c8\xa6\xdf\xc2\x1bb\xdcG\x01zS\xc8\xd1v\xeca\xfa-\xe7n}\x03\xa0\x9b\x8fS\x7f\xb2\x8dd\xa2\xeb\x9c\xa2\xf4\x93\xb6\xe4&amp;*\xd7\x1fM\x9axj\x02\xaa\xf2T\xed)dI\x0c0\xcdA\xbf\xfa\x82#\xbfN\xbd\xc7;\x88Sw\xbc\xe70\x1cWFn\x9f(\xa9\xb7\x9a\x90J\xaa\t"OCC\xd92\xfe\x14\rn&gt;m\xc9\tL\x1f\xb6\x07\xc0\xae\x88[*)\x86\xea\x08\xdc\xe2\x13\x9f\x9d\xb7\xf4\x046\xe8\xb9\x1e\xec\x98\x87\\\xd3v~P\xbf\x1fg\x18N\xa9\x9b)\xb4$\xf2V\x0b\x1c\x15i\x8c]\xa2\x07X\xf2\x0c+\xa2\x8c\xbeks\xdfF\x13\xf8\xa4\xb0\x07\xf0p\xab5\x08\x0c\xc3e\xdd\xb6i\x0c-\xcc\x17\xb1@*1p\xc9\xed\xbd\x8fd\x1f\x11\xaaYC\xad\xa0\x89e{X\xfa\xac\x88V\xf3\xd4\x9f\xc7\x05\xd3\xcam\xc8\x060"\x82=c\xb4pC=\x97\x14\x05\xabH\xaf\xf8\xe1\xe2\\^\xb141\x8f\x11\x01\xac4q\x0c\xcd/\x8c\xac\xabv\xa1^6\xa5\x00\xc0E-O\r&amp;dm\xa0,\x00\x80Y\xed\xd1k\x9f\x0e_\xf90u\xe8\xee\x81Kn#\xe2\x8e{\xc8\xaa\xcb\xcd\x17\xc3+?Q)(M\xfe\xe0\xe7\x15?&lt;u\xc8.\xba\xd9\x0ey\x86\x0f\x11\xaf\xfdFD\xdc\xff\x14M+\xb7\x1d\xb8\xe46\xd8\xd4\x07p\xf4\x8c\x1b\xceO)^ z\x02m.\x84\xe2\x18\xd9\xef\x0b"\x11\x0c9\xf7YeC\xef-\xdc)\x8e\x87\xc3F\xed\x8eK/\xff\xc0\xd9\xfb\xbf\xddG\x1c\xbf\xe9\x1f\xa1W\x94\xb0\xe1\xaa:UK\x15P\xfb\xb2\x02\x06\xb5\x9a\xf0\x04eXW\xedR\xacB+b\x0e\re%\x02\x8a\xd5\xd3f.9\x8efU\xda\xe7g\xa9\xe8\x90]\xc5\xdc\xado\x94\x7f\x8a\xef\x9c\xc7\xe8\xef\xd0m\xc6yz\x07,3\xd1\xd7\xadV*Px\x9fj\xe4\x95\xc14T\x15\x0f\xfbF\xe1\x19s\xdcj\rn7\xfeh\x8b\xc1;\x11q\x16\x91\x82\xd7\xaf\xae|\xae\xb9o\x87\xfa\xdd\xd7\x94\n\xc8N\xea\xbdq\xd6\xde/\x0f\x10\xa5\xf2\x00\xe2s\xf2\x1dN\xdd\xf1\x9e\xe5\x04\xbd\x05G~+\x9b\xed\xb00,\xefA\xaf\xb9W\x98\x7fshr\xf1\x1b"b\xdaP\xdeKR\x82P67/\x8c\x1c~\x89W\x7fJ*\xf4\x8d\xbf\xc8\xd5UQs4U\x8d\x96#,}6\x83~\xba\xd61\x00\xd0\x05\x9b\xfa\xe4qM\xa0\xb5\xf2\xae1\x03\xbd\xe2G\x00\x00\xd8\xd4\x1f\xb1\xea\xd1\xf2\xd3\xb8\xe9:J\xb7\x15\x9d\x89\x06\x1e\xeb:\xcd\xbf\x14\x83\x89\x9b_\xc5w\xce[t\xec\xaf\xea\xdd&amp;o\xcd\xbbC.\xb8\xd7\x1e&lt;q\xf3+(\x11c\x15\xd4\xb9Lh\x8e\x86\xb9eO9\r\xe5(#|\x1e\x83\'\xad\x05\xa4R\x8dY\xad\xb5\x97\x94g\x8a\xc5\xa2\xda,\xa0;\xa2P+\x9fZ\x8a&lt;\xcf\x01\xbb\xf1\x1b_B9\x89\xb4d\x87\t\xc7\x10q\xdbml6`[BWU\x8e\xec.\xf7\xc5\x7f\x9e\x12\xef&gt;\xcb\x00f{=\xcd\t\xcf\x98\xd3\x7f\xd1M\xb0o\xe4\xd3p\xfc\x16\xe9\xb6\xbcST?\xff\xc6\x13\x99|/\xcd\xdcj\rJ\xe8\xba\xaa\xdf\xc2\x1b\x0b\x8e\xfc\xee"\xdd\xff\xd6\x06c\xd7?g\xd3\x80\xeb4\xe9\x84x\x0f\xda\xdc\xb7\xd1\x04\xea\xcd\x89n\xde\xa9D\xd9\x94\x81;\xfe\x15\xd6Fwi\x15\xda3n\x18\xf5\x7f\xb7Z\x83\n\xbah\\\xf1i8\x9eQ\x81+\xdf\x98\xb9\xf7\x0b"\xaa\xd8\xb94\to9{\xfc\xc6\x97M\xfbm\xa1\x1dt\xa2\x9esd\xe6\xfc|*e~\x91=\xf9\x14".8\xf2\x9b\xe9G\xb7\xedw\xc8\x17\xad\xf5\x90\x18\xfa\xae-\x02\x9a\xe6\xba\xc6\x0c\x0cJ\x9e\xec\x97\xa4&gt;(!;\xab\xce\x93\x05\x9b\xd2\xfa\xae-2F\xec+\xe2\x96\xcaqS\x8dz\xd1T(\\\xd1\xb1\xab\xdeS\xf2\xbf\xa25\xa6\xeex\x8fJ0\xa6j;\xf6\x08\xf9u\xcd\xc5B0\x10,Q\x8b*\xed\x98\xf5\xcfU\x9fgO\x9d\xa6$g!\x10\x12\xc3\x03%\x8ac\xe2\xba\xa4K0\xf4H\xaf\xd7u\xb5ST\xffg\x88D\xde\xf1&gt;\xa2_\xd2\xc4\xd1k\x9f*\xd96\xe9\x00\xf86\xea\xb5\xe1\xdcgD\xc49\xfb\xbf\t\x13\x06\xe6Ht\xbbEl"$I\xbd7\xb2T \xee\xc4vZ\x06&amp;5\xedCs\x10q\xc3U\xe2\x1a\xa8]\x89\x1c\xe2\t&lt;{\xff7\x15K\xd0\x9c\xac\x06\xf2\x07\xf2\x84\x9f J\x02\xde\x81\xfb\x0fD\x80J\x05\\,\x00\x00\xa8\xdal\xaa\x7f\xe3IBR\x8a\xa7\xd8\xae1vd}!.{\x05\xed\xa0\xcb\x80\xc5\xb7\xc8\x93\x1f\xbe\xf2\xa1x\xd7**^V\xc2!\xbe"\xa5\x83\x99\xfb\x1b\xc9\x17mLy\xa7\x94l5r\xbf\xb6\x8abR\x93\x8a\x1f%8\x0f\x12\x1c\xec\xcaO|\x89x\xfa\x03~\xa3\x99\xf4s\xcdBcW\x1c\x16f\xed\xfd\x82\x88I\xbd7B\xd9\xc6\xdbe\xee\x08\xb4\xdeWQ2\x88\xa2\x049\xe1\x8bv\xa7\xe6&gt;\x1c}L\xca\x84\xf6\x9c\xb6\xf3C\xf3A;X\xce\xa1n\xea3o?\x17\x16\x0c\x17\x1f\x97=\xae\x8c\x11\xfbD\xcaV\x19\xbb5\x17\xb1I\xdf\xcd\xe9\xc3\xf6\xd4\xeb\xb6\x1a\x8c\xa3\xe8\xba~\x94\xeb?\x1d\xf6\xa7\x91\x0f\x94~\x86xX#\xd3A\xf7"n\xa9Qm\x16\xf4\x9a{\x05J\xd7\xa7\xcbIj\x13\x0b\xf2\xf8\xde!\xee\xbc\xa7X\xf8y\x07\x7f4\xe8\xb9\x8eGf\x96\xf1\xeb.k\xeb\x0b\xf1N\x1c\x8b\x88*\xfc4\n\x102\x0e\xf5\x7f\x88x\xf9\x07j(\x89P\x18h\xdao\x8bt|C\xc7\xda\xa5\xa6\xc0\xc0SL\x14\xb8\x062w(I&lt;\xe88\xe9\xc4\x04f\xb7~Q\xb0 }R\xa7\xdc\x93\xf4\xa3\x95\xea\x8d\xe6\x91\x87c2\x00t\x9fq\x9e\xeaw)%Uq\xcb*\x0cR\x92\xeb\x7fp\xe8\x8a\xfb\xca-8{\x8b\xb7\xfe\n"\xa2\x85\x9f\xf6ZE\xdd2\xa19\xb2\x9dZ\xcd\x98\xb0\xe9\x1f\xd9\xa8B\xaf\x1a\xfd\'\xd3\xcamM*fj\x92y\\\xf6\x8a\xa7\x88\x88\xd8o\xe1\rvu\xfa\x8a\t\xa3\x00\\\x01*\x03\xf8\xbb\xc6\x0c\x02\x830\x86\x93\x1c\x93\xd5M\xa6\x15]c\x94\xdf\xddcDR\xf7\n\x92R\x01\xd9\x9a\xac.\xf6\x9a{\xa5\xfb\x8c\xf3\x88\xb8\x90yAL+\xd4\xed\xb2Rn\x04j\xabq\xccs\xebz"\x14K\x0ec\x00\x18\xb4\xf4\xce\xa9\xf7\x85\xa2\x11\x91GO*\n]\x96&lt;\xc0\x95\xe7x\x15\xb2\x8c\x1a\x17\xcf\x02\xa3r\xce\x9c\xcbr\x07\x0c\xc3\xc5X97s\xd4\xfa~\x8a\x16\x99\xba\xf3\x836\xed_\xac\xe6\x1e\xfcQ\xaf\xdb\xeay\x07\x7f\x8c\xdb\xf0\x02\xc0\xa6I\xdf\xcd\x92\xaf\x92{\x08\x10p\x07\x80n\xd3\xcfQ_t\xee\xd67\x88\xd89\xffB\xb4\xb1\xf1IZ*\xba\xdd\xac\xac\xf1)`|X\x941xa\xea\xdd\xf6\x9c\xf4V;N:!\xf7\x9bq\x14"N\xdb\xf5\x912\x96\xe6\x8f\xc7\xe6\x1b\xf8\x1aq\xec\xfa\xe7U\x9bMa\xd9\x1f\x19\xbb\xfe\xf9\x13D#\xcf\x8c*\r\xc7\xa5\x0e\xd9u\xfe\x0b\xee{\x82A\xcd\xa6\xc8v\x1b\x8bE\x123\xd6\xc5\xc7\xfe\xf2*\x81\x82B\xfe\x13D\xa7\xa8~\x94\xc5\xdc\xbf\x15D$\xe3\x1a-/\xb3\xc8A4\r\xe8\xfcF,_g\x98\xd0\xfc\x8cD\x91\x1a&amp;\x044\x99\x14\x999\xbfx\xa56]\xa6\x9eE\xc4\xdb\x05\xff\x892!sS\xf1\xb9\xfa\x0b\xab5\x9f\xce\xd1\xbf(s\xf4!&gt;\xed\x8e-"\xd6\xc8\x98\xcbd\xc7/\xfeZn\xf1\xcam\x96\x1c\xa7\x17\xac\xca;\xc4\xf7j\x8bZ,\xb2\xf0\xadO\xfc\x9bp\x8a\xea\x07\xe02a\xf3\xabay\x0f\x00t\x82\x9bOC\xc4\x9b\x88\x00\xe5\x01\x8aO\xde\xf6\xf6\xd2w\xda+P\xed\xe8\xd8\xb8\xcf&amp;D\xfc*Q\x90\xf6\\u\x9e\xd7\x87\xa3\xab\xd5=\x1d\x9b\xe0\xae\xddg\x9c\xef(\xb5\x98\xa1H\xd0BL\x0e\x9e\x04\x89\x14\xc5\xce\xfd0\xcd\x98\xcd#V)\x12Q\xc98\xb0k(8\xa6\x02el\xe4\x97\xa4\xc6\xb3\xa8\xdd\xb8#\xe37\xfdc\xe0\x9eV\xc4\xad\x85W\xdd\x11gh^\xbb`\x95\x00\xe00^:M\x17\xb0\xcb9f\x9dL\xee\xf1\xd8k\xf4o2\xa9\xc3\x84c\xe2\xcau\xb9\xd7\x1eL\xdb\xfd\xd1:f\x88x\xe0)"\x83\x02\x9c\x1f@\x05\x80*\xd6U\xbb\x88~\xd5r5z\xcf?\xf4S\xb6\\\x82\x88\x88\'\xdf\t\xec\xea\xb6\xdcB\xf1\x04Ku\x11q\xda\xce\x0f\xb5:,\xe93\xef*"_\xdf\xe2\xa2Z\xb5\x08`\xc3\x90i\x9dG\x91\x12\x87\xa4\xab\x84\x1cs\xed\xbf\xe8f\x95\x06\xe3\xa0T\xdd2\x94\x19\x0b\x04\x89\xb5b\xa6\x16\xa2xR\xb3\xcd\xc2|\xb0H\xd2\x1e\x15\x13Fi)\xe79\x07\xbe\t\xf3\xfc\xe1\xce\xcas\x88\x88\xa0\x13\x0c`\x04\x10\x18\x97\xbd\x82\xb6\xda\xa4l\xa8!\xc4s\xcc\xaezO\xb2\xd2+\xea|T\xc1\x99\xdb\x8b\xac\xfa\x0c^&amp;3\xa9l\xdcG\xb0\xe3\xb2h\x047\x9f\xc6\xb2\x1c\x95\xd8c-g\x85\xac\xaa\xd4}m\xb9\xa9\x8d9\x83\xef\xcas\xd8\x9e\x83HY\xa7I\'\xe2;\xe7\x81i\x0c@\xa9\xd2\xd5\xbaQ\xb2\xff\x88X\xa2J;\x00\x80"\xa1&lt;t(\x19(\xbf\xf4$"\xe2\xc4\xcd\xafZ\x8d:\xd0\xa4\xeff^\xba\x84\xea1\x08\xd3\xd0=\xc7\x8f\x83\x92\x80!y\xeb\xb5;.E\xc4\xfbH:\xb0\x92\x94G&lt;"\xa6\x0f\xdb\xd3l\xc0\xb6\xc9\xdb\xdf-;\x85\x00.\x00\xa0\xe3\x94\xdcr\xf8^u9s\xc6*a\xd2\x96\xd7H\xa3v\x07\x96\xf0\x85,\xbd\x9a\xa9\xb8\x9f."\x0e\xcb{\xf0\r\xf1\xf4\x07\x9c\xb4\xe55\xaf\x809\xd5\x9aO\xcb\x9erZ_\x88\xa6\x81\xc6p\xf3\x94\xa8\xdal\n"\xb6\x19{\x98w\xfe\xe6\xb1\x9a\x8b\xda\x08A\xb7\x9a\xb6\xfb\x18\xadR\xc4=\xf5\xf0\x0b\x04\xfb$\x00W\xf1s7\xab\xadB\xd7\x893\xfa!\xaal\xc1h\x90\xb9\xa9\xb6\xde~\xe7\xa9\xb20\xce\x9a5\xcd2\\c\x06Q\xff\xef\xbf\xe8&amp;"\x92H\xf5\x0e\x11}\x11\xf1\xe27\x04\x9b\xfa\xaaS[\x82y,\x80\xff\x80\xc5\xb7\xfc\x9bL\x12\xa5&lt;\x04\xbf\xa4\x89\xa4-\xa5\xc1\x162d\xf8\xca\x</t>
        </is>
      </c>
      <c r="E548" t="inlineStr">
        <is>
          <t>&lt;class 'numpy.ndarray'&gt;</t>
        </is>
      </c>
    </row>
    <row r="549">
      <c r="A549" s="1" t="n">
        <v>547</v>
      </c>
      <c r="B549" t="inlineStr">
        <is>
          <t>steps_per_sec</t>
        </is>
      </c>
      <c r="C549" t="n">
        <v>7900</v>
      </c>
      <c r="D549" t="inlineStr">
        <is>
          <t>5.340832</t>
        </is>
      </c>
      <c r="E549" t="inlineStr">
        <is>
          <t>&lt;class 'numpy.ndarray'&gt;</t>
        </is>
      </c>
    </row>
    <row r="550">
      <c r="A550" s="1" t="n">
        <v>548</v>
      </c>
      <c r="B550" t="inlineStr">
        <is>
          <t>Loss/localization_loss</t>
        </is>
      </c>
      <c r="C550" t="n">
        <v>7900</v>
      </c>
      <c r="D550" t="inlineStr">
        <is>
          <t>0.0025467768</t>
        </is>
      </c>
      <c r="E550" t="inlineStr">
        <is>
          <t>&lt;class 'numpy.ndarray'&gt;</t>
        </is>
      </c>
    </row>
    <row r="551">
      <c r="A551" s="1" t="n">
        <v>549</v>
      </c>
      <c r="B551" t="inlineStr">
        <is>
          <t>Loss/classification_loss</t>
        </is>
      </c>
      <c r="C551" t="n">
        <v>7900</v>
      </c>
      <c r="D551" t="inlineStr">
        <is>
          <t>0.10436705</t>
        </is>
      </c>
      <c r="E551" t="inlineStr">
        <is>
          <t>&lt;class 'numpy.ndarray'&gt;</t>
        </is>
      </c>
    </row>
    <row r="552">
      <c r="A552" s="1" t="n">
        <v>550</v>
      </c>
      <c r="B552" t="inlineStr">
        <is>
          <t>Loss/regularization_loss</t>
        </is>
      </c>
      <c r="C552" t="n">
        <v>7900</v>
      </c>
      <c r="D552" t="inlineStr">
        <is>
          <t>0.038208038</t>
        </is>
      </c>
      <c r="E552" t="inlineStr">
        <is>
          <t>&lt;class 'numpy.ndarray'&gt;</t>
        </is>
      </c>
    </row>
    <row r="553">
      <c r="A553" s="1" t="n">
        <v>551</v>
      </c>
      <c r="B553" t="inlineStr">
        <is>
          <t>Loss/total_loss</t>
        </is>
      </c>
      <c r="C553" t="n">
        <v>7900</v>
      </c>
      <c r="D553" t="inlineStr">
        <is>
          <t>0.14512187</t>
        </is>
      </c>
      <c r="E553" t="inlineStr">
        <is>
          <t>&lt;class 'numpy.ndarray'&gt;</t>
        </is>
      </c>
    </row>
    <row r="554">
      <c r="A554" s="1" t="n">
        <v>552</v>
      </c>
      <c r="B554" t="inlineStr">
        <is>
          <t>learning_rate</t>
        </is>
      </c>
      <c r="C554" t="n">
        <v>7900</v>
      </c>
      <c r="D554" t="inlineStr">
        <is>
          <t>0.079934984</t>
        </is>
      </c>
      <c r="E554" t="inlineStr">
        <is>
          <t>&lt;class 'numpy.ndarray'&gt;</t>
        </is>
      </c>
    </row>
    <row r="555">
      <c r="A555" s="1" t="n">
        <v>553</v>
      </c>
      <c r="B555" t="inlineStr">
        <is>
          <t>train_input_images</t>
        </is>
      </c>
      <c r="C555" t="n">
        <v>7900</v>
      </c>
      <c r="D555" t="inlineStr">
        <is>
          <t>[b'640' b'640'
 b'\x89PNG\r\n\x1a\n\x00\x00\x00\rIHDR\x00\x00\x02\x80\x00\x00\x02\x80\x08\x02\x00\x00\x00\x83\xaf^t\x00\x00 \x00IDATx\x9c\xec\x9du\x80\x14G\xf6\xc7\xdf\xba\xef\xce\xba\xbb\x0b\xbb\x0b\xcb\xbaa\x8b\xbb\xbbkp\x87\x00\x01\x02\x04\x8d\xa0\x01b\xc4=\x81\xb8\x13\xbd\xb8\xbb\xcb%\xb9\xf8%\x17\xbb\xe4\x92\xdf\xfb\xfd\xd13\xb3\xed]\xd5]\xdd=\xbb\xcc\xe7\x8f\x84\xed\xa9\xae\xae\xe9\xe9.y\xf5\xde\xf7\x01x\xf1BH\xe2p\xf3\xaf\xe1c\xfe%\xbc\xd8\x8b\x0fD\xf6\x03\x00\xf0o\xb2\xb1\x11\x88\x88\x8866\x00\xc2\xfa(}\xe2j[\x85\x95\xcd\xa1"\xb9q\xa5\xddM\xb0\x87\x80\x82izO\x8d\x82\xf8!\x00!\xd2\x0f\x8a\x8d4\xc8\x8b\x17/^&lt;\x86"\xbb\x1b\xc0\x00D\x84\xec\tv\xb7\x02 \xb0\xd5\xe2\x0b&gt;\xfe/\x84\xf06\x8b/\xea\xc5\x8b\x17/g\x0e\xc9v7\xc0\xa3Ys\xec\xd5E\x17&gt;\xcd\xae\xbe2\x03\xe7\xca,\xd7L\x05\x11\x83Kf\xf2\x0ex\xa0=,\x9e\xa8TX\x1f\x80\x04\x93[rF`\xbdy\xa0\xca\xf2+z\x08]\t\xcbM\xdct\x8f\xa9\xed\xf0b2Qv7\xc0\xf3\x89\xb4\xbb\x01\xf6\xe0_0Ux\xc0\xe41,e\x94\xfa\xe7\'\xdf\xd4\xdc\xa4\xf0\xe5\xfd;\xd6`s\xbc\x88\xb1y\x97\xe8\x8c!\xa4t\x96\xddM\xf0\xe2\xc5\x8b\xadD\xf6\x13\x8da\xd1U\x0b\xedj\x0b\xc7\xe9/\x10Bz\xf2\x8f\x04\x15\xcd\xb0\xab1g"\x88\x08\x90ew+:=\xc1|\xf7\xae\xdc\xb6s\xeck\x89\x17/^\xceTd\x16\xc4\xb1\x88\x18W\xb3\xc4\x86\xc6xqQ%\xb7\x0e\xce\xb2\xbe\x1d\x9d\x95\x8c\xd6u\xac\xab4\xb2\xef\xe5\xa1x\x8d1^\xbc\x98\x0f\xa5\x199v0"&gt;\xfa\x85\x15\xef\xa6\x07\xee\x87[\x86w\xd7\xca&lt;\x02\x01\xfc\xecn\x83\x87\x90ow\x03,\xa3\xdc\xee\x06pt\xb1\xbb\x01^&lt;\x8b\xc9\x9b\xef\xa5)\x9e\x0e\x10\x08\x00\x00\x91^\xd7B/\x9d\x00_\xed"g\x1c\xc1v7\x801\x888q\xd3\xdd\xb2\x1f\xf9\xe5M\xb1\xb81^\xbc\xc8r\xea-\x04HU)\x10^&gt;\x17\x11#+\xe7\x03\x00@$@\xa65\r\xf3\xe2\xc1\xf8\xd9\xa9l\xe0\xc5\x8bA\xe2k\x96Zw\xb1\xce\x1do\xea\xd3`w\x0b:07\xbd\x8c\xfbN~\xa5U*\xb5x\xd0v\x80\x88\xaf\x10\x111\xb8x\xa6Vy/\x8c\x89\xb1\xbb\x01\xd6\xd0M\xf1\x83\xd1\xe73\xbc\xcc\xad\xaf!D\x0fdXag\xe2\x8d?\xbd\x1b\xc0^\x98\x93fw\x03&lt;\x19\x07A\x99\x80_\x10\xed\x97T\xf3b\x15\x95v7\xc0L\xe2\x87\xba6T&lt;\n\xafN\x9cid\x8e\xb7\xbb\x05g4\xd1\xddt\x04\xf9D\xb3oG\xc7%\xac\x0f7\xfa\xe6\xf5\xddlwS\xbcx\xf1\xe2)TZu\xa1\x00\xbd\'\x16\x03\xd4\xb1l\x88\x17=x\xfd\x86\x0c\x92\xf1\xf2/\xb6/\x7f\x95%\xc5\xbd\xb0\xc4r]V[\xb0\xfbi\xee\x18\xf4]p%"\x02\xe4\xd8\xda\n\xfd\x1es\xd1\xdd\x16"\xe2\x8e\x1b?e\xd8\x1a/^\xbc\x9c\x81\x04\xd9\xdd\x00[\x08\xb3\xbb\x01\x8at\xfa!\xfcs\xc4\xa2\x81\xe7*}\xdaA\xbe~\xbao\xeed\xbb\xdb\xe0\xe5L\x863\xde\xc8\xc4\xa1\xf5\x9as\x99\xfb%z\xf6\xdf\xe4\x0b\xdc,6\xed\xf2r\xe6\x11aw\x03X\xc2t\x04\x92_\xe4\xd9;\xc8!bx\xf9\\\x95O\xadl\x8c\x17/\xd6\x92\t\xd0\r",\xf2`\'v\xb0\n\xf0\xbew^:\x03\xf4.\x85%\x06\xae\x96\xae\xf2YD\xc5\xbc\xb8jO\x94\xa0\xbb\xf1%\xef\xab\xee\xe5\xcc\xa1\x0e\x12\x87\xbf\xfe\x07\xba\x19\xbe\xf2\xe6\xae\xa3\xf6\xda\xdd*!\x81-f\x0c\xc0F\xba6/^\xa8\x19\xbd\xf6vD\\{\xc9\xeb\x94\xe7y\x9a\x90V\xb8\x99\x95{\xbd\xb2\xbdP\x83\x88\xacC\x0c\xda\xb7\xde\xe2k\x96\x9e}\xf9[L+\x07\x08\xed\x9d\xdd{\xe3\x94-\xf7\xa1\x02\x1b\xafx;\xb7m\x13@6\xe3\xeb\xda\x81WgQ\x1d\xb7\xb0pg\xd2i\xf2\xb8|g\x9f!\xae8\xfc\xa2V\xa9JI\xc22M\xa3k\xa9\xd2\x07\x136\xdeE\xd64\x8f!f`g\x0cE3u\xbe\xe2\x05\x00\x00\x12\x86\x99Wwl\xf5b\xba\x13|\x1b5\'\xcdO\x7f\xaf4\xf2\x8a)\xe8\xb7Ew\xcbi\x08\xac\x9dx\xc0\x92\x0bY\x88\xd7n~\xc6P\xa1]$e\xa4O\xceD=u\'\x0cU\xfe\xccQ2x\xbb\xf2\xa7\xa9v&lt;\x81\xfa\xf5\x87\xe7\xef{\x92a;:\x02\xdd\xedn\x80\x17\xf6 \xe2\xce\x9b\xff\xa9V"q8\x7f\x88\x05\xa8\x81\xa8\xfe\x00\x81\x10\xda\xbb\xef\x82+/\x7f\xe2\x7f\xa21\xb8u\xc6q\xd3\x1b\x1d\xd4#\xa3\x07\xf3\x9c1v3u\xeb\xfdv7\xe1\xcc#y\xa4M\x176%\xd3@R\xc3J\x03g\xfb!bB\xed2V\x8d\xb1^\xc9\xeb\xf1\xaf:\xf1\x14\xf6\xcc\x8c/\xe80\xb8\xc7\xbf\xf3n\xfa\x8cmX\x84h|\x15~X;j\xcd\xed\xd2u0\xe5\x15\x1c\xac\x9a\xea\xc5\x0b\x07\xc1\x12\xd3\x8b\x1c\'\xdf\x14\xbd\xbd\x01\x01\x85\xd3\xf4U\xe5\xb5\xe8\x98\xca\xa85\xb7\t\x0fxHJ\xa53\x8bo\xb4l\xc2\x10\xe4V,\xd0\xa9\xb5r\xe5?\xfe\x8f\xab\xea\xc8\x03\xff\xe1\x1d\xe6&amp;d\xf1\xfbN~%7\x00\xd7\x1b\xf9R\n\xa4\x98P\xa7\xd5t\xe0\x1c\x11\x1d\xb7?M6\xb4.\xb4\x19+S\xe2DV\xccGD\x80\\\xde1\x8f\rq\xae\x11\xb6\xf3\x8c\x03\x11;_n\xa8\x0eE\xee\xe5\x8f\xff\xe9\x1a\xf0\xfc\xf6\xdf\xf3\x03D\xb4\xf9\xe7O\x9d\xbf\xf7\x89\x07?\x11\x0e\x87\t\xc3\xc0\xd1\x7f\xe0\xe2k\xf5]\xc6Y\x89Lj\x19\x7f\xf0m\xbc\xf69\x85\x81\xdf\x8b\x17\xab\x08\xd1*\xe0Mt\xaa\x81d9\xc5\x08\xc7\x00S\xaa\xf5\x02\x00\xd0\x1d\x82{\xda\xdd\x863\x97\x8dW\xbc\xf3\xdc\xbf\x15\xc79\xd1p\x18S\xb5H\xf7\x85\x10\xf1\x96W]\x17\x8a\x1f\xe2&gt;\x9eP\xbb\x0c\xb2\'(\xae\xbcuR\xd18\xe50\xa3\xf1\xbbL\xbb\x88\x973\nG\xd7\xb3\xec\x9d\x1b\xbe\xf4\x8bg\xcdL\xffe\xe8nd\xb1j\x86\x17\xbd\x14\xd9\xdd\x803\x93XD\xdcp\xc5\xdb\xea\x85$#\xa2C\xd7\xb5\x92\x10\xf1\xe9\xef\xb1z\xdc\x85sv=\x86\x88\x93\xce\xb9\x87\xf7i\x10\xeb\x018\xd1/\x7f\x8a\x7f\xfe\x14\xcd\x88\xa6s\xaez\x0f\x00\x00\xc2\x00b\xf5^+\xe9\xc0\xbd?\xe8=\xd7K\xc7\xa4i\xea\xc5v7\xc1:\xfc\xf2&amp;{]g;5\x15\x908\x1c\x00\x00\xe2\xecm\xc7\x99\xc3\xe4\xcd\xf7i\x8d\xbe\xed\xbf\x85dPT\xd0\xba\x89\xec\xa7XYD\x1b"\x16\x0f\xda\x061\x83\xdc\xf5\xfc\xe3[\xf7\xf8\x1a\xb6\xf6\x92\xd7\xcd1A[\xe0\xf4\xe7\x0fPc\xfeU\xbc\x98D\xc6X\x88\xea\xcf?\xd0\xa1v&gt;\xac\x11\xbc\xcc\xf1\xccu\xaaz\x1f\xd1\xa1~G\x8f \xa5q\x95\xddM8C\xf0\xe5\x1e\xdd\xec\xde\x1b\x15\nd\x00d\xf8\xe7O\x05(x\xe8S\xc9\xa0\xe8\x9c-I\xe1,\x19\xb2\xd1\xc0\x99\x88x\xe3K\x08\x01\xcd\xdf\xb9\xea\xd9|\xf5\xfb\xaeO\xd3\x95W\xc0&gt;F\xbe\xa7\x17/^\x8c\xd2e\xd8N\x80j\xbb[!\x87\x8f\x19^\x9a^\xbc\x98\xcb\xc4M\xf7\x10\xae/_\xfb\xdd\xa8ex\xe1\x85Os\xff@\xc4?\x11!m\x8c_\xde\x14W%\xed\xcew!%\xb3\xccY\x01{i\xc7#\xfbP/\x1d\x80\x08\x03;4^\xbcx\x11\xc0\x8dm\x0f}\xaa9\xbc9\x94\x17\xa6D\xbc\xf1G{a\xce\xa5z\xf4\xda\xdb\x01\xc0\'g\xe2\xc6+\xde\x11\x96M\xf2\xcf\x9f\xfaO\xef\x00l\x1e\xeb/{S\x12q\x91j\xe1\xf5+]\xfb\xed^\xbc\x00\x00$\xd6/\xb7\xbb\t^\xdc$\x00\x00Y\xb4X\x8c\xb9\r\xe9\xec\x10\x0eoJC/\xdd\xb8\x18\xd5\x9f\xbf\x0b\x8b\x88\xb5\x13\xf6\xbb\xfe*\x83\xa0V\x88\xec\xdb^8\xac\xcf\xd1\x87\x7f\xed|\xa3o\x9e\xdd\r\x10aO\xcc_\xcfY\x97v\x9a_\xd4\x8b\x97\xceE&amp;\x04\xb4\xcc\xdc\xf10\xe5Y\xd1\xa6\xb4\xc56,\xea\x18%Ci\xe2s\xffF\xf0m\x14\x97K\x18\xc6`\x00\x96\xbbzX\xd9\x1c\xd7_\x05\xae\x7fDC\xc68\x08os\xd7\x7f\xfb\x1b\x9e\xdeW\xcf\xdey\xda\xee&amp;x\xf1\xe2\xc5\x8b\x17\x068\x00\xba\x12\x17N2r%\xaa1U\xb9p\x80\xf2\x154\x134\xa5\xf7]p\xe5\xb4m\x0f\xba\x16\x87]D\x95/\xba\xf0\x19F\xc9\x84\xe2YT"G\xc20\xf7\x1dKkYk\xd6U&lt;\x98\xce\x94\xc2\xc8K\xe7\xe3Lq\xdd\xdc{\xfb\xbfDG\xb8E\x95-\x8d\xe9\xb0D!"\x04\xb6j\x17d\x81\x8eum\xd9\xd0\xf3D%\xefy\xdf\xd0\n\x95\xab\xe4=I\x03^\xfb\x9d\xed\xc2\xb7@-;\xb8b\xd0\x94\xe3\xdc\xeb&gt;R\xaf7\xbf\xdf\xe6\xc2\xfe[\x9d\x7f\xc4\x0c\xd2\xd56\x8f%\xa0\xc5\xee\x16\x9cq\x18\xb1)y\xf1\xe2\xc5\x08\xea\x83\x9fyWT\x1f\x80\xfb\x9du\xd5k\xffE\x00\x98\xbe\xedAD|\xeb/A\xc9\xb0.s\x14\xea\xa6`\xea\xd6\xfb\xfb-\xb8\x8a\xab\xd0/o\xb2\xf1\n\xa5DV\xccW\xf8D\xd1\xa9\xf3\xf9\x1f5\xa6#\x1cW=\x8d\x1d\xcc\x1d\xc1\xa5\xd0\xeb"\xac\x8f\xf5O\x9e\x17/\x9d\x0b\xaf)HD\xc7\xcb\xb6\x94\xd2\xb4\n\xd2\xc7\x98W\xff\xc5\x0f\xfe,\x8c@I\x96\x0e\xbd\x7f B\xfaX\x00P4\xde\xb8\xbakW\xa7\xddi\xc4\xcb\xc4J\x93\x1b\xaex\x9b\xfb\x8es\xf7&lt;\xae|V\x11"\x9e\x7f\xeak\xbaK\t\xd3P\xd8GH/\xbb[\xd0\x11\t\xb5\xbb\x01^\xbcx\xe9\xf8\xc8\t/\x1f}\xf8W\x08\xea\xa1r\xd2\x0f\xbc\xc2+\x8e\xbcdU[M\x07\x11w\xdc\xf8\xa9\xf0X\x99\xe6\xca\xb0n\xe2\x01D,\x1bz\x9e\xeb\x80\xac\xf6\x88\xdc\xc5\xf4\xb4\x91=\x1a\t\xad\xacjg\xc7\x8aK\xf6\xa6&amp;\xf4r\xa6\x11iw\x03:\x1fN\x0b\x81\xc4\xf8\\\xa2~\x9a\xbb\xe4\xab\x8c\xb7i\xad"\xa2\xaf\xdc\xd1\x12\xd9\xb1v\xcf\xed\xff\x02\xa8c\xec\x97~\xe7;^{\xaf\x80\xf1\x1b\xeeb\x1d\xc9`\x8d.\xa3\x17/\x02&lt;?fC/\x9a\xfe\xb4^t\xf2\xb7x\x00v\xa8\x14\xdep\xf9[\xbc\x92\x9d\nD\\\xb0\xef)\x8b\xae\xd4\xf9n\x9f\x85\xb4K\x04\xc4V/\xb6\xb1\x1d^\x0c\xa3\x91 \xc5\x0b1J\t4;\x96m\xa9C\xb2\xfa\xd8\xab\xa7\xdeb\xe0\x8a\xec&amp;\xab\xd7\xd9\xb2\xc5\x9e\xe1Y\x9f\xf7\xdf\xe3M\xfbc\x00#\xd9\x1c\xd9\xa3\xe1v\x1f\xd8\xc9\xa6\x0bm\xf3OXr\x9d|\x80\x0cK.\xe4\xa5C\xc2\xea\xb5BD\xcf\x13\xf9\xf1B\x87t3\x18\x11E;\x9a!%3\xb9\x84\xcd&lt;\x01\r/z\xc86\x18\xc1m1\xe1\xe5sYUe\xff\xea?\xa0\x05\xc2\xfa\x00\xc8\x07\x8dM\xd9r\xbf\xe1\x0b0\x89[\xf7\xe2\x85\x90\x98\x9a\xf1\x17\tm\t\xdeL\x82\x1d\x92\xc0\xc2\xe9\xb2\xc3p\'[\xff\xd8M\xa8\x92\xe3\xb1\x9drnu\x13\x0f\xaa~\xde\x8d\xd9\x95|\xea\xbb\x8e\xda\xcb\xac6\xd6T\x8e\xa4m[\x8d\xda\xeb\xe1\xd3`\xac9^\xbc\x10\x10= \xba\xdbB\xb9\x0fJ\xadnI\xc7%z\xa0\x8c\x06$S*G\xedUK\xd3+ \xa7\xc7\xcc\xe3\xa66\xe6\xcce\xf7\xad_\xd8\xdd\x04/|\x8c\x8a\xc9m\xbd\xf6C\xa5O/\xb8\xf3\xdb\x90\x92\x99F\xea\xf7\xe2\x85\x800VQ\xc8\xb1\xd5K\x94?\xb4\xc0\x11\xda\x1euz\x00\x98\xbb\xe7q\xc8\x18g\xea%R\x9bW\x03\x00@\x95\xa9W\xe9P\xa4\xd9\xdd\x00O\xc54\xa3G\xb9\xc1\xf3CJf\x028\xba\x8e\xda\xc7\xa45L\xf8\x9f\xe2\xbd\x8aFD\xe29\xaf\x17/\xba!q5\x10\xab\x1c\xc8\x82\x88\xa6*Qx\xf1\xc2\x11R2\x8b4f\xd7\x8b\xcd\x044\xf3\xfe\xa8\xb1\xad\x19^\xbctv\xce\xe0\x1dG\xa2\t\x8a\x17\xd6\xb8l\x1e\x9c_\x0e1\x88x\xf1C\xbf0\xb8\xfe\x99\xfa\xb8S\xd1\x113\xc0\xa7\xd8\xdd\x00\x8f\xa5\xca\xa5\xb4\xe7\xc5&lt;\x8au\x9d\xe5\xd7:\xe3\xb8\xd7\xa1\x9a#\xbde\xad\xd7\xa1\xd23\xb9\xf8\xa1_\x10\xf1\x92G\xff\xcb\xa46\xefo\xdc\xd9\x18\xb1\xeaVzg./^\xec\xc47w2@\x01dM\xb0\xbb!\x9d\x85\xb0&gt;Q\x95\x0b\xca\x86\x9e\x07PiwS:\x1bg\xb0\x9d\xc6\x0bc\xbc\x81\xc2F\x19\xbb\xfe\x94\xddM\xf0\xd2\xa1\x89\xfd\x97\x19\x1d\xba\x7f\xb3\xb2:\x8a\x17\x0f@\xc7On\xe5\xb0?s\xc7\xc3\x00\x00\t\xc3\x0c\xd7\x94c\xb8\x06/\x1d\x05\x91/\xae\xc3\x96Fx\xf1BC\xb5\\z\x15\x95,\xf7F\xc85\xa7Z\x19:\xc8\x1a\x91\xc8\x00|\xceU\xef\xb1\x8d\xa9\x8b\x0b*\x9e!w\x83\x1cr\x85\x8dz\x0e{\xb1\x843}\xd3\x17\x11\xafy\xd6\x96w\xbe\xd6\x8e\x8bv~\xf6\x9e\xfcJ\xe1\x93\xce\xb5\xb0\x0b\xed\xcd\xb6\xbe\xd3\x9f#K\xe1\x04/\x00%\x83\xb7\xdb\xdd\x843\x97\x8eb\xa4=\xd3e\x8d\x11q\xd8\x8a\x9b\xac\xbfn\xdd$u\r\x19\xcf\xa4\x03\xcc\xaa;\xc8\x12\xca8\xe2\xc4-\tu\xcbu\xd7\xe5\x933\xc9c\xee[w\xbb\x1b`%\x9dL\xf3&lt;i\x84\xdd- \x84af@=:\x03\xe7\xdd\xf4\x19\xbb\x06tt\xbc{\r^\xf43f\xddI\xbb\x9b\xa0\x01\xc1\xc8\xeaU\x96\xe80x\xedf^\xbcx\xf1p\xbc\xb2\xd2\xed\xbc\xe7)K\xdb\xce\x8d\x8a:G\xa6u\xad\xf0\xe2y\xc8=\x19\xb1\x83-o\x86\x17\xb3I\xb7\xbb\x01\x9eG\xf6D\xbb[ %\xc6\xee\x06\xd0#\xd0\x14\xf2BE\x08@\x10\xcb\xfa&lt;f\xab\xc0\x8b~\xbc?\xa2\x973\x01\x82\xe7\\]\xc6\xd9\x87YS\\|j\xf4\xd5K\xb0#\xffM\x82\xe5W\xf4\xa2A\xa1\xdd\r\xe8\x98\x84\xf6\x06\xa8\xb7\xbb\x11\x02j\'\xec\xb7\xbb\t\x16"X\xfa{5];=\xc9\xd6^N\x1a\x17\xe4E@N\x9f\x8d\xde\xd9?\x13,\xc81\xe2\xc5&lt;\xc2\xdb\xffI)g\xda\x89\xf0\xba_\xd9AD\x9b\xdd-P#\xa3\xc7:\xa6\xf5y\x15\x03\x05\x14\x0f\xdafw\x13,#\x18 \x06 \xd0\xeefx\xf1\xe2)T\xda\xdd\x00/P8`\xab\x95\x97\xab\x18\xb1\x87E5\xfa\xe4\x14\xb2\x00@\xd5\x07\x87:\x08\xb0c/\x1f\xc3\xdb:\x8e\x1bo,\xc4\x0e\xd6\xba\xdb\x8ey{\x9e\xb0\xa89n:\xf6\x13\xe0\xe5\xcc\xa5\x03\xc4\xb0zaJ\xaa\x8es\x98\xf7o)M\xab\\#\xb1\x14\xea|-\xa1\xa5\xb3\x01\xf2\x8d\xb5\xc86:\xd4\xd8\x11\xa2\xeaz\xe6\x0f\x90\x07Pg}6\xaa\x00\x12Ei\xe2\x1b\x9d\x01\xc1=\xdd\x7fT\x8d\xb9\xc0\x82\xd4\xd6\xa6&gt;\x04\x88\xa87\xa3\x8b\x05\x94w\xa8\x17\xc0\x8b\x17\t\x89R\x89\xd9x\xd9\x82m\xf3O\xe4\xb6m\xa2\xad\x9eR.\x9fh\x83\x19\x11;f6\xd2\n\xafJ\x0fS\x18m\xda"j+\x96\xc9=\xc4\xf2N[\xff\xechC\x82\xa6\x01\x8d{\x87\xab\xc6\\`M{\xa8\xf0\x0e\xc0^:\x12|E\xf7\xf0&gt;@\xf1\x00\x87@\xe6x\x8f\xd8\x7f\x8d\x1b\x02\xb1\x83%b\xe3\x1d\x82p\xed"^\xe4\xc9\x01\x08S\xf9\xf8\x1f\xdf"@\x06@\x17\xe1av\xaa\xc0\x14\x1d\xbd\xcc2?\x89Y;\xd8\x12\xd4J\xa8\x95\xda\xe1\xd2N\x85\x94\xcc\xb2\xbb\t^\xbc\x18\x81\xc4\xfd\x98}L\x91:\xe7\x9f\xfa\x1a\xa0 \xb8x\xa6\xc5\xd7\xf5b/\xeb.yc\xfe^\xf5\xbd\xe1\xae\x10\xd2\xabh\xe0\xb9\xfcC\x83\x96\\\xc7\xac\x05\x1dk\xf8!a\xc0\xa2k\xc8\x87Utav\xab\x88)\xf6\xa4\xc6x\xf1\xc2\x96D\xa90\xb2\x973\x8c\x02\xbb\x1b\xa0\x83\xae\xfc?\xc4]\xb4\xb7\xcbv\xd3u\xd4\xde\xf615\xb0\x15 Y\xe5\xe6\xdc\xfc\nz\xdc\x00\xec\xdb\xc0\xffK\xc7\xdeX\'#\xa2|\x9e\xddM\x90\xc5\x1b\xb1\xe0\xc5K\x87\xc3\x1c\xbf\xa5\xbc\xbe\xe7X\x1e\xc6\xee\xa1\xa0\x1c$\x85\xadl\xa4\x17r\xbe\xf3\xfe4\x1d\x15\xefJ\x97\x9aD\x03Y\x92\xd8\xf2\xe8\x17\xfa\xde;\x8f\xf5\x05\xe3\'\xb8d\xef{\xdb\xee^\xf8\xe0\'\x08\x81-\xcc/\xd0Q\xd0\x1a\x803\x01\xa0h\xe06D\xdcr\xcd\x07\x9e0\x00\x0f]~\xa3\xeb\x9f\xa6{\x95{\xe1\xa1\x99\x0e\xdd+_c\x08\xef\xa4V\x07\x7fy\xcaM\xf3\x87\x94\x91v\xb7\x81)\x91\xfd\x00\x00 \xbcd\xf0\x8e\x94\xa6\xd5\x906\xfa\x89\xaf\x10\xd2\xc7*\x94\xae\xecX\xae6\xb9v7\xa0\x9d\xff\xc9\r\xc0\x95#\x9d\x01\xfec\xd7\x9f\x92\x1d\xa1m\xed,T\xb2\xc1\xf8[\xd7\n/^\xcet&lt;\xc0\x13[\x0fe\xc9\x8d+\x87\xaf\xb8\xd9\xeefx8E\x00\x00\x10\x07\xd0\x15\x82{\x82c\xc0\xd1\x87~Q\xc8\x04\x9f\x04\xf1C\xcc\x0b\x1a\xf6a\xa9r\x901\x8eYU\x8c(\x1d\xb2\x83?\xac&gt;\xfd="\xe2\xa85\xb7\xbb&gt;\x0f\x00\x00\x88\xeaO2\x00w\x1b\xbd\xcf\xaaVw\xb4\xdc8!\xbd\xecn\x81\x973\x08\xcf\\L\xb7\xcd;\xe1\x19\x19\x9c8\xafr\xa6i|:\x1fQ\xfd\xecn\x01GP\xab\xdd-\xd0Cz\xcbZ\xd2\xa2\xa9\xa3D\xc3\xea{\x88\x103\x88W\xa2\x16\x11\x9f\xfaV{\x00&gt;\xf1\xe4_\xc6[\xee\x81\x84\x96\xcd\xb6\xbb\t^\xce(\x08\x13i(,@\x13\x87\x83o#\xbb\xc60\xc4\xa3\xe6\xcd\x1dH?\x84ZS\x8c\x05\xec"w\xcd\xc4\x01\x00\xe3\xce\xbe\xd3@\r\x9a[k\xa6\xf3\x1e\x81U\xb9\xc7\xccK&lt;\xc6\x04\xed\xc5|"\xf5\xcc\x7f\xfb/\xbc\x9ayC\xbc\x90A7\xb6\x8d]\x7f\xca\xa4vt\x944\\\x1d\xa7\x07\x0b\x8e\xaf]JV\xb2;\xbb\x8b&amp;\xb2\xab\xca\xc3\t\xedmw\x0b\x00\xc8\xe45\xf8\xa3\xef\xf7\xcc\x1e_}\xf3\x0f\xaf\xbf\x0f{z\xcc\xba\xa4\xfd\x8f37\x8b\xd4\x99A\xb8(k\x133_\xdc\xcc\x9e\xeb\x01bX\xd5\xe6\x85\x1cD\xec\x94\x19Y\x82\x18j\xady\xf2\xb4\x8b\x1bY?\xb26\x06)\xa2Bw\xd0\xaaU\x13m\x9f\x06\xed2\x9d\x8a\xd8\xe9\xdb\x1f\xb2\xbb\r\x9d\x9f\xd2!\xe7\xd9\xdd\x04\x1e\xa6&lt;\xe4\x1dQ\xa2\xb2\xb3b\x86\x86\xbfJ\x1c/\xd1\xe5\xc8\xa7i*\xd3\xc3\xce\xb3T\xd7\x1c\\\x97\x1ex\xfek\xc4\x05\xfb\x9e\xb2\xb2U^,&amp;\xa9a\x05\x04PG\xe5]p\xc77\x02)S\x15\x0bv\x86R$\x83\x17/^L\xc2\xe2]\xe4\x1a\xed+n\xbe\xfa}\x92\x9a\xb2z\x9e\xcd`\xbb&gt;s\xbc\xe8@r\xc3J\xa3u\x9a\x80{\x0c\xfe\xc7w\x88\x88\xab\x8e\xbe\x02\x10\xea\x9b;\xc9\x937}=\xb6a&amp;\xe3A.\x12eC\xcfCD\xe1\x0bU\xa1T\xd8\xeb\xd1\xe6\x85\x1d\xa1^gf\x8f\xc4\x93\xb43\xdd1\xb5\x1d\x85\xcdW\xbf/Z\r\x1f\xb8\xe7\x87\xeaq\x17\xda\xdb\xaa\x8eO\x91\xdd\r0\x8d\xa4\xe1\xe4\xd3 D\x04\x7f\x99\\\xa4\x88X;a?\xd3fyQ\xc1aw\x03\xec\xa5\xca\xee\x06P\x11 \xfb\xcah\x9f\xd5)\x10\xa4\x1a\x8c\xaa\\\x00\x00\xd3\xce}\x90\xbc\xc7\xd9s\xdb\x97\xec\x1b\xa5\x93,\xd7?\xbc2\x9c\xb6Pjw\x03\xe8(\x1a\xb8\x8d\xa8\\\xfaX\x804\xc2:\x11q\xd29\xf7\x00$\xe8o\x96\x17\xc3\x8c^\xcb\x05\xfa3\xf1\x96\xaagQ\tC\x82Lr\x10\xb15\xf5\x13\xfd7\n\xea\xc1\xbe\x15\x1eC)\xb9\x8b\x01"\x02T+\x7f\x1e\x17T4\xe3L\xb5\xa3v:\x02\xd5\xa2\xc6\x83\x8afPU\xd6\xd1\x9f\x8a+\xe4\xe2\xc2\x11\xb1u\xc6q\xeb\x1b\xd3qY\x7f\xd9\x9bo\xfci\xc6\x93\x10}\xc9\xa3\xffeW[-\xbb\xaa\xec"\xd5\xd8\xe9\xa6\xfa~w6\x8f6\xabL\x10\x01-\x1d\xbd\x1b\xf5\xe2\xc5K\xe7$\xa2\xaf\xdd-\xf0\xe2E?\xdehT/\x1d\x0boN@/\x1d\x9b\xf0.sy\x7fu\x92mN\x12b\xaa\x16\xe9?9\xacw\xc9\x90\x1d\x06.\xee\x91#]j\xf3\x1a\xb6\x15\x06\x16N\xd7\xda0\xaec{E\x11\xfe\xf9SM\xad\xbf\xb3\x10\xaa\xfe\xb1O\x8e\'\x08\xde\x9a\x82\xd7\x9cc\x13\x1ek\x81,\x17\xca\xd6z\xf1L"\xc0\xb7\x91\xc16AP\x8fK\x1f\xfb\x83E{\xbc\xc8\xe2\x19\xb2\\\x1d\x9da+n\xb2\xbb\t&amp;\xe1\xe3\x1d\x80\x8d\xe3\x933\xc9\xee&amp;h\xe2\xb0\xbb\x01^L\xc0\xe8T\xc9\xcf\x15\x1a\xe3\x11Y\xb0\x12MH\xc0T\x01\xa9\xa3Y\xd7\xe9\xc58\x91\x94\xda\xc8\xdd\xb4\x8btP\xe85::&gt;Vv7\x1e\xbb\xd2\xf5\xd2q\x897^E\xd7\xd1\xfb\x9c\xa3o\xec`\xe3\xb5\xb1\xe1\xd6\xd7\xcc\x90\xa7\x08g]\xa1\x17\xe3\x98\x90\xeaR\xd5_\xda\x8b\x12\xee\x08\xf5\x07?\xed\x94k\xf1B\xed"\x1d\x0c\xd9\x0c\xb2^\xac\xa4\x14\xfc\x9a\x00\xba\x1a\xaa#\xb2\x1f"z\\\xc8\x19\xcd\x00\x1c"\xfcS\xbeO\xbf\xe6\xd9N\xd9\xadx\xf1b\x84Xq.L\xb7P\x8c_\x93\xddmcK\x9c\xdd\r\x10\xe1]\x0fx&amp;\x06#\xa6\x8c@&gt;\xa3\xa2s\xdd\xeaB\xdb\x10z\xdc\r\x8a\xe8\x08{i\x8aj\x82\x1d\x8aN\x10\x9e\xa8\x89\xa9vK_c\xc2r\x0c$_\x94F_F\xa9A\xca\x8d\xb7\xb0#@\xf2\x900p\x92OjX\x01\x90k\xbc\x1e/\xaaX0Z\xc9\x12av\xaa+\xbaA\xdb\xf5\xfe{\x900/#\x8a;\xc2\x14\x01\x00\xa0x\x10\x99Z\x93\x17=\x18\x1d\x9c\x10\xd1\xa0\x94\xfa\x8f\xe2\x816\x82\xe10\x1c_\xbb\xb4\xa3&lt;\xe7\x86\xb1jP&lt;\x13\x13Y\x9a\x1b\x9c\x02P\xaf\x19y\xe1\x01\xd0e\xa4fB\xfe\x86+\xde^s\xecU\xeb/l\x01\x1e\xd91\x85\xd9\xdd\x803\x89\xb8!\x00&gt;\xf66\x81\x1bYs\xfbl\x12F\x7f:\x99\xb0\xe9n\x83c\xb0o\xeed&amp;.*g\x06\x16g\xd4\xe9@\x04\x9b\\?\x951\xd23\xb3Sx\xc8^F\x9c\xd3\x85\xec\xee\xf7\xd8\xa5\xd4-\x9fw\xf53\x88\x88-\xd3\x8f\xb1\xaa\x13\x00\x00\xfc\x99\xd6\xe6\xe5L#O\xf47\xed\x00\x99\xdfo\x8b\xe6\xb0z\xf1\x83?\x0b\x07`:[\x14\'\xedn\x98hc\xa7{H\xdf\xa4\x89\xcd\xb31/r\xc8\xf6\xd2\x0e\x13.Td\xcc\x8d\xcb\xd0\n\x9e\xbd\x0e\x08\x83\xbd+G\xff\xfe\x0b\xaf\x16\xad\x00r\xfal\x84\xd8\xc1\x1d7Vd\xd5\xc5/\xcb\x1d\xe6\x8c\x1b^\xf9\xfe\x8e\xc4\xe5O\xfco\xec\xfaS\xdc\xbf\x111\xb1n9P&gt;\xf6\xae\xc2\xc5E\x03\xcfU\x8aP\xbf\xf4\xd1\xff\xf2\x9f\xff\xc2\xfe[\x994^\x15\xe9r\xc7\xa0\xae\xad1\xf7T\xc6\x98\x92\xc6\xc0\x8biT\xca\x1d\xccd}\x95\nD\x84\x84\xa1\xba\xcf\x97y\xeb\xab\xc6\\`\xa8I\xc6\x18\xb9\xfaVC\x03p\xfc\x10\xa5\x9d0\x8e\'\xbf\xc1\x90\x92Y\xec\xda\xeb\txD\xf4\xb7\x17\x00\xd0\x9cb#\xe2\x83\x9f\x88\x1fo\xde:U\xdb\x98\x19Y9\x9f+\xdcc\xd6%\x00\x00!\xbd\x94.\xc4\xe7\x82;\xbe!i\xbd\x11\xd6]\xfa\x86\xd9\x97\xf0\xe2\xc5Z4\x8c\x9d\xdc\xcb\xb5\xf5\xda\x0f\t\x16\xb2\xf2U\xc9\x0cvF\x17\xa0\x84\xa4\x8fe^e{G\x16=\xd0y(a\xd8\xc0E\xd7\x0eZ|\x9dt$\x06(f\xde\x00/4\x18\xb4Oz\x1c\xdc\xf4N\xb3\x0c\xef\t\x04\x00x\xe7\xff\xf8GJ4\xaf\x92X\xbf\x1c\x11\xd7\x1c\x7f\rb\x06\x01T*\xbd\xad\xa2\xa7\xfdo\xb3_\xea\xf0\xb6n\xa3\xf7\x99{\t/&amp;\x12aw\x03:$q\xd5K\x10\x11B\xe5\'\xc1\x9a\xb4L?f\xdf\x00L\xc0}\x1f\xa1_\xde\x14\xc2\xc2\xa2~MJx\x97\xb9;n\xfcT\xd0\x03\x9a0\t`\x81\xb9\xee\xec\x8c8\x83\xd4\xdeY\xd1m\xcc\xf9\xc2\x01\xb8\x00\x84#\xa5o\xeed\x82j2\x10\x11\xb2&amp;\x00\x00\xf85\xca=\xf3\x99\x8f~!\x9en\xde\xfa\x9a\xb9/u`\xe1tS\xeb\xf7\xe2\xc5\x8b\n\x15\x00I\x86+\x11\xef!\x9d|\x13\x1f"\x93\xf5\xe1z\x99I\xe7\xdc\xa3Z*\xf0\xa2\xbb\xbe\x93\xac\x83\xcf4\xc4\x1e@\xfa@\x8d\\\xce^\xe4\xe1\x9e\xbaa+nv\x1f\t)\x99E\xfb4""\x97\x9b$\xb7\xed\x1c\xe9\x89eCw\xae:\xfa\xca\x19\xf6\x9c{\xe3km\xa1\x93y\x9fu\x8a\xa0\xd9\xae\xa3\xf6\xfd\xa8\xeb\x857 \xc5\xeeO\xda\xcb\xc4\x0c\x12/\r:\x7f\xdfd\x1e\xf9\xde\x00\x0cZ\x96\x1e|\x1e\x11W\x1cy\t\x00\x00R\x16_\xf4\x0c@\xe9\xb0\x157#\xe2\xf1\xd3\xbf\x13V\x82\x88\xbf\xb9\x9e[D\xfcV\xfc\x0cGA\xca\xc8\xce\xf5\x90\xab\xefVD\x97\x0c6\x92Q\xce|\xd2\xc7Z\xa2\xe4\x95c\xfe%\x04\xa44\xae\x92;\x1cC/P\xe30\xde\x18\x17\xfa\x1d\xf7f\xefz4\xaef\t\xbb\x96XNh\xe9\xec\x86\xc9\x87\x10q\xcc\xba\x93V^7\xacl\x0e"\xee\xbd\xfd_\x04e+:\xe0\x00\xeca*\xa3thoj\x9e\x81d\xf7\xde\x08\x00\xb3\xce{\x04\x11\x01r\x11\xb1b\xe4\x1e\xaa\x1a\xae{^\xf1\xb9Mn\\9d\xd9\r\xf3\xf7&gt;\xd9\xa1\x1er3\xf1i\xb0\xbb\x05V\xd2\x15 \xdb\x9e+\x87\xf6\x06(\xce\xecyv\xc9\xe0\xedt\'\x064\x9b\xd3 \x0eR\xcf\xe7\xc6)G a\x98\x99-\x91\xa0\xe0A\xa9\x93\xbc\xbe\x9bW\x1c~\x11\xe2\xf5\xfbd\xebc\xff\xdd\xdf\xff\xcc\xebb\xe4w\xb6\x01\x00\xaaw\xdd\xf2y\x07\x1c\x80\xcd\xc6\xab\xb7`\x03/\xfc\x07\xff\x83\x88\x88\xa7\xde\xd2\xf3\x04j&lt;\xb7\xd1\x03\xb8Y\xa9\xeb\t?CD%\x95\x90\x13\x9bL\xb4\xb6\xab=\x03Hm^\x8d\x88\xe5#vCpO\xbb\xdb\xc2\x87J\x7f\x83y\xe4\x9b\xcc\xce\xec\xd2\x83\xcf\x9b-Qb\xa90\x13"\xde\xf9\x8e\xbb?\xcaqu:b\x83\xfes?J\xc6^\x8d\x01\xd8J7]O\xd3\x9aW\x04\x11\xcd\x17\xb8\xa1\xc7\xb7\xb1n\xd2A\xbb\x1b\xe19t\xfb\xca;\xc5l\xc7\xe1\xfa\x077\x11\x89\x04\x80\xfc~\x9bmj\x8cg"V&amp;\xd7\xf5\xd8\x84""\x84x\xd4\xe8\xeb\x91xZj\xdd~\x0b\xae2r:"\xfe\x85\xc8\xbdfc\xd7\x9fR\xe8wR\xe4\x87_\x0f\xea\x9e\xb8w\xc0\x88\xbe?\x13\x9c^Z\xd7&gt;\'sg\xb8 T\x8f\xccL\xe5\xebI?\xa5E \xe2UO+F\x15#\xe2\x80\x85\xd7\xd8\xd20kQH+"\xe9\xe6r\xdb6\x01@\xb71\xe7k\xd6\x98\xdd{\x83\xe1V\xc9\xe2\x91\xd6\xa6\xa8~\x10\xd6G\x18|\xa1s\xdb\xeb\xde\x0fD=j\xb7\xd8\xee\x8b\x8d4\xadS\x90ow\x03\xc4\x88W{\x88hD\xa3\n\x11\xa7\x9d\xfb \x97\x07\xe37\xe5\x91\xd5\xe3\x07`Z\x18F+\xf1-\x16\xd1\x00\x8e\x83\xf7\xfe[\xee\xceT\x80O="B\xec \xfeQD\x8c\xac\x98\xcf\xae1^\xa4(\x19c\xd2\x1e\xff\n\xdfED\xc4\x96\xe9G\x01\xe0\xc9\xaf=\xe1\xc1\xb6\xd296YY\x00D\xbc\xf9\x97\xd5\xebl\x80\xfc\x8a\x11t\xdb\xed,\xc9\x1ao\xdb\xa5-\x01\x11\x85\xbf\xbeW#\xc8\xf3`\xde5 \xe2\xe5O\xfc\x8f\x1bER\x9aV\xbbz\x1f\xb1\xce\x06\x7flv#\x95%\xf2B\x0b"\xda\x9by\xe9\x91\x7f\x9e\xd1?\xe2\x8b\xffq\x0e\xb7\xf9\xfd\xb6\x1c{\xf8W\xbbG_\x00\x80\xd2!\x9e\xed\x96\xcc\x83s\x88\x03\x00\x80\x98\x11\xabn1P\xd1D3s\xe1u\xd0\x91\xac\xbb\xdd\r\xb0\x81\xa4\x86\x15v7A\x03\xc6v\x18D\xfc\x89\xd7\xe3\x9cu\xfeS\xb2R\xf2\x0b\xf6=)\x1d\x80#+\xbdK7+1#\xd2\xcea\xd9x\xc3\xe2B\x89\xf6\xa5,\xf5"C\xf5\xb8\x0b\x01\x82\x01\xfc\x00\x02!y\xa4\x81\x9a\x18\xe4\x0cV\x86a\xf6nN\xf4\xaaH\xb9\x80\xd5\xe1L&lt;:Q`\xb1o\xa3D\xa5\xdf\xee8c\x13;J\x81$\xbd\xa2l\xba\x9c\xfd\xb9\x9b\xe1k\xdb\x92\x1c)\xcb\x8e\x8b\x1a\xc5\xf6\x95\x991\xca\xe3k\x962\xa8F\xe7nKa|\xed2\x06W\xf7\xc2\'{\xe2}\x1f\xe2\xe4\xcd\xf7\xb2\xa8j\x82\x19\xc9i\x94\x03\xf9*M\xb8\x16\x8b\\8\x1d\x06\xf3\x82\xb5\x02\x80@\x99\xb1\xd3\x91=Q\xb3\x88\xdc\x00L\xb0\x1cQH8\xe3\xc5\x8ba(4x\xc3\xca\xe6\x98\xd7\x8e3\x96.\xc3v\xca\x1c\x8d\x19$sP\x8d\x18D$\x90\x99\x93]\x1bxP\xa0\xbfU\x03\x86\xb5:\xf0\xe1m\xe2#\x99\xe3\xcf\xbe\xfc-\xe2\xf3U\xac\x05J\xa4:\xc7\x97L\xfe\xae\xbf\x8ez:\x16I\xc3!\xb0U\xe9CN\xc5\x9e\xcf\xfe{~ \xa9\xf5\x86\x17\x11Bz\xd5O:\xc4\xae\xa1\x02\xd2[\xd6\x9aT\xb3\x02\x1e\x13D\xa4\xfcc\x11`\xbb\x08\x97\xc3\xee\x06x\x11\x12\xd1W\xf6pf\x8f\xf5\xf4u\xd1X\x0b\x1d\x03"\xca\xe7\xce\xdd\xfd\x18\xd37\xcb\x83\xb2\x1f\xa66\xad\x96;\\)\x1f`\xedF9\x1ax\xd7-\x9fK\xf2\xbegX\xf9\x95c\xaa\x169\xd5\xd4\xcd\xc1\xb5\xba#QH5\x98\xb2\xd3\x93\xc8\xeb\xbb\x19\x11\xc1GnF\x19;\xf8\x0f\x99\xe5\xaf\xed8\x8d\x15\x86\xea\x08\xea\x01\x90\x08P\xca\xa4A:\x9bP4\xc3\xf2kr{\x07\x0e\xcb\xafk\x1c\xd5n\xab\xd3\xc2\xe4[\x17\xca\x1em\x9az\x04\x00\x14v\x10c \xa8\x07\x8bK+\x82\x88\xcb\x0f\xbf\xe8\x19\xfd\x89qB\xa4\x87BKg\x9b\x7f]\xe3\xa9\x04&lt;\x08D$\xfeF\xe2I[!\x81&amp;\xad\xed\x8b\x0fy\x9e\xf8Zv\x88-MiZ%:~\xd9\xe3\x7f\xda\xdcV\x1e\xe5\xc3w3\xae\xd1@L\x17\x9fC\xf7\xff\xc4\xa4\x1e\xd3\x08\x07_\x0fQ\x19L\xa5)\xac;~\xec\x0c\x17\xb4\xe2P\xb5\xe3\t\x9e\xfc\xb8AK\xae\x0b(\x98\x06Q\xfdMn\x12\x8cZs\x1b\xfdK\xe7Ak\\\x17y2\xc3F\xdc\x10\x80:;\x1ac&gt;\x1e\xa8Q\xba\xf3\xe6\x7f.\xbc\xf0i\x86\xc2LU\x04a\xef\x0c\xb9\xe2\xc9\xbf\xa4\x1b\xbd\x1cW&gt;\xf57\x00\x84\x94\xcc\\\xbc\xffY+\x9bd\x07\xec\x9d\t\xc3\xbb\xccU/@\xb6\x07\xc6\x92;\xde\xf6\x103\x06%\xe1}\xecnA\x87\x86"\xb2e\xff\xdd\xdf\x9b\xd7\x0e!]\x01\x12U\x0b\x88\xc5\x01}r&amp;\x9d\x99Q:&lt;\xcc\x16LT\xb7\x00;\xc8\xac2\xed}\x9aBo\xc34\xa8\'\xbef)@D\xd9P9\xc7\x84\x8e\x84\xcf\xcf\x88\xf7\x7f\x8c\xf9\xfd\xb6\xc4t_\xf4\xeao\xd8\xf9\xd2\xbf[\x8d\x96`\xba\xd3\xe4\x902\xca\x9a\xe6\x80c@z\xcbZoH\x8f\x17\xcf \x9d\xfe\x94b\xc2\tk\xf3\xb4\xa3\xbc\xbfX\xc5#\x99\x1a4\xe5!\xa8\xf5\xf91\xdd\x17\xa9\x9e\x9b\n~M\x00\t\x88\xc8\xfbqe\x7fe\xf6;J\xeaS\xb9\x0e\xc9\x93_w\xc0\xa5RG#\xa5iu\xe1\x80\xadV\xadJ\xbbrI\xf7,\xb9\x96\x1e\xc6\xae?E^\xf8C\x0f\xfe"L\xe85\xe72\x80\x0c\xaaS\xd6^\xf2\xba\xeb\x9f:\x867\xcf\'\xd3\xd1\xed,\xb2\x92\xd5\x00\xb5,\x1f\xf5\xe0\x1e\x04\x85\x92\x88\x8c\xe4\xd1\x03\x0c\xfb\xd38\xf4\x9f\xea\xdbh\xe0\xba\x84\xe6\x07\xa5(S\x99\xcdr&gt;\xab\x8f\xbd\x8a\xed\x89G\xcfD\xf8\x1b\xd5\x05\x11\xe5\xf3lkH\'\x844\xc3\x97\xa9x\x8c\'\x1d\x13\xc4j\xf8\x9d\x8eL\xfa\x1d\n\x1d\xab=\xf5l6\xd9\x00\xe1\x04\x95H7\xe0\xca\x00B\xe9\x1b\xa3N\tD\xf5c]\xa7:bq@\x15Zg\x1c\',\x89\x88\xe6\x04@\x03d\x8c\xe5\xfd\xd1a\xd2\xd5p\xfc\x8e\x88\x88\x12go\x8f\xc6\x14\xab\xc8\xa6\x13\xef\x12\xd9E\xbd\xc1\xbe\xa6@eM\xa1\x8b\xe2\xf8\x17\xa2\xf5\xb9/\r\x93\xde\xc9\x1c&gt;;\x10\x88\xe81\n6\xdc\xfa\xc9\xb2\xc8\x85`\x80bS\x9cg}\xea-\xce}\xd7qH\xb3\xbb\x01\x9e\x82\xe2&amp;yD\xc5&lt;\x91\xa3\xd6\x80EgB\xf6\x18\xfb\x89\xee\xb6P.Og\x8c\xa6a\xc7E8\x00\xa4\xb5\xac![\xd0\xd8HUb\xfdr\xe1\x11s\xd6\n2tP\xf5`ft\x19\xb6K\x12\xb6d\x9a\x12B\xf4\x00\xad\x12q\xed\xa2{\x01-d\xcf\xad\x8f\xe9*{\t\xc3 k|r\xe3J\xbd\xe7\x17 "\xa4\xf3\xd7\xa9t\xbb\x0c\x00\x00\xd0EY\xed\xabC \xfbF\xb3\xfc\xe1\x18\xca\x90z\x04}\xe6]1g\xf7c{n\xfbR\xd6Y\xba=\x9c?\xa4\x97\xad\xcd\x94\xd2!\x8c0\xc5W&lt;\xf9Wx\x17-\xcd\xa6\x14%\xd1]\x1a\x97\xc2XZ\xb9"\xfb\t.\x99iw\x13\xce\x10R\x92\x1aV@\x98U\x0e\xe7\xa9\xa3\t\x96\xb3n\xa7\\S5\x81\x8b\xc9\xcdB\x888t\xf9\x8d\x88\xf8\xb7\xae\xad\x9c\xed7|\x82\x88\x06\xa7z\xa1\xa5\xb3 \x90M\xd8$klL#\xc8K\xa5\x19\xddm\xa1}\xed`\x8fO\xce$\x88\x1d\x0c\x10\xac\x14\xad\xf4\x13\xe2\xb2\x83\xcf?\xf5\xad\xf3\xcf\x80\xc2iv7\xb9#\x11[\xbd\x04 \x9a`\x02\xa8\xe4\xa0X\x1b]\xd5a\x9f\xb7\xa4\x11\xf7\x7f\xe4\xc1[&gt;\xe9c\x94\xe7=\xd6cn\xde\xebi\xe7&gt;\x08\x90E\xb0 #\xd8"!H\x9fN\xe5p\xa7\x05\x89|\x92\nTN\xb9\x95\x136\xde\x85\x88o\xfc\xa9\xfb\xb9U\xdft\xb7\x802\x88\x90(Mz\x1c\xd4\x86:\x0f\xb7\xec\xe9Gi\xdcU\xe7\'D\x8f\xd1|\x90\xc5\xbb\r\xe3\x11\xb4L?FR\x0c\x11\x9f\xf8\xca\xea\xa1\x1a\x11\xfd\xf3\xa7Z|Q\xbb@\xc4\x19\xdb\x1f\xb6\xecr=g_j\xd9\xb5\\\xb0\xd1\xf1 \xf4d\xd4\x95D\x99B\xe7\xbc\x1dJ\xd92D\xac\x9ftPp\xeb`\x01\x00\x00 \x00IDAT\xcf\x85\xac\xc4\xbf\x19\xc2z+\xe9\xb8\x9d)8\xba\x9d\xc5=m\x99=\xd7\xeb\x18\x83!n\x88j\xf5\x9d0v\x0b\xc0#\xc5b:&gt;\x88\xf8\xa3e\xc1ZN\xa2\xf4\xaa\xce\xea\xd8\xd5\xb3\x99g\xff\x8d\x88\xb8\xfa\xd8\xab\x86W\x93L`\xde\xed\xc6\x81_\x13\x00\x80o\x83\xb18\x1c\x00\x00\xc8\x18\xa7\xfc\x99\xbb\xe5\xe9\x10\xa2(\xec\xacIv\xaf\rZ\xb9\x9b\xaai\xea\x13(\r\xa75\xaf\xa1o\x91\xf5\xa4\xa9\xdeg\x0b\x19\xb4\xe4\xba\x89\x9b\xee\x11\x1d\x0c,\x9c\xce&lt;I\xb0\x94\xb6y\'\x00\xa0p\xc0\xb9\xfa\x16\xc1\x88x\xd5\xd3\x1el`4\x1d[\xb2.\xcaC2g\xb7\x87\x98\x81\xfd\x17^mw#\xday\xe7\xff\xdc\t7\xa3\xb2z\x9dMyv&gt;\x00l&lt;\xf1\x0e\xf3V\x91Q\xa5\xfbW\x8e\xa9ZD\xb8\xb0\x93CQE.\xb0p:E5\xe1}\x00B\x13\xea\x96!\xe2\x92\xfd\xcf\x01\x00\xbb.\xce\x8f\x9bK\xf9\xe7OaT\xa1\xe9\xa4\xb7\xaecQMh\xd1\xc0sY\xd4s\x86\x938\xdc:\xbd$\t\x9a\xa3\xec\xac\x9d\xa7\xd5\x0b\x8cXu\x8b\xc9m,\xa1\x8f\xc8\xb2\xd1_\xc0\x8b\x93\x0b\xef\xfc\xd6\xd5\xef{\x8c9$k\xbcv\x19%d\x93\x9aXG\xa9\xb1M\x9f\xae\xb4\x03\xf0\xbe\x93_\xfd[\xe3\x14\x91\x9b\x95\xc5S\xd2\x00\xd3j\xd6e+\xa6\x83I\x88\xa9?\xbbud\x07T\xd0KjXaw\x13\x0cRO\xb2\xcc\x05\x88\x05(\xddw\xf2\xab\x05\xe7?\xa5Rl\xc9\x81\xe7\x00r\xcci\xa7E*q\xbbn\xf9\xdc\x9a\x0b\x9d!\xf0\x1e!\xe6!@\xe9\x06\xba\x0c\x0f\xf7\xe7P\x08\x97\x0co\x8b\xab^b\xa0\xdaL\xc8\xa6\xcb7\xe7\xfa\xed\x02\xcdv\x10#\xa0Bz(\xbef)M\ra\xc2L\xb4\x9d\x80pJK\xb5:\x1e\x93\x92\x95\x06\x0b&amp;J&amp;";\x8e\xae\xbb\xf4\x8d\x1e\xb3.\x11\x0e\xc0"\xf2CJg}#w\xae.\x991\x8f\xd0\x90\x02O\x94\x91\xf2\xf0q\x82\x88\xfd\xf7\xfc@\xee\x10\xeba\xf7\xdf.\x98+L\x01:S}S\xa6$I\x1b}\xe2\xa9\xbf\x01B!i\x04\xf3&amp;Qal\xe6\x01\x00\x00\xc9#\x86\xaf\xbc\x99E[\xbcx\xd1g_\x95\xe4\x9ci\x1fb3\xc6\t\x87\xdb\xf2\xf6?\x15rzs!\xe7R:\xa0\x12\x93\x1bO\x1e\xf0\xc2\xcf\xd4\xa4\xb9\x96A\xfe\xeb\xe7AL\xc7\x8b\xb7VP\x18&amp;\xf1\x87J\x86\xec\t\x14\x83w\xbc\xbao\xa6"Q]\x17P\x9eA\xa1\xacT2x\x07e\xe5^\xcc@\xb4k\xe0\xdfe\xd8\xce@;\xe2Z\xbb\xd9\xee\x81\xed\x1e2\xfb\x9du\xd5\x94-\xf7#\xe2\x85w~\x1bV\xe6\xd4\x8b\x98\xb2\xe5&gt;\x82\xe5H\xf1k\xbf\xcb\x8d\xc1\x1d)\x04\xa8j\xd4\x9a\xdb\xecn\x83\x17/\x9eMHO\xb2\x0181\xaef\x89\x013\x86[\xfd[VJ)\x85\xf5\x14\x99\xd9\x16\xf2\x89\'\xffbU\x951\x1cv7@\x136\x9b\x89\xd2\x05hTfOZ\x8fJ1V\xda\xdf\x8e?\xf2\x9bk\xb0T\x91#\'\x90\xa7\xe1-\x9d\xdd4M\xbb\xd8\xcc\xef\xc22\x0f\x8c{\xc2\xc1\x06\xc7\x80\x0e\xe9\xcb\xd0I\xb0}\x9f\x92\xc3\xd3\xb2\xda\xf9\x82\x7f\xb3\xfe\x1d\xbe\xb8\xc1\x88\xf85\xd9\xeb\x9c\xda\xb4z\xd8\xf2\x9b\x18\x08\x05\xa6\x8e\x82\xc4\xe1\xfc\x03\xf9\xfd6C\xf4@H\xb5\xcdSU\x0b\x86{\xb1F0\x14 \x97\xd1C\xc91\xdb\xd2\xa4\xe66bz\xdc\x11GX\xd9\x1cn\xa4\xec=\xf7r\xe5R\xb1\x005\x00\t\x9a\xb5-;\xf4\x82\xac-\xfac\x86cp\x98JZ\x08\xa5gN\xe4v+\x1b\xa4\x1f\x83\x88r\n\xcc:\xc8\x01\x80\x9a\xf1\xfb\x01*\x00\xcaXT\xc8\x08\x02\xd1\xa2\xce\x81g\xee\x1f\xef\xbe\xf5\x0b\x13\xf5\x96Ip\x0c@\xc4\x81\x8b\xae\xd5w6\xf7.?\xfd=\xc9\xbd\xad2\xe4a\xae\x8d\'{\t\xa5ut\x7f\xa0\x88\xf2y\x88hN2\x0cf\x89\xe7)]\x18\xcc\xc2\xa8\xedZ\xb8\xdd\xab@`\xab\xb0\x80bn\xb8\xd6\x19\xc7e\x07`D$N$\xa0I\xaa\xf2GF\x12\xe9D\xb0\xee\xb5+\xd9UU\xa7\xfc\x11\xcfI\x87\xd3\x1fp\xd2\x81,\xff^\xac$\x86\xd80\xd3&gt;w\x1c\xb3\xee$8\xa75E\x00\xe5\xda\xa7F\xf5\x97;*\xe3\xbd\xec\xf18\xe8O\xe1\xbdz:\x03JS,T\xb6\xb7\xd8V\x94%9"X\xd7\xbd\xa9_\xf5\xd3\x1e\x8cZx\xb8\xd1\xb1f\xfc~\x16\x8d\xe9\xa24\xfa"\xe2\xe4\xcd\xf7\xb2\xb8\x84A,K\xb6\xe3\t\x84\x80C3\x0b\x8d\x17/\xf2\x84\x97\xcfm\x1f2\x05\x01\xa6\x9d-\xaa&gt;\xb7\xed\x1c-!\xbf\x0e\x81\xd9\xe1\xf5\xc6\xea\x8f\xea\xaf\x19\x7f\xa8\xbd\x14\xec|\xb8\xbe\xb3`%}\xd3\xcb\xd80\xf90\xe5**Be\xf4\xb5\xf0\xcevS\xfeHj\xfd\xa8\xf4\x98\x04\xa8^\xbcx\x1e\xd1\x038\xb9\xcai\xe7&gt;\xc0;\xaa\x19+\xe8!\x1b\xf0\xe4\xb0\x8f\xf5\xb2\x0fE\xf3\xa4aB\xf2\xfa\x9e\xa3\xf7\xdcn\x95\xa3\xf6\xaa\x16(\x82\xd8\xc1;n\xfa\x8c\xa9\xe1P\x86tU\x0b\xaa\xd5\xdc\xff\x11"\xe2\xcd\xaf \x00@\x16]`&gt;\x9f\x8a\x11\xbb5G_\xcf\x9c\xda,;\xf8&lt;\xf3ebD\xf9&lt;\xe5\x0fk4N\x0e\xd6/*\xeb\xa53\xe0\xdf\x04\xa1\x8c\x12}f\x8c\xd5.\xa3\x893\xea\x97o=6\x94\xe7\xe0\xc5\x9f\x11\x92\x86\x1b\xa9\xc1\x05\xadv\xb7\xb6\x0bK\xc7\'\xd0\xccD\xf7)\x93\xf4[1\xb5\x1d\xd3\x0cT\xde1Ys\xecUn\\\xdc{\xfb\xbf\x80KD\xc8\'\xacwp\xb1vr\xd6\xb4\x965\xa7?\xc7{&gt; \x19\x7f\x19\x0e\xc0\xcc&amp;1\xc3V\xdc\xc4\xdek1\x9dE\xc7\xe7\xa5\xb3\xe3\xc9\x13S\x1e\x04;\xbe\xed8\xc7i\xe5\xbcR\x89%\x83w0\xfa\xca\x95\xae\x7fX\x1c\x13\xef\xc9\xfe_\xe0Y^\x9f\x1d\x19\xd3\xf5r\xdd\xef\xff\xf1G~[}\xf4\x95\xaf\x11!\xb0\x15\x00\x00\xf2x]\x83\xf6\xb4\xf1\xc5\x9f\xb1r\xe4\x9e\x0e\xba\x026\x07{=\xf5\xcf\xa8}\xee\x0e\x0c\'\xabn\xc0\xac\xe7I\xc4\x0e\x8a\xab\xe6\xa2~\xfd\x01 \xb7\xcf&amp;\xa5\x82d]Aw\x000A\xb2T\x9d\xced\x88f\xc0\xa2\x0b\x9f1Z\x85\x7f3\x8b\x86\x080\x1c\xd6\xe61\xb8\xc7\xc5\xd4\xe6\xd5\x908\xaci\xea\xc5\xdc\xcb\xf3\xc8?IG\xcd\xdes.\x07\x00\x88\x1d\xfc\xd4\xb7\x16\xaf\x80m\x82\xc8S#\x17\xa0\x14"\xfb\x99\xde\x18\x00\x80Lp\xf4O\xa8]&amp;&lt;\xa8\x99$ \xc1\xd5\xc1yh\xb8\x8e\x17O\x82s\x04!Xe&amp;\x0e\x7f\xf4KV\x8fSnX\xd9\x9c\xb3/{\x93\xb8\xbcG\xc5[\xab\xa8)\x9ciTR\x96\x0f\x90x\xeat\xea\x05}\xf1\xa0\xed\x92\x012\x98\x7fd\xea\xd6\xfbUN\xef3\xef\n\x00h\x98|\x88h\xf8E\xce\xb1\xab\x03\x11KY\xbe\xbb)\xadP\xa3\xb4z\xdc\x85\x9b\xaf~\xdf\x92\xe8\xd2\x18\xf3/a#\x01^\xcb\x81\n\x04\x13\xb5\xd4\x1e3/\x89\xac\x98\xcf\xf4\xb2\x05\xf9\xfd\xb6\x00p\xbe`\xc6\xa9\xf2z\\\n\x89\x80\xd0^m\xf3O\xd8\xdd\x0c7!\xdd\xc7^(9H\xb5\x03\xe2qh,\x86\xa4+\xd4\x9b^\x16\x1dQ\xeb\xd9\xff$\x1cx]\xf4\x98u\t\xcb/\xc7\x18\xa9k\x89\xe5^\x1b\x91\xfd\x9c\x8b\xec\xb0v\xa5\xee\xb7\xfeB\xf5T\xb5\xddF\xef\x0b-\x9bMw\xa1\x98A\xad3\x8f\xebi\xa1\x17\x96x\xd0nb\xf9\xf0\xdd\x87\xee\xff\xc9@\x05E\xeb/{\x13\x11!y\xa4fQ\xae7\x88\xa3\xcb_\xe4F&gt;4c\xf0\xd2\x1bt\xd5\xc6\x92\xa2\x81\xdb\xecn\x02\x15q\xc3V\xdc$\x14\x0f\xd0\xc2rm\xff\xb4\x965\xd6\\\xc8\x1eY\x8f-\xd7\x08\xbc\xa7*G\xee\x85\x90^\xfc#\'\xdfT\x9b\xf9\xb6\xcd;A5\x00\x0b\x83\x19,\xe5wDn\xbd\xae\xc4\xac\x9d\xa7%\xc1\xef\xa6\xf4\x8f\x03\x16]#w8\x1a 8\xa1n9\xb7\xec\x1e\xb0\xb0\xbd\x8ck&amp;\x94\x18Q\xa1\xe2\\\xedE\x81\xd0\xdeD*\xaa\x8a\x98\xbd\r\x19\x02\x0eY\xcd\n\x8ba\x128\x14x\xfas\xae\xbb\xd0\x98\xb9N\xddz?"2\xf4U\xdct\xe5\xbbh\xf3fJ\x10\x00\x88$3=\x0b\x1f#\xd9\xa3;1\x8c6\x0b\xd7_J\xbe_\xc2\xc1\r\xf9\x15\xfc\x01r\xfa\xb6\x07K\x06\x0b\x8c\xd2\x7f!B\xcc@\x99\xb3\x13\x86q\x1e\x8f\xa3\xd7\xdeN&gt;\x00/;\xf8&lt;\xaf\x8aX\xbdj/,L\x85\xd9\x13Do\xec\xad\xafI\xf3F\x940\xb8\x105\x9c\xc4&lt;?Z\xc9\x15\xa2\xad\'\xb1\x8c(d3\x9b\xf2\xf4\x8e\xad\xa8\x07\x00\x88hN\xe2\xb9.\xd9\xbd70\xa9\x88j\xe4\x08)\x99\xc5\xe4\xa2&amp;\xd3\x95ah_P\xd1\x0c\xc91\xd1\x8c*\x0f \xd4\xb3\xd3\x97y\xe9$(\xb9B\xe8T0\x0e.\x99\xc9\x1f \xfb.\xb82\xa0`\x1a\xff\x88RH"o7\xb7\xbei\xea\xc5\xbbo\xfd\x82d\x00\x16\xd7b \xf2\x98\x00\xe3F\x05-aKK\xd4sV\x1f{\x95\xf7\x17\xa5U&lt;\xb0E\xf8\xb7\x1f\xe5\x92\xcem\x03\xf0\'&gt;\x85\x89-\x87\x89"\xb7\x1b\x81S\x0c"2\x8a\x95d#\xf6Y&gt;|\x17Mq\xcb\x14\n\xd5\xf1\xb3=\x81\x9b\x17\xcbI\xa4\x8f\xef0\xf2\xa2Y\x9fq\xd5\x86\xc4\xa2\xdd%cd\xe0\x9c]\x8f\xba\xff\x8c\xafu\xef\xd3TA\xe6\xf8\t\x1b\xef\x96\xd4\x90\x0bP\r\xfeMz\x06`/\x00Q\x95\xf3\x01\xb8\xd0a%K)\xb3Di\x00E\xbe\xb9\x93i\xca;\x00\xaa)\x9d\xd1l1\x1b\x90\xe2z\x0e\x05\xf3\t\xbf&lt;\xaa{b1\x0e\xbb\x1b@\x86@\xabR\x96,\x96\x97\xd3\x9dV$\xa8\x07\xcbfx.:lW\xb6(u\xab\xbbv\x92N75\xd7\x07Y\x84\x15)\xc3\xd8!h\xe4\xea[\xb9\x7f\x08\x07H\xee*\xd9\xee#g_\xfe\x16Wl\xc3\xe5o\x1f\xbe\xff\xa7\xa4\x86\x15\xee\x1a\x10\xf1\x07\xd7\x98z\xdb\xeb$\xa3/\xc3\x81D\x85\x0e\x99\x84\x80\xf5\xec\x84[\xe6\xca\xda\xeaE1\x12\x9a\xb2\x82\x9d*\xfb\x18"\xe6\xf5\xddlw+:#A\x9c\x84\x00\xf8\xe5MQ(\xc1*\x17\x8bAhwa:$\x04\xbeK\x12K\x15\x1by2\x86t\xd5\x9b\xca\xc2t\x18d\x89r\xf7\xf8\xee\x01\xf2\x96W\x05\xf9\x8e\xf8c\xe7\xfd\x1f\xc9\x0c\x0f\xdcG=f]\xf2\xc8\xe7x\xdb\xeb\xf8\xfc\x8fj\xa3\xef\x8e\x1b?UhH\xb7\x8c\x1e\xeb\x11Qo\x14\xbcz\xfc\x1f\xadX\x9d\x17/f\xa3b\xa2\xd7\xce@\x1a\\&lt;#\xb6\xfbb\x86\xada\x86~\x8f*6K\x8b\xf4\xd6\xb5\xe3\xce\xbe\x83IU\x9d\x08&amp;\x81\x91\xf6\xc4\x1fz\xb2\xc5\x94\x8dq\x9c[\xe0\xee\xbc\xb9]w\xe3\xbf\x88\x10\xde\x06\xe0\x00\x08\x07\xf0\x97,a\x05n\x0e\xe9\xadk\x01B\xb9\x8f\xea&amp;\x1e\xd4X\xfe\x9a \x89b\x00Y\x951\x0f\xd9]\xa3!{\xa2`O7\xa2\xaf\xf0c+\xbfQ\xb8\xb1\\\x90g8\x01\x00\xe1\x1e\xb0\xab\xaa%T\xaeH\x89\t\xca3\xb4I\x05\x92\x84\xe6\xe53b\xa5\xabN\xc9\xe0\xedv7A\x05\x96\xa65fI\x86\x89 \x88\xb4#\x99\xb6pCcH\xe9,\xfeH9v\xfd\xa9\x82\xfe[?A\x04\x80\xae\xa3\xf6\n\x07`y\xa6l\xbd\xbfa\xcaa\x95\xd1w\xe8\xf2\x1b)\xbe\x1d\x03L\x94\x94\x13+f\xdbI\xe4\xd7\xee\xa4\xd9\xb1\x83\xc6o\xb83\xb0p\xba\xad\xed\xe9\xd8\x9a5\x8dS\x8e\xd8\xdd\x84\x8e\x9a- \xb8x\xa6\xcb\x16\x95\x04\x90n\xb4\xba\x84az\xcf\xec&lt;2\x85\xa62v\xfd\x1d\x1e\x93\xcf^\x05\x0f\x0e\xc1\xa8\x1e\x7f\x91\xf1J\xb2{oD\xc47\xfe@D\xfc\x0b\xf1#DD|\xf9\x17.7\x03\x7f\xa70\x14\x11\xd5\xcd;\x0f}*3\xee\x8e;\xfb\x8e%\x07\x9e\xdbp\xc5\xdb\x92\x95\x99,\x99\xd1\xdd\x16\x1a\xfcF\x9e\x04\xab\xceT\xe0\x0f\x9c\xdc\xb0\x92Q\xb5R\xd2\xd9\'\xa5\xb0\x0e\xb5\x8d\xff\xcb\x1f\xff\xf3[\x02s\x96j\x0e+Y\x8c$\x05\x92\xba\xaa\x05\xf4;\xeb*\x03\x15\x9a\x07\xd5\xbc\x8a*D\xb0\xa3N8::c\xd6\x9d\x12\x9a$\xad\xf1\xce!&amp;i\xf8\xf2\xc3/</t>
        </is>
      </c>
      <c r="E555" t="inlineStr">
        <is>
          <t>&lt;class 'numpy.ndarray'&gt;</t>
        </is>
      </c>
    </row>
    <row r="556">
      <c r="A556" s="1" t="n">
        <v>554</v>
      </c>
      <c r="B556" t="inlineStr">
        <is>
          <t>steps_per_sec</t>
        </is>
      </c>
      <c r="C556" t="n">
        <v>8000</v>
      </c>
      <c r="D556" t="inlineStr">
        <is>
          <t>5.3825006</t>
        </is>
      </c>
      <c r="E556" t="inlineStr">
        <is>
          <t>&lt;class 'numpy.ndarray'&gt;</t>
        </is>
      </c>
    </row>
    <row r="557">
      <c r="A557" s="1" t="n">
        <v>555</v>
      </c>
      <c r="B557" t="inlineStr">
        <is>
          <t>Loss/localization_loss</t>
        </is>
      </c>
      <c r="C557" t="n">
        <v>8000</v>
      </c>
      <c r="D557" t="inlineStr">
        <is>
          <t>0.006065226</t>
        </is>
      </c>
      <c r="E557" t="inlineStr">
        <is>
          <t>&lt;class 'numpy.ndarray'&gt;</t>
        </is>
      </c>
    </row>
    <row r="558">
      <c r="A558" s="1" t="n">
        <v>556</v>
      </c>
      <c r="B558" t="inlineStr">
        <is>
          <t>Loss/classification_loss</t>
        </is>
      </c>
      <c r="C558" t="n">
        <v>8000</v>
      </c>
      <c r="D558" t="inlineStr">
        <is>
          <t>0.3358646</t>
        </is>
      </c>
      <c r="E558" t="inlineStr">
        <is>
          <t>&lt;class 'numpy.ndarray'&gt;</t>
        </is>
      </c>
    </row>
    <row r="559">
      <c r="A559" s="1" t="n">
        <v>557</v>
      </c>
      <c r="B559" t="inlineStr">
        <is>
          <t>Loss/regularization_loss</t>
        </is>
      </c>
      <c r="C559" t="n">
        <v>8000</v>
      </c>
      <c r="D559" t="inlineStr">
        <is>
          <t>0.038219776</t>
        </is>
      </c>
      <c r="E559" t="inlineStr">
        <is>
          <t>&lt;class 'numpy.ndarray'&gt;</t>
        </is>
      </c>
    </row>
    <row r="560">
      <c r="A560" s="1" t="n">
        <v>558</v>
      </c>
      <c r="B560" t="inlineStr">
        <is>
          <t>Loss/total_loss</t>
        </is>
      </c>
      <c r="C560" t="n">
        <v>8000</v>
      </c>
      <c r="D560" t="inlineStr">
        <is>
          <t>0.3801496</t>
        </is>
      </c>
      <c r="E560" t="inlineStr">
        <is>
          <t>&lt;class 'numpy.ndarray'&gt;</t>
        </is>
      </c>
    </row>
    <row r="561">
      <c r="A561" s="1" t="n">
        <v>559</v>
      </c>
      <c r="B561" t="inlineStr">
        <is>
          <t>learning_rate</t>
        </is>
      </c>
      <c r="C561" t="n">
        <v>8000</v>
      </c>
      <c r="D561" t="inlineStr">
        <is>
          <t>0.079932556</t>
        </is>
      </c>
      <c r="E561" t="inlineStr">
        <is>
          <t>&lt;class 'numpy.ndarray'&gt;</t>
        </is>
      </c>
    </row>
    <row r="562">
      <c r="A562" s="1" t="n">
        <v>560</v>
      </c>
      <c r="B562" t="inlineStr">
        <is>
          <t>train_input_images</t>
        </is>
      </c>
      <c r="C562" t="n">
        <v>8000</v>
      </c>
      <c r="D562" t="inlineStr">
        <is>
          <t>[b'640' b'640'
 b'\x89PNG\r\n\x1a\n\x00\x00\x00\rIHDR\x00\x00\x02\x80\x00\x00\x02\x80\x08\x02\x00\x00\x00\x83\xaf^t\x00\x00 \x00IDATx\x9c\xed\x9de`\xd4J\x17\x86O\x81\xd2\xe2\xb4P\x8a\x15/\xee\xee\x14wwwwwwwww\xee\xc5\xdd\xed\xe2\xee\x17\xb7\x8b\xbb~\xc0\xf9~\xa4\xdd\xee\xb6+\x91I&amp;\xc9\x9e\xe7O\xb7\xc9\xe4\xcc\x9b\xc9\xcc\x9c\xc9d\x04@7\xe4\xa9;\x15\xc0\x0f\x11\x11\xd1I\xb0\xbe\x0b\xafi&amp;I%\x12\x14\xe8\x0e\x11\n8\x0fc\x9d\x08\xc5Z.\xac;`\x9b\xca\xa2\x083\x83\x88\x00Yx\xab\x10I$\x80\x00\xa56\xa2\x16\x7f\x8e\xf8\x18\xa5\x91\xaa\xe4 \x16\xfa\t\xf6\x14k\xb9\xb0|\xc7U\xbcU\x98\x99l.]/+R\x94\x18\xa0A,Nxh\xef6W\x9c\xb2=\x18\xa9P\xc8\xaf\xdc\x9a\xa5\x8c\x1a\x94l\xb3\xe4\x99a\xc5\x9b\x88\x04\xbc\x05H\xc2\x07 \x85B\x13\x85\x9a\xcc\x19\xb6\xea\x9ex\xef;t\xe5]\x80\xf4L\xd4\x13\x04\x17\x12\x8b\td\xb7:\xf6HQ\xdf\xd0nF\x1c\xd1\x00\x00 .\xc4\xab\xec(\xc4\xea3vR\xc0\xd0)c%&gt;!g)\x84\x91H\x17\xeeH`\xa1\xc6\xb3!zI\xd1\x16&lt;r\xd6\x9a&lt;p\xe9-1\xdew\xedy\x04\xbfJ,\xe5\x87\x90\xb1\xd2(5\xcc\x12\x84L\x0e&gt;1\xaa/!d\xe2_\x85\xb7\x02\xadQ\xb3\xc1\x94O5\xcbz\xc3;\xcc\xff\x85\x9b\xccI\x12\xd4G\x82\x81h%|svH[n\xd8w\x97\x9d\xcf\xa5\x06\xb3\x14N\x10\xfa#\x15o\x01r\xc8Ty\x0co\t\x04\x1fr\xd4\x9c(\xfbZD\xac7p\x07C1\x02\x9e\xa9\x1b\'\t\xea\xcb\xdc\xac&gt;)\xd2t^\x8a\xe2\x03\x00|\xad\x8e\xf9\x00D\x95h&amp;y`\xe9!w]w&gt;\x87\x7f\xe1&amp;\x08B\x1d\xa2gj\xa5\x92e\xcf\xd4\x8dT\xb2L0\xe4\xdc\'|d\xf5\x92\xfa\xd7U;/\xac%Z-V\x12\xc5-\xc3~5`\x8a\xfc\xe1T\x99\xab\x8c-\xdej\x11\xf8W\x06\xc8\x00\xe0\xed\x91\xa2\x1e@Z\xb1\x17\xc7.\x93\xb7\xdet\x80\x14\xa5\xdb-s\xfe\xee\xdbs\xce\xc5\x98Y\xdb\x00\xc4\x94\xad\x93\x90\r"\x02d\xe4\xad\xc2\xbc\x1c~\xa6\xcf:(Z\xf5^\x9bT2m\xdc\x8f\xb5n\x85\xd5\x97ic\x7fb7;\xe92W\x19\xd3v\xe2q\x80\xec\xe0S\x0e \x89\x88K\x12w\x9bu\xde\x89\xc7\xbd\xf8\x15\xf7?BD\x1c\xb0\xf8&amp;\xf8\x94\x05H\x05\xe0\xaf\xfa}\x10\xf6xI\xe5Nebs\x895N\xae\x8e\\\xe2%\x8c\xc2\xc976\x0e\x98\xaf\x181|7\x82H\x15H$x\xcd\xe2\xad\x16\x81W\x11\xff\xbc]\x83\x9a\xcf\xbf\x8f\xb8\xed\x16&amp;)\xd2\xa7\xd5\xb8#\xed&amp;\x9e\xb0\r\x9f\xde\xf9\xfb."\xd6\xe8\xfdW\xea\xd2C\x8a\xb5\\\x08\x10\x08\x00\x00\xc99\xdc\x96\xf9\x89\xc8[\x80~1y\x8b\xdfR\xd2\x1c\x05(\xd8x6@\x1c-%\x11z\xa3\xed\x84cS\xb6\xbf\x01\x80\xda\xfd\xb68\x0fI\x8d9\xbe\xb8t\xa8V\xa3\x97\xf3\xb9\x0c\xbc\xf12\xfa\xe5\xee\x0c\xdeE\x01\x12\x01D\x02H\x1d)\xb0\x11\x80\x0f\xcf;4!\xd1\xcc\xec`\x14\xe3\xee\x0eX8\xbb\xca\xde\x84\x9fP\xdco\xe0.A\xb0\'bA\xa5\x16\x02j\xb9t\xab\xe5:\xae\xccUg\xcakW\xc1f\xee\xf9\x08\xdeA\xd6\xe2 a\xb5\x1es.*UH\x84%\xd1\x85\xcf\xe6u0\x84s6^r\xe1\x80\x01 }\x85\x91\xae\xda \x89,\xbf\xfe3w\x83\x85 \xf4M\xff\xc57\\\xfa`\xe7\xcc?\xf4\x1d\x12\xd7\x0cg82x\xe4\x07\x88\xc1\xe1\x96\xccON\xde\x02\x08}S\xac\xe5B\x91!\x11q\xc8\x8a\x7fU\x15C\x18\x9d\xb9\xfb\xbfP+\xcd9\t\x0b\xf4\x08?\xb5W\n\x89\x8a\xb7Z\xe4\xc4\xcb\x8e\xd9\xf8\xd4\xee\xf1+?\x10\x02j\xd93\x18\x15\x92\xd7S\xa0\x87 \x08Y\x0cXr\xf3\xec\x07\xaa.\tf\xb8\xectQ\xc8/e\xc6\x87\xad\xba\xd7~\xf2IVb\xb8\x92\xd2\xee\xaa\x1a\xeb. D-\x0e\x90\x00b\x97\xcdQs\x92\xf5\xa9y\x07\xbf90\x15I\xe7\xb3\x8f\xaa\xf5Tk\xb2\x06\xc1\x91p#\x079\x90\xca7G\x07\xde\x1a\x08\x0bR\x1770\x1d\x91\x8b\xf0V\xe0\x02\x85\xde\xbdT\x9b\xa5IM\xb4\x82G\xf2\xe2\xfd\x7fZ\xb9\xd8\x17\x88\x00\xb9\xad\x03\xc4\xcd\xd5\t\x11\xaf\xfd\x0f\xabt[\x0fq+\xf2\xd2\xe9\xf6xA\x8cR\xbc5\xe8\x0eD,\xd0pV\xc8\x7f\x89j\x08\x7f\x1b\r\xdd\xddx\xd8\x1e\x80X\xaa\xc6\x1d\xd4|\xfe\xf9\xcf\xc1\xc5\xe6.u\xd9\xe9\x836\xe3\x8f\xf2\x96\xc0\x99\xf4\x15FH\xbc"[\xa7i\xa7U\x91\xe2\x80wTX\xc2\x11-cKD\x84\xf8U\x1c\x9cO\x00\xe0\xa5\xa5\x1e"\x0c{\xeec\xffE\xd7y\xab\xd0\x1b\x91\x101R`\xc8zM\x88\xb8-\xdcr\xe5\xcc\xe3D\xc4\x8f\x88\xab\xcf\xda\xc4r\xf3\x0f\xd5)\x84!A\xc4v\x93\xf8\xf7#\x11\x04a@\xa2\x87\xfe\xb4;l!k\xb5\xf1L\xe2A\xc4S\xef\xd0\x12\x8b\x7f\xbe\xae\xd6\xb1\xdc1H\xa3~\xd0\xb2\xdb\xd6\x83\xa2\t\xbb\xd4\xec\xb3\x19 \x02o\x15\x04A\x10\xc6\xe1\xe2W\x1b\xd7\x9b\xb1\xf2h\x86\xc6\x11q\xf6\xdeO\x00^\x16\xfb\x96a\x05\x886\x8b\xf1\xea\x99\xbb\x88\x00\xd9y\xab\xd09\x91\x84\xe7\x9b\xb3\xf6d\x9a\xd7A\xb8\x0fQ3\xb6\xe0-\x8102\xb6=\xcf\x1e\xea\xc5\x02\x00\x90\xb0z\xcb1\x87,G*tZ\xadRt\xac\t\xe4-\xc0\x00\xa8\xf4\xf1B\xc7\xf8C\x92\xdaF\xdb\xe8\x9e`\x8c\x9b\xe5y\x82%\x7f\x10\x01\x92\xd7\xeb\xbf\xf8\x06$\xab\x0b\x90\x99\xb7\x1e\xdd\xa2\xeb\xb9\n\x84&lt;\xfa/\xbe!\xef\xc2\xa0\xe6\xf3-m\xd6\xcf\x06\xaf\x7f\x17\x1f\xfbE\x05_6\xee\xd7\xe8\x94\n\xbd\xba8\x832\x8f\xdbQ\xa5\xfbz\xde\x12T\xe1\xc4+\xc9Y\xb9\xde\xc0\xed\xf2\xe2Ru\xb8\xa2\x96\x98\xe3.8B\xa9G(\x812\x0fs\xd2\xf3\x16\xe0\x0cD\xdc\xfb\xd0\x9c\x8f\xbc\xd1\xd0\xddZFg\x8e\x9a\x97\x1c\xb0B\x84\xd4\x93\xd1\xf8\xd3\x9e\xbd\x0f\x0c \xd2\xdd\xd0z\xa1\x95\xc0\xd2\x83i\xfe\x06G\xdc\xaa\xb6u\x9f;\x95\x8d;\xe4\x87\xa1+\xef\x96h\xb5X%\xe3\x17\xbf\x18&amp;\x01\x8d\xa2\xd3\xad8\xa3\xf1j\x8c\x15:\xafv\x872\xaf[\x10\x11\xa2\x97\xe4\xadB3\xd2\n\x7f\x84,\x97\xb6\xdc0I\x17\x1f\xf9\x0f{\xce\xbd\xa4\x82*\x82=\xde\xe9\x9a98\x93\x8e*\x1cB\xb7h\x9d3#\xa7i\x8c\x88#\xd7&gt;\xd44V\xc2lD\x01\xef\xa2j\xc7\x91\xa5\xeaX\x80\xd8j\xc7bn4\x1b\xa1\xe6\xaa"\xcb\xaa\x8d\x0c\x82\x90\xc4\xb4\x1doyK tF\xafy\x97yK\x08f\xce\xfe/v__\xcc\xfdN\x83\x88\x1b.itw\xcb\xff\xc1\x14%\x06\xaag_\xc3\xc7\x14G\xab\x88\x08\x82!\x9e\xbc\x05hH\x9b\xf1\xc7r\xd7\x99\xc2[\x05!\x16\x07C\x84\xe2\x0b\x07s\xd4\x9c\xc8G\x96\xca\x98\xa9ya\x9a\x1b!\x08eD\xb2{4~\xfen\x1a\xeb\xe0I\xc5.k\xa8F0\x10\xe9\xca\x8fp\xf2\x06\x1c/O\x17\x85\xf6\x9b\x8f&gt;\x88\x88e\xda-w\x14\xe0=\x8f\xdc\x12r\xcb\xd9\x10\xd1?_W\xe9\x06\xf2\xb2\xd7$\x17*n2@D\x80\xf8\n\x0cdd&amp;E\xe7D(\xc0[AX\x1c\xb5\x9e\xcd\xd4\xaaV\x04\xa5\x82Y\xf0s\x19"\xa8\xd9|\xe7\x01\xf6=DD\x04\xcf\xc2\x90\xb4\x0e#U\xf29\xfb18g\xc6\xc8\xdc\n\xe2V\x00\xb9s\x84\x84K\x92\x14\xe9\xc3^"\xa1{\x02K\x0fq\x9f*\xee\xd2W\xdd\xddiH\x81\r\xfb\xbeK\x0e\x98\xd0\x82\xd8\xd9\xda\xf1\x96\x10\xcc\x86K\x06\xcb\xf1\x88hg+\x0b?\xc9\x1b\xd9\x96\xef\xb8*~&gt;w\xea\xd7"\xacp\xaf\x8a&gt;~U\xde\n\xc2\xd2y\xda\x998\xb9:\x86?\xae\xdb\xe7\x12\x15 \x87\xab0\xa9\xb5\x10B\x18\x19\xbb\xdd\xd4\x9d\xb5\xdd\xaf\x97 \xb8\xa3fEo\xff+&amp;a`Z\x8c9\xa4\xcfv\x81l\x96\x1c\xfbe\xb2;\x12\xc3T\xdd\x0c\xa6G\xc4\x14%\x06p\x8a&lt;\x0b\xa7x\t"\x18D,\xdba\x05o\x15\x00\x00\x88x\xe2\xb5\xdb\xd5\x84\x06#{\x8d\x89&amp;sW\x137\xbf\x10\xee(r\xda&amp;\xbc\xb5\xb8#Z\xce\xe1\tC\xaclm\xc3\x1f\xac\xd6s\xe3\x84\xbf\xff\xd3^\x8cAA\xc4\x01Kn\x8eZ\xf7h\xe0\xd2[N\x82\xc5\xcd\xd5\x89\xf6G\x91M\xd5\x1e\x1b5\xa8u\xc5\x0c\x93\x9c\xb9\xfbC\xa2B\xbd\xd4V\xc2\x97\xbd\x0f\\\xf5I\xec\xfc\x17\xb5\x9b\x0e\xecY\xd8\xf4;\xdb7\x1c\xb2\x8b\xb7\x04\x93\xb0\xfc\x1f\xbc\xf0\x19\xa3gj%\xe5"%\xc3G\xd9\xa3\xb7o?I\x8b\xf6\xe5-\xc1!\x99\xab\x8eE+\x9c\x84D\xc4\xcb\xdf\x15\xa6\xaa\xbej\xa1\xbe\x0b\xafe\xd7jZ\x9dN\xf2\xa4\xbc1\x86N\xf8\x9fCS\x998\xdeo\xf0=F.\xec*\x04A\xe8\x8bL\xfb\x1eb\x84\x94\r\x00\xe2j\x1eu\xacs\x9f\xf0\x91\xe4B\x913\xfc!Dl=\xee\x08\x13ML\x98\xb1\xeb=o\t\x0e\x11*\xa2\x0b\xc2\xea\xcaQ\x8b;\x0b\x1a\xb3t\xfb\xc9\'\xb5\xd2\xa5\x05\x88\xf8U\xc3U\xc3\xf4P\xe1\xb3v\xc0Y\xf4pS\xe1\t\xb9G\xc7\x0b\xc5 "\x87\xf6`@MDl\xa5\xa7\xba\x89P\x89}\x0f\xb1T\xdb\xa5\xbcUH!B~\xe6\xcdsB\x04\xb9\xa5$\xb8\x97\x8aB4\'q\xe1\xde\xbc%hO\x8c.\xd3\xcf\xe6\xae;\x95\xb7\x0cu9\xf7\t\x8f\xfe\xe74W\x7f\x0f\xce\xf4\xf14\xd1#\x90\xab\xc7\xec\x0b\x88\x08\x10Q\xc3H\t.x \xe2\xcc\xdd\x1fx\xcb\x90\x82\x7feD\x1c\xb2\xe2_\x06\xa6&lt;\x0b#\xa2G\xca\xfa\x0cL\x11\x84\xe98\xf0\x18\x01\xa2\xf0T\x10\xa1\x00\xc4(\xa5\x92\xed\xbf\xae""\xbe\x10\xd3\xac,\xd8h\xb6J"\xec\x91\x1c\x00 J1\rcT\x8b\xc7\x88\x00\xe9\xf8j\xe8\xa4\xe7\xf96Q\x8b!\xe2\xc4-/y\xeb\xb0O`\xe9\xc1*\xc7\x90\rC\xf6`\xdet\x85\xde\xa7\xd9P\xb1\xcb\x1a\x80(\x95\xbb\xad\xe7-\x84P\xc4\xa8\xf5\x8f\xc5\xfa\'\xd5h1\xfa`\xdb\t\xc7\xd5\xb0\x1c\xda\x8b\xe6_\xc5Y\xb8\xb8\xb9:I5]\xb3\xcff\xd9\xb2\xac\xc8\xca\xc2\x08g.\xeao5\x16}\xe1]\x14\x11k\xf7\xdb\xc2[\x87}\xb4\xecg\xa6\x0em&amp;\xfc}\r\x11\xf1\xc6o\x13\'\xa6\xebU\xde\xcc\x81P\xfa\xd2W\x18\xc9Q\xc3K\x15k\x80&lt;\xa2B\x8d\xdd\xf8T\xba\xe9\xa4\xd2/!\xdc\x94w\x88\x00)y\xab\xb0G\xb2\xbaB\x150j\xdd#\xdeR\x08\xb1X^,\xa2\xa4o.\xef\xf2H\x81\x8d\x98\xab"d\x80\x88]g\x9e\xe3\xab\xe19\r\xf5 \x08.t\x98|R\xa8\xca\xb7\xde4K\t\xf4)\xc7[\x81\xea\x88\x9c\xaa\xe4\x00?Dl6r?{Y\x84\x1c\x12\xf3\x16\xa0\x971\xe1\x04cf\xee\xf9\xc8[\x82\xf9QZr&lt;\x0b\x9b\xa4\xf8%\xa9\xc5[\x81v(s\xc0\x04a\x03e$sB\x0fU\x03bgW\xba\xf7C\xbb\x89\xc7\x1b\x0f\xdf\xcbD\x0c7|\xcb\'.l\xf2\xe5\x84l\x89\x9f\xb8p\xaf\x0e\x93\xff\xe1-C)\x88\x08\x90\x84\xb7\nw\x87\x1c0A\x10\n\xd1\xe5\'v\xa9\xc4.\xa3z\x14\x9e\x85\xec\x1e\xe6R\x05#\xe2\xaa3T\xf5s\xa6|\xc7U;\xff\xa5\xa7@\x10\xb6\x18\xbbY\x9a\xb4\xb6\xb1\xf5\xf3!\xbb\xda\x11D\nl\x04\x907\xe4\xbfX\x96\xe3\xda?,\xab^to\x8d\xa3&amp;\x08\tPEF@\xe2\x9a\xa1\xbf}\xca!\xe2\xc97\xba\xce\x15\xd4\xaf\xa5{\xb2"b\xafy\x97yEo\xe5\x80M\xd1{aL\xa8\x9c\xba`\xd9\xc9?K\x8f\xff\x0es\xb0`c-\xd7\x0c!\xf8\x83\x88\x10\xbb,"\x16j2G(3\xfb\x1fk]l\x92\x04I\xd8\xc6`\xebM\xfcF\x05\xdb\x15\x888x\xf9\x1d\x80|\x1a\xc6\xe9\x17:y\xc9\xbaU\xa794\x8e\x8c;4\x9a\xcf5\x81\xa5\x87\x84?H\xe9\xe5\x9289;\xba\x0c\xe3\x99\xba\xb1\x06J\x18r\xe5\x07B\xac2B\x81y\x86\xe8\x9f\xaf\xab\xa6\xd1\xc7.\xabitn@\xb5\x9e\x1b5\x8eq\xce\xbe\xcf?\xf9\xd5\x1e\xddB\xe6\xbc\x9ezk\xa9\xf7iSEn\xc4\xcb\xd3e\xc8\x8a\x7f\xfb-\xba\x9e\xbcx\x7f\xdeZ\x8c\x81e\xf9\xf5\xd8\x1cE\xe8\x96\x8b_1R`C\xf1kzG\xcd\xd8\xc2\x88M\x19\xb4\x85\xb7\x1c\x82\x10\x8b\x90]\xbd\xd26\x15\xb2\xae\xbc\x85D\x08\x82\xb0\x01\x11\x1b\x0f\xe3?\x95e\xd9\xc9?\x00\x10%}\xf3\x1cZm,\xca\x05[\xef\xeb\xcb[\x0e\xe1\xb6\xc4\x96\x18&gt;\xa6\xe0\x80\xa9\xed\x18\x1eD&lt;\xf3\x9e\x12\x84\x90N\x86\x8a\xa3\x10q\xfe\xa1\xef\xbc\x85\xb8\x0bB\xe5\x95\xbd\xc6D\x88P\x80\xb7\x16\x06\x14m\xbe\x00\xc0\x13\x8c\xfaa%2o\x01\xdc\xb8\xf8\x05_\x93\x1feA\xc3\xa1\xbb\x11q\xff#JIB:\xd4\x98%\x94 \xe4\x9f\x08)\xeb\x87\xe6\xa2\xe8%\xb9*R\x17D\xdc|\xdd$\xe5\xa5T\xdb\xa5\xfd\x16]\xe7\xad\xc2\xf0x\xa7oFU(A\x18\x85\xc8}\x17^\xe3\xad\x81\x19\xc1\r\xb8\x18\xa5,\x83\x83\x14VF\x1a\x8f\xadKZT\xc2\xe0p7\xe8}M\xc1[\x00\xc1\x87NSO\xf1\x96`\x17\xdf\xf2\xa6.o\xf2i&lt;l\x0fo\t\x86\xc4d#\xb0\x10q\xc6\xee\x0f\xbcU(!\xb5\xf8\xa0k\xce\tO-\x81zj8r\xe6\x83I\xf2$!\x9d\\\x88\xa8\xfd\xa8~\xd7\xc4\xcc\xda\xc68\x992\xf2\x0f\r\xa5""Mh\x96\x81i\\\xaf\x80\x11\xee%=Sk\x9eN\xce\xc5\xccb\xa0\xeaB\xa7\x14m\xb1\x80\xb7\x04\xb7#w\x9d)\x888c\xd7{\xdeB\x08[:O;\xed\xe8T\xae\xda\x93i)vBC\x7f\x93\x1c"\xd9_\t\xd9\x19\x1e\xf9\x1a\x0e\xd9\xc5Z\x89\xb3\xb5\x9fJ\xb6^"\xc2\x82?#%\x04\xc1\x80\xca\xdd\xd6!\xe2\xde\x87\xd4v\xd4\x05\x114\x8c+\xfd\xf9O\xf8\x081Y\xb1~\x0c\x8dN\xdd\xfe\xc6+mS\x86\x06\xf5L\xc8\xfc\x87\xcc\x10\xaf2g)\xe0\xe7+b\x05\x15w\x06\x11\x01\xb2\xf1VA\x106\xac8%\xe7\xa3X\x9a\xb2\xc3\xdeS\x7f\x0fs\x10\x11 \xab6q\x9dy\xaf\xca\x07Q\x93u\xf3\xba$k\xb5q\x88x@\xbb\xe5-\xa3[\xfd\x0e\xdd\x93\\H\xf6\xaf,S\xdel\xeb\x0c\xd3\xc65\x84\x0e\xf9!\xb3\x12N\x9c\xb6\xdc0U\x04\xb93Z\xba\xae]w\xcd3\x1c)\x0c\xe5;\xad\xd2&amp;"D\xd4xJ\xb1G\x8a\xfa\xf6\x0e\xe7\xb4\xb4\xa5\x0e&gt;1\xe1\x03%\x08\xf3\x12\x99}=&lt;h\xe9m\x96\xe6\xdc\x83\xedw\xb0\x89\xd17x\'Tf\x9f\xbdoE\x97\xbe\xe9et7w\x01\x04A\x00@:\xde\x02L@2\xaf\xb4Mxk\xd0\x80\x0c\x88X\xb2\xcd\x12\xde2\x0c\x8c\xf5\xf4\xaaJ]\xd72\xb1\x99\xbe\xc2H\x19W\xd5\x1f\xb4C|\xe0\xc0R\x83eD\xa1K2\xda\xfek\xf2UN9nJA\x18\x90\x98\xa5y+\x90L\xfbI\'-Uj\xc5.k\x00r\xf2V\xa4\x16e\xda/G\xc4n\xb3\xce\xf3\x16\xc2\x19am\xc2\xfc\rg\xca\xb8v\xff\xa3P\x07&lt;v\xe3S\xe6\xda\xd4"a5D\xbco\xf0\xda|\xfdEDD\xf0)\xc7[\x08c\x0e?s\xf8\\Z\x8c&gt;\xa8\xa5\x12\x82\xe0Br\x88X R`#\xed\xbb\x16S\x95\x1a\x84\x88I\x8a\xf4\x91mA\x92\xe0\xf3\x9f\x8d]\x05\xeb\x81\x8f\xa1]\xd0\x01\xbc\xb5H@\x0f\xdd\xe6\n\x89\x97\xa7\x0b"Z\x0f\x883\x01&amp;x.\x04\xc1\x82h%\xb4.\x0c\x11\x0b\x86\xc4\x18\x07\x00&amp;o{-\xfcp7\x82\x9a\xcf\xe7-A\x02!\x8f,\x9f\xb1\xf6\x99Xq\n\x1fQE\x1fJ$\xde\x02B\x88Rl\xd1\x91\x9f\xb2\xae\xf4F\xc4\xb8\xb9;1\xd6cH\xd2\xf2\x16@\x18\x11\xef\xa0\x90\xda&lt;=@tD\x84$\xb5yk2\x02\t\xab\xe9\xe1\xa5\xa1\xfb\xec\x0b\x93\xb6\xbc\xe4\xad\xc2\x18 "@D\x8e\x02\xaat_\x7f\xf4\x85%\xcf$\xe7\xa8\x84\x19Ik?\xd3A)\xd0\x03i\xcb\r\xe7-\x810&amp;h\x8b\xfa\x11z\xf8\xe4h\xaf~,j\x12\xbf\x8aN\xc6!\x03@\xa1&amp;sT\xb2\xec\x93]\xdec\xca /:D\x8c\x9c\xa6\x89\xbck\r\x01"\xbe\xd5A\x86!\x08B:1J\xa9h&lt;b\xc189;2\x1cZbw\xfe\x8ct\xf4\xfb\x96 x_S\xae\xa6kiU \xa2\x9c!\xbe\x9e\x85\xe5\xbdh\xea\xa15\xa3*7\xff $5d\xf7R\x91f\xf3|st\xe0\xad\x82 \xf8!TO\x88h\x88\xe5m\x99T\xa6\xba\xad\x91\xf5\xf3\xfa\xab\x06\x88\x08\xe0y\xf3\xb7\xe67\x18\xab\x8c\xa6\xd1\xa9\xc6\xc9\xd7f\xfb\xd4}\xf1\x0bf\xaa&lt;\x86\xb7\n\x82\xe0\x897\x00\x88\xd8\xa2&lt;P\x03)\xce\xa9\xd3\x7f+"\xda.\xa3(\x87\xb5\xe7\xf5Y\x8by\xba\x81\x03\xb6\xf9\xe1~\xa4\x8e\x96\xb1\xa5\xec\x8b\x11q\xe2\xe6\x17\x0c\xd5\x18\x02\x13\x97\x08\x85 \xe2\xf8\xbf\x9e\xf3VA(@\x98\xfa\xc9[\x85(2V\x1ae\xe2\xa2\x98\xbd\xe6D\x80\x84\xe6v\xc0B\x1b\xce\xd47\xe8\x02\x85\xf7\x1ery\xf8\xad "\x02@\xb1\x96\x0b\x15H\xd3/\x888u\xfb\x1b\xde*\xf4\x08j\xbaz|X\xcc\xb6\xc8;\x172V\x1a\xad\xc2^o\x0e\t,m\x9aE\x8b\xd8\x92\x01\x11\x85\x99\xa0\xa6wN\xeep\x8f\x8e\x08\xb9\xf7\xb8\xf2.?\xfc\xdc~\xfbl\xebM\xd3\xb6\xdb6\\\xc2\x81Kn\xf2VA\xd8b\xd6\xdc\xa6[\x9e\xb2Ip\x7fzjv\t\xc9\xcf\xb1\xe6\xee\xff\x02\x89kh\x19\xf5\x9as\xa8\xf1\x9bS\xab\xb1\x87\x95\xac\xcdbh\x14V\\3w\x7f\xb0k\xc1\xc4\x1d\'\xb1\xb2\xb6\xe5-\x81\x08G\xeb\xf1GyKp/\x02\n\xf7\xdex\xd9\x84\xc5[\x0f\x14i:Oy\xcf\xa4\x92kw\xdf\xd3\xfe\xc9F\xd6&lt;F\xed\xf8\xec\xf8q b\xf4L\xadd[\xee\xbf\xe8\xba\x13\x07l\xee\xa9V\x04A\x10\x00\x00c7=c\xf8\xb6\x91\xa1\xe2\xc8\x9c\xb5\'+\xb1\xd0z\xdc\x11y\x17&amp;*\xd8\xd3\x94\xafM&amp;\xc6\x8e\x03\x0e\xa8I\x0f\x91 \x08\x1b2T\x1c%\xfc\xc8\\\xc5d\xd3\x0c\xa2\x99\xb5\xbb\x8f0\x04\x91\xddbs3\x82\x00\x00\x00D\x8c\x98\xaa!o\x15Z\xa3|\x19B\xfd\xcf9\x19\xba\xf2\xee\xe0\xe5w\xc2\x1c\x0c\x7f\xc4\x1aD\x04\x88\xbf\xff1B\xf2z\xce\x8d\xff\'\xe2\xae\xdf#v\x9f}\xc1e0\xb7B\xb7\xb9\x85\xd0\x01&gt;\x88\x08~\x15y\xcb0\x1eY\xaa\x8e\xe5-A.\x88\xb8\xf7\x01U\n&amp;$\xfc\x8bl\xf5^\x7f5\x1c\xba\xdbQ\xf8w\xc1\xe1\x99\xcd\x87FD\x80\\\xac\xac\x19\x1a\xe1YD\xcf\xdc\xca(\xbd\x0b\xd9kN\xe4-A69\x0c\x91\xc2\xe1\xb1\x1ak\x16\x93\xb7\x16c\xe1\x81\x88\xc3W\xdf\xe7-C\x16F\xa9\x11\x081 "@\x02\xab\xdfI%]n\xf8\xb5\xa6\xf5Jp)KZ[\xf8Q\xbb\xdf\x16\x05\xc6b1\x93\xe5\x80\x81Ko!"\xf8WQ;"5\xf0\xcb\xddy\xf2\xb6\xd7\x8e\xcf\xe7\xd5N\x8aD,\x0e\xf8\xecG5*diU\x81\xa1\xc8\x8c\x88m\xc6\x1f\xe3-C\ni\xca\x0e\xa3\xdd`L\x89\xd0\xeb\xbb\xed\x96\xe4v\xd5\xee{\x88\x88qruTG\x97\xdb\x92\x10\x00\x10q\xe6\xee\x0f\x00\xc0\xc4\x01\xa8=\xdd&lt;Z\xa6\x96\x88\x08\x90E\xd5X\xb8P\xbb\xdf\x16\x00O\xde*\xec\x83V\xa8a\\\xc9\x00u)d\xd6$\x16kR!\xa2W\xda\xa6\x9a\xc7K\x10\x0e\x90Q\x8c\xcd2\xdb2\x13o\x01v\x89\xc2\xd4Z\x0c\xa6\xd6\xec0\xff\xe07\xb5\xa3 \xc20i\xebKD\xbc\xf8\xd5\xc0\x05p\xc1\xe1\x1fZU 6\x8b\xbd \xa2z\x9b\x9b\x112\x19\xb3\xe1\x89\xdbnE"\xc3\x95&gt;\x0fu\xc0\xde\xae\xc2zW\xed\xb1A\xb66\xf5P\xf5\x1d\xc2\x1d\x88\x97\xb7\x0bo\tnL\xbcJ\xa3\xd7?\xe6-\xc2\x90H.\xf2\xf3\x0e|UM\x8c\x04\xae|GD&lt;\xf9\xc6\x9c\xb5\x15".:\xfa?\xe66\xd9\x1aT\r\x97N\xd4\x0e\x06w]\xbe\x06u\xc0\x83\x97\xdf1\x96`\x91 b\xdb\x89\xc7y\xab \xdc\x81\x04i\xca\x0e\xe5\xadA:w\x83\xab\xaa\xc4\xbc\x85\x18\x06DLP\xa0;o\x15j\x81\x88?\x8c\xec\t\x10\xf1\xb5\xd1\xbc/\x00\xac8e&lt;\xcd.\x89\x9b\xab\x13\r\xe8%\x08;$+\xd6\xcf\xf2\xbb\\\xc7\x95\x1c\x95\x18\x8eu\x17\xccVQZ\x18\xb3\xf1)"V\xe9\xbe\x9e\xb7\x10\xf9\xc4\xcf\xdf\xadD\xeb\xc5\xb9jO\xe1-\x84 \x0c\x83\x06=F\xc3V\xddSwpF\xa4\x82*\x1agN\x0e\x03O\xf2#\xd4b\xee\x81\xafF\xec\xbf\xb5%\xa6\xc1\xf5\x13&amp;\xa7\xfd\xe4\x93z\x1ba\x8e\x88\xbe9\xb5\x18+S\xbd\xd7&amp;\rb!\x08C\xe2\x9d\xbe\x99\xe0\xbdr\xd7\x99\xca[\x8b|\xf6\xdcG\xa7\xd3@\xed\xb3\xe9\nBDC5\xa2\x19\xa0\xcf\xe1\xe2&amp;\'\xa4\x81\x98\x81\xb7\x10\x82P@\xa7\xa9\xa7{\xcf\xbf\xc2[\x85\xd9H\x90\xbf;\xab\xd7\xc7b-\x17\xc6\xc9\xd5q\xc8\x8a\x7fE_\xe1\xc5$^Y$F\xc4G\xf4\xdeL\xa8\x0f"\xee\xb8C9\x8d0,\xa7\xde1\x1f\xe9\x9a\x83\x91\x1d\x03\x93\xaa\xd4 D\xccU{r\xc1F\xb3\x19\x9a\xad\xd1\xfb/\x00(\xd8X\xacM.\xbd\xc7\xd12\xb6D\xc4L|6\xd5\x88\xcf#R\xc2\x86\xa6#\xf6\xf1\x96\xe0\n\x8f|\xf4a\x85\xd0\x05qrv\x0c\xe3\x80S\x95Rwa \xfdP\xa7\xffV\x95,\x17k\xb104U\xa3\x97dev\xf1\xb1\xff\x8dX\xfbP|\xdd1c\xd7{VQK!\xe1\xe5\xef|j\xb7K\xdfP\x83U5\x08c\x13\xa5\x18y_\x03\xe0V\x0f\t\x11!r\xe1\x90\xfft4\xa2\xc1\xb8\x0c_\xfd\xe0\xf8\xab\xd0\xa5\xa4\x95c\xf1\xe8\xa7\xde\xb9Q\xced\x8eG\x8a\xfa\x7f\x10\x0f=\xd5"\r\xb3V\x1b\'&gt;\xf0\x13SW8CW\xde\xd5M\x8d\xea\r\xb1\xca\xf0\xd6\xa0?\xe2\x94\x17\x1f6\xbaz2,\xa4-7L\x83X\x08\xa3\xd3p\xc8.\rj\x16\x0c\x87\xda1\x9a\x97\xbc\xda$\xa0\x10\xcb\xa8u\x8f\xc4\x07V[\x12G&gt;\x9b\xfd\x06\x8d\x8f\x84\xe5]\x03\xd4SA\x10\x92\x18\xb4\xf4\x96\x06\xb5g\x18\xef\xfb\x87\xea2\xddc\x19\\!b1\x96\x0c\xc1Y(^%-\x94\x11\xaa\xc1p\xdc%\x11JaZ\x99\x9ap\x84O9-\x1dp\x95n\xebi\xa95\xa3 ,\xa6/&amp;o\x08\xc1\n7\x99\xab\x81*B=L\xdf\x93A\xe8\x9b\xa8\xc5\xa5\x85\xf7\x0e\x02\x08\xb8\xf8U\xc8\xb5)\xd5P\x14#K\xeb.\xd3\xcf\xa8aY%"\xa5n\x04Q\x8b\x859H=\xcf\x86\xa3\xe9\x88}[n\x88}d\x99*\x8fA;\xab\xd8\xca\xd8\xe9\x8f\x1ag|\xc9\r\x90\x9a\xb7\x06\xc2\x8agnSiv\x98|R^\xd7h\xb0kQg\xc7\xf2\xfd\x8f\x8c\xe6\xb7\xe2W\x89\x98\xaaa\x98c\xbb\xee\nw\x91\x9e\x8b"B\x06\x88xWJ\xc6\xeb&lt;\xedtx\x0b\xae.\xf2yn\x1d&amp;v\x19\xdbQ\x02\xaa\xb4h\t\x19\xbcA\xfc\x8d\x08\x10\x81\xb7\x10\x86$\xa9\xad\xc6\x02(\x11R6`Z_\xfb#"\xf8\x94\x03\x80\n\x9dW\xb33\xabO\x92\xc9\x9b\x04\x92\xb1\xd2(u|\xa4y\xc6\nd\xa88r\xe7\xbf"\x93(\xa2\xbaR\xf4I\xb4\x12.\x02x\x17\xd5DG(\x88xP\xcd\xb1\xd6I\x8a\xf4A\xc4]wC\xa3\x98\xb1\xeb\xbd\xb5\x03\x1e\xb0\xe4\xa6z\xb1\x13\xe2\xb1&lt;\x917\xc6z\x13p\x8e\xc8N995\xbbW\x90&lt;Iv\xf1\xc9\xde\x1e\x11\xbf\xbaE\xffa,\xde\x02\x08\xc9L\xdf\xf9\xceM}\xb6\x9a4\x1fu\x00\x11G\xacy\xa0^\x14qsw:\xf7\xc9R\xa5dE\xc41\x1b\x9e\xd8\xbe\x01\xc7V/vUAD\xf0\xaf\xbcP\xbb\xed\xe8U$]\xf9\xe1\xb6\x0f\xc5\x9d\xd0\xc9=#"\xc4\xaf\xca[\x85T$\x7f\xc9X{\x1e\x1b\x0e\xd9e\xb76\xcfV}&lt;\x00\xf4Yp\xb5|\xa7U\x19*\x8eb\xa0\x8e t\x0c\xc7\x9a\xa7\xcb\x8c\xb3+O\xe1\x98\rO\xb8\xc4\xce\x04k\x8fU\xbc\xe5"\xa9\xf3NS\x96\x1c\xa8\x93\x9a_\xe0u\xc8\xbd\xf8\xe5\xe9lu\xd8;j\x86\x16\xdc4\xa9M\xc6J\xa3\x00\x00\x11g\xec\xfe\xc0[\x8b\x91\xd6\xf4\xb0d\\Dl4t\xb7\xa4kg\xed\xfd\xb4\xf8\xd8/\xbb\xa7\x16\x1c\xfe\x01\xee5\x92(9o\x01\x84[\x13\'WG\xde\x12\xe4\xa3\xfc\x951A\x81\x1ee;\xac`\xabJ\ti\xcb\r\x0fs$\xf8\xee\xd8-\x93\xa7G\x10\x11 \x90\xb7\n\x00H\xc6[\x808\xfc*!"@v\x00@\xc4&gt;\xec\xb7g\x88\x1e#s\xab\x08)\x1b\xb06\xab;\xac*\x0e\x8e\x9b"h\x8d{4\xad\\p\x8bG\x133^\xde\xae\x88\xd8b\xf4!\xabc\xf94\xd6\xe0\x84\x1e\xb3/J\xbb i\x1d\x00@\xc4\xf3\x9f)G\x19\x99\xab?\xe9\xf9I`\xd1\xd1\xffY\xea\x0e\x03\xbe\xaa\x9ai\x84!aT~i\xde\xcd\xd3g\xc1U\xd7\xef\x8b\x9e\x85\x1d\x9e\xd2\'q* \xe2\xba\x0b\xc6\xaa\x82,\xd0l\x05\x11T\xea\xba6MYZo2\x94{Ve\xd8\x80\x0e\x98\x1b\x95\xbb\xad\x97\x14&gt;A\xfe\xee*)\xe1\rm\xcb\xaau\xc1\x89\x9b\xbb\x93\xc5\xfbn\xbb\xe50^D\xdc\xffH\x17\xc5\x19\x11\xff\xbe&amp;ve\x92\xe1\xab\xef3\x8b\xd8W\xc2Z\xc7\x8a\x88T\xa8@\xa3Y\x1a\xc5e\\J\xb6Y\x02\x9e\x85/~\xd5E\xa6\xd4\x05Q\x8b\x97l\xb3\xc4\xf2\x1e\xf9\x9d\xbc\xaf\x9a\xbcE\\q\xcaT)&lt;m\xe7;\'\x8e\xe7\x9d\xe1\xb3\x93\xd89\xb5^i\x9b\xaa\xaa\xc3\x1a\xebo\xa5/\x9c\xa6\xb0~\xda\xd3\x17\xbe`\x99\xf6\xcb\x9d\x87\xa9\xd6c\xa3\xcb;2&amp;\xa1\x1f\xa4&lt;S7\xe2\xa8\xc3\x8d@\xc4v\x13O\xf0VA\x10\x84\\\x12T\xd5\x89\xf7B\xc4n\xb3\xce\x0b\xbf\x8b\xb7\\$a\xb0\x92O\xb9^\xf3.\xab\xae\x8f\x05\x8d\x87\xefE\xc4\xbd\x0ft\x91\xe0\x0c\xb1&lt;\xa9j=7\xfa\xe7\xeb\n\xb1\xcb\xf2V\xe4\x1e "\xc4,\xc5[\x05A\xb8/\xca\xddg\xa2B=\x99(Q\x88u\xff-\xda\xc2W\x18C\x8e\xbd\xc4\xd3\xef\xf5~;\xe1G5\xbb\xc4\xf2\xa4N\xbe\xd6\xfb\xdd\xa9\x8b\x96\x99\xb5\xc3\x94\x7f\x10\xb1\xee\x80m\x88\x98\xb7\xfet\xcd\xe2\x15\xcf=D\x808\xbcU8#\xa8\xd9|\xde\x12\x08\x03\x12!\x7f\xf0\x0f\xdf\xf2\xf1\xf2t\x91a@\xe7^\xcd\x94\xde\x17T\xec-\x8f\xdez\xdc\x11&amp;\x86\xd6\x9e\xc7\xba\x03\xb6\xcb\xb8P\xb8\xb5xy\xbb0\x91aT\xb4\xcf\xaf\xb5\xfbm\xd5mi\xf1\xc9\xde\x9e\xb7\x04\x96 \xe2\xcd?\xfaJa\x07\xc8Xg\x9f B\xf9\xfb\x9a\x1e\xeb\x13\xa5\xc4(\xb5\xe6\x1c\xe6o0C\x1d\xeb\xe9\xe4\\\x14P\x0b\x11\xdf\xb3L\xe7\xb8\xecL\x19\x87b-\x17&amp;*\xd8\x13\x00r\xd4\x9c\xa4q\xd4%Z/V\xee\x80\x93\x15\xed\xc7V\x95)\xc9Zm&lt;o\t\x84\xbb\xf3X#\xbf\xe8\xa1\x93\x81\xcd\x0ci?Iw\xc3ef\xed\xfd\x84\x88\x10\x83&gt;#*\xe3~\xb8R\x11\xce\x1d\xc6\x17\xfed\xab&gt;A\xf2\xb6z\xae\xc9\x06\x10\x00\x10E\xf6\xf5S\xb6\xbd\x16\x96\xc8`\x87W\x8b\xd1\x07\x99\x1a$\x08\xce\xcc\xd8\xf5\x1e&lt;\xf2\xbb\x0e\xa7\x1a=\xe7\\T\xef\xc5\x14\x11\xc3o\x9ad\x1e\xe2V0\xdb\x0b=\x11\x82g\xf8R\x81\x88\x07\x9f\xa0\xf5\xbfV/\xa9\xc6\xdeH\'S\xe51\xd5{mr\x15*\x1eew\xe9$sr\xce7g\x07\xadd\x10\xf6\xd1C\xaf\xac\xb0\xf2\xb9\x1a\xe8\xe1\xee\x08e\xc4q\xd3\x87x\x1b\x11\xe2V\x14\x11P\xda\xc2\xdf\xfa\xe4\xe6\x1fQ\xcf\xd8T\xdbc\x01\x00@\xb3\x91\xfb\x11Q\xdb\x89\xf0\xf92W\x19\x0b\xe0\x01\xdeE-SD\x08\x8dADHTC\x9f\xc3,\x18\xa2\xcd\xdd\x15k\xb1P\x85.@\x02\x00\xe0_\xb3gQ\tD\xcf\xd4\x8a\xb7\x049\xfc\x12\xf1\xf0\xc6\xff\xf5\xdc\xf5vF\x91\x8b@\x82jl4\xe9\x86\xc5G\xff\xa7e\xfe\xceV}|\xbd\x81;\xb4\x89\x8bp\x89\xb0\x94[\xec\xec\xedx\x0bQ\x85\x9f\x1a\xd5\xdd\xd1\xc9=\xa8\x87\xf0\x04k\xf7\xdb\xc2[\x08\xc1\x9bN\xd3N\x9b0\x1fx\xe4_\xfe\x0f\xb6\x1cs\x88\xb7\x0eY\xc4\xab\xcc[\x01\xa1_\x84\xba\x9b\xe9p\\\t\xf4\x98}\x01 \x15\x97\xa8MC\x0f\xd5\xc6\x07\x14mNs5E\xa0\xab\xa6\xe5\x80%7u\xa5\x87\x80\xa8\xc5x+ \xf4\x8bPw\xdf\xf8\xcd\xa1\xccZ\xfa\xf6\x93\x15\xd3\xc9\\\x8c&lt;\xbc\x05H#\xf4\xe3H\xb2\xba\xcc7\xe8\xbbM\xdd\xda"Q\x9eF\xcdF\xeeO\x90\xbf;\x80\x9fr1\xc9\x8a\xf6s2\xb5\xa9P\x939\x88\x08\xfeUl\x8e\xc6\xaf\xaa&lt;^\x0b\xed&amp;\x1eG\xc4h\x19[2\xb4\xa9OD?w\xbfXY\xdb\xb2\x8d\xba\xdf\xa2\xebl\r\x12\x16\xec\xd6z\xea}\x87\x16\xcc\x8eZ\xf7\x88\xb9e\xe7\xdc\xb1\x1a\x9d\xfa\x84jy\x19\xf8W\t\xc9\x12jmNJ\x0eXE,)\xbb\xf9:\xaaW\xbc\xc3\xd0f\xfcQDLUr\x90\xcd\xd1H\x85\x98F\x92\x80\xe1\x8d\xa4.3\x14\x113V\x1a\xc5\xca +bek+r\xb0\x9b\xf5\x935X\x89r\xcb\xcesD\x0c7X)\x06".;\xa9\xd6\x1c$.\x8b\xccX\xf9_\x1c\xb4\xec\xb6\xf6\x02\xf4@\x9e\xbaS\x11\x11\x12V\x97W0\rV\x9c\xdd\x81\xd2m\x97\x15k\xb1P\xd2%m\'\x1eg\xee\x80W\x9e\xb6o*W\x9d)\x88\xe8\x9d\xae\x99\xf5A=\xe7!!Y\n6\x9a\xadMt\r\x06\xefd\x9b\x1a\xdbn\xd9&lt;\xd9\x1f\x88\x88\xe8,\x87p\x9d\xedj2X-RhJ.}CD\x1c\xba\xf2n\xecl\x8aF\xb7EI\xdf&lt;B\xca\xfa\xacTi\x8cP6;N=\x85\x88\xb4\xcd\xbc\x19`\xd7\x92J*\xeeRi_Mr\xd4\x9a\x84\x88\xd6K\x7f\xec\xb9/\xd3\xf1\x17i:\xd7\xee\xf1\xafL[\x12\xcc=\xa2\x08\\%i\x94b\x00\xb1\xa4\x99L\\3\xe4W\x04\xe79D\xcf\x8d!\x13\x10)\xb0\x11\xa50[\x8c\xfb\x168|\xcd\x03A\xbc\xb0\x96"#\x12\x18\xeeK6g\xfey\xab\xc7\xdc#&amp;O\x9fx%\xf9\xbd\xf9[\xb8\xf0\x8fd\x95\x9f\r\x97\x1c^\x85\x88\x1d\xa6\xfc#\xd5\xa0\xa1\x11\x9e\xc2[\xe9=\xd2\xe1i6r?;]DX\xfe3\xac\xb7p?\xe2\xabgZ(\x83\x87\x9e""\xee\xbaG\xf9\x81p\x00"\xderP_\xa4-7L\xc8FR6\xb8\xce\x1dR\xfb\xa7\xb7\x8eBF\x95T\xad\xe7\xc66\xe3\x8fJ\xbd\xca\xacX\xbe \x94n\xbbL\xa1\xa9\xfc\rf2\x91D\xd8e\xd0\xb2\xdb\xe2s\xbb\x8cr\xe1\x93\xbd="\x02\xc4\x94z!\x11\x06U\xdbI\x88\x08\x11\x0b\xaag\x9f`B4\x00H\x90\xbf;"\x02\xc4\xe6\xa4!!\xf8\x96wtn\xc2\xdf\xff\x897\x94\xa8P/\xc1I&lt;\xb7\xce\xd9\x11\xf2\xdbu\xc0\xb3\xf7}\xd6\xcd\xcc\x04\x03`q\xc0\x9e\xa9\x1b\xf3\xd6"\x81\xeezZ\xe1K\x9b\x9e\xcc\x91k\x1f~\x17\x1dK\xe7\xe9g$G\x90\xa0\x1a"\x02$\x00\xf0\xac;`\x9b\xe4\xcb\xcdM\xcc\xd2\xe2\xc36\x1e\xb6G=!\x84\xd6\xa4\xaf0\xa2\xd3\xd4S\x92.\t,=\x04\x00\xae\xff2I\x9fU\xe6*c\xec\x1eG\xc4;\x0e&amp;]\xa8/J\x1a:\x94\x04\x00y\xeaN{\x8f\x88\x88\xf3\x0f~\xe3\xad\xc5\t\xba\xde\x1c\x1a\xb4\xcbri\x01\x928&gt;\xcb`\x1e\xa0\x80p;\x9b\xaf;\xbf\xa3,\xac\xa2\x03\x80\x8a]\xd6Hj\x91\xb3B\xe8\xc8\x05\xc8\xed:h\xa4B\x00\x11\x01\xbck\xf6\xf9\x9b\xc9`\xc3s\x1f\x11\xc0\xb7R\xd7\xb5+N\xb9\xc89\x89\x0b\xf7R\x1e\x1d!\x8d\xb8\xb9:Y~\xeb\xd3\xa3\x10\xc6\'E\x82\xfc\xddykp\xc1\xdc\x03_\x01R\xf0V\xe1\x10D\x04\xc8\xa1\x8f\x12\x1a\x81\x95!K\xa7\x088\xa8|\xd8\xdfo\xd4\xe2I\x82\xfa\xb24(\x0e;\xfdj\xae\xa8\xd6s#DR\xda\x03\\\x7f\xd0\x8e\x90\x04\x8c\xe7|3\x15\x00\x00H\x04\x89j(\x8c\x91\x90H\x94b\x00\xde\xc2O!\x97\xcc\xd9\xffE\xccu\x03\x97\xde\x12Q62*\x13g\x06\n7\x9d\xabv\xa5\x89\x88\x7f]\x95\x10E\xbb\x89\x9a\xee&lt;\x1a\xd4|\xbe\xfe\xbf\x85#"\xc4*\xc3[\x85C\x845(z\xcf\xbb|\xfa\xbd\x98\x07\x1d\x13\x11\xc7n|\xca\\\xc6\xbc\x03_{\xce\xbd\xc4\xcaZ\xd7\x99\xe7\x10\xb1\xf7\xbc\xcb\x10\xeak\xad?\x0cG\x0b9\x18\x8fU\x8c\xbc\x10Fqj6Q\xd0B\xe6*c\x1c\xf6\xeb\x84\xdbs"r\xda&amp;\xfah\xe1\xe9\x84\x9cZG\x18?\x7f\xf7\'\x88\x10Al\xbfG\x9c\\\x1d\x1d\x9d\xea5\xef2=K\x01\r\xd2A\xaa}\x85z\x82\xc7R\xb5s8\x96\xea\xdc\'\xf5\xee7\xabj\x96\x19"\x7f\xeb\x8e\xf7\x83\x99\x00\x00 \x00IDATk\x97T\xeb\xb9\xd1e\x18\xe1\x01\xedf;r5\xb1\xda\x1b.\xa5\x0f\xe3\x80\xd3W\x18)D\xd7w\xe15\x86\xd1\xb4\x18s\x88a\x1bB&lt;\xfa\xaf\x0cU~\xbeP\xb9\xdb:\x86\xc6\xcf\x7f\xd6{zJ\xc6+mS\xe1\x01\x94i\xbf\\\x89\x9d]\xf7\x82\x1f\xe4)]N^R\x89\xe6\xa3\x0f\xda9\x1a\xa3$"\x9eW\xd1!\xc9a\xdc\xa6g\n\xae\x8ea)\xa8\xf2&amp;\xa7\x9dx\x8d5\xfbl\x96\x1b\xbb\xe1_\x864\xa0d\x9b%\x88\xb8\xef\x11\xcb\\\x87V04\xeb\x94\x8cBt\xffS\x1ec\xbcJV\xff$\x80\xe4\xf5\x94\x1a4#j\xcf\xee;\xfa\x82^\xc9\\\x91\xab\xf6\x14\x80|\n\x8d\x08\x0bd\xf7[(j%^\xb5\x8bt\x89\xd6\x8bE\xaf\xd7\xa1\x08D\xdcq\x87O\xf6\xaa\xd9\xe7om"\xc2pX\xbe_H5\xa2\x86&lt;B5\xbc5\xf7\xbe\x00\xa1Y%\x9a\x12#\xdbn\xa1\xf96\xff6,\xd9]\x07!4\xa3\xc1\xe0]\xaa\x96j[W\xe1j\x93`\xc5qY~\xc7\xcb\xdbE\xd5\xb8\xac\x99\xb8\xf9\x05"^\xff\xa5z\x15\x13Xzp\xb8\x87\x95\xc8nH\x8f\x14\x0e\xdf0\x02\n\xf7\x16\x8c\x14v\xb0F\x98\xb9\xb9\xfa\x13\xb3\xd7\x98\xc0+\xf6\xeb\xbfP\xf6\x10\xaa\xb5\xe7Q\xe1r\x8c\xbcx\x87\x08\x10I\xedX\x8e\xbf$\x1fO\x18\x8d\xae3\xcei\xd0\xac\x8e\x9f\xbf\x1b"\x86\xeb`\xc9\xd2Q\xc5\xb5\xa8\xb4x\xe7\x16\xb0\xb40\xfcrwV/\n\xe1\xc7\xaa3(f\x11\x0c\xe7\x0f\x94\xde\x80C\x1a.\xb15\xdeeV\x07)\x9f\x96k\xec*\x10\xb58\x00\xb4\x1ew\x04\x11\x97\x9d\xfc\xa3vl\x92\xd6HqB\xd7\x99\xe7\x0e?w\xf32H\x00t\x9ev:|\xa5\x90\xbf\xa1*\xeb\x1c!\xa2\xdd\xef\xf6\x85\x1a\xcff_+\xc5\xaf\xc2\xd8\xa0S\x844\xdc~[\xb5\x12\xa5\xf97\xb3\xb6\x13\x8e\x01@\xd8\x1d!\tBo\x04\xd4\x02\x00\xff\xbc]5h\xd9\xc4\xcb\xdb\x05\x11\x7f\xb0\x88\x08\x11\xd5\x1c)\x19\xcc\xdf\xd7\xc8\xc7\xeb\x9dH\xe1\x1d\xb0JY\xf9\xc2g&lt;\xf0$8\xae\xca\xdd\xd6Y\x8e_\xf9\x81\xe9\xca\x0fW#F\x0b\x85\x1a\xcfQ6\xee\xc9\x05\\\xbe\xcf)AP\xbb\xe5\xa6+\xc1Ijk"\x87\xd05\xcdF\x1e\xe8=\xff\no\x15\xf2\xc8\xac|H\x8d\x85\x05\x87\xbe\x03d`eMm\xfcrw\xae\xd0y5o\x15\x84+\xf2\xd6\x9f\xae\xa5\xe7\xe0\xe2\xa5B\xbc\xa3Z\xfd\xd2\xb6\x9f\xba\r@\xb5\x9e\x9b\x8c%\xd8\x1c\xd4\xe9\xbf\xb5x\xcbE\xbcUH&amp;l&gt;\xb1Yw6\xb2\xe6rlp\x9e\x87){\xab\x8c\'o\x01\x8a\xc9Zm&lt;"r\xde\x1cJ\xf1\x82/\x06$\x1b\xc3\xc2\xc9\xdd\x01#b\xfe\x063$]\xf2\xd6\x95`\xaa\xbcT \x07s\x8b\x9f\xd5\xcfua\xf3\x89\x9e\xaa\x0b\xe7y\xd8\xb8{\x00\x1b\x84X\xbc\x05\xc8\'\xf8m\x8c^D\xe4\xa1&lt;\xdd\xce|`\x96\xf2\x161\xb3\xf7}VnM\x9e\x80\x83O$\xdc\x88\xb0\xb97"v\x9fuA=U\x849pRL\x1e\xe9\xa1\xe2\n\xb7\xa4\x94-f\xde\xf4)u\x99!n\xeaA\xe4lB\x12\x8e4e\x87r\x7fy2(\x9b\xaf3H\xb4{L\x1d\xf0\xf4]\xef\x95\x9b\x92\x87w\xbaf\'_K\xb8\x17a\xa5\x08D,\xder\x91o\x8e\x0e\n\xb75\xb5\x1f\xaf\xd5B\xf6\xc2\xae\x94J\xa2\x10O\x83\xc1;\x95\xc4E%\xd1l\xc4\xad\xc8[\x01\x00$\xee9\x87\xf9\xe2_\xc9l}\x07\xd7&gt;T\xed9\xf4\x94M)m8t\xf7\xe5o\xb8\xf5&amp;"\xe2\x8d\xdf\xcel\xb6\x9ft\x92I\x8cD\x08\xb1D,\x8f.\x0e\x9f\xb2l\xec(\x98\xc1\xfc6\xb8\x1c\x8aZ\xfd\xdb\xaa\xdc\xb2\xd8` \xa0\x96\xcb \xae\xb6\xdcaF\xc8\xed\xc8\xe9\x1c\xb3$\xcbW\xf2\xc1\xfa\'j\xb1\xd3\xef\xf0\x93\xbb&gt;)\xb4\x85\xb7\x1c\xe3S\xa9\xebZ\xa9\xe9\xf8\x1a\x11\x11k\xf7\xdb\xa2\x92$\x13\xd0s\xee\xa5\x9c\xb5&amp;\x87?\x9e\xa1\xe2H\x97\x19\x97C\xb6\xf6\x0e\xb2\x1b\xe9\x7f\x88\xbf]\x89\xb9\xf6?\t\xe5p\xcb\rD\xc4\xbc\xf5\xa6\x01\xc0/\xc4\xd1\xeb\x9fX\x9f\xbd\xf0\x05\x11\xd1+]S\x91\xd6t\x85\x92\xfaH\xdd\x1a\xcdOX\x8eQ\xd1\xaaR\x84\x80w\xba\xa6n\xee{\xbaL?\xa3\x95\x03\xf6Q\xd3\xb8\xea\xc4:\xf5N\xf5u\xa6T\xb2o,\xc6n|\x1a~wqG\xe9\x93\xa1\xe2(\x1dv\xda\xbcF|lO\xad\xc5Y:#~\xd54e\x87I\x8d1J\xfa\xe6v\xa3\x0bI\xb7\x94\x00\xfe\xd6\xc7\xa5\xdaW\x89\xc8i\x9a\xa8d\x99m\x99j6\xf2\x80\xd5\x7f\x91@\\\x1a\xca~\x83w\x1fL\xf3\xf2\x87\x88\xdcG\x92\x132\t\xce\x7f\xdeA\xdaF\xeb\xabmt\xe2\x89\x1d\xe6\xffv\x93N\x98\xa0\x88\x8ad\xec\xc6\xa7\xd3v\xbe\x03\x80g\xf6\xef7\x0f$\xae\t\x90+\xcc\xd1]w\xed\x06N\xee \xd1T_PP$\x88x\xf6\xa3*\x8f\xd5R\xad\xcf\xda\xfbI\r\xfb"5@\xe4"\xbcb7\x04V\xde\xd7\xdfuh\xbd\xa2\xc7N8\x13\xa0Y\xaa\xed\x7fL\x8f\'\x14{/s\x89\xdd\xc6\x01gA\xc4k\xff\xc3\x02\rg""@\xdcp\x012A\xa4BJ\x17\x13\x8e\\X\xd1\xe5\xac\xf0\nB\xc4\xe0Q\x90\xf1*37\xcf\xfd\xd5\n\x11K\xb5Y\xca+vC\xc0\xf1\x19%)\xd2G\xb9\x91#\xcf\xb1@\xc3Y\x8b\x8f\xfeO\xb9)"\x0cY,\xd9\xa2\xcb\xf4\xb3\xce\xe7\xdd\xb7\x18sH\x0bE\xb2(\xd8h\x96\xdd\xe3\xee\xe1\xcf\x0c\x86P\x19U\xeb\xb9I\xf5\x98&lt;u\xe1\x83U]\xe2G\x0f\x0eX\xdeF\x93nC\xe4\xe0\x07\xa4B\xf3\xcb%\x88X\xab\xaf\xec\xdd&lt;\r\x87w\xf5^\xea\xd7*\xe2\x98\xb4\xe5\xa5\x98`\xa1s\xedC\x8aq*\xcb\xbf\x10\xdc\xe9\x97\xcfr6q\xa1^*H\xd5\x10i}ea\xd6\x82\xf7c\xa9D6\t\xaaAlf\xc3\x98\x19\x82\x889jN\x14\x13\xcc\xa5\xcf\x98\xbc\xf5\x95\x10 F\x96\xd6L5\xaa\x87\xcd";c7&gt;\x15~(\xd8\xc9X,\x03\x97\xdeBD\xa1?\x9f\x0b\x88\xd8~\xd2\t^\xb1\xeb\x9f\x8c\x95F!\xe2\x8e\x7f\xf9\xb4Q\xfe\xba\x8a\x95\xba\xae\x95qa\xb2b\xfd\x98\x8bQ\x1b\xfd\xf4 ^\xf9\x81\x97\xbeIT"\xa8\xcf^cb\x98\x83\xa9J\r\xb2\x9c]y\nA\xfa}"b\\\xd5\xf6\xde\x91D\xb5\x9e\x1b\x9d\x9e\xd7\xdd@\xa7\xf0\xa0\x9d\x9d\x9a\xf8#d\x89\xc0\xd2C\xc4\x07v\xea\x86\x03\xb8\xbf\xd81\xc1\xe8\xfaM\xc6\x92\xe3\xbf\x15Z\xf0L\xddX\xd6u\x12\x96\xd7`\x9d\xed\xf3@\x84\x02\xec\xac\xe9\x1a\x9d\xd4\x18\xad\xc7\x1f\x957,\xd1;\xbczD\xec&lt;\xed4\xd8\xf4t%Sx\x9f\x82G\xd7!\xc1\x1b\xd3\xf2\xee\xb7\xb4;\xd6\x97\x17"\x1f\xb4\xd4\x06\x99\xcb\xf7`\x138\xe0\x15\xff\x18[\xbf\xf90\xc4\xe3\x10\xb2}\xdf\x85\xd7x\x0b1\x18\xfa\xa91\xea\xf4\xdf\x1a\xf6P\xca\x922}\xde\xb2\x93X\xb5\xc7\x06`:\x93\xfa\xd03\xfei\x14\x9ej=7"\xa2g\xea\xc6e;\xac\xe0\xab\xa4\xe9\x88}\x1cc\x7f\x83\xaao\xa5~\xe3\xb7\x04\x07\\\xc0\xc1\xd7}\xc2]\xf0\xaf\xc2jUj=\xd4\xce\xae\xf1\xaf"\xe6S\x0e\x11\x1eD\x8c\x93\xb3#o\x15vH)5\xe7\x85\x0f?q\xcbK\x91\x0e\xf8\x11""6\x18\xbcSdD:)\x15\x9f\x11\x1d\xccrq/\x10\xf1\xa3\xcaO$~\xfen\x96\x8c\x14!e\x03U\xe3"tN\x13\r\x9b\x9b\x0b\x0e\x7f\xd7,.\xe6\x14j2\x87\xb7\x04\x15AD\x80\xf4\xbcU\xe8\x1b\x91\xaf\xbf\xe1\x83\x8d^\xff8V\xd6\xb6v\x82F)\xaa\x1f\x07\xac[\x10q\xed9\xed\x92\xe8\xe6ol\xa9\xe3\xe1\xeef\xe2\xfa/\xca\xf9\x80\x88\x86\xdd\xbe\xd7\x9c b\x1e\x97\x0b\xe90EX\xdbX\x8d\xdd\xb7LE\xb0\xb3\x8cQ\x92\x91\xbd(\xe2;\xb4\xe3\xe6\xee\x84\x88\xad\xc6\x1ef\x14\xb5\x91\x08N"?\x8dVi\xef\xb3\xe0\xea\xfc\x83\xdf\xb4\x89K\r\x10\xd1\xe8\xcb\xd1\xb9\x0f\x96\x1a i\xd1~\x88\x98\x9d\xba^u\x80\xf6/E\xd3v\xbc\xa5\xd70\xd7\xb0}0K\x8e\xff\x16\xe1\x80C\x9d4\x8a^\xbb\xdfdh\\\x1e\x10\xf1\xb6&gt;\n\x83\xec\x1bo8d7s1*\x10\x91\xb7\x00\xfe\xfc\xf3\x06\x11\xf1\x13\xe2\x98\rO\xd0\xe0\x0bE\xb9"\x03o\x01\x84\xc1a\xeb\t\xc4|Q\x9e\xb9\xe7ch\x98\x84\xd5YEm,\xb2U\x9f`\xbbne6U\xa3\x1b\xb8\xf4\x16@\x8c0\x07[\x8c&gt;\xa4j\xa4v\x91\x9d\xdf\x10\xf1\x9e&gt;\xda\x10\x84x\xce\xbc\xa7GF\x10Z1x\xf9\x1d\xa1\x86\xb5\xacZ`\x97\x82\x8dg\xaf:\x83!{\xb3\xb8;\xdc&gt;\x99\'\xe2\xd5\xfa\xc9\'1\xbc\xb7\xf8\xef\x1a\x04A\x88E\x97\x8b\xff\x10\n\x11\xd5-#\xa62ED\x80\xa4\x8a\xf5\xe8\x1d\xad\\\x8b\xcd\x8e\xf73\xf7|\x0cj6_\xfdH\x19`\xf1\xbe\x83\x96\xdd\xe6\xad\xc55\x01\x85{C\xc4\x82\x00Yy\x0ba\xc9\xfeG\x08\x10\xc0[\x05\xc1\x061\xfd\x94\x12\xf0\xaf\xd2f\xfc\xb1\x90\x7fl\xbe\'r\x9c\rA\x8du\t8J\xac\xb5\xe7\xb5K\xc48\xb9\xd4\x9djV\xb1\xf3\x1aG\xa7\xb2U\x9f\xb0\xe3\x8e\xd6\xd9\xc5@\xef\x94\x06\x92\n\x00\x00\x91\x04\xb5\x1f\x11\xc1\xbf\x8a\x94\x0b\xf5\xbbMo\x8d\xde\x7f\xf1\x96\xa0O\x92\xf0\x16 \x99\x85\x87\x7f0v\xc0Vd\xa88\x8a\xadA\xd9 b\xc3!\xbbx\xab\xd07qsu\x02\x00\x80\x88B&gt;\xd8z\x13C\x8ep`\xe8\xca{\x00p\xea\x9d\x16\x15}\xd2\xa2\xfd\x00\x00\x1d\xec\xbc\xab\r\xfc\xbdZ\xf2\xba"\x03f\xad6\xfe\x80\xa16\xdd\xb2\xad\xe0\xbcy\xcb\x91\x8d\xd5\xe0\xa9\x04\xd5\xf8\xc9\xd0\x0b\x88\x08\x90\xdd\xf6\x98\xf1\xc6\x97\x9d\xfb\x18\\\xea\x11\xb1\xfe\xa0\x1dl\x8d\xebg\x8b\x08\xe3\xb4\xd7\xf9\x81\x88W~\xe0\xe5\xef\x98\xa7\xae\xa6\x13\xd4\x9c\x11\xb58@:u\xa3\x08\xa8%\xacg\xa2^;T\x0c\xc2\xd7\xfa\xed\xb7\x1dF-\x08K\\\xb8\xb7j\x12\xd2\x01\xc0\x07\xf3\x96\x93\xd7\xdc\x9b8\xca0\xaer5\x88\x14\xd8\x08\x11En\x86\xa3g\xd4^\x11\x8f\xe0C\x8f9\x17\xa5^b\xe8\xeaI96\x0e8z\t\xf9\x86\x1c\\\xbb\xff\x91\xb3\xb4m=\xee\x88\x93\xc4\x1f\xf7\xd7sm\x1a\x07\xf1\xf3ucb\xe7\xfcg=f$\xb6\t\x88\x881\xb3\xb4ae\xcd5\xf4\xd6k\xc5\xe1gz\xa9\xac\xdc\xaa\xda\xbc\xfe\x0bk\xf7\x0b\xb7\x08\xb3\xd1\xf9\xae\xc2\xf3C\xc4\xa4E\xfbJ\xbd\x84\xb9\x0c\x03Q\xa5\xfbzk\x1f,\xa6\x05\x13&gt;\xc5\x82K\xa3\xbd\r\x19s\xd5\x9e"[\x1b\xaf\xb7\xf3\x08)\x1b\xd4\xea\xbbE\xeaUnU%\x11a\xd0\xec\xe9\xf3\xc8c\x81\x10\xa9Px\x19\xee\x93\xdb\x85^R\xde*\x98R\xa1\xd3j\xf7y~\x02\x1d\xa7\x9c\xd2m\xae\xb5\xf8\xb9\xda\xfd$;\x1e\x00\x80\xc45U\xba\xaf\x90\x14Swe\t\x8f\x14\xf5\xad\xff\xad\xd2}\xfd\xe0\xe5w$\xdaH\xc8P\x8ft$ovY\xa1\xb3\xdb\x15@U\x11J7@\x16\xb5#\xb2&lt;\xb5\x90\xa2\x91I\xed\x18\ts\xd2z\xdcQ\xe66\x8f\xfe\xa7\xdf:\x85\xe3\xa7V\xd1$\xe0-@{r\x97\xef\xb4J\xdf\x0f\xc5\x05\xc2w\xf4dE%or\xee\xf2\xae}st\x90\x972\x03\x97\xdc\xf4\xcd\xd9A\xc6\x852\x10\xd6\x1aDD\x88\xa6\xe0\x03\n\x0b\x8e\xbe\xd0"\x17\t[x\xf1\xea\x1c\xe2K\xad\xbe\x9b]}\x92\x90:\xb9\xdf\xad\xc9\xc96\x03\xa5-7\\\xe7\xd9\xd1\xfa~\x13\xe4\xef\xceW\x8c\x00"\x9e|\xadj\xa2%W\xd38\x1b\x12\x14\xb0}\x16q+\xeay6N\x18\x14T\xc4\x1e\xec\xd5\x00\x80\xb6\xfd\x93\x96\xdb\x9f{\xe0\xab61rg\xd0\xb2\xdb\xee\xe9\x80\x11\xf1\xfc\'y\xf7\x1b\x85\xb1\x14\x13\x107W\'\xc6\x19(jqDT}\xfc0\x00\xb0\xa8bX\x97\x9cd\xf1\xf3\xcb\x19I\x84\x88\x13\xd5\x1cT9|\xf5}%\x97\xff\xe6Q\xbf\x18\xabR{\xe5~\x15q\x18\xb2T\x1d\xebV)\xf0\x1dm\xe0-G\x06)\xde\xc8\x92\xbd\xf4\xf8oD\x94\xe1M\x9d/\x89\xe8\xa6d\xa88\x92u\x06J\x8a\x885\xfb\xfc-\xfe\x02D,\xddv\x99\x8c\x98X(\x0fTv\xb9\r\x88\x98\xb6\xdc0\x86\x06u\x82\x1a#\xf5\\\x82\x88\x00\x99\xd18;\n\x9f~\xa7M*\xe9tS\xd5\x0f\xb6\xae\xa8\xff\xe2\x1b\xb2M\to\x05I\xa5\xf7\xe7k\xc9gc{_XwA\xa6\xf2"\xcd\xe6\xc9\xbd\xe5X.C\x1841e\x93\xc8(yh\xc4\xda\x87\x1cbM&amp;v\x81\x08k\xb8$\xe6\xa4-/O\xbc\xc6\x11k\x1eDI\xdfL\xfb\xd8\x01\x00\x11\xeb\x0e</t>
        </is>
      </c>
      <c r="E562" t="inlineStr">
        <is>
          <t>&lt;class 'numpy.ndarray'&gt;</t>
        </is>
      </c>
    </row>
    <row r="563">
      <c r="A563" s="1" t="n">
        <v>561</v>
      </c>
      <c r="B563" t="inlineStr">
        <is>
          <t>steps_per_sec</t>
        </is>
      </c>
      <c r="C563" t="n">
        <v>8100</v>
      </c>
      <c r="D563" t="inlineStr">
        <is>
          <t>5.144084</t>
        </is>
      </c>
      <c r="E563" t="inlineStr">
        <is>
          <t>&lt;class 'numpy.ndarray'&gt;</t>
        </is>
      </c>
    </row>
    <row r="564">
      <c r="A564" s="1" t="n">
        <v>562</v>
      </c>
      <c r="B564" t="inlineStr">
        <is>
          <t>Loss/localization_loss</t>
        </is>
      </c>
      <c r="C564" t="n">
        <v>8100</v>
      </c>
      <c r="D564" t="inlineStr">
        <is>
          <t>0.09572741</t>
        </is>
      </c>
      <c r="E564" t="inlineStr">
        <is>
          <t>&lt;class 'numpy.ndarray'&gt;</t>
        </is>
      </c>
    </row>
    <row r="565">
      <c r="A565" s="1" t="n">
        <v>563</v>
      </c>
      <c r="B565" t="inlineStr">
        <is>
          <t>Loss/classification_loss</t>
        </is>
      </c>
      <c r="C565" t="n">
        <v>8100</v>
      </c>
      <c r="D565" t="inlineStr">
        <is>
          <t>0.23859346</t>
        </is>
      </c>
      <c r="E565" t="inlineStr">
        <is>
          <t>&lt;class 'numpy.ndarray'&gt;</t>
        </is>
      </c>
    </row>
    <row r="566">
      <c r="A566" s="1" t="n">
        <v>564</v>
      </c>
      <c r="B566" t="inlineStr">
        <is>
          <t>Loss/regularization_loss</t>
        </is>
      </c>
      <c r="C566" t="n">
        <v>8100</v>
      </c>
      <c r="D566" t="inlineStr">
        <is>
          <t>0.03827336</t>
        </is>
      </c>
      <c r="E566" t="inlineStr">
        <is>
          <t>&lt;class 'numpy.ndarray'&gt;</t>
        </is>
      </c>
    </row>
    <row r="567">
      <c r="A567" s="1" t="n">
        <v>565</v>
      </c>
      <c r="B567" t="inlineStr">
        <is>
          <t>Loss/total_loss</t>
        </is>
      </c>
      <c r="C567" t="n">
        <v>8100</v>
      </c>
      <c r="D567" t="inlineStr">
        <is>
          <t>0.37259424</t>
        </is>
      </c>
      <c r="E567" t="inlineStr">
        <is>
          <t>&lt;class 'numpy.ndarray'&gt;</t>
        </is>
      </c>
    </row>
    <row r="568">
      <c r="A568" s="1" t="n">
        <v>566</v>
      </c>
      <c r="B568" t="inlineStr">
        <is>
          <t>learning_rate</t>
        </is>
      </c>
      <c r="C568" t="n">
        <v>8100</v>
      </c>
      <c r="D568" t="inlineStr">
        <is>
          <t>0.079930075</t>
        </is>
      </c>
      <c r="E568" t="inlineStr">
        <is>
          <t>&lt;class 'numpy.ndarray'&gt;</t>
        </is>
      </c>
    </row>
    <row r="569">
      <c r="A569" s="1" t="n">
        <v>567</v>
      </c>
      <c r="B569" t="inlineStr">
        <is>
          <t>train_input_images</t>
        </is>
      </c>
      <c r="C569" t="n">
        <v>8100</v>
      </c>
      <c r="D569" t="inlineStr">
        <is>
          <t>[b'640' b'640'
 b'\x89PNG\r\n\x1a\n\x00\x00\x00\rIHDR\x00\x00\x02\x80\x00\x00\x02\x80\x08\x02\x00\x00\x00\x83\xaf^t\x00\x00 \x00IDATx\x9c\xed\xddu\xdc\x15\xc5\xfe\xc0\xf1/)\xdd\x8dtw\xa7\x844H\x83\x80\x94`\x80\x80\x08\xa2\xa0X\x80\x8ab\xa0Rb \xa2`c\xa1\x08v]\xb0\xaf\xe2\x15;\x7fz\xed\xee\xf6\xfb\xfbc\xce\xd93\x9bg\xcf\x13\xf0&lt;\xdc\xcf\xfb\x0f\xd9\x9d\x9d\x99\x9d\xf3\xf8z\x9d\xef\x99\xdd\ti7v\xa58\xeaL\x98u\xf1.q\xab\xdau\x81s\xac\xaa\xc5[\x1c#"\xb5\x0f=\xcd\xa4\xd4\xed{\x86sID~V\xbd\xf5E5\xc7"\xb2v\xe7\xb7\xe6`\xf5}_\xaf\xd9\xf9m\xd5\xae\x0b\n\xd4\x9fl\xae\x1ey\xce\x83\xe6`\xcf/*Rn\xce\xa5O\xd97\x9d~\xeeCN\x9d"\xf5\xa5\xfca\xf3\xd6&lt;\'RLU\x8fZ\xfe\xb0H5\xe7\xa6\xaa*RV\xf6\xa1q\x8b\xb7eX\xa2P\xae\xb4\xc3\xafd\xbf}t#\x00@\xf6\x95hql\xd8\xa5\xb3\xae\x7f\xd3&gt;}_UD\x8a6\x9d\x9eLh\x10X\xcaD\xcd[_T\x91\xeaNb\xe5\xce\xf3E\xe4\x03\x13P\xcb\x0c\x9a~\xee\xc3\']\xfeo\x11\x99{\xd9\xd3\xdf\xaa\x8a\xc81\xe7?*"\xb3/\xd9-""\xe5\x93\xe5\x1a[u6\x10\x119\xe8\xd0\xd4\x7f\xf3\xb9{\xdf\xd0\xfd\xdd\x04\x00\xc0~Wq\x98}\xe6ta\xd3)j\xfe\x99\xbd2\xd1on&gt;\xec\xbc\xe4\xa5\x83ED\xca\r\x99\xb2\xec~O\x19S\xf9\xb0\xf97\x8b\xc8\x0b?\xa8I\xa9\xd5\xfbT\x11\x11i(""\x9d^\xff;V\x03\xecv\xc6n\xb3W\xe9\xd6\xc7e\x94\xff\xae\xbd\x04N\x00@N\xcbr\x18\xf3h&lt;x\x99\x14\xe9%"-F\x9c\xff\x9ejT\xb5\x95\x86gXw\xb3l\xb5\x0c\x00\x80&lt;"\xa7\x82n\\UF\xdag\xd6K\xe8\x82!\x05j\x87\xd5t\xf5c\xbf&amp;\x0f\xab\xc6\xbc\xf9Ew~\x123\xe7\xbe\xb4\xaf\xff\x17\x00\x00\xf2\x842\x83\xb2Y\xc1T\xefs\xe6\x86qK\x96?,0\xb9\xeb\xa4\xb5\xd9j\xd0\xfeT%\xd7j\xee`\x86\xa1\xe5Z\xfd\x00\x80\xfc \xdb\x91\xa0B\xce\xb4c?\xe94a\xd5&gt;\xbc[Q\xe7HU\xa5\xf4\xc0}xk\x00@\xee\xcbc\xbd\xab\xa6\xfb\xbb\x01\x96R\x03\x82R\x83\xc7\x81g\xd3\xde?\xbc\xff\x17TU\xeaN\x14\x91\x92-gh\xf4\x0bu\x00@~\x94\x97\xbe\xd9\xe3E\xdfrCr\xaa\xce\xb6c.J\x9d\xd4\x9b\x94\xb6\xae\xbf\xc3\xffV\x87\x9fzW&amp;\xadJ\x8f\xa0\x0b\x00\xff+\x9co|\xcfT\xe0\xd8\x9a\xe7l{\xb2\xef\xec\x1b\xdf\xcd^\x05\x15s\xa6\x1dYT\xd8\t\xc0ys\x10\x19\x00 \x07\xac\xd9\xf1M\xfc\xcc\x1b\x9f\xf8]D\xe2\x0fB\xde\xef\xb2\xd0\x95\xfc\xc0*\xf2[\xf287\xbb\xa4%\x82\x12\x0b\xd3\t\x06\x80\xff\x15\x0f\xbc\x9f\x17\xbf\xf1#\xe3P\xad\x9c\xbcS\x85\xa1\xd7&gt;\xf9\x87;)04\xc6\xa8\xa9\xc3\xdc\xec7\x07\x00\xf0\xbf#d\x02n\xf9\xc3D\xa4z\xf7\x93\xc5z\xdf\xb9o\xfag5{\x9e\xb2\x0f\xee\x92\x91q\x8b\xef\x8e\x99\x93.,\x00`\x9f+\xd0\xdd\xfc\x9b\\r\xf2\x004\xf3\xa2\'UU\xa4r\xf6\x03m\x0e\x84\xeal\xcf\xed\x06\x00\xe4:\xe7\x01\xa9\xf9\xde\xff%\xf1\xed_=\xbcD~\xd2l\xe8\xf2}p\x17Um\x7f\xf8%\xf6i\xee\xdd(\x97j\x06\x00\xe4SuE\xe4\xf9\xef\x02\xc2CN\xc5\x8c\xba}O\x0fL?\xf4\xe8\r\x9e\x94\x93\xd6\xbf\x98\x9d\x1b\x15kvt\xa6E\xcc\xb8\xf1F\x83\x96:\xc7\xf1?u\xd7IkK\xb48&amp;}\xbe\xea\xa3cV8t\xdeM1s\x02\x00\x0e@\xa7nx%0=\xa7\xe2\xf1\xe3\x9f$\xea\x19u\xf2\xd6\x1c\xa90;&lt;\x11WU\x1b\x0e\\jR\x9e\xfa2\xfd\xe7\xed4\xe1\xb2\x98w\xc9r\x0b\x01\x00\xffCB\x02F\xb6\x16\x90j6\xf4\xdc\xec\x14\xcf%\xfe\x00\xbc\x1f\x1b\x03\x00\x80\x88\xd4q\x9f\xa6\x9f)T\xa6\xcd\xac\\jJnS\xd57s3\xf4\xb6\x1ayA\xeeU\x0e\x008\xf0\x99\x0eb\xccnb\xbf\x19\xd7\xe6rs\x0e0,\xd9\x01\x00\xf9\xd6\x83\x1fd\xe1\x1b\xbcX6o\xbab\xebG\xe6\xe0\xbb\x90\xf8\xf1\xc6?\xf95\xaed\xfb7D\xd8*\xd65\x03SUU\xaa\x8e\xca\xde\x1d\x01\x00\xb9\xec\xf8K\x9f\xf2\xa5\xe5\xca&amp;?\x07\xb4&amp;\xe9\xb3\xc4\xd8\xe0\x01\x00\xf0?%\xb1\xbcb\xb7)\xebDD\xca\xe4\xe4^\xb3/\xfc\x90\xa6\xcf\xbai\xd7_Y\xaby\xf8\xfc[\xb2V0PV_\xdc\xee\xe7-\x8d7?\xedm\xf6\xecKv\xef\x97\x96\x00\x00rK\xb9vs\xf6\xed\r\xf7\xc5~J\xf5\xfb\x9fi\x9f\x16i&lt;\xcd\x1cd\xe7\x89q\xd7Ik\xb3\xd5\xa6L|\xcd\xbb^\x008\x80u\x99\xb8\xe6\x86gS_\xf4S\x97\xdd\xbf\x0fo\xde&amp;Wk\xb7\x07+\x9d~\xedk\xe6`\xde\xeag3\xa8\xa2\xd6\xf8\x9cmR\xa6\xec\x8f0b\xc1\xad\xfb\xb1%\x00\x80\xdc\x95{+;\xae\xbc\xfb\xb3\x90+\xadr\xe9\x8e\xe9U8l\xbf\xdd\xda\xa7d\xab\x19\x11W\xb7\xbfi"q\xd9}\xd3\x18\x00@\x0ep?^N}\x83\x97o\x7f\xbc\x88\xf4:\xea*;sF\x8b,"7\x1c\xd4t\xba?\x91\xff)\x00\x90\xcf\xbc\xf6\x97\x8a\x88\x94u6\xcf\x89\x18XT*\xf7\x9b\x93\xa3\xf6\xddT\x9c\xfa\xceQ\x8c@\x98\xf6\xcfX?]\x86\x84\xe9\xe7&gt;\x143\'\x00 \xcfY\xbd\xe3\x9b\x9c\xab,l\xbajl\x07\xc0&amp;zu&amp;\x88H\xbd~g\xc4\xc8Z"v\xa5\xde\xf9\xbeg^\xf7\x86uV:v=\x00\x80\xbc\xc4t\xda\xfcsZ\xb2VO\x0eI-\xeb1}\xf9\xc39W\xad\x88T\xcd\xd1\xda\xf2\x90;^\xe6)4\x00\xe4O\xc3O\xb4\'\xd7\xb6\xcd\xb0t\xeb\xec7\xc0\x13\xc2g\xad\xdc\x95\xbf^m\x06\xb6\xb6D\x8bc3\xaf)\xb5\xb2G@\x9d\xb5\'\x04\x15\xa9\x9c\xf9]\x00\x00\xfb\x8f\xf5\xfd^\xceN\x1f\xb7\xf8\xee\xf4\x85\xab\x8c\x14i`\xd5\xd0LD\xa6\x9d\xf3\xa0\x88l{\xcd$\xc6|m\x9c\x18\xe7\xbc\xeb\xf3\x98\xe1\xb6^\xbclY\xb1\xf1\x89\xdfs\xb8\xc6R\xfd\xc3\xae\xd4\xebwf`z\xfe\xfa\xd9\x01\x00\xc89\x95\x86\xab\xaag_\xf7n\x93se\x89\x89\xa1\'\xe4\xa7\xdd\xe3\xaf\xfd\xd7\x9f\xc1\x17\n\x1e\xb2\xe8\xaa\x97\xb3^o\xe5\x11Y/+b~\xfa\x00\x00\xfew\xd4\xbcd\xdb\xe7\xce\xc9\xa1\xc7l\x10\x11\xa9;\xd1\xce\x11\xaf3\x97\xbe\xa3&lt;h\xce\xe6\x0c\xdb\x16[\xf1\xbe\xf1\xf3\xce^\x99Z\xeb\xf1\xe4+^\x92\\\xea\xad\x96\xc8\xa0I\x00\x80|\xec\xad\xd8Q\xc4\x8e7\x075;j\xc7\xdb\xceij\xb9\x8c\x86\x03\x97\xce\xbc\xe8I\x91\x82"R\xbe\xc3\xf1\x9e\x1aj\x1f\xba\xd8_m\xdf\x19\x1b\xa3\xef;z\xe1\xed1[\xe8\xf7E\xe4\xa7k2\xe4\x9c,\xd7,"\xadF\xae\xf0\xa5\x95\xc9\xb4\x123j\xba\xff\xccM\xfeK&lt;\x8e\x06\x00\x84\xab8,\xc3\x02\x8dE\xe4\xde7\xd2\x84\x961\x8b\xee\xccj\x83\xd2\xea\xecO\xca\x9dPWMJ\r\x10\x91\x82\r&amp;\xe7`\xa5\x05\xea\xb3\xb7\x12\x00\x1c@:\x1f\xb1* 5\xfdr\x16\x85|)\x81KI\xb4\xc8\xb4=\x9e\x88\x986@\xaa\xaa\xe9v\xefG\xbfG5\xb2\\\xd6\xea\xa4\x13\x0c\x00\xc8EU\xba\x9e\x988*\xda\xdbI\xfc2F\xecy\xf4\xa3\xdc\x8bO\xd5\xa2/O?75G\xf9\xd5?#\x9a\x91\x85\xe5\xac\x1b\xc6\xcc\xb7\xea\xbe\xaf\x93\x87\x1d3\xbf\x0b\x00`?\xb9\xf4\x9e/\xe2d+\xd5jf\x8e\xdf\xba\xef\x8c\x8dE\x9bL\x17)`N/\x0e\xda\x8c\xe1\xc4\xb5/\x88\x88T\x18\x9a\xe3w\x8f\xa7@`jd77\xa7\xf6Tn\x94&lt;8`W\x0e\x01\x80\xffi\xa3\x17\xde\x918*\xd0}_\xdf\xdb=^\xda\xa3f\xcfSr\xf6nYy\x90[c\x8c\'\xe1\xfa\xa7\xfeq\x8e\xb7\xbd\x96\xd8\x97\xa2d\xcb\xd0}\x8a\x8e\xbf\xec\xe9\xf8w{\xcf\xf7\xc8\xfd\x94\xab\xff#"Y~v\r\x008p\x1c\xdc+\xbbqq\xd9\x96\xb7{[;,MY\xbaSD&lt;}\xcd\xcf3\x0e\x965"\xaeU\xed\xb6 \xa3\xbaVl\xfd(\xc3\xbb\xbb\xd4\xec\xb9(\xe2j\x91&amp;\xd3\xe2US\xd1&gt;\xa9\xd0a\xae\xe7\xf2\xb0\xf97g\xd6,\x00@^\x93\xbekX\xa2\xdf\xba\xfb\xbf\xcb\x91{\xfd\xe2\xbb\xd7\x84\xd3\xefq\'d:V\xab\xadu\x9c\xda\rBU\xa5H\xaf\xf8\xb5\\\xfe\xc0\xf7a\xaboF\xfc}\xce\xb9\xe9=\xd7y\x91^\xfe\x8d\x13R2_m\xe3\xa0\xa6Ge\xd4\x1e\x00\xc0\x01\xeb\xbf\x19\x7f\xfb\xfb\xc6H\x97\x1b\xe2\x1c\x9e\xb4\xfeE\x91""2\xe7\x92\xdd\xdel\x99\x9b\xbb\xea\x19\xfb\xf4\xb0\x13n\xccR5\x1d\xec\x93C\xa6\xae\xb7OG\x9d\xbc5\xac\x98/.v\xf1\xb5!\xee\xb8\xaa\x0cCl..\xcc\t\x00\xc8u\xfe\x95&amp;\x1fx_E\xe4\x9dd0(\xd5*\xf4Mg\x84\xa0u*R""M\xd8\xed\x9a\x0f;/Nq\x11\xd9\xfb\x87\xf7\xaag_\x848q\xee\x11\xff\x10\xebB=\xbaL\\-""\xc5\xfd\xf9M\x9dtR\x01\x00\xe9\x05F\x8b\x91\'\xddf\x9f6\x18\xb0$^e\xdeE%\x1f\xfbo\x96BQ\xe1\x9e\xe6\xdf\x0b\xef\xf8\xd8IK\x1b\xd5&gt;\x0c\xce\xd08\xed\xdd\x02k\xb6\x13=\x19\xfe\x08\x89\xb2[\xf7xSTUU\x7fH\xe5\xac\x95\xbaV\xa0\xfb\xb2\x1b\xde\x89lW\x85\xc8\xab\x00\x80|.2\xb0\x15\xdew\xedHg\xd5\xf6\xafD\xa4\xf7\xd1W\x9b\xd3M\xbb\xfe2\x07\x9eM#&lt;\xbe\xc9vg\xf4\xb7\xf45$\xfeJ\xefysVq\x8ezL\xbbBB\xf6\x98\xea8\xe1\xb2\xe8\xda\xe9O\x03\xc0\x01\xa9N\xf2\xa0AD\xa6\x8c\xf6Bp\x07\x8c4\x0b#\xfb\xa3\x8b\xaaF\xbcj\r\x1f\xa5U5z,tLkv~\x1b;o\xd3\xb0\x0b\xaaz\xd9\xbd_\x8a\x88H#\xa916"[\xe2\xa8b\xe0D\xe7&amp;\xfe\xa4\'&gt;I\x1f\x8c\x03\x87n\x01\x00\x0el\xcdE\xe4\xa7\xd8=\xb6\x8a\x9dN8y\xfd\x8b"\xf2\xd2\xcf\xba\xe1\xf1\xdfD\xba\xd9W+u\x9a\xe7\x84(;NW\xect\x82\x88\xb8_\xc1fk\x05\xca\xb0G\xd0\xe7\xdf\xf6a\x9c\xe2\']\xfebX%m\xc7\\\x94:9\xe8P\xe7\xf0O+s\x87q\x97\xfa\x0b.\xbcrOd;\x03bs\xd1\xb8\x13\x9c\x00\x00\x07\x9a:i\xae\xd7\x9e\xe0\x1c\x16l0E"\x87,\xe5\xeah\xa6G&gt;LS\xed\xa7\xaa"R\xa8\xe1\xd4\xf4u\xd5\x1a\x976\xcb\xc1\xbdN\xf5\'\x9a_\x1e"\x12s\xe6U\xd8\x9f\xa2\xc5\xf0\xf3\x9d\xe31\x8b\xee\x08\xcc\x03\x00\xc8\xa3\xb2\x10\xe7&lt;E\xcc\x0b\xda\x08]}\xa3\xac\x8d\xa8\xc9Bu\x8f\x88\xbe\xe9\xbe\xa1\xaa\xdf\xab\x8aH\xb9\xf6\xc7w\n}_\xdb\xd6&gt;)\xd8pJ\x9c\x9a\xff\x0c\xff8W?\xfa\x8b?\xd1\xcc\xc6\xe6\x950\x00\x1c j\xf4X\x98&lt;l\xe6\xbaP\xb2_\x0e\xdd\xc1;\x9a\xf7\xe7d\x08Y\xff\xd0\x8fN\xe2\xfd\xef\xa6\xe2\x8ag\xed\xaa\x88\x01\xc9\x99p\xe6\xcb\x96\x08\xbaZ=\xbc`\xc9\x987X\xbc\xe1\x15s\xe04\xb2\xcf1\x1b\xcc@h\'O\xe3A\xcb\xec"\x05\x1bL\t|\xccn\x1f\xb7?|e\xda[\xdf\xb5\x97\xa8\x0c\x00\xf9\xd3"\xeb\xa5\xe3S_\xf9\xbf\xcd\x13\xe3\x9b\xf6\xfc\xec\xbd\xd4\xf7\xd8k\xb2p\xbb\x87\xfe/}\xc0(\xd6\xec\xe8,\xd4\x9c\xd6\xa1\xc7lp\x8eo|6\xaa\x19#O\xba\xcd\xf9Q\x12\x11\xf8\x93\xabi\x8a\x93\xd3y~\x1e\xe7A\xba\xaa\xda\x93\x9b\xfd\xcaw8\xde\x9f\x98\\&amp;\x1a\x00\x90\x9f\xd5\xea\x1d\xf0\x922P\xb6\x9f\x7fVN\x1dV8\xcc9l&gt;l\xb9\xbf\xe6R\xad\xed-\x98j\x9b\x7f\xecht\xc7\x7f\xf6Q\xb7o\xc4\x82[\xa33\xdc\xf8\x9c\xab\xf3\xfa\xaf\xcfUD\x0e\x99zy\x9c?\x97\'Z\xdb\x89A\x8bg\xd5\xb8,\xdd\xd3~\x00@&gt;0\xf8\xf8-"2\xea\xe4\xad\xce\xb7\x7f\xd1\xa6\xd3#\xf2;\xd3p\xd3\x1a0\xeb\xba\xb0K\xe7\xdd\xf6\xa1H\x9336\xbd\x1eQ&lt;p\xcal\x84\xaf\xf6\xed\x9b\xd1vc/\x8e\xce\xf0\xf8\'j/\xba)"\xcf\x7f\x1f\xdcB\xb3\xd5\xa3\'T\'O;Hj\xd4w(\xde\n\x03@\xfe\xb3\xec\x86w&lt;\xcb\x1d\x1b\xf6\xbe{\xc6;!\xdf\xf2\xe9\xbe\xfd\xcd\x9b\xd7\xa8I\xc6\xe9\x15\xecn69\xd8\xf6\xda&gt;\x8d4\xd9\tl\xee\xb2\x05D*e\xe9F\x05D\xe4\xdb\xf0fly&amp;\xec\x11w\x978\x8d\x04\x00\xecG\xb5\xcc\x18\x9fx\xc1\xa6A\xcd\x9e\x8bDJ\x87]\xf6,`i\x0b\xac\xdfLF2\x12oR\xcb\x0f\x11\xe9&amp;\xd5F\x89\xc8\xd2-o\xc7hRv\xa9\xea\x95\x8f\xfc,"\r\x06\x9c\x15\xd8\xcee[\xde&gt;\xfd\xda\xd7\xc2\x8a[\xb3x\xd3\xcf&amp;\xea\x93|_\xder\xc4\xf9"-\x9d\xf4\xcd\xbe\x9f;\x91\xba\x88\xc8\x9cK\x9f\xca\xa4\x08\x00 \xef9c\xd3\xeb\xaa\xfaVP\x80,\xdc\xe8H\xdf\xf2\x8a\xc1\xa6\x9d\xf3`N\xb7K\xdev\xbf\x16\rS\xb5\xeb\x02\x11i\xd0\xff,{\xe9\xc7(\xc5\xfaD\\\x0c\xbb\xa3\xaa.\xba\xea\xe5\xe8"G\x9c\xb1]D\xca\xb5\x9bc_-\xd9r\x86\x94\x19$"R\xaa\xbfI\x19\x7f\xda\xb6X\xedL2\x8f\xfd5\xc9$F&lt;\xe1\x17\x91\x97|c\xe5\x00\x00yY\xe0\xfc\x1c\x11\xdf\x1bYU\x95\x02\xdd]%[\xba6\x1art\x9a\xb0\xca\x93\x12\xff\xb9nt\xce\xf1\xa7\xdd\x13q\xd5\xd8\xfct\xfa{\xb9\x16\xab\xf2\x99x\xe6v\xfbt\xf8\x89\xb7\x88\x88\x94\x1d\x1cQ\xc4\xdf\xec\xabR\x93z=\xbd\xe4\xd4\x1f\xdc\xbf\x91\x83[W_J1\xe7v\xcf|\x13\xb0\x9cgdm\x00\x80&lt;CU\xad\xa5\xac\xbc\x9b\x1ay\xd5\x18\xe3Ix\xfdo}\xee\xbb,|\xe9\xb7\x16\x91z\xfd\xce\x98}\xc9n3@\xda\x8a\x1c\x1d\x93\x075\xa5\xe0!\xd1\xb5T\xeb~R\xe6\xb7\x8e+8\x98\xf9\xfe\x02\xfe\xcc\xa7o|U\xa4\xacH\xe7i\xe7&lt;$R"2(\x06,+m\xb6^\x1e:\xef\xa6S7\xbc\xa2\xaa\xd6\x1f$@\xdf\x19\x1b#\xae\x02\x00\xf2\x9fd\xd8h\x14p\xad\xb8\xe7Yn=\xb3C\x91=\'\xc7\xd1\xeb\xa8\xab\xec\xd3-\xe1}SkW\xc1B"\xf2\x91\'n\x15\xee\x11\xd1\xda\xc5\xd7\xec\x8d\xb8\xea\x88x\xce\x1cV\xc4&lt;\xd4\xfdZU\xd2mr,\xd2)\xa3[\xabj\xe5.\xf3=\x89\xefFE\xebvaU\x01\x00\xf2\x8d\xf6\x87\xaf\x14i\xa9\xaa\xe5;\x1c\x9f\xf8B\xaf=&gt;\xd3o\xf6\xbb_M\x9b\xbf~\x16\xdafb\x9e\xef\xedrI\xbby;\xdeV\x11\xa9\xdc\xd9\x15\xc0\xbaN^\xfbK2\xcf\x94\xa5;\xcb\xb4\x9d\x15\xf3\x8e\xd1\x1f\xdcY\x18d\xfe\xda\xe7\x03\x1f\xd7\x9b\xc6\xb8\x85n\x06u\xd4\xf2\x87Ed\xf1\x86X\xbf\x18,\xe9\x1eN\x00\x00\xf2\x17\'\xf6\x98\xaej\xe1FGV\xea4/k5\x88H\xd1&amp;\xd3=W;O\\]\xa2\x85\xfd\x9e8\x8b\xbb\xcd;\x03\x91:\x8e7\xcb2\xd7\x10\x91e7\xbc\xa3\xaaRi\x98?\x7f6\x87#-\xdb\xf2\x8e\xaa\x8e[\xbcm\xcd\x8eo^\xfc)q\xeb\xeeS.\x17\x11\xb3\xda\x86\x88\x0c8\xee:\xabD\xbc\x81`\xb1\r\x9dw\xb3\xd3\xe55\x96\xdf\xf2\x81}j\x16\x88\x06\x00\xe43&amp;\xa2\xf4\xb1\x96\x93\xdc\xf0\xd8\xaf\xee,\xeeMv\xdd\x8bK\xf8\xd5\xebw\xe6\xe7\xc9H\\\xa3\xc7"\xebJK\x91\xc6fA\xab\xd0\x8ef\xa5a\xc9\x99\xbe\x1d\xee{\xcb\x95g\xe0\xec\xeb\xa3\xef\xebS$\xc3\xfc9\xaex\xfa,ni\x1f&lt;8\x19\xec\xa1\xe9U\xba\x9c\x98\xe9\x8d\x00\x00yG\x93\xc0-\x01\xfc6&gt;\xf1\xbbs\\\xa0\xfe\xe4W~7\x99\x1b\x9b\x852\x8c"Y\xdd\x98\xd6\xd9\x19\xa9\xce\xa1\xa7\xc5,\xd2}\xca\xba\xc0\xb7\xaa\x89\xa3:\x9e\xfd\x94\nNZ\xb2CDZ\x8d\xbc\xc0S\xc4\xbf\xbe\xa3\xaa\x0e\x9a\xb3y\xc1\xe5\xffvR\xfe\xfd\xa3F\xbf\xdf56?\xfd\x8f\xbd\xf5\xaf\x9f\xaa\x9aQ\xcd\x9f\xa9\x8a\x14\x17\xa9\x98h\\\x83\xc9\x11\x7f\xfc6\xa3\xa3Fk\xbb\x94\xc8\xa9]4\x00\x00\xb9\xc9,@a\x0c\x9a\xb3\xd9\xbab\xbdn,\x9f\xa6\xe3kl\x7f3M\x1f\xaeN\x1fWd\xf5\x07B\xc9xlQSI\x06\xa7\x0f\xe2\x15\xfc\xd4\xca\xf6\xc6?i~vx\x96h\xb6m\xfa\xd7\x9faE\xfc\x15\xc6\xdf\xd0\xe9\xb3\xd8\xcbG\x03\x00\xf21\x13`\xde\xf6\x7f\xa1W\x18\x1aQ$f\xa2\xcd\xde7&gt;\xcc\xb5!!\xadbG\xd7b\xc8\xe7\xdc\xf4^D%\x8f\xfe7\xa0%i\xc7a\xa9\xea\xb2\x1b\xde\x11\x91\x93\xd6\xbfh\xa7\x9be \xb7\xbd\xe6\r\xc3\xbe\xcf\xdb\xdeS\xa1yT`v\t\xf4D\xf1\xbe\xc7\x06L\x19\n\xd9\x8c\xc1\xeb\xba]\x7fyR\x9e\xfeJE\xe4oU\xa9&lt;\xc2\xa4t\x9e\xb8:\xb0,\x00 \x0f1_\xf4;\xdfQ\x119\xe4\xc8\x80E\xa1\xe3\xbcL\xcd\xea$\xd4:is\x04.@}\xdbK\xd9\xe9\xff\xb5v\x8e\x1e\xfd(\xa0\x9ea\xf3n\xde\xb4\xeb\xaf_T\xbbN^\xeb\xbb\x18:\xa4YDz\x1fu\xb5\x88\xfc\x1a\x14D\xdf\xf8\'\xb4\x1b\x1d\x98^\xb2\xd5\x8c\xc0K\x0b\xad-#m1\'_\x01\x00\xf2\x90\xc0i\xbew\xbf\xaa\x1d\xc7_\x1a\x98?B\xd9v\xb3\xe3&lt;\x1a5\x81\xcaWxPX~{\x89\xa8\x0b\xef\xf8\xd8\x9faQHX\x8a\xa6\xaa\xc9\x8d"\xda\xda\xe9\x17\xdd\xf5iHf\x19{\xca\x9d"2\xe1\xf4{D\xe4\xa1\x0f\xb2\xf0#\xa0\xdb\x92\xcdo\xd9\x15::\x1f\x11\xdcg\x9dy\xe1\x13\xc15U\x1d\xe5\xab\'\xfdJ\xd4\x00\x80&lt;\xc4\xfa\x06o\xd9;\xb9VF\xfa\x81\xb5\xb5\xc6\x9b\x7f\x9f\xfd&amp;\xa0\xc3W\xa7\xcf\xe9\xd9i\xd2\xe4%;"\xae&amp;\xe2w\xc5a\xa7\\ev\xa4o\xed\xc9`\x9a1l\xde\xcd"\x12\xd1g\xfdUU\xa4d\xe0\xa5O\xe2=\r\x0eT\xa0\xfe\xe4\xfe37\xf9\xd3Wm\xff\xea\xe9\xaf\xbd\xf5\x1c}\xfe\xa3\xd6\x99{\x82o\xcd\xb1\x11wi2\xe4l\xe78\xc6$l\x00@\xde\x13\xef\x85nj\x84s\xfd\xfegI\x08U5[\xfcz\xb6\r\xf0\xeb&gt;\xf5r;\x84\x845\xc3q\xb2\xfb\xbd\xec\xd97\xbe+R\xcd.\x9b6F~\x98I\x10\xbd\xe7\xf54\x99\x9dw\xd2\xadG_h\x0eJ\xb6\x9c\xe1\\\xb5\xe7t\x19\xf6{e\xd3\xd4\xc8-~K\xdd\xf0l\xe2\xad\xbc3\x9e\xcb\xf9\x80a\xdd\xfd\xad{T\xa4\xd5\xecKv\xd7\xef\x7f\xa6\x88\x88\x14\x8e\xfe\x08\x00\x80\xfd/,z\x1d2\xf5\xf2\x80\xd42\xeeg\xc5\x95\x86\xdb\xf5x:\x8e\x81[\xe69[\x10\x9a\xcc\xd3\xcf}(y\xa5\xe5M\xcf;\xc5\x0f\nl\xa7S\x7f\xa3AK\xcdA\x83\xfeg\x89\xc8\xecKv\x9b\xd3"\x8d\x8f\x0c\xef;\x96\xb3\x8e\x83\xfb\xbem\xc7^,\xc9\x07\x00E\x1a\xa7&amp;Su\x99\xb8FD\xa4\xea(\xa96ZDDJx7\x89:\xf8\xf0\x90\x9b&amp;Z."5z,\x8c\xd9\x99\xee7\xf3Z\x7f\xe2\xb4s\x1e\x9c\xbf\xe6\xf98\xc5\x01\x00\xf9\x83\xbd\xd3\x913E5k\xe2L&amp;\x8e9\xe1X$\xf5\xa63\xf8b\xb7\x05\xfe\xc4\xebv\xff\x9d\xa6\xceLD4u\xcd\x8eo\x02\n\x1c&lt;\xce9\xac\xd9s\x91\x88H\xf5\xc4\x9e\r+\xb6~dW\x1b\xf2\xd9\xd3\xfc\xe5\xe3\xc4o\xcf:Y\x00\x80&lt;\xca=i\xb5\xe2Ew}j\x8ew\x7f\x91\xfa\xae?s\xd3\xeb\x81\x81\xed\x98\x15\x8f\x99\x83\x88\xa9\xab\xfeM\x05\xfe\xb0RZ\x8f\xbaP|3\x7fD$\xb1vt\xc9\xfe\xe1\rO\xad\xf8h\x87\xa5b\xcd\x8f\xb63\x99K1\xb74\x0e\x89\x8b\xd5\xfd9\x0f\x99zy\x16f\xe2&amp;Br\xbc\x96\x98M\x12\xb36\xe3\x0b\x00\x90\x0f$\xbf\xcd\xed\xed\xf0\xda\x89\xc8\xb0\xf9\xb7H\xf8w}d/\xb6\x86/%M\xccx\xf2\xd3\xd4U3!\xca\x98\xbb\xea\x19s0d\xee\rq\xba\xd4Y\x90\xc9\xec\xa0\xd4@\xf1\xefU\xe3\xace\x1d\xb8"\x87\x88\x9c\xba\xe1\x95\x9e\xd3\xae\xf0\xacI2\xe3\x02\xef\x80\xe7\xc6\x83\x97\x99\x83\xa0=\x1eR\xb9\x9c#\xe7\xcf\x05\x00\xc8\x07\x06\xcc\xba\xee\xa0\xa6G\x85^.e\xfa\xa0\x011\xd5R\xc89j2\xe4\x9c\xc0\x90v\xbd\xe9@W\x1e\xae\xaaRj@2\xd9\xbf\xc1\xad\x19\xb4\xdc^Dn~A\x93\x8fy\xdb\xa9\xaa\x19$\xfckP\xe5\x8b7\xec\xbd\xf7\x8d\xf4\x83\x96\x07\xce\xba&gt;:C\xa0\xc0E3\x1c\x85\x1b\x1d\x19\xbf\xaa\x1c\xb4\xe8\xca\x97\x9dc;\xcc\x07N*\x03\x00\xe4Q\xc9o\xed\xca\x89\x88\x98\x18g\x14_%\t\xd9\xd4\xd6q\xe9=_\xb8\xce}\xcf\x96\x7f\xcfp\xe1\xc6\xe8\xc4\xb5\xf7\x7f\x17\xb8\x17\xc2s\xdf\xa5\r\xbd\xad\xdc\xa7\x89m\x88\xc6\x9f\xb6\xcd\xf9\x9d1e\xe9\xfdb\xcd \x9a\xb7\xfaY\xab1\xa9\xa5E\x9c\xe7\xf3\xaaZ\xad\xfbI\x11\xcd6\x06\xcc\xba\xce\x9d\xa1\xa0s\xc9I\\\xbd\xe3\x1bW\x9e2\xa1\x93\xa7\xebfo&amp;\x18\x00`\x1f\xb9\xff]\xf3\x9d\xee\nZe\xdb\xcd\xf6d\xbb\xe8\xceO\xccA\xc0\xba\x8c\x85{\x8aH"J\xa5\xb6"(a\xc2\xb3\x88\xf8\xa6\xe4&amp;v \x18u\xf2V\xcf]F\x9cx\xeb\xc6\'\xff\xf0$\xfaCW\xb3\xa1\xcb\xedK\xceF\x0ei\x0b\x8aH\xf1\xe6\xc7\xc4\xcf\x1c\'O\x9d&gt;\xa7\xbd\xab\xdan\xec\xc5\x89\xf3J\xc3#~"t\x9e\xb8\xfa\x89OTU\xed5F\xe2\xf0&lt;\xd3\x0e|i}\xf7\xab\xcaf\x0c\x00p \xe9\x90&lt;\xe8,"\xc7]\xf4dX&gt;\xe7\xcde\x98\n\x1d\xe6F\\}?\xf2\xa5lwkf\xd4\xfa\x87~\x14ic.\x15m2MD\xfa\x1c\xb3a\xe4I\xb7\x89t\t,+"%[\xce0{\x12\xff\x95\x95w\xdbb?\x8a\xef6y\x9d\xe7Z\x81\xfa\x93V\xfb\x86F\xf7?\xce\xbd(G\x95\x11\xe61C\xf3a\xe7\xd9\xc9\xa5Z\xcft\xdf\xb1\x91sZ\xe3\x90\x85\x81M\xf5\x1b\xb1\xe0V\x11\xc9\xce v\x00\xc0\xbe\x13\x18i\x1a\x0e\\\x1a\xbb\x826"\xe2\xac\xb0\xe8\xb8\xf2\x91\x9f\xd3\x17\xf5\xee\xb0TL\x82\xd6g\xee0.xQ\xcc\xad{\xf4\xbc\xdb&gt;\x14\xff\x18\xa5\x9a\xee)\xb9\x05\xba\x9b\x7f\xbbOI\x84\xcc\x18\xdd\xdc\xba"\xb2\xf8\x9a\xbd\x93\xce\xba\xcf\x9d\xde,]\xc1\x00Ac\xbcC}g\xb5\xcd\xfb\xdc^$1\xe4\xaa\xec`sr\xd9\xbd_\x9a\x03U]}\xdf\xd7Yh\x1b\x00`?\xbb\xe2\xe1\x9f\xccAHpr==\x8ex\xb8\xaa\xaa"U\xc3\xee\x12c\xc9\xaa\x12\xd7[\xf3\x9d\xca\xb4\x9du\xe2\xba\x17R\x17\x93\x9b\xfb\x9am\x07\x17\xac{\xa1\xdd\xe1+#kK\x99\xba\xec\x81\xe8[7\x1e|v2C\x11\x89\xf1\x12\xfa\x0bU)7\xc4\x9f\xc7^\x05l\xf3S\xff,\xbc\xe2%{\xa0\xb2y&lt;\x10Pa\xe2\x01~f\x9a\r]n\xeeuP\xd3\xe9""\xd2v\xfci\xdb\x8e\xbf\xec\xe9,T\x05\x00\xd8\xcf"\x97H\x14I\x04\x8fJ-G\xd8{\x0b\xd64\xcf\xa5\r{\xc5\t\xdb\xb6\xd7\x82\xe7\xe4\x98\xc4\xc1\xc7o\x11\x11)\xda\xfb\x19\xf7\x82\xc9i\x97\x95\xd8\xf9\x8e\x0e\x99{Ct\x9e8\xfc?\x0e:MX\xe5\x1c\xaf\xbb\xff;\xebJ\xe3\x80\xf0\\e\xa4\x19E%\x81\x9f\xb1ho\x93\xfe\xb6\xea\x15\x0f\xfd\x98\xae--EJ\x98#\xe7y\xc0\xed/\x07\xfez\xc8J\x8f\x1c\x00\x90\xe7\x94k7GDD\xcaF\xe4I\xactQz@x\x96\x96\xf6I\xa7#V\x99\x8d\xeb\x9de)\x1f\xfe\xbf\xa8\x9ehp?5\xf9\x189\xcc\x19\x9b^Onm\x14Y\x8f{\x1c\xd3\x05w|,"\xa7\\\xfd\x9f\xc0lNH\x1e\xbd\xf0\xf6\xc0\xab\x92X[\xa3\xb2\x93\xee\xfc.\xb1\xee^TD\xca\xb5\x9f\xe3\xbfE\xd5\xae\x0b\xce\xbb\xf5\xff\xc4\xb7\xdb\xb1S\xbc\xdb\x14\xefkf\xa91\xd6\x13\x89\x9d\x8f\xd3kzb#\x8d\xa2M\xa6_\x15\xe7\xf9?\x00 /(\xdf\xfex\xe7\x85b4_\xe7\xaf\xec\x89k_8\xeb\xfa7\x93im\xcd?\x8b\xaeJLT}\xe5wW\xc0(\xd5z\xa69\xf0\xbc^\x8d\xd8\xe3!\xa2\x19\xc9\xc6T\x15\x91OUM\xb4K(\xda\xdb\xce\xfc\xec\xb7\xde&gt;k\xc0@\xeex7\x8d\xa8\xa4\xe7\xf4+#\x8a\xc7\\\x90\xcb\xa8\xd0qn\xb2\x1f\xdcMDDj_\xec\xec\x93X\xfe0\xf3\xef\xb2\x1b\xde\xf1\xb7\x01\x00\x90?4\x1e|v`\xfa\xb97\xbf/"\xc9\xa9\xbdm&gt;\x8f\xeaP\xd6\x12ih?\x85\x16\x11\xa93\xc1\x97\xad\x8cs\xec\x8e\x19E\x921\xa6fj\xcf\xa2"\xf6;\xd1\xa2\x7f\x84\xc7\x98\xf7U\xa5\xdah\x91V\xd1\x03\x98U\xf5\x99o\xe2\x05\xaa\xe2}C*ij\x12\xa7,\xddi6\x03&gt;\xf2\xec\x07bU("\x05\x0f\xb1\x97\xce\x10\x91\xb7T\xfd\xbb\x13\xba\x151\xff\xecx\'\xed\x8bsy\xc7\x9d\xe1\xa8\xe5\x0f\xc7m\x18\x00 \x8fPU\x91\x83\x83\xae\x14s\xbf\x8e\r\xdeM\xc8a\x96\xac*\xdd\xfa8\x7f\xfd\xc9pR\xcb_\xca\xbfp\xb4[\x11\x7fR\xf4\xa3fc\xf2\xd2\x9d\x9el5z\xb8\xe6\xf6\xf8GqG*\xeaO\xf2\xf7\xa7\xafy\xfc\xb7\xc4\x8b\xed\x10\xa7z\x1f}W\xf2\xd7\x131\x07\xe9\xceWL\xce\xf2\xce\x1d\x0b\xd4\x9f\x1cq;\x00@&gt;\xd0\xe3\xc8\xf5\xfeD\xd7\x13\xd4Z\xe3D\xe4\xb6\x97\\\x8fa\x93\xaf\x90ST\xf5\xae\xbd\xbe\x00\xe9[\x06k\xf0\xf1[\xa4H\xafZ\xbdO\xad\xd7\xef\xcc\xc0\xf6\x04F\xd9yk\x9e\x13\x91\xe7\xbfw\xb5a\xf6\xca]a5|\xa2\xdar\xc4\nwr\xa5\x06\x03\xce\x12ib\']\xf3\xf8o7&gt;\x9b\xa8m\xf15{\x03k\x13\x11\x91\xd6\xde\x84\xc2=\xc2\xdb\x9c\xda\x9dw\xd8\xfc\x9b\xcd\x81\xd9{\xf1\x9a\'~O\\\xa82\xd2_|\xef\x1f\xae\x0f&gt;f\xd1\x1d\xe6\xa0f\xcfE\x01\x7fX\x91K\xb6}\x9e\xbco\xb1\xf0\x96\x03\x00\xf2\x9e\xd1\x0boO\xdb\xbb\x8dXr\xd2\xc7\xb7\xdas\x91^\xe6\xdf\xf3n\xfd\xbf\xbb_\xd5K\xb6}\x9e\xb6\x8a\xe0\xbe]\xa1\x1e\xf6\x80\xed\xe8\x17\xba!\xbd\xe4\x80\x05+L\x07\xbdj\xb7\x05\xcd\x87-w\x06W\xab\xea\xc7\xaa"r\xe8\xd1W\'\xf2\xd5\x9b\xe4)\x12\xdd\xfe\x88\xab1\xf9_9\xf3\xea\x17\x00\x0e\x1c\x9e\xef\xf4\xd2m\xcc\x03\xe4\x16R\xd0;\x08\xd9\x1f\t\xc6\x9f\xb6MD\xea\xf6=\xc3\x97\xad\x8a\x04I\x13K*\r\xb7\x96\x9d\xaa\xe7y\xa3l\x97\xf2\x97UU\xf7o\x88f\xaa*R;\xeavR6~&lt;SU\xe7g\x84X\x01x\xc6\x05\x8f\xdb\xd9\xa6\x9f\xfbP\xf8\xed\xa2\xec\xf9%\x95\xbfR\xe7y\x119+w\x9e\xbf\xfbK\x15k`\xf9\xc43\xb7\x8bH\x1d\x16\x82\x06\x80|"\xf5\xd2\xd7y9\xfa\xad/l\x0c\x9e\xb3\xc5\x8cm~$99\xf5\xc6\xe7\xd4\xac,Q\xb5\xdbIq\xde\x8c\x8aH\xedC\x17\x8b\xc8\x94\xa5;\xd7=\xf0\xbd\x88\xcc^\xb9\xcb\xb3f\x96)2\xeb\xe2]\x12\xb4\xdc\xa3\xbf\xfe\xd4-\x92\xcbt8\xb6&lt;\xa3f_aU5\x1b\x0f\x1b\xe6Y\xfa\x11g\xdc\x1b\xddTO\x8a\x992d\xf1,m-"b/\xcd\xe11\xfb\x92\xddv\xb5\xe6A\xb4=p,y\xdc\xc6\xa4\x0c?\xf1\x16sp\xf3\x0b*"Rf`X\xcd\x00\x80|-\xd1e4o=\xd3F\xa3\xab\x1f\xfb\xd59v\x0f\xceJu4\x07\xcf\xd9R\xa6\xed,\xe7\xd4\x1e3\x1c\xbfS\x98\xda\xaa\xa1P\xf2\rk\xf1&gt;\xce\xd5\x83\x9a\xa56Rt\xd7YYDz\x1f}\xb5X\x1de\xd5T&lt;v\xdf\xc4\xb3\x03R"\x83\xb3\xd9\x83\xad~\xff3\xd3}\x84\xe6\xfe\xa4i\xc9\xdep\xc1\x06\x93\xd3\x15\x17I\x0eA\x17\x11\xa916\x993(\xde\x8b\x84mK\x9c\xaa\x01\x00\x90W\xb9\xde\xf8\x8e[|\xb7\xd8OwS{\xf7\x16\xb2r%"\xd6\xcf\xaa\xc7_\x9aZ\xf80\x19*:H\x90T\xc8\xa99\xd6s\xe97U\xbb?\xea\xe4&lt;\xf3\xba7\x02\x8a\x87\x8c\r\xf6\x84\xb4\x99\x17&amp;\xf6\xb7/\xd4pjX\xb4;m\xe3\xab\xaa\x1a\x18h\x8d\xc2\x8d\xa6\x9a:\xc22\xb8\x15O,\x92U}\x8c\xbbIET\xd53\xc6\xca8\xd9^&amp;:\xb9\xc2\xb3\xe1Dz\xa3\xffq\x9b\xfc\xcd\xb0?\xd7\x1d\xffI\x1d?\xfe1\xaf\x87\x01 \x9fP\xd5\xa6\x87\x9d\x1b\x99\xc5t\xecR;\xbd7\x18\xe0]:#9\x8b\xb7\x82S\xa7\x13!\xcc&gt;\x86\xf3V?7\xf1\xcc\xedfMJ\xcf\xdd\x03oY\xb1\xe3\t\xc9K\xb1v\x98\xff9\xb8\x9e\xa6\xfe$\xfb=k\xf2\x16f&gt;OQg\x0f`\'\x8e\xde\xfa\xef8\xf1\xcc\xdb\xf1\xb5?\xfe\xb4s\x1e\xf4\\\x12)\xe5\x9c\xd6\xea\xbd\xd8\x1ct\x9d\xbc\xd6\xdd$\xb3\xc2\x97\xadz\x8c\x96\x00\x00\xf2\x85\xd2Q/\x17\xed)F\x9e0y\xf8\xa9w;\xeb\xfe\x0f\x9a\xb3YD\xa4\xaa\xe9\xe4\x05&lt;,5e+wv\x86O\'\x9eT\xff`\xea,\xd8\xdd\xe4Y\xb3\xf3[\xa7\x88\xb3\x14\xb3Y\xf5BUWm\xff\xca\xa4T\xe88WU\x97ny[DDj:E\xbe\xf3\x05`w\x9b\xed!\xd9u\xddW\x13\x97\xcc\x8b^\xf3\x1c\xfe\x91\x0fC\xe2n\xc5a\x075;j\xd7\xe7\x89\xab\xffU\x1d\x7f\xda=\xce\xedL\x9d\xcec\xf9\xb4c\xa4\x01\x00\xff\xb3\n:Ab\xc4\x82[_\xfa\xc9\x89\x16\x8d}9\x13\x8f@U\xb5^\xbf\xd4hgUmz\xd89v&gt;\xff\xd2\xc7f\xd1Dc\xc1\xe5\xffv\n\xda\x95\x88\xc8\xdbY\x8dUvU\r\x07.q\x12\xa3\x83\xdf\xd2-o\x87eH.s\x91\xe2\xd9\xc17\xb1\xc4f\xf8.F\x0b\xd6\xfd\xdb9\x9e\x91|\x1e."\x81+\x90dd\x1f\xccz\x02\x00\xec#\xce\xb7\xb6\xb3\xf4\x84Iy\xe3\x1f\x15\x91\xf5\x0f\xfe ";\xdfU\xfbR\xd1&amp;\xd3\x02kp\xa97\xd1,\xd6\xd1q\xfc\xa5\x9el\xaa*Ezz\x9e\xcdZ\xe1_D\xe4\xf2\x07\x7fp2\x17l8\xc5\xbaRBDz\x1fu\xb5\xb8\xd5\xed{\xba\x88\x0c\x9c}}\x8b\xe1\xe79\x05\xbf\x0c\x0fHV\x84.+""\xed\xfdy\xfa\x1c{\xcd[1f\xdf&amp;\xd2+\ro;\xe6"\xff\xd5\xa7\xbe\x0c(\x15\xb8\xad\x82\'\xa5|\xfb\xe3E\xe4\xf0S\xefr\x12\x1fx\xdf\xceVIDRkD\x03\x00\xf2\x95j\x9e\xf3W~S\x11Yq\xfb\x7f]\xa9\xb5\x133q\xb7\xbf\xe9\n\xc3\x96\xc4\x0ez\xb5z\x9f\xea\x8c\xc3r\xf28\x8b9\x7f\xea\xc4\xbcz\x13\xed\xc2e\xda\xce\xf2o\n\xe4\xf1\xa3/D9)\x0b\xafx\xe9\xb2\xed_\xa5\x1d\xbc\xedD\xdc\xefT\xdb\x8c\xbe\xb0V\xefSS\xc3\xcd\x026\\jjWr\xc3\xb3\xae\xaa\xcc\xf8\xac\x1a=\x16\xf9JUq\xdeX\x87D\xebF\xe6\xd2\x05\x9e\xbf\xb0\xd4\x11\x91k\x1e\xff-\xa8\x88WH\xcd\xc5\xe3\x94\x05\x00\xe4\x15\xa6\x83\xa5\xaaC\xe7\xdddR6?\xad"R\xaf\xdf\x19\xef\xa9J\xa5\xe1A\x85\x02\x96\x91\x12\x91\xbb_\r\xe8,\xfa\x1f5[\xff-,\xc1j\x8b7\xcc\x14H\x1e\x84M\xc8\t\xb0\xd1Y\xe8\xd1\xa5\xba\x88\xf8\xe2_\xc2/\xf6M\xcb\x0cr\x0e\xcd\x1f\'\xc6\x03\xdevf\xd9\x10\xff\xa7\xbe\xe5\x05\xf5\'J)\xef\xc2\x9c"\xedE\xaa{\x16\xb6\xf4\x94\xb2\xebq\xc6p\x01\x00\xf2\x13OHPu-\x0f\xa9\xaa\xc7\xaex\\\xa4\x94\x9d\xadZ\xf7\x93\xddu\xb4\xf6T\x15\xd6\x13\xf5t"]W\xab\x8e\xf2\xa7{\xf6\xae_\xb3\xe3\x1b\x11\xa9}\xe8\xe2\x91\x0bns\xe2\xf1!S\xd7\xab\xf5+AUK\xb4&lt;6Q\xa0\xcc \x91\x02\xce\xd2\x166\xb3\x0e\xb3OYU\xbd\xe2\xe1\x9fDDj\x8fwRO\xb9\xfa?\xfe\xb0\'V\x7f\xfa\x9c\x9b\xde\xb3\x92+\x05~F\xb3f\xb5c\xc0q\xd7\x89\xc8\xfd\xef\xaaH\xe3V#\xcd\n\xd5\xe5\x9d\xabmF_\xe4\xdc\xc27\xa3\xb7\x94X{\x18\xaf\xd8\xfa\x91\xe7F\xceZ\xd3\x00\x80|CU\xbfM\xaeV!\xa9\xc5\x14\x1b\xfas\xda\xdb\x07\xa9j\xc8R\x8e\xd5\xac\x0c\xe2?\x16\x11\xf3\x826\xf0\x15\xa9q\xfd\xee\xbf\xfd\xa5\xfc\n4\xf0.\x16=t\xdeM\xaa\x9ax{Zi\x98\x04\xf5\x1d\xcd\x10\xaa\xa7\xbe\xd4_B~1d\xc4\xb3\x0fD`\r{~\xd6\xd3\xaf}\xcd\xecx\x98Rf\x90?s\xf3a\xcb\x9dz*t\x9ck\x8e;\x8c\xbbDD\x9e\xff.\xba\xb5\x153m9\x00`\x7f\xf2w\xefD\xa4p\xe3#\x033[\xc3\x9e\xbd\xaf\x90\x93J\x8b\x88\x94\xe8\xe7I]\xb1\xf5\xa3\x88\xd8\xd6h\xd0Rs\xf0m2\xcf\xd5\x8f\xfe\xe2o[P\xb3\xbb\xc4\x08\x99\xbe\x9d!\x827@\xac&amp;\xbeh\xed\x190\x15AUE:Ir\x1f\xdf\xb0V\xdd\x9c\xea\x82\xd7q\x97Mq\x86\x8e\xab\xaa\x19\x08\xb6\xf9i\xed;c\xa3\x14&lt;D|\xabm\x04\xbe\x02\x07\x00\xe4\xe5ykA\x00\x00\x1f\xb3IDAT]/\xff\x1a9\xac7\xa9X\xf3\xa3\x9d\xe3\x82\r\xa6\xf8\xb2\xc5\x89\x7f\x12\xdd9;\xb8\xd7)\xa9\x13\xb3\xddP\xb1\xc4\xaa\x93\xcecU{\xfa\x93\xbf\x91\xb6\xe9\xe7\xa6\xdf\x94\xdeS\xfc\x14\xd7\x06\xbdU\xbd\xb5U\x1fS$\xe4\xe7Ht\xb5!\x19R\xdb\x05\xdaK\xa0\xf8\xca\xa6V\xd8\xee7\xf3Z);\xc8\xba\xd4ADJ\xb5\x9a\x99\xd1\xad\x01\x00yH\xc4D\x1d\x8f\x8dO\xfe\xe1\xd9\xdd(\xea\x1b\xbf\xfa\x18qw%\xe7\xad~60\xa3\xb9\xea\x99\x92d\xab\xd2\xe5D\xe7x\xd3\xae\xbf\xc2\x1bh6&gt;\xaa/\xd6#\\\x9fB"\xf2\xaf\xcf\xd2\x7fd\xe7\xd5\xafH\xb3\xb4\x99\x1d\xab\xef\xfbZD\xe6$\xb7^\xb0MY\xba\xd39V\xd5\t\xa7\xdf#\x92\x1c^^;`\xbb\'\xa98T\x9c\xbf\xb0o%K\xd7\xe6\x10\x95\x86\x9bl\x0b\xaf\xdc#\xac\xfe\x01\x00\xf9\x9dy\xce\x1c\xf1U^\xbc\xf91\x9e\x94\xfe\xc7m2\x07E\x1aO\xf3\\2\xd3U=\xb5U\xe9\xba \xba\r\xf6\x12\xc7"\xd2`\xc0\x92!so0\x95|\xe0{\xa7\xeb\t&lt;3/|\xd2I\x97\xe4\xf4*\xbf\xc0\x0f\xd8u\xd2\xdaZ\xbdOM\x9b\xcd\xbe\xa4\xaa\xc9\xd6\x16\x14\x91\xaa]\x17D\xf6\xb0K\xd9\x97\xfeQ\x95\xe4VQ\xe17-\xe1\xbfcXf&amp;\x07\x03@^\xb7\xee\xfe\xef2\xef-\xa5\xb6/l;\xe6bs\x10\x18\x12\x0c\xb3\x89a*[\xc5\xa1N\xb6\xb3o|\xd7&lt;g\xfe\xcd\x190%\x01\xbd=\x11y\xe2S5\x8bs\r\x9cu}X\xb3T\xf5\xda\'\xff\x08L7\x07\xce2#\xd6,g\xff\x82_);\xdf\xd1\xf0\x97\xdc\x89\x9a\xafz\xe4g\xf1}|\xb3|\xa6\x91\\2\xb3\xaeU\xae\x94\xa7a\x1e\xaeH\\f\x90\xefz\xe5{^\x0f\x1d\xd7\x06\x00\xc8\x1f\x12\x1b\x00\x94\x1a\xe0\xf4\x17%h3\x00Uu\x1e\x93.\xbcb\x8f?g\xff\x99\x9b\xfc\x95\'\xb7g\x90\xa2M\xa6\xfb\xaf\xda\x0bO\xf6=vcx )\x10v\xe9sU\x11\xb9\xec\xde/C\nJ\xbd~gzR\xd4\xbb\xa8V,a\x13\xab&lt;{I\xa9j\x83\x01K\x82Z\xdbj\xcc\xc2;D\xba\x89H\x81\xfa\x93\xc57+\xc9\x94\x1d\x7f\xda6s&lt;\xf6\x94;\x9d\xf4/\xc2\xbb\xb9\x86\xb3\xecW\xf4\xb2\xde\x00\x80\xbc\xe5\xbe\xb7\xd4\xcc)r\xfapO|\x12:\x9d\xd7Q\xac\xd9Q\x9e\xab\x9e\x95)\x13\x8b$\x97\xec\xef\xd9\xf7\xde\xf1\x89\xaa\xaf\xf7\xe9]\t\xb2\xe5\x88\x15\xe2\x1bgd\x1af\xd6\xb64m8\xa8\xe9\xf4\xa0;\xd4\x93"=\xcd\x80awS\x8b4\x1e\xbcl\xe2\x99\xf7\xf9\xd2%9\x1f7\xa9\xc6X\xe7v\xc7\xaex,\xf0S\xdc\xf7\x96\x9a7\xc4\xc1\x0f\x00\x0e\x1e\'\xe2\xecQ!R\xb4\xb7se\xe1\x95{\xcc\xfc.\xcf\xe4\xe9G&gt;t\x8d\xcf\x12\x91\xe42\x99\t\xc7^\xf0\xb8\xaf\x15-\xadz\xda\x98\xa4n\xc9\x8d\x95\x00\x00y\x94y&gt;l\xbe\xbe\x9b\x0cI\xbc\xf4\xf5\x84\x937\x03"\xb1\x13$b\xed\x95\xab\xaa"M\xec\x94~3\xaf\xb5O\xe7\xaf}&gt;(\xde7\x15\x91\x19\x17$v28\xe6\xfcG\xe5\xe0\xc3}\xd5\xa6\\\x172&gt;\xcb\xce\xd6e\xd2\x9a\xb74\xe2\x17F5\x11y\xf5O\'\xbd\xad\x93\xd3\xf9\x9b\x1c\xb5\xfc\x11U\xb5\x1f2\x8b\x88\x14\n^\xb8\xca\x14\x99\xb7\xe6\xb9\xb0\xab"\xf2\xcc\xd7\xc1?t\xbe\x0b\xf9\x01\xb4\xe7g\x9e9\x03@\xfeg\xe2\xca\xde?4\xb9\xc4c1qG&amp;\x7f\x94\xea|\xc4\xaa\xc0t\xe3\xd0c6\x88oC\xa4\x1a=\x16:\xb5\x05\x0e\x1d\xfa\xcbW\x9bY+*\xa2\x19O|\x9aH\xa9\xd3\xe7tU\r\\0DDNX\xf5L\xc8\xbaW\xa2\xaa?\xc4\x982\xf4\xab\xea\xdf\xa6\xd9%\xfa\xed\xfa\xdc5\xbb\xd7\xffc\xc5\xf8\'\xa8\xda\xfa\xfd\xcfj=\xeaB);8\xf0\xe34\x1e\xbc\xcc\xd9o\xd1\xa9|\xe5\xdd\x9f%N\xca\r\tl^\xf2\x05\xb3\x885G\x8b\xb7\xc2\x00\x90\x0f8\xf1\xc3\xf9\xd6N|\xe9\xfb\xd6"n5\xf2\x02\x11)\xd6\xechI\xbc\xdc\xad-\xd6[^\xbb\xb6\xf4*\x0e\xb3\xcf\xe6\\\xfaT\xf20\xb1\x8b\xc3\t\xc9\tK\xb5z\x9d*"Rix\xb7\xc9\xeb\x02#\xb7+\xfe\x15Im\x0e\xe8\xd9&amp;\xa1J\xd7\x13E\xc4\xd9_\xc1\xa5\xe0!\xd1\x8du\xe6@\xc7\xfct\x9e\x90l\x97J..\x96\xf2\xab\xbbN3\xa4\xcb\xb8\xf8\xee\xcf\xcc\x93d\xf3\x7f\xa7\xe5\x88\xf3\x03o\xe7\xd9\'\x91\xe8\x0b\x00\xf9\x83\xaa\xba\xe6\xb9\x1et\xa8\xb3\x14\xa5\x88\xbc\xf6\xa76\x1a\xb84k5\xdb#\x89\xc2\\i\x16^\x96\x1a\xe6\xd4Y\t+\x06\xb3PFis2w\xd53\xd1\xb9\x83\xc2R\x01\x7f\xfa#\x1f\xa6\x99k\xe4x\xfcc}\xec\xbf\x89@\xeb.U.\xa2\xd4\xad/\xa6N\x17^\xb9\xc7^8\xfa\xff\xac\x9c\xd7&lt;\xf1\xfb\xbc\xd5\xcf\x86\xf5\xe9\xfd\xd5&amp;\x05l\xa7\x08\x00\xc8/\xaa\xbb:pE{\x99\x83\xf3o\xfb00\xf7\xc5w}:n\xf1\xdd\xf5\xfb\x9f\x95L\xa8\x9c&lt;\x08\xd8\x93\xc0\xdeW Q\x7f\xf9\xc3\xec\x0cC\xe6\xde\xe0)\xa2\xaa\xeb\x93\xbb\x02\'K\xb5\x0el\x89\x1d\x93\n72KV\x95N\x9b\xd3\xfe\xb0\xeb\x1e\xf8\xdeIt\x9e\x99\x8b\x88\xd4\x18kv5N\xe6,\xed\x1cw:b\x95s\xfc\xf0\xff\xa9\xfd\xceXD6\xfd\xeb\xcf\xa0H\xd96uXeD`\x0b\xc3u\xf1?\xf1\x0e\x0c\xc6\xed\x0e_\x99a\xcd\x00\x80}\xcb\xf9B\x7f\xfak}\xe9\xe7\xa0\xa1\xbc"G\x9e\xfd\x80\xaf\\kO\xb6\xd36\xbe*""\xed\x03\x1f\xbd\x86r\xef\n\xec\x14\xb4\xe3\x9f\xaa\x9a\xfe\xae\xaa\x8eXp\xab\x141\xbf\tJXW\x9b\xb83\x8bH\x83\x88{:\x1b\x0bV\xee2\xdf\x19\xeali*"[\x9eV\x11y3\xf9d\xfe-\xfb\xd5u\x81\xee"\xf2\x9e\xf5\xe9\xcc\x82$e\xda\xcerR\x92\xef\x80\x9bK\xd0\xdf\xc1N\xf9\xd9:~\xe0=o\xce7\xfeq\xa5\\t\xe7\'\xce\xb1\xf3z\xd8\xf5[\x01\x00\x90\x8f|m\xbd\x06\xb6:X\xc1\xdb\xeaE\xd8\xfd\x85+Z\xd4\xecyJXN\x11\xb1\x1ft\x8b\x883\xf7)\xc2W\xaa=\xa7_i/\xb5\x91\xe9\xfb\xce\x97~\n\x1d\x8d5\x7f\xed\xf3\xae\xbe\xa9H\xdd&gt;\xa7\xab\xea\xa4\xb3v\xf8\xef\xd5\xfb\xa8\xab\xc5\xda1\xc2\xbc\x1d\x0fQDU\xbf\xb7\xca:\xdb0\x9c{\xf3\xfbN\x9d\x07\xf7J\xac\xbaeFD\xff\x90\x9c\x13\xbc\xe3m5C\xb2[\x8f\xf2\xdc\xa2\xa2\x94\x1e\xe0\x9c\x98!o\xa3\x17\xde\x1e\xde\x0c\x00@\x1e\xa3\xaa"\xad\xcc\x13\xe6J\x9d\xe6%R\x0bt\x8f,T=\xba\xce\xb5;\xbf\x95x\xd11N\xef\xed\xa7\xa0\x1e\xa4\xa9\xfc\xec\x1b\xdf\x15k\xab\x86r\xed\xe6x\x9f\xcdVN&gt;\xe3=\xf8\xf0\xc01\\\xfe\xca\xc3\x14j8\xf5ow\xe5N\x7f4\xfc\x93v\x14\x91\xd2m\x8e\x93:\x895L\xcc\xfa\xcf\x15;\x9d\x90|`\x90\xd2\xe7\xd8k\xfc\x0f\x0f\x0ejzT\xba[\x00\x00\xf29{\xf3;g`\xf0\xe8\x85\xb7\xdb;\xf1\x95l9#fm\xaa:i\xc9\x0e\x111\xb3n\xe2)mO\xaa\xf1\xf8\xca\x1d\x81\xde\x8f\x11\x90\x1a\x0fZ\x9682{+\xb9\x94\x97\x90\xa8\x16\x9d\xf8\xca\xef:f\xd1\x1d\xee\x8b\x15\x03C\xbbs`F/\x07\xaeD\xfd\xe4\xa7\xa1\xe3\xa5\xa5|r\xdeQ\x05\xe75y\xc0+\xed#\xce\xb8\xf7\xb2\xed\xde\x85\xc06&gt;\xf1\xbb?\'\x00 \xcf\xb9\xf4\x9e/\x16o\xd8+%\xfa\x894\x92\x80\x08\xd4-\xac\xe0\xc0\xd9\x01\xcb2\xab\xea\xb79\xd7]3\x8d\xb9k\xaf\xf7U\xa8I\x1f4{\xb3\xb3\xc6\xf2%\xdb&gt;\x8fWe!\xb3_\xaf\xf8&gt;\xe9+\xbf[\xebQ\x8b\x88\xf5\xea\xb7D\x8bc\xed\xf4k\xff\xf5\xe7\x9f\xbeNj`\xcbU\xd5\x99de\xcf\xf5\xb27fx\xe3\xef\xc4\xeac]\'\xad\xf5.(&amp;""\x95;\xcf7\x07\xe3O\xdb\xd6\xf9\x88\xd5\xe6\xb8z\xf7\x93\x93\xd7C\x07K\x03\x00\xf2\xae\x80\xd9\xb4A\x19\x9c\x99Bu\xfa\x9c\xe6\xbe^6\xac\xe6\x02\r&amp;\x9fu\xfd\x9bYj\x94=\xc0\xaa\xad\x93:n\xf1\xb6\xe4a\xa9X}\xf1\xeacD\xa4\x90{\xe5\xe7\xc0\xcf\x186\xfd\xc9\xff\x90\xd9\x7fp\xd8\t7\xdaE\x8e&gt;\xef\x91\xdd_\xa6\xf2,\xbb\xe1\x1dk)\xcd\x86"R\xb6\xed\xec\xf0\x16\xa7\x96\x15+\xdf\xe1\xf8\xf0lF\x87\xb0\x0b\xdf\xf0\xbc\x1a\x00\xf2\xbe\xb7U\xb7\xbd\xa6\x9b\x9f\x0e\xfa\xca&gt;x\xdc\xda\xfb\xbfs\xceR\xa1+\xf5PT\xda\x1f\xbeRDv\xbc\xad\x92\xd8\x04\xb7\x80s\xa9j\xd0V\x83\r3\x99U\xec\t\x96\x13\xcf\xdcn\xa5\xd7\n+\x95\x9c\x83\xe4b\xed\x06\xd1.yP;\xed\x8b\xd5D\xe7\xb5\x92\xb5lH\xdd\x89\xed\xc6\xae&lt;a\xd53\x1d\'\\f\x12~\x0c\x9f\x11\xa4\xaa\xce\xc4\xdf\xc4\xa5j\xa3\x9d\xab\r\x06,\x11\x91\xca]\xe6\x87\x15\xf7\x0cj\xf3\xd4,"\xc9\xc9\xd0\x8e\x8e\xd1\x1f\x07\x00\x90\xb7\xd8\xdf\xfb\xcf\x7f\x9f\x98\xe1\xb3\xf7\x8fX\xb3\x89&lt;\xcflE\xaa\x04\xe5\xaa\xe6Y\xc39\x86\xfa\xbb&gt;\xd7\xebv\xff\x1d\xddZ\x9b\xbd\x10\xb4\xfd\xb0W\xa4\xee\xd4e\xf7\'\x0e\xad\xad\xfdj\x1c\x92v\xfcW\xd9\xa3\xcf\x7fT\xe4 \x11i8p\x89\xf7b\xf2\x13m\x7f3q\xa3\x96#V\x98\tN\x11o\xb2Ed\xfdC?\xba\xf6P*7D\x82&gt;\xd4\x1f\x89\x14\xeff\x88+\xb6~\x14Qy\xf7)\xebDd\xc9\xe6\xb7\x18\xb4\x05\x00\xf9E\t\xb1V\xa2\xd8\xfbG"\x80-\xbf\xe5\x03_\xc6~\xce\xa1\x897\x12\xbe\x0b\x82\x88\xdc\xf1\x1f\xf5\x07\x83\x1c\x0c\x0fY\xab\xea\xe5_B\x1f\xb9\x8bH\xfd\xe4&amp;\x86\xeb\x1f\xfa\xb1\xdb\x94u\xd1UMq\xa2\xbb\xe5\xa5\xe4~\t]&amp;\xadI\xa6\x95\x12\x91\xc9Kv\xd8\xf7uV&amp;QU\x916A\xed)\xebYZ+\xa5@w\xcf\xbc)\x00@\xbeRf\x90\xaa\xee\xf9E\x0f\x99\xba\xdew\xad\xab}\x12\xb8\xb4\xe4\xb6\xd7T\xdc+,\x06\xaa\xde\xfdd)\xdc\xc3Ls*\xde\xe2\x98\xa9\xae\xa0U$~c[\x0cO\xac\x87\xdc\xc8\x19\xe1\x1c\xc3\xac\x8bw\x99\x03\x13\xe1\xbaM^g\x8e\x9d\x01M""\x85z\\h-sal\xfa\xd7\x9f\xfe\xda\x9c\x98jjk5\xea\x02q\xbf\x1b~\xea+}\xecc\xff\x1f\xa4\x9c\xb8B~Q\xfbZ\xf4o\x14\xf3&gt;\xd8J\xe9\xe8\xc9I\x7f\x17\x00\xf2\x1f\xef\xc4Y_\xa2\x14\xef+R\xb0\xef\xb1\xd78\t\xf6kK\xf7\xe2\x91%R\x87u\x8e\xe8;c\xa3\xb3Rc6\xcd_\xfb\xbc\'%\xb8\xa9\xa1\x9d\xdaR\xf6\xd5\xc0\xb0\xea\xaf\xff\x81\xf7t\xe2\x99\xdb_\xb2\xf6\xfe\x9b\xbcdg\xfc6{\x9ad&gt;\x82\xd3\xbc\x91\'\xdd&amp;"\x03g\x05\x0c#7\xaav[\x10\x1aV\xcb\x0cL{\xd3\x9e\xd3\xae\xcc\xbc\xa5\x00\x80}\xaa\x8d\xe9B\x99\xa5\r\xfd\xc3\xa1\xfda\xa0T\xeb\x99\xf6\xa9\xaaz\xf6B\x88.."\xce\xb6\x01\xee\xab\xf5$9Z\xcaW\xca\xd9.\xa2\x82\xf9\xa7A\xff\xb3D\xe4\xe9\xaf\xa2z~\xadG]\xe8I\xb1\xab\xedq\xe4\x15a\x05U\xd5\xc4\xec\xc7MG69+z\xc1\xba\x17TU\xa4\xf9\x8b\xbe\x15\xb5L\xaf\xfa\x8cM\xaf\x9bS\xf3\xe8\xbeb\xa7\x13\xc4\xf7\'\x8d\xee\xad~\x91\xe8\xce6\x0e\xc9Y\xdb\xa9\xc4\xbe\xfa\x96/\xe7\xc2+\xf6D\xdc\x05\x00\xb0\xff\xa9\xaa\x14\xee\xe9\t\x12\xeb\xee\xff.\xe8\xc1f\xf1\x80\xb2AJ\xb79NDf^\xf8\x84\x88H\xc9\xfe\xf6\xcaYG\x9e\xf3\xa0\x95\xb1~\xdf\x19\x1b3k\xaa\xa3D?\x11\x19&gt;\xff\x96\xab\x1f\xfd\xc5\x9b\xaf\xc2P\x11\xa9\xd8\xf1\x04svy\xf2\xc5\xb6[)\x91\xb6\x0f\x7f\x18\x1c\x14_\xfb+x:V\xe0\x93\xf6D\xafz\xd7_"R\xb0\xc1\x14I\x0c\xffn\x91\xa6\xfdI]&amp;\xae\xa9\xd9s\x91}\xe9\xfc\xdb&gt;|\xe6\x9b\\|k\x0e\x00\xc8\x13\x9co\xf6\xd1\x0bo\x9ft\xd6\x8e\xf3}\x83l\xffRu\x16\x82\x10\x11\x91\xcea5D\xd7\x9f8(\xde\xd7\x9c\xee\xfaB?\xf6w\x94\xeb\x1e\x11Q\x95Y\xe1\xd2\xaes\xf15{\xd3F&amp;;\xc3;i_\x97\x96\x19d\x179\xfd\xda\xd7\xfcY\xc6\x9er\xa7\xaa\x8a\xd449\x1b\x0cpv\x82\nX\x10\xc3\xf3\xf1\xcdrc\xe1O\x08J\xab\xaa\x19\xa8\xe5\xbb\x94J\xb1\x97\x9e\xb6W\xc6\x06\x00\xe4\'\xc1\x01\xa9\xf6\x04\xe7\xf0\xfa\xdd\x7fw\x9e\xb8Z\xa4\xe4\xee/\xd4\x19\xf6l$\xbf\xfd\xd3\xef\xfagN\xcd\x88-?\xcf\xc2\xc8\xedcl\xa5w\xe7+Q\xc3\x98#\xd</t>
        </is>
      </c>
      <c r="E569" t="inlineStr">
        <is>
          <t>&lt;class 'numpy.ndarray'&gt;</t>
        </is>
      </c>
    </row>
    <row r="570">
      <c r="A570" s="1" t="n">
        <v>568</v>
      </c>
      <c r="B570" t="inlineStr">
        <is>
          <t>steps_per_sec</t>
        </is>
      </c>
      <c r="C570" t="n">
        <v>8200</v>
      </c>
      <c r="D570" t="inlineStr">
        <is>
          <t>5.3930893</t>
        </is>
      </c>
      <c r="E570" t="inlineStr">
        <is>
          <t>&lt;class 'numpy.ndarray'&gt;</t>
        </is>
      </c>
    </row>
    <row r="571">
      <c r="A571" s="1" t="n">
        <v>569</v>
      </c>
      <c r="B571" t="inlineStr">
        <is>
          <t>Loss/localization_loss</t>
        </is>
      </c>
      <c r="C571" t="n">
        <v>8200</v>
      </c>
      <c r="D571" t="inlineStr">
        <is>
          <t>0.007869522</t>
        </is>
      </c>
      <c r="E571" t="inlineStr">
        <is>
          <t>&lt;class 'numpy.ndarray'&gt;</t>
        </is>
      </c>
    </row>
    <row r="572">
      <c r="A572" s="1" t="n">
        <v>570</v>
      </c>
      <c r="B572" t="inlineStr">
        <is>
          <t>Loss/classification_loss</t>
        </is>
      </c>
      <c r="C572" t="n">
        <v>8200</v>
      </c>
      <c r="D572" t="inlineStr">
        <is>
          <t>0.15620129</t>
        </is>
      </c>
      <c r="E572" t="inlineStr">
        <is>
          <t>&lt;class 'numpy.ndarray'&gt;</t>
        </is>
      </c>
    </row>
    <row r="573">
      <c r="A573" s="1" t="n">
        <v>571</v>
      </c>
      <c r="B573" t="inlineStr">
        <is>
          <t>Loss/regularization_loss</t>
        </is>
      </c>
      <c r="C573" t="n">
        <v>8200</v>
      </c>
      <c r="D573" t="inlineStr">
        <is>
          <t>0.038279485</t>
        </is>
      </c>
      <c r="E573" t="inlineStr">
        <is>
          <t>&lt;class 'numpy.ndarray'&gt;</t>
        </is>
      </c>
    </row>
    <row r="574">
      <c r="A574" s="1" t="n">
        <v>572</v>
      </c>
      <c r="B574" t="inlineStr">
        <is>
          <t>Loss/total_loss</t>
        </is>
      </c>
      <c r="C574" t="n">
        <v>8200</v>
      </c>
      <c r="D574" t="inlineStr">
        <is>
          <t>0.2023503</t>
        </is>
      </c>
      <c r="E574" t="inlineStr">
        <is>
          <t>&lt;class 'numpy.ndarray'&gt;</t>
        </is>
      </c>
    </row>
    <row r="575">
      <c r="A575" s="1" t="n">
        <v>573</v>
      </c>
      <c r="B575" t="inlineStr">
        <is>
          <t>learning_rate</t>
        </is>
      </c>
      <c r="C575" t="n">
        <v>8200</v>
      </c>
      <c r="D575" t="inlineStr">
        <is>
          <t>0.079927556</t>
        </is>
      </c>
      <c r="E575" t="inlineStr">
        <is>
          <t>&lt;class 'numpy.ndarray'&gt;</t>
        </is>
      </c>
    </row>
    <row r="576">
      <c r="A576" s="1" t="n">
        <v>574</v>
      </c>
      <c r="B576" t="inlineStr">
        <is>
          <t>train_input_images</t>
        </is>
      </c>
      <c r="C576" t="n">
        <v>8200</v>
      </c>
      <c r="D576" t="inlineStr">
        <is>
          <t>[b'640' b'640'
 b'\x89PNG\r\n\x1a\n\x00\x00\x00\rIHDR\x00\x00\x02\x80\x00\x00\x02\x80\x08\x02\x00\x00\x00\x83\xaf^t\x00\x00 \x00IDATx\x9c\xed\xddu\xe0\x14E\x1b\x07\xf0\x87\xee\xee\xee\xee\xee\xee\xeen\x90\xee\xee\x90\x92\x12T@\x10\x14\x01\x912\x00AQBQ@@I\x83WL0\x10\x11\x05\x03\x14A\x9f\xf7\x8f\xbd\xdb\x9b\xdd\x9d\x9d\xdd\xbd\xf8\xe5\xf7\xf3\x87\xec\xed\xce\xce\xcc\xdd\xef\x9c\xb9\xdd\x9dy\x86(J\xa5\rWF\xcc\x1c\xae\xac\xa2\xcb\xda\xb7~\x0bWVC\x97\xbd\x17\xf4\xb9i\xca\x0e\xb1\xec\xcb\xce\x02\xeb)\xad\xc7\xeex\xff\x96a\xbf\x98R\xdc\xb0\xeeT{\xe1t \x99x\n3?}\xf8\x0fm\x8f\xfe\xdf\xc7_\xbb\xf9\xcaGlMI\x89\xebh\xdb+\xf6\xde \xa2\x95\xfb\x7f6\xd7$E\xc3)\xcf\\\xb2T\xa9\xb2\x90U\x15S\xb6e\xda=fzG^\xd9\x9d\x1b\x07\xbe\xc9\x00\x10\xfd\xccMI\xc2ZNg$\r[Y\x10V\xef\xfe\xc8DD)\x1bI\x8f&amp;/1@\xdb0\xf7|F\xcc\\\xba\xddcb\x9e\xfe4\xa9\x89h\xc1\x8eo|\x07\x92\xd4\xd5\xd3\\e&amp;\xa2q\xab\xcff\xae:FK|\xc7\x9fm\xd9\xf6K\xb5\x8d7\xbe`"\xdav\x86\x89\xe8\xd9c\x7f\x13e3\x15=j\xd5\xa9%/\x7f\xafm7\x19\xb6Y\xdf_\xb9\xeb*iU\x8b\xb5x\xd4Tm-A\xe9\xb6\x8b\xa9@O"\xea&lt;u\x8f\xe1\x8d%\xabOJ\xcc\xfc\x8b\xb1\x88\xc1K\xdfe\xe6\n\x9d\x96\xabO\x04\x00\x88\x05\xd0\x01G\x9b\xdc]L;j\xf6^KD\x93\xd6_\x14wV\xe9\xb6\x8al\xffL\xe6\xebK\x1d3O\xdd\xf8\xf1\xf2=?\x9a.v\xf5\xa3\xcc\\F\xe8\xd4\x89\x88\xb2\xb4\xbd*/\xa5\x1a\x11\xfd\xc5LD\x99\xab\x8e\xb9\xc1|\xf0\xcb\xe0\xaf_M\x95\xb4;\x94\xbe\xc2\x88U\xfb\x7f\xceXi\x94\xf5\xd0]|c\x01 &amp;\xf8-\xae4F\xd1~S1\xb5\xe4\x06r\xf8\xe4\xe9\xaa8hz\x9bM\x87o!"\xa2\x0c\xd6\x94\xe9+\x8c JN\xb9;\xdb\x9d\xbe\xfa\xe0maO\xa6\xc2M\xe7\xea]/3S\xcaF\xcc\xdcj\xccv\x97\x95\xf6o\xa4!*b\x9b*s\x1bw\xb9\xb9,S\xfeA\x99~@\xe8\xb2V\x1b\xf7\xf1\xfd8\xf2\xbf\x00\x00\x04o\xcd[w\xa2\xbb\n\xb1\x9a}\x13\x1f2\xed"2B\x9a\x8f|AxUJ\x9a\xa6\xdf\xfcCA\xe7/\xf6:\xcb^\xbdND\xa3\x9f8c\x9f&lt;\xd9\xba#\x7fR\x12\xdf\xb3[\xfd"\xbb\xe3\xe4W\xec\xf2\xb4U\xa0\xe7\x81+\xbed\x05\x1a\xcd\x14\x0e\x94Vg\xb2\xf5\xd4\x7f\xce\x99\x07+W\xed\xc9\x91\xcb\x1c\x00\xc0\x077\x87\x81\x88\x16\xef\xfe\x96\xc2\xfde\xd8\xf8\xce_\x92\xbd\x86\xa1\x06\xc9\x1c\xc7I\xfd\xea\xbdJ\xc3\x1f?\xe9\xdb\xcak\xbe\xd2\x95&gt;\xf9\x16_\xaey\xf3\x8e4\x19\x00\x00D\xdc\xc8\x95\xef\x87++\xd3\x15ap\xf25\x98\xee&amp;\xd9\xc4\xa7/\xd8\x1fL\xe6\xae\xa4\xee\xae\x92\x85\xa6t\xdb\xc7\x88rx:\x85\x99\x89r\x11\xd1\x7f\xde\xfbE\xf5\xb837g\x01\x00\x80W\x89\xa2\xbb\x02\x11\x95\x9e\x88\x1a\r\xd9$\xeeZ\xb4\xebZ\xf4\xd4%\x02\x02\x83\xaemD\xae\x8f&lt;\xfd+\x8f_{.B\x99\x03\x00\xc4\x0b\xf1\xed:&amp;\xd2\xef\xb7\xdd\x84\xdd\x7f\x18\x8bH\\\xa4oDKT\xd8\xf4\xde?a\xcb\xab@\x0f\xf7i\xef\xc5\xb3/\x15\x00\x08rt\x88\xee\x1a@\xb4+a\xdd5\xf3\xf9\xff=\xf1\xfa/\x1e\xf3)\x13\x96\xda\xa8\xe5\xac=)\nJ\x11T\x8ah\xee\xf1\xedW\x1d\x00\xc4\\y\xebO\x8b\xee*\x80\xa6\\(\'\xff\xeb\xaa_I\xe3&amp;\xab\x88vQ\xc3\x96\x9f\x88\\\xe6n\xa4\xaf0"z+\x00\x00\xd1\xa6\xff\x82\xc3\xd1]\x05\x00\x95\x8c\x95%q-\xdck0\xe8\xd9 \xce\x8a@\xaf\x9f&lt;\xdc\x19\x02\x00\x84\xc3\x8e\xb3\xb8\x11\x071\xce\x07\xb7=|-\xd3\x96\x1f&amp;\xbe\xdcr\xf2\xdfpW\x07\x00\xe2\x85lQ\\^ly\x12\x16\x83\xea\x99\xad}t\xd7\x00\x1c\x98\xbe-1\xe8\xcb\x03\x00\x001\x96\xa1\xb7\xc8\xd7-\xfa*\x12St\x99\xb67\x94\xd3}\x9f\xa7\xcd\xfa\x16\x00\x001B\x0c\x7f,\xfdS\xcc\xb8\x8e\xe9\xfb\xe8[\xd1]\x05\x95f\xc3\xb7Fw\x15\xa2\x93i\x85%\r\xae\x80\x01\x00\xe2\xb0\xf4\x9eRW\xee\xbaRqt\xf8\x8a\x93\x8a\xa3q\x91d%\x89p)\xder&gt;:`\x00\x88\x15*F,\xe7\x88?\xde\xfe\xec\xbf\xa8kg\xc56\xfd\xe8\xb7a.\xb7\xe1\xe0\xe7\xc2\x9ba\x9cVm\xd0\xe2\xb7\xf5\x17\r\x1ey\x96d\x97\xbcE\x9bK\xae\x8c\x01\x00\xc0\xad`.e\x12\x89k\x06P\x96\xaac\xc3V\x9b\x98+etW \xc6\xc1E0\x00\x88\x14\xc1\x10\x12(OT\x1f\x8d\x81\xe4\x8b\xeeyemC\xdf\xbd\xcev\x87\x02R4\x0cK\xe9\xa2\x07bqy\xba\x84=\x7f\x08\x1dz\\\x00\x80\xe8V\xa0g\xc9\xd6\x8b\x1cS5\x19\xb69\xf2U\tVvE\xd4\xd2\xf4QV\x8b\xd8#atW\x00\x00\xc0I\xc2B\xbd&lt;\xa5o6"\x96\x8d\xb0MUz\xb0\xdb\xa4\xb1av\xef\xe1\xab\xf1\xeb\xaa\xaeH\xb3y.SV\xed\xfeD\x04\xeb\x01\x00\x00j\xf5\x06l\x88\xee*DV\x8fY\x07\xa2\xbb\nv\xe4KF\xe6\xa97\xd5\xfe\x94\xc0B\x14\xc5[\xce\x97\xa6\x18\xb7\xe6\xac\x97:T3\xbcJRW\x9d\x1a\xf7\xa8\x01 \xd6+\xdb~itW\xc1\'\\Mj\xfck\x9a\xf3Fea\xcc\x9c\xab\xced\x9b\x83Q\xb1\xac\x13\x00@\x18&lt;\xb2\xe4\x98\x7f\xb3\x82\xd7sS\x94\x1c\x14\xd6\xba@T\xe8&lt;u\xafy\x14^\x8a\x86D\x85\xa2\xa76\xe16\x7f\xfb\xd7\xe2\xcb\xf8\xf7K\x08\x00b\x97\xd4M\xa2\xbb\x06\x10\xf7\xcd\xder\xc5\xba3\x96&gt;yE\xbf\x0e\x00\x00\xb1F\xcc\xef\xb46\xbc\xf3\x97t?3\x9b*\xff\xc6\x971\xfd\xbd\x00@\x14\xd1\'\xb3F\x97\x92\xad\x17\x867\xc3U\xfb\x7f\x0eo\x86\x10\x1b\xf5\x99\xf7f4\x96\xce\xccD\xa5\x85m\xd3!"*\x1a\xe5\x95\x02\x80\x18&amp;\xe6_[\xf8\xc9G\xba\xc60\xf9\xcb\xb4{,zk\xb0\xee\xf0\x1f\xd1[\x01\x00\x00p\'\x16&gt;\xc4e\xe6\xd7\xfe\xe7\xf6wC\xcb\xd1/F\xb42\xa2r\x1d\x96\xc5\xcc\x1f4.j\xa5\x0f\x00N\x16\xd9\xaaD-\x8c\xf5\x03\x80\x18j\xc8\xd2\xf7\xc2\x92\xcf\xf5\x98\xd7\xebD\xd9\xa2\xe8\xcc|\xe1\xae/\xf3[\x96\x07~\x10\xc5N\xfe\x8c\xcf\x1f\x00 ~0\x8d\xb2\x89\xc3\x1d\xf0\xb2W\xafGw\x15b\x91\x9c\xb2\x9d%\xa3\xba\x16\x00\x00\xd1\xad@$3/&amp;lg\x8b\xc3\x1d\xf0\xdf1\xfb\xadm=\xf5_tW\xc1A\x1c\xfen\x00@\x98-\xda\xfd\xad\xd7S*w]\xd9j\xccv\xd9\x91t\xda?#\x1e\x8fo\x8b\xbdCHF\xae:\x15\xddU\x08\x8b\xdc\xd1]\x01\x00\x00\xa5\xc4E\xfbFw\x15\xc2#F]\xeb|\x19\xd6\xcaL\xdd\xf0Q\x18ss"\xbd\x91k\xf6mL\xfa\xb4\x01\x00\x00\xe2\xa6\x18\xf5\xe3F\xb7\xe7\x13\xae\xd8y\x856 `\xe6\xf3\xff#"\xc3B\xd4\xc9\xeaES\xbd\x00 \xc6KT\xb8OtW!\xcc\xfc\xcdt)\x87t\x10\x94#\xd7"\xdf\x0b&amp;\xae\x13\xf1"\xec\x15j2\xdb1\xcd\x94\r\x1f\xb1\xbd(\xa8$\x00\x00\xc4n\x7f\x85\xaf\xb7\x98\xbc\xfe\xa2\x7f\xb3\xb4]\x9a\xf4\x15G\x84\xab\xb8\xe0\xdc\n\xc3\xfb\xcdf\xedh\xe7l\xfd\xdc\xd2\x07\xeb\xb7\xd0\xf3\x85\\"\x00\xc4En~\xad\'.\xa2]"\xd7\x88te\xe2\xb7\x1c\xd1]\x01w\xd25\xb7\x8b\xd7!\xfd.e\xae:\xc6M\xb2p\x88\xa2\x95\r\x15\xd7\xb8\xb7p\x1d\x0c\x00\xe1\xb5\xeb|,jJl\xaf\xbd &amp;`\xe6l\xd5\xc7Gw-\x82W\xa2\xd5\xc29[?\xb7;\x9a\xbf\xe1\x0c\xd5\xbd\xe8\xccm\xd0+\x03\xc4wq\xb5\x15\xa8\xd6\xe3\xc9\xe8\xae\x02\xc4e\xd5{\xadV\xff\xbfc}0\x1ceu\x03\x80\xd8!A\xc1^\x14\xf7\xba\xe1\\\x9d\xa2\xbb\x06\xe4\xe5.\xbda\x80X\xc2B\xbd\xc3^\x15\x85\xc1K\xdfu\x95.I\xddPJ)\xd5vq(\xa7KE\xf8K[\xcd\xfeP!"\xba\xeb\xd4\xa7b4\x16\x00\x04\xa3Pc\xe7\x91\x9f\x19+\x8d\x8a\x82\x9a\x10Q\x97\xa9{\xa3\xa6 \x85\x1e\xb3^\x8f\xee*\x84\x93\xde\x19l\xff0\x9c}\xc3/\xe6|\xca\x06\x97O\xc8\xf5IH\x94&gt;\xb4\x1c\x9c\x19?\xb7\x0cD\x99\xa4\t\xd0\x07\x03\x00\xc48\x1f\xdc\x89\xb6\xe6X\xef\x0cbL\xc7\x90+\xbc\xd9M\t\x7f\x90\x90\xca\x96=\xd5\x12\x15\xeeM\x94\x91\xb2\xb5gf\xca\xd7\xcdt\xd8\xa9\x03.\x1f\xee\x1a\x02@\x9c`\xb9\x94\x91\x88\xf6V{\xf8\x8a\x13\xe1\xca*G\xadI\x94\xaf{\xb8rs\x96\xa9\xd5\xces\x8e\x9f^\x95\xc8\x95\xef\xef\x0crh\xdb\x91\x8f\xf2X\xd0M\xa2\xda\xfd\xd6E\xb8\x1aa\x96\xbd\xc6\x04m\xf5\xc6\xcb\x0f%?b\x1c\xaf\x80\x8b6\x9f\x17eU\x05\x80XD\xbdhA\xca(\xaaE\x08\x16\xec\xf8&amp;\xba\xab\x10\x8c5o\xdeI]f\x88i\xa7\xd8p\x87\xebw\x0f3\xa7.;\x84\xa8T\xb4\xff\x90\x8a\x1d\x02\x17\xb8\t\xf4}\x99\xab\x8c\xd1\xc6\xfa\xd9\xdcEHKTD\xec}\x8f~\x87\x8f\x1a\x00\xdc\xc9V}\xbc\xb4uV6\xd9\xf9\xdd\xe5\x9d\x9a(KP\x95\x8a6\xcf\x9fx\x10\xf6&lt;\xd5\x9d\xdf\x8b\x1f\xb0\x90\xacB\xd8K\x8f\x02;\xce:w9\xb1jb\x9bO\x95n\xab\xb4\x8d\x0c\x95Fj\x1b\xd6?\xe5\xb2W\xafS\xc2Zx\x00\x0c\x00\x00qG\xfa\n\xd1\x10B\xab\xe7\xec7d\xbb\xcdc\xaf\x04II\xb8\x11}\r\x1d0\x00\xc4@\xb88\x88\xc6\x01YQ\xc8\xd5\x8aFqKB\xad\xf7\xddv\x06W\xc0\x00\xe0]\xbci8\n\xcbv\xe67\xbd\xdev:\x9e|\x1a~i\x9b\xe9\x9b[OE\xfc\xbd\x17k1?\xd2ED\xa5$E\xfb\xae\xd8\xf7\x13Q\x8ax\xf3?\x11\x00\x04\xa5J\xb7\'\xbc\x9e\x12\xeef%\x82\xf1{\xbf@\x0b\x18\x95\xd25\xb7?\x96@\xbaw\xf0\x12w\xf1@b\xb6\xa4\xc5\xfa\xfb\xb6\xb2\xb41\xdd\x9d\xd6"\xde\x00\x00\x84*\x12\xd1\x9a\xea\r\xdc\x10\xf6&lt;A\xd3x\xe8\xf3NIrGE=b\xadr\x1d\x96Zw\xb6\x1c\xf5b\xd4\xd7\x04\x00@S\xf0\xbf\xe8\xbe\xb2\xdc|\xf2_}{\xe8\xb2\xe3\xd1X\x93\xd8)\xb9\xef\xdf\xa8\x9c\x06\x1d\xdb\xe5\xec\xe8)\xf9\xd0\xe5\xc7q\x0b\x1a\x00B\x97$\x0cy$\r)\xaap\xc4\xa4\x8e\xee\nD\x03t\x0cQ ]\xf9\xe1\x8a\xa3+_\xbb\x19e5\x01\x80\xb8(I\x9d\xe8\xaeAHb\xefD\xdbh\x926\xbc\xd9e\xab\x115\x8b\x12\xea\xc3\xb0\xf3\x07\x9d\x85b\xa8\xc4\xbe\xcb\xf85\x03\x00\xe1\x13\xc3\xaf\x90\xf4x\x08\x10\xbd:N~5\xba\xab\xe0V\xb4\xc7\xc4(\xd1j\xa1\xb0\xbd \x1ak\x02\x00\xb1T\xf6\xe8\xae@H\xe6o\xffZ\xdf\x0eWs\x1co\x07Z\x1bn\xb1\xa67\x8d\x7fv\xff=\xb1\xaev\x10\x8cK\x7f\xe9\x7f\x85&lt;vi\xf4\x85(\xc2Rb\x10\x82\x98q\x00\x00\xe0I\x19\xd3\xeb\xe8k\xf2\\\xad\x8b\x17J\xf5V\xee\xff9\xe8s\xa3]\xd8\xff.\xcb^\xbdND\x13\xd6\x9e\xf7pN\xea\xc6\xb6\x87\xd2\xb7\x08\xb9F\xb2\x02-1\xb7\x01\x00b\xb2p\x0c\xc2\x02\xa2\x9e\xb3\x83_`\xf8v\x8c\xbf\xd4v\xd7\xa3\'wNB4p\xd1Q};}E\xb7\x11(\xa3\xf6\xa7^1\xf7I\xcbwZ\x1e\xc3\x1f\xeb\x00\x00\x84W6W\xa9\x12\xd5\x0e"\xeb\xc2M\xe7\x06q\x96_\xbe\x10\xce\x8d\x06\xab\x0f\xde\x96\xee_\xb8\xf3\xaa\xa7|\xa2\xac\x13:t\xd5WP\xfe\x863\x15\xc9B\xa9\x8f\xa7s\xd1\xfb\x02@\xc0\x91kQ\xd7"\xdc\x8f\x8b\xadO\xceZ\x93\x9e?\xf10\x02\x19W\xb4;Pw\xc03\x11(\xce\x8e\xe1Ij\xf3\x91/\x88/\x9f:x\x9b\x88\x8a4\x9b\xe7\xb5_\t\xaa\x1f*\xe4\xf5\x84G_\xfc\x1a\x01F\x00 \xe6z|\xdfO\x8f\xbe\xf8Ut\xd7"\xa6`\xe6\xdd\x17\xb4\xbe\xc1\xd5\x1a\xf2DT\xb6\xfd\x12\\\xd6x\x97\xc8f\x7f\x06\xc9\xbe&lt;]\xdd\xe5Y\xda1\xc5\xc9\x9b\x9c\xba\xcc\x90\x13?\x85w}\xc0T\xc6\x97\x95\xb3VW\xcd\xaaj3ng\x98\xca\x05\x00\x900D\xc1\xfd9\xae\xf4O\x95\xbb\xcag==\x88\xc8\x1b\x94uEDDE#P\x96_*\xfb\x91P2\xa6qL\x8a.\xadf\xef5\xee\xb2t5\\N\x94\xa4h?\xca\xd4\xda\xebY\x9ah\xf9\xe5t3\xae\xfc\xef\x00\x00\xb1J\xe2X\x10\xaf\xc3\xda(\xdf\x8b\x8e\x16\xb3\xe9\xf0-Q_hp\x82\xe8\xc6\xa4\xa7\x9c\xfc\xd9C&gt;E\x9b\xcf\x93fkW\x19\xe9~f\xd6\x83\x8a\x14n:\xe7\xf5\xcf\xd15\x02@\xd4\xba\x15%\x1d\xcc\xbf\xd1\x1d\x00!L\xa4\xab\x16F\xc4\x9d\xa0&gt;.\xe5\x87l;56\x14S7~\xec\xf5\x94\xe0\xbe\t\x8e\x0f\xbf\x99\x99\xa8\xbaaW\xbaf\xc2\xa1\x94\xd6\xf4\xaek\x92\xcd\xfe\xb6y\x10\xcaw\x9c\xfcJ\xf8r\x03\x80\xf8 ]`u\xd8\xc9\xcf\\\x8a\xc6\x8a\xc4=\xa1\xff:\xd9\xf0\xf6\xbd\xb0\xe4c\xa5\xc8\xf3\xc4M\xb7}X\x8e\x9a\x13\xa593\xb3\x9ba\xeay\xebO\x0b\xa2\xa77\x15\xc4\xccz5\xb6\x9dv\xf9$8&lt;\x11B,*E&amp;[\x00\x88\xa5\xf2t\x89\xee\x1a\xb8\x17\xf4\xc5\x9c\x87Y\x9bQf\xd7yeO\x90\xc1m$\x8a\xf0\r\x90..\xc6QQ\x8f\x1bZ\xfa\xeau\xe9~f.\xd8xV\x08u\xc8\xa5&gt;|\xf0K\x0f?5\x8a\xb7\x9co\xfd\x84\x1d;\xe0\n\x9dW8\xe6\xac^k\x01\x00 \xd2&lt;O\x11\x89\xbd\x02\x8b\xae\xc7h\x92\xb5%R\x94\x1c\x18\xe1Bs\x9a^\xaf:p\xcb\x9aH\xd1\xe7\xdd\x8d\xe4C\ni\x07\x1c\xb9\xe2\xec\xa5\xd4F\xd8\xc5\x89\'2\x00\x10VQ|\x0f3\xbc\n42\xc7[\xb8\xe6\xa2\xe8\x1e\xb3^\x8fu\xada\xb8*\\\xa1\xd3\xf2\xa0\xcf\xcdQsb\xc1\xc6\xb3\xed\x8e2\xf3\xf1\x1b\xe6J\xbe\xf3\xbdC\xb5\xa7n\xfcX\x7fX\xfb\xe2\x19\x8f\xef1Wg\x9b\x03\x92\xa8[\xcc\x9c\xbal\x18\xa2Qn:\xfe@\xdfN_\xc1m\xac.\x00\x80\xb8/\\\x1d\xd5wb&gt;\xc9\x1b\x089Wk6bkX\x8a\x88\x1b\x96\xbe\xf2\x03\xf9&gt;\x9c\xb2\x8a\x88\x9b\xf5\x06l\x08Kq\xa5\xda,"*\xe9{a\xfb\x0c%\x03\xf9G\xb3Gr5$s\xf0s\x0b\x7f\xe0\xb3l\xed\x08W\xc0\x00\x10\'\x98G\xb7jr\xd6\x9a\x14\xc5\xf5\x08M\xf1\xe8\xae\x80.\xd4\xa9\xc6k\x0f\xfd\xae\xf5.\xf3\xb6}\xa9J\x97\xb2Q\x88\x05E\x81\xee\xb3\x0e\x84%\x9fQO\x9c6\xbc\x16\xc63\x02\x00D\x03\\\x04\x84\xcb6\xafwk\x8d\xc2}](\x19?\x15\xfc#\xd8\x84\xb5&lt;\x97\x9f\xa2\xa1\xe7Sl8\xfc\x86 "\xa2\xb2\xed\x97\x84\xab8\x00\x88G\x92\x95\x18\x10\x8d\xa5\x7f\xf6_\x14u\xc0\xe2\x02\xc0f\x05zx\xcd\xad\xc7\xac\x031\xf6\xa7C\xb8n\xed\x86\xc8\xfa\xf9&lt;{\xeco\xc3\xeb4M\xa4\'\xae:p\xcb2\x82\xac\x94)\x8d\xf5\xd1r\x14S/\xed\xe0R\x8c\xfd\n\x01@\xdc\x17\xf9A\xb9DD\x94\xa1\xa5\xa7\xe4\xbd\xe6\xbca\xda\xf3\x8d\xff\xd9\xe1\xa2]\xd7\x1cOws\xc1\x14F\xe6\x1b\x9b\xae\xd8=\xaa\xf4\x1c\x06R\xd7b\xd46\xa2\xf2\xea4\xccl\xfd[(:\xa1\x82\x8df9\xa6q\xa3\xfe\xa0\x8d\xa1\x9cnC2\xc8\x1c\x00 \x86\x08,\xb4\x97\xbf\xc1\x0c\xe3!\x87E\x85\x83lp\xb3\xb6\r\xe6,oRI\xf7v\x9a\xf2\xaa\xe2\x9cD\x85\xfb\xd8\x1cq\x8a&gt;\xe1f\xfao\xe0]\xa7vN\xac\xd4j\xcc\xf6\x10s\x08\xb7\x8c\x1e\xd3c\xe1#\x00\x88/\xcc7\x06\xa5\x989Y\xf1\xfe\x11\xaeID\x0cY\xf6^tW\xc1\xadXp33I,\x08\x03n\xa7\xdb\x8c\xd7\xa4\xfb\xe7l\xfd&lt;\xf4\xcc\x7f\x8d\xf9\x7f;\x00\x88\xa9\x1c.g\xa5\xa4\x1d\xc6\x7f\xa1\xb6DE\xf4\xad\xfa\x03\xc5\xbb\x8e5B\xcbV\x82\xfd7\xa5\x83\xce\xa1P\x939\xe1\xabN\x18Ej\xa9\xa55o\xddq\x93l\xee\x0b_H\xf7/\xdcy\x95ru\ng\x85\xbc\xa9\xf2\xec\xbb\xf7\xc3\x94U\xd60\xe5\x03\x00\xf1^\x97i{\x83&gt;\xd7\xda\x81\xd9\xe7\xe6p\xb7\xb6B\xa7\x15!u\x8a\xc9\xea;\xa5\xd0"_:\x04G\x14E\xcdUiP\xa5\xd8-tH\xe3\xd7\x9e\x0b\xa52\xba\x91\xabN\xb9LY\xa5\xfb\x13a)\x91rv\x0cO&gt;.\xacy\xeb7""\xaa\x18zV\x91\x9c\x94\x0c\x00\xf1F\xf2\x12\xe1\x1cQ\xb5|\xcf\x8fA\x9f\xdbr\xf4\x8b\xd6\x9dN\xcd\\2\xed\x9fqk\xce\xda\xa5\xf8\xd7cCY\xbc\xe5|O\xe9\xfd\xbc=\xc8t\xdf|{j\xe8\x13\x14\xeciw\xd6\xef\xd1\xd1a\x94j\xb3(E\xa9A\xdav\x0c\xe9\xb1\xfc!\xa0\xd3\x87\x92\t:`\x00\x08\x9aa\x98L\xe9\xb6\x8fy=_l\x80L-\x91\xf6\xf2\x17\xe6\xb0\xdcC\xae\xdes\xb5\xbe\xbd\xe4\xe5\xef)Y=\xa2\xa4vU\n\xbd\xb8(S\xa8\x89m$H\xdd\x9eO\x82yG\xd2\xc5\x8bL\x98\x99\xf2{\x9e\xc4\xe5\xe3\x7f*\x1ce\x1f\xf8\xd8\xd5\x1f\xbaySa\x97\xbc\xe4@\xa2\xa4\x94\xb4\xae\xf5\x103g\xac&lt;*\xea\xab\x04\x00q@\xa6\xd0\xb3pl\x7fM\t\x8a6\x7f4\x88R&gt;\xfe\xdb\xed\xa5\x86\x18=1\xf4\xd0\xbem\xc6\xaa\xd6\x11J\\\xb4o\x88\xf9\x87\xce\xee\xb1k\x949u\xcb\xf4wI&lt;Av\'\xdc\xc5\x9f\xaf\xbc\xe9u\xee\xbaS6\xbd\xf7O\xe8\x1d\xfc\x8b\x1f\xf0\x9f\xcc\x0bv|\x13b&gt;R\xb1\xeb\x07\x1f\x00\xc4z\xb1`\x05\xb7\x845\xc5WM\x86m\x96%\n\xac\x01\xa5hF\x95-l\t\xaf\xf5R\xeb\xbf\xe0H\x14\xac\xf9\x93\xa9\xf2h\xcb\xbe`\x16y\xdcy\x96\x89\x12\x18v%\xaaMD\xd2)U\x9e\xde\xc52\x9b\x15\x12c\x0e\xf4\xbb\x00\x10Ce\xaf9\xc1\xb4\xa7\xc7,\xdb\xb0\xfe\xee\x1d\xfd6\xd0\xeaiw\xbfS\x95\x19\xec\xfe\xf4\x8a\x9d\x1f\x17^\x05n\xbf\xdb\xcf\xf4\xa5\x12\xad\x16\xde\x8a\xbbM\xad\xde\x8b\xa8\x1e\x0c\xa7\x96G\xbc\n\xbbG_\xfc\x8a(s\xd4\x94e\xb2\xee\xc8\x1f\xee\x13\x9f\xfeU\xfc\xac\x92b\xfa2\x00\xa8\xa5\x89\xee\n8r\x9e\x94lZ\x08/\xf4\xf1/\xb5\xfb&gt;\x1d\xd4y9L\xd5\x08\xa5\x0eF\xd2\xb1\xe2\xaa\xf8V\xcc&lt;\xf9\x99KA\x97w\xf8\xaa\xaf\xf2N\x8b\x0cF\xd1r\xd1n&gt;L\xc5\xfa\x89\xee]g\xee\x11\xcc"\rY\xdb\x8e\xdf%\xbe\xc6 ,\x00\x88,\xeb\xfd\xc0\x01\x0b\x8f\x04^\xe4\xb0\x9d@\xf2\xf4a\x0f\x17\x16v6\x9f\xfcW\xdb\x08KKW\xbe\xe3\xf2\xfb6\xa3\xc6\x046\x93\xa6|\xf7WM"r\xd1f\xbd\x85 \x97\xa6I\x93\xa1\x9b\x03/\x13\x04n\xbcK\x1f\xc4\x1aU\xd7\xb76\xbd\xf7\x8fx@\xffd\x9e?\xf1\xd0|R\xc6V\xae*\x161-GI\x06\xc9\x07Cx#Y\xab\x8d3\x1eKgJk\x8do\xaaA\xef\x0b\x00aQDq,\\\r\xcd\xf3\'\x1e\x12e\x17v\xd8Ni\rC\xd16\x91\x1f\\fX\xbc\xe5\xfc\x18\xdb\xbc\xe6\xac=Y\xba\xff\x93\xfb\x92\n\xe7\xab?]\x91U\x91fs\x8dw\xe6\rdO\x8b\xe3\x1af\xd6&amp;\x88\xe7\xad?M\x9a`\xa3i\x15\n\xa2\x89\xeb.\x08\xe7\x02\x00\xd8\xe8&lt;u\x8f\xfc@\xbe\xee\xee3\xf1:\x89\xd6,\x7f\x8f\xa5\xaf\xfc\xc0\xccY\xaa\x8dU\xa42U\xb5D\xab\x05$\x9b\xdd\xb4\xfe\xe8]\xeb\xb9\xfd\xe6\x1f\xd6\xb7S\x94\x1c\x14Rm\x9d\x94\xeb\xb0\x8c\xb2\xb6\x8b\xd6\xd0N\xa2b\xb5\xfb\xadS\x1c6}\x80\xe2\x84.\xf7\x1e\x7f\xedf\x10g\x85ON"\xbax7l\xbd]\xa8\x1dg\xea\xc6DT\xaa\xcd\xe2\xf0\xd4\x06\x00\xe2\xa2b_1\x9bW\x91\x0b\x17\xa7E\x8a\x1a\x0e~N\xdf6\xb6w!\x8e\x1c\xce\x7f\xfe\x0f&amp;JN\x94?\xb4|\xdc\xa8\xa4&gt;\xacl\xc7\xf3\x8a/\xae\x05\xdd\xe2;-\xb6\xd8e\xda\xde\xccU\xc7\xa8\xd3\x18\xebY:\x88Zh9$(\xd8\xcb!]dV\xd4HX\xa8wx3df\xc7\xd5\x9fl\x19\x9fD\xfc\x8c\x8b`\x00\xd0\x1c\xb9\x16\x1d\xcdA\x9a\xa6vG\xda\x8cS\xcd\xa3u\xa3\\\x87\xa5d\xd3\xd5\x85\xf7\x06`\xec\xbd\x9d\x98\xa1\x92\x18\x0b\xa2\xa45\x81\xf1\xad\xa5\x94\xe5\xe1\x0b\x96\xd2l\xc4VUI\xc2\x88\xe8\xca]WJ\x12$o\xd0j\xb4dQ&amp;7#\xc5\xdaM\xd8m{\xcc\xcb\xdd\x1a72Wq\xf8\xc9\xa2\xeb:}_x\x8b\x06\x80x!\xe8\x1e\x85\x99k\xf5\xf10B\xb8\xff\x82#6\x13mU\x96\xbc\xfc\xbd\xa7*i\x1b\x89\x8b\xf6m4x\x93\x7fwv\xbb\xf4J\xd5\xd4\x87\xbb\xcd\xd8\x1fT\xb6\xd1\xcb\xbcH@\x87I/\xdb\'6\x8f\xac6\xae~A\xd3\x9e\xfd\xc4\xb1\xbc\xc7_\xfb\xc9Z\x01\xa7\xaf\\N\xc7lE\xed\'\xbe\xe4\xdf,\xe7\xe9D\xef\xec\xa6\x12%\x8fp\xb9\x00\x00\xae\xd5\x1b\xb0Ax%\xbbC[\xa0\xc7\xbe\xcb\x92\x98\x94&amp;S\x9e\xb9\xf4\xbd\xbc\xb1\x96^\x9fy \xc6p\x0e\xf1\xa2\xb6h\xb3y\xda\xc6\xa0\xc5\xef\x90*\xd0\xb4|\x0e\xd5\x1b_8\x96^,\x7f\xc3\x99\xc1\xd5\xcdj\xf3\xc9\x7f\x8f\xdf\x08\xcfE\xfc\xd8\xd5\x1f\x12\xd1\xc0EG\xf7\x7f\xa6\xcaP\x9f\x84#[\xef/\xdaf\xbeU\xea\xb2\x92\x0c\xeb\x82\x14\x8e\xae\x9a\x00@&lt;\x12\\\x10%\xfb\xf8\xbaE\xd4\xd7\xc1\xf7\xcc\x99\x87q-\xbc\x0c\xfe\x8b\x8f\\\xe6XK.\xbco\x0e\x8e\x18.\xa5H\xf2\x1c4\xa1\xf6\xcf\xe0%\xc7\xdcd\xe1\xe9\xd6\x82\x0b\xa9\xc2\x9a\x9b\x8f\xf0\xb5\xc9z\xdb\xdd\x8f\x18f\xd6\x83\x80\xea\x1f\xd1\xf0\xc7O\xda\xa5\x1f\xbe\xe2$\x11e\xaa\x12\xa9Q\xd6\xaa\x19\xba\x99&lt;\xcc\xa4\xcaRU5l\x10\x00 \x0c\xec\x9e\xc0)\xbb\xf0\xea\xf6\x87\xc2f\xdb\xe9\x90z\xd37\xbe\xe0T\xa5\x1d\xa2e=\x7f\xfc\xc1\xfdX\xfb\x008\x06\x9a\xb4\xfeb\x18sKW\xc1m\xdc\xd3t\xe5\x87\x8bK\x83\x88_\xddb-\xcck[\xb9\xf9mjJ\xd3i\xca\x1e\xa2\xb4T\xa0\xa7\xcb\xfa\x00\x00\xd82\xad\x8bP\xad\xe7S\xda\x83\xc3\x8e\x93_%"\xca\xd6N?\xf4\xd4\x1b\xbfR\xd2zZ\xa3\xf6\xc9?\xbeVi\xc6\xa6\xcbA\x14\xaa5j\xbd\xe7\x1e\xb4\x1c\xc9\xe31\xa7\xfc\xae\x83D:\xad9\x91\xb8\x8ei\xc7\xec-W\xb4\x1b\xe9A\xc5K\x8a]R\xd8\x1fJ\xec5/\xed\xde\xb5K\xad\xc6H\x86k\xc9\xc8\xe3TK\xbf~b\x07|\xf1^\x04\x7fT\xc5\xde!{\x00\x10f\xd2\xe6@\xb1\xa2m\x7f1\x94\x95Snlq\xe5?\xb6+\x94\x99\xf35\x98n\xda#\x8d\xad/\x9e^\xa5\xdb*f&gt;\xf5\x8b!C\xcb-n\xdfY\xa6\xe1EQ0@:\xc6H\xab\xfdc\x17\x88#\x08\xc5Z&lt;j\xb7\xa0\xa4\xc8z\x83$\x97M\x1d\x1e\xb0\xedw\x83\x88(a-\xbb"\xca\xb6_\xe2X\r7\xa2\xecO\xcf\xccn\x03\x96\x01@&lt;\x14zc\xe4\xbf\x95\x97H|\xa9x\xc0\x96\xa1\xd2H\xcb\xa1|.\xaa\x91m\xc5\xde\x1b\xd6\xa2\xab\xf6x\x92\x99\xdd\x8c\x97\xdew\x99{\xcdy#\x7f\xc3\x19v\td\x03\x85|\xa58f\x1e%$+\x08\x998O\xc3u\xe7\xe5K\xf2\xb7&lt;\x7f\xfb7Z\x1f\x9f\xb1\x92y\x8d[\xff\xa7\x94D\xfc\xb8\x9e8pK\x9a\x8f\x16AEP\xb4@`\xacY\xa8\x8f-Z\x8e\x0eS(J\xb9\xcc]\xa7\xef{\xce\x18\x98Sa\xd6\xe6\xcf"Y\x19\x00\x88\x9dR\x97\x19\xe2\xdfL\xe2\xf2\x14\x97\x97\x92\x8e}\xb0\xc9\xc6w\xfe\x92\xa6\x14\xe3UIGDkg\xa5)7\x94\x88\x88rQ\xfa\x16\xe2\xa1\x9d\xe7\xbc\x8d8\xeb&gt;3\x9a\'\x17\x89\xb7g\xf3\xd5\x9f\xee\xf4\xe9eT\x1e\r\x13\xa7\xb8\x19\xd6\x8bcm\xc3\xcd\xf4n\xa7\x05\x1e\x82\xa4\xfe\xdc\x82\xfe9\xf5\xd1\xdf\xbe\x13\x8b4\x9b\x1b\xc6l\x01\x00\xe4*w]\xb9\xf5\x14\x13Q\x86J#m\x92\x98\xe7_6\x1e\xf2\xbc\xa7\x0e\xb8HS\xad9\xcb\x12d\x15Uq\xa0\xcc\x11\xf3\x83s\xdax\xdf\xdbz!\x9e\xa2\xd4 \xca\xdb-,e9\x1a\xf4\xd8;QS\x90&amp;[\xf5\xf1{&gt;\xe1\tO\x9f\x8fX\t\xd5\xb40\xcb\xc1K\xd9\xe8\xe9C\xbf;\'KZ/\xa4R\x88\x88*\x9a^\x1f\xba\xca\x7f\xcb\xbe\xe1\xd1\x1d\x95\x13\x00b-\xe9\xc0\xa5\xf5G\xfeT\x9e\x94#uY\xdf\xf5t\xfd\x81\x1b\xdcw\xc09jM\x14\xe7\x04o}\xff?\xf7W\x12A\xa7\x8c\xd0\xb0)i}\xda\x8e\xdfU\xb0\xf1,\xd3\xce\x11\x8f\x9f\xfc6\x8e^0E\xcb\x85\xa0\xbb\x9fze\x89h\xce\xd6\xcf\x15)\x96\xef\xf9\xd1{\xe1I\xad\xbb&lt;-A\r\x00\xf1\xd7uk\xcb\x95\xa5\x8dm\xea|\xdd\x1f\xd8\xb4t\xc6\x16\xb0\x86\xba\x03v\x7fw\xda+\xf7q\x01C\xa9\x80\xb4\xfe\x15:\xad\x08:\xc3(\x91\xd79\x89\x8d*\xdd\x9e\xb0\xee\xccZ}\x9c1pU\xd5\xa0\xf3\x0f\x8ex\xd3;,_\xa7r\x1d\x96\t\xaf\xbc\x0e\xb9\'\xf7\x8fr\x00\x00\x88\x9c\xfb!\xf3j\x80\x85\x9b\xce5\x9d2e\xc3GDD\x99[\x8b;\xbfsj\x13\xc5\x85k\x96\xbe\xf2\x83x(O\xbd\xa9\xca*\x11Q\xaa\xea=\x9f\xd2_\xbcp\x9a\xa3l\xa8K\xbf\xf9\x87\xec\x0e\xa9\xdf\xef\xd6\xf7\xffs]Hy\xd3\xeb\xe4%\x06\xba&gt;W!}82\x91{\x10\xf8sGUT\xa9d\xf5\xc4\x0f&lt;\x06&lt;\x82-oz]\xba-\x96B\x02\x003\xc9Z7\xc9J\x0cPL\xff\xc8Z}\x9c"\xbbj=\x9e\x12G?\x91\xff\x8a\xa4\xd1\xe0M\x8e\x11z\xb3\xd7\x9c\xe0\xaa\xe9\xcc\xddE|e7\xbb7C\xc5\x91\t\nj1\x10\xe4\x13C\x89l\xd7\x00\x8e\xb4\x1e\xfe Pa\xf1\xe1\x9d\xc0\'p\xe8\x9bP\xfb\x9eu\x87\xff\x08\xe9\xfc&lt;]\xdc\x87\xc2\x10\xff\xdc\xaf\x7f\xce\xda\x92Y\xbf0\x13e\xf6XjZ\x7fV\xe5\xc2\xd6\xfbzx\x90o\xb8\xf3\xbc|\xcf\x8f\xb7\x8d\xbf\x06"w\x8f\x07\x00b\xa5\xfdWTw\x8f\xc5\xf6"Q\x91&gt;\xce\xd9\x05:\xc5|\x93\xd7_\xf2\xaf\x96S]\x7f\x06L.\xaeK\x14\xedT\xb2\xe2\x03l\x0e\xc9G\xffj\x89\xef0S\xae\xceD\xf4\xd6\xd7\xf2l/?\xe4[\xcc-FnSW,\xe6\x88\xe1\xed\xb8\xa9z\xc1M\x01\x8a\x82\xf7\xb8\xe1\xed{\x1eRg6&lt;\x85\xe93\xefMY\xa2\x04D\xd4z\xec\x0e\xed\x85\xe9r|\xca3\x97b\xf8\x1f\x0e\x00b\x90\xf0\xb4\x17\x99[K\xf31\xad\xbe\xa0{\xc0&lt;o\xdb\x97\xd2C\xaf~lW\x1f\xdf&lt;\xd1\x1a\xbd|\xeb\xc6\xdbO\x8erX\xac\x97(m\x85N\xcb\x9d\xd2\xc4\x08.\xff:\xb9\xebN\x89\\\x1d\xca\xb6_\xeae\xd9\xdd\xe0\x1f9\x1b\x05V\xa6j;~W(\x19\x05\xfd\r_\xfc\xd2w\xd6\x9d/~\xe0&amp;\xb7\x04\xe8\x86\x01@.\xda[\x07f\x96\xc6&amp;\xec5\xf7 \x11\xbd\xfe\xb9\xf9\xfa\xf8\xc0\x156.i\xa0-\x12\xe7q\xf0K\xa6VA\xad"\xe7\x0f\xbb\x98\xac\xbe1 W!\xc59cW\x7f8\xfd\xb9O\xfd\xaf\xfckQ$o@Do\x7f/\xb9\xfa\x7f\xfb;\xc5_\xc4\xfe\xbe:Q\xf9\x8e\xcb\x89\xe8wK\x86\xc6\xdb\x1e\xc92V\x1eED\x9f;\xff\xdd\x83\x9fd\xdck\xce\x1b\xcc\x9c\xbd\xe6\xc4t\xe5%\xf7\xa5\xfd\x1f\x9d\xe3o#[\x15;?ND+\xf6\xde\x10\x07\xdb\x87\'Rw\xa2\xda\'n\x86\xfb\xff\x88$u\xa3\xfd\xff2\x00\x88\x15\x02\xcdb\xc3\xc1\xcfi\x1bQ2\xd4\xc5\xff\xfc/\x9f\xf9!\xdc\xd4\x8d\x1f\xdb\x9c\x92\xc0n\x8d\xa6\xc2M\xe74\x1e\xf2\xbc\xffU\xb2\xd0+g\xa5\xfe\x1cfm\xfe\xccn\xfdAQ\x97i\xe1_\xc8]\xbf+\xa0\xb1\x0bD\x15\xf5#\x96\xed$.\xda\xd7\xeb)Z\x8f\xdb\x7f\xc1a\xf1e\xe0Y\x86S\xe4\x10\xa9\\u\xa6LZw!\x84\xafw6\xc5\xb9\xe8\x80\x01\xe2\xb7\xccm\x84\x87\xb2\xe9\x88(o\xbdi\x8a\xe4vM\xc6\xe6\x93\xff&gt;\xf6\xd2w\xd2\xa3\xcf\x1e\xfb[}\xae\x9a\xf5\xac$E\xfb\x05\x91\x8ff\xf3\x89\x87\xfeM\xdfek\x99v\xbe0\xc2\xea\x11\xc5\xcc\xac\x98\x7f\xb2\xf1\xd8\xdf\x1e\xdb\xd9\x92\xc7\xaeG\xb0\xf1\r\xe2\xa3f\xe6\xc7\xf7\xfd\x14z\xd1{?\x8d\xa2N\xc5\x12Q+\x9d\xf5]\x8b}p\xa96\xae\xc6\x1e{\xfe\xe8rt,\xe2_\xfbY&amp;\xaf5Of\xdeu\x9e\xb7\x9d\xe1\xc5\xbb\xbf\xf5V\x16\x00\xc4\x196CH\xdc\xf2?\xa3-c\xda\xef8\xceSz4q\x11\xcfW&lt;D\x05\xb4\x7f\xca\xb6_\xba\xff\n\x13UP\xa7&gt;\xfa\xad}\xad\xb2w\xb0FK.\xda|\x9e\xeb\x9a\x94f\xe6\xaf\x84\xf7U\xbb\xafu\xed\xde\xa2\xe4\x14\xf0\xc1\x93\xf7~\xe4_B\xb8\x84\xcaV}&lt;3kk\xeb\xaa\x05\xd7\x9d\x07U)\xb3\xf1k\xce\xaao\xb0;\x94X\xb0\xa7\xb7\x81\xc7)\x1a\x1c\xff)\x82? \xaeb\x084\x00\x04\xc1k\xc3\xa1E\x95Z\xf3\xe6\x1d\xeb\xa1j=\x9et:;\xbf\xa7\xb2\xc2\xa2Z\x8f\xa7\xcc\xbb\xec\xe7_\x19?\x8dln\xf2/\xd9za\x10\xb5\n\xda\xec-WB\xcf\xc4:\x0en\xc7Y\xf3\xc5\x9c\xf4\xc4\x1c\xb5&amp;^~\x18\xce\x9e\xa6\xd1\x90M\x93\x9f\xb9dw\x94\x99\x87.?.\xdd\xaf+\xdct\x8e\xe9\x90t[\xd8c\xfbg-\xder\x81\xdd!{\t\xbd\x9f\x02\x00\xf1\x8f\xcb\xbe\xf6\x83;\xe1la\xd5\x85jC\x84\xc4\x94g\x7f\xe3\xd5o\xde\xf1\x9fey\xb0\x9a\xa1\xc5\xb2W\xaf\x13\x151\xed.\xdcd\x8e9e\x08L\x8b\x1bF\x82\xddBL\x1e9\xc4\xd3\x9e\xb6\xf1cJ\\\xdb\xb0\xcb\xfe\x89)3\xf7\x9a\xf3F\xe8u\x1a\xb9\xea\x94\xb6\xf1\xb5\xf5O\x9f\xb5\x9di\xc7=\xe5\xb5\xe3\xa2]\xd7({{rZ\r\xd3}\xdd\x98\xf9\x85\xd3a\xbeT\xc5\xb5/\x008KUZ\x8bX\x9b\x8e\xec[\x8dJ]V\xaa3a\xe6\x91+O\x91\xcdEp\xc8\xe4+\xd3\x1d\xbf\xc1\x89\x8b\xf4%*\xb3\xfe\xe8\xdd\xcd\'\xff\x15\x8e\x94\xae\xddo\x9d\xf4\x94\xd0\x9bE\xd3\xdc\xe8\x84\x85{S\xa2\xda\x1b\xfdO\xbeu\xb9\xea\x84a!\xde05\xe2\xd2\x91\xde\xbe\xe1\xcdA\xdc\xd6\x1e\xb8\xf8m\xdbcI\xea\xea\x9b\xcf\x1c\xbd+\x1e\tw\x87T\x99(\x193\x8b\xcf\x86\x83\xee\x80\x95R:%\xc8M\x94\xc9\xba7\xacu\x00\x808&amp;AMS\x031q\xdd\x05}[\xeb\xcf\xack\xff\xb9oS\n\xfbV7""\xa2\x9c\xea\xb0S\t\xc5l\xf3\xd6\x9f\xee\xb2\x08\xdd\xc0EGM{\x12\x15\x96OT\xcdV}\xbc\xb6\x11\xae\x15s\xc3H\x1f\xd0\xeb\x81\x8b\xb5}\x84\xa1\xe0\x9eU\xec\xbc\xc2\xfa\x17\xbf\xe9v\xf2R\xa2\xa0\xcbu\xd4~\xc2KD\x85\x99y\x8b\x10\xda3[\x8d\xf1\x87\xafZ;\xe0j\x13\xd6\x9eS\xe76\xe6\xc93\x91\xa9fh\xeb;\x01@\xdcc]\x1fW\xa1\xe7\xec7.\xfdeN\xdfq\xf2+zO\xa6\xe92mo\xc8\xf5*\xd9h\xc8\xa6\xfc\rg\xaa\xfbx\xbb\xf0\x93n\xe4k\xe0\xd0\xb5K\x8bn7a\xb7\xbe]\xb6\xfd\x12}\xbbf\xef5^+\xe0\xe9\x92\xa8\x8cPV\x0c\xb4p\xe7U\xc5\xd1\xf5\xc6\xcb_G\x93\xd6_\xb4\xc6\x1b\xf7\xea_\xe6\xa7\x0f\xfd\xae\xba\xf4\xcc\xd7]\xbe?eC\xfb\\\xd3\x066su\xc6E-\x00D\x84\xb4q\xd9\xff\x19\xc7\x90\x1f\xf2\xcc\x9c\xb2\xf4#\xea45z\xad\xd1GGK\x97h\xd5\xb3\xf2V\xb6\xf1!\xa54f\x88\xa3\x11\x8f\x9ft9\x80K\x94\xa6\xecP\xf1\xe5\x92\x97\xbf\xf7\x9a\x83\xcd\x98##\x0f\xab\xe4\xa6\xb3\xcdD\x97\xa2a\xbd\x81\x1b\xecs\xc8\xe1\xa2\x94\xfc\xae\xebc\xe0\xeb}\xf3\xdbt\xb4\xfe4DDy\xba\x12\xd1\xaa\xfd?S\xea\xc6\x8a\xc4i\xca\x0ee\xe6Z}\xd6\xaa\xcb}\xe7{\xf9\xa7\xc1\xcc\xbe\xd5\xb12\xb6R\xe7\x00\x00\x10C\x04nJ\x1b\x96H\xca\xd6^\x9a\xfa\x8a\xb13\x18\xedtG\xb1P\x93\xd9\xee\xab\xc2\xcc\x96\x95\x83\x1dF9I\xf5\x98u\x80\x99S\x96\x1a\xe4\xfd\xd4@\xc4\xff\xceS\xf78\xa6\x9e\xf6\xec\'$\xdcyff\xa2\x92v\x89\x87\xaf8!$3\xb8\xe2\xfagJ\xd1\xe6\x8f\x8a/C\xbcL\xf4\xb0|P\xee\xce\xc6\xd7\xe9\x96\xbdz\xdd\xee\xafS\xb8\xe9\x9c\xa7\xde\xf8\x95\x88\x1e\xdaT/\x94\xb5(\x98\x99\xd24\xd1\xb6\xb5\x95E\x98\x99(;\x9e\x04\x03\x80\x07\xbd\xe7*\xa6\x0bK\x06\x9bD\xc2\xa8U\xa7\xc2\xd5l5\x18\xb4Q\xdf\xee4\xe5\xd5 rp\xac\xc9_.\x1a\xd9\xbf\x98\x89h\xc0\xc2#\xae\x8bu\x1c\xfb\xe3g\xee\x84t\x92\xd5\xae\x88\xe8W6,\xda\xa8?;HT\xd8\xbc\xf0FL\xee&lt;\xf6|b\xaeX\x86J#\xb5\re\x9d\xcb\xee\xbe\xc0\xfe\xf5B\xcc\xc2\xfbf\xbe\xc6&gt;E\x00\x00 \x00IDAT\x07/}\xd7\x9fg\x14\xfd_\x03\x001\x97\xa7\xf6e\xc1\x8eo\xfc\x9b\xe6\xc0\x08\xbb\xcf\xb3s\xac\xff\x1c\x1d\x8d\xafSX\x93\xa4);\xc4}}\xbc2\xbd\xd9\xb9/|aJ\xe0[\xbdXg?\tX\xbf0\xcaY{\x123\x07&amp;\x10\xa7i\xaa\x972x\xc91q\xb5\x00\x85\xf9\xdb\xbfv\x93L)\x81\xf8\xc2\xfd\x9f\x95\x99\x89\xf2j\xdd\xea8\xcb]\xf4z\x03\x147\x8d\xa3FA\xe9\xdeq\xab?t\xf5\x1e\xd36\xb3\xee\x8b\xf4\x0f\x08f\xd6\xc3|\xba\xba\xd5\x0f\x00\xe0(\x12m\xc7\xc7\xf7\xa3\xa6=*\x94\xa0`/wk\xd4\x90\xb6\x08\x92\xffR\xaf\xc0\xe8\'N\x93\xd3\xf0""\x1a\xf3\xd4\x07Zl\xfd\x11\x8f;\x07\x96\x8a\x80t\xfa\x96\xdd\x9f\xc9?\xb5\xcc\x80\xdd-\r)\x91\xa6\xa9\x97\xd4\xf2+o\xcd\rc\xe9\xe2]\xeel5\xc6[\x92\x13\x11}\xf2\x8f\xe7I\xbd\xc6\x1d\xa9\xecR\x9a&gt;\xa5\x9c\xb5\'\xb9/EZ\xae]=\x0f~\xc9i\xca\r\x95\x1e\x02\x80x\xc4!\xb4\xb2\x7f0N\x8a\x92\xb2G\x95\x96\xbb\x9d\x05\x1a\xcd4\xed\xa9\xe94\\E\x14\xa9K\x84&lt;]\x89*\x92\xde&amp;&amp;\xa9\x13\x91R&lt;\xaa\xdcuUtW!\x9c\xf4[\xbe\xbaLUF\x13\x11QB}\xd4\x9e\xf6\xf7\xed7\xffP\x10\xf9w\x9b\xf1\x1a\xa5\xd2\x87G\xc9\xc3\x8e&amp;(\xd8\xcbt?\x80\x88\x1a\r\xd9d\xdc\x91\x9b\x88\x1a\xf9\xd7\x14\tE\x9d~\xeb\xad;\x93\x95\x18\xa0m0s\xe7\xa9{\xd2W\x1caMc\x1aI\x07\x00`\x10\xb5\xb7\xcb\xca\x9c\xfd\x9d\xffa\x1e\xb0\xd04\x7f\xb7\x10%\xa9\xabM\xef\xf1\xf5\x9d\x19Z\xea\xc7\n6\x9e\xe5\x94\xady\xe9\xd9\xac\xd5\xc61\xf3\x9fQ\xf8\xd6\x98y\xe9\xab\xd7\xc3\x95U(\xa7\x8fy\xea\x03\xc74\xddg\x1dP\x97\x92\xb7\xbey\xad\x8e\xd2m\x1f\xd36\x1c\xab\xa7\xa5\x8c\x82\x07\xc9\x99*\x8f\x0ek~\x95d\x15v\xb1\x9aV\xee.\xe2+\xf1~\x033S\xdaf\xd6\x80_\x00\x00D\xc16\xf7\xff0\x13\x91"l\xafT\xdb\xf1\xbb\xde\x95\xad\x0e$\xd4\xa1\x90\xf8\xb2@\xa3Y\x96\xe8\n\x1e\xf8\x9f\xd2\xe5\x0cWO \xc9\xc7\xff\x08\xb9z\xcf\xd5.Kq\x97\xac\xb8\x9b|\x98\xb9\xf7\xdc\x83\xe2\xce\xc4E\xfb\x9e\xba\xe5\x9c\xff\xe1k\xe64vO\x82\x8d\xab/\x8b\xd2\xab\x8b\xf8\xf4\x81\xabOC\x8c\xa7\x11v\xcb\xf7\xde \xa2\xccU\xc6\xf8^\xfb\x07(4\x1d\xb6\xc5\x18@-$\xcc\xbc\xed\x8c\xe1\xcd&gt;q\xe0\x96\xf8W\xc6#a\x00\xb0\x95\xba\x8c\x7fTT\xf2\x06\xe1\xca\xb3R\x97\xc7\xad;\x83h\x89\xf4\x0e\xf8\xb5\xff\xf9\xce\xd5c\x0b\xbb\x97\xb0Po\xf7\xa5\xbf\xfa1[\x17l\xa8\xd6\xd3\xb2\x84\x83\xb1\x92\xb9\xeb8\rO\xf3;\xfd+K\xc7\rY\xf3t\xacpP-{9\xef\xa7\x84j\x986\xe5\xc9\xffD@\x1fw\xed\xa9\xfe%Z\xb9Z\xe5\xe2\xc3;L)\xb4\xf0\x1a\x95T\xbd`\xa6\xd6\x8eYy\x19\x9e\xa6\xdd*\x97&lt;uF\xef\x0b\x00\xa1\xba\xcb\xac\xcf\x1c\x15E\xa2}\xd1\xf3&lt;~Cq\xb9\x9c\xe0[\x7f2i\x1d\xf4\x9d\xea\x05\x80\xa5\xa7\xb8O\xff\x90\xf9\xc9\xd7\x7f\te\xacP\xf6\x9a\x13&lt;\x15\x1a\x8a\x81\x8b\x8en\xf7\x0fRS\x8cVs\xbc\xe7o\xf7~\xad\x11Lm\xc9\x82`d\xa8\xe8{\xba,Y\xb6!F\xc9\xd8j\xc8\xd2w\xad\xbb\xed&gt;\x16\xf4\xc1\x00\xf1\xdd]\x17\xf1\xa1\\\xb6\x14=g\x8b\x8b\xe4\x18\x1e\x92\xa9/O\xf5\xfc\xeb\x0f\xdc\xe8\xaa\xc4D\xbe\x1b\xbc\x07\xae\x04\x92%+\xde\xdf\xee\\}8k(M^\x93a\x9b\xf5\xed\x94\xa5\xb4\x08\\\x0e+\x10\xbb\xa1/\xd2`S\xb7\xc4n2q\xfd\xbeB\xbc\xcc-\xe9\x14\x91\xca\xff\x81\xd8_G2\xb3\x16sJ\xd3s\xf6\xeb\xd6aS&amp;\xda\x8d\xdc\x10\xbb\xab\xa4\xc5\x02\x83\r7\x1d\x7f\xe0\xe6\x14f.\xd7a\x99\xfe\xd2i}hm\x89\x8b\xac\x8e\xd9\xa6(9\x88(\xcfs\xef\xddwS\x07\x00\x88\xfb\xa4\xad\x9b\x16\xe60i\xb1\xfev\tD\xfa\xfa\xaf.\x1b\xca\x1c\xb5\x82\x9c\xe3\xe1x\x0f\xf6\x1f\xcb\xec\x1auz\xf3\xd1\x045m\x93\xaa\xa7\xdf$\xac\xe5X\x16\x11\x11\x15\'J*\xbe\x8b\xe4%\x06\xde7\x9d\x95\xbd\x83\xaa\x9cB\xbd\x89\xaa\x8b}\xf3W\xae;\xa7"\xcd\xe6\xbaL\xe9\x89\x18\xd2\xc4\xdaQ\x99&gt;\x93\xbf\xa2\xfd\xca\xcf\xe6\x91J\xfb\x89/\x11Q\xa96\xbe\xc0[\xcc\xec2\xc6Y\xab1\xdb\xf5m\xe5\x17\xa0\x84\x7f#+.\x7f\x01\xc0\xd6w\xa6\x06"Qm\x97\x81\x8b]&gt;\xa1\xfc\xe8o&amp;\xa2\xc7_\xbb\xe9"\xcb&lt;\x9eZ\xab\xb7\xbef"\x9a\xf0\xf4y\xd3t\xa3\x13?I2\xb1&gt;\xd6\r\xc5\xc5{v\xf5\xcc]\xb5\xfb\x93\xda\x96\x9b\xd9\xb7\xb3\xb7\\\xd16\xd6\x1e\xfa\xddz\xf4\xe5K\xbe\xce[\x9bD{\xf6w\xf6\x10\'\xcb_\x87\xd0:\x80\xe2\xd2\x0f\x93\x88r\xd56\xad\xba(\x0f\xa6\xe1(:\xfb\xa7T\x8d\xa4\xbb\xf5\x08\x1b\xde$\xaa\xcd\xcc\xe2\xff;\x03,Ku\x01@|T\xba\xedc\x92\x96.E`)\x98f\xc3\xb7\x9e\xfd=\x8cMaU\xd7\r\xaba\xbd\x07\xcbY\xa5\x88\x88\x92\xd6\xa5\xb0:~\x83=\x85\xc8\xaf\xd2\xed\tmC\xef\\\xd5\x1c\xdf\xfb\xf85g\xd5)\xc3\xd8-\x89k:\x19\x14\xe8a\xa8\xd2\xdas\xff\xfa\n\xcd/\xeeW.\xae`v\xc42\xb8\xda\xa9n/Iv\x8e\xb7\xa9p\xc8\x1e\xdf\xf7\x93\xbem\xf3\t\xe7\x94\x9eX\xbc\xe5\x02\xeb\xce\x0e\x93^\xd16N\xdct\x18\x82\x87\x8b`\x00p\xa6~\x18\x1c\xc5\xed\xc8\xe4g.}\xf8\x1b\x0b=\xb4/\xe2cE\xd9\xf8\xea\xa0\xad\xd8{\x83\x88\x88\xca\x88;\x8f\x19\xe7JI\xdf\xb8\xb0N\x83\xa7\xe5oK\x92\xecs\xf6_\xaa\x86\xe1a\xb3\x1b\xfa\xdd\xd7 x\xea\x92\x8b4\x9b\xe7%\xef\xb4-G\xbf\xe8\xb1:R\xf2 \xccA|\x81\xa7\x9a\x02\x97\x8a\x92\xd4u\xca0\xb9v\xc7\x02\x1d0@\xfc\x15\xdcl\x96\xd4e\x86\xf8\xd7Ww\x95IpEk\x8e\xd9O\x0effqv\x073\xfb\x96&lt;\xca\xd8\xd2\x942\x08v\x0b\xb6g\xab1\xa1\xc3\xa4\x97\xa5\x87\xc41\xd5M\x86m&amp;\xaal\x97\xf9_\xccg~u\xa8\x981\xeeX\xca\xc4E\xfb\xaa\xd3\xdb1?G\xb0\xa7\xb8)\xfd\xd8K\xe2\x8a\x87\xb6+Q\xe6\xaa3%o\xbdi\xa6\'\xe8\xe1\xeac~\xb2\xcd\xa7PX\xf2\x0fc_\xc8\xccs_\xf8\x82(\x89S\xc22\xe8\x80\x01@\xe5\xf5\xcf\x1d\xae\xf9\xda\x8e\xdf\xa58\xdd\xae\x89\x19\xb1\xf2}\x9b3\xdc,\r+\xf7\xda\xff\xf4.\xc4vT\xad\xb6\xd4\x8f?Y\xa8\xeb\xbd[T\xd2\xfe\xd1:\xb3\xb2\xed\x97\x98\x0ek\xfb\'\xaf\xbft\xe6\xb6\xb7\xe9I=g\xbf\xaem\x9f\x0b\xf9q\x003/\xd8q\xd5)U\x1e\xdf\xbf\x99%\x83\x99\xdb\x8c\xdd\xe9\xbe\xb8\x9c\xfe\xa1v\xfa`\xefp\xc9[\x7fz\x18s\xab\xddw\x9dyW\x08\xeb\xf5v\x9d\xbe\xcf\xb2/-\x11%(\xd8\x0b\x818\x00\xc0\xe0\xc4\xcd@C\xe0\x9f`c\x16\x86\xc6"qm\xad\x19\n\xda\xdaC\xbf\xa7\x08f\xf5\\{I\xebR\xbe\xeed\x13\xd4WM\x1b1k\xb2\xfa\xe0m\xc5)\x87\xbea"Z!&lt;q\xf4\xaa\xef\xa3n\xa3(3\xb3&gt;Y\xcb\x93\x91\xabNmy\xff?\xa2\xa2\xc2\xbe\xf4\x86l\x9dh\xc3\xe6\xf37\x9cA\x19Z&gt;\xf5\xc6\xaf\r\x1ey\xd6t\x96Sg\x9c\x92\x88(y\x03\xca\xd3%\xf0\xd2\xa2\xf3\xd4\xbd\x15;\xafp\xacLHrvtN#\xc3\xcc\xfa\xaa\x8e~U\xb5\x7f\xc4;(\xe8\x80\x01\xe2\xb3l[\x8c\x81\xf7\x1e0\x13e\xd6_zm \xcaw\\&amp;\xbe4\r\xf7\rb\xe4\xad\x9b\xf4\xcc\x9c\xbc\xc4\x00\xd3\xa5\xf3\xc9\x9f\x99\x12\xd7vQBn\xcb\x9e\xc0\xa8\xddr\xc6\xb7\xa3\xa6M\xd9rC\x1b\xfe\x1d\x01\x05\xa4{]\xcc\xf9\xa90~\xed9\xf2M\xaa\x96/\xa18u\xc3GD\xd5\x15Y&lt;\xf7\xde?\x8a\xa3\xb6\x7fG\xe7`\xc8\xd5\x89R;\xa51q\x98U\xecU\xa1&amp;\xb3\xbd\x9e\xa2\x1a*!\xfc*B\x07\x0c\x00\x01\xcc\xdcd\xe8\xf3\xe4o\x1a\xae2K\x9bof~\xe4\xb1wL{\xf4\xed5o\xfdv\xe9/\xbb\x06(\xbd\xb6]\xbc\xe5\x02_`\x84\\\xbe\xf5\x942V\x1eeJ\x7f\xfeONX\xa8\x17\x11u\x9e\xba\'\xb07w\x17Y\xb4\xe1\xaa\xa6\xd7\xd2\xd5\xf7t\xbf\xf8j+_\x86\xdd\x8eu\x1d\x82 \xd8\x8d\x97\x9e\xb8\xee\x82\xbemj\x97\xf5\x00\x8dQC\x8b\x90&lt;p\xf1\xdb\xd2\xca\xc8\xa5l\xf4\xe6W\x86_W\xd7d?\xb6~\x93e%\xce\xa0U\x0b\xa2\xbb\xaa\xd0i\x85]\x04\xecU\xfb\x7fv\x91A*E\xa1\xbd\xe7\xbe\xa9o\x0f^r\xec\xd1\x17\xbf\x1a\xb9\xeaT\xf3\x11/\xd8U\xd5\xb4\x02R\xdbq\xaag7\x00\x10\xd7\xa5j\xec\xe9a\xa4Qa}\xeb_cs\xc3\xcc.\xd6)\nY\x82\x9au\xfa\xad\xd3K\xf4_^\x07.\xdf[\x8f\xdd\xe1\x98\x87\xd76=K\xd5\xb1\xf2\x03\xe9[\x08Y\x95\x97^\x8c\xfa\x9f\x86VNW~\x98\x96x\xe4\xaaS\xea\xc0I\x8bv]3\xed\xd9\xfea\x18\xae\x99\xb4\x08\xd8\xd6\xdd\xfa\x96\xe5c)\xfa\xea\xc7\x92\xdf\x047\xdd~z\xd2\xf5w\x93Z\x7fH)\x06\xdb\xdbM;6\x97\xa4\xfc\xe1e\xf7\xe7\x1e)\x8cHx\xf2\xf5_\x8c\x07K\xe9[\x0f\xbc\x0fZT|\xc1\x989[\x8d\xa8\x8b6\n\x00`\xe6\xf2&amp;\xb3u\xe7\x81+,\xfe\x08P(\xdct\x8e\xdd\xa1\xbf}9{\x9b\xe4\xa3\xaas\xd2zD%\xd5o\xca\xf5\xe0\xf3\xecz\xca|\rfP\xfe\x1e\x8aS4\x8f\xbd\xf4\x9dc\x1a\xbb:\xc8\xc6\r\x11Q\xce\x14%\x07\x1a\x7f^\xa82\t\x97\xa7\x0f\xfd\xee\xbcvS\xba\xe6\xd6}\xe9+\x8c\xc8]w\xaa\xa7\xb2\xaa\xf7\\-\xbet\xf1\xa6\xd2\xcbw\xe7\xe9\xa2\x9f\xeb_\x04)\xbb"\x97\xe5{~tU?\x00\x88\x93v\x9e3_\xb9\x0e\x93-\xab`#\x0b\xf9\x07\x15\x9b2\x11_&amp;+&gt;@zr\xefyo\x8a/\xd7\x1d\xf9S\x0b\xd7\xdc`\xd0\xb3n\xca~\xe3\x0b\xc3\xd3ek\x1d\xf4C\xe2\xb8\xd3\xb1\xab?\xb4\xcb\xf0\xe4MW}\x89\x9e\x954R\x84f\xdc\x9a\xb3z\xb2\xdcu\xa7\x12%ULI\xb2+e\xc5\xde\x1bD\xa9\xc57\xd8b\xe46O\x99H\xe9k\x14\xba\x0f]\x19D/[\xaa\xcdb\xebJ\xcc\x9e\x98\n\x95\xae\xbd\xe1\xe7\x1c{\xd9\x131\xa6\xa6\xbd\x92\xee3\xfc\x0f\x0fz\x01\xc0\xabG\x1e;f\xdd\xc9\xcc\xad\xc7\x18n\xed&amp;*\xdcG}\x9f\xadN\x7f\xc3\x00c\xf5}&lt;\xf7\x97\x05U{8\x07\x9fz\xf9\x92\xa1\x9fV,;ATV\xfbG\x1dp\xdfeo4\xe1\xe9\xf3n\x92\x11Q\x92\xa2\xfd&lt;\xa5\xe9\xbf\xe0\xb0o+\xa1t\x84s\xda\xca\xddV\xb9)\xf7\xc97~\x15_j\xef\xab\xfb\xcc\xfdn\xceu\x94\xa9\xca\xe8 \xce\xd2\xea \xfd\xe8\x98\xb9T\x9b\xc5\x8e\x91 \x99\x99rv\n\xa2h\xcd\xdaC\xbf\xaf}\xeb\xb7\xa0OW3\x05\x8b\xf6\x0f\xd9s\x9c+\x0c\x00\xf1\x82\xf9A\xdd#\xb6+\xae\x07A\x7f4\xab_\x18\xa57\xa5\xa8\xd5\xf7i\xfff\xfe\xa0\x8b\xb1\x9bC\x15./J\x97\xe51\x0f\xe5M\xee&gt;Cf\x1e\xb9\xea\x14ei\x1bz\xdd\x88h\xe5k7o2\xd7\x1f\xb4\x91\x88\x12\x17\xe9\xeb\xaf\xa7dj\xf5\x16\xcb\xb2\xf3]\xa7\xefs\x1c\xa6&gt;c\xd3\xe5\xd0+\x99\xa3\xd6D\xcb&gt;\xd5X\'r1~\xbeb\xe7\x15\xcc\xec\xf8\x8c\xd6\xee~\x8cD\xe66v\xa3\xa9\x99\xb9F\xef5\x19+\x8d\xda\xf0\xce_\x8e\xd9\\~\xe8\xaby&gt;\xff\xac\xe51O}\xf0-\xae\x89\x01@)\x10SB\xd8\x99\xc7\x9an\xeb)Uk\x92\xb6\xdc0\xeb\xce\xe7O&lt;\xd4\xb7\xa5m\xfa\xdeO\ry\x9a\x82\x81\xe8\x12\x14\xec\xa5o\xe7o8SQ\r\x93\x88=\xbc\xacAD}\x0cw\xd7\xab\x84+km\x0e\xb1{Y\xaa\xd9\x8c\x17\xb3\xd0\x87\x1dU\xec\xfc\xf8\xe3A\xccQ\xce\xd6\xee_fs\xa8H\x9b\x19\xb4\xd5{\xad&amp;\xa2\x12\xad\x16\x88\xdd[p\x7f\x0ef\x16\x17\x17\x92%q5D@So\xc0\x06Se\xf4\xf50\xdc\xb0</t>
        </is>
      </c>
      <c r="E576" t="inlineStr">
        <is>
          <t>&lt;class 'numpy.ndarray'&gt;</t>
        </is>
      </c>
    </row>
    <row r="577">
      <c r="A577" s="1" t="n">
        <v>575</v>
      </c>
      <c r="B577" t="inlineStr">
        <is>
          <t>steps_per_sec</t>
        </is>
      </c>
      <c r="C577" t="n">
        <v>8300</v>
      </c>
      <c r="D577" t="inlineStr">
        <is>
          <t>5.372029</t>
        </is>
      </c>
      <c r="E577" t="inlineStr">
        <is>
          <t>&lt;class 'numpy.ndarray'&gt;</t>
        </is>
      </c>
    </row>
    <row r="578">
      <c r="A578" s="1" t="n">
        <v>576</v>
      </c>
      <c r="B578" t="inlineStr">
        <is>
          <t>Loss/localization_loss</t>
        </is>
      </c>
      <c r="C578" t="n">
        <v>8300</v>
      </c>
      <c r="D578" t="inlineStr">
        <is>
          <t>0.009020107</t>
        </is>
      </c>
      <c r="E578" t="inlineStr">
        <is>
          <t>&lt;class 'numpy.ndarray'&gt;</t>
        </is>
      </c>
    </row>
    <row r="579">
      <c r="A579" s="1" t="n">
        <v>577</v>
      </c>
      <c r="B579" t="inlineStr">
        <is>
          <t>Loss/classification_loss</t>
        </is>
      </c>
      <c r="C579" t="n">
        <v>8300</v>
      </c>
      <c r="D579" t="inlineStr">
        <is>
          <t>0.22144543</t>
        </is>
      </c>
      <c r="E579" t="inlineStr">
        <is>
          <t>&lt;class 'numpy.ndarray'&gt;</t>
        </is>
      </c>
    </row>
    <row r="580">
      <c r="A580" s="1" t="n">
        <v>578</v>
      </c>
      <c r="B580" t="inlineStr">
        <is>
          <t>Loss/regularization_loss</t>
        </is>
      </c>
      <c r="C580" t="n">
        <v>8300</v>
      </c>
      <c r="D580" t="inlineStr">
        <is>
          <t>0.038527165</t>
        </is>
      </c>
      <c r="E580" t="inlineStr">
        <is>
          <t>&lt;class 'numpy.ndarray'&gt;</t>
        </is>
      </c>
    </row>
    <row r="581">
      <c r="A581" s="1" t="n">
        <v>579</v>
      </c>
      <c r="B581" t="inlineStr">
        <is>
          <t>Loss/total_loss</t>
        </is>
      </c>
      <c r="C581" t="n">
        <v>8300</v>
      </c>
      <c r="D581" t="inlineStr">
        <is>
          <t>0.2689927</t>
        </is>
      </c>
      <c r="E581" t="inlineStr">
        <is>
          <t>&lt;class 'numpy.ndarray'&gt;</t>
        </is>
      </c>
    </row>
    <row r="582">
      <c r="A582" s="1" t="n">
        <v>580</v>
      </c>
      <c r="B582" t="inlineStr">
        <is>
          <t>learning_rate</t>
        </is>
      </c>
      <c r="C582" t="n">
        <v>8300</v>
      </c>
      <c r="D582" t="inlineStr">
        <is>
          <t>0.07992499</t>
        </is>
      </c>
      <c r="E582" t="inlineStr">
        <is>
          <t>&lt;class 'numpy.ndarray'&gt;</t>
        </is>
      </c>
    </row>
    <row r="583">
      <c r="A583" s="1" t="n">
        <v>581</v>
      </c>
      <c r="B583" t="inlineStr">
        <is>
          <t>train_input_images</t>
        </is>
      </c>
      <c r="C583" t="n">
        <v>8300</v>
      </c>
      <c r="D583" t="inlineStr">
        <is>
          <t>[b'640' b'640'
 b'\x89PNG\r\n\x1a\n\x00\x00\x00\rIHDR\x00\x00\x02\x80\x00\x00\x02\x80\x08\x02\x00\x00\x00\x83\xaf^t\x00\x00 \x00IDATx\x9c\xed\xddu\xdc\x14\xc5\x1f\xc0\xf1/\xdd\xdd\r\xd2\xdd\xdd\x1dR"\x12\x12\x02\x02\x82H\x0b\nX\xa0\xa8 *\x8a\x8a(\xd8\x88\xadX`\xb7\x18\xe8\xcf\x02\xbb\xbb\xbb\xd1\xf9\xfd\xb1w{\x1b\xb3uw\xcfs\xf7\xe0\xe7\xfd\x87\xee\xce\xce\xce\xce\xdd\xc3k\xe6vw\xe6;"Yi\xf2\xa9\xbb2]\x85\xecPn\xa86\xb9t\x9b9*\xceu\xb0\x865\xd1\xdc\xfeH)\x11\xe98\xfe|3\xe5\x9e\xb7\xdc\xe7&amp;\x14o&gt;S\xa4\xb2Y\xc8\xea\xed\xef\x8a\xc8\x9f\x89+\xb6\x10\xa9jlW\xea\xb4P{E\x91"\xc6n&lt;\xa5\xd3\xb6\xc7\xff*\xd1b\xa6\xab\xce%\xcd\x14s\xa3\xf3\xc4\x0bD\xaa{|@O\x85\x1a\x1d\xe5\xce\x1f\xa9\x04\x00\xc8\x93\x8a\xb7\x98\x99\xae\xa2zM\xdb\x92z!}gnM\xbd\x90&lt;\xab\xa6\xf1\xbf\x1d{m\xdd\x8f\xa3\xa74v{\x1c\xb5y\xc4\xa2\x1b\x1c\xe7\x1b\x87\xf6\xfe\xa4\x94R\x9f\xe8\xfa\xb0\x8a\x9d\x16\\\xf7\xac2r\xeex^\x7f\x15s\xe3\xb5\xbf4%h\xba\xed|\xddDD$\xdf%\xf7\xff\xe4\xdfq6\x1c|\x9a\xe8:W\xba[\x00\xff\x15\xadF\x9f\xed\x9fa\xff\x81d\x1a\xc4L7\xa3\xb52p\xcdjcr\xe1"\xcdG\xac\xf5\xfan\x87\xcd\xdfnn+\xa5D\x1aJ\xa9AJ\xa9%\x97\xbc(\xf1\xdez\xe9\xe6\xff\x89H\x97#7\xd9sF\x93\xe2\x1f\xb7h\xb3\x19\xc6\xc6wA\xe5\x9cr\xcd[\xa9\\\x08\x00rV\xa6\xbb\xbal1\xe3\xcc\x87s\xf7\x82\r\xa3\x9e\xe0\xfeK5\x1b\xbe6\xe9s\x95RR\xa0\x87y\xa3l5`\xf6\x15\xdf\xc4\xf3\x1f\x1d\xffZ\xac%\xfc\x1b\xf0o\xa6\xbc\xf1\xbf\xe9g&lt;\xe8\x91\xa1\xb2\x88H\xf5\xb4\xfd\xe0\xd0\xff\x1b.\xd2G\xca\x0cI\xd7%\x00\x00\xd9\xa9M\xa6+\x10\xc1\xd45\xf7\x87\xcbX\xca\xeb\x80\xff\x83\xdf\xf7\x13\xdb\r\x02O\xf4\xd6\xd5\x9d\xdf\xb1;\xc92P\xe0\xe2\xfb~\x8cX&gt;\x00\xfc\x87\xd4\xcbt\x05\x0e*\x95:/L\xe2\xac+\x9f\xf8\xdb\xeb\xd0\xe1\xcboK\xba2!{\xbeQKn\n\x99\xbf\xd3\x84\x8d\x8e\x9ca.A\x07\x0c\x00\xc8)\xbf\x98}L\xc9\x81\xdf\xe4\x91\xfe\xe6W\xefz\xe6t\x97\xd9c\xea\xe6\x1c-\x1f\x00\xe0V.d\xbe\xbc{\xdb\xf4v\xfak\xde(\xdd\x05\x8a\xf8~\xc3O\x7f\x93\xc4G\xc8\xefJ\xf1\x1b4\x97w\xff\xbe\x00\x80\xcc\x98\xbd\xee\xb1\xb4\x97\xb9\xea\xca\xd7\x8d\x8d\xae\x93.\x8azn\xdd~\xab\xd2X\x13\x9f~\xb1L\xdb\xb9i\xbc\x10\x00d\xa9\xb9\x1b\x9e\xcct\x15\x907\xe4\xf4\xad$\xb7\xaa\x00\x90\x83hd\xe1\xe5S\x15\x0b\xeb\x11\xf5\xc4\x9f\x94\x12\x91\xd2m\xe6\xa4\xbfN\x00p0\xea\x98\xd9\xcb\xdf\xf8bn\xff\x148\xed\xbawr\xf9\x8a\x07=\xf3\x89\xba\xe9\xb5?U\xa7\x89\x17d\xa42\x00\x00\xe4\xb22\xf6\xdd|\xb9y\xedwmw\xcc\xf9\xa5po\x9e\xb2\x00@\x1a\xd5\xc8t\x05\x10\xd6\x0f\x19\xed\xff\xe8}\x01\x1c|\xdad\xba\x02\xd1U\x18\x9e\xf4\xa9\x97=\xf2{\x1a+\xa2\x95zWq\xee\xce/\xd3R\x93\xbc\x8eN\x17@\xde\x96\x96\x05\x88\xf2\x86Z\xe3\xccM]\xdb]6\xb9Rk\xf4\\\x16"W\x9d\xe4\n\xcf\xcb:\x19\xff\x9bs\xce\x13\xb9s=\xfac\x00\x07\xa7\xeck\xdd\xea&amp;}\xe6[\xda\xcfRz\xb0\xb9\xe9\xb1\xccm\xcaR\xb85?\xf8T\xee\xb2(\xf5B\xd6\xde\xf8a\xea\x85\x00@\xd6i1\xf2\xac\xf4\x16x\xe5\x93\x07\xd2[`\xd2.\xb9\xff\xa7\xd0y\x9b\xe6`=\xd2\xa9b\xa6+\x00\x008\xa8\xe5\xf0\xbd\xb8f\x9d&gt;\x87TV/\xc89\xab\xb7\xbf\x9b\xe9*D\x95\xd4/\x86B=\xa5\xcex\xcb~5\x91\xc2\xda\x8c\xd9\xf7\xcc\x06\x00\xe0-\xb5V\xbbl\xba\xaaqP\xf2\xfan\x87/\xd8\x91\xcb5\x01\x80&lt;\xaa|\xf4S:\xa4\xbf\x16\x19S:\xd3\x15\xd0\xbb\xeb\r]\xf7Vyd\xba\xaf\x93\xb3\x93}\xabv[\x9a\x96r\x8a6\x9d\x91\x96r\x00\x00\x10I\xdcD\xb6\xca\xc8\xd5O\xb8\xfc\xd5\x8c\\\xd7a\xfe\xc6g\xdc\x89&lt;p\x06\x80\xff\x94J\x99\xae@.+\x95\xe9\n8\x95i\x13[@\xc9\xd6\x01\x17\xecI\x7f\x0c \x0fh&lt;tu\xa6\xab\x90=\xaa\x88H\xf9\xf6\xc7\xe5\xda\xf5\n6\x9a\x9ak\xd7\x02\x00\x1clN\xb9\xe6-\x9f\xa3\xba{\x91&amp;\xfe\x05~\x9e\xe9\xa0\x86\xd9y\xfft\xc6\r\xfes^3\x12\xb6\xd3\xff\x8d\xb8~|2\x00 e\xb5\xc7\x07\xe7\xd1\xa8\x9b\xca5\xad\xbd\xe3\x814\xf5\x94\xf3\xce\xdfc\x16\x9b\xb5\x1d\xb0KU\xebN\xd6\xd49\x97~\x07\xe4B\xd0P\x00\xc8qY\xd3v\xa7\xe2\x90\x14\xcf\xcf\xa9\xe8W\xb9\xe5\xa5_\xf3^\x9dsB^\xfc\xdb\x01\xf8\x8fz\xe0\x03\x1a\xac\xb4h\x9e\xe9\n\xe4\xac\xec\xef\xd8^\xfe=\xdbk\x08\x00\xd9#pTm\x9b\\\xa8\x84\x87\x0ct\xa8\xd9\xdf\xc9\x89\xd4\xd6\xa6\x16n&lt;-w\xab\x11 /|\x93\x00\x90GT\xe9\xba\xd8\xd8Xt\xd1\xde\xcc\xd6$\xcb\xd5\xeb\xbf*\xd3U\xc89\x957\xed\xfa^Yd\xba&gt;\x00\x90\x9a\x8b\xee\xfb1\xd3U@\xfa\xe4\xef\x96\xe9\x1axj}\xd8\xba\xe4N\xb4w\xba\x95\x94]z+\t\x00\xb9\xc4\xa3\xfd\xaa\x92\xdb\xf5@\xda\x14\x8cz\xc2\x91\'\xdf\xe3s\xf4\xd9\xef2\xdc\xc3\xc5{\xd9\xa2\xeeD\xfa`\x00\x07\x8fx[V"\xb6_qD\xe6\xea\x82@\xc5\xd3R\xca\xfd\xef\xa7\xab\x03+\x97\xa6rl\xde\xf1\xe8_\xbd\xfa`\xfac\x00Y\xed\xbf\xd4H\x15\r\xceb\xf7\xfa?\xff\x9d/\'\xdb\xf9\xfcC\xb5\xf6\xbe\x1b\xee\xf8"7k\x05\x00\xc9\xab\xd3wE\xa6\xab\x90\x9c\n\x99\xae\x80N\xd5\xd19Tp\xd0\xef\xa4\x869t\xdd\xe4&lt;\xf7C\xda\x7f\xb8\x14\xb4|\x03\x8dmG\xeaN\xd4\xdc\x01\xd7:"\xdd\x15\x00\x80\xdcU\xa1\xe3\xfc\xe4N,\xd9jvzk\x12U\xe7\x89\x17\xe4\xfeE\x8fZs\x7f\x1aKKt\'\x15\x87\x87{PQ\xcd\xbe[$\x8d\x95\xc9\xb8\xc7?W"\x1d\xc5\xf5[\xa4\xd5\xe8u\xbc\x06\x06\x80t\xba\xec\xe1\xdf2]\x05O\xfdg]\xe1}\xb0\x9d.\xb1Yr\x17RJ\xbd\xa5\x94\xe4\xc8\x9b\x82\xf6\xe9.0\xa7\xb5\x10\xa9(R\xfc\xc9/\xd5\xa9\xd7\xbem\xa6\x16l8\xd5\xd1\x017\x1a\x12_V\xa4\xca\xe8\x8cT\x14\x00\xd2\xee\xa0\xba\xa3J\xbb\x9c\xb8\xf7RJI\xe1\xde"M\xd3^r\x12\xb4\xcbC\x95k?/\x87/[\xd7\xf8_\xc5N\x0b:O\xbc@\xa4\xb4R\xea{\xfbW]\xb7\xdfJ\xee\x80\x01\x1c\xcc\x0e\xf6\xa6\xadVn]\xa8~\x8e\x96\x9e\xe2\x9f\xa9T\xabc\xd2U\x13\x11\x11i\xeb\x91\x9e\\\xc8n\xdd\xa4\xb8R\x03E\xca%z\xdf\x82=\x93*\x19\x00\xb2Bl\xf1\xb8\x83\xbd\xc7M\x8f\x12-ge\xba\ni\xb3\xed\xb1?3]\x05+\xff\x87\xe4\x8d\xac;F\xef{\xcb\xcb\xfc\x8b\x05pP\xd8\xfb#\xcdY\x08\xc5\xfaf\xba\x06\x86\xac\x1c\x16\x9eK\x8a\x1cP\xea-\x9e?\x038\xa85\n\xce\xf2\x1f\xd2\xd5#\xdd\xeb\xb9k(\x95;/J\xe5\xf4\xff\x80\xd2""\xd2&amp;\xf6\xd6\xa0\xc6\xd8L\xd6\x05\x00\x90\xcb\x9e\xf96\xe7n\xb6r\xedm4\x00 O\xc9\xc8\x83\xbeQKn\xca\xfd\x8bf\x89[^\xe2\xc9j0\xa5\xd4\xf6\xe7\xf8\xa2\x00\xe4qm\xc6\xac\xf7\xcf\xf0./\xdb\x0e:\x89\xe9\xb3\x00\x80\x0cZ\xb1m_\xc6\xc7\x94\xae\xd8\xb6\xcf\xf7x\x83\\\xaaG^v\xc6\r\x1f\xe4\\\xe1\xc3\xe6o\x8f\x94\x7f\xc1\x05\xcf\x8atp$\x1es\xce\x13\x81\'6\x1a|Z\xa4\x0b\x01\xc0A\xa7\xfc\xa1\xb9p\x91q+v\xa6XB\n\x0f\xc9\x93\x0cY\x95\xcd\xce\xb8\xe1\x83\x95W\xec\xcf\xb5\xcb\xe5\xaf?YD^\xfe]\xf3\'\x88\xaf\xb6\x14yU\x8c\xa4\x14\x13\x91\xa6\x87\x9e\x9e+\xd7\x02\x80\x1c\xf3\xc4\x97y\xef\x99\xf3\xaew\xf3^\x9ds\x94RJ\xa4\x92\xf7\xf1\x1c\x8btVa\xb8u\xef\x84\xcb^\xc9\xa9\x0b\x19\x8a\xf5\xcb\xd9\xf2\x01 \x0f*\x11\x9c\xe5\xe0Pwb\xa6k\xa0\xe1\xbf\xa2_\xee\\(wJ6\xb2\x8dXtc\x0eU\x03\x00\xb2[\x85\xe1\xae\xc1\\\xc1\xc1"2\x18Ka\xea\xea\xfbR/\xa4\xdb\x94\x8bS/$eU\xcd\xadsw~\x19\xe6\x04BX\x00@n\xfb\xf6\xa0ny\xa3\xf4+\xe5\'\x9ctw\x0eV%\xbb]\xff\xbc\xf6\x8bjc\xdd\xe9q\xd4\xe6\x14\xaf\xa2\x94\x12)\x16\xb9\xb3/\xd1\xdf\xdc\x1cx\xccU\x89\xe4\x163\xf9\xdd\x00\xe0\xbfD\x1fx\xa8\x80\xb9u\xca5o\xe5Z]\xd2k\xed\x8d\x1f\xa6\xa1\x94B9\xbb\x18@\xb1f3\xa2\x9eR\xab\xf7\x89\xd6\xdd~\xb3\xb6\xa5\xaf:1=\xa7]\x1a\x94\xa5\xb8u\xc7\xa3\xe3,\x9c\xae\xfa\xbc\xfa\'\x1d3\x80&lt;\xa2\xc7\xd4Tont:\xe7@\x99\xe2;\x8cHC)%R&gt;gjb\xa8i\xdb\xe9\xb5&lt;\'\xaf\x15\xcdW\xa1o\x10\x93\xbb\x95t\x9f\xa5-\' \x1b\xb1$\x01 \x9d\x8a\xf6\xc9t\r2&amp;Rgv\xfbk\x9a\xcc\xadF\xafKKM\x8e;\x7fOZ\xca\xb1jz\xe8\x19&gt;\xc1\xae\x1d\x9f\xfdc\xa5D\xa4@\x83)\xd6\x95z\x8b5?\xda\xba\xbbz\xfb\xbb\xda\xa2\xfeN\xf1\xf1rb]\xc2V)\x95\x03\x00\x99\x95\x86\x97m\xb5\xc6\x85\xcf[\xb8\xf1Q\xa9^.\xb7\xfc\x14b\x11\x9e*]\x17G)\xb2jp\x96p\x1e\xff"\xd4\x1djx\xc9\xdd\xdf\xef\xfb\xdb\xf8\x8a\x12\x81S\x94\xdf\x97\x96\xcf\xa7\xa8]\xef\xf0l\x19\xc0\x7f\xde\xe4SwkR\xcb\x0c\xc9\xddZ\x14J\xf6\xbc,_\xb6=\xb9\xf5\xeaC\xb9\xd5\x1d\xe0,\xcao\xa3\xe48\xba\xdb\x9c\x1f&lt;UJDF.f\x1a\x12\x80\xbcc\xfe\x05\xcf\xa6^\x88\x7f\xf3Z(\xd9\xbb\xdb|\x87L\xb2\xee\xde\xec\xb7DA\xa7\xdf\x93o\xe2s\xaa\xf3K\xb6\xd7\xe9$"Ret\xd4\xd3\x1e\xfcP\x7f9G5\x9a\r_\x1bX\xd4\xdbi\xea/\x95Rm\x0f?\'\x95\xde\x97a\xcf\x00\x90\x9b\x12C\xa8\x1a\x0c:%\xe7.s\xfa\x8e\xf7s\xae\xf0\x8c3\xc7\xd9\x15n2-\xed\x85\x0f\x9dw]\xb8\x8c\x8d\x7f\x0e\xeaA\xcb\xb4\x99\x9bJMJ\xb4\x9ce\xd9kT\xbd\xc7\xb2TJ\x03\x80&lt;\xaf\xef\xd1\x97\xa7\xb1\xb4\xe0\xdb\xa0\xaa\x87i\x93\x8b4\x99\x9e\xc6j\xe4\xbe\x1b_T"\xd6\xe1E\x1a\xa3\x97\xde\xecu\xc8=\x91w\xd8\xfc\xed\x1f\xc6\xbf\xcc6c\xd6\x8b\x94M\xb1\x86q\xd1F\xaa\x03\xc0\x7f\xd1\xb1\xe7=\x9d\xe9*\xa4C\xb9a\xd6\xbd\xf0\x8b\x07\xef\xfdQ\xd7\x97\xd7\xce\xf1w\xa2\x19\x91\xbf\xfe$\xfb\xe8\xf4\xda\xad\x0f\xf3Yw\xb2\xc8wJI\xf1\xfe\xde\x19rO\xa8\xb7\xb9\x95G\xe5|E\x00 \xafI\xe6\xd5]\xa1^\x8e\x84\xe1\x0bwXw\x97\\\xfcB\xa8rj\x8f\x8fm\x94\x1b*""m\x95Ry\xfdV8\x8a\x12-F\x9e\xa5?Rj`\xb8\xb1Q\xe6K\xf1\xba\x8e\xd8X9\xce\xf5o \xa1@\xf7\\\xac\x07\x00\x1cD\n52\x87buL\xad\xa4\x92QO8\xff\xae\xaf\xb5\xe9G\x9f\xf9\xb0\x88\xbc\xf4\x9b\xbb\x13\xaa\x1d\xb9RA\xae\xdd\x93\xd9\xc1D9\xb6\xf0Q\xf6)\xd36\xa5\x97\xca\x00\x90E\xaav[\xeau\xe8\xf5\x7f\xd4\xf8\x95wF-\x90\xa1\xad!\xd4K{\x89/\xfd\xa6\xa2\xc6K\xc9\x8b\x7f\xa9\xbcXg\x00\xf0R-\xea\t\x15;-0\xb7\x9f\xf8B\xdd\xe2\x9e\x8a\xea\xcbhCs\xa8%-\xd0`JN\x14kSg\xbc\xb9\x19\x1bH\x15w\xe8\x82\xebs\xfc\xea\xde\xf2H\xe0\xee\x96)\x9d]j`\x9a\xaa\x01\x00Y\xe3\xc1\x8f\x02{D\xdfG\x9d\xa5\x07\x87\xbcP\xa3!\xab\xb5\xe9\x9d\'^\xe0\x7f\xa2\xbb\xcfn1\xea,\x91*!\xaf\x1b~\xf5\xd9\x92\xadf\xa7\xa5L\xdf\x10Q\xc1\xa5\xbd\xf2G\xe0\xb95\xddIu\xfa\xae\x08\x7f\xc5z\xfdW\x89\xc8UO\x1d\x08\x7fJ:\xb4n9\xea\xec$N\xdb\xb0\xf3K\xee\x80\x01@#Gom\r\xdb\x1e\xfb3\\\xc6\x12\xe6\xd6E\xbb\x7f\xc8\x99\xba\x88\x88,\xdc\xf4|\xba\x8a\xaa\xd3\xc7\xb3\xe3\xbc\xf3uU\xb5\xdb\x92$\xca\x8c\x1853\xac\\\x99c\xdd\xb6R\xa7\x85_\x84[\x1f\x02\x00\x90\xaa\x10\xcdk\x8e.\x85\x94;\xec\xd1\xa1K\x0cHK\xa1\xda\xaf\xae\x93\xfd\xa1\xc2}\xef\x85\xed\xcf*wY\xec8\xb4\xee\xd6O\x93\xa9V\x99!\x12\xf6I@\xc3\xc0\xc26?\xf8\x0b\x1d0\x80&lt;\xac\xfb\x94\x8b3]\x05?\xd6\x16V)\xb5s\x7f\xb4\x06\xf7\xa2\xfb~\xac\xe1\x1d/\xe9;\xa5\x0e_~{\xf2\x95s\x99\xbd\xee\xb1\xf8f\x9b\xfd\x7f\xa7\xbfop\xf47M\x0f==\x95\xd2&amp;\xac\xba+\x99\xd3\xf2\xdb\xe6\x08\xa5\xdc\x05\x96\xb0\xefV4\xfe\xd7\x7f\xf6\x15\xa9\x15\x0b\x00Y\xac\xdd\xd8\r\xd1O*\xe3Nz\xea\xebD\x13\\\xba\xf5\x1c\xfdy\xc5\xfbi\x93\xcf\xb9\xfd\xf3\x90\x17\x8e\xfa\x02\xd5\xf0~\xe4SJG\xbd\x84\xbf&amp;\xc3\xd6\xf8\x1d\xce\xa9\x95\x12\n\x87\xcfZ\xbc\xf9\xcc\x909{M\xdf\x12\x94\xa5k\xf8\xebZt\n\x9fu\xdf_\xca|\x90\x9e\xdc?\t\x00\xc8\x93\xb6=\xfe\x97m7\xf0\x15l\xe9A\xc9](\xd6\xb0\x96\x1d\x9a\xdc\xe9"5\xdb\x8e\xdd \x9e\xf7g\x05=\xaf\x98\xeb\xfa\xce\xdc\x9a\xd8)\xd2\'\xe2\xd9\xcd\xcc-{\xfd\xcb\xa5R\xa5\x8cjd\xd9.\x1b\x94\xb9x\xce\xd5\x03\x00\xb2N\xf2\x1dU\xf5\xc3\x03\xcf\xbd\xea\xa9\x7f\x8c\x8d\xf5\xb7}\x96\xe4U\xe2\xfe\x08\xba\x96R\xaaT\xabcR\xbcJ8\x9aEp\xdf\xd3W\xcfy/\xb8\xf1\xeeol\xfb\x85{\x1b\xff\xbf\xe9E\xd5{\xc6e\xc1W.\xa6\x7f\xf0\x10\xa8Tk\xed7\xd3!\xb9\xd2B\xf2\xf9\xe7\xf1\xf4\xd7\xca\x9ds_\x0e&lt;\xe4\x07\x80\x1c\x97\xc2\r_\xd9p\xd9JY\xaf\xb5\xff\x80\xdf\xd3\xc2\xe36&gt;\x93\xd8\xa95ND\xda\x1fq\xae\x99`\xdcv\xcf;o\x8f\xf5\x94\xb4\xdc\xb0v\xd3\xbc\xff\x0e\x15\x13\xe3\xdd\xe8W\x9f\xb3\xe1I\xafCJ\xa9\xad\x8f\xfe\xa1=\xf4\x87\xe5)k\xa9\xc4l\xa8\xe0;\xbf\\\xbb\xa1\xffJ\xa9\xbfS\xbbV\xad\xde\'\x84\xcc\xe9\xf8P\xed\xc6\x9e\xeb\x95\x13\x00\xb2G\xbb\xe4\xd7\xb7\xcf\x04w\xff\x11\xe9\x85\xdf\x8b?\x87\xca9{\xdd\xe3\xd1\xaae\xafO\xd2\xe7jX\xa2yx]h\xe5\x15\xfb\xb5\x19&gt;\xd3\xd5\xa4x\x8b\x99J\xa9V\xa3\xd7iO)\xd5\xfa\x98\x86\x83Ou\xacr!\x92?\\]5uKEj\x01CZ\xa7^\x01\x00\xc8^?\xa4\xfbvJ\x1b-\xd9\xd9\x9aW\x1a\xe9J\xef\xe2\x15\xb5#\xb8\xb4Lj\x16\x9c%\xceR\xed\x16\xf1\x8dp#\x9bj\x8c\xf5:\xb2\xed\xb1?E*\xba\xd7Z\x88\xf4\x15\xfd\xefW[\xe67S\xfaz=G]yT)\xef\xbe\xd2\x06\x804(\x15\x9c%\xce\x7f\x1d\x9e*]\x9d\x93JS\xd0DDDj$W`\xfe\xfa\x93Dd\xf1E{ED*\x0cw\x1do\xe3&gt;\xc51\x0c\xcd\xaa\xd5\xe8u\xa9D\xf9PJ\r8\xe6\xcaTNo9\xea\xecsw~\xb9\xe4\x92\x17\xddG_\xffG)\xa5\xaau?~\xd1\xa6\xbd\x89\xd4\x9ac\x93\xb8\xeb\xf5T~\x98\xd7\x91orh\xb8r\xfc\x8d8\x00\xe4\x05\xd5\xc7\x88H\xcd^\xcb\xcd\x84\x90-c\xd4\t\xb8V\x7f:.\x11*\xd6D\x1b\xcf#\x1e\xcb\xd8Y?\xd4\x7fP\xfc\xefX0\xf0\x0f\xaa\x94\x9a\xbf\xf1\x19\x89\x0f\xc0Nj6Zd\xa9L\x19\xca\xa6\x87\x19\x00\x90\x82$\x06\x10\x19\xe6o|6|\xe6;\xdf\xc8\x89F\xd3w\x14n\xfe\xee\xe1[\xea|\x87\x1c\xf9\x9bR&gt;\xb7\xb3\xff%\xd1\x06\x07D\x8dgi\xfcQ\xce\xba\xe5\x13\xaf\xbf\x8e\xe3\xe1\xb6\xc3\xa8%7\xbb\x13\xfb\x1e}y\xe1&amp;\xd3"U\x03\x00\xf2\x96&amp;b\xbf\xff\xb8\xf8\xfe\x9f\x94\x851f\xd8\xdd\xb0\xee~W\xed\xf9\xc6\x16\xc1\xca\xdc~\xcb\x15 z\xd1E{\xbbO\xb9D\x9b\xd9P\xad\xbbm\x85\xc4\xdb^\x8d\x95p\xe6M\x1f\x89H\xf5\x1e\xc7\'\xf7\xd9D\xa4f\xcf\xbcw\xd3l~?\xb9|_\xd8a\xdc\xf9\xf1\xcd\xb2\x91N\x8cZ\xcf\xc3\x97\xdf\x16&amp;[fW\x9a\x02\x80$\xa5\xf20p\xed\x8d\x1fJ\xfc\x89\xa2\xa5\'\xf6)\xbf~\xe0\x1aA\xee]\x9fS.{\xe4w\x11\xd9\xfc\xc0\xcf7\xbf\x146Rt\xb1fG\x07\xe5L\x9bf\xc3\xd7\xe6\xda\xb5\xc4\xfb\x8b\xba\xeb\r\xc7\xd7X\xe7\x91O\xfc\xfeL\xed\xc6n\xf0Y\n:\x13\n\xf8\x1f\x9et\xca\xbd\xb9S\x0f\x00HR\xa7\t\x1b\x93&gt;\xf7\xcc\x9b?\xb6\xee\xba{\xca4\xc4\x02t\xce\x841\xafR\xc6u\xc5\x06\xb6|\xf9\xba\xd9\xcfk\xeby\x89\xba\x13\x93\xaf\x9e\xaf\xbb\xde\xd0\xdf\xe5\xa7\x9b3\x8e\xc7\xddoz^\xcb\xacF\xd7\xc9\x17\x99\xbb}\x8f\xde\xea\x95_D\xc6,\xbb\xb5l\xdbcS\xad\xa3\xb7\xbb\x9c/#\x1a\xe8\xf3\xc5\x19\xbf\x96*t\x9c\xef:\x92\xe6(\xa1\x00\x90\x8d\xb4\xdd\x89=xSM\x9f;`\x87^\xd3\x02c\x08\x87\xd5`\xd0)\xe6\xf6\xea\xed\xef\x1a\xab\xebDSe\xb4+\xa9]*U\xca\x10\xf7:\xf6\x95S(-B4fSJ?\xbf\xbc\x97\x8b&gt;\xcb\xfe\xb3o\xe2Iw;2\xdc\xf0Bf\x1e\xc2\x03@\x0e\xaby\x84\xe7\xa1\xd2\x83\xc5\xd2\xea\x15i2\xdd\xa7\x03n1\xf2,\x11\x89\x1a\xeb\xd1Z\x94W\xf3\x9a\xef\x90##\x95\xa9\xe3\\R\xe2\xa4+\xdfH\xb9\xcc\xdc\x16\xb5\xfbIcwu\xcd\x9eT\xbb@\xfaN\x00\xffQ\xcb\xb6\xbc\x1c.ce\xa5\x94\xe3\x96\xf1\x95?bMg\xcd^\'H\xcd\xb1^-\xe9\xe6\x07\x7fq\xa4\x18]rH\x1b\xef\xf9\xd6\xd8x\xf8\xe3\xdch\xa9\xef\xff\xc0z\x95\x80\xb7\x8fVix\x08\x9f\x1am\x18\xac\x9fR\xabU\xd0\xb9]22\x10\xecC\xe7\xb5J\xe6\xda\xa5\x01 \xed\x9akC\x1f{\xb5\xaaW&lt;\xf1\xb7T\xb4F\xab(\xa6\x94j9\xea,\xdfV\xb8\xa5\xeeh\x93\x08u,\x7f\xa8\x88x\x8c\xbcm\xa1KL\xa7\xf3\xef\xfa:\xc5\x12\xaey\xfa\xdf0\xd9\xbc\xbe\xc3\xc2\x8d\xa7%q\xd1H\xeft\x8dKO&gt;uW\xe96\x1eKIz\x9c""M\x86\xa5\xb4 qx\xb7\xbff{4\x92\xf1\xdf=\x00\x90&lt;\xa3\xfd*\xd3f\xae\xb1\xbb\xea\xca\xd7\xc3\x9cu\xe9C\xbf\x8a\xb4^\x7f\xdbg\x9bv\xff\x10\xa6\x11TJ\xc5\xa7\tU\xb3$\xd7\n\xdfz*\xa5\xca\xb4\x9d\xab]@PD\xce\xb8\xe1\x83\x90\xe5\xe4\x92\x9cZ\xdf7\x19\x91"]\x87\xf8\x8b4\x8ex\xfdbaVO\xb2^\xb7\xfd\x11\xe7\xd9\x8e\x15\xefo\xdb\x8d\x0f\xbb+\xde|\xa6H\x83\xb9\x1b\x9e\x8aX\x1f\x00\xc8]\'_\xfd\xa6#\xa5\xf9\x88\xc4&lt;\x99\x86\x83O\x15\xdd8\x97p\xbaXwny9Dxg\xcf\xc4"\x8e\xfd\x17~\n\xdbCW\xed\xb6\xc4\xb6_iD\xc8\x13c\xbcC(\x9bzN\xbb4Z\x99"R\xb4\xaf.\xb5\xb1\xd8&gt;\xbe&gt;\x0c\xa4w_XQD\x8a6\x9daO\xec\xa2\xcd\x1a(\x7f\xfd\xc9\xc9\x9dh\x91\xd2C\xe0p?\xc2\xfc^\x07p\x13\x0c o\xd3N\xc3\xb5J%\xd2\x85\x11+#\xc4u+\xf8\x14\x12\xd4\xceV\x8aX)\xb3\xc0ZQN*\xaf\xadI\x06\xfb\x00\xed\xcf\x02\x8f\xfa\x1c"\x92L\xe4\xe4m\x8f\xfdiO(\xa2tDd\xe6\xd9\x8fF-&lt;\xd4\xd3\x8b\xda\x9aE\xa2\x9e\xfb&gt;\xf1\x19\xe7\x9d\xbf\xc7\x9d\x01\x00\xb2L\x91&gt;"]\x8a4\x9d\xae=\xe8\xd5\x91xw9U\xd2X\xb5\xd0\xea\x1b\xff[t\xd1^\xff|\x9e\n\xf6\xd4&amp;\xbb&gt;f\xf9$\xcb\x0fU\xb8\xa77\x95\xeaq\xd4\xe6\xe4\xae\xf2m\x84\x9f\x02\xb5#\x94k\x19\x82w\xf2UoH\x91&gt;\x89C\x85{\x85\x9f\x8a\x96\xb2\xe6\x8e}\xe3\x8aE\x9a\xe8\xff=\x03@\x86M9mw\xd4S\xd6\xdf\xfe\xb9\x88\xe4;d\x925q\xfe\xc6gB\xf7\xd0\x85\xa3^Q\xa4\xd0\xaew\xfc\x9a\xef\xe5\x97\xbd\xa2M\xbf\xeeY\xdbY\xdb\x9f\x0b\xec\x03J_\xfe\xe8\xef\xc6Sw\x07\xf3ST\xec\xb40\xa8\x10?\xe3V\xec4\xb7[\x8fY\x1f\xe6\x94\xd6\x87\xadWJ\xf9\xc7w\\w\xeb\xa7\xa9\xd4\xca\xa5\xa6c?\xfe\xf1\xdb\xfb\x9eU\xad\xd9\xf03\xdc\'\x86\xeb}\xab\x05e0\x84z\x98\xf15#\xb0\x00\xe4\x11^\xf1\x83jI\xbc\xe5\xbd\xf1\xc5\xc8\xcd\xd9y\xf1\xe1\xc1&gt;k\xe9$\xfdxp\xc9\xc5\x9a\x05\xf5\x0c\x8f~\x96t\xcb\xdbN\xa4\xae+1\xc9\x17\xa8Q%\xbd\x96\xd4\xd3\xdfD;1\x95E\xab\xc4w4\x80\xd7\xeb|w\x07\xec\xd5;\xee~W5\x19\xb6&amp;\x95\xea\x01@\x1efm\x1c\x8d5\xe9L\xd3N\x7f@D\xee{/\x17\xee-Z\xe8\x83O\x95\x1f&amp;\x1e3k\x9f\xf8"\xa5Z)W|i\xed\xef\x86B\x8d\x8er&amp;%\x11i+\x1a\xc7\x03\x03\xc7-`1\xdd)\x89\x07\xc8\r\x06i\xee\xe6\xbd\x0c\x9cs\xd5\x8e\xbd\x9a8\xdb\xc3\xe6o\x0fsz\xbd\xfe\xabD*\x9f\xbe\xe3\xfd\xeeS.\x8e%\x15\xec\x19\xe9\x11t\xd1\xa63\x8a7\x9f\x19\xbe\xc2b\x0f|fPJ\x89\x94\x88T\x08\x00d\x9e\xd1\xc5\x1an\xfa\x9f\xbd\xc5,74\xe8\xec*\x95b\x8fg\xad\x0f0\xabK\xd0;Nc\xed\x84\xf0\x1c\xa5\xed\xf96\xb1[\xbe\x83-&gt;\xb0+2CT\xda\xee\xcdP\xd7/"\x98\xce\xe9;\xdeO\xad2""[\x1e\xfe-\xf29\x8e\xb9:V\xf9\xba\r_\xb8c\xcd\xf5\xef\xa5R%\xab\xd6c\xd6O?\xe3A\xeb\x1f\xc8\xd5\x01\x97\xfd\xdb\xfb\x8f\x92\xae\xe7\xc6+\xaf\xd8\x9f\x96r\x00 \xa7\xc5F\xaf\x9cz\xed\xdbf\x92\xae),oO\xd4\x8cBz\xe9\xb7d\x1aP\xa5T\xfe\xfa\x93_\xf8\xd9\xeb\\\xfdT\x1c?%l]N5\xcb\x1a&gt;\x8e\xcf5r\xd1\x8d\xda\xfa\x84\xbc\xce\xcfas\xb6\x0eY\xa0\xdb\xc6{\xbeq\'\x9a\xb1\x8e\xb3\x949\x9a\xba\xe6\x11\x92xbQX\xaa\x8d\t:\xb3~P\x06g\x88P\x008\x08Y\xfb!c\xc5\xa4FCNs\xe4\xa9\xd1sY\xce\\\xbc\xb4\xbb\x0e&gt;\xb41,/\xbc\xf7;c^\xac]\x84(\x92\x81\xcc)\xd4\x8e\xd1^n\xae\x0fb.\xcdt\x88\xcfY\'^\xfe\x9aW!\x9fG\xbaYL\xcc/r\x84+\xe9\x18\xb2\x80\x14\xeeMk+\xa5\xa4\x8ef\xb2\x90Yl\x89\x16\xb3\xfc\x17\x8a\xf0\xbfz\xe8\xa9\xe4\x00pP\n\x11\xad"P\xb7\xc9\x17\x1b]\x9a\xd9z\xae\xde\xfe\xae\xff)e\xdb\x99!\x15\x93\x8c:\x99tK\xdd\x7f\xd6\x15J)[l\xa6\xdai\x89rU:|\xad\x1c\xd9.\x88\xc7\xc7\xce\x0e&gt;\x0f\xf0c&lt;?f\xbd\x08\xcbi(\xa5\xa4@\x0fs\xdb\xfd:\x1f\x00\xb2Q\x88v\xaa\x86\xf7\xa1\xb2io\xe6zF\x9f\xe4\xbai\xf7\x0f"b\x045\x8c\xd5\xa7\xce\x84\xc8\x17.9P)\x15\xbf?\x8e\xdd\x8d\xf5\x98\x1a\xa62\xce\x19;\xce\xc3\xbd\x96\xfbg\xe8:\xe9\xa2\xc0kT\xec\xb4\xe0\xbag\x95R\xaa\xd5\xe8\xb3}\xb2\xb9\xc2b\x84R\xba\xf5\x9c\xbeG_\x9e\xc4\x89!\xf9\xfc#\xf1\x18!\x1f6\xa4\xe5\x13_\xa86\xba\xa9\\K.~\xa1n\xdf\x95!\x0b\x01\x80\xcc\xbb\xe7-}C\xb9\'\xdaD\x97R\xc6\xc0+7\xeb\xbbX\x1f\x0b7=\xefu\xe8\x07mSn\x8d\xfc\xe0\x14\xfb\xf5\xd0j\xf4\xbax\xb3^Q\xbc\xbb\x84As\xae\x8e\x1d\xf5\x8d\xd8\\\xa2\xc5,\x11I\xe6\xe5t\x9c\xb5\x02\xfdgmK\xe2,\x9f^-\xe4\xaf\xa2k\xf6\xe8\x17\x81\xb0\xce\xe3z\xea+\xbf\xa2\xee~Su\x18w\x9eO\x06\xb7E\xc6\x1f\xb7\x90&gt;\xdaI\x90\xb6^\x07\x94R\x97\xdc\xff\x936=\xa9\x0b\x01@\xc6\xd58\\\x9f^n\x98uo\xd6\xd9\x8f\xd9\x0fG\x8b\xb0\x9f\xa2n\x93/6\xe2\x11Z\x87C\xe7\x8a(\xe1\xa22J\xbb"\xa1\xc9\xf8[\x1c{\xde\xd3\xf1\x84B\xc1%V\x18\xee{\xd82@\xaf\xe6\x11G\xady\xc0y\\\xf3\x849\xf8y\xb5\x88\x98\x8f\x9a\x1d\x94R\xd6\x01\xfc\xd1\xca\x04\x80\xac\x12\xf2f+\xb9\x927\xde\xfd\x8d\xbb\xfc\x8dw\x7f\xe3\xba\\3\x9f6\xd419\xb5n\xbf\x95\x1b\xee\xf8\xc2\xf7\xcaU\x03\xeb\xd6r\x94f0W\xd5nK\x8c7\x8b\'x\xc4\xdb\x12\x11\xff0U/\xff\xee\xff\x05j&gt;c\x88aG\xcd,\t\x01\xab7.\xbe\xf8\x05\xff\x0cYp\xa7\xe8\x0cq\x15~D\xbd\xe3V\xde\xfa\x0ex\xe0\x9c\xabr-\x94\n\x00$\xc9\xdd{\x85\x9ec#\x05\x1aL\t\xce\x14\x9f\x1a\xe4\xf3\x16\xf3\xce\xd7\x95R\xca\x98c\xd3x\xe8\xea\xf7\x95RJ\x1d:\xffz3\x83\xff\x03\xcfQKn\x12\x91\xcb\x1f\xf9\xfd\xdd\x905w\xafGd\xbf\xb3\x17\x11\xa3g\xf5\xe9\x9f\xcc%\x83\x92\xee\xc3\xee\xd8\x176PTxI\xff~z\xfa\x1b\xe5\xbe\x03\xb6\xaem\x90\xbaX}\x8a\xf5\xb3\x8e]_\x7f\xdbg\x8el\x97?\xfaG\x94R\x0b\xba&gt;f5\xdb\xe5\x00 \xcf\xb9\xe5\xa5\x90\x11\x9e\x9d\xdc\xf1\x99\xedQ\x99\x8a\x87\xb9\xfa\xe9;\xde\xaf\xddg\x85\xb1\xfd\x91R"\xf2\x8fR\xe2\x19\xffHD\xa4T\xabc\xbcJ\xab\xd9\xd3:\x1e\xcao\xdeK\xa2\xcc\x9ac\xc3\xb4\xe0m\x0f\xdf`\xcd\xb6\xea\x8a\xd7\xe7o|\xd6\x9a\xa1\xcb\xa4MI\xf7\x04c\x97\xdfnn/\xbc\xf09\x9f\x9cW&lt;\xfe\x97\xd7!\xed\xd5\x03\x7fc\xcd\xdd\xf0\xa4\xfe@\xc0#h\x8d\xf4\xf6\xe2"\xa2\xbb\xef\xef\xe2\xfe\x98t\xc0\x00\xf2\x98\xc2\x8d\xa7\xe9Z\xae\x80G\x9d\xd6\xd3]i\xb1\xa5a\xc36\x88\x9a8S\ru\xa7\xc7\xd6\\\x1a\xb3\xec\xd6DZ\x88I,\x8e\x11g\xb3&lt;\x17\xcbk\x14\xae\xc2\x15\x9a\r_k\xd9-\x15x\xc2\x1b\xffF\xf8e\xd3x\xe8j\xafr\xee\xd8\x97\xc8\xff\xe0\x87\xc6\xcd\xb4v\x15\xc5\xd8\xec&amp;\xa3\xfc\x8a\x1d\x17X\x8fYz\xc7j"\x9e\xafZE\xe4\x03\xa5\x86\xce\xbb\xce\xebhZ\xd8\xbe\x81\x8a\xd1\x16ov\x0c\\\xef?\xfb\x8a\xb4T\t\x00r\x90=F\x7fi\x89\xf7\x10G\xad\xb9\xff\x88\x13\xef0\x0f&lt;\xebq\x1f\x13\xd4K\xb5\x14)b\xdd?q\xebk^YE\xe4\x95?\xfcC\x07\xb72\x8f\xde\xfbvl\xa3X\xf3\xa3\xad9\x1c\x8b\xd2{\x8c\xf8\xad(R\xce\x9dZ\xad\xfbR\xf1\xfdD\xc6\xad\xbc\x99A)\xe5?Z\xd8P\xa9\xf3\xc2\x91\x8b\x13\x81\xb7\x82^\x0c\xe7\x86\xd3w|`lt\x9d\xb4)\xd7.:a\xd5]\xfe\x19B\xfc\xe2\xf1\x8b^""\xe6\xe3\r\xfd\xb0y\x00\xc8f\x11\x1f\xdc\xb5\xf1\xc9_\xbd\xc7\xf1\xc6F\xf9\x0e\xc7\xf9\x97R\x7f\xc0\xc9!+\x16T\xbd\x92)?x\xd4\xdcD\xc6\xd7\x87\xaf\x17\xae\xf0\x92\x8e\xfd\x07?J\xb2J\xf7\xbf\x1f\xfd\xc4|\xdd\xdciC\xe6]\x9b\\\x05D\n\xeb\xd7\xc6HE"8\x97\x9f\xe7\x7fp|v\xaf\x95\xbbL\x9d\xcd-\x1e&gt;\x03\xc8{\xbeH\xb4\\\r\xda\xc6C%\x1c2\xe0\xa4\xa8\xe5|\x1d\xb9\x05lh\xfcO)\x154\xa49\x820\r\xf1\x84U^\xab\xec9\xd6\xd5q\xae\xfan\xb8\xfd5\xff[\xf60\x1a%}f\xb8Kk\x9f\x8a7\xd3%:\x99\x117E\xa4^\xff\xc8\xff\x0c|\x14j|T\xa4\xfc\xdd\xa7^\xe2Hq\x0c\\w\x7f\x155z\x06\x04B\x01\x80\xccx3R&lt;\x07\xcb}U\xa4\xfe\xa6\xf9\x883\xeb\x0f&lt;\xf9\xc8\x93\xef\xf18\xee\x0c\xc1\x7f\xd4\x9a\x07\xa4\xf4`\xf3\x85\xa5\x88\\\xf9\xe4\x81\x93\xaez\xc3\x9e\xabJ\xc8\xab{Uu\xdd\xad\x9f\x1es\xce\x13\xc6\xb6\xd9\x1382\xd7\xe8\x119\xd8\xf5[\xf1\x12\x1e\xfeX\xf9\x8f\x99\xf2\xe6\xd9\x19\x0f\x9a{\xf5\xe6\x07~\xf6?\xd9\x1d\xc0\xeb\xe5\xdfU\xdd~\xab,\tms\xfa\xee\xd0\xab|\xfb\xcf\xb8\x06\xe1\x0b\x9cq\xe6\xc3^\x87~\x8c\x1e)\x1a\x00\xb2\x81\xe7D\xdb\x12-g\xf9\xccf\xe9&gt;\xc5y/""\x8f~\xa6\x1e\x8f\xbc.\xaf}4r\x99\xc1\x96\x1d\xdb\x0c\xce\xdd\xef\xfa\x96\\k\\\xda\x9bZ\xeb/\x00\xb3J\xbaD\xcf\xd3/1:\xcb\xba\x13\x93\xae@r\'\x06\xb3}\xcf"\xb1`a\xc9\xc8\x9d\x1e\xaea\x84\x85\x8d\x8b\xcf&lt;\xeb\x11\xa5T\x91&amp;\xd3\x85\x0e\x18@\x96K\xac\xa0\xaek\xb0\xca\xb5\x9f\x97D\x99\xff(\xf5\x9bR"\xedE$\xcc\x9c\x1f\x9f\nDe\x96\xd0n\xec\xb9\xe1\xcep\xbe\xf1\xfd\xc7\xa3\x0e\xfb\xffV\x12}Q\xde0\x9f(p=\xa5\x90\xc5\x86\xb8Vi\xc9\xdf}\xe0\x9c\xab\xc4\xde\xe9zOI\xb2L\x0b\xd6\xad\t\x9d\xd9\x1en\xcd\xf5\xefi+0c\xedC\xc6\x86OdS\x00\xc8\xb8\xc4\xb3\\\xa5\x94H\'\xcb\xb6\x93;\xf6},[\x81\xee\xc6\xee\xf9w}m\xa4\x0c\x99w\xadR\xea\xd0\x05\xd7\x8b\xc8\xa4S\xee\x15)a\x16X\xb3\xd7\t\xcer]\x8b)\x8d=\xe1vg\x9e\xb8\x8a\x9d\x16DZ\xfb\xe8\xd2\x87~q\'\x1aQ;D$\x89\xc5z\xff\xf7\xabg\x97\xb3\xe5\xa1_\xa3\x96f\xe7\x1f_\xba\xeeK\xbf)\xa5\x94\x14\xebgO/$"o{v\x84u=\xa6&lt;U\x16\xdd_\xf9\xf8\xcd/\xb9\xb3F\x8f\xe6\x91\x92\xda}N\xf4\xcfP\x7f\xe0\xc9e\xda\xcc\x15\x91\xd2\xad\x8f\xb1\x8e\xd2\x17\xd7(k\xef\xaf\x05\x00\xf2\x94\x15\xdb\xf6i\x1f\x06v\x9exA`\x1b\xed\x95\xc1\x91&gt;|\xe1\x8e~\xf6\xf5\tT\\\xd8Z\x96\x1e\x146\xa7\xe5\xea\xff*%\xb1\xdf\n""e\xda\xce\xf5;\xad\xc6\xe1"\xf2\x8b\xabJ\x1d\xc7ot\xe7}\xed\xcfd\xfa\x80\xcf\x95\xf2Y\x8e\xa9l\xbbc\xbd\xbf\x90\xc8\xabD\xfc\xea**&gt;\xe4;e\x85z\xb9\xd3\x1e\xf9\xc4\xff\x0b)bYe2,\xed\x18o\x9e?\x03\xc8j\xa3\x16\xdf\x14\x9c)\x1d*\xd8\x83?\x04J\xba\xf5\xf4\x9fd\x1c \xfe\xbe\xf6\xb1\xcf\x94&gt;\nX\xc5\xe1&gt;\x15\xbb\xf5\x95\xd8,\xa9\xce\x13/4R\xfa\x85^\xec\xc8\xa9`O\x119?\x1e"\xdb\xf0\xb0\xb6\xeb\xaa8\xfc\x0f\xa5\x9e\xf9.vh\xcf\xb7J\xeaL\xf0\xb9M\x8fs\x07\xc7\xb6\r\x08\xb0Nt^|\xd1\xde\x90\xb5\xf6\x08\x03R\xe2\xf8K_r\xa6Y\xc2i\xb9\xbf\xd2e[^\xf69j&amp;\xce\x89\x0f\xa3\xab\xd4y\xa1W\x1e\x00\xc8F\xaeaV\xce\xd9\xabZ\x95;/\xf2*\xc4C"\xd4~\x9d&gt;+\xc4\xf7\t\xb3\xe1\x94k\xde\x12\xdd\x02Gu\xfb\xae4/g\x0eQ&gt;\xeb\xe6\x8f\x83*\xa0a\x96\xf3\x96G\xfb\xded\xd8\x1a\x11Y{\xe3\x87\x92\xafk\xbb#B\xbdNNLS.3$\x96T\xcc\x15q\xba`\x84\xc5\xf8\xba\x1c\x19\x18"\xc3\xb1*\xb3\xdf\xd0\xe2\x02\r\xa6\x84_\xe4\xc0\x94td\xe9\xf0\xfeH\xc7Hf\xcb\x82N\x00\x90g\r_\xb0\xc3\x91b6\x82\xf37&gt;\xe3Hq\xaa2\xcauV\x91\xde\xd3/\x8bZ\x87\xfc\r&amp;\x07\xe40;9\xa9\xe2\x9a\xb0\x1b,\r}I\x89\x01\x91\xb2\xf7=z\xab+\xadn\xf8\xd3\x8d\n\xff\xad\x94.Td\r\xeb\xce\xdd\x1eK;+\xa5\x1c\xabH\xf9*\xfc\xfa\x01g9\xb1w\x01\xa5\x9d\x83\xa8-5\xd4O\x95\x16\x91\x07&gt;0K+h}\x8d\x1dX\xa5\xbfC\xff\xa5\x8a5KD@K\xe296\x00\xe46s:\xacKY\xe3\x7f\x9d&amp;lL\xaa\xe0\x8e\xd6\x1d\xdd\xe8!\xe7\x0c\xe0\xa4\x99\x01C\xc23\xfa\xb3\xe1\x0b\x9d?5"\xa8=&gt;\xc5^\\)e\xbcu\xae\xdau\x89\x7fQ\xc7\xac\x7f\xdc&lt;\xc5\xb6\xe0n\x80\xf2"M\xcd\x9d\xe1\x0bvxL&lt;\xab\xf1\x9e\xf5\xea\xb5\xc7\xfb\x96Y\xd3\x9d\x94\xbf\xfe\xe4h\xef\xe9]\xfePJj\x8fk9\xcas\xb1\xac\xf8\x88z1\x03\xb6X\xb9.]d\x9dk\x85%\x00\xc8~ERYm&gt;\xdf!\x93&lt;\x8e$\x06\x07\xad\xbd\xf1C#\xaf6\xdf}\xef+\x11\x99x\xd2=f\xaf\xa3\xe5\xb3\xce|\xa3\xc1\xa7\x05\xd42!\xc2(\xe8\xf03\x80\xb5\xe9W&lt;\xf1w\xf8k\xa5X\x07\x11q\x07\xdch1\xea\xac\xab\x9e\xfa\xc7\x91\xa9\xc5\xc83E\xc4X\x05\xd2\xf0\xf0\xc7\xf1\x07\xe9:\xab\xae|=\x85*9\xfde?7\xcc\xfb\xfb\x90\xf3\xaf\xee\xd8\x9f\xf2\x13\x0e\x00\xc8A\xa5\x9c\x03\x86\x8d\x86\xacD\xcbY\xe2\xdd\xb0\x066\xb8SN\xdb-\xd6\x17\xa2"\x1b\xed\x83\x89\xbc\\\xfe\xc8\xef\xde\x07\x9d\xeb\xd4Z\xb4\xf7&gt;\x94\x12c9\x9d\xa2Mgx\x87\xf1\n\xb6\xf2\x8a\xfd\x9b\x1f\xf8Y*\x8fr\xa4\xcf&lt;\xeb\x91q+v:s\x97?\xd4\xf8\x7f\xb9v\xce\xe9\xd7\x9fD\xfcs\xbc\xf0\x93\xd2.k\xe1\x91\xbfbb\xb3x?]\x86\xf0\x1a\xa7vz\x00k\xfd\xa7\xae\xbeO\xa4N\xc8\xcc\x00\x907\xdc\xfcR\xbc\xed\xaez\x98\xe6p\xf5\xc3s\xe6\xb2us\xa6/\xfc\x06J\x00\x00 \x00IDATX\x11\x11)\x9b\x88#\x91\xcb\xed\xb2\xcf\xe3\xd9\xab\x9f\xfe\xd7\x91\xd3\xd8\xd8\xea\xb1"\xfd\xf0\x85;\xfc"\x81\xe4\xef\xee\xbe\xb4#\xe5\xc2{\xbf3\xb7\x8b7\x9f\xe9YTBA\xebN\xf3\x11k\xade\x9e\xbe\xe3\xfd\xbb\xdf\x8c\xf0e~\xea\xaaO-\xf7\xbc\xf0\xb8\xfc\xf5\'I"P\xa8\xdf\xe4\xef\x15[\xf79\x07B\xe7\xef\x16=\x1a9\x00\xe4"\xa5T\x94I\x9f\xd6{M\xe31u\t\xf1\x1d(;\xf9\xd4]\xe6]\x9d;\xc3\xea\xed\xef\x86\xac\xa4OJ\xb7)\x17{\xcc~\xb1\xe7\x8f\x0fH\xbe\xeb\x8d$\xa7,\xa7.\xa8\xe4C\xa4\xdc\xb0\xd8\xa2\xbc\x11T\xf2/v\xc7^\xcd\xb7g\xfd\xe6\xabt]\x1c\xf1\x8a\t\xdb\x9f\x0b;x\xde]\xc9\xd2m\xe6\x88\x88H\xcb\xf0\x97\xab\xd2%BU\xcb\xb6\xf5\x99-\r\x00Y\xa3T\xebc\xb4\xe9f\x13\xe6\xe8\xb7,M[\x0bWz\xfb0\xad\xea\xb5\xcfX\x0b,\xee\x93\xb3\xc9\xb0\xd3\xc5\xf7\x91x\xc8G\xdcV\x9a\x99\xa9q\xaf\xfc\xe1\xf5I\xd3\xc3(\xd0r\xf7\x19\xa1\xc7\x1d4\xe7jmi\x06\xc7jE^5?\xfe\xd2\x97N\xbd\xf6\xed\xf0\x17\x15\x11c1\x0cG\x81\xbb\xde\x89&lt;\xf0\xea\x8d\x7f\x83\x07\x91\xe5\xaf?y\xfe\x05\xcfF*6\xae\x95\xd4:\xe2\xf5\x7f\x94\x88l\xbc\xe7\xdb\xd0kG\x02@\x86X_\xd6j\x98C\x97-\x91\x13\xcc\xfc\x0b.x.|\x1b\xe7\x1d\xf1\xb8\x85\xf1\x90\xf6\xdc;\xbf2K[\xba\xf9\x7f\xf6k\xb5\xf5)\xd9]\x87i\xa7?\x18K,\xd0\xc3\xbf\x86\xd6\x88\x13\xbe\xd5\xb7\xa9\xd5\xfb\xc4\xb0\xf9K\x0e\xd4^\xce`\xbc/\xf7Q\xb8\xc94\xeb\x13\xec[^v\\\xd4\xefk\xf1\x9fF\x1c\xb2\xfe!\xef\x8f{\xcf0f\x9a\xb5\t\xcc\xa9\x94\xfa\xd0~\xe9\xcb\x1e\xf9\xfd\xfdXJQ3q\xd8\xfc\xeb\xfd\x0b\t\xbcJ`M\x00 \xebDm\xbc\xa6\x9d\xfe\x80\xef\xf1\xd2\xdaw\xc6\xee7\xa3\x15=\xa2e\x19\xd96\xed\xfe!R\xad\x94R\xb3\xce~T\xaa\x8c6N_r\xf1\x8b\xd6\xa3\x89p\xd0\xae\xf7\xa6\xe1\xcb\x8f\x92\xbd\xa4\xfb\xf3\x86\x9b\xabZ\xd7\xda\xab\x99%\x04\x8e\x0b\x0bY\xbd\xbd?Z\xb2\x85x\x85\xfce\xca\x1d\xdb\xf3?x\x95\xe03\xce\xce\xa6^\xffU\x1f\xd1\xbf\x028\x08\xcc^\xffx\xd5\xaeK\x8cm\xa5\xd4\xc9W\xbf\xd9q\xfc\xf9)\x96Y\xa0\xc1\x94\xfa\x03O6\xcbt\x1c\r3gt\xe6Y\x8f8R\xd6\xdd\xfa\xa9\xb9\x9dR\xbcI\xefZ\xa5X\xa6\x87\x02\xc9\x9dV\xb3\x97f1y\xc7\xb2E\x8e\xa5\x08\xac\xac\x1f\xe7C\xef\x8f\xe6\x1enmQZ\x93Vw\x82w\xfe\x04\xedo\xb2\xc0o\xf82\xcf\xf1e\x87\xb8RJ\xf8\x949\xdbw\x02\x1b\x00d;\xb3i3f\xe38%\xe21U0\xfe\xd7l\xf8Z\xff\x16\xb6\xc9\xb05^]o\xd4\xce\xcf#\xbf\xbb\xabKzB\xb3\xfe\x9dt\xb2\x9d\xb4\xad\x1a\xc3\x8e\x0b\x1f\x8e\xca\xaaR\x89\x16\xb3\xa4\xdeD\x11\xd9\xf7w\xe2\xb1\xb9\xb5J%Z\xccJ\xaad\xdb&lt;`+\xb3\xf0\x11\x8bn\x88Z\xa6\xe5f\xfd^\xc7\xa1!\xc7^\xf3\xd0\xc7\xc9\xff\xdc1\x07r\xbb\x97\xe7\x02\x80\x83O\x07\x119w\xe7\x97&gt;9\xac=\x81\x11\xc6\xd92\xfe6\x9f\x88H\xe1^\xd5\xbb\x1f\xefu\x8a\xbf\xfe\xb3\x9c?\x02\xbe\xb1\x9fktE\xc6"\x04\xef[\x0e\xb9\xe7\xbd\x88\x88\xff\xabS\xc3\xa0\xb9\xce\xe1N&amp;s\x00W\xa7\t\x17\xe8^U6\xf3/9\xf1\xa9K\x0c\xd0}\x03\x1d|N4\xf2\x1b3\x7f\x9e\xfcJyu\x90\xef\x84\xfbb\x03G\xa1\x9b\xe5\x1bK\x08\x9fv\xdd;"r\xc8\x80\x93%\x99\xdf"\xf1H,\xf6\xc1\x04qE\xaau_*"\x85\x9bL\x93\xaa\xa3\x9d\x07k\x1e\x11X\xba\xbd&gt;\xad\xf5\xd3\xe7\x00 K\x04\xbeHS\x16\xd6\xa0\x86&gt;\xde\xd4\x95io\xe8\x9b\x18\xff\xbbp\xd7\xf7\x81W7b\x1c\xfa\xe4\xe9qTb\xcd\xbe\xf3\xee\xfc\xca&lt;\xf1\xc6\x17\xddg\xb9\xd7\xffI\\H\x93Z\xb8\xb7\x88\x9cp\xf9\xab\xe6\xd1\xf5\xba\xe8\x86\x8es\xadc\xc7\xacy\xac?\x17\x96n\xfe_\xfd\x81\'+\xa5\x86\xcd\xdf~\xcd\x9e\x7f\xedy\xcbzU\xb2j\xb7D\xb8J]\x85\xf5a\xc5&lt;2\'&lt;\xfe\xb9\xed\xe8\xbcpK\x1a&lt;\xf4\x91\xf7K\x04g\xcf\xd7F)e\x0f\x97\xe15B\xbe\x82H;\x11\x91ZGh\x0b?*`\xa8A\xc2\x92K^L"\xfc8\x00d\x0b\xaf\x166p\xdep\xec\xc4\x8a#\xc2\x97\xd9f\xcc9&gt;E\xad\xd8\xba\xaf\xd7\xf4-\xd7\xee\xf1\x1d\xad\x9d\xc8\x9f\x18\xcb\xb3i\xf7\xf7K.~\xc1&lt;\xe4\x88z\xd1{\xfae\x1f*\xd5h\xc8i\xeer\x9c\xcfr\x9dQ\xac\xad\xca\xf8\xd4\'4M\x80e\xb7As\xae&gt;\xf3\xa6\x8fD\xf3%\xf8\xfd622\x17j45\xcc\x9a}ko\xfc0\xf0\x1bVJE\n\xbe\xa1+\xb0|\xab\xd1\xda\xb0\xcf\xcdb\xf9\xa3,\xea\x1c\xbfD\xd1\xe0|\x00\x90E\xea\xe8\xc7\xd4\xb8\xa7\x0cy\xb4\xcb\x15\x1c\xab\x13\xba3[\x17\xaew\x14\x92\xc4X\xd6^\xd3\xb7Xc9\xf9\xa92\xda\x91\xf0\xb9\xbd&amp;J)\x91\xc2\xc1\xe5\xd4\x1a\xd7~\xdcyF\xfex\xec\x88\x84\xa0\'\xb1\x15\xb6=\xfe\x97e7\xe0\x9dt\xdd~\xab\x82\xeb\x13\x9a1\xd3:\x11\xd4\xcc\x90XEJ\xc4:\x1a\\\xc3\xb9Z\xc6\xa8\xc57)\xa5\xce\xbb\xebkcw\xd7;\xee\xcf\x1e\xb9\x17\xbc\\\x13\xf3\xab\x86&amp;\x9f/&amp;\x1d\x01\xc8\xcb,\x91\x1a%pr\xb0=\x9b\xc4\x87\xc38\xf2\x1b\xb1\x00G,\xbaA\xa4\x9dOQ\xd5{\x1c\xefuH\x7fE{h-3=d+\xbc\xf2\x8a\xfd"b\xbcj\x8dt\'\x17\xa4\x8b\x88\x88\x141v\xcet\xacR\x1c\x9f\xe1\xe3x\xe4\xeb\xd2bE\xb8\x01\xde\xba\x0fk\x8b\x89}\xd1\xee\x1f\xcc?b\x12\xfdS\xb5nK\x03\xaek\x9f\xdf\xecQ\xa5\xa8\nh\xcb\xf9\xd1\xb7\xe4\xceG^("&gt;\x0f\xe1\x01 \x8f\xb0\xdf\x13\x8f[\xb1S\xa4\x8a6\xa3}y\x9f\xb6b6\x9d\x95F\x98k\x11\xfa\xcc\x93\x89\xaa\xe7Q\x97Zw\x7fJ\xaa\xb9O4\xee\xae\x85(\x16]\xb47\xa9zyF\xe2\x1c2\xefZ\x11y;\xde\x0b6\x1e\xba\xdaq\xa2{\xa5[\xaf&gt;\xccLo1\xf2\xac2m\xe6\x8a\xa5[m}\x98m$\xb05\x88\xb41\xbbL)U\xb4\xe9\x0c\t\xa1^\xbfUG\x9cp\x87#\xb1|\x87\xe3\xc2\x9c+"\xc7Z\xde\x1f?\xf3\xad\x7f\xaf_\xd5\xfa\xfd\xbbs\xa6\xd2\x97_\xfe\xe8\x1f\xdc\x10\x03\xc83\xf6\xfd\x95\xe2+=\xcd\xd1\xd1Ko66\x02\x07[\xb9\xdd\xe3\xb1\xa4\xbc\xfdqn\x80^\xd3\xb7\x04\xe40\x1f\xc6\x86\x181{\xff\xfb\xaa\xf3\x91\x17\x8a\xd43v\x93h\xe2\x8dS\x1c\xd1"\x93\xe0y\xe9\xba\x13\xcdC#\x17\xdb\x1e,\xf7\x9a\xe6\xfc*\x1e\xff\\\x99\x0f\x90\xad\x01\xb3\x8c\x81\xeb\xee\xe1\xeeJ){\xe8Pge|:\xd1\xae\x936\xd9\x8fV\x8e\xef6\xd5~\x96\x8f\xc3|\xb7\xb5\xc7i\xcf\x9d\xb0\xea\xee\xe0s\x01 KX\x1a2w\xb8\x03O\xe6\xc0f\xa5\xd4Qk\xc2\x0eO\xf5\x12\xef\x96J\x9a\xf5\xf1\xe9\xe1\x1c\x87\xf49K\x0e\xd4\r\x84\x8eY|\xf1\x0b\xb1\x13-\xf3[\xe6nxR\xa4\xbax\x0c\xe46\x18c\xa0\xdc\x97\xd6\xd6\xc1\xeb#\xf4\x9f}\x85H9\x8f+\xe8\xe3$+\xa5F-\xb9\xf9\xca\'\xfe\x16\x91\xe1\x0bw\xe8^\xbe\xfa\xd9\xf3\x8d\x12\x91\xd3w\xbc\xaf=z\xe5\x93\x07J\xb6\x9c\xed\xb8\x9c6g\x98\x1fj\xcd\x86\x9f\x11\xdfl\xe3&gt;Z\xa1\xc3|s{\xf9e\xafh\xf3\x9cu\xf3\'&gt;\xe5\xf79\xfa\xf2\xd8V\xf9CEd\xe8q\xd7\x05V\t\x00\xb2\x94\xae\xb5\xf5\x99&amp;\xdbX\x02\xc2\'\xc5\xfc\xe2\xd9\x8d%\x96\x9e\xd5\xde\xa4\xfa\xdf\\\x1e\x88\x1f\xf5\x8eh\x18\xc0\xbc5\xd7\xe9\x98\\\x99J\xa9\xcd\x0f\xfc\x9c\xd8\x8f\x8f\x00\xf7\xfa,\xaf\xfd\xe5|B;c\xedC&gt;\xf9\xdd\x9736\x8a4\x99f&amp;\xe6\xab?)|\x85\xa32\xafx\xcf[\xaa\xe3\x84\x8d&gt;9\'\x9f\xbaK\xc4\x1a\xa7%\xe6\xb3p\x1fm\xee\x86\xa7|\xae\x1e\xa6\x86\x00\x907l\xda\xf5\xbd\xb1\xd0MHil\xe6\x94RR\xb0\xa76=\x1dWI\xacbk\x96f\x8e\xf6\xea8~\xa3y\xf4{\xcd\xb5J\x8b\xc8?\xf6\xf4*]\x16+\xa5\x8e\x89\xc78\xf4\x0e\x9a\x18`\xcai\xf7Y\xf6\xcc\x19\xb1\x95\xe2\x1b\xd6\xf9\xb2\xe6UZ\x19\xbb\xd6\x1bn\xf7\xab\xd9\x85\x17j\x17\xc6(l9\xb1\x9d\x91\xd4%6j\xc9T\xa1Vo\xcfEy]\xbc\x7f\x9c\x15\xe9c\xad\xe4\xa1\xbe\xab)8\xc4\xfe\xe8\xd5\xc6\xb8\xd3\x8d\x8d\xc07\xf4\x15:\xce\x17\xbaa\x00y\xc8\xa6]\xdf\xb7=&lt;1\x07\xb7\xdb\x94\x8b\xcdmG\x0c)\xeb\xc3\xc3C\x17\xd8\xdaV\xa3\xd5s\x843\xb44\x85\xf5\xbc\xae\x1e\xa5\xb9\xf4|&lt;&gt;j\xc9Mf9?9:\xef\xca#C\x97/"rVl\xe8r]k\r\x9b\x0c[#"M\x0f=\xc3\x92\xb1\xb51\xc0\xca\xa1\xdd\xd8s%&gt;\xf6\xca\xd0h\xc8i{\x7fr~\xc6\x02\r\xa6\\\xf5\xd4?\x91*&amp;"\x1d\xc6\x9fo|\xb4\xe7~P"\xc5\x8c\xc4G&gt;QW\xfb\x16\x15\xe2\xd9x}\x11Yu\xe5\xeb\xbaC\x05\xa5\xf2(\xc7\xb9\xd3N\x7f\xd0\xd8(\xdeb\xa6\xe8\x0c&gt;\xf6\x9ap5i\xed1\x15\xd8\xff,\x9b/\xe8n\x01\xe4]!GT\x85.\xaa\xba+\xb9\x84ug\xee\x86\'\xc3\x17("\xd6\xe7\xd5\x0e\xda\x97\x7f\xd6\xbbgk\xe5\x8f8\xf1\x0e\xaf\xf7\xb5J)s\xca\x8dqh\xda\xe9\x0f\x88\x94\xdf\xfa\xd8\x1f\xad\x0f[/R\xbd\xf1\x90\xd5\x8f}\xa6,%\xb70\xd6\x99\x18\xa0\r\x91m/YD\xbe\xf3\xf8\x0eco\x9a\x8b\xf7\xd7\x9ex\xd8\xf1\xb7:Sk\x1e\x11rn\x98EG)\xe5\x9c,dh4\xc49$\xdbm\xcai\xf7\x19?&gt;\x0e\xd8\xaf\xd8l\xf8\xda0\xd58\xfb\x16\xdb\xab\xdc\xd8\x9c\xef\xba\x13\x83.\xdb\xd0\xba\xa3\x94j&gt;\xe2\xcc\xc0\xaaZ\xf3\x87\xcf\x0c\x00\xd9\xc5\xb5\xe2\xac\x8d\xa5\x81\xcb/E\xfa\x98\xcf\x90G.\xbe1T\xe9\xc5\xfa\x06\x15\x1bWk\x9c\xb9y\xf8\xf2\xdbB\x15\xeem\xc5\xd6}\xfa\xa6\xb9\xf4`\x8f&amp;;p\t\xa3\n\xfe#\xb0\xfc\xd4\x1e\xe7\x7f\xa2RJ\xbb\x80\xa3\xfb\xac\x94\xfa\x1b\xdb\xd8\xefN\xde\xd7JLB\x9b\xbd\xee\xb1\xc0R?\x085\x86y|p\x1e\xcd\x8f9Ow\xbdA\xbf\x0b o\xea&lt;\xf1\x82\xd8V\xfe\xee^\x0f-\xbfK\xf9\xd5\xac\xf7\xc3Rk\x08\x85\na\x8a\x1a6\xdf\xb1\xa0\x90g\x9cg\x11\xf9.\x16\x8a\xb9Q\xb9\xf6\xee\xb1ceS\xfcP\xe3V\xec\x94d\x9f\x94*\xa5\xbcCG5\x13\xa9&amp;"\x95:-t\x1f3_\xdb\x07\x86n6n\xd6\xed\xd53\xbe\xab\xf2\xd6\xd7\xe4\tu&amp;\xb8g\'\xfb\x98~\xc6\x83\x89\xed\xb5\x0fyO\xe8j\xed\xd8O\xe2k_r\xc9\x8b\xfe\x19n\xfa\x9f\x12\xe9\x1c\xb5X\x00\xc8^\xee\x05\x85\xda\x8c9\xa7r\x97E\xe1\xcen("}gn\x15W\x9b\xfbI\xe4&amp;\xb8T`\x0ec\x1a\xaboxE\x7f%=\xd2]\xc1\x96]\xc3\x85\x0c\xb5\xfb\x9chn+\xa5\x82\xea\\\xcb\xfe\x9d\x18C\xb1l\xe1*\xbd_\xe2&amp;\xde\xac\xcf;\x7f\x8f\xd7\x05\x94Rf\xb4j\xb3\xa8\xb57~\x18?^\xea\xf7D\xf9\xf9\xacg\xf9v\x90\x05\xbf\xd1\x1f\xad\xe1s\x961\xcc\xdb\xa9\xc4\x00s6\xb0\xf6\xdc\xfc\xf5\'{W\xc3\x86\x87\xcf\x00\xf2*\xb3\xfd\xea8ac.\xb7e\xe6\xe5\x16^\xf8\\"56\x93\'\xbf\x99p\xe1\xae\xef\x9f\xfd&gt;\xda,\x1d\x1f\xd6\xfe\xa0\xcf\x8c\xcb}r\xe6\xaf?\xf9\xce\xd75\x1dR\x98\x08\x9a\x89\xb3\xe2\xefb\xed\xbff\x8a92w\x18\x7f\xbe\xb6\x9cN\xf6\x99?*.\xb0\x02\x86I\xa7\xec\x12\xfb\xd7R\xb0\xe1\x14\xffS\x94R\x8e@\xd9i\x9c\x0b\xf4\x8fw\xb6(\xff\xf6\xca\x84\xce\t\x00\xd9G)\x155\x88\xae\xcfB\xb9\x86\</t>
        </is>
      </c>
      <c r="E583" t="inlineStr">
        <is>
          <t>&lt;class 'numpy.ndarray'&gt;</t>
        </is>
      </c>
    </row>
    <row r="584">
      <c r="A584" s="1" t="n">
        <v>582</v>
      </c>
      <c r="B584" t="inlineStr">
        <is>
          <t>steps_per_sec</t>
        </is>
      </c>
      <c r="C584" t="n">
        <v>8400</v>
      </c>
      <c r="D584" t="inlineStr">
        <is>
          <t>5.3387294</t>
        </is>
      </c>
      <c r="E584" t="inlineStr">
        <is>
          <t>&lt;class 'numpy.ndarray'&gt;</t>
        </is>
      </c>
    </row>
    <row r="585">
      <c r="A585" s="1" t="n">
        <v>583</v>
      </c>
      <c r="B585" t="inlineStr">
        <is>
          <t>Loss/localization_loss</t>
        </is>
      </c>
      <c r="C585" t="n">
        <v>8400</v>
      </c>
      <c r="D585" t="inlineStr">
        <is>
          <t>0.00547696</t>
        </is>
      </c>
      <c r="E585" t="inlineStr">
        <is>
          <t>&lt;class 'numpy.ndarray'&gt;</t>
        </is>
      </c>
    </row>
    <row r="586">
      <c r="A586" s="1" t="n">
        <v>584</v>
      </c>
      <c r="B586" t="inlineStr">
        <is>
          <t>Loss/classification_loss</t>
        </is>
      </c>
      <c r="C586" t="n">
        <v>8400</v>
      </c>
      <c r="D586" t="inlineStr">
        <is>
          <t>0.17617027</t>
        </is>
      </c>
      <c r="E586" t="inlineStr">
        <is>
          <t>&lt;class 'numpy.ndarray'&gt;</t>
        </is>
      </c>
    </row>
    <row r="587">
      <c r="A587" s="1" t="n">
        <v>585</v>
      </c>
      <c r="B587" t="inlineStr">
        <is>
          <t>Loss/regularization_loss</t>
        </is>
      </c>
      <c r="C587" t="n">
        <v>8400</v>
      </c>
      <c r="D587" t="inlineStr">
        <is>
          <t>0.038667493</t>
        </is>
      </c>
      <c r="E587" t="inlineStr">
        <is>
          <t>&lt;class 'numpy.ndarray'&gt;</t>
        </is>
      </c>
    </row>
    <row r="588">
      <c r="A588" s="1" t="n">
        <v>586</v>
      </c>
      <c r="B588" t="inlineStr">
        <is>
          <t>Loss/total_loss</t>
        </is>
      </c>
      <c r="C588" t="n">
        <v>8400</v>
      </c>
      <c r="D588" t="inlineStr">
        <is>
          <t>0.22031474</t>
        </is>
      </c>
      <c r="E588" t="inlineStr">
        <is>
          <t>&lt;class 'numpy.ndarray'&gt;</t>
        </is>
      </c>
    </row>
    <row r="589">
      <c r="A589" s="1" t="n">
        <v>587</v>
      </c>
      <c r="B589" t="inlineStr">
        <is>
          <t>learning_rate</t>
        </is>
      </c>
      <c r="C589" t="n">
        <v>8400</v>
      </c>
      <c r="D589" t="inlineStr">
        <is>
          <t>0.079922386</t>
        </is>
      </c>
      <c r="E589" t="inlineStr">
        <is>
          <t>&lt;class 'numpy.ndarray'&gt;</t>
        </is>
      </c>
    </row>
    <row r="590">
      <c r="A590" s="1" t="n">
        <v>588</v>
      </c>
      <c r="B590" t="inlineStr">
        <is>
          <t>train_input_images</t>
        </is>
      </c>
      <c r="C590" t="n">
        <v>8400</v>
      </c>
      <c r="D590" t="inlineStr">
        <is>
          <t>[b'640' b'640'
 b'\x89PNG\r\n\x1a\n\x00\x00\x00\rIHDR\x00\x00\x02\x80\x00\x00\x02\x80\x08\x02\x00\x00\x00\x83\xaf^t\x00\x00 \x00IDATx\x9c\xec\x9du\xa0\x15E\x17\xc0\x0f\r\x8fztwwwwwwwwwwwHw\x8bt\t\x02\x02\x82\x92\x82~\x08\x8a\x94("\x06\x8aq\xbe?\xe6\xde\xbd\xb3\xbb\xb3\xb3\xb3q\xe3\xc1\xfc\xfe\x80wggg\xce\xd6\xe4\t\x00\x00D\x84\x98\x15\xc0\x18D&lt;\xfa\rB\xf4\xb2\x9c&lt;L\xaa\xf6Xot\xa8\xee\x80\xed\x00\x85\x10\x91\xfc\x8c\x97\xbf;@f\xeax"\xe5\x90B\xd9\xf6\xcb\x01\x00\xa2\x94f\x14\x17\xaf*"V\xe9\xb6\x0e\x00\xc6n\xf8\xea\xe4w8g\xffsExD\xfc\xe4\x07\xa4\x0b\xa4\xff.\xddv\xa9\xbe.D|\x83\x08\x00\xc3V\xddL_a$)\x84\xd4\xa4d&amp;\x89\x8d\x86\xee\xf1I\x9e\xba\x89\xa6pB\x96j\xe3v~\xaeM\x14a\xc1\xa1\x97\x1a\xa9\x10q\xc1G?13\xa3\x17}z\xab\xb1\x87\x00\xa2\xf1\xebB5\x00Y\x8c\xf3\xe6U\xffL\xc9/Y\x90:\xfd\xb7\xb9R\x8e \xfa\x1b%Q\xa87pG\xb0E\x90H$\x00`\xdc\xb2\xd3G\x01\xa2\x90\x9f\x8d\x87\xeduX\xdd\xe8uwI\x99\xcdF\x1e\xb8\xfe\xc6S\xf5\xe9\xef=\x02 b\x83\xc1\xbb8\xa7\xdf\xf7f\xd3I\x08\x00\x90\xa4h?\xa3\xab\xd0\xffLWa\xc4\x98\xf5\xf7\xc8\xcf\xab\xafQ\x9f\x93y[J\xb5]:~\xe3\xff\xa8\x84$\xfa\xf2\x01@\xb9c\x06\xb5\'\x86\x18\xe5\x07.\xbd\xa6\x97\xf3\xb5\xf1\x83\xd8\x7fG_N\nD\x04\xc8 \xde\xdfp\x9e\xb5\xe4\xfd u\xb0\x05\xe0!_N\xc9\xfb\xc2\x8e\xcf=\x9dY\xc5\xce\xab\x8d\xf2\xfc\x8c\x88\x88\xa4\xdf\xbd\xf6\x9b\xe0\xb7Q\x94\xfeA\xfa\xd7\x8c\x95GW\xed\xae\x9a1/:\xfc39:\xf7\xc3\x17Tr\x14\xe5,v\xd9\xf1\xab\x91\xff\xeb\r\xdcQ\xbb\xdfVN\x7fY\xae\xe3\xca\xf5\x17\xfe\xbb\xf43\xa3\x1c\x92\xad\xef\xc2\xcb\xe4\xe7\x9c\xfd\xcf\xa7\xed|\x04\x00\x19*\x8d\x02\x88\xaa\xcb\x9e\xe4\xfa\x1bU\xaf?p\xc9UT\x8f\x03\x98\x1d\xbc\xeag\xfc\xea\xca\xcfT\xa5\x87\x90\x0c\xcb\x8e\xff\n\x90\x82\xca\x185_\x83\x99F\x17\x9e\xb6\xfc\xf0{\x81o\x9bb\x94\x0bt\x8d\x12?\x83\x88\xf3T_\\\xb0\x88:e\xfb\xb7\xfaT\xd9\x01K\xdeC\xc2\xb9G\x0bz\xbf\x8aH"e\r^\xf6\xb9cy\xf4\xa4\xd2\xfc\xa6&amp;\xee\xc9I\xca\x99\'\xb8\xfc\xe4\xef\xcc\x93\x1b\x0cR\xcd\xaa\r&gt;\xf2B\xe4\xbfl5&amp;h\xfar}G\x8b\x88\x00\xc5\x10\xb1F\xefM+O\xbf!70k\xf5\xf1\xcc\xda5\xbd\xb5\x11$C\xea\xb2C\xf5\x87\xf6\xdc\xc4\x16\xa3\x0f\xc6\xce\xdd\x05\x00\xb2V\x9f\xc0&lt;=k\xf5\xf1\xe5:\xac\xe0W!qLl?\x96\x9d\xa0\xa6\x1f\x0b\xf7\xd2`\xf0.\x7fwrQ\xb3\xb4\xf5k\xf9\x12I\x84d\xff\x1dw\x96\x1f\x8f=\xc0\'\xc1\x1e\xa8\x92\xde\xc8ox\xb6TIO&lt;y\xdbC\xcdB="\xee\xfc\x1c\x95M\\D&lt;\xf7\x0c\xbfC\x84\xb4M\xf5eq\xefyLA\x81\x1a\r\xdd\xa3O|\xc4}\n\xddg\x9d\x13,\xdc\x0f\x145\xcf\x12\x92\xdcz\xcb\xbb\xa5r~&amp;\xc2\xb2\x13\xbf\xd5\x1f\xb4\xd3\xc6\x89c7|\xe5\xba0\x12I(\x11\xaf\x1a\xa4jlt\xd0hMUO\x86J\xa3\xdc\x94\xca\x88\xc8\xa5\xf8\xc7\xef\xeb\xe5\x8cVF\'|\x06\x00(\xd0h\x16\x00$,\xdc[\xb0\xe6\xb3\xcf\x8c7\x9bcW\x06H\xc0\xde\xd9\x85T\xa3\xd7\xdd5-\xbc\xdb\xacs\x90\xb4\x1e\x00\x8cX}k\xc6\xee\xc7\x9c\x9c\x93\xb7=\x9c\xba\xf3\x91\xa0\xcc|L\x9f\xe9\xc1{\xda\x0c\xf5\x07\xf1\xf6\xe3#\x10\xc9K\x0ctZD\xf4r ;`\x89D\xe278\x9a\xb1!E\xae\x1b\x7f\xd2\xed`\x1a\xfa\x98\xba\x89\x8c\x83\x88\xdb\xaf!\x00@\x8c\xf2\xe2\x15D\xcf\xd6\x9e\xd9\xd4\xeaF\xe8\x9e\x05\xc9j=\xd6\x03@\xdc|\xdd&lt;\xc9\xa9\x9b\xa8\xb3e\xd4\x17\x95\xbb\xeeT\x00Pf\x8a\xddg\x7f\xa2\x1c\x8a\x99\xb3\xa3\xb8\xa8.\xa2\xbf\xe4\xc8\x99Z\x05E\x12=I\x8a\xb1\xd5\xeb"\x08\xf1\x83-\x80\x84\x81\x1cNIB\x05\xb2\x9d\t\x00\x00\x99\x98G9\'\x1a\x1d\xfaNu\xa8\x80}\xe1(^\xaavg\x19{\xd2m\'\x1c\xa5\x7fN\xdb\xf9\x88)\xe1[\xee\xb7\x17\x0cU\xe1\xa2\xc7\x1fzk\x8cT2\xb0UK$Af\xf3e\xd9\x17J\xdec\xf8\xfd\rS\x97X\xe1\x1f\x96q\xaaZ\xbf7@$-&gt;@\x97\xe6\xd5jN\xd34V\xceN\xcae\x8eY\x7f\x8f9\xd4\xb0EBVb\x0e\x97\n\x97\xf8\x85\xe6\xa3&gt;\x0c\xb6\x08\x12\x89D\x02\x00\x9e.3\x8e\xb3\xd3\xa3S\t\xd1\xba\xcc\xf8\xd8\xb9T\x00p\xfe\x85\xa7\xcb\x0c/\xd0\x13L\x06\n\x16:T\x7fNpU+\xf9E\x9b\xcf\xb7t\xb2\xbfg\xde\xa9\xca\x0c\xf1k\xf9\x92\xf7\x90\x08\xba\x96;\xea\x83/\x83-\x82D\x02\x00\x00/|\x96\xa9lz\xcd\xbb\xc89=Z\xb6v\xee\xc8\x11\xa3\xbc\xd5\x8f9_\x83\x19V\xb2\x87Y*\xfc]$\x89A\xba\xfd\xe1WDd\xc4\x9a\xdb\xc1\x16A"\x91\xbc\x1f8\x1c\xa2\x06r\x84kZW\xba\n#\xd4\t\xb9\xfc!F\xa6\xcac\xdc(\xc6\x86\xf6M\t7\xeae\xf0G\xc4\x9c\xa6H$\x12ID\xe5\xfc\x0b\x1c\xb0\xf83\x87\x85h:\xc5\xda\xfd\xb6\xda,\x88\xe9\xea\x99[\x97)\xad\xc6\x1e\xb2)\x8c\x9fA\xc4H\x19CE\x8b\x18"\xec:a\x08R\xa5\xdb\x07\xfaDy{%\x12\x89\x16\x97\xdb\x85(&amp;\x86\xb9\xce\xb1.p\x0c\xbf\xc8\xf1\xce!{\x88\x10Dn\xc9K$\xef4\x02\x93Nq\x1a\x0c\xde\xed\xe4\xf4\x1f\xac\xf4\x01&gt;\xb3\x9c`s\xf1\'\x7fI\x12j\x9d\xe2\x9e\x9b\x01\x95\xc7k\xf9&amp;\x91H$\xef&amp;\x99\xcbw\\\x19l\x19"6\x88\xd8m\xe6YMb\xb1\x96\x0bMO\xb4\xa8 \xe6\xa9\xcb\xea)\xe2\x8c\xdf\xf4?\xf3L\x12\xbbd\xb4\xa17\x10\xa1l\xbe\xed\\\xa0D"1C\x1f\x02\xc8\xefT\xed\xb1\x9e\xafYm\x15\xbfN\xa7Bm\xaa*\x91H$\x92\x88\n?\xec\xae!\xb1*\xba)D@\xc2\xbf\xb8C\xc2\x88#\xaa\xc4U\xf4.\xb2iV\x9e~\x130I$\x12\xc9;\x8c\xcfBt\xd8\xca\x1b?\xfbk\xce\x17O\xf9\xcb\xd2\x96\xb0D"\t\x1d\xe4\x9a\x90D\xe2\x14\xa3\xafH~]\x12\x7f\x93\xba\x0c#\xf2q\x04"s\xd5q\xe4\x8f\xf7\xf0c\xf9\xf2\xdf\xc0;K\x97H\xde5\x84\x82\xb6n\xbc(\xbf\xb4\xc0\x91\xb1\xf2h\xff\x15\x9e\xbd\xe6$\xff\x15.y\x7f\x88\x94\xb1e\xb0E\x90H":)\x1a@\xc6\x96\x00)\xdf\xd7y\xf0\xfb\x10$.\x8f\xeaW\xfcjA\x12\xe3\xddd\xd8\xaa\x9b\xc1\x16A"\x91DX\xcc\xe2\xeeE\x94\x08\xc1\xef\x14\xef\xfa\xb8\xc7K\xf2\x06\xc1\x96\xc0\x05R\xd9[H\x8f\xacuh\x13\xf2\x8b\x13\xe1\xc1\x16@"y\xe7 \x1dp\xd9\x0e+\x82-\x88]\x04&lt;s\xb5\x1c\xf3Q\x00\x04\x89\x00$\xaa\x1dl\t$\x81\xc4\x9d\x08\xdc\x12\x89D"q\n"\x06=\x1e\x03"n\xbb\xfa\xee\xcc\xef\x8b\xb7Z\x14l\x11$Z\xbaL?\x13l\x11$\x12\x018K\x9d\x88\xb8\xf534\xceS\xd0oBI(\xe2Tq\xb9\xbc\xbc]\xdd-\xd0\x14\xfd\xfb\xb3\xfc\xe4\xef\x9d\xa6\x9e\n\xb0\x18\x82\xbc\t\xf6\x00E"\x91\xbc/\xbc/{\x8d\x92 \xa2\xdb\xec\x04\x80V\xe3\x0e\x07\xaa\xfaB\xfe+z\xf3e\xf9\xf9H$\x12W\x89\x9c)\x84"\xe8\xe9\xd9w\x9b\xdd\xea\x15m\xbe@\xe4\xf4\x886\xe6\x08\x0b\xb6\x00\xfe"A\xc1^\xc1\x16\xc1\x84\xbd\xb7L^\x95\x81K\xaeE\xb4\xd7I"\x91\x846\xc1mS^\xb8\\{\nWK\x8b(\xe4\x08\xb6\x00\xe6Xx\xcdXsh\xdb\x0c[u\x13\xa0\x98\x880\xffQ\x89\xf9\x1b\xce2*\xf0\xcc\x13\xa3\x0bIeC&lt;#\x9c\x87\xf4\x8e\xe8,8\xf4\x12 Q\xb0\xa5\x90H$\xef/I\x83-\x80#\x0e\xdf7\xe9tK\xb5Y\x82\x88\xfbn\xa3\xd7_iZ\xce%\xc7\xcc\xd1\xd1\x86\x0c\x11y\xceZ$\xd8\x02H$\x92\xf7\x8a\x08\x15\xac-\xb8|\x17\xc1\xba\x96|\xfa$Dl;\xe1(\x00\x90\xa5\x0b3#uQ\x96\x1c{\xad\x94?{\xdf3\xe7\x05J\x08MG\xec\x0f\xb6\x08i\x82-\x80Db\x8ft\xcd-eG\xc4\xd1\xeb\xee\xfaI\x16\x89C\xde\r[gO\x8f\x9b\xba\t\xe9wM:\xe0d\xf5\x1dT\x15\xd9\xc1\xb9\x12\'H\xebd\xc9\xfb\x04"\x02\xc4\x16\xcf\xafL\x17\xb4\xc4un\x12c\xeaz:\xae.\xa5\xb8\xe3J\xdf\x0b\xc2rw\x0e\xb6\x08.\xa0\xe9q\x11\x11 \xbf\xf5bb9\x12""\x84\xc8\xdcr%b\xadvH$\x12\x87\xc4\xac\xe0\xb0\x80\x14\xa5\x06\xf13\x14i6O\x9f\x88\x88\x97^\xe2\xf9\x1fd\x8b\xc3&amp;"ojj\xa9\xd1k\x13\xf3r\xce=\x0f\\\xec\x9d\x86Cv\x07\xa6"\xff\x90\x8c\xfa;bk\x0cH$\x12\xffr\xe0K\x04\xc8(\x967`\x9b=1\x02U\x91$\x14y\x97\x064\x12\x89D\x02`\xdc\xaeE4\xd5\xa1 b\xb8mY\xb8)c\xe5\xe0}\xe6\xdcs\xfa\xa5J\x1849"\x0e\x88\xa8\xf1\x926i\xeb\x83`\tC\x90#!\xc9;C\x06\x90/\xb4\x05\x84\xc2$\x07\x8a\xb4\xa69\xee\x1b&lt;\xd9(\x99[#b\x81F\xb3!f\x05\x80x\x00y\xdd\x96M\xf2\x0e\x90\x0f\x11\x13\x16\xee\xa3K\x17Zs\xaa7p\x07@L\xd7e\x92H\xde\x1d&gt;\xfd\x89\xe3\xd5\x99E\x9a\xa6\x8c\xc4x\xefK(\xd9l5&amp;d\xaa&lt;&amp;\xd8R\xb8@\xcc\x9c\x1d\x91\x05\xc8\xd1\x98\xc4\xcb\xe4m\x0fC\xf0e\xe86\xeb\\\xb0E\x90H\\\xe5\xcb\x7f\x19\x9f\x19i\x91\xc7\xae\xbfgzz\xd2b\xfd\xdd\x97\xc9?T\xe9\xb6\xcea\t!\xd8$Y\xa5h\xf3\xf9\x9aN\x17 \x01\xf9\xfb\xd7\x88\x7fu\xef\x10A\x9e&gt;\xf2#\xb2@\xf4\xb2~\xad=\xf0\xd1A$\x92 \xd0o\xd1\x15D\x04\x88\xa2I\xd7\x99ZF\xbd\xf3ODm\x9d\xe7\x7f\xf4\x93{\x85%3\xcf\x12\xc2d\xaf9\x89&lt;\xd9\x1c\xb5&amp;\xfd\x8c\x08\x90\x04\x00z\xce9\x0f\x00\xb1ru\xf2\xe7\xf0"\x93\xdfJ\x96\xf8\x05D\x8c\x9c\xa9\xb5&amp;1M\xd9a\xea\xa1[`\x90\xfa\x8f\x92\xf7\x8f=7U\x96\x97\xbaO.k\x80\xe5\t\x19"\xaa\xaf\x86\x92\xad\x97\xf8Z\xcf\x0c-\x95\xf4\xb9\x07~\x00\x80$\xc5\xfa\x05\xbca\x95\xf8\x8bt\x15F8,\xc1\xe8e\xe0w\xc0\x19*\x8erX/\xf0&amp;\xdf\xb9\x9c\x17n\xbdR\x89D"q\x8c~\xc7\x97&gt;T\xb8\xd9\xbc\xf6\x93O\xf8\xa7\x19\x8a\x00A $\x1a\xc8Kr\xf3/\xc3&gt;\xd8Ja\xe9\xdc\x92\xca\x7f\xc8\x0eX"q\n\xfd\x15\x15l&lt;;\x88\x92\x84 \xda\x0e8nU\x00\x80\xa8e\xc8\xa1\xe9\xbb\x1f/9\xfa\x8b\xbdI\xb0l\xbc\x82C\xd2z\xee\x94\x13VQ\x9f\x16\x8c\xa5fO\xbd\x01\xae\x910n\xe3\xd7A\xa9W"yGh5V8\x9c{\xa2ZFGb\xe5\xec\xe4\x8e4\xa1\x87n\x06\x9c\x9aN\xdf|\x19\'n\xf9\x06\x11/\xfc({\xd3w\x82X\xecnU\x9f\xd8y\xfa\x19}b\xcd&gt;\x9b\x8d;`!\xbf\xcd\x88\x08\x90S$\xa7\xee\xac\x001\xea\x83/\x03V\x97D"\t\x7f\xe4\xf8\xf3NR\xac\x9f+\xa2\x04\x1e\xba\xf7\xed\xb3\xe0\x12\x00\xe4\xae;\x15\x00\x00\x92g\xae:\x0e \x11"\x8e]\xffU\xb2\x12\x03\x82+\xa7)]X\x1d\xc6\xfb\x86\xd1\x06\xad\x8bU\x0c_}K\xd7\x07\x87\xbbX~\xa8Q\x98\xe5\xf2V"\t\x04E\x9a\xcf\x17\xcf\\\xa8\xc9\x1c\xbf\t"q\x8dq\x1b\xbfV\xb5\x9e\xe15t{\xc0\x19\x94\x83\x9f\xfc 5\xb0"\x12I\x8b\xf7\xd7&amp;\xc5\xaf\x1eX\x11\xcc\xb5\x11\x9d\xbcQ\xf2m\x94\xbcGH\rX\x0e;\xbf\x88\xa0w&amp;\xba\xf6\x99\xa6l\xf8\x9bz!:g\xed\xc9\xe0}\xfa\x15:\xad\x0e\x8e\x98\x92\x88\xc8\xbb\xe2\x81G\xb6{\x92\x90\xe0\xbdz\x11{\xce\xbd`\xfbz#eli\x9e)4(\xd6ra\x97\xe9\x1fk\x13[,\xfc\x16\xb5\xd0\xb3aID\xe1\xbd\xfaf%\x92\xf7\x04i\xf9\xce\x03\xf1]\x08\x83\x18,5W\x89\xc4\x8c"\xc1\x16@"\t2\xefE\xac\x987\x88\xf6\x1ck\xa4\xaf8\xd2ua\\Dv\xab\xce\xc8\x1f\x01o`\x89`\x0b\x10\xf1(\xd3~9\xf9\xa3\xc9\xf0}\x11\xf0\x89K$\xef\x04\t\n\xf6\x12\xc9\x96\xa2\xd4 \x7fK\x12\x91\xc9\x12l\x01\xdc$\x826\xc7/\xfc(\xb6\xdc\xa1\x90H$\x01$E\xc9\x88\xdb\xe3\xfa\xd1i\x9f\x1f\t\xab\x14l\t\xde1\xe2\x07[\x80\x08D\xc4v\xf3.\x91\x84:\xc1\x9d\xd6,;\xf1\x9b\xbf\xabX}\xe6O\x7fW!\t\x06q\x04\xf3\x05\xfc\r\x8f\x16\xd8\xea$\x12Ih\x10A\x17\tY\xa4\n\xb6\x00\x12\x1e=\xe6\x9c\x0f\xb6\x08&amp;,&gt;\xfaK\x00jy\x87\xbe8\x89$\xa4\xc9\x0e\x90^0\xeb\xa6K\xae}\x96M\x86\xef\x13\xcf\x1c\x98F\xc7O\x08;\xbcLo\xad\\\xf7\x96pek+\x91H$!\x04"\xeawJ\xa2fm\xfb\xc5\xef\xc1i\xac\x83\xdeI\x8cX}\xcb4O\x81F\xb34)\xb7\xff\xb6)\xb6?Ul$&lt;\x82\xfe\xa6I\xfc\xca\xa9\xef\xe5\xf3\x95\x04\x8f\xa2-\x16\x04[\x84\x80R\xa6\xdd\xf2 \xd6\xcek\xcdcW\xb6y\xa2\x97v\x13\x8fiw\x82\xa3\x96Vg\xc9\x9f\xb8H_\x00\xa8\xd2}\x9dii\x92\x88\x08"F u6W\x067i\xcb\x0fW\xfe\xb4Q\x97\x1c`I\x82\x06"\x1e\xf8\x92\xf1\xfe-9\xfaK\xb6\x1a\x13\x03/\xcf;\xcf\x9a\xb3o?{\x8d\x90\xa6\x89\x8be\xa6-7\xdc&lt;\x93\x07\xa98#yO\x91\x1d\xad$$\xa8\xdes\xa3\xef\x87\xab=\x81D"\t\x05\xfe\x91\x9d\x8d\x9e\x88\xb30 \x91\x84:2r\xad\xc4\xcf\x14\x0f\xb6\x00\x96\xc9\xdfP\xabs \x91H"\x06\xe9+\x8e\xd2\xa4 \xe2\xe9\xc7\x1e\x8f\xc1#\xd6\xdc\x0e\x86P\x86\x84\x17\xe8\x19l\x11\x02@\x02\x17\xcbz\xa7\xd5\xb8\xf2FT\xf7#~%EC\x90K\xaf\xc2\xac:\xfd&amp;\xd8"H\xdek\x12q\x8eE\xcd\xd26`r\xf8\x8fBM\xe6~\xfa\x13v\x9av\xdao5\x04\xa8\x1b\x18\xb9\xf6\x8e\x8d\xb32V\x1e\xed\xba$\xa1\xc0\xe2#\xaf\x82-\x82\x96j=6\x04[\x04\x00\x80\xf2\x9dV\x05[\x04\x7fc]\xad!AM\xe9\\S\xf2\xde\x93:(\xdb\xcf\x11o]\xd1\x98\xd4\xaa_i\x9a\x06I\x8c\xe0\x93\xb9\xea\xb8`\x8b\xe0*\x91K\x06[\x02-3v?v\xb7@\xdb\xf6x\xae\x90\xbb\xde\xb4 \xd6.\x91\x04\x08\xb9\xfc\x05\x00S\xb6\x7f\xeb\xe4\xf4\xf5\x17\xfe\xe3gx\xbfor\x12+\x993\x92\xffZ\x8d=\xe4\x0fQB\x90AK\xaf\x05[\x04\xf7q\xd1\xff\x8fD\x12t\xd2\xb8WT~\xf7\x8az7\x88d\xef\xb4,\xef\xd8\x94.4\x08/\xd0\xb3n\xff\xed\xc1\x96\xc2\x94X\xc1\x16 "as\xf4\x19[jDKB\x80\x8a\x9d\xd7\x04[\x04\x89D\x94\xa9;\xbe\xd3\xa5\x85\x93\xffR\x95\x19*\xd2\x167\x1a\xba\xd7e\x99$A"I\xd1~"\xd9\x98oE\x8c\xec\x1d\x8c\xf2\xff\xef\xbd^O\x92\xbc7\xe4\t\xd26L\xc2B\xbd\x83R\xaf\xc4*z\xadT~\x17\x8b\x88\x90\xa2\x81?%\x92\x84.\xe5;\xbe\xf3\xeaf\x12\x89\x18;&gt;\x0f\xce(\xb2XH\xbb\xd5\xccU\xad\xa7U\xcd\xd8w*\xd0=M\x89\xd6\x8b\xad\x9e\xd2y\xda\x19\xdb\xbb\xddAT\x06\x1e\xbe\x8a\xe13\xbc\xd9\xc8\x03\x81\x97$X\x14j2\x17\xfc\x7f\xc9\xe6\x83\xb3\xe8e\x95\x9f\x0b\x0f\xbd\xf4\xab0\x12\x89\xe4\x1d\xa0\x88\xb3\xd3\x8b\xb9#E\x00\x88V\xd6&lt;OH\x92\xac\xf8\x80`\x8b`F\xcc\n\xc1\x96\xc0U\xa2\x96f\x1a\xfb\xbd\xdf\xaa\x88\x92w\x8e\x92\xad\x97x\xfe\x8aUQ$\x7f\xa7\xa9\xa7\xa6\xef\xfa^\xb0\xf0\x1f#\xce\xd7\xb2\xfc\xc4o\xae\x96\x17\xb0\x00\xc02\xd2\xb0\x84\xc3;\xbb\xb8\xc2B\xf3-\xc4\r\x8e\x14\x12\x890Q-\x8e(S\x9bg\t!"\x96\xb4~#N\x15\xf7\xca\xb2\xa9\xefM(\xda|\xbeKb\xf8\xf0\xdf\x94h\xec\x86\xafl\x9f;i\xeb\x03\x17%\x91H$\xef&amp;\x88\x88\x88\xf9\x1a\xcc\x10&gt;#\xa6\x1f\xa5\x91H,\x924\xf4\x17\x87Yt\x9e~&amp;\xd8"\x84(\x8b\x0e\xffl\xef\xc4~\x8b\xae\xb8+\x89D\x12\x08r\xd4\x9a\x1cl\x11$\x92\x08I\xf5^\x1b\x8d\x0ff\r\x9c\x1c\xef=roX\x121\x89^\xce\xf5"S\x96\x1e\xe2z\x99\xa1\x8f{\x81\x9bx\xce\xbaC\x00\x17=\xba\x08\x90\xb6\x99h\xce\xd0\xf3\xec\xe8"\xc3V\xde\x08\xb6\x08\x1eR\x96\x1a\x1c\xc8\xead\xcf*\x91\xd8\xe7O\xc7\xdf\xcf\xa9\xef\xe5\x17\x18BT\xed\xbe\x1e\xe2U\x0bXu\x93\xb7=\x0cX]\x12\x11\x10\xb1\xc7\x9c\xf3\xc1\x96B\x05\xd9G\x03\x88\x17lA$\x12/7\xff\nL\xbf\x15U\xfd\xd3z\xd0\x92\xf7\x818\x95\x83-\x01\x9f\xc4\x96r\x7f\x1f\xd2\x93\x12\xa9\x16\xee_\x92\x14\x13rM\xe5\x1a\xf1\xab\x07\xa1R\x89\xc4!\xe2K7c\xd6\xdfso\x9d\'\x8eK\xe5H\x02I\x14\xe5\xaf\xe5\'\x7f\x0f\xa2\x1c\x12\x87\xe8=,&gt;\x0c\xe9\xd1\x92\t\x17\x7fB\xb9\x04-\x89\x90x\x97eh\xa22sf\xae:\x0e\x113T\x1c\x15\x00\xa9\x02N\xfc`\x0b\x10\xc1\x88X\xed]\xc4\x92V\xe2\n\xcf\xdcx\xe8\xf2\xcd\x91Dt\xa4=\x92\x19\x89\xeb\x04[\x02{\xc8@=\x01b\xe3\xa7\xb2\x1b`S\xa6\xddr\x07g\x9b7Ms\xf6?wP\xbeD\x12p\xde\xf11c\xaaF\xce\xcbh0x\x97\xf3B\xc4\xf1\xac.\xa6n\x12\xc8J%n\x12a}s\x06\x92A\xcb&gt;\x17\xc9\x96\xad\xc6D\x7fK"\x91X\xa0\xed\x84\xa3\x00\x00\x90\xcd\x95\xd2\xcc:\xe0\xa4N\no3\xfe(?C\x8d\xde\x9b~C&lt;\xfb\xd4\x0f\x83\x80\xf4-\xdc/\xd3m\xfa.\xb8\x14l\x11$\xb6I\x19l\x01\xde\x0b\xc8\xa6\x9b\xf4A&amp;\t-&gt;~\xa2\xe9\xb4r\x07G\x0e\xc74\x18\xbc[d\x16~\xeb\xed\xbb0S_\xf0\xd1O\xf4\xcf\x9es/\x04K\x12\x89_\x89\x9a\xb5m\xb0Exw\x08b8,\x89\xc4\x9cH\x19[\x05[\x04\xcb(\x9d."B\xaa\xc6\x16\xce\x8cQ.m\xf9\xe1\x90\xa8\x96_\xc4r\x93\xd8\xcc\xd4\xa8Y\xdaV\xeb\xb1\x81\x1es\xac&lt;\xf5\x87.\x97;\xcb\x1bA%$M\xd7\xa2\x94\x0eL=\x888\xf7\xc3\x17\x9a\x14\xf0\xb7\xbf\x8b\x08\xb8\xf4\x1dj\xc6\xc7\x12\x89\x03R\xba\xb0\xe5\x19 \xa8%b+&gt;\xab\xdd"\x93\xa3\xb3\xa3\x96\xb1~Nt\xef\x1f\xe9\x1cUm\x91\xd2m\x97\x05\xb2\xba\xf7\x19\xf5BN"\xf4\x02\tj\x02\xc0\xee\x1b\xc6K8I\xea\xfa]8\x97X|\xe4U\x81F\xb3\x07/\xfb\x82y\xd4\x86\x0e\x14\xed\x92\xe5\x1d\xd7G\x91\xbc\xdb\x1c\xb9\x1f\xb1^\xdf\xe8\xe6Y\xd4D\xce\xc4\x9c\xe8\x17\xb03\xd9J\xdf\xdc\xf2)\xce\x90\x8d\x8b\x1b\xb8\x13\x86\xcf\x99\xcb\x91p\x91L\x1as\xc1\xe6\xa3\x0f:S\x00~OH\x1fl\x01$\x12[\xb0\xec\x83-S\xba\xdd2\x80\xe2TB~\x87\x05\xba\x8e\xbf\xbb1A\x85\xe7\x8a\x9d\xd7X5Fz\xaf:\xe0\x03_\xbeG\x17\xab\x87\xf91\xc6\xcc\xd11(\xc2D,\xae\xbfy\xaf\xdf\x1cI\xa8\xc3i\xc7]\xe9\x83\x1f\xbb\xd9O\xf8\xd4D\x11\xb1\xfe\xa0\x9d\x9a\xc3\xf1\xf2wg\x9c\x94\xb0&amp;\xfd\xab@\xa3\xd9\xee\xc9c\x80\r}\xe9\xd8\x95Mo\xf5\xaa\xd3oL\x8b\xf9\xc1/\xbdr\xb8\x1f\xca\x0c&amp;3\xf7&gt;\r\xae\x00V=W#\xa2\xee\xddN\x08\x11a\x10\xb6\xf53\xe9\xa3J"1\xa6\xc1\xe0\xdd\x01\xa9\'Tb\xae\xc5\xce\xd3E\x9d\x90+P5\xb3\xfd\x8b) b\x11\xc7\x81\xe8[\x8d=\xc4\xd8\xb6\x8f[\xd5a\xb1\x11\x85Te\x82\x16_\xabD\xab\xc5~*y\xd1\x91W\xde\xa1pA%\x91\xf4j\xe7\x7f\xb0\xd1\xb7e\xb7\x94\x9b\xb7\xd3,JF\xa3\x03\x912\xb6t\\\xb8D\xf2\xbeb\xea?\xb6\xf1\xb0}\x01\x11$h\xd4\xee\xb7U0\xe7\xa9G&amp;\xf7\xea\xdc3w&amp;\n\xc7\x1e @\x06N\x86wzF\x12\xb4\x10\x8d\xae\xdfU\xa5\xc0L\x95\xc7\xf8\xd4\xaf\xbc\\\xff\x03\xfdQ\xa9\x15\n\xbbUP\xb1\x16\x0b\xdd*\x8a\x83\xad{\x15\xf6N\x7f,\x92w\x02D\xec1\xfb|\x97\xe9g\xf4\x87\x82\xebBo\xe2\xe6o\x02P\x8bw\x93))\xef[\x8dS\xc5&lt;\xd2Q\xf2\xfa\xee\t\xe5"l\xdb\'\x89\x86\x1es\xce\xf7\x9e\xff\xa9+E\x91\t\xef\xb1\x07\xbe\xd7I\xdf\x01\x13K\xd61\xeb\xef\xb9R\xa3\x84I\xb4\xac\xed\x00"\x07[\n\xc9{\x89+\x1b\xc0\xce)\xddv\xa9\xeds\xf9\xf2\xbb{u\xe37\xfd\x8fs\xf4\xd3\x97\xc1\xbf\x93\xb6\xf91\x04^\x03#\xfe\n\x19\xd9\x10\x11\xa0\xa8+E\xa5)7\\_8!C%*\x14JDu!n\xc8\xa8\x0f\xbe\x0cHX\x14\xd9\xa7J"\x0c\xe1\xc1\x16\xc0\x11s\x0f\xfc`\xf7\xd40\x80\x02\xee\t\xc2[\x13v\x85P\x18-\x05\x9d \xde\x84n3\xcf\x8eX}\xcbI\tQ\xb3\xb4\xe1\x1cE5o\x11\x01"9\xa9.4\x99\xff\xd1O\t\n\xf6\xb2wnx\x81\x9e\xee\n#\x91D \x02\xe1\x0e\xa2p\xb3y\x96\x1aY\xf1\xcc\x023~\xa76\xa3\x9b/#\x00\xf41p\xd7\xecb\xe7\xf1\xfev\xc6a\x95\xa8\x1f\xc5\r\xb3\x05\x87\x9c\xf4\x8fO\x9e\x1b&gt;##\x1d\xe9\x14\xa5\x06\x91\xb7\xb4\xf9\xa8\x0f\xdd\x95,\xd8\xe4\x08\xb6\x00zR\x04[\x00\x89$P|\x1d\x02\x1d\x06"6\x1a\xba\xc7\xad\xd2\xf8\xb3\x19#\x01\xac\xd7\x93\x99\x9d\x1c\xbbRX\xae\xce\xd6K\x0b(w\xff\x0b\xdcC\x0f\xfa\x88d\xf2\xb6\x87V\xcc\r"\xaa\x1bv{\x84\xc8n\x17\xcd\xec}\xcf\x00\x00 o\x90\xe5\x90\xbc\x87\xdc\xfe;\xd0\x1f\x83\xf8\xe77`\xc9U\x87u\xad`\xf8I\xb6&amp;\x83\x9a\xe4N\x84\xf1\x13\x87\xfe\x17r-\x9a\x9e\xdb\xae\x06\xc3\x08/\xd83\xf4/Y\xc2$\x04;`\x89\xe4=%{\xcd\x89F\x8b\xb4F\xac8\xf9\xbb\x9f\x841#\xdc\xc6\x1es\xa6*c\xea\x0e\xd8NZ\x9c\xed\xd7x\xedN\x8d\xde\x9b\xec\x89e\xa9EKP\xc8\xe6\x96\x1b_\x00\x80T\xfc&lt;\xed\'\x1d\x07\x80\xb0\xdc\x9d\xfd\xdd\xf86\x1fu\x90\xb8\xad\x08\x00\xfe\xbe\x16\x03\xe7\xa9\xef\x12\x8eb2f\xaa2\xa6X\x8b\x05\xcaO\xd9\xafK\xdew\xa6l\xff\xd6\xea)\xcd\x82\xb3\xc5\x95\xd6\xf6\x99z\x9f\\\xfeC\xa4s\xb5\xd4\xee\xb4\x1cs\xc8\x99DN\x88\x02\x00Q\xb3\x08\x06\xda\xb3\xe9\xcb\x85\xdc\xb1mWC\xae-\xf6\xaes\x86$i\x9b\x05[\x021b\x9bY\xf7I$\x92\x88\xce\x92\xa3\xbfX\xc9\x9e\xc7ObL\xd8|\x1f\x00f\xecyb\x961\xf2\xfb7\xf67\xd4\x9a\xa9\xd2}\xdd\xa0\xa5\xd7\x02)J\x10AD\x80d~4\xe6q\xa1c\xb6\x1c4\x85\x8b\xcb.\xf6\x1a\x06\xc83\xa0D\xa2\xe3\xd2\xcf\x08\xf1\xaa\x05[\x8aP\xa4L{\xe7\x91gJ\x88d\x1a\xb9\xf6\x0e\xe7\xe8\xea3\x7f\x1a\x1f\xb4?\x83w\x97\x84\x85\xfbHSK5\x8e\x96U\xed\x120\x1f\xabA$$CDK$\xc1C\xb5\xf3\x17%sk\xf13{\xce\xb9\xe0\xb60&gt;\x06/\xffB \x9757\xb9L\x86\xaf\xbe\xf5\x0f=\xfb\x8cQ\xde\xd2\xe9\xfc\x15fD\x1c\xb2\xe2\xbaXII\xdf\tS\x8a\xb0`\x0b\x10Q\xb1\xb9\x04\x12\xbd\x9c\xdb\x82D\x0c\xae\xfc\xf2\xbe\xad\x18I"\x0c\xf6\x97\x8c\xfa-\xbc&lt;v\xc3W.\x8a\xf2&gt;0\xff\xe0\x8fF\x87\xbe\xb2\xa2]\xe5\xbfU\xe8\x80\xadoO\xdc\x12\x08g\xa2!Mx\x8d\r\x17\xff\xb3q\x1e\xf7\x19\x15\xd3\xa5\xc4\xb2Q\x85\xeb\xf4\x9a{1\xd8"H$\xc1\xc3\xf8\xa3\xb5\xe4s\'\x84\x1c\xf4D\xcf\xd6\xde\xf6\xb9}\x17^\x06\x88\xe9\x9e,|\x84\xcc\x99Z\x8d\xf5(L\x11_\r\xddg\x7f\xe2?\x81\xac\x12#{\xfb`\x8b\x10L\xdaM&lt;\x0e\x90\xc0\xfb+\x81a\xbe\xc0M1\x8b\x04\xaa\xa2\x00\x93\x9f\xfe\xf1\xfb{\xa7\xeb y\x87I\xd7\x1c\x11\xe3\xe6\xed\xaa?"&gt;\xe9\xe9=\xcf\xd10\xb6L;\xe7\xbb\xad\xef.1+x\xfe\x88V\x06\xa2\x97\x8b\x9d\xbb\x0b7\xb7D\x02y\xeaMS\'\xe8W\xf5\x99q\x8d\\\xf4\xc3j\x97\xa8\xa5\x83-\x81D"\x89P\xac9\xfb\x97\xa5\xfc\x88hu\x9f\x98\xd0\x7f\xf1g\x16\xcfHf\xb5\x8a\xd2m\x97)\x7fw\x99\xfe\xb1\xd5\xd3%\xe6d`\x04\xc4\x15\x8fqiJ\xbe\x063m\xec\x17\x8c^w\xd7-\x01\x14b\xe6\xe8\x18"\x9a\xf9u\xfam;\xf5}HH"\x91\xf8\x97\xd6\xe3\x8fX&gt;\xc7Vo\x14\xea\xc4\xab\x06\xf1\xab3\x8f0[\xa5=7=\xd1^?\xfa*TZ\n\xe9\xaeH\xe2\x04\xf9\xfeH$&amp; "\xc4\xa9\xe2\xd7*\x8e\xdcG\xe2~\xe1]#RI\xa3#\xd1\xb3\xb7GD\x1b\xb1\xe2G\xaf\xbb\xcb\x0bq\x91\xb4\xae\xd5\x02%\x81\x04\x11\xffCl;\xf1\x98\xf3\xa2V\x9d\xf9\xb3`\xe3\xd9"9\xe3\xe4a\xec\x1f\x85\x06B\x11\x17\x8aR~\xac$\x92w\x9f\xb4\xe5G\xb8Z\x9e\x89\x0f\x8a[o\xb1\xdb\xcc\xb3\xae\xd6(\xca\xdas\x7f\xfb\xadl\xfd\x90\xc2 L\x82\x1aD\\t\xe4\x15\xf3P\xb5\x9e\x1b\x10\xb1\xdf\xc2\xcb\x82\x12\xc8\xe9E y%p\xb7\xd9O$Z\xd9l5&amp;*\xbf\x9e\xbb\xfd\xd4"ed\xaci\x87\x08b\xaf\xa8\xb1\xcdt\xca\x86\xee\xc9"\x91H\x00\xc0Q\xc8\xde\x10\xc2^\xffgxV\x8a\x90kk*u]\x1b\xc0\xda\xf2B\xa2Z\x01\xac.@ \xe2S\xdfJl~\x00\x88\x95\xb3\x13+\xa3\x0b\x81\x14S\x95\x19\xfa#\xeb\xed\n\xe2@\r\x11\x83jW\x160\x8b\x06\x89$x\xe4o8+\xd8"\xbc\x9bD\xcb\xda\xce\x8f\xa5\x1blQS$\xb5V`\xa2\xda\xd6\xf2\xc7\xaa\x98\xa4h?\xf2g\x08\xfamfC\xa9P\xa5(5\xc8,\xb7\xc7\xd2l&amp;\xdb\x93h\x12K5_\xfc\xd1\xf9-b*?[\xa0x\xcbE\xf4\xcf3O\\\xb0P?\xf4\xbf\x08\xf2\xe8%\x12W\xc8Pi\x94&amp;T\xb8\x17w]\xb6\x02D-\xe3r\x81\x01\xe7p\xc0[\x87\x05\x1f\xfd\x14\xe0\x1a\x01\x00\xc2k\x04\xa1\xd2P\\EO\xcc?\xbc\xf4\xf8\xaf\xba4\xcb\xaa\xe6\x00\x80\x88%Z-2\xcf\x17\xeaX\x1c\xa2\xb1\t`,\xe4t\xcd\x03W\x97DbH\x94RW\x7f\r\xb5\xb6/"a\xab\xe7\x88\'\x92i\xd7u\xdb\xcf\xc5\x9a\xce\x97\xb5K\x08\xbd\x15\xf2\x80Q\xae\xc3\xca`\x8b\xe0\x16\xf6\x9d\x87#\xe2\xa0e\x9f\x9b\xe6\xb1Wx\xa2"}Bo(&amp;\x91\xbc\xd3,=\xfe+\xcf\x7fP\x88\x92\x08 \x06\x80\x1f\xdd\x1b5\x1c\xb2[\xd8\x99\x97\xbf\x9c\xef\xbbh\x96\xaa&amp;@1z\xb9\x14\x9d\xbe\xeb{\xff\x95\xdei\xea)\xff\x15n\x89\x94\xa5\x07\x87\x17\xec\x19l)@\t\xd3\xe4\xe7.\xd6\xed\xd5;\x89\xc4\x9f\xc4&gt;\xf6\x00y\x16/n\xd3{\xde\xa7\x01\xabK\xe2\x94\xd4M\xa8\x1f\x05\xdd*\x95\xd3\x04\xc7\xcc\xd1\xd1\xadZ\\\xc5\xc5\x18\x7f\x11Z!\x88\x17\xdc)Y\x89\x01\xcdF\x1e0Z\x8a\x1f\xb6\xea\xa6\x7fD\x92H",\x03\x97^\x93f\xf2\n\x85\x9b\xce\xab\xd3o\x1b\'\x83\xa2+\xe4\x07\xe2\x88d"\xb6+\xd1\xdd\xf6\xbd\xfc\xc6\xe0\x05\xb0\xf7b\xd8PnO_q$\x00$(\xd8\xcb\xc9\xab8c\xf7c\xdb\xe7\xf2\xa1\xa5\xaa7p\x87\xed\xd3\xc5M\xcb\x00\xb2X\xadE"F\xd4`\x0b \x91\xf8\x08\x0bP\x07l\xaej\x1b\x01 n\xaa\x14Bu\xba\xc6\x80\x1f\xe80^\xbe\xee\xae\xd7\x95\xb6\xfcp\xdb\xe7:\x87\x84\xacp\xa5\xb4$\xc5\xfa\xa9\xb7\xd5mF\x1c\xd9v\x15\x05\x03o\xd8c\xda\xceG\x81\xf7\xa6\xfe\n\x11bU\x0cd\x8d\xcf\xe4lA\xf2.a\xdaH}\xfa\x13\x02@\xc1\xc6s\xb6_\x8b0\xaf~\xc1\xc6\xb3\x83\xa5\xd0kJ\x00\x86;\xc7\x1e`\x8f9\xe7\xfd]\x8b\x11^\xbb\xe1B\xd7~\xb3|\xa5NbX\x05\x8c\xfdw\xe8\xebr3\xf4r\xab\xb1\x87uiE\x8d\xb3+\x91\x04\xed+!\xdbx\x1bw|\x8e\xca\xb9\xa6\xa7G\xc9\xdc\xc6\x8eX~\xc4\x85\xc8\xdf\x12\x89[\xe43\xfb\x84\x88\xc9`\xa2i\xfe\xd4X)\xda\xdc?^\xe8\xfc\xa9\xb2\x1b\'o\xd7\x92m\x96\xd88\x91\xdc\xf0BM\xe6\x02@\xfe\x86\xb3&gt;\x16\xb6\xa1tB\xc9\xd6Kj\xf5\xdd\xc2\xcf\xd3d\xf8\xfe\x00H\xc2\xe7=\xdf\r)\xd0H\xc0\x92\xde\xfe\xc8\xd2\x85\x9dl\x91N\xf7\xe6_J\x86\xc8\x9d\xa7\x9dv^\xa9D\xf2nB\xbe\xa5h\xd9\xfc\xe9\xe7\xc1L\x80\x80mBg\xaa2\x86sT\t\xb8+\x08"\x02\xc4\xe5d\x88\x94\xa9\x153\x9d\x0e4\xc4!4\xbd\x9a$-\xde\x1f\x00"\xa0\xd6\xbauE\xf14M\x03\xa9\x9c\xe8\x84\x9f\x10\x11\xb1j\xf7\xf5\xae\x96\x9a\x9f\x99\xfa\xda\xe2\xa7\xca2\x98\x96H$\x00\x00\x90\xb5\xfa\x04\x00\xe85\xd7\x13\xc7\x97\xe9\xc1\xee\x9d\x838\x1er\x1a\xb4\xdc\x95AC\x8b\xd1\x07\x9d\x17\x12\x9a\x94j\xb3\x84\xd3\x81}\x17\xdao\x1a\xf7\xe1\xaa\xd4\x98C\xe1\x93\x19\xbb\xe1+\x8bg\xe4u\xab\xea\xf7|\xc5B"qH6\xfa\x87\x83\xcfI\xbd\x13\x16\xc50\x9ev\xb1\x96\x0b\xedVa\x83\xac\xc1k\xe8\xcd#\xc04\x1d\xc1\\\xf2\xd5M.\xd3\x0by\xed\xe1xl6}\xac\xf7\xfdp\x97\x8a\xb7\\\x08P\xc8\xe8\xa8G\xa4\xd8\x95uGb\x8b\x14^\xb9\xdb\x07\xb6\x05\x13a\xc1G?\xc5\xcb\xd7\x1d 9@F~\xce\xc4E\xfbjR\xfet\xf5f*\xcf\x8e\xb3P\xf4\xdb\xfb\xde\x0b\xbe\x8b1\xd6$\xef\x0f\xfay\xd8\x8d?\xfd\xf3I\xa7m\xe6\x97b\xdd!\x7f\xb0\x05\x00p\xe4nI\xe5\x00+A\xa1^\xce\x85y\xe7\xc9So:3\xfd\x1b\xc4\xd6\xe3\xf4\xfaP\x0c\x10q\xd3%\xd3\x8f\xc5\x85\x10\x0bH\xe1\xbc4\xab\x9c\xfc\x8e]i\x9ar\xc3\x02,\x89%\xb2\xd5\x98\x10l\x11$\x12c\x8c&gt;\xe9\xb9\x07~8\xf7\xdc\xe5O\xbdJ\xb7u\x913\xb5v\xb1@-a\x95\x00`\xde\x87/l\x9c\xdao\xd1\x15\xb7\xa5\t.%\x002Y&lt;E\xd0&gt;2\'\x00$(\xd8\x8b\xab\x9d\xab\xa2\xeb\x8c\x8f\x8d\x0f\x06t/\xd9\xe8}\xce\xd7`\x86&amp;\xc5\x89V`\xc5\xcekl\x9f\xcb\xc7\xf5\x0e\xd8\x1f+\x1f\xa6aI\xf5HE-\xc9\xfbJ\x9a\xa6\x88\xd8x\xd8^\x1b\xa7"\xa2\xf1Rs6}R({\xfc\x88\x9c\xd9\x9f#\x03{\x84Y5\xaf\xf4-\x96\xee\xbe\xe1\xaf\xfb\xfc\x0f"@\xfa\x10}\x8e\xa9\x1a#b\xbd\x01;*we/P\x1b\x89\x8d\x88\x90\xb0\x96\xe9E\t\xea\x13)V:\n_\xfek\xf9vY\xba\xc3\x1d\xa7\x9cZv\xe27HV\x0f\x00\x00\xa2\x8f\\{\x07\x119\xbd\x9a\xb0\x89\xb65\xa7\xe2F\xfcJ_K\x86\x00\x05-&gt;\xfa@u\x03\xf5\x0fE"\t\t\x96\x1c\xfdE\xe4k\xbf\xfa:4\xdf`\xado\xbc"\xcd\xe6\x07C\x0cw\x88\x99\x93\xe9\xd9C\xbb\ri\xf0\xbc\xf2\x9c|\xa4I\xe7)i\xeb\xc9Qk\x92y\xa6\x14\rm\xf7\xbe!\xdam[\xa1P\x939\xfc\x0c\x99\xaa\x8cU\xfe~\x82\x88\x88\xfe\x1b\x0cQ$\x05HC\xfe\xb22\xcc5\xf1(\xc2)\xa7t\xdbeCV\\\x17\xab%\x9f6!q\x1d\xb1\x13U\x84\x9e=\xb1D\xe2\x067\xff\x12\xffb\x85\x14d\x00\x00 \xaaH\x99Q\xb3\xb4\x15.\x90I\xa6@\xaea\x06\xca\x05O\x1a\xcd\xefBM\xe7\n\x9e\xb9\xed*\x12W\x9a\x03\x97^\x13\xad\xcdX]\x0e\x00\xf6\xde\x12\xb9d\x8e\xbaY\x00\x03\xcc\xf9\x07D\xb4\xed\x7fF\xbc/\xdcw\xdb/z[\x84\xdcu\xa7\xd9.\xaaT\x9b\xa5\x06G\x98aL\xed\xe3\xde\xe0\xccE\xcb1\x7f\xc58\x91HT\xd0o?\xf1{e\x80\x99\xd3\x9fT\x8d\x8d\x8a\xf5\xe2\xce\xa2\x96\x03\\\xf4\xaa\x1f@\x927\xb0q\x92\xa2Ft\xf6\x99\xf13\x8d[\x95\x9d\xee\x87(O\x89\x8a\xf4q\xbdL\xc7d\xe5\x1f.\xd5vi\xa9\xb6F\x9d\x90\x1f)\xd6B\xc8X\xe09\xab\xdf\xba\xfa\x1a!ZY\xf2\xf7\x9a\xb3ouJ\xc2\xe2\xc3h\xdd\xa03f\x05\xf1s-\xc1\xef\x80[\x8e\xf9\xc8O\xf5J$\xa1@\x06\x80\x12\xcc\x03..\x1b\x86\xe5\xea\x1c\xc8E\xc8\x15\'\x7f\x07\x00DL_qT\xc0*u\x11\xe7\xf7j\xcb\x15^\t\xd5{m\xac\xddo\xabx-[\xae "N\xdd\xf1\x1d?[\xba\n#\xd5\t\xe6\xe6Xvql|\x12\xa7\x8a@\xa6\xe0\xb8\x1cAD\xc3\xb1Q\xe4RJ\x9e\xd9\xfb\x9e\x01@\xf7Y\xe7\xb4\xe7\xb2\xfe&amp;\xbc\xb4\xa8\x8a\x81\x88\xd5{m&lt;\xf3\x18\x99\xa5\xb9F\xa2\xda\x8e\x8b0\x8f\x88\x16\x97\x9b\x00\x00 \x00IDAT\xd6\xf5\x0el\x82H\xde!\x12\xd71\xd2\x19~\xeb\x877\xd5\x86\x12\xd6\xa1\xaf]\x11\xc3\xa9\xcf\r\'\xcc\xff\xe8\xa7\x1f\xac]u,r\x97\xfc\xddXX-\xff\xd2KD\xc4i;\x1f\xf1\xb3\xd5\xe8\xb5I\x9d\xe0\xfe\x92\x033 \xbc\xa0\x13i\xab/a\xa85\xd9\xc5Z.\xf4\x89\x14V)`\xf5\xc6\xcc\xd1\x01\x1151\x9a\xac\x0em\xdbN8\xea\xaaP\x96A\xc4\x0e\x93O\x86F8j\x89\x84G\xb8\xeb%n\xfc4hZ\xd0A\xa9\xb7`\x939\xde\xaa-D\xd2\xfd\xf4\'\x0bw\xa9z\xaf\x8dv$\x03\x00\xeb\xf7d\xd8\xaa\x9b!\xd2\x1b\xb9\xbbc\xca\xc7\xdf\x97\xdcg\xbe\x85\xf0\xd8\x88\xd8j\xdca\x9e.\xb7\xef\x0f\xf6\x82\x96+\xcc\xd9\xff\xdc\x7f\x85\x03@\xd1\xe6\xf3\xf5\x89\xc9J\x0c\xf0k\xa5\x00 #\x15JB\x10\x95R\xc3\x9a\x8f\xff\x128\xc5\x86\xdb\x01k\xfa\xba\xfe\x00\x11\xdd\xb5\x91h:b\xff\xf8M\xff3\x08\xd6\x16\xcd\xfbGb\x80te;\xac\xa0\x8f}\xf1\xbbI\xa3?z\xdd]\xf6\x81\xb8"k\xaa\x1eL\xbb\x96\x10\xe9nC\x16D\x0c\xb0N\x03"6\x1by\x80+\x8fGKc\xed\xd9\xb7\xfa\x0c\xd5{m\xf4\xfaae\xf3\xc4\xd5\'\xdeq\xca)\x17K\x93H$\xa2\x84l\xdb]\xb0\xb1\x89\x19\x89\x8b\x1c\xb9\x8f\x00P\xb4\xf9\x82v\x13\x8f\x91\x94\r\x17\xbd\x8bx\xf1|\xdb{I\x8a\xf6\x13/3~\x81\x1e\x00p\xfa{\x83\xdb\xeb\xdd\x1dd\x92\xa92/\x16\x05\x00d\xa96^\\\x92\xd0!\x90\x06*~_DM\xd5h\xe1\xa1\x97\x82y5_\x19\xe3\xa3\xb3\x18\xa9\xf7\xf0\xff\\\xfblK\xb5Y\xea|\xfb\x1f\x11!j\x19\x0b*\xfdb\x98n\xa3H$A#Z\xd6`FF\xf2[\xd9A\xd0\xbe\xd6_N\xdf\x05\x97\n4\x9e\r\x00u\xfam\xb3\xe4\xd5\xe8\xc4w\x08Pb\xe9\xb1\xd7\xc4\xcd\x90\xd1Y\xee\xb7,\xd1\xcb\x01@\xff\xc5\x9fY9\'\xb3\x8b\xf5\'(h\xeeP3^\xfe\xee\xea\x04\x96\x85L\xfa\x16\xe6\x95\x11\xfb\xd4T\x8d?8\xf7\xb7\x92\x96\xa3\xd6d\xf3\x13\xed\xa2\x7f\x8e\xc1\x1d\xb9\x9a\xbe\x90\xaa\x0cI\xeb\xfa\x0e\xa4l\xf8\x8f\xb9\xe4.\x07\xe2\xbd\xfe\x87\xa5{%\xc3\x00K$~\xa6\xde\xc0\x1d\xae\x96\x97\xcc\xfbG\xa1H\x19\x19\xab\xd3\xac\xd6*\txl?\x8c\xc8\x01\x00;&gt;GD\xfcJ\xb8\xb5E\xc46\xe3\x8f\x9c\xf8\xd6\x93\x7f\xd6\xde\xa7F\xd9\x04\x0b\x14\xe4\xec\xd3 \xf4\x07f\x8e\tm\x8d\xa5D:`\x0f)VS\xfb,\xd6oi*\x8b\xf9U\x94i\xbf\xdc\xde\x89tDQ\xae\xcc\xa9\x0b7\x9b\xc7)\xc7\xb4\x036&gt;\x18Y\xf9k\xf9\x89\xdf\xac\x96\x1cl\\p\xd6-\x91\x84"\xe9+\x8e\xd4\xa5\xc5\n\x82\x1cv\xf0\xec\xd4\x16n6O\xec\x13\xcd\xf9\x17KC\xb5\xd1\xd0=\xbb\xae\xdbW@\xcb\\u,k\xb11\xdc^in\x90&gt;\xf0U\xda\xbd{qLsD\x0f^0l\r?\xb9\xd5E\xa9\xadu\xb3T\x1b\xe7N\xb1\x00Nt5\xc4\x9f`\x8eZ\x93\x0021\\hY$V\xceN\xfaDN\x98\x997!=D\x90\xbc/\xc4\x03\x80r\x1dIL\x1e\xe6p&gt;2\xd3\xd5\xb31\xd1\x01`\xd2\xd6\x07\x8e\x05\xb3\x8f\xe9\xf6\xa7[(\xadL\x8c\xec\x1d\x94D\xb2q\xeb"\x85\x9b\xf2&amp;1`Ue4eCG\xd2Dp\x1co!\xa7wE\x8c\x08\x01\xa3\x13\xd5\xd9R/?\xf9\xbb\xc1\xd9i-\xd5eq\xe3C\x98x\xd5\xfcR\xacD\xe2\x98\xdc\x9a\x0f\xcc0HCx\r\xcf\x1f\x91J\x8a\x97\xbe\xff\x8e\x1c`\x06\x81\x0e\x93O\x06[\x04\xe1\xa8;Qy~1\x83\x02"z\x1dj\x1a\xf88L\xdd\xc4F\x99\xf6&amp;\xf4\x912\xb6"\x7fL\xdc\xfc\x8d\x8d\xd3\xfdB\xa2\xdaF\x1b"\xb6\xc8v\xfa\xb1\xf3V\xc2\xdcMf\xf5^\x1b#\xaaS&lt;\xc9;LH\xed\xd3\x88\x0bs\xf9\x95?\xc5NX\xcb\x8f\x85\xfb\x99Te\x86\x04[\x84\x08\xcc\x87w\x11\x00V\x9e\xfa\x03\x00"gj\xad\xf8w\xa4\t\xe4\'\x13\x80\xbahcb\x91\xeab\xe5b,\xf3\xeaI\\\xa4\xef\xc1\xaf\xac\t\xdf|\xd4\x87\x00\xd0c\xf6\'JJ\xbbI\xc7\x01b1\xdd\xb0H$\x11\x9a\xe2\x88(\xe6\x99\xef\xdda\xc0\xe2\xcfT\xc1\x94\xc4\xfc-\x8b\xb4J\xf5\x06\xee\xf0\xba\x81\xf4\xbb\xcf\x1d\xfd\xf60m\xa4DL\xa1\xccp\xd1\xff@\xec\x8d\x9f\x86\xd0\x18\xce\xefx\xd73IW\xed\xc5\xf2\xe6%c\x8f?~u\xe5\xe7\xed\xbf\x8d=o$\xac)^\xac\x97\xa4\x9e\xce5]3}~\xb57\x0fF\x81\x9a\x19*"^\x7f\x83`\xd6a#"\xed:4q\xd1\xbe\x1c\xb1Y\xe7\xba\x8e\xe5\xa0\xc5\x12\x89\xff(\xde|\xd4\xc1\x89[Bf]+ \xcc\xdc\xfb4n\xden\xca\xcf\xf8\xf9]\xdb\xa9\xed8\xe5\x14i\x8f\xe6\x1e\xf8\xc1,o\xfc\xec5\'q\xb5\xa6\xd9(\xad\xd2\xd2c\xaf\x83\xbcn\x11\x85g|\xfc\xder\xcf=\x87\x97\x1c\xd7W#\xd7\xde\xd1\xa7\xef\xb8\x86\xd7~\xe3{3M\x8e\x88\xc9\x8ak\x15\x05\x10\xb1\xef\x82K|I\x9e"\x1a\x98\x9b\xf3\xc2Z\x98\xce\xa7\x13\x15\x0eP\xa0\x0e\xb1\x99}\x16\xb3\x0c\x12Ih\xb0\xe3s\x8c\x95\xb3\x13@2{\x11{\\\xc7\xdf~\xf24L\xd8|\x1f\x00F\xac\xb9\xad\x15\xe3\xc0\x0fv]M\x15\x12\xa9\x97\x9c\x9b\xbd\xe6D\x91\xcc\x00\xc5\xc4\xb29\'\xccb\xfe\xec\xa0\xdc\x874M\xdd\x17\'\x94\x10\x1f\'\xe5\xaa3%K\xd5q6\xc6U? \xee\xbd\x854\xb42\xa0CH\x81\xf9\x1b\xcdb\x1e:\xe3l\xef\xb6\xeb\x8c\x8f\xbd\x7f\xa6W\x12\x99\xb1\x9e\x1c\x12\x96\xab\xb3\xebeJ$\xae\x12^]\x93\xb0\xe5\n*\xee\x9ctD)\xd5viF\xaf\x9aq\xe1\xa6s\x97\x1e\xff\xd5]q\xe2\xe6\xeb&amp;\xde\x18M}\x87\xdc\xdc "@Q\xf2w\xf2\x92\x03\x95\xf4\x1f\x10\xad:9\nY&gt;8\xf77\xd3\xb1\x17"\xd2\xa6\xa5\x1e\xack&lt;\xf1\x08\xdd\xdd\xfdb\x0f\xb9\x0e\x9f\xf5\x06K\xa4w|i\xea\x1b\x8b{\xf4\x91P\xfe\xe8\xba#\xb9!L\xf4m\x1c\xb7\xf1k}b\xf2\x12\x03\x11\xb1\xed\x84\xa3\xfd\x16^\xa6\xd3\x8f\x7f\xcb\xb8L\xc1\x8a\x1c\x92\xad\x86\xe0\xd0V"\xf1\x03Q\xb3\xb4\xd5\xa4\xac;\xff/\xbd\xca\xf4;\xf5%d\xab1!@b\x854d\'5\xbd\x9fJGD\xa1\tA\xba\xe6\xe4\xffmW\xd1\xaf\x1e\xf9\xed\xc12\n7$jV\xedK\x18\x0cb\x08\xe6\x8b\x9c\xa9\xb5\xa5rs\xd5\x99\x02\x00\x167#I\x88xV@_\xdd\xfa\xd3\x97\xff\x9a\xaf\xb5\x8a\xbb\x82\x01u\xe7\xa7\x8d\x13\xec\x1f\\\xb5`\x96HB\x95\x9es\xce\x87\x17\xecI\xa7\x90\x8f\xadb\x975\xcc\xfc/\x10\x1b\x0c\xde\xc5&lt;T\xac\xe5BkQ\xbb\xa3\x96\xb1\x90\xd9C&lt;\xeb\xa7\xf8\x1d\xc7.&lt;y^\xf2u\xe8g!\n\tCJ\x95=\xe2\x90\x9d\xfbS\x85\xfe\x0eg\xad&gt;\xde-9\x16\x1f}\xa5O\xcc\\u\xac\xd5r\xfc\xf1\x1a\xf4]x\xd9Sr\xf2\xfa\xf6J`^H\xc2B\xbd\xad\x96\x83\x889jM\x02\x80\xc1\xcb\xbe\xb0\'\x89D\x12*\xa8u8\xcd\xc3\x03\xc4\xc9\xd3\xd5\xa5\x9aS[\xc9\x9cl\xec\xfa{\x00\xa1\xaf\xf5\x93&gt;\xd8\x02\xbc\xbf\xec\xbe\x81\x86\xde\xaf"\x97B\xc4\xaa=\xd6sN\xff\xd1\xd3i\x15\x8e\x91\xbd=\xbf\xa2\xc1\xcb\xbf\xf0G\xf4\xba\xfa\x83v\xd2?\xd1\x1b\x19:Q\x11!\x1d\xa5\xf6\x93O\xe8\x13\xbb\xcd&lt;g[\x1eDL_q\x94^\xeb\xaa|\xa7USw|g\xa34\xb7\x86\x05\xfcr&amp;o{\xe8J-\x12I@YxX4\x12\x8b=J\xb6YB\xfft\xf1\x83\x8c\x80\xf8\xc5\x1f\xa7\xbd\xfbY\xa9\xebZ7*O\xecF!\xc1%X\xea\xaf\xfc\xf5\x0fQ\xd56\xe6\xd3\x9f\xbd\xef\x99uyD\xe9&lt;\xfdL\xbc|\xdd\xed\xea\x1bz\xa8\xd1{\x93\xd1\xa1\x1es\xce\xdb\x92\xcb\xd0a\xb8\xb4\x8c\x97\x84\x0c,\xc7\x02z\x8a\xb7\\h\xabt\xa6\t\xacS\xff\xae\xef\x06\x89\x8b\x98\xdbA\xda\x1e\x9a\xe8\xcdKLi8d7\xefp\xf2\xfa\x8230S\xe6\x1f\xfc\xf1[\xe1\xebR\xa22 b\xf6\x9a\x934\xa37g\x843S\xa7\xef\xfa\xde\xe8\x04\xef\xe3\xc8\x06\tj\x18\xe5\xb1\xcd\x86\x8b\xff\xd9&gt;\xd7\x7fC\xd8\xd6\xe3\x0e\x8b\xd4\xdes\xce\xf9\xab\xbf\x9a\xcb@\xcb\xd9f\xfc\x11}\x86&amp;\xc3\xf7\xf1OG\xc4,\xd5\xc6\xc7\xcca\xae\xd7\xcd\xb9\'\xbf\xbc\xbf#~I\xa8!\x1c\x7f\xde\xd0\'\xa51I\x8a\x99\xacc\xbf[\xb8?s"\x8d\xc8\xa2\xc3?\xbb^2\x03+.E\xdd\xc6|L\xd6i\xeai\'\x150\x9d\xf2k\xf0(|\x85\x86)\x9d%4\xd3\xc7\xe7\x88\x17\x7f\xd2\xf711\xcc\xc2D2\xd7\xed\x19\x8f\xe6\xa3\xaf\x90\x1e\x91#b\x9ar\xc3\x84\x04\xa50\x19\xf0Q\x90\xbaH\xef+\x1e\x9b\xab\xf1\xb0}\xffq\xd5\xc8%\x92\xe0\x93\xa0\x90.\xd8j\xcc\n[?c/\x0b\x8f\xdf\xf4\xbf\x8c\x95G3\xe6\xb5\xf1\xab%-\xd6\xdf\xb6\x0cS\xb8;I\x02\x8e,\xec\x91\xcb\xe5\xf2\xbck\t\xfe\xf9\xbcs\xfb\xa1L\xcbD\xcd\xe2F\xdc\xfb`XO\xbd\xabmn\xf4l\xed\x01\x00\xa00\'\x8f\xf7\xda\x8b\x00\xe7&gt;\xb0V\xc28J\xdd\xe37\xfeOPB\x85\xfb\x88\x05\x1b\xcf\xe1x\x14\xb1Z \xe1\xd0\xd7\xd6f\xde\x12I\xe8B\x86\x99_yM\xf8\xa9#\x05H\xca\x86\x8b\xecWYd\x86aD\xc6J\xa3m\x9c\xd5e\xfa\x19\xdb5\xbaK\xae:S\xe9Q\x82\xfek\xd7\xa5\xc4!\xbe;\x8c\xa8\xda]\xaf%\xe4\xf7\x8d\xc9#\xdf\x884R&lt;WGF\xe8._g\xda\xeb*\xf9\x1a\xcc\xf4k\xf9\x01\xa0\xcf\x82K\x82}\xc6\x03?t-_\xfc\x81\'\xbeE\xfe\x98\x0f\x11\xa3gkg\xd5q\n\xf1\x10bx\xd8\xfa\xc2\xfe\xb0U7e\xe7*\x89\xc0\xcc\xd8\xfd\x98\xfeIz\xd9\xce\xd3\xce \xa2fM\x92~\xd1G}\xf0\xa5h\x05\xac\xe069jM\xb6,\xa8\x9aZ}\xb7@4\x1b\xc6K\xa6\xd8TjED\x8b\x1e\xa0\xd2\xf3\x0e\xa6j\xc4t7?d\xc5uKREP\xde\xe7&amp;\x15\x11\x7f\x14SK\xfc\xe0\x93\x7f\x94\xbfs\xd7\x9dJ\xfep%$\t"\x8e!\xb6\x06\xdc&lt;6\xd4\'\x11Q\xd9\xd4W!\xa6\x89"\x0e1O\xd2\x13^\xb0\xa7\xa9\xcc|O\x9c\x12\x89_\xb0dVD\xf9r\xcb\xd0x\xd8&gt;N\xceX9;\xda\x97\xc9\x00\xbf)N\x87\xdf\xf9\'xM\xbf\x1dch\x1aCk.g\xf7\xca\xdcH\xec\xdc\xf3w\xad\xbf\x8c\x94\xb1U\xa6*c\x95^\xcd1\xe6\xbeP4&amp;\xf8\xa6\x84\xe5\xee\x8c\x88\xaa\xee6~u\x00(\xdej\x11\xf9\xf5\x83\xf1C7\r^$\xf2\xc2\xd8\xeb\x809\x15!\xe2\xca\xd3o\x9c\x94\xc6\xc7\xa2\xa3\xe9\xa2\x8a7\x1b\x89$\x10 b\xae:n\xb58\xa2T\xeb\xb9!\xc05Z&amp;f\xf9\x80U\xe5\xd0\x19}\xdc|\xdd\x0c\x8e\x18\x18\xc5\x1a\x93\xa0`\xaf\x93\xdf\x89\xb7\xad\x9a\xdd\xf4\x82\xe9+X\xf0u\xd5l\xe4\x01\xf2\xc7S\xa7\x83*\xf7\xa3N\x8dZ+\xbc\xd2c\x814\xaa_*_\x98\xae\x99\xa5}\xab\xee\xdb\xbc\x7ff!N0J\x99)\x93\x0b\xf6\xc1\xed\'\x1d7\xcd\xd6j\xec!\x80\xe2\xccC\xb4\xe3\x1a\x7f/{h\xca\xff\x111m\xf9\xe1|_"z\xef\xee\x12\x89\xfb \xe2\xfe;\xc1\x99\xc4L\xda\xfa D\xd6\x1b9\x11\xf4\x10\x11 \xa6\x95\xc2\x94\x166\x9d\xfe\xd8\xc0%W\x99\xe7\xc4\xc8\xd1\xe1\xf6[DD\xf7&lt;\x9c\xa8(\xdfq\x95\xa5\xfc\xfc\xe7\x82\x88\xb1swa\x1ej9\xe6#\xef\x9f\xe9\xadT\x98\xc9&lt;K\xfa\xe6\x9c\x99""\xde\xfaK\x919\x1b}\x88r\xea\x9b\xfc\xce?d\xde\xc6\xd3ZRSP\x97R\x02\xd2\xfa\xa2\xf8\xf9\xe1\x05N\xea\xbc\x88\xd4e}j\xc9\xaf\xd4\x12V\xed\xb1\x9e)s\xff\xc5\x9f!"Q\x02/\xd7ae\xbb\x89&amp;\x9d+"\xd2\x91z\x8d\x10q\xe05u\xc7wm\'\x1c5\xcd\x96\xb4x\x7f\xd3&lt;\x82 \xe2\xa6\xf7*h\xa6$da~\x8d\xc5[.\xd2\xa5\xa5\xd1\xe7t\x1e\xbf\x8fL\x80\x96\x1c{\r\x00\\\xf7\x8a\xd6HWa\x84\xa5\xfc)J\r2&gt;\x98\xd6JI,\'\xbd\x14\xe2&amp;\xb0^\xe2\xd2?\xc4\x9a\xfb\xfc\xec\xe4d\xf5\xc5km:\xe2\x80Y\x96\xb8f\x19D\xe9\xe2\x0b\x83cJ\x06\xa3\x03\x88\xf8\xe5\xbf\x9e\x9b\xa3\xd9\x02\xccTe\x8cM\xc9X\xb5\x84\xc8\x90</t>
        </is>
      </c>
      <c r="E590" t="inlineStr">
        <is>
          <t>&lt;class 'numpy.ndarray'&gt;</t>
        </is>
      </c>
    </row>
    <row r="591">
      <c r="A591" s="1" t="n">
        <v>589</v>
      </c>
      <c r="B591" t="inlineStr">
        <is>
          <t>steps_per_sec</t>
        </is>
      </c>
      <c r="C591" t="n">
        <v>8500</v>
      </c>
      <c r="D591" t="inlineStr">
        <is>
          <t>5.2935576</t>
        </is>
      </c>
      <c r="E591" t="inlineStr">
        <is>
          <t>&lt;class 'numpy.ndarray'&gt;</t>
        </is>
      </c>
    </row>
    <row r="592">
      <c r="A592" s="1" t="n">
        <v>590</v>
      </c>
      <c r="B592" t="inlineStr">
        <is>
          <t>Loss/localization_loss</t>
        </is>
      </c>
      <c r="C592" t="n">
        <v>8500</v>
      </c>
      <c r="D592" t="inlineStr">
        <is>
          <t>0.002516007</t>
        </is>
      </c>
      <c r="E592" t="inlineStr">
        <is>
          <t>&lt;class 'numpy.ndarray'&gt;</t>
        </is>
      </c>
    </row>
    <row r="593">
      <c r="A593" s="1" t="n">
        <v>591</v>
      </c>
      <c r="B593" t="inlineStr">
        <is>
          <t>Loss/classification_loss</t>
        </is>
      </c>
      <c r="C593" t="n">
        <v>8500</v>
      </c>
      <c r="D593" t="inlineStr">
        <is>
          <t>0.13800927</t>
        </is>
      </c>
      <c r="E593" t="inlineStr">
        <is>
          <t>&lt;class 'numpy.ndarray'&gt;</t>
        </is>
      </c>
    </row>
    <row r="594">
      <c r="A594" s="1" t="n">
        <v>592</v>
      </c>
      <c r="B594" t="inlineStr">
        <is>
          <t>Loss/regularization_loss</t>
        </is>
      </c>
      <c r="C594" t="n">
        <v>8500</v>
      </c>
      <c r="D594" t="inlineStr">
        <is>
          <t>0.03869442</t>
        </is>
      </c>
      <c r="E594" t="inlineStr">
        <is>
          <t>&lt;class 'numpy.ndarray'&gt;</t>
        </is>
      </c>
    </row>
    <row r="595">
      <c r="A595" s="1" t="n">
        <v>593</v>
      </c>
      <c r="B595" t="inlineStr">
        <is>
          <t>Loss/total_loss</t>
        </is>
      </c>
      <c r="C595" t="n">
        <v>8500</v>
      </c>
      <c r="D595" t="inlineStr">
        <is>
          <t>0.1792197</t>
        </is>
      </c>
      <c r="E595" t="inlineStr">
        <is>
          <t>&lt;class 'numpy.ndarray'&gt;</t>
        </is>
      </c>
    </row>
    <row r="596">
      <c r="A596" s="1" t="n">
        <v>594</v>
      </c>
      <c r="B596" t="inlineStr">
        <is>
          <t>learning_rate</t>
        </is>
      </c>
      <c r="C596" t="n">
        <v>8500</v>
      </c>
      <c r="D596" t="inlineStr">
        <is>
          <t>0.07991974</t>
        </is>
      </c>
      <c r="E596" t="inlineStr">
        <is>
          <t>&lt;class 'numpy.ndarray'&gt;</t>
        </is>
      </c>
    </row>
    <row r="597">
      <c r="A597" s="1" t="n">
        <v>595</v>
      </c>
      <c r="B597" t="inlineStr">
        <is>
          <t>train_input_images</t>
        </is>
      </c>
      <c r="C597" t="n">
        <v>8500</v>
      </c>
      <c r="D597" t="inlineStr">
        <is>
          <t>[b'640' b'640'
 b'\x89PNG\r\n\x1a\n\x00\x00\x00\rIHDR\x00\x00\x02\x80\x00\x00\x02\x80\x08\x02\x00\x00\x00\x83\xaf^t\x00\x00 \x00IDATx\x9c\xec\x9du@\x15\xd9\x17\xc7\x0f\xa24\x08\x88\x02\x02R\x12\x82"b\x01"\x8a\xa8`c\x07&amp;v+vwwwwww\xc7\xda\xae\xae\xb9\xc6\xda\xbb\xea\xea\xae\xban\x9d\xdf\x1f\xf7\xcd\xbc\xe9z\xf3\x08\x7f\xfb\xf9\x07\xde\xcc\x9d;\xf3\xe6\xcd\xdc8\xf7\x9c\xef\x01\xd0D\xdd&gt;[\xb5\x1d\x98\x01\x8c\xdd\xf84\xb3/\x81\x05"\xbeC\xd4\xbf\xde\xfcu\xf4\xac\xcd.1\x7f\\o=+\xe4q\xe2\x05N\xd9\xf1\x1a\x00\x00,\xccz"\x1a4\xc7mW\x88U9\xa1\xad\x1e\x88\x08\x0e\x15\xc5\x0e\n\xaf1\xc6\x94sz\xc4\xa4\xef{\x80\xfe\x89\x83\xd9\x9b\x9d\xa6\xed\xfa\x99\xbd\xc5\x99\xf9!\xb0\xd2\x90\xc0\x8aC.\xfe\x8a\x82\x88\x9c\xca\xa6\xd9\xf0\xfd\x00\x8e\x00\x00P,m\xcc\x915\x17\xf0.\xfb\x90\xad7\x91*\x00\x00E\xe8\n\x13\xda,&amp;\x9b,\x0b6\xcb\x19\xd4\x1c\x91u\xc1\xacS\x17h\x08\x00\x00V\x00\x00yk"bL\xeal\x80\x08\xfb\xc2m\x01\xc09\xaa\x13\x00@\x9e\xea\xd4\xa1~\x90\xb3,x\x1a_\x8a\xae\xd3\xcfC\x9e\xea\x88\x08P\x90l\x89k&gt;\xb7l\xcb\xf9\xa4\xf2I\xdb^v\x9fy\xb1\xdd\xc4\x93\xc6\xef\xe4\xdb\x10\x11{\xcc\xba\xe4\x12\xd5\xf97\xc6\x17o&lt;x7"\xee\xfc\x81sC\\\xc9\xc7\xbe\x0b\xae\x0fZ\xf6\x03\xb2Yv\xfa\xefQ\xeb\x1eQ\xe5}H\xed\x00\x00\xe0\xc2\xfc\x8e1\xa9\xb3\xe8\xb3L\xd9\xf1\x1a\x11\xc1\xb6\x02\xf98p\xe9m\x91\x1f"\x8c\xde\xd2c\xd6w\x13\xb6&lt;\xa7?6\x1fy\x90\xff;\x85\xd7\x18\xd3s\xce\xe5\xab\xbf\xe3\xfaKhS(\r\x11_#\x02\x94\xac\xd8~\xd9\xf2\xd3\x7f\x17\xa95\x1e\x00\x00B\x11\xf1\x0bb\xae\xe0\xe6\xf4\x81V!-/\xff\x86\xa7\xdf\xe0\xe8\xf5\x8f\x13\xdb-\xddu\x07\x11q\xec\xc6\xa7\x88\x08\x10\x05\xe06d\xc5]\xfe\xe9J7\x9e\t\x00\xbf!N\xdc\xfa\x02 \x88\xb7\xdf\x1d\xa00\xff(r?\xe9\x9f\x89p\xe5w|b\xfc\xee\xc1\x00\xc0yn\xd9\x84\xfe"\xf3\xc4\xfe\x872\xd0L\xddU\xe61e\xc7\xeb\x17\xe6\xf8F\xf6\xa2\xedxV\xc5\x8e\xfcYu\x9e\xbc\xc3f\xa7\x85P\x93d\x02\x85\x00"\xc8\x7f\x0eE\xda\xc9\x94\xcdUVhk`\xbd~\xdb\x01\xa2\x05\x8f\x08\xad:R\xe5\xf5\xd8+\xd8"BN\xee\xe5\xe5\x08lJ7\xe5Sv\xbeA\xc4\x8b\xef\x11\x1c+\x89U\xb0\xeb\x0e\x82\x7f\x13\xf2?9\x8an\x01\xa7\xee\xfa\x99\xfc\x13\xd7|\x1e]\x9e\xae|\xffC\xce\xbb\x90\x93\xf9\x81\x94Yt\xfc\x0f\xe6\xddp\x8e\xeaT\xa4\xd6x\xb2+\xba\xc9,\x80\xd2;n\xe3O\xecw*\xbc\xc6\x18D\x9c\xb6\xebg\x80"I\x9dV\xd6\xed\xbbu\xfe\x91\xdf\x01"\x00B\x01&lt;\xa8\x8a\xaa\x90\xde\xb4\xeb\x8c\x0b\x05+\x0fC\xc4\xddw\xb1n\x9f\xad\x00a\xf4\xa9\xa9\x91Sic\xd5\x9eu\xe8\x8b\xdfx\x15\x01"\x0b\xd7\x1c7\xef\xf0\xef\x88\xf8\x151gps\xaf\xb2}\xc8\xde\x06\x03v\x82e\x1c\xe9\xe4\x1c"\xda\x91\x8d\xeb/\xb3\xae\x93\xd9\xa1^\xfd\x84\x00n\xf4\xae\xe9\xbb\x7f\x19\xbe\xfa\xc1\xf2\xd3\x7f\x9fz\x85I\x1dW2\xfbu\x8b\x80TR\xc6\xa9h\x07D|\x84\xf8;UI`\xa5\xa1\x888p\xc9m\xb1_\x8a\xd40`\xc9\xad\x9a=7\x90\xff\xcf\xbd\xa5+\xc6\xe4\xce\xabn\xffm\xfc\xf8\x14\x99\xc3&amp;\x0e\xf9\x00B\x8d\x9f\x9c\x93\x85\xca\x04\x01\x14)\x97\xb6\x90\xb5\xcd"\xb6\xf9\x88\x03\xa3\xd7?&gt;\xf4\x04\xffD&lt;\xf1\x82\xbe\x03\xc2/\x02\x00,8\xf2\t\x19\x80S\x12\x00\xb8\x14\xef,V\x1e ?@H\x9d\xde[\xfe\xeb\x80y\xe4(\xa3\xaa\xb8\xf4(\x06\x11\xcb4\x9bc\xca\xe5\xdc\xfc\xaa\xf9\x17\n\xd3v\x98\xf47\xd2\x88oCF\xcb\x95O\xb2h~\x80\xe2%\x1bN\x93(\x91\x01O\xed\x82#\x9f\x00\x00 \xd2\xdc\'b\xc2\x9b\x0b\x02\x00\x80]\x05eG\x172\xe1\xcc\x1e\x009\x84\xb6\x87\xd2\xa3\x10!bL8\xa3\x11\xa7\xc8\x0es\x0f\xfd&amp;W\xa82\x7f\xdb\xb4]?o\xbenx\x12\xea\xf5\xdb\x0e`\xc3\xd8\xe9\xc0)\x9c\xbfLo\xba\xf3p(\xd2\xae\xf7\xbc\xab\x00a}\xe6_\xaf\xdd{\xb3k\x89.o\x10\x7f\xe5&lt;T\x9eu\xfeBDD\xdf\x84\x01\x12\xd7E^\x96\x94^\x9b\xb6\xdc0\x1e\xde~\xe2\xa9\xe9{\xde~@\x16\xc3V\xdd\x07\x00\xff\xc4A\xe0X\xc96,\x8d\xf7\x96Yu\x9d~a\xf6\x81\x0f\x888c\xcf[z\xeb`\xaaW\xcbW\xbaG\xafyW\xe7\x1c\xf8p\xe1\x1d\xfe\xc3\xa8\xd6\xb3L/\x00Xp\xf43\xa9-\xbe\xd5\x02\xf0\xae\xb7\xe7\x1e\xb6\x9fx\xb2\xe7\xec\xcb\x00\x00P:8y\x04\xf87&amp;\xe5\xc7oyN\xe6\xd9\x88\x08yk\x02\x14"\xff\xf7[t\x93\xba\xa4p\xe6\x17\xec:\xfd\xbc\xe1:=k\x93\x02O\x10\x01\xa0Z\xb7\xb5\x001\x00A\x9b\xaf#"~\xff\'\x02\x80[\xc9n\xe0Z5\xb6\xe9\x1c\xaa\xaa\xc2\x00P\xbf\xffv\x00\xc8\x17\xddS\xe2\xb5]|\xe2\x0fD\xa4\xed\x01\xed&amp;\x9c\x00\xc7\xca\x00\xb6\xde\xf1}\xbb\xcd\xbc\xc8\xea\xdb\xdcS\x1c\x8a\xb4{\x8bX\xa9\xc3\xf2u\x97\xb0\xcd\xb8cM\x86\xec\xe95\xef*"~E\xec:\xe3\x02"w\x1c\xd6q\xca\x99*]V\x038\x80e\x1c\xb5\xcd\x8b\xb1\xdf\x92s1AI\xc3#R&amp;\x0cXr\xabH\xad\xf1\x90;\x99uv\x11\x1a\r\xda\xf5\x17\xab\x98\xbf_\xc2@\xda&lt; A\x83\x01;d\xcbd5\x14\x8f\x9a\xd9\x94m9_Y\xc1\x00\x95\x15[\xfd#\xf2\xc3\x84\xd7\x18\x03\xe0\x0cv\x89*+\xccd\xcc\xd2\x01\xab \xb2\xdf\xa2\x9b\xe4?b\xbb\xcb\xaah|\x0e3\x84"\xe2\xbbr\nmt\x16+=q\xdbK\xb1]\xa9\xc3\xf6)\xbf \x83\xb1:_M\xb0MP~\x94V&lt; W&lt;8WaN\x80\xdccz\x16\xac4\xf4#bl\xd3\xd9\x00@\xbf\xe6k\xbf\xc3\xfcq\xbd\xc1\xaf\x11\xbd\xa5\xf3\xb4s\xddg^&lt;\xf5\xda\xd0\x98N\xd8\xf2&lt;&amp;u\xb6\xc8\x89\xa2\x10q\xf9\x99\x7f\x00\xe0\x1fD\xeb\xd0Vdk\xea\xd0\xbd\x89\xed\x96\x96k\xb5p\xda\xae\x9f\x13\xda,FD\xba\x9d}\x8f\xb8\xe7\x1e\x1e|\x84\x9f\xc9[f\x11\xcb\xac\x8e\xd8\x81\xc1\xad\xbao\xc2@\xb2e\xdd%\xbaM\xb7\xfa\xcd\xd0k\xd6 [&gt;#\x82K\xd5\x83\x8f\xb0D\x83\xa9\x8626\t\xdc\x97\xd7\xba\\T\xbd)q\xcd\xe7\x01\x14h3\xee8"\x06\'\x0f\xef=\xff\x1a\xb3\x98Sd\x07D\x1c\xb7\xf9\xd9\xca\xb3\xff\n\xbd\xf8\xf6\x07~D\x00x\x8b\xf8\x08\xf1gD\xc7\xa2\xed\xc12\xee\x15"\xb8V\x05\xf6\x14\xd9?q\xf0\xad?\x91\x03UO~v\xe5a\x00\x05\xe9QcJ\xafM\xcc\xbdm\xc7\x1fg^A\x9d&gt;[\x10q\xc4\x9a\x87\xe4t\r\x07\xeed\xee\x1d\xbc\xfc\xce\x99\x9f\xb1\xed\xf8\xe3\x8c3:\x19w{\xd7\x9f\xb0\xe5\xf9\x17\x91\x06m\xda\xae\x9f\x9b\n=\xc6\xd5\xba\xaeE\xc4w\x88\x17\xdf\x1b\xea\x9cwXn\x8c\x08`\x1cy8%!\xe2\x98\r\xf2k\x8b\x0e\x11r\xa6\xa9\xff?\xf8+\x01J(f\xe2Y\x93:\xad\x04\xb0\x04\x08\xdeq[u\xe7\x97\xd2k\x93\x89g7b\x11\x9b\xd9\x1d\xb0\x91L\xba\x8c\x1c\x00\x00\xfe\x8d\x1b\r\xda\x95\x19g\xcf\x9a\x08&lt;\xdeV!-\xf9\x1b\xe3[-0\xfb\xb5h\xc2\xabl\x1f\x00\xef\x1f\x11W\x9d\xc3\xb41G\x00\xa0j\xd75\x00P\xa4\xd6\xb8\xf5\x97\xb1L\xf3\xb9\x00\x10\x9c&lt;\xdc\xd0O8W\x01\x08\xfall\xd0\x85m\x8f\x88\xf8\x06\xb1\xc1\x80\x1dB\xafL\x1e\x86M\xc2\x85^\x0b\x00(\x8e\x88\x1f\x10\xc9\x94\xf4\t\xe7\xa8\\\xf1s\x0f~\x04\xc8\x03\x00\xa7^\xe1\x92\x93\x7f\x02@\xbb\t\'\xb8}\x1a""&amp;\xb4^\x0c`{\xe8\t"\xe2\xea\x0b\x08\x10M\xb6\xc76\x9d\r\xe0\x08\x90\x0b\x18\xbdcl\xd39\x00\xf6\x88h\x1d\xda\xea=b\xfd\xfe\xdb\xfd\x13\x07u\x98t\nr\x1a&amp;\x85\x0b\x8e|"s\\\x00w\x00\xf0)\xd7\x8f\xdc\xb6\xfd\x0f\x11\x11\r\xc5l+D\xd5\x9b\x0c\x00`\x19w\xe1=\xd27\x01\x11k\xf6\xd8`_\xb8\xed\xe8\xf5\x8f\xe9\x994\xaf\x03\xb6\xf7.\xdb\x97\xfc7`\xc9\xad\xdc\x91\x1d\xd3\xc6\x1e\xa5\xbfw\xe3\xc1\xbb;N&gt;#\xe2\x88\xc0\xa2x\xfd\xa9\x92\xfb\xf3r7\xd8&amp;\xfc\x8c\xd8t\xf8~\x99z\r\xb3U\xe3\xa8z\xce\x81\x0f\x13\xb7\x1a\xac\xcf\xdf\xfd*\xdd\x10\x19\xcc-\xf6\x85\xdb\xd2\xdfw:\xc3\x8ca\xbc6\xb7\xea\xecy\xa0\xbd^f\xa4\xffw\xf4\xea*\xc8\xef\xbd\xee\xbbL\xeb\xff\xc6lx\x92Ez_%\x98c\xfc\xd8e\xda9\xa0\x96\xe8\xa4K"\xe2\xa2\xe3\x7f,;\xfd\xb7\xd0\xce\xdc\xba_\x98\x12F\xad\x7fL\xe6%&lt;X\xc3\xca\xc8:\x93\x0c\xff9%\t\x94\xcdWS\xee&lt;\xeeb7\xe7\xc8\xd3,\xf4\xf0\x10\xab\xaf8\xa4\xed+\x85\x88\x00\xa5\x01\n\x04T$K\x00.dwp\xf2\x08D\x9c\xc74\x8f\xe7\x8ag\x1e_\xa5\xcb\xeaj\xdd\xd6\x06%\r\xe3\xdd\r\xcf\xa8z\x93\x89-\xd7=\xa6\'\xf87f\xedt\xa8\x04\xe0Oz\xbb\xed\xb78\x07\x86\xbdB\x04(2z\xfdc\xd2\x14\x8c\xdf\xfc\x0c\x11\'n{iY\xb0\xd9|\xc6B\xe3\xbf\x88\xed&amp;\x9e\xcc[\xaa;)\x80\x88\xacEH\xaa\xe7+\xd5x\xc6\xf4\xdd\xbf\x8cZ\xf7H\xf0\xfb#\xe2\xec\x03\x1f\x0c\x1f\xac\xca\xe5+\xddc\xcf=r=\xc1+\xce\xfcC\xf9\x1e\xda\x02X\x1a|\x08\x8cn\x1c\xe1o\x10\x01l=b\xd3y\xb5\xda\xba\x96\xe8\x92\x92\xbe\t\xf2\xd5D\xc4F\x83vS\xdb}\xa8\xbf\r\x10\x11\x9c*\x07\'\x0f\x87&lt;\xd5\x00\\\x01B\xca\xb7^\x04`\xc5tI\xd3\x0f\x9f\xc25\xc7\xd1\x1f\xdc\xa3{\n\x95)\xfc\x96q\xd3\x98\xf4\x9cs\x19 D\xe8\x90R\x8c\xff=\xa9\x7f\xfc\xc5.BhDBp\x16;$\x8b\xd2t\xd8&gt;\x8e\xfb\x99\x10\x19\xe4\xb6JC\xb9\xcb\xd2\xf8)8\xc8Z`\x9bc\xe5\xbd\xf7\x05\x9e\x83\xacJ\xb8|\x11\x8d\x14WZ\x90\xe7\x9ec21\x00@\x0ci\xe0"\xd8\x99\xb1\xd0\xf6c\x9d\xfd\x85q\x14\xa7\x81V\x84\x9b\xf0f\xd7j\xc2\xdb\x19M[\x87\xc9\xa7\x19;x3\x06\x00\xb9\xf1\xbe\x89p\x17\x95\'m{)\xe8\x16P\xb5\xeb\x1a\xf6\xe0\xc6N\xc4~\x0e\x000c\xcf[\xc8\xcd\x1aL\xd8\x15n\x03\xd6\xe5D\\o\x8c\xe4\x08L\xfd\x07Ql\x9dh\xe8\x8a{\x88\x08\xaeU\xfb.\xbc\xa1\xf0\x87\x9e\xb5\xef=igC\xaa\x8c(Z{\xe2\x85w\x88\x88\xe15\xc6\xf2K\x8aTh\x8d\x88\x87\x9e X\x97\xa7\x9bl\xcb\x82\xcd\x8a\xd5\x9d\xbc\xf8\xc4\xd7M\xd7\x8c\xed\xf8[\xc4\xe1\xab\x1f\xfc\xcbh\xd9;O;\x97&gt;\xf7\n\xb3\xa1\xf7\xab0\x10\xd1\xe8}\x06P\x08 \x90\xfcW\xa6\xd9\\\xf1\x86\xb4\xf8\x8d/\x18\x9c4\xdc\xf0\xc9\xbb^\xef\xf9\xd7\xdaO&lt;\x15V}4\x00\x00\xd8U\xe9\xb2\x1a\x11\x9f \x0eYq\x97?\x87+Z{""\xda\x85\xb7\xd9|\x9d\xf6\x0c7\xf2\x89\xb1\xd6K\xe80\xe9\x14\xe3\x93C\xbd~\xdbjt_/ra\x9a18\xa9\rZJ9\x7f\xb1\xc6R.\x01\x15\x07#b\xab1G\x94\xd4\xf5\x11\x11\x11C\xab\x8e".l\x88\x08V\xf1\x00\xc4\xd3E\x00\xe2\x89\x86\x88}\x17\xde\xd0\xfc\x05\xb2\n\x88(h\xb5\xff\x96\xc8[\xaa{f_Bf#\xee\xcejfrR\xd3\xa0\xc2\x88\xd8d\xc8\x1es\x0c\x86\xc2\xaa\x8fV^\xadrgc\x87"\xed\x86\xae\xbc\'\xb8+\xa0\xe2\x10\xc6\xa7H\xe9u\x16\xc7\x88\xf6\x9c-k.\xe8w\x13\xb8-\xb2\xd3{D\xf0H\xe1\x17&lt;\xfe\\l$*\xe0\xa5\x81\x88[o\x9ae\xdc`\x1d\xda2gP3\xfe\xdc\xa5p\xcd\xb1\x13\xb6&lt;g\x97\xf5\x06\xea\xb2I\xbf\xb8\xee\x12.:\xfe\xc7\xad\xbf\xd0\xabl\x1f~\xcdN\x91\x1d\xf8\x1bk\xa5o\xfc\x13\xf14\xb5\x02M\x1a\xfabu\'\x83g\xedA\xcb~h8p\'"\x1e~\x82\x00\x05\x86\xac\xb8[\xb0\xf20\xcf2\xbd\x0c\xd7fc\\\\G\xc4K\x1f1O\xc9\xae\x86]^\xf5\x00\x00\xc0\xcf\xa7\\?\xa7\xa2\xe4\xa4\xd6\x85k\n\x8c\t\xe8/\xbd\xf7\x01V\xef\xbe\x1e\x11\x01l\x01`\xce\x81\x0f6\x85\xd2\xc8\xbe\xa4N+\x01|\x10\x91\xacX\xf3\\\xf7\x8b\x94K[8~\xf33\xfa!\x8f\xac3\xd1\xaf\xc2 p#\xf1W\xe1\xd1Mf\xde\xfc\x83y\'\xf3\xbeE\xcc\x15\xd2\x82\xfe\\\xaf\xef6\xb0\xd7\xd3of\xfd%\xe3\xe9*uXN\xfe\xb1\nm\xc9(R\x1c \x9c,C(\x81\xdc\xd5\\\xc1-\xf2E\xf7\xf8\x1d1\xa4\x8a\xcc\x1b:f\xc3\x93}\x0f\xb0h\xed\t\xf3\x0e\xfd\xc6\x98.gO\xda\x8e?\xa1o\x9b\x98:to\x89\x06R&gt;\xb7\xe6\'\x8f\x88aDh\x8a\x9c\x19H.K\xe77\xc7\x19M\xf9\x89\x1b\x0e4u\xed\xd6!\xa2\x1d@\xd1\xb9\x07?\x8aN4M\x85\xebx)E\x8eX\xf92\x00\x000j\xdd#\xc1\x9e\x0c w\xe3\xc1\xbb\x8d\x9fl\x12f\xef\xffU\xa2\x9e4e\xf3\x00\xbd\xf8,\xf2[\x0b\x9a\x04\x05\xb1\x0boCG\xebj\xc0%J"\\\xc4@\xff\xc5\xdf3&gt;\x05\x96n&lt;\xb3^\xbfmH9!\x03\xc0\xd4\x9do\x0cW\xeb\\\x05\x11;L:\x95+\xb8\xf9\xfc#\x9f(\xa3\xae\x00d\x89\x97Ip\xf2\xf0\xef\xff\xc4\x1a\xdd\xd7\x97i6w\xf9\x99\xbf\x8f&lt;E\xebB\xad\x101\xb0\xe2\x10\x00[\x80B\x9b\xaf\xa3\x7f\xe2 \xceQ\xbc\xbb\xe4\xe9V\xaa\x1bX\xc5\x17\xae9\xcep\x0f\xc9B\x83u\xb9\xfcq}J6\x9c.\xfbe\x01\x00 \xa0\xcd\xf8\xe3\x86\x9a\xad\xcb\x91z\xde \xb2\x02\x91\x9d\x92\x10\x91c\xd2h8p\xe7\xe1\xa7\x08\x00N\x91\x1d\x9e"\x02\xfd;:\xd0C\xea\x88\xe6#\xa4\xc2\xed\x10\xb1\xd9\x88\x03\xe4\x7f\xd7\xe2],\x0b6\x9b$\xee\t\xa8\x8c\x08\xb1\x1d\xc1\xc9#d\x0f\xce\x17\xddC\xaeHQD$KW\x82T\xe9\xb2f\xc6\x9e\xb7\x89\xed\x96V\xe9\xb2Z\xf6t\xd9\x80Z\xe9\xfa\xf9\x1c\x81%\xe4(\x03\xd6\xe5u\xa9\xeb\xd2G\xe1\xb1\xbc9\x91\x0e\xe9\xd1\x87\xa3?e\r\x93\xb8\xd1N\xc8\r2!\x18Ld6\xe53\xe6r2\x1cg\xad6\xff\xe2l\xb1\x97\x92\x8cE\xc1\\&amp;^\x93\xf9\x18\xb0\xe4V\xed\xde\x9b\xcdW\x7fR\xa7\x95\xca\x0b\xd7J\xdfh\xfc\xc0\x88\'\xf6-?\x00\x00"R&amp; K\x0f\xc0\x97tK\xeci\x96&lt;\xf9\xcb\x18\xb4e\x86\xae\xbcG\xb9\x11\x84&gt;V&lt;\x10\x81\xbc5\x01&lt;\x9c\x8av\xc8\x1d\xd9\x11\xc0\x8bv\xcb\x1a\xbd\xfe\xb1\xec\xa1\xbf\x18\xce\xe2\xcc\xdf\xc5\\{\xe6\xac\x82#\xa2\xe8\xba\x80E\xec\xef\x86\xcbv\'\xc7V\xef\xbe\x0e\x00\xe4\xa6\x80\xfe\xeb.!\xf85\nJ\x1a\x0e\x00EkO\x00\x08D\xa2\x06\xe3S\x1f&lt;\xeb\xf0,(\xd6\x00\x10\xdbt\xf6\xd4\x9do\xc0\xb9\n\xbdu\xc5\xd9\x7f\x9e \x8a\x86\x11\xe6\xad\t\x00\x15\xda.\x91\xbd\xb1\x05\xca\xf7g\x95a\xc5\x04F\x83_c\x00p\x89\xeal\xb89"&amp;\xe8\x1c\x81\xa9\x00\xb6\xe2\xf1\xca\xd9\x0f?\xc5%34V\xc4\xaf\xc2 \x9eUJ#\xe2O\x86\xaf.\xf5\xff\xff\xe2Q;c\xcf\x17\x04\x8e\x021\xac\xda\xb0\ro\xad\xed@\x96\x1d\xdb\xb5\x9ad\x9c\xd2\xff\x0b\x8eE\xb9\x96v\xb5t\x9bq\x81\xfc\xa3|\xb2.\x8c\x7f\x93\xc9;^_|\x8f\x02\xed\x95W]\xcf\xd8^\xe0P\xa9\xfb\xac\xef\xe4=\xfb\xbc\xeb\x03\x04\xb1\x06U~\x8d\x11\x11\n4\x90q\xaap\xaaL\xe2\x9drGv c\xfa\xd4\xa1{{\xcc\xbe\xd4v\xfc\xf1[\x7faR\xa7\x95\x89\xed\x96"\xe2\xf0\xd5\x0f\xf8\x87z\x96\xe9%\xeb&lt;5r\xed\x8fs\x0f~4~\x16\xb303\xfc\x07W\x9e\xfd\x97\xb1#T\xb0\xcd\xaf\xd0f\t\xf5\xaf\xcd\xa2\xe3\x7f\xfc\xc6\x10\xe5h&gt;\xe2\xc0\xac}\xef}\xe2\xfb-;\xf5\x97\xd8U)\xf9\xd5\xa82\x1e\xf7\x11\x1d#\xda3F\x1b9:M9S\xba\xf1\x0cf\xb1Q\xeb\x1eK\xd7\xa6cS\x90i\xf4]p\xdd\x1c\xcbr\xa2\xd0\xa3\xaa\x80&amp;\x92\xe52\x88\x9cA\xcd\xe5\x0beu\xf4\x1d\t\xba\xebY\x99a\xb5L7\xbe"\x9ex\x81\x05\xca\xf7\xe7\xef*\x922^\xdfs)\xc3K\xea\xf5\x11iI3\xd3t\x96+\xde" U":\xbf\xfb\xcc\x8b\xaa\xeb\xccY\x16l+\xe8\xf4\xe4\x145\xe1X\xfb\x1c\x81M\xe9\x0f\x15\xda.Y|\xfc\x0f\xd6~\x9f\xfa\xe4\xafg\x99^7\xff@\x15\x9e\x89\x02\x08x\xdb\xd1\x1c\x7f\x8e\xc4\xbd+\xb9\xd3*p\xa9J\xba\x93\xf9\x87\x7f/Tm4\x1d\x94\xcf\x84i\x0f8\xf7\x16\xbd\xe3\xfbU\xeb\xb6V\xe6\xfc\xee)|e(d\xcaI\xda\xa8\x0f\x10w`y\x8a\xf0\x1fl\xaa\xfb\xcc\xc3\xd9\x1e\x9c&lt;\x1c\x11O\xbe\x94\xefG\xa6\xee\xfa\x99\xd2\xa8\xb1\xe6\x04m3Yt\xfc\x0f\xea\\\x05\x94]:!+k\t\x88\xd0f\xdc\xb1\x0c\xed\x803\x07\xee[\xfd\x7f\xf0\x95\xcd\x8a\x87|\x11\xf3\xf0D\xdc\xc3V5\xa6\xadn\x0c5j\xe1\xfa\x89\x95\xc9\x15\xdcBl\x97\x8e(1\xfd\xd1\x0c_\xfd@b\xben\x1b\xd6\x1a\x11\x05\x16br\x96]-\xee8\x96/\xba\'\x7f%U\x1b\x88\xf8\xdd\x07\x81&amp;^\x11^\xf5\xb8\xf2[\x00`\x97x\xe81\xff\xcaEW1\xf5\x82\xf4\x1f\x13\xb6&lt;\xaf\xd1c\xbdZ\x17\xc8\xea\xdd\xd6\t\x19\x96Y\xc3\x05R\xff\xb0U\xf7\x11\x91\xf6\x01D)!I\xd1\x90\x1ea&lt;\xebt\x9ez\x96\xfa\x90#gP3\x00\xb8\xfa\t\x11\xd1\xb5D\x17\x00h;\xfex\xdd\xbe\xdbZ\x8c&lt;8t\xe5=r1Likq\x18\x16\xc7\xbc5\xc4\n\x91\n\xc7lx\x92\x89MM\xc61u\xd7\xcfm\'\x9c\xc8\xec\xab0;L\xfd\xde\xc3O\xfe\xeb\x80uAv\rU\xd5\x00V\x9e\x13/q\xf0\xf2;:U\xe6-\xbeK\x89k\xa5h\x0cO\x06\xd3b\xe4\xc1\xa4\x8e\xca\xd6_-\xe3\xa8\x85C\x10\xd4E\xe1H&amp;1\xa9\xd3g\x8b\x96\x8bS\t"Bn\x99H\'5\xe4m2d\x0fo\xa3K\xbb\t\'\x05\xca\xca\xa3:\x1a3:u\xd6\xc2c_J5\x9e\x91\xd8v\xa9\xa63Bh\xd5\x91\xcdG\x1c\x00\x80\x1f\xfea5Y\xb5\xd27\x9dz\x85\x00!g~fd\xb30jC\x1aA\xc4\x8b\x8c@8\xa7\xc8\x0eL;\x81\x12\x82\x93\x87S\xff\x06\xec\xba\x83\xc4e\xa4\xf5\xd8cd\x13\xad\x99E\x0b\x83\x88\x81\x88\xe5\xd2\x16\x1a\xb2k\x88\xb0\xf8\xc4\xd7\xb41GH\x85EkOPu\x9d\xff\x91\xa5\xa1\xe2\xc7\x89\xed\xc8L\xee\xb8\xdf2\x03\x16\xdf\xe2ol\x97\x11C7}"\r\xa8\xb0K\n\xb6\xff\x8b9(Tm\xb4|!3\x10Yw\x92\xb4\x8d\x14\x00\x10\xd1=\x86\x1b,0q\xeb\x0b\xe2\x87\x9f\x01&amp;\xa2f\xc3\xf7\x93\x98\x1c&amp;}\x17\xde0\xd1\x90\xe8\x1d/\xd3\r\x98\x82d&gt;\x00\x1e\xde\xf5\x01l\xc0\xb9\n@\x88Hr\x0e#tT\x12\x87!+\xee\x9a\xf2[\xd8\x17i\xcb_\x9a\xf5O\x1cT\xaa\xd1\x0c\xe1\x03\xb4hw\xd8\xc8\x171\xe0\x0b\x00\x88X\xbc\xfe\x14j\x0bg\xbe\x9ek\xdd%\x8cm:\x07&lt;k[\xabp\xb8+\xf2\x14\xb1\x84\xa4\xdc\xfd\x7fdA\xb4id~{\xc8\xca\xb0\x18\x90\x88\xa0\x9d\'\xab\xfeo^\xa4\xc6\xd4\x99\xc8\x8d?2\xc0\xd0\xa2\xbc\xf9c\xe2\x16RE b\xc4\xa6PZ|\xcb\xf9\xadF\x1fADv\x17\xae{\x08_\x81\xc6\x83\xf7\xf05)\x11Qs\xd6\x13\xc2\xa4m/;N&gt;\xcd\x0fI\xe2\x9dE5\x81\x95\x86\xa8z\xce\xdb\x8c;\xae\xe1,\x1c\x04\xf3n!b\xffE\xdf+\xf1_!\xbdo\x91Z\xb4v\x95h\x02"\x03\xbaF\x0c\xf3(@\xfc\xdbW\x9c\xf9\x87|\xee\xb3\xe0:ed\xb6\x02\xf7\x14\x00\x88N\x9d\xb5\xe366\x1fq\xa0\xd7\xbc\xab\n+5\x8c0,b\x88\x9d\xfc?\xfe#\xd3\x18\xb4\xec\x07\x95G\xd8\x83\x85r\xf5T\xc1\x0c?\x86\x84\xa9\x82\xbb\x10q\xd1\xb1/*/I=\x05\x1a\xaa\xcf\xf9aF\x92;\xad"\xff\x98;\xc5\xb2*\xfc*([\xa6u\xaeB|j\xcc;Bu\xad\xe6G%HP\x84\x02YcB\x9f\x05\xd7\xcf\xbf#s&gt;\xe1\xe0:\x000\xea8*\xc67a\x80u\xa1V\x9c\x8d\xcdd%\x91Mf\xf0\xf2;\x1b\xaf\xf2^.\x8b\xd8\xb0\xea\xa3%\xbc\xde\x9a\x0e\xdb\x07\xe0\x02\x90\x87\xee\x9c\xc4\x06j!UF\xac\xb9h\xac\x1f\x11#\xd4;3N\xdc\xfa\x82\xbb)o\r\x11\xb1\xb3`D\xa4W\x7f\\\x8awn9\xea\x10\xf84\x905\xd8\x80\xa7h\xb4\x05\x89\xb02\xd5s&gt;\xb3\xc8\x96\x17\xfd\x1f\x82\xd8VPkZ\xff\xf0m\xfc\xfar\xfa\x88\x19\x8c\xaf\xb1k\x91kV\x188\x17\xeb\xa4\xb8\xac*\xf7]\xd2\x0f\x15\xa3\x83|\xa4)\xd7jAr\xa7Ufn\x16B\xc0\xb7\x91\xe1_\xbd\xfd\xe4\x01\xa0p\xcd\xb1+\xcf\xe9u\xfd\xa1 \x96\xb1\xc0\xab\xae\xe8]\xca\x9d\\\xb6\xc5|\xa6S\xb1W\x9c\x80t\x97\x12\x10\x19R!NI\xceQ\n\x1f\x127\x9b\xb04\x80\xe0\xc3O\xe8nI\xa1\x8f\xba~\xc9\x0c\xdcS \x7f]\xeaCaV.a\x066aibzsM\x86\xec1\n\x13y\xd7\xa76\xbb\x01\xe4\xb5\r#\x01\x84\xa5\x12\xda,Nh\xbd\x08\xac\xcb\x93\x1c\x1b\xd1M\x948\x82\xfd\xc7\x7fd\t\xfc(\x9dH\x9d\x19\xbb\xe9\'\xad\x87\n\xda\xc3\xcd\xa2\x0e\xf6\xff\x82m\x05\x00(\xd1`\xda\xa9W\x8a\xfa$D\xf4\x8e\xef\x0b\xae\xd5\x00J\x9a\xe9\x8aN\xbfFU\x16\x8b\x92\x8d\xa6\xcf=\xf8Q\xb1\x0fTA\x80R\x92y\x97YH\x0b3I\xce\xa4\xa5\xc2\xffZ\x8d&gt;\xac\xf0\x02\xc4`k\x8c\xc3\x98\rO\xe8\xb4\x162\xf85\xa6\xa7\xf8\x88H\xf2\x07+$\xa9\xe3JD$\x82\x18*\x11u\xd4H\x1d\xb6\x0f\x11O\xbc@\xb7\x92\xddx;\xf3JH\x9b\xb1t\xb5\xe8\xd1L\x8eX\xb6\x9b\x9ec\xb1\xba\x93[\x8c&lt;\xd8k\xee\x15D\xdct\xed[\x98Q\x08[\x1a3\x01\xf942\x9a\x11s\xf4p\x07\x00\xb0./\x96\xf0\xe4\x9b"_-Qi\x1b\xd3p,\xda\xde8\xc5Q\x87\xd00\xd9?K\x84\x8c+\'\x13\xacJy\xaa\xaf\xfd\x0e\x85s1\x01\x80]"\xd2\x12K&gt;\r\xa4k\xaa\xd9scp\xf2\x08s\xf8x\xcb\xbeS\xb5\xd27\n\xde:b]T aH\xf0\xe84\xe5\x8c\xc8.\xa1\x96\xad\x80\xe8\r!\xe7U\xeb3\xac\x13v\x82&gt;\x8fJ@\xc4\x1b_4&gt;\x81e[\xcc\xbbg\x86\xa77o\xe9\xee\xea\x17\x89\xfcD\x0cH\xde|\xd1\xef\xd8fs\xd2\xc6\x1c\xcd\x80\x15\x81\xff\xc8\x00\xec\x01\xe0\xcc\x9boa$%\xcds\xc4\xe2\r\xa4\xb3\x81\xca\xb3\xe4\xe4W\xfe\xc6\xa2\xb5\'*&lt;\xbc\xc9\x90\xbd\xe6\x11#\x8bTQV\\\x10 k\x13e\x8eJ\x9f#"b\xad\x9e\x1bG\xae\xfdQ\xf9Q\xab\xcfK\xbf/\xd1J~\x11\x93\x97\xf1r\x00@\xe5\x0e+\xba\xcf\xfaN\xacD\xfa\xdc+\x9c-\x9d\xa7\x9d\x9b{\xe8#\xbfd\xb1\xba\x932oY1Tl\x01^\xd1\xf5x\xd6\x11\xd03q\x13\r\xbae\xa3\x9b\xd9C\x89$8\x07\x125 \xfa\x1d\xc5u\xaf\xd2\xc6\x1e\xcd\xaek\xc0\xaf\xe9\x8b\xb6\x88\x99\xb5\xef=\xbd\xdd\xb2\xe0\x7f\x1ee\xdf:\xe6\xedx\xec\x19+@Y\x10\x89 `}1\x97:4;\x15\xb9n\x8c\xdd\xf8\xb4f\xcf\rt\x96=\x80BJd+bRgK\xec\x9d\xba\xf3\x8d\x92SWh\xbbD\xbe\x90\xa9\x04\xca\x17\x01\x00j4 \xb6&lt;)\x81\x92\x84\x04\xd24\x18\xb0\xe3\xb9H_\xa2p!_!\x11\xb5\'\x98\xbf\xd3"\xfe\xf3\xde\x00\x85d\x8bF\xd5\x9f\x02\xe0A\xcb\x0fW\xed\xbaF\xd0$6b\xcdC\xa1\xa4\xc2\xff-TeGr\xc5\xff\xe7\xbc\xae/}\x17\\\xaf\xd9s\x03@\xa9\xf8V\x0b\xb4\xd6\xc1\r\x0f\xfd\x8f\x0c\x83j\x91\xf5l\xceJ7\x99ir\x1d\x19\x9d\x92\x1c\x11?!\x9a\xb8\x1e\xe7\x18\xd1^\xd3w\xcf\xa9$\xdf\x83\xe9pf\x8d\xdbo\x99\xaf3vR^\xf4\xf2G$V1\xbb\xf06\xcc\xedv\xe1m\x12\rC\xb4B\x88\xe8\x11\x93\xae\xe7\x05\xfeG&amp;\x92a\xb6\x0b\xf1\x13\x95\xce\x98\x0b07\x9b\xaeb\xd9\x96\xf3\x01\xf2r\xbc`8\x06\x15\xff\xc4A[nd\xc8=g\xe8\xd1g\x14^\x19~Fa\xe2[j\x19\x00\xad\xd2\xcd\x7f\x98\xc2\xb5Z\xbb\t\'LJ\xda\xc1\xca\x99\x93\x11\xa4\x0e\xdd\xdbx\xf0na\x1b\x83\x06\x8d\xe5\xac\xca\x84-\xcf=b\x8d\xdd\xd8\xef\xe6i\x06\xbf\xff\x13\xcb\xb7^$\xb6\x97\x1a\x04\x04\xd3[\nU\x1bM\\\xba\x96\x9e\xfcs\xd1\xb1/\xc4\x8b\x10\x00*\xb5_\xd6\xd2\xe8\xda\xa6\xcc\x1f-\xfb \xe5\xa4.\xa6\xd2\xf2\xcd\x80\x88`\x9b-\xde+?\xf3Tkz\x10m\x00\x00\x80U9j\x84a\xeaJR\xea\xd0}\xa6^Q\xe6\xe0\xa8\xdc\xc8in\xea\xf6\xdd\xaa\xe50\xf1\x80\xcb\xff\xd0\x86_\xc2@\xb0I`\xf61\x14fL\x1e \xa1*Ja\xc5\x9a\x0f\xb8T\xc9\x98y\xc8_\x88L=\x10\xa4`n\t\xac4$\xa0\xe2\xe0\xb6\x13N([\tU\xea\xf1\x9e\x15\xb1P\x9c\x95(\xa0\xe2\x10\xb3^I&amp;"\xb8\x80\x9f1\xe2\xb7\xdf\x0e~\x8d\x11q\xfa\x9e_\xc8\xa7\xae3.\x98\xd2\x89N\xda\xfeJ\xa7\xcb27\xdc\xa1\x06\xa5\xe0c\xd3s\xce\xe5,\x14P\xa0\n\x9d\xf2y\xeb\x81\xd9\xb3&amp;d\x1e\x99\xbc\xce\x92I\xde\xdd\xb0\xfb.2\xdf\x9a\x9cA\xcd\xa5\xfd\xa7&amp;ly\x8e(\x9d\xba\xea\x1b~H\x00@\x8f\x98\xb6\xac\x8eG\xed\x8f\x88w\xd9\x0f\xc1\xbaK\xd9\xd0\xa7.\xf3\xb8\xf3\x0f~D\xf4U%o\x94\xfd\xe92\xfd\xbc\xe0\xf6\x9es.\xef{\x98]\x9f\x9f\xc9\xdb_\xd1\xa9\xec3\x9a\x02\ri\x7fi\x8b\x80\xd4\xec:\x82\xd1\x08\'\t\x95\xda\x1eZ\xad\xbe\xbdZSM\x01\xbd\xa6\xecB\xdd\xad\xb0\t\xf6\x155?&gt;\xf2\x94:\xc4\x8b\xeb\xda9i\xdbK\x00\x00\xb0\xd4\xe5\xda\xb2"\xb9#;f\xf6%\x98\x91\xc1\xcb\xef@\xce\xb2m\xc6\x1d\xe3\xc6\x92g\xb7\xf0\xd3\xcce\xf4\xfa\xc7t\x0b\x92\xb9\xd2\xd0AI\xc3$\xf7K(\x14\xaa&amp;_\xe9\x1e\xcc\x8f\x15\xdb-\xdbs\x1f\x85\x8c\x8dl\xb2\xd0\x14\x93\x0b"&gt;\x15\x9a\x8e\xd4\xea\xb9\x91\xbfQw\xea\xf5\xdb&amp;\xb6K\xb9\xadN?\xb2\xa6mS\xaf\x9eFi=\xcbN\xff\x8d\x0c\xc0_\x83L\x07\x8b\xa8z$\x19C\xfe\xbe\x0boH\x14[|\xe2+"\xfa&amp;\x0cp(\xd2\x0e\xd9\x86\xebo\x8d\x9e\xb3/g\xf6%d\x1a\xc3W?\x00\x80\x0c\x93P\xd10\xb7\xd0\xdb\x18\xae\xc2#Q\r\xc6\x1c\xaeY  /3\xadR\xf1\xa2\x01B\x94\x19-\x0b\x07h!\xa2P\xcc\xaeO\x06\xfc\xa6]\xa5blJx\x95\xd5\xa8\xe6\x98\xf1\xac&gt;\x8f\xdb\xbe\x97\xb9]9\x83\x9akt\xe9\xb0I\xc8H\x9fMj~i\xa4\xd1\xa0\xddz\x04\xdd\xdaP\x95\x08\x8f\x03\x92:\xad$\x05Z\x8c&lt;D\x954K\xe0{\x96\xc07a@F\x9e\xce*\xa4eF\x9eN\x01y\x99\x13\xa3&lt;%\xba\x92\x7f\xcc\xd1\xe8$\xb6S\x9d\x194\xa9\xe3\n\xfd\xce\x9f\xa3\xff\xe2\xef\x05w\xe8\xf5e%\xeb\xc9\xa0X\xbdB\xd5F\x03\x14V\xe3y\xabo&gt;%\'\xf1\x9b\xe0\xe9T\x94\xab\xe3\x03\xb9\x93\xe9&amp;\xb5\xfd\xa4S\x1a\x9d\xa7\xf4\x87\x95\xcb9\xa4\xcaH\xf3\xfc|E\xc8\x9f\x82\x95\x87I&lt;9\xadF\x1f\x96\x0e5\xe6\xa1P\xfa\xd8L\xb0u0r\xf0\x02\xee\x0b4h7\xe1\x04\xd8\x94\xcf\xa8\xeb\x11\xa4\x98l\t\xb1_$G\xc1\xa6T\xa7\xa8\xd9\x9eT\x1c\x11\xe7\x1e$\x12(\x1e`]\x8e\x9f;\xbc\xff\xe2\xef\x0f=f\xcc\xbc\xff\xe3\xff\x06:f\\\xff\x89\x94\xa0\xfc\xf2\xb0U\xf7%\x0fr\xcb\x801oeu\xdd\xbc\xa8\xfd*\x8b\xbc*\xafP\\\x9a\x91\x87\x89Y\x8dK5\x9a\xceI\xa2\xf7D\xea&amp;\x18\x1e*\xeb\xd0VL\xcb\xde\x94\x9do\x90\x87\xda+\xe1\xe50\xd7j\xed\xf0\xaa\';\x87\xcbH2x\x86`nX\x8b\x9a\xa2\x18\xc5\xb0\xf6\xde\x17,,\xe0\x974e\xc7k\x00P\xb4v.\x97\x06\xe3\xe83\xa9\'P\xcf~\xd1\xad\x86\xe0\xab\xba\xe4\xe4\x9f\xf4Yh\x99I*\r\x830\xfa%\xe1\xf8v\xf0\xd7+\xa1\xba9\t\x93\x96V\xd7\x91q\xda\x13\x15P\xe4\x88\xcd\x15\xd2\xc2*\xa4\x05@Fd\x95\xcf\xa64\x1e\xbc\'\xe3N\x963NA\x86;n&gt;\xb8\xf8\x96\x0b\xe8\xf6e\xdb\xf7\xb8\xfb.\xbf\xff5\xb55\xd1TCar%\x99\x11Bmn\xcc\x95^B-O\x11\xfb\xcc\xbf&amp;Y$\xb7\t\xd5\xdbR\xdeRL_\x04\xc7|\xd1=Y\xa5\xf2T\x97\xae\x85~xj\xf6\xdc\xc0\xdf\xa5c\x07\xec\x18!\x90\xf3\x18\x00\x06,\xb9\xf5\xdf\xf4W\x94\x94\xf4M~\x15\xfe\xbf\\^\x19\xc8z\x03r^u\x9e4\xab\x11E\xabkM\x87)\x08\xe9\xc92Y\xf9\x10\xd1\x94QW\xf7\x99\xdf\xb9s\x1a\x0b\xf5\xa8\xc8\xc5\x9b\xd7|9?\x00\xa8\xd6\xaa\xf3\xd4\xb3\x86\xcf\xee)\xe36\xfd\x84\x88\x1f\x05:\\.\xf3\x0f\xffn\xca\x9d\xa4\xe6C* \t\xec\x10Q:\xa7}\xe6 \xd7gHS\xb2\xd1\xf4\xcc6M\xd3\xe8\xea\x87\xe1ZMp3+\xfb\x90g\x1dUUV\xee\xb8\x02\x11\x7fF\x04\x80\x8b\xbf\xb2\x1a\xa8\xb5\x17u\x18&amp;\xe6\x08l\xaaX\x0eV\xa2\xf1\xfc\x0f#\x02\x89\xe4\xacBZ\x9a5\xd8&lt;cXx\xf4\xb3\x99\xcf\xa0g6\x02\xa5\x19\x06\x19\x82&gt;\x12\x19\xc1L\xa3\x94\xd0\xc6\xdc\xd2\xf1\x0f\x13\xb7\xbdDD\xad\xc9\x94\x8c\x88\x84\xf0\x13?mW\x13+W\x0e\xb3\x85\xa2C\x1eU1x\xf9\x9d\x0c\xbbZ\x00(\xd5hF\x86\xcd9\x8a\xd7\x9f\x12\x90\xa8&amp;!&amp;\x7f15\xcbS\xaa\xd1\x0c\xfe\xc6\x88\x94\xf1\n\xa2\x8623\x04\x8b~\xfc\xc8"\xec\x9f\xf4\xf3\xe0\xd3\x80\xf3|\xbe\x15}T\x8a\x0e^~\'8y\x04"\x1a\xf4\xb1\x19vfD\x9c\xb2\xf3\r\x00l\xbf\x8d\x88\xf8Y\xeey\xab\xd8~\x19\xe4(c\xfa\xf7\xfa\x7fa\xfc\xe6g\xe4\x9f\x06\x03vd\xee\x95h\x80\x97\xd6\xca\\z\xfa\xaa\x88H\x99 _\x88\xe0\x91\xd2|\xc4\x015u\x9bc\x819\x92cF\x0b\xab&gt;\x9a\xfcc_\xb8-s{\xadtN|K\xf1\x1d\xb7\x91\xa9\x90\xa7\x01D\x14\x8c!AD\x80pp\xa9bJ\xe5j\xaf\x84tf\xb2\x1dmB\x9b\xc5\x12{\x1fgT\xa7\x08P\xb0~\xff\x0czg\x85\xbc\x0b]9\n\xc0\xdf 9\xcb\x02\x84\x0b\xef2\xb31F9\x9c\xc7O\xba\x00{\x8f\x1f\xfd\x9f\xc1\xdf\xd08\x98\x16X\xe6#5\xcc&gt;\xf0A\xfcZ\xf2E\xd5\x9b,;(\\s\xe1\x1b2So\xbc\x8a\n\xd6\xb44\xe3o\xb6\x9a\xb3)\xd2C]ge\xc52\x01\xb1\xc4/"o\x0b\x11\xbc\x0c\xe6\xb4&gt;\x1a\xfa\x95|\xa5{\x00D\xe5\nn\xc1\xdf\xd5b\xe4A\xf0\xa9\x8f\x88B3`\x17\t!\xdf\xe4\xce\xab$\xd5v\xb4\xe2\x94D\xb4\xe3\xb9-\x9ae\x19\xc7\x88\xf6\x8c\xa5\nK\x00\x00\xff&amp;\xd2\x9dt\x96\xcd\x92\xd9|\xc4A\x9dj\xb2\xa4\xc7\xee\xe4\xa3\xaa\x835\xa4\xc0\xd3\x03Q#\x1fIo\x10^c\x8c\x86\x05\xf5D\xa1\xdcP\xed\'\x9e\xa4\x83\xc4*wX\x01\xe0\xa1\xb6Ze\xb8s\xfa\xd7E\xc7\xbe@\x8e2\xf47%k(\x04\xe5\xb9G\x15\xc0y\x01\xa3\x0bU\x1b\xed\x18\xd1&gt;\xa4\xca\x08D,P\xbe\xbf\xd0!\xb4zI\x1e\x00h8p\xa7~\x17\x93Ax\xf2\x15\'\xf6\xdcCfX\xe77O\xd1\xda\x13gR\xa9\x18{\x88\'\x13\xcdj\xb8\x95\xea&amp;_H\x84\x99{\xdfi:\x8e5,+\\k\x1c\xbfD\x856KD:\xe0\x92\x00\xd0~\xe2\xc9\xef&gt; \x95\xdc\xc6\xe09,\xd5\x07\x8b\x86\xcc\x06+\xce\xd0\xae\x88\x9d?\xe8\xdc\xb7ER\te\xf9\xe4\n\x11\x18:\x18\xf0md\x17\xde\x06\x11\x99\x1a[\xccc\x97\x9e\xfak\xc5\x99\x7f\x06-\xbd\xad\xef\xd5\xf2\x19\xb0\xe4V\xd9\x16\xf3\xcc}\x96\x9f\x10\x01r\xb26\x19g\x81\x02\xa9\xe82\r[\xb1\x84\x10\x82I\xe3\r\x04V\x1a\n\xd4\xcf\xe7S\xae\x9f\xaa\x13\n\xbf\x14\x94\x08\x061\xed\x82U9\xa1C\x05\x16\x98\x93;\xadR{v\xea-&amp;\xd1\xb7\xdcp#\xb2\x97Sm\xc7)gT\x9d\x85M1\xfa+W\xee\xb8b\xdc\xa6\x9f\xd89\x08\x04\xd7\xad\x98\xdf\xb4\x84\t\xa7\xce&lt;\x92:\xae\xb4)\xd4*\xc3Nw\xf2\xa5\x8c%!\x93\xb03[\x9e\x83\x8c\xa0\xc7\xecK\x1b\xafb\x89\x86\xd3\xcc\x7f\x1f\xa4\x03\xd6\x00\x00 \x00IDAT\xaa\\\xd2\xe25@\x1a\x0e\xdf\x86\xe2\xfbK "G\n\n\x11\xddc\x04\xbc\xae\xaav]#\xf6\xb4l\xbe\x86\x87\x9fbX\xf51r\x17\xac\x03\xda\x06+Sv\xbc\x16\x98\xf8\xb2\xa3\x95\xf8\xf8\x94\xeb\x0f^\xf5\x00\n\x90\xe4\xe4\x14\xa5\x85\xaa\xd2\xe0\x9cb\xad\xaa\xb4\xd8B\xc0\x94\x1d\xafs\x04\xa6\x8a\x1cdzb\x8fo\x92p\xf0\xe3\x0bHy_\xfd\x1d\xd5\xbb\x80\x04\x03\x00X\xc6A\xce\xb2\x82\xbbCxv\xa9\x7f\x85\x07\xc42\x90\xc7L\xcc\x99Qd\x90\xad\x9d\x06\x03v \xa2\x92\xb4\xc1\x15\xdb-\x15\xb4~eS\xf4T\xe6\x13\x82\x95\x9dm\xc1\xd1\xcfY\xb2\x03\xd6\x84MyI\xed\x1eYt\x0b|\xca\xc8[\xea\x1e\x93.\xed1\xf1@|\xef\x1c\xa1\x95\x1e\xfe8\x9a"\x87W\\\x9f\xd7r\x91\x88\x12{%.R\x82\x82\x95\x872&gt;\x95\x04\x00m\xa9\xf4*\xb6[\xca\xe92Szm\xd6vI\x00\x00\xb9\xca2\xab\x12SS\xc9\x18\x10\x11\xfcL\xf5\x923\x07z\xac\x1f\x9b\x12\xff\x93\xf9\x14\xae)`\x942\xa1\xb3t|\x84\x18\x9d:\x8b_\x1b"~\x94\xab3\xbc\x06s|,\xe8\xcc\x1f\x15Pq\xc8\x9c\x83\x1f\xeb\xf5\xdb6`\xc9\xad\x88\x94\xf1\n\x14\xb0\x0b\xfd\x97\xc1]\x01\x0e\x952\xfb\n2\x0c3*\x94\xce\xda\xff\xab\xd0f}e\x9b\xd4\x91:to\x91Z\xe3\x85\xf6\xf0\x83\n\xech\x17&lt;?\xf1$\r?\xfc#\xf6\x1a\x87\x00\xf8J\x0cu\x17\x1e\xfb\x82\x88=f_bl\xd3\xe2r\x8f\x88\xf7\xcd0\x82\xf9\xc0\xee}/\x7f4\xf5\x14M\x87\xedcV\xb8\xf1j\xa6\rd\xabw_\xc7\xb4\x1b\x97n&lt;#\xb0\xe2\x10\x83\xa6\x95O\x83\xd5"\xee0W~Sr\xc1&amp;\x86\t}#y\xb55\x936\xf6\xa8\xeeu.;\xf5\x97\x90\x01F\x07\x1a\x0c\xd8\xd1q\xf2i\x00{\xcd!\xdae\x9a\xcd5\xff\x1c2;\x91\x13\x00\x9a\x0c\xd9\xd3j\xf4aj\x9d/\xabb_\x91\xfcE\xc4\xc6\x83w3\xf7\xe87\xa14U6\x9d\x99\xd43u\xe8&gt;e)\xd6cL&lt;\xa9\x1c\x8a\x12\xce7\x1ad\xbc\xa5\xec9%\xf7p\xc9\x04J\xc4d\xca\xc9\x12CI\xf6\xe7\x8c\xe3\xb4\x05\xed\'\x9d\x02 \xf9\xdb#\x01@\xb1\xfb\xba\x8b\xee\x8e\xeeq\xcd\xe7q\x1a\xac8M\xeb\xa9M\x860\xe4D\xf2\xd6\xe0\xd4)\x91\xe7&lt;\x03\xc9G\xcd\xc8\rR\x82yK\xf7`\x8d\x115\xd9\x0f\xbeQ\xcc\xe7\xd9\n`\x11\x0b\x86\xb6K\x87Q\xc8\xe9\xd7\xac6p\xc4\x9a\x87\xe4\x91\x1b\xb5\xee\x91\xb6\x0e\xb8\xe1\xc0\x9d6a\xdc\xbc\xf2V!-"\xebL\x04-\xb9\x11\xbf]]h\xd3\xa9\xd6um\xc6\x9c\xc8\xb9X\'\xd3+\xe1&gt;L\xb9\x93C\xab\x8e2\xbdZ\x00(\xd1`\xaaR_6\xdf\x86\x00V\x00\xc1\xbc\x08(&amp;y\x98\x97\x1aYw\x92@\x11\xa7\xa4L\x0f\x9aR\x90\t\xdcHr\xa7U\x90[\x85~H\\\xf3y\x00\x80\x88TP\x13w\xc2\xb4\xf6;\xfe`\xdd@b[a\x15n\x9b\xb04D\x04\x9f\xfa\xca/C\x16\xeet\xa1@\x03\x11\x7f\x19\xa5\x101\x84\xa1+\xef\xf1&amp;"9\xa5\x0ft-\xdeE$ [7\xce\xbfED\x04\xc7\xca\xf4\x16\xab\x90\x96\x8c\'_xDH\x1c\x94L\x80;,\xcb\xbaX\x96\xa1|\xb5\xc4b\x7f\xf5\x08\x0c\xb1K\x04p\x0b\xaf1\xa6T\xa3\x19l\x97\xa5\x9c|\x99e\x19\\\xabM\xdd\xf9F\x87K\xa2 \xb2\x1e\x88\xd8w\xc1u\xd9\xc2\xb9\x82[\x0cXr\x8b\xeb\x94c\x97x\xe81*\x08j\xcd\x12!\xa3\xffa*\x82\xe1\xf3\x00 \x9fi\xceT$\x96@\x8c\xce\x1a\x88\xd8f\xdcq3_\t\x17\xfd\x0c\x03&amp;^CA~B\xb4^\xf3\xae\xd2}\xd2AJ\xc0\xfd\x13\xe2{nw%\xb0\xee&gt;p\xe9\xed")\x82Fu\x16\xb5\xd27*O\xc8\xc3&lt;\xe93\xc4\x88\x94\xf1\x1c\xcf\xe7\xc7jo\xa6M\x02\x00\x90\xbclL\x1c\x8b\xb6WW\x8f\x0e\x90A\x8f\xd1\x9f+wd\xc7{\x88\xcdF\x1cP&amp;\xb7$4$\xb5\xc8~\n\x1b*\xc9Q\xb3\xe7\x06\xf7\x98t\x93=?d\x06\xf49\x83\x9b\xf3\xd7t\xfa/\xfe&gt;\xbc\xc6\xd8\x1c\x05\x95\xcf2K\x8f\xdb\xf4\x93\x8e1Nc6\x18\xf4\xd5\xc4U;\x00l\x13\x10q\xd9\xa9\xbf\xd6]\xc2\x83\x8f\x90\xe8\xfa5\x19\xba\x17\xc0\x17\xc0\x12 \x12\xc0E\xe2\x14q-\xe6!\xa2\x9a\xef\xf8\x1f\xd9\x93b\xf5&amp;\xab)\x1e\x01\x00ict^\x98Y~\xfao\xe6\x84\x83G\x88\xbe\xa7c\xe2\x9b0\x80\xa3\xa4\xa1/\x888{\xff\xafjBPr\xed\xbe\x87\x9b\xaf\t\x9b\xc5\xdccz\xf2\xa6\x8c\xaa\xdct%\xc6C~b;\x88\xf36\xcd\x84-\xcf\xfb.\xbc\x01P\x04\xc0\x9e4\xa0\x82\x97*9\xbe\xa1\xef\x86\x0b\xef\xeb\xc8{\x8d\xea\x88Sd\x07(\xd0\xb0\xd3\xd4\xb3\xd6\xac\xd0\t\x8f\x13/\x10\x11K5\x9a~\xe8\xb1\xe0\xb7p\xb6\x0e\x15\x08\xb5p\x8c\x10\x1b=d=O(S\x87\x08\xce\x00\xe0\x12\xd5y\xe4\xda\x1f\x95\x1f\x83\x88s\x0f}dl\x10\xfd\xad\xabv]{\xe3\x0f|\x8fx\xec\x19\xf2\x87A\x05+\x0f{\x86\xf8\xc3?\xc84\x1b4\x1c\xb8SL\x86\x0c\x11%\xb3\x89h\xc5\xb1\xd2&amp;\x19\xc7\x85\xbc\x00\x006\t\xe0\xa9t\xd9\xe2\xc6\x1f\x089\xcb\x02\x94L\xea\xb82+\xcc\x10t\xa0\xdf\xa2\x9bf\xab[]\x14\xc4\xff\x0f\x88\xc8|3\x07.\xb9\xf5\xdd\xaf\xd2\x0f\x93\xb4\x98ba]\xaeJ\x90\xf8V\x0b\x18\x0fz\xb0\xe2\xdfT*\\\x92\t"\x86U\x1f\xad&lt;\xc4\x19\x11\x8b\xd7\x9f"Q\x80)\xe9N\xe8&lt;\xed\x1c\x00\xc8\xae\xd0?2\xf4p~\xfc]\x9d\xa7\x9d\x93x\xdb\xb7}\xcf:\xdd\x997\xb8\xf3\x074\xc8\x8f\xd8\x94g\xf4\x9d\x8a\xe8&lt;\xed\\J\xfa&amp;\xfa\xe3\xde\xfb\x9co\x83\xe0\x92E\xb2&amp;DV\xef\xbeN\xd9\xf7"\xe3\t3&gt;\xa5b$\xb4^\x94\xc1C\x16\x1e\xaal\xa4\x02\xfa\xbe\xfc\x8de[\xcc\xa7\x1f\x86\x0e\xc4\r\x82\xc7\xb1g\xd8{\xfe\xb5\xee\x0c\x91\x03\x9bB\xad\xb6\xdeD\xb0O\xe4\x17^p\xe4\xd3\x90\x15w\xd5\\\xa7B"\x06,\xbee\x86j\xffC\x07\xcc\xe8K,\x80e\x9c\xc2\x82\xca\xfc\x9eL\xc4/\xac\xfah\xbd\x04\x8ay\t\xe9\x94\xa0\xc2,\x16Xi\x88\xfa\xfaU\x80\x86$\xa3\x8a2\x10(\xef\xc9,\x0b6cvZ\xd1Mf\xc9\x1f\x03Q\x1c\xef&lt;\x9a);\xdfH\xe8\x12s:\xc8\x07\x88\xc7\x9ec\xa9\xc63\x00 \xa4\xcaHz;3\x8aC\xe4[\x14D\xc4S\xaf\x8c\xbb\x9c";\xd0\x06v\x9a\x96\xa3\x0e)\xf8.\x9a)\xa2\xa8T\x01\x89\xc8o\x1a2\x08\xcb\\\xdfL\x11\rH\xf5t\x9byQ\xaf\xaa$\x91\x1f\xe0"\xe2\xf4\xdd\xbf\x84V\x1d\xa5\xaa\r9\xfdZ\xfc\xdd\xb1\x8c\x93K\x90\xfa\x1f\x19M\xa0w\xbc:%\x17U "\xb8\xd72_\xfdB8)[?\x13\x13Xq\xa8\xde}\x9d\xa9\xad\x89n\xf2\xe2\xe6\xf5\xb2\x91D\xe7\x98\xa8+\xbf\xcb;\x16\x11&gt;\xa9\x99G\x02\x00\xe4\xa9NwZw\xcdi\xad\xe2\xf6\x90\x88\xf3\x0e\xff\x9e\xb7t\x0f\xe6L\x05\x11\xc5\xc5\x95h\xdcH\xc9\xc5\xc7\xff\x00\x00(\xd0\x90_\xb3\xa1*\xca\xa5\xdft,\x02\xb8\xbax\xca\x88n&lt;x7@\xbe\xdc\xc5:J\x97\xdbu\x07!\xbf\xba\xcc&lt;fB\xbd\xe7\xad\x81&lt;%\xd9\xe6\x19\xfdn&gt;\x0b\xbb\xc4\xa6R.\x99&amp;R@j\xf0j[\x01\x11#\xeb\x08\xb9yj@\\\xff\xf5?\x98D*)\xb4\xf9\xbaYZ.D\x9c\xba\xebg\xe3g\xde\x1a@7\x93$/\x04p\x8ch\x8f\x88\x16\x01\xa9\xcd\xa4\xf2\x16\xd8f=\x7fw3\xae\xeff\x19\x8c\xdfQb\xc2\x1d\x93:[Pu\xcf\xbf\xc2 \xc1\xf29\x02\x9b\xd2=\x16\xe31\xd6{B\x96+\x9e\xd95\x8e\xdb\xf4\xd3\xa6k\xd8s\xcee\x80\x9c\x1c\x0f\xe6\t[\x9eKT\xe3\x9b0\x80\xf6\x1d\x05\x80\x1d\xb7\xc5:_\xa4\xcbd\x129\x00,\x8f&gt;\xc3g\x88O\x11\x111&amp;U\xd4\xba\xe0Wa`\xcf\xd9\x97G\xaf\x7f\xdcx\xf0\x9e6,o\xf9b\x00 \xe2ad\x92\x04\xba\x93F\'5\xa9t\x81\xed&amp;\x9c`[\x1d\x04/\xdb\xd1D\x9bV\xa5\x0e\xcb\x8d\x1fDD\xaf\xd4b\x15\xd2\x92\xfc\xd3`\xc0\x8ev\x13O\n\x96!C(D\xac\xd3g\x8b.\'5+^q}\x10\x11\xc0\x9d\xad[\x99\xcd\xc8\x05\x90\xf3Sf\xaf`\xb7\x9bp\x12\xec\x04\x16$\x08\xca\x1dP\x15`p\xfa\xcf\xd4fK\x11\xbd\xe6]\xcd\xecK\xc8 \xd4\xbe?\'_aen.\x9d0\xd9p\x0bz\xfd\xf4\'\xe3O\xaf\xbf\xe00\xb3_\x9c\xb8\xf5\x05"\x12I\xa0z}\xb71wu\x9az\x96\xee\xfe9\x8fb\x81\xf2\xfdI\x19\xbf\n\x03\x01\xbc\xc1\xb3\xb6L\xf7\x9b\xe9O\xb2M\xf9~\x0bo\x94OS\x1a\x97\\\xa6\xf9\\v\xfa\x1a\xeb\xcc^\x9aUA\xdd&gt;[\xe5\xe6!\xb9J5\x9a\x91&gt;\xf7\n\xc3\x85*\xe32`\xb2a\xd9\xc6j\xf4Xo\xba8\x81f\x92:\xadTX2\xb4\xeaH%\xc5\xec\x0b\xb7\xa5\x1e\xfe\xc0\xcc\x7f\x05t\'\xbc\xc6\x98\x05G?\xbb\x96\xe8\x921\xa73\xf9\x0e\xe6&gt;\xfe\\\xa0\x06\xe7b\x9d\xec\x8b\xf0\xbdv\x85\x97\x82\x0c\n\x0f\x00\x86\xa5/\xcf:k\xbfCF&gt;"\x05x\xd5SX\xb0h\xed\x89\xd2\xca\xc0\x9aMd\xdf&gt;\xce\xc9\x88x\x92\xb18\xdaw\xe1\x8d^s\xaf.;\xf5\x97\xf4q\xc7\x9e\x1b{,\xa5j\x8e\xb6\x15\x86\xae\xbcG\x7f\xea4\xf5l\x93!{\xa5\x8f`\xe6\x8aYu\x0e{\xcd\xbb\n\xde\xf5\x01`\xf4z\xd6\xfa-3e$\xeb\xe1w\xab\x019\xcb"\xc3\xb9L\xb6\xf75\xf9\xdd)\xce\xa9\xe1aV\xe8\xd4\xb3$yKwG\xc4\xa5rO\x1a\x80or\xe7Um\xc6\x1f\x07(R\xbc\xfe\xd4&amp;Ce\x9e\x19\xf3\x90\x9f\xfd\xd1:w\xa4\xcc\x02\x81YA\xc4\xe0\xe4\xe1\xf4G:?)\xe4\x8a\xff\x99\xa5G\xeb4y\xfb+\x00G\x80\xbc\xd2\xeb\x9e\x95;\xac@\xc4\xb5\x17\x11\xc0\x9a\x1a\xad\xfe\x7f\xa2\xd8\xa7I%\xac\x07h\x1a\xd3F-\x84~\xb9\x87}3"\xbc\xd2\xa3vt\x93\x99U\xba\xac6\xfb\x89\xc41\xb5\x91\xcdi\xa6\xdf]\x06D\xbc\xf2;\xd2\n\x1es\x0e\x18d\x1f\x97\x9c\xf8*qT\xb7\x99\x17\xb9\x9d\x96O\x03S.\xa3\xb5\x90\xec_\xd7\xe9\xe7\xc7o~F\x9f\xe2\xf0\x13\xec:\xe3\x02@P\xa1j\xa3n\xf1\x14\xfd\xa4\xbf\xe3\xb8M?\x01\xe4$\x0br\xca:`\xcd\xae\x00\xc5X\x92[F\xef6E\xaag|J6\x9c\x06\x10M\x19\x96\xf5\xc5\x05\x9cI:g\x853f\x81\xb4\xd0\xa6`\xb83R\xe9F\xb4\x11\x08\xf92\xd8\t&amp;\xa3!rZ\xe4\xffZ\xe9\x1b\xe9\x80\xc0\xf0\x1ac\xc6n\xfa\x89]\xb6\xa4{L\xcf\xe4\xce\xab\xc8\xdd\xae\xdbw\x1b\x08a_\xb8\xed\xdc\x83\x1f\x11\x11 \x18\n\x98\xf4.\xff\x9f\x13\x8e\x88\xb3\xa8\x84\x80 \xe2\xdd*\xde`e\x9aQE\x1cYIq\x01Z\x8f=\xca\xd6\xd0\xe6\xab+\xeb\x8c\xc88\x83\x92\x97\xe2\xad\xc4\xdb\x15\xce\x12\xc9\xd2_!\xfe\x84\x983\xa89\xf9\xe8\x18a\x90\xa7\xb8\xf9U\xf8\t\xb1\ni!\xd8i\t\xe5\x0c\x16C\xc5J\xe4\xb5\xcf\xac\xb3\xcc\xdc\xf7\x8eh\x08\xc4\xb7\\@\xb6&lt;E$sb1\x1c#\xda\xd7\xed\xbb\xcd;\xbe/@\xf4\xd9\x9f\x95\xf4\xbf&amp;\r\xa4D\xe2q\xfd\xe4\x8e\x93Y&gt;/\x97\xb6\x90\xf5Yn\xb8\xd3m\xe6\xc5\nm\x04\x92\xe0\x9a\x82[\xa9\xee:\xd6\xe6Y\xa6\x97\xe9w[\x10N\xb5\x0eE\xda\xe9~\x8aLg\xd6\xbe\xf7\xf4\xef\x9b\xd2kS\x856KX\x1e6n\xd5\xd7~\x87\x8c$`.\xe9s\xafH?\xde5z\xac\'{[\x8f;\x06\x00\xcaB\x1b\xb2&lt;\xcc\xb0\x07B\x06\xacD\x96l8\xcd#\xb6W\x9d&gt;[\nU#2\x90\xbe\xcc\xfe8\x03\xb0)\x94\xc6\xce\x04\x9e\t\xe4)\xd9Ub/S]9\x031\xb7\xf2\x97\x14\xc5\x04\xe56\xa9\xd6\x8a\xe9pK\xb6\xcc=\xf8Q\xa2\xbc@\xa7\xa52\x82V,*\x89\x7f\xba/\xd4).\xbc\xc7A\xcb~0\xb6\xa7\xee)\x8a\xcf\xe6\x02\x00D\xe0BI\xefkZ*\xf2L\xc9\xbck\xa6d\xf2f\xc5\xa6\xef\x02\x99t\x9cZq\x8dI\x9dE\x8c:\xb9\x8buDD\x95q\xd2\xe606\x98\x13\xff&amp;\x00A\x</t>
        </is>
      </c>
      <c r="E597" t="inlineStr">
        <is>
          <t>&lt;class 'numpy.ndarray'&gt;</t>
        </is>
      </c>
    </row>
    <row r="598">
      <c r="A598" s="1" t="n">
        <v>596</v>
      </c>
      <c r="B598" t="inlineStr">
        <is>
          <t>steps_per_sec</t>
        </is>
      </c>
      <c r="C598" t="n">
        <v>8600</v>
      </c>
      <c r="D598" t="inlineStr">
        <is>
          <t>5.344791</t>
        </is>
      </c>
      <c r="E598" t="inlineStr">
        <is>
          <t>&lt;class 'numpy.ndarray'&gt;</t>
        </is>
      </c>
    </row>
    <row r="599">
      <c r="A599" s="1" t="n">
        <v>597</v>
      </c>
      <c r="B599" t="inlineStr">
        <is>
          <t>Loss/localization_loss</t>
        </is>
      </c>
      <c r="C599" t="n">
        <v>8600</v>
      </c>
      <c r="D599" t="inlineStr">
        <is>
          <t>0.011039793</t>
        </is>
      </c>
      <c r="E599" t="inlineStr">
        <is>
          <t>&lt;class 'numpy.ndarray'&gt;</t>
        </is>
      </c>
    </row>
    <row r="600">
      <c r="A600" s="1" t="n">
        <v>598</v>
      </c>
      <c r="B600" t="inlineStr">
        <is>
          <t>Loss/classification_loss</t>
        </is>
      </c>
      <c r="C600" t="n">
        <v>8600</v>
      </c>
      <c r="D600" t="inlineStr">
        <is>
          <t>0.22750667</t>
        </is>
      </c>
      <c r="E600" t="inlineStr">
        <is>
          <t>&lt;class 'numpy.ndarray'&gt;</t>
        </is>
      </c>
    </row>
    <row r="601">
      <c r="A601" s="1" t="n">
        <v>599</v>
      </c>
      <c r="B601" t="inlineStr">
        <is>
          <t>Loss/regularization_loss</t>
        </is>
      </c>
      <c r="C601" t="n">
        <v>8600</v>
      </c>
      <c r="D601" t="inlineStr">
        <is>
          <t>0.038701322</t>
        </is>
      </c>
      <c r="E601" t="inlineStr">
        <is>
          <t>&lt;class 'numpy.ndarray'&gt;</t>
        </is>
      </c>
    </row>
    <row r="602">
      <c r="A602" s="1" t="n">
        <v>600</v>
      </c>
      <c r="B602" t="inlineStr">
        <is>
          <t>Loss/total_loss</t>
        </is>
      </c>
      <c r="C602" t="n">
        <v>8600</v>
      </c>
      <c r="D602" t="inlineStr">
        <is>
          <t>0.2772478</t>
        </is>
      </c>
      <c r="E602" t="inlineStr">
        <is>
          <t>&lt;class 'numpy.ndarray'&gt;</t>
        </is>
      </c>
    </row>
    <row r="603">
      <c r="A603" s="1" t="n">
        <v>601</v>
      </c>
      <c r="B603" t="inlineStr">
        <is>
          <t>learning_rate</t>
        </is>
      </c>
      <c r="C603" t="n">
        <v>8600</v>
      </c>
      <c r="D603" t="inlineStr">
        <is>
          <t>0.079917036</t>
        </is>
      </c>
      <c r="E603" t="inlineStr">
        <is>
          <t>&lt;class 'numpy.ndarray'&gt;</t>
        </is>
      </c>
    </row>
    <row r="604">
      <c r="A604" s="1" t="n">
        <v>602</v>
      </c>
      <c r="B604" t="inlineStr">
        <is>
          <t>train_input_images</t>
        </is>
      </c>
      <c r="C604" t="n">
        <v>8600</v>
      </c>
      <c r="D604" t="inlineStr">
        <is>
          <t>[b'640' b'640'
 b'\x89PNG\r\n\x1a\n\x00\x00\x00\rIHDR\x00\x00\x02\x80\x00\x00\x02\x80\x08\x02\x00\x00\x00\x83\xaf^t\x00\x00\x0e^IDATx\x9c\xed\xddi\xb0\x1cU\x19\x06\xe0\x13#K\x08\x10L\x19D\x88b\x91\x10\x15\x81\x04ME\xd0\n\x08\x15\x08\x02\xb2\x04DAD\x04\x01#K\x8c,\x8a(\x04-\x04AD\x96bQ\x90}QA,\x05T,w\x83D@@Q\xcaB\x14EA\xd9JQ)A\xe3\xf1\xc7\x84\x9b\xc9\xbdw\xe6\xf6rzz\x96\xe7\xf9\x91\xcc\xed&gt;\xfd\x9do\xe6\xcf;\xa7gz:\x84\xc1\xf0\x9a]&gt;\xd9f\xef\xa6\xf3\x97\xb4?&lt;\xc68\xf4\xef\xc8\xed!\x84;\xff\x1eG\xdd&gt;\xf2\x10\x00\xa0\xa5Fp&gt;\x1bc\xe3\xc1\x95?\x95\xa3\x00\x90T|!e\xdb\x8f\xe9L3\x00\x00\x00\xd0\xfb,\xa3\x01\x00\x00\x00\x00\x00\x80\x011\xae\xee\x06r\xf0Q.\x00u\xeaH\x0e\xcd\xa9~\n\x00\x00\x00\x00\x00\xc8bB\xdd\rd\xe2Sd\x00B\x90\x07\x00\x00\x00\x00\x00\x00\x00}\xc9\x87\xc1\x00\x00\x00\x0c\x84\xde\xb8\x86\x07\x00\xe8I#\xcf\xb4\xef}\xfcWk\xe9\x04\x00\xe8(\x1f\xb7\x03\xb0\n\xc1\x00\x00\x00\x00\xb44\xa5\xee\x06\x00 \x87iY\x06\x1d\xf6\xe9\x1fV\xdd\x07\x00\x00\x00\x00\x00\x84\x10\x8e:gY\xdd-\x00\x00\x00\x00\x00P!\xbf\xd7\x01\x00\x9d\xb6\xf9\xee\xa7\r=\xee\x92$\xee\x926\x00`\xb0\x08`\x00\x06N\x9b\xf0\x93\x8b\x00\xd0\x1b\xce\xbc\xe9\xb1z\x1b\xf0\xa6\x01\x80^\xb6\xfe\x1e#\xb7\xfd\xbbm\xb65\x92o\xd4\xfc+\x16\x8a]\x12\xa5\xed\xdb\xd8\xe5\xa8k:\xd6\t\x00\xfd\xa9|\xe0\xc5\x18CX?I3\xbd\xa2K\xde%\x00\xd0o^\xff\xf6\xb3\x86\x1ew&gt;l\xc4\x1b\x00\xfd\xa9\xa2\x84{\xa6\xb3\xc1)\xa7\x01 \x84\x10v_\xfc\xa5\xba[XEE\t\xbd\xc3\xa1\x97VQ\x16\x80\x9e3#y\xc5\xed\xde\xfb\xf9\xe6?\x17\x1cwc\xf2)\n\xcb\x15\xab\x1f\xb9\xe4\xfe\xea:\x01\x80\x9a9\x1b\x0c\xc0 \x1b?\xf4\xe8\xd8\x0b\xef\xed\xf0\xdc2\x18\x00*\xb1\xdf\xc7n\xae\xbb\x85\x94\n\xbfcx\xdc[\r\x00B\xa2\xa5\xe7\x949\x8b\xeam\x00\x00z\xc3\xbc\xc3\xbe\x98}p\xd5\x19y\xc7\xd3\x03\x91\xc1G~\xee\x8e\xba[\x00\xa0\xaf\xf5\xc9\xa2v\xd2\xce\xb9\x86\xf7\xc9\xb3\x06\xa0{|\xe8\x82\x9f\xd7\xddBQ\x1b.\x18\xbee\xea\xdb\xcb\xd4\x93\xb2\x00\xd0\xd2\xc6\xdb\x9f\xd0x\xb0\xe5\x9e\xa7\x8bL\x00\xba\xc5\xea\xaf&gt;\xa8cs\xed|\xc4U\x1d\x9b\xab\x163v^Rw\x0b\x00\x0c\x06kJ\x00\xa8\xca\xec}\xcf\x1eu\xfb#-\xd2\xb7M*\xcf\xdc\xeb\x8c4=\xe5\x9cw\x98_=_\xe1\xfb\x867\xeewn\xfb\x01\'^\xf6@u\xb3\x03\xc0*\xd6|\xed\xc1\xd9\x07/:\xef\xce\xc2\x13\xd5\xb7(_\xb3\xa6y\x01\x18\x18\x99Cn\xcah\x1bg%\xec$\x84\x10\xc2\xec\xd4\x05+\xf7\xd3\'\x9d\xba\x07\xa0K\xac\xbe]\x96Q\xbd\xfe\xa9\xf3\xbb\x97|\xab\xee\x16\x00\x18&lt;\xd7\xdf\xbd2&gt;O\xb9\xe6\xa1,\x87\xdc\x9ez\xb1\xf8\xbbZ#\xbc\xf9\rD\xaf\xbf\x99\x00\xa0s\x1a\x99\xf1h\xef$G\x8c\xb1\x8a\x9c+P3\xbe\xa0\xf1\xe7\xc5\xdf\xfdW\xea\xa6\x00\x18\x00\x97/]\xde\x99\x89\xdaG\xdd\x8b7=p\xcc1\x1d\xb6\xc5\x1e\xa7\xad\xf2\xf7\x1ao\xa9\xa7\x0f\x00\x06\xdezu70\xdcj3\x0e,sxW\xe5=\x00\xa4\xf7\xa3\xc7\x12D\xdd\xf2&lt;y9i\xab\x85\xe5g\x04\x80L\x86\x96te\xd6v;-\xbcb\xcc\xfai\xfd\xb7\\\xd9\\]m4\xf7\xf82s\x01@b/\x9av@\xab]G\x9d\xb3,\x84i\x8d\xc7m\xd2.U&lt;_\xf6\xe3\xff\x14\xfe\xcaU\x96\xa3\x12\x7f\x9fk\xcd\xedC\x08\x87|\xea{\xc9\n\x02\xd0\xd3\x92d\xcc\x15\xb7\xff\xafQj\xeeA\x17\x85\x11\xd1\xf5\xae\x93nM&gt;c\x8c1L\x9c\x17B\xb8\xe7_1mR6\xaa\xbdl\x9b\xc51\xc6\x1b\xeek]\xf6U\xfb\xa5\x9a\x11\x00J\x99\xb9`\xe8\x97\x9f\xe7dI\xc4\xeb\xee*\x9e\x9a{,\xfer\xe3\xa7&lt;\x86]\xed\xd3^\xe6\x9c\xde\xb2\xa2\xcb\x99\x00`\x15\toS\xd8\x14]k\xb4\x182i\xb4\x8d/\x0f!4\x16\xb5c\x19\x17B8\xf9\xaa\x07c\x8c!l\xfd\xcf&lt;\x01\xdc^\xf3G\xe3\xad\x7f6d\xe3\xf6\xc7f\xa9\x0f\x009\xec\xb6\xe8\xbaV\xbb\xee\x7f&gt;\xce\xff\xc0\x95\t\xe7zr\xac\xac:\xfb\x1bO\xc4\x18C\xd8 \xac;\xbf\x8a\xd5j\xab\x82B\x14\x80j\x95O\x9a\xb4Y5\xbc\xda+\xf6\x9d&lt;\xfb\xc8\xf7\x9d\xfe\x83\x0e\x9c+\xee\xb6\x97\x02\x80&gt;\xd1=\xf1\x90\xb7\x93Q\xc7\x1f}\xee\xcf:\xd9\x03\x00dr\xdb\xef\xfb*`Z\xe4e\xf6\x9b\xf5\xbe\xb2E\xcdY\xcd[f-83_[#\\\xf2\xc3\xe7JV\x00`\x80\x8c\xdbd\xff\x10\xc2;O\xbc9\xff\xa1\x93Ce\xab\xc9\x93\xafz\xb0\xd5\xae\x87\xaa\xbf\xfex\xc8Q\xe7,K[\x10\x00\xea\x97=/S%\xeb\xff\x9c|\x06\xa0\x93z\xf3S\xcfu\x86\xfd\x9d\xf6Y,8\xee\xc6\xa4\x95_^\xba\x02\x00\xac\xb3c\x08\xe1\xc2\xef\xfcchC\xae\xaf"\xdf\xf1T\xc1+|\x9a\x06L]\xf1\xff\x8b\xde\x9cqR\x00\xe8F\xdf\xfc\xed\xf0\xf0K{]oE\xba|\xed&gt;u[wt\x00\x80qoj\xbf\xff\x81\xe5]\x1d\xe7\x00\xf4\xb0\xb1\x96\x8cS\xcaO\xf1H\x17\xafJc\x8c;\x1cz\xe9\xb0-\x1d\x98\xf7\xe2\xef=\xdb\x81Y\x00\xe8\x01\xfb\x7f\xfc\x96J\xeb\'\x0c\xb6\t\x9b\x1d\x92\xaaT1\xdb\xbd\xf7\xf3\x19F\xadWu\x1b\x00\xf4\xad\xba~,\xa2\xba{\xfa6ls\xc0\xf9\x05\xea7O\x11cl\xdc\x04\xa2d\x1d\x00\xa8\xc8\xda+\xfeo\xf9\x81\xeb\xe4Nu2\xba\xbcY\xb8\xf0\xac\xa5\x1d\x9b\x0b\x00VH\x1e!3\xf7:c\xecA\t\xbc.\xe3\xb8\xc6\x13t\xef#\x00\xba\xdcf\xb9FO\x9a\xb5p\xe5\x1f\xeb\xce\x1fs\xfc\x05\xb7=\x93\xbdx\xfb\xec,)\xd3UXk\xef\xd8j\xcf\x8a\xae\xa6\xee\x93\xae#\x00\xfa\xc2\xefb\x9c\xbe\xd3I\xcd[\xc6L\xb2k\xef\x8c\x19G\x0e\x93\xfff\xf5[\xe6=&lt;\xaf\x8e\xdd?\x18\x00\xc6V ER\x05\xcf\xd0oi\x15\xbd\xbf\xef\xcb\xda\x17\x1fs\xf6b\x07\x02@b\xdfy\xb8x\xf6\x14\xb8\x8fB\xf3!b\x0f\x80\xbe6\xbe\xe5\x0f)\x9fs\xcbS\x9dldH\x8cq\xe9\x13\x9dN\xdfay/\xfe\x01\xe8v\xd7,\x8b!\xac\xb6\xe6k\x0f\xae\xfe\xd6\x81\x9b7\xffq\xf8\x19?*T$\x87\xe4\xa7\xd6\x01\xa0Z%\xf3f\xe9\xe3-\x0f\x9f:w\xe5\xbd\r\x12\xa6\xda\xb3-\xce~\xff\xfa\xbf\x85\xa6\x98\xf2\xb6a\x1b\x16\x9f\x7fw\xa1\xbe\x00\xe8/\xa7}\xe5\x91\\\xe3g\xbf\xe3\xecv\xbb\xd7Yq)\xce\x9f3$\xe2\xe3#\xc6t\xc5\xb7\x91\'\xef:l\xc3\xba\xb3\xde\x9f\xa6\x1b\x9fm\x03P\xc0\x0b\x811\xbet\x85\x95^\xb1\xed\x87Kt4dF\xf6\x19[m\x04\x80\x1aM(p\xcc\xb9\xb7&gt;\x1dJ\\\xdb\x93wLk\x1bg/Uc\x06\x8b\x7f\x00\xca\xaa\xe2z\xd9;\x9e\x8a\x07\x9f\xfa\xdd2\xb3\xa7R]\xfd\x18\xe3\xa4Y\x0b%1\x00+m\xbd\xffyi\x0b6\xc7\xcc\xe97\xfc)\xfb\xe0\xfe68\xcf\x14\x80R&amp;m\xb5p\xecAy\x8c\x96@\x9b\x8f2n\xb8"\'\xc9\xdbL\xba\xc9\xbc\x8f\x95\xa87u\xe4\xa63oz\xac\xcd\x01\x8d\xf77\x95\xfel5\x00\xac\x901iF\xc6R/F\xd4f\xbb\x9d\xdafo/&gt;#\x00:\xaa@T\x1cr\xda\xf7\xab\xe8$\x8crb|z\xb1:\xd7\xddU6\xff\x8a%\xe8\xaaGM,\xd9\x03\x00\xac\xa2\xae\x1fq\xac\xfe\x87\xb7R\xdbp\xef\xba;\x00\xa0_\xfc\xa3\\\xb6m{\xd0\xc5\xa9:\xe9\xb4\r\xf6,|h\xb7\xbc!\x00\xa0\x17u\x7f\x8a$\xec\xb0L\xa9\xb5\xb78\xac\xfb_+\x00hc\x8b\xba\x1b\x00\x80\x8aU\xb1h\xeb\xf0B\xf0\x88\xcf\xde&gt;m\xc7\x93*\x9fw\xdc\x9br\xd5\xb7\x1a\x06\xa0\x94+\x96.\x1fm\xf3\x86\x85\x0b\xce\xde\xb7\xed\xfd\x1e\xba\xce\xfa\x05\x8e\xb9\xfen\xe9\x0b@\x1e\x15}\xe5x\xe6^\x9fNRg,k\x15&gt;\xb2\xd1\xc6}\xcf\xb6\xbe\xa1\xef\x84\xed\xf3V\x03\x00\xd2\xfb\xf0\x17~Yw\x0b\x00\xf4\xbe\xb4\x8b\xb6$\xd5\xda\x17y4\xf1*sf\xd2j\x00\x90\xc8\xfa[\x7f0U\xa9w|\xf4\xeb\xa9JuL\xf6\xb7\x14\x93\xdfpd\xa5\x9d\x00\xd0\'F\x89\x96\xb5vh\xb7\xb7\xf7Uz/\xc2\x8a*\x03\xd0\xffF\xa6H\x99\\\xb9\xf1\x17]\x94I\x05\x9f\xc8\xc4y\x19\x06M+R\x19\x00\xc2F\xfbT&gt;\xc5\x8b\xe7V&gt;E\x17h\xc4\xfc\xc3V\xc3\x00\xb4q\xc3}\xedrb\xeeA\x17u\xac\x93Nr\xae\x18\x80\xaa\x0cN\xc6\xe4z\xa6\xc7^to\xf9\xfa\xe3\xa7\x1f\x90\xb7\x08\x00\xf4\xbaW\xd5\xdd\xc0J\x8dl\x1e\x9c\xf7:\x00tB\xdd\xb9\xb2U\'\'\x9b2gQ\x92:C/\xdag\xbe\xf6\x97$\x05\x01\xa0\xa56Q]w\x8a\x0f\x99\x9e}h\x8c1\x84\x19\xa1P\xf3]\xf3|\x01\xe8Y\x03\x9b%1\xc6\x18c\x98\xbck\xabW\xe0\xc7\x7f\x1d\xd0W\x06\x80\x1a\x0cX\x1e\xaf\x1e\xc2\x1b\xaf^V\xfc)\x0f\xd8\xcb\x05@\xc5|\xed\x08\x00\xc6\x90.&amp;_\x99\xa8N\x97\x98Pw\x03\x00\x00\x00\xd07\x9c\xa5\x07`\x00\xadQw\x03\x00\x10\xc2s\x85Vc\xd6pex\xf5\x00\xa8\xc4\xc9W=Xw\x0b]M\x00\x03\x0c:IP\x8b\x9f\xfd\xcd\xcb\x0e0\x98\xd6{k\xdd\x1d\x0c\xb4\x89[\x1cZw\x0b\x00\xd0\xfb\x9cH\x00\x80n\x17c|\xcf\'n\xab\xbb\x0b\x00z\xc4\x8a\x9b\x10\x90\x82W\x12\x80&lt;V\xdb\xb6\xee\x0e\xba\xcbM\xf7\xe7\xc8\xd1\xa1\xd0\x95\xbe\x00\x83\xeb\x98\x0b~^ \x06\x16\x9f\x7fW\x15\xcd\xf4\xa8w\x9e\xf8\x8d\x909M\x87\x9d?\x90\xc1\x00\x03j\xef\xe3\xbf\xdax\x90=\tN\xb8\xf4W\x95\xb5\x03\x00\x83\'\xefj\xec7-N\xa5\x96Y\xd5u\xf3\x8a0Io\xc3\x8a\xbc\xeb\xa4o\x96\xaf\t@o\x9a\xb2\xfb\xb0\r\x7f\xac/\x05\xbb9\x80\xcb\xeb\xefg\x07@b#cc\xfc\xf4\x03j\xe9$\xa3*r\xee\xc0S\xbe\x9d\xaa\xd4\xf2\x18\x830\x06`L\xa2bT^\x16\x00:m\xc9\xd5\xbfm\xfe\xf3\'\x8f\x0fb\x14e\xf92\xf3\xaa\xdb_7r\xc0\xaeG_\x9b\xb8-\x00z\xcb\xc8\x08i\xb3\xc2;\xf5K\x7fh\xb3\xb7y\xd7\xc6\xdb\x9f\x90\xa7\x8b9y\x06\xa7Qx!\xbb\xe8\xbc;\x87\x1e\xbft\xce\xd1\x19\x8fz8\xdd\x17\xd6\x00\xe8\x1bk\x85\x10\xd6\xd9\xf2\xf0Q\xf7\xc5\xd1&gt;\xb9\x8c1^\xbet\xf93C\xd7\xb6N\x9c\x17B\x08a\xb5\xe6C\x9a\x9d{\xeb\xd3!\x84\x87\xd2|\x08\xbaF\xae\xd1\xc7\\xO\xb9\xe9\x00\xa0J\xad~)bd\x007m\xd9&lt;\xc6\xf8\xb7\xb6\x81:c\xe7SB\x8b\xd0\xcdr\x15\xd3\xdb&gt;x}\x9b\x86\xdb\xcc[\xc8KR\x17\x0c\x9b\xce_\xd2\xfc\xe7n\x8b\xaeK&gt;\x05\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0\xc8\xfe\x0f&amp;\x96g\xef\xf9\xc2k\xc2\x00\x00\x00\x00IEND\xaeB`\x82']</t>
        </is>
      </c>
      <c r="E604" t="inlineStr">
        <is>
          <t>&lt;class 'numpy.ndarray'&gt;</t>
        </is>
      </c>
    </row>
    <row r="605">
      <c r="A605" s="1" t="n">
        <v>603</v>
      </c>
      <c r="B605" t="inlineStr">
        <is>
          <t>steps_per_sec</t>
        </is>
      </c>
      <c r="C605" t="n">
        <v>8700</v>
      </c>
      <c r="D605" t="inlineStr">
        <is>
          <t>5.3026977</t>
        </is>
      </c>
      <c r="E605" t="inlineStr">
        <is>
          <t>&lt;class 'numpy.ndarray'&gt;</t>
        </is>
      </c>
    </row>
    <row r="606">
      <c r="A606" s="1" t="n">
        <v>604</v>
      </c>
      <c r="B606" t="inlineStr">
        <is>
          <t>Loss/localization_loss</t>
        </is>
      </c>
      <c r="C606" t="n">
        <v>8700</v>
      </c>
      <c r="D606" t="inlineStr">
        <is>
          <t>0.008597832</t>
        </is>
      </c>
      <c r="E606" t="inlineStr">
        <is>
          <t>&lt;class 'numpy.ndarray'&gt;</t>
        </is>
      </c>
    </row>
    <row r="607">
      <c r="A607" s="1" t="n">
        <v>605</v>
      </c>
      <c r="B607" t="inlineStr">
        <is>
          <t>Loss/classification_loss</t>
        </is>
      </c>
      <c r="C607" t="n">
        <v>8700</v>
      </c>
      <c r="D607" t="inlineStr">
        <is>
          <t>0.2410004</t>
        </is>
      </c>
      <c r="E607" t="inlineStr">
        <is>
          <t>&lt;class 'numpy.ndarray'&gt;</t>
        </is>
      </c>
    </row>
    <row r="608">
      <c r="A608" s="1" t="n">
        <v>606</v>
      </c>
      <c r="B608" t="inlineStr">
        <is>
          <t>Loss/regularization_loss</t>
        </is>
      </c>
      <c r="C608" t="n">
        <v>8700</v>
      </c>
      <c r="D608" t="inlineStr">
        <is>
          <t>0.038811762</t>
        </is>
      </c>
      <c r="E608" t="inlineStr">
        <is>
          <t>&lt;class 'numpy.ndarray'&gt;</t>
        </is>
      </c>
    </row>
    <row r="609">
      <c r="A609" s="1" t="n">
        <v>607</v>
      </c>
      <c r="B609" t="inlineStr">
        <is>
          <t>Loss/total_loss</t>
        </is>
      </c>
      <c r="C609" t="n">
        <v>8700</v>
      </c>
      <c r="D609" t="inlineStr">
        <is>
          <t>0.28841</t>
        </is>
      </c>
      <c r="E609" t="inlineStr">
        <is>
          <t>&lt;class 'numpy.ndarray'&gt;</t>
        </is>
      </c>
    </row>
    <row r="610">
      <c r="A610" s="1" t="n">
        <v>608</v>
      </c>
      <c r="B610" t="inlineStr">
        <is>
          <t>learning_rate</t>
        </is>
      </c>
      <c r="C610" t="n">
        <v>8700</v>
      </c>
      <c r="D610" t="inlineStr">
        <is>
          <t>0.0799143</t>
        </is>
      </c>
      <c r="E610" t="inlineStr">
        <is>
          <t>&lt;class 'numpy.ndarray'&gt;</t>
        </is>
      </c>
    </row>
    <row r="611">
      <c r="A611" s="1" t="n">
        <v>609</v>
      </c>
      <c r="B611" t="inlineStr">
        <is>
          <t>train_input_images</t>
        </is>
      </c>
      <c r="C611" t="n">
        <v>8700</v>
      </c>
      <c r="D611" t="inlineStr">
        <is>
          <t>[b'640' b'640'
 b'\x89PNG\r\n\x1a\n\x00\x00\x00\rIHDR\x00\x00\x02\x80\x00\x00\x02\x80\x08\x02\x00\x00\x00\x83\xaf^t\x00\x00 \x00IDATx\x9c\xec\x9du@\x14\xdb\x17\xc7\x0f\x02R"\xd8"H\xa8X\x18\xd8\x82\x85\x85\x1d(\xb6\xd8\xdd\x81\xdd\xdd\xdd\xdd\xdd\x9d\xcf\xee\xee\xceg\xc7{&gt;\xf5\xfd|\xf6\xf7\xf7\xc7\xec.\xcb\xe6\xf4\xec\xc2|\xfea\xd9\xbds\xef\xd9\xd9\x99{\xe7\xde{\xce\xf7\x10%4\xfc\xcc\xbc\x9f)\xee\xa5w%Y,1O\xf2\n\xb25\x05-D\xfe,\x8a\xe7\x98\xba\xf3=S\xfe\x15\xc0\xb1\xa9\x8c|\xecSQ\x91\r\xff\xbaJ[`\xf7\x845\x9a\x99\xad\xd20~\xc7.:\xf6]`\xeb\xda\xae,\x0fQ \x9b\xf2\xb9\xaa\x8f&amp;\xca,\xb0\xd1\x84J\x9a\x1f\x9c\xbbx!d\xee1\xebb\xd2l\xcdj\xf7\xde\x0cY\xdbU\x1e\xe6\xaau\nnb\xbdh\xaa\xaao\x01\x00;\xee`\xf2\xf6\xb7\xd2\x9b\xa6\xa2\xa2b?\xa4\xae\x9a?z"\xef\xa3\xbf\xeb:^\xa7\x12\xfcj`\xba\xb2\xe1\xab\x1f\xc5\xce\xbd\xc2\xea\x00\xb72D9\xf9\xb5\x95\xe0I.\xdd@\x98\xaaP\xe7\xf6\x13O\xc4\x7f\xcf\x07\xc0\xd1\x97 r \xca/Q\xbb\xb6\x8a_\x87I\')y$\xcb\xd2]\xa6\x9dc\x8e\x92\xce \x15\x15\x15\x15\xae\xe8\xd6\xf3\x8a4\x98\xae\xb4-*\xe6i4d\xcf\xa6k\x06\xa3\xbbK\x89fs\xa3b7*c\x90\x8a\x8a\x8aJ\xa2\xc0]\xba\xaa\xf56\xd4\xf2H\xd7\x8a\x8aP\xfc#\xfa\x96m\xb3\xd8\xe8\xedd\x0e\x99\x1a*`M\xc2\xc6\xb18QA\xef|\x1d\x94\xb6C\xc5:{\x1e\xa0\xe5\xe8CJ[\xa1\x92`\t\xae0\xf4\xdc\x07P\xeaj\xd2T\x9f\xf7o\x00\xc0\xbeG \xf2\x95\xa6\t\x15q\xc8\xad\xb4\x01v\x06\x804\x85\xbb*m\x85\x8a\xb4hg\x0f*V)\xa0\xb4\x01\xf6\x89o\xb4tu\x07\x96\xe9\x7f\xf3;\x16\x1e\xf9\x9a\xa1Xl\xe6\xf2\x83\xc8\xbd,\xa7\xc3\xfd#\xfaJd\x98\x8a\x8a Z\x8d9\x0c \xb2\xfd2\xa5\rQ\x91\x98\x14J\xfb\xff\xab\xa8p\xa7R\xc7\x95#\xd7=m8h7\x80F\x83\xf7\x10\xb9\x129(m\x94\x8a\x8ax4\x1a\xbc[\x84Z\xa4|\xfeUIP\xa4\xa9n\xf4V\x16\xa2\xc2\nX\xa2b\xf3L\xde\xfe6\xa4\xda(\xa2"\x94\xa2\xb2\xd2\xb6\xa8\xd8\x07\xd9\xc9\xb1\xb8\xd26\xc8\x8dK\xf6\xe6J\x9b\xa0b\x1f\x00p\xc8\xd4Hi+TTTTTT\x12\x1b\x81\xf5\xc5\xab+k\xeaB]\x00\x845\x9a!^\x9d**\t\x05q\x967UT\x127\r\x06\xed\n\xa96Ji+\x94#I1"W\xa3w\xf3A\x0fJk\xbc\xb2\xad\xa2\xa2\xa2b\x138+m\x80\nO\x0e\xbf@b\xf6a\xd6\r\xb1\xc3V=\xdcrC\xff$x!&gt;\x8a\x99\xa8\xa2\x1ca\x8df\xb2*\xc7Z\x8cH\x85?^\xf9\xda+m\x82I\x92)m\x00}S{({\xc51!\r0+\xcf\xa2\xcd\xb8\xa3\x9c\x0e\xb10\xca\xaa\x03p"\xe7\xd2\xbf\xec\x7f\xf7\x10iMQ!r[z\xf2\x97\xd26\xd8(\x05\xebNQ\xb7\x03\xec\x91d\xb9\xdb0\xa3K\xa5N+\x95\xb6E\x04\x00d.?\x88\xeb!:\xb6\xdeL\x8c\x03p\xeb\xb1\xdc\x1eY\x12\x0f\x8b\x8e}\x9b\xf7\xc7\xff\x94\xb6B%\x0e\x16\xea\xdb\xa9\xaa\xc6\xbdN_S2KX\xe2\x1f3l\x9fDU\x03P\x9f\xfb\xec\x9e\x14\x95\x01\x9cx\x93@F\x97\xf0\xc6\xb3\xb8\x1eba\x88M$\x03\xf0\xe6\xeb\t\xf6\xab%V\x9c\x946\xc0Fp\x08W\xda\x02"r\x93\xa8\xde?\xfe\x04y\x94\x93\xa8r\x15\xd9p\xce\xca"\x99U\xc2Eo|5\x14\x01\xd6\x1f}\xffL\xb8\x03\xb0JB$\xbd\xd2\x06\xa8X#\xb8\xc2P\xa5MPQQ\x1e\x00Y"\x87\x18\xfbR,&gt;\xf6]ox\xe6\xd6\xa39\x06\xc7\x88g\xa0\x8ar\xa4\xaeJ\x94]i#x\xa0N\x82\xed\x99\x0c\xc5bY\x95s,&amp;\xb1!**2\x01\xc0 \x9b\xacn\xf4\x1d\xb0\xe46\xd7\xdab\x86J\xb5\xf5\xa3"\'s\x0e\xfe\xebS\xac\xa7\xd2V\xa8\xd8\x04^\xf25\x95\xbc\x82\xd5"\xddg^\x98\xb5\xef\xa3\x0c\xb6\xa8\xa8\xc8\x81k\xe9\xf8\xff\xa7"\xcfH\xa2$\xfc*\xf3-\xde+I\xe6\xc6\xc2\x8dRQ\x1a\xc3\x1c\x88\xcdG\x1e$*h\xa2`\xea\xaa&amp;\xdeT\x11\t\x1f\xa2 \xa5m\xb0-\x00d\xab4L\x96\xa6\xecq\tHEE%\x01\x92\xb0=\xf2T\xec\x83\xb2\xad\x17\x03 J%C[\xfd\x17\xdf\x92\xa1\x15\x15\x15\x15\x15\xab\xf0\x1f\x80=#\x89\x92s&lt;\xc6\xd1\xd87P\xc5\x1a\xc9\xca\x95o\xb7Ti#$\xa7\xc3\xe4S\xc6o\xce\xda\xff\xc9+Tt\xb9\x92\x8cbW\x98\xb8(\\\x7f\x9a\xd2&amp;\xa8\xa8$\x10b\x86\xee\xe3\xb9\x1a\xeaSKl[T\xcc\x00 \xb4\xd6\x04\xa5\xadP\x00u}\xc6\x161\x95`\xdc#Wk\xf9\rQQ\xb1s\xb2\xba\x87\xb4R\xda\x06\x95D\x8fG\xae\xd6\xe4\\\xc2\xf8}\x00\xe7?\xaa\x03\xb0\x1dP\xa5\xcbj\xa5MPI\xd4$v\xef\xe2\xf8\x89\xab[\x8f=\x02 O\xd48\xa5\xccQ\xb1;\x8c}\xa3r\x13\xa5V\xc0\x10\x15Kp\xddvRQ\x91\x03\x00CV\xdcW\xda\n^\xa4\xac\xec_\xaa/QZ\x11\xab\xcc]c\xcc\xa1g\xd6\xa6.ik\x88\xd8\xa2\x8a\x8a\x8a\xa4\x14j2|\xbf\xd26\xa8\xa8\x98\x06@\xf5\xee\xeb\x94\xb6\x82\x0f_\x81\xa3\xaf@\x19\xeb\xca\xd9hp\x85!\xbd\xe7_\x93\xb3E\x15\x15\x15\xfe\x00\xd8tM\xdd\x0ePQ\x11\x99\x14\xf9;\x8a^g\x96\xc8\xc1\x96\x0b\xa4.\xdc5s9n\x89FTTT\x14\xa3\xdb\x8c\xf3J\x9b\xa0\xa2\x92`H;~\xf3\xcb\xca\x9dW\x89\xbb\xf2\xcc\xf0\x18\x00\xb0\xe8\xe87q\xaac!\xa3DD\x94\xa1x/q\xdaS\x91\x1eF\x15\x97\xdc\xca(m\x88\x8a\x8a\x8a\nK\x9c\x89\\,\x16\xf0$\xca\xc5\xa2\x9e|\xdbn\x01\x80g\xde\xb6D$\xba_\x05\x13&lt;\xb2\xec\xd4o\xb1jc[\xae\xfd\xa4\x93\xa24\xa9")i\nwe.\x91\x8fj\x88\x91\x8a\x8a\x8a-\xd1g\xfe\xb5\x0e\xf1\xc7\x91J\x9dV2ia\x7f[\x8d\x8aLR\x8c\x02\xea[k!\xcb\xc1\xa7\x1aUp\xb7\x9c-\x05Zk\x12q\xa37\xf7&gt;dWU\xaaB\x9d\xc5jREj\x98K$u\xa1.J\x1b\xa2\xa2\xa2\xa2\x12\xc7?@\xb5nk\xf5\xdf\xb9\xfa\x1f\x9c\xb36%\xd1\x06\xb6\xe0\xfd\x8f\xf1\x1aX|\xec;\x91\xab\xe0\xdaTD\xa2V\xaf\xcd\xdc\x0f\n\x14\xdd\x0c\x1b$}x\x0f\xa5MP\xe1\x84\x9a\xbcL\xc5nIY\xc5\xe8\xad\xc2\xcc\x1f\xb9t\x81\x82\r\x82zUTDc\xe6\xde\x7f\x92\xe5n\xc3\xe9\x90_\xeaJ\xb5\x8a\xfd\xe1\xa3\xb4\x01*"\xb3\xea,\x8b\x8e(\xa0\x1eQ\x88C\xa6F\xe4R\x8a\xc8\x93G+)\nt$*\xc4\xe3@\x15\x15+\xd4\x1f\xb0\x03@\x9d\xbe[\x956DEEEE\nR\x16m8\xfd%\xa0&gt;\x81\xa9\xd8\x12\x0e\xe1\xba\x84\xe4DI\x95\xb6FEE\xc56\tU\xda\x00\xc1\xb8\x96\xf6+\xd1[i#TT\xf4IS\r@\xcc\xd0\xbd\xc6\x9fl\xbb\x85,\x91C\xe4\xb7HE8\xc5\x9b\xceQ\xda\x04ea\x13s\xa2\xc2\t\x83\xa7\xf3$\xcaX!)I\x8a)m\x81\x8a\x8a\x86\xcc\xe7?\xa2`\xdd\xc9J\x9b\xa1\xc2\x99:}\xb7\x02H\x17\xd6]iC\x14$\x8b\xd2\x06\xa8\xa8\xa8\xa8\xa8(B\xba\x9aD~J5\xfeL\xb3\xa1\xe0\xa6\x94\x01**\xf2R\x80\x82\x1a*m\x83\x8a\x8aJb\xc6\xab\x02\x91\x0f\x91\xe3\xec\xfd\x9f\x88\x8a(m\x8dx\xa4S\x93\xc3\xa8X \xfd]\x00\xc0\x96\x1b"\x06e8\x88W\x95\x18\xb8\x96V\xda\x02\x15\x01\x18\xc7\xc9\x15o\x92\xc8\xf7\x08\x130\x1eJ\x1b`\x06\xcfH\x9e\xab\x02&gt;\xb5\xb4\xafr\x8bg\x8dJ\xc2\xa1\xfd\xc4\x13\x00&amp;o\x7f\xcb\xb7\x82\x14bZ\xc3\x9f\x02D\x05M~\x10\xddg\xab\xc9\xbc\xec*b\x93\xba\x9a\x14\xb5\xca\x15\xa8\xae\xa2b\x15g~\x87y\xe4jM\xce%\xc55E\xc5\xce\ta\xfe\x94i\xbd\xc8\x94L\x87\x8a\nW\xd2Tw\xc8\xa4nf\xd8\x0e\x16\x14\xde}\x89\xf2\x13\xf9\xcbgK\xe2f\xfc\xe6\x97,\xe4|U\x12!)\x8e\xbeR~v\x91\xb8}\x1e\x95\xe0\xc4\x1b\x89~\xf5\x10i\xaa%"\x8al\xb7L\xba\xca\x13\x1c\xe9j\xf7\xe6\xa1B\xaa"\ty\xa3\xc6\xabK\xd0*&amp;\xf1\nm\xaf\xac\x01?y.1\xda\xd8N\xb3\x1d\xd1d\xd8&gt;N\xd2Q\x85\xebO\xab\xd4i\xa5\x94\x16\xa9H@\xd2R\xca\xb4\xeb\xa6\xfa\\\x18\x13D\x14\xa4\xb4\r**\xc68\x00\x18\xb4\xec.\xe7\xe3\xd2\xd6 J)\x81=\x16\x99\xb5\xefc\xc6R}\xe5nUl\\\xb27\x7f\xa5\xee\xaa\xca\x8a\xa7\xba\x8dm\xf3\x04KWu\xaaB\x9d\x85\xad\xf2\xb9\x8bf\x8a\x8a\x1d\x90Gx\x15\xb1s\xaf\xb0)\xb6\xff1\x9e\x03\xf6%\xe2\x91Ai\x03T\xec\x0fu\x00\xb6q\x86\xadz\x94\xb5\xe20\t*\xf6\xa3\x0c\xb5\x01\xf4b\xd7!\x9a\xc4#Wk\xf1\xecQI\x0c8\x87\xd6\x9a\xc0\xaed2\xdem\x84\xd6\x9a\x10Tf\x00\xef\xc3U\xec\x8c\xb0\xc63\x956A%\x01P\xd4\xe4\xbb7\xbe\x0b\x1a#-\xe0\x98%&amp;*v\x93\xd1\xdb\x99\xa4hK\xc5&lt;\xf9\x946@A\n}\x02\x96\x9d\xfa-j\x9d\xc9\x01\\\xfb\xaa\xce+l\x82\x00\x19\xda\xd8u\x0fD\xd9ehH%\x01\x03`\xdf#\xa3^#C\xed\xe5\xa7~\x93O\x14\xc7\xca\xf8J\n\xa7\xad\xe1\x90\xa9\x11\xcfcU\xf8\x91&lt;Ri\x0b\x94\xa4H\x83i\xa2\xd7inU/G\x95\x91^\xf9\x14\xf6,\xe3J\x01\xa5\r\x10\x87\xbf\x00\x89}\x7f,\x84\xd6\xa8\xa8X\xc79[\xd3\xf8\x8a\x01!\x1b\xafb\xd2\xb67\x94\xac&lt;\xf7\xca\xd2\xf04\xc2\xbd,\xcf\x03UTl\x1e\xbf\x92\xbdc\x86\xee\x15e\'[\x85\x1bw\x7f\xc35G\x0b\t\x1b\xb0Ca\xbf\x01Kn3/\x9c\x82\x9b(k\x89\x8a1\x8f\x00\x00\x13\xb7\xbd\x91\xb7YnJ\xd7\x81e\xfas(\xed\xc9\xe3IBEB\x92di\xfc8q\xb9\x80\xb8v\x99~\x8e(\xa7\xd2f$&gt;2\x97\x1f\xe4\x98%F\xca\x16\xd2JY\xb9\xc4xUP\xda\x02[\'C\xf1X"G\xc9\x9bq\x08g\xfeN\xdc\xf6FR\x9d5\xb3\t\\\xb9\x88\xef\xbb\xe7j\xd5h\xf0n\xf6\xe5\x0b\xd6\x9d\xc2\xbe\xb0\x8aL\xa4\xa9\xae\xb4\x05\xb2"\x8d?\xa3\x8a:\x84$\x1cT\x19,j0p\xe7}\x80\xbc+IQ93\xb4W\xed\xba\xc6\xf0\x83\xa4\xa5\x06/\xbf\xc7\xb2\x92l\x95\x86\xfd\x03p\xcc\xc4\xae*$\xd86\xbe\xd1J[\xa0\xa2"\x06eZ/\x9aw\xe8\x8b\xd2V\xa8XEB}4\x1b$\xa0t?h\x19\xb7\xe9\x85\xe1\xc7\xde\x15\x1b\x0e\xda\xc5\xb2\xaa\xbe\x0bo&lt;\x96\xdc\xafBEf\x12\xd7\xed\xa0\x92`\xe9=\xef\xea\x99\xbf\x13\xd5\xe6\x8a\x8a\x1dP\xbb\xf7f\xdd\x00\xec[\xa2\x97\x90\xaa\xba\xcd\xbc\x00\xc0;_\x076\x85\x8b\xc5\xcc\xfe;q\xed5\xaa\xa8\xa8\xa8\xd8.\xc1\xf9\xa3\'\xf1\xcc\xa3\xc7\x96\xe4RVn\x7fd,\xd5g\xcf\x03\\\xfc\x0cQv\x97\xbfj\x07r6c\xb0\x9a7LE^\xbc\xc8I\xcd3\xa8\xa2b\x96\xe4O\x80&lt;5\xc7)mFb"M\xf5s\x1fp\xed+\x00\xb4\x18\xf5\x87\xc0\xcat3\xe9\xd7\x80S\xb0\xa4\xee\x8dVQ#\x00U\x18\xc2\x98?\xcc\x95\x99"\x7fG"\x1fe\r\x8aO\xeaj\xe1z\x9aM\x99\xcb\x0fV\x17\xfdU\xc4\xc21Kc\xae\x874\x18\xb8S\xd5]bM\xd8;\xe0\xad\xb0yd\x8bQ\x7fd\xaf&lt;\x9c|j\t\xb7f\xdf#\xdd\x10\x8c\xe6#\x0f\x12\xe5\x10^\'?\xca\xb6Y\xacT\xd3*\xb6\xc9\x9d\xdfH\x96\xbb\r\x11\xf5_|\xcb?\xc2\x96R$\xa4.\xdcEi\x13T\x12&amp;\x8f\xb8\x8f\r\x0b\x8f~+\xddj\xa1\xa8V\xa4Z{!\xc1.u\xf6\x99\x7f\xadh\xa3\x19\xf2\xb4\xb5\xfb\x01:O=c\xa1@\xafyWu\x030\xa5\x952\x94Eu\xcd\xb5\x07ls\x97AkUb\x16\xfbTI,deUJ/\xfd{\xcc\xd0\xbdD\xe9E\xb4\xa0D\xd396\xd8\x0b\xd8#\xde\xf9\xad\xef\xec\xb6\x9dp\x1c@\xff\xc5\xb7\xa44$\xaf\x94\x95\xab\x88\x86M\x0e\xc0\xc9\xb4V\xc9!H\xacBD\x94\xa3\xca\x08n\xea&lt;\x82\x08 \xca%W[*B\xf0R\xda\x00\x15~\xa8\x9etv\x81G\xf3Q\x7f\xa4)\xd2Ui3\x0c\x010k\xff\'\t\x1bP\xf3\xf0\xa8\xa8\xa8\xa8\xa8\xa8\x98Bur\xb2\x1bR*m\x80m\xa2f\\\xe7G\x1aUrV&lt;\xb8)T\xab\xa8$0Tu\xc0\xc4\xc8\x9f\xc0\xb5\xff\xf8\xec\xeb\x04\x94\x96m\x17@EC\xed^\x9b\x17\x1d\xfd\xa6\xb4\x15\x89\x88\x9a=7*m\x82m\x11\xddg\x8bK\x8e\xe6J[\x91\x10\xd9z\x13\xddf^P\xda\n\x15\xb9\t,\xd3\x7f\xe0\xd2;&lt;\x0e\x04\xd0q\xf2)\xd1\xed\x11J\x86ZD\xa1J\x1b!\x156\xe9\x05#\x94\xf4\xe1=\xfcK\xd9R\x18\x89\x1e\xa5[\x8a\xeb\xc0\xaf\xa2b\x86\x16\xa3\x0f=Mp\xf7\xb6\n;\xb2p?$3\x80\xec\x95\x87\x8bo\x8b0\xd2\x14\xee*J\x08\xac-\xe2[[\xca\x01X\xb1$\n\x1fmW\xad\xc5\xc5~\x1d\xc4"Z. rR\xda\n[\xc3\xd6\xb79lJR\xc4\xc6\xb1\xaf\x15\xfb\xe4E\x1b\xce\xa0\x94U\xc4\xab08\xe1M\xc5l\x9e\x82\tr\x06l\xfb\xdd\xa2}b_\x1d\x94\x1c\xe4\x8d\x1a\xaf\xb4\t*\x89\x94\x0c\x13\xb6\xbc\x8a\x9d{E\xb4\xfaRW\x8d\x19\xbaW\xb4\xdaT\xd8Q\xa8\xde\xd4\xe9{&gt;(m\x85\x8ay\\"\x94\xb6\x80\x1f\x81\xea\xecKEE*j\xf6\xdc\xa0x\xa6\xf4B\xf5\xa7*k@\x82 )Q\xa0\xd26\xd8,\xb6\xb0\xe2\xcac7G*\xea\xf5\xdf\xce\xbal\xd6%\'~Jh\x8a\x8aJb&amp;i\xb6f\xc9\xf3\xb6\x13\xb1\xc2\x8c\xa5\xfa\x089\xbcz\xf7u\xe37\xbf\x14\xcb\x18\x15\x15\x15cj\xf6\xdc\xc0\xbe0\xfb,\xd1***\x9c\x19\xb0\xe4\xb6\x88\xb5y\xe6m+\xb8\x0e1\xf5)UTT\x04\x91\xba\x9a\xd2\x16\xa8\xa8$dB\x956@%\xc1!\xa6[\x9f-\xa1\'f\x9e8\xf0\xa0\xa0\x86J\xdb\xa0b@\x92p\xf5\xb1Ht\xee\x01\xeaj\x8f\\\xa42\xfb\x89\xad\xa7\xf2v]u\x0eD\xf9\xa5o()\xa5\xaa\xeaS\xac\xa7\xf4\r\xd9\r\x95;\xafR\xf7Gl\t\x0fa\x87\xe7\x16\xc7\n\xf9ab\x1e\xca\xa9\x998\xcd\x90\xb2@\xa7\xa1+\x1fX.\x93%r\xb0\xc1;I27v\xc8\xd4H2\xa3T\xf4\x904\x83\x9ed8gmR\xb5\xeb\x9aR-\xe6\xcb\xd1\x98k\x04\x80\xab\xff\xc11K\x8c\x1c\xcd\xd9\x03\t4\xd6\xcbN\t\xec.H\x1e\xca\xb7H\xc3\xe9\xa2\xd9"\x1f\xe9k\xa6*\xd4\x99\xb9\x10\xffU\xafE3\xa4,\xd8\xe9\xec\xdfVO\x8e\xea\xdc\xaf\xc2\x81\xa6\xc3\xf7\'\xcd\xd6L\xb6\xe6\xe6\x1d\xfa\x1f\x80}\x8fA\x9e\x91\xb25j\xdb\x84\xa9\x03\xb0\xed\x904[\xb3\xa4\xd9\x9a\n\xab\xc3U\x1cS\xe4d\xf6\x81\xcf\x8d\x87\xeca.\xc4\xeb\xdf\x12\xee\xb5\x98\xc6.gH\xbcpV\xda\x00\x156d\xee%b\xac6\x0bR\x15\xea\xdcf\xfc19[\xb4q\xba\xcf\xba\x08\xe0\xab:\x00\xab(\xce3\xcd\x93`\x02N\xf6\x94\x95(\xb5\xc9\x0f\x1c\x83\x13\xcc\x8a\\\x11\xa5\rPa\xc5\x98\r\xcf\xfa/\xbeE\xe4\xa7\xb4!\x89\x99\x8c\x8b\x8f\xffXv\xea\xb7\xba \xaf\xa2&lt;y\xa3\xc6\x95n\xa5j\x91\xdb5.\x1b\xaf\xaa\xcf\xf2v\x82k\x84\xea\x1c\xa0,\xe1\x8dg\xfe\x00\xf6&lt;\x00Q&gt;y[v\x967H!\xab\x8cm\xa9h\xc9Yu\x14Q\x12\xa5\xad\xd0\x11DTPi\x1b\xf4\xc8X\xa7r\xa7UJ\x1b\xa1\xa2\x1c\t5\xa2F\x85=\x8e\xc5\xc7lxVT~\xb7\x1d\xdf\xe8\xe8&gt;[\xe5i*s\xf9A/\xd4\x05v\x1599\xf7\x81\x8dW\x85[\xe1\xfa\xd3\xc8!&lt;\xbc\xf1,\xff\x88~r\x98\xa5bK\x04W\x18\xaa\xb4\t*\xb6\x80\x8bd5g7\xf7\x81G\xaeVQr%\x1e.\xdapF\xc5\x8e+\xe4i\xcbf0\xbd\xcf\xa8"\x13\x05\xebN\xae\xd1}=\xbb\xb2\x19\x01\xac8\xa3&gt;!\xaa\xa8\xa8\x88\xc6\xe2\xe3?\xfe\x05T\xf57\x15\x15+T\xec\xb8\x82\x1c\xc2\x94\xb6BE\xc5&lt;&gt;Q\x00\x88r(m\x87\n;\x92\x95\xd3\x866\x05(m\x8a\x8aE\xea\xf6\xdb\xa6\xb4\t**\xbc\xc9\xc11\xb7\xab\xbbT\x86$h\x98\xde\xbcN\xdf\xadJ\x1b\xa2\xc2\x06\xd7\xd8\xb9W\x00|Ww^m\x9e\xa0\xf9\x87\xff\xe3}p\x85\x0e\xcbE4\x85;\xbe\x8a\xb6\xaeb\x8d@Y\xe4mY\x89OiC\xe3]JIiJ\x82\xe5\xc8\x0b\x00\xa8\xd0~\x99\xc4\xed$\x93\xb8\xfeDA\xa6r\x03o\xfe\xc0k\x80\xd2\xd5T\xda\x16\x15\xeb$\xe0\xa0[\x15\x11I\xca\xae\x98\xb7\x9a\x83!A"\xb5TS\xf7Y\x17\xbb\xce8/i\x13\x89\x86\xe4\xff\x01\x87_\xa8\xd3_\x15\x15EPN\xe4O\x15\xd5SQQ\x9c\xcc\xe5\x06)m\x82\x8aJb\xa5v\xef\xcd\n\xb5\x9c_\x1d\x80UTTD\xc2K\xefu\xe0\x98\r\xcf(\xa0\x9eb\xb6\xa8\xa8\xb0$I\xe6\xc6J5\xfd@3\x00g\xec&lt;\xedl\xad^\x9b\x942CEE\xc5\xeeq-\xad\xf7O\xfe\x9f@\xb3\x11\x07\x143FE\xc5.(\xdfn\xa9\xd2&amp;\xa8\xa8\xa8\xd82\x0e\\\x0f\x08(\xdd\x0f\xc0\xb0U\x0f\xa5\xb0F%\x81\x90\xb2@\'\xe5\xa57\xbd+)l\x80 \xdc\xca\xb5]\x123t\x9f\xd2f\xa8\xa8\xa8\xd8\x14\x85\xfcJ\xf6\xe1zL\xd7\xe9\xe7\xc9\'J\nkTl\x91NS\xcf\x10\x15R\xda\n\x15\x15\x15\x15\x1b!3Qa\xa5\xda&gt;\xfc\x1cD\xaa\xc6\x91\t\xbc\x956@|\x9c\xb26q\x0fi\xa9\xb4\x15,\x90\'&lt;WE\x85\x0b\x81e\x06(m\x82\x8a4$+\xafT\xcb\xa3\xd6=\xb5\x1a\\\x0e 1\xa4\xe0\xcb\xa4\xff\xcf\xbcC_\x94\xb2CJ\xd2J\xa9\xabn\xbb4\x1by01\\\xc1\xa6\xd0\x89\xdd\xe7\xa0\x0c\xb5\x954DEE\xc5\x88\xd7\x00e\xac\x13\xff=\xc3\t1\x80\x87\x89%p#UU\xa5-\xe0I\xf6\xca#\x88X\x8a.%.\x86\xadz\xc8\x84\x1eU\xea\xb4Ri[\x14c\xd35\x00\x08\xad5AiCTTT\xe2h;\xe1x\xfc7r6\x1e\xb2W\xf3\xd2\xbd,39.\xd1ln\x97\xe9\xe7\xe4\xb6L%\x0e\xa7\x12\x94\xb1\xae\x85\xcf\x83\xca\x0e,\xdbf1\x11m\xb8\x82\xca\x9d\x13n\x06\xdf\xf8\x8f\x8a\x19\x8a\xc7\xb2\x19S\xa1\x87d\x96\xd9:\x13\xb7\xbe\x06\xb0\xf4\xe4O\xa5\rI|8\x16W\xda\x02\x15\x1b\xc3\xbc\x17j\xb5nk\x97\x9ff\xba\xa9\x90=\x0fP\xaf\xffv~-\xd4\xeb\xbf=*V\xa6d\x8e\x89\x82A\xcb\xee*m\x82\xf2t\x99~n\xc1\xe1\xff\x88\xf2\x11\xd1\xa0ew\xad\x8e\xa9)\xf2wLS\xb8\xab:\x003\x00H|IO\x85\xe3j\xbd\x88Ex\xf7\xa1*v\x84\xa6{IS\xcdj\xc9=\x0f-uD7\x7f0\x9f\xba\xaf:\xa7\xe9\xb2\xf2F\x8d\xe3nN.\x00k/\xca\xd2\xdd\xe5\xae1F\xdb\xb7:\x12\xd1\xad\x9f\xe8=\xff\x9a\x1c\r\xcbK\xda\xa2\xdddn1Y\xee62\xb7hD\x01\xe3\xb7\x1e\x03Y+\x0e\xad\xdbo\xbb\xd51\xb5x\xd39\xddg^\xa8\xdbo\xdb\x8d\xef\x9a\x92\xad\xc7\x1e1U\xb0\x10\xf3\xe9\xbf\xca\x0f\xcf)\x956@E|Z\x8c:\xa4\xb4\tv\x84?\x91\xb3\xd26\xf0\xc0\x9d\xfd\xf3\xbdO\xb1\x9e~%z\x9b\xfb\xb4\xe9\x88\x03\x0b\x8f|%\xa2\xd5\xe75\xbd\x96w\xbe\x0el\xaa\xad\xd6m\x9d\xfe\xbf\xb29\x0cz\x855\x9a\xc9\x18Z\xb1\xe3\n"\x8f\x03O\xe0\x91\xab\xb5&lt;m\'p\x9cJHZ}\xc1\xba\x93\xad\x151\x1f\x0b\xef\\2\xb0\xcc\x80\xb7\xac\x87\xcc\xe1\xab\x1f\xf9\x96\xe8e\xf2#\xff\x88\xbezc\xb9\x9a\x9aTEE1\xde&amp;\xfae*}r\xd7\x18\xbb\xe5\x86\xb9\xb3\x91\xc7=W+\xbd\x7fS\x03H\x92\xb9\x91\x1cf\x99\xa2 \x80~\x8bn\x121*\xff\x99\xac\x95\x17\x11\x0f\x19\xdbJ\x84\xa4\x96\xa1\x8d\xb6\x13\x8e\x03\x18\xb5\xee\xa9\x0cm\xc9\x8d_\x1d\x00^\xa1\xed\x95\xb6CE\x85\x05)*\xc9\xb4pj\xcfd\xaf&lt;&lt;\xfe\x84;\x13#q\xaf\xe86e\n\xfdm\xed4\x8a\x99\xa1"2\xa9\x946\x80%\x99\x956\xc04\xeb/\x03\xc0\xfa\xcbv\xd5\xa9\xb9Dl\xba\x06\xe1\x9b\xaf\xec\x99\xfb\xc7\xff(c\x9d&lt;5\xc7\x16o2G\xb6FUT\xf8\xd1r\xf4a\xfd\x018c\xa9\xbe\xe4\x10\x0e\xa0\xc7\xac\x8b\xca\x1a\xa6\xa2\xa2 &gt;\x00\n\xd4\x99\xa4\xb4\x19\xf1\xd0x|\xd8\x95\xb0\xc9\xe5\xff\x01@\x8bQ\x7f\xc8\xd7d\xaa*D\xe4\x99\xb7\xed\xbc?\xfe\'_\xa3*&amp;(\xa8\xb4\x01v\xc0\xc8\xb5O\xfe\xd5\x0c\xc0q\x0b\x84\xd9+\r\xa7\x94U\x14\xb4*\xb1\x91U\xba\xaa\x9d\xb365z/D\xba\xe6\x12\x0c6\xe8h\x9d\xb2@\'JogJ\xb3\x9f\x14:\x8d\xf9\xa3\'\xae\xbb$a\xbb\x8d\x06\xefn7\xf1\x84t\xf5\xdb\x18\x89Q\xf0G\x06\x8a\xc5\xcc\xd2\xf9\xac4\x1f)\xe3C\xaad\x88\xb7\x89\x9b\xbc\x82hU)L.\xa5\r\xb0Wz\xcc\xbe\xa4\xb4\t\t\x00_e\x9aMS=\xb0L\x7fS\x1f\x88\xb1\x18\x9e\xb1.3k\to&lt;S\x84\xda\xec\x80&lt;J\x1b`\xe3\xc4\x9b\xeb{\xe6m\xcb\xf2\xb0\xa8\xd8\x8d\xba\x01\xb8\xfd\xa4\x93\x12\x18&amp;-\x1c\xeem\x00L\xc8\xa9\x8a\x8aJb\xc59i\xb6fb\xd5u\xf4%2\x14\x8b\x15\xab6\x15\xfb\xc7[\xfb\x82C\xfcE\xbd\xfe;\x00\xab\x82KI\xf6=B\xdb\xf1\xc7\xf8\x1a&amp;\x15YX\x96;\xf1\x06\x00\xae\x7f\x05Q\xc0\x9e\x87\xb6\xb5\xae\xa8b\x8f\x14\xae?Ui\x13\xec\x98\xd0\xda\x13\xd4}\x10\x15""\nV\xda\x00V\xb0\x8c\x86-\xdetN\xbf\x857\xa40\xe0&gt;\xf0\xca\xc6v\xc4\xb8\xf1\x0f@\xa9\xab\x11\xe5\xb6\xb5\x8d=\x1d\x00,KT\x8aJ6JWS\xae\xb6\xe4&amp;M\x91\xae\x92\xa6In0h\x97c\x96\x18\xe9\xeag\x08\x88\xe8\xd7f\xdcQ\xa9[Q\x08\x9bu\xcf\xe1\x9c\xb9]E\x18\xcc\xe2\xb6\x97\xa4~0\x06\x84T\x1b\xcdE\xd1\xcc-s\xf9\xc1\xa7\xde\xb3\x195\xb2&lt;\x03N\xbc\x059H\x91\x91\xd0\xc3~S\x1b\x10\x11\xe9b\x12\\s\xb4P\xd6\x12\x03\x98\xc5\x07\x87L\x8dd\xf4\xfa\t[|\xfcG\xebqG\x89B(U\x95I\xdb\xde\xc8\xd2\xa8\x9c\xe4=\xf37\x88\xbc\x946C\x10\xa1\xb5&amp;\xd8\xec\xc3\xa2\xed\x93&lt;\xb4\x9d\xd2&amp;\xa8X\'g\xd5\x91\xc4d\xf13\xaf\xa8,:\xeb/#\xa2\xe5\x026%\xdbO&lt;1c\xcf\x07r/S\xa2\xe9\\\x16\xc5\xb3\xad\xb9\x80\xbe\x0bo\x10\xa5\x10h\xa1\x8d\x90M\xf7\xaaf\xcf\rB+s--\xb4\x06)\xf1+\xd9\x1b\x80\x08_\x93%\xc9+4\x19\xb6\x8fy\x99"\x7fG\x99\x1ae\x85\x9b(\xb5t\x9d~NF\xafBql6\x81WE"J\x91\xbfc\xd3\xe1\xfb\xa5j\xc2\xb6H\'R=!\x1d&amp;\x9f\x12\xa9*\xd38\x057\xb1\xe1y\xbc\xdd!\xa7\xda\x92\x8e\xfcVK\x000\xa9\xa1\x1b\x87sI"W\xa2\xe0|\xb5\'\x16\xaa7\x15\xc0\x80%\xb7\x89\xfcD\xb3Q\x11\xa2\xfbl\xa9\xdae\r\xf9\xd5\xb1^\xd4\xf6\xf0\xcc\xc3\xd6\x05N\x9f"\r\xa7\xdb\xd2t\'\xb4X\xcclE\x1a\x06\xa0\xba\\j\t""\xa2\x1c\xb3\xf6}\xac\xd5k\x13%\x8fT\xd8\x1c\xe9I\x9eW\xaci\xab_\xd7\x19\xe7E\xaa\xca4\xed\'\x9e\xc8W{\xa2\xa4M(\x81\x9d\x8f\x1c\xac\xc9U}\x8cs6\xe3\xf8L#\xd2\xc4K\x08\x1b;\xe7\xb2\xc1\xe7\x9ey\xda\x92{\x99NSN\x03\xd8x\x15\x00\xe6\x1d\xfa"\xf6\xfe\x94\xbc+y\xe9\xc2z\xcc9\xf0\xb9\xfbL{\xd5\x01q\nn\xc2\xe3\xa8\xa4\xd9\x9b\x1dzn+\x03p\xde\xa8\xf1G_)c\xcc\xb0U\x0fM]\xbe|\x1e\x90\xa3\xfbl\xb1\xa5g\x1a\x1e\x04\x10\xd1\xeas\x00\xb0\xe5\x06\xaau[\xab\xb4=\xfcPF\x91[\xfad\xc9\x19$\xae_\xc5\x14\xe9k\x8aR\r\x00\xf6&gt;\xbcq\xa42\x10\xc7p\xec=\xff\x9aN\x7f&gt;K\xe4`S\xa2\x0b*rc\xa3B\x86\x1cQ\xd0\x1b%\xdep\x1bRm\x14\x80\xd1\xeb\xff\xe4Z\x8b^\x84\xfbA\xf1l\x93\x1b\xe6+\\\xf8\x84:}\xb7*m\x8b=q\xf6o\xcb\xcf^\x89e\xaa\xa7b\x12\xbe\x8f\xe6\xa67\x9b\xd2\x16\xe9F\x14\xc8\xdf\x1a\x15\x15[\x06\x80K\xf6\xe6\\\x8f\xfa\x1f\xe2\x98\xb8\xf5\xb5\x82\xd9E\xf8\x91,O\x1b\x9f\xf0\x9e\x00~\x02\xa1\xb5&amp;X\xc8z\xa6bL\xf6\xca#\x946\x81#\xbe\xd1a\x8df(mD\xa2!\x11l\xe8\xd8\x18\x1e\xe5\x94\xb6\x807\x0eD&gt;J\xdb`\x97 &gt;#\xd7&gt;1U\xcaF\x95\xc2J\xb7\\\x10;\xf7\xca;`\xc6\x9e\x0f/\x01\xed\x96\xb0\x8aJ\x82#i)"\'\xa5\x8dH\x8c\xe4&lt;\xf2B\xb6]\xba\x9cr5d#\xb8+m\x80\x8d\x10\xa0?\x06+m\x0c\x1br3\x7f\x82\xca\x0c\xa8\xdcy\x15\xa3!c\'\x96K\x8d\xcb\x9a\x0bXt\xf4\x9bH\xb5\x05\x02\x90\xd0\x83]\xc5*\xde\x15\x8f\xbdBT\xec&amp;\x91\xaa\x8b\xdb\xd35\xbc_\x92\x96\x12\xa9\x89\x84D\x8a\xca\xfd\x16\xddT{\x16\x15~\xa4)\xdc\x95\xa8(\xcb\xc2&gt;\xe1=;O;k_\x17[x\xe3YD\x99\xec\xea\xd1ArrT\x19\xe9\x1e\xd2\xca\xe0\xcd\xc1\xcb\xef\xf1\xf1PKYE=\xab\xca\xc2\\\xd8\x93\xb7\xbf\x15\xb7Z\xcf\xbcmm\xec\x97Uz\xee\xb7\xf9\xba\xf1\xe9p%*|\xfd\x1bn~\xb7|\xa6\xd8\xf6\xb0*\x89\x8e\xb45\x06.\xbd\xa3\xb4\x11R\x13\xc2tRg\xfe\xb2\xa9\x0e%\x81P\xb8\xfe4\xe6EXb\xc9\xa9`[\xa4*\xd4%S\xb9\x81eZ/\x12[\xe3)k\xae\xeacD\xad\x90!I\xfeh\xce\xf9I[\x8f;\xba\xe7\x81\xb0\x9b\xd7\xbf.Qas\x1ff*7(f\xe8\xde\xd4\x85\xbap\xa8p\xe5Y\\\xfc\x8cNS\xcf\xdc\xf9\xadv+\x89\x80\x84\x93W\x8a\rbF\xdd\xe4\x8f\x9e\xc8\x0c\xc0CW&gt;\x10\xb1\xdaD@&gt;\xa2\x8c\xe2\xd6\xd8x\xc8^r+#n\x9d\x89\x9c\xdc5\xc6*\x15\xa5&amp;\x13\x81\r\x04._\x15\xa8;\x99(\xad\xd9\x8f]#\xc8\xbbR\xf6\xca\xc39\ty&amp;clZu\x0e\xceY\xf9\x84\xcc\xaa\xa8\x88Hd\xbbe\xec\nz\xb3)\xd4j\xec\x11\xfe\xa6\x18Q\xbe\xddR\xe6f\xf1\xce\xdfA\xc4j\x13\nf\x05\n\xfe\x04\xa6\xef\xf9 \xa7)BI]\x8d\x9cJ(m\x84\xfc\xe4P\xda\x00i\xf9\xcb\x06\xf7\x8f*v\\Q\xa0\xce\xa4F\x83w+{\xf6=r\xb3\xcan\xa1"\x15\xae\xa5\x1b\x0e\xda\xa5\xb4\x11\x1c8\xf5\x0e\x13\xb7\xbe&amp;O+\xd1\x0b\x83\x97\xdf\x0b\xa96Z`[\x95:\xae\xd4\xbcJZ\n\xc0\x99\xbf\x91`\xd4e\xd9\x91\xd7\xf2\xc7\x15:,\x9f\xbe\xfb\xef\x1b\xdf1l\xd5C\x93\x05J4\x9d\xa3\t\xc7w,.\xbaqZ\xbcE\xac+Y\xee6\xe9\xc3{\x88X\xa1\x8a&lt;\xf8\x95\xe8\xfd\x01\xe8`6\x95oQ\xdb\x1a}\xb9\x10\xaa{\xe5\xabF@&amp;@&lt;\x93\xe5n#s\x93}\xe6_#\xbfh~\xc7\x1e~\xc1\xfeaV\xa0D\xb0Oh\xad\xf1\xba\x7f\xce\xfc\x8dm\xb7\xec\xf5\x1e\x96\x92\\\'\xde\x82\xd2T3\xf9Y\xd6\x8a\xc3\xe4\xcc\xae\xa3\x92XIz\xe1#\x00|\xb1\xdbQ\xd6$\xde\x1b\xae`\xcd\x05$\xc9\xdcXiK\xec\x90\xd4\xa6\xbb$\xee\x04\x8aT\x8f\xadp_\xbb\x1c\xd4x\xc8\x1e^\x15\xe4\xdax\x15\xf9j\xb3\x108t\x12s\xd65{\xff\'\xb7\x9c-E\xac0\x11Pt\xd8\xaa\x87\x14X_i3T(aGy\xf9\x84\xf7|\x00\x00\xb8\xf2%\xa1\x0c\xc0\xb7\x7f\xc5\x85lz\xe7S\xf7\xbd8\x92\xbc\x82\xb1\\\xb8\n\x11\xd5\xec\xb9Aw]\x95h:\x87_%\x99\xcb\x0fb[\xd47z\xe9\xc9\x9f\x94\xa22\xfb\xca=r\x19F\xd7hI\xce\xbe\x92\x84A\xe1\xfa\xd3\xbaL?\xf7\x02\xc8Zq(\xbf\x1a\xb2V\x1c*iBh\x85\xb0\xb22\xaf"3\xfd\x17\xdf:\xf5\x1em\'\x1c\xef=\xef\xaa\x12\xed\xa7KU\xb0\xb3\x98\xf59gm\xaa\xaf\x99\xb0\xf8\xf8\x0f1kWI\xc4\xb8\x87\xb4\xe2\x97\xa5*&gt;\xa9\xd9\x14*Pw\xf2\x9c\x03\x9f/~F\x9bq\xc7\xb8Uo\xdb\x193\xe5\xa4l\xeb\xc5\xc2\xbcW\x12\xd8\xe8\x9bUs6\x82\x1a(m\x89Lpx\xd8U\n\xaf\n\x00\x0e\xbf@\xd2l\xcd\xc2cf\xf1\xab\x83]\x9aa\xd3\xa4-\xd2-\xa4\xda(\xde\x87\x9b\xe0\x17\xe2\xf14a-\xac\xdb\x1e\xee\xd6\x1cIR\xcacGB#C\xad\x94\x05;\xe9;1\xa8\xf0\x80\xef\x00\x9c\x8f(\x99\xee\x1f\xff\x88\xbe\x0f\x80\xd6c\x8f\x8ah\x98\xfc\xc4\x89\xb1\x04\xa8\xeb\xea\xb6\xc2\xf4\xdd\x7f3?J\xcf9\x97=r%\x08\x97\xde\xea\xdd\xd7\xeb\x0f\xc0\xed\'\x9as-SI\xcc\xb8\x1f{\x05q}PU\x12$\xe9\xc3{\xc6\r]\xf6\xcc\xd0\x95\x0f\x00\xfcO\xb2o\xe1\x95\xaf\xbdN\x93D\x85%\xbaKk\xf8\xea\xc7\x82\xfd.m\x88&lt;\xcc\xb7\x8a\x19\xbaWiK\xf4\x88\x9f\x96\xd9"\xbe\x12\x9a\x91h\xc8\x1b5\xce\xecgn\xa5\x0f+\x928\xd9\x8e\x93y$V\xd2G1\x9d\xc9\x07;\x1a\x80\x93\x964\x8a\xf9\xceK\x94o\xfa\x9e\x0f}\x16\\\x97\xa8\xcdl\x95\x86KTs\xc2%@7\x00\xef\xbe\x8frm\x97\xc8n\x80yu\x0e\x15\x15\xc1$\x8b\xf7_\xca\xca60\x89\xc9\xad\xb4\x01\x89\x92\xa0\x06\x02\xdd\xd0\xaaw_\'\x96-2p\xf8\xb9\x89\xf9z\x9d\xbe[\x8f\xbc\x00\x91\x87\x14-\x02\xa8\xd0a\xb9\x145+\x88\xf4\xdf(\xab\xfeb\xed\xee\xfb\xd2\xf5N\xac\xfcN\xb4\xa24\xacE\xa7\xf3F\x8d#\xe7\x92\xbc\x0cR\x11\x05\x07\xa5\r\xe0\x86k\x8e\x16J\x9b \x1f-F\xfda\x03\x0f\x1c\xcas\x0f\x00p\xe77\xc89\xb1\xa8D\xed}\x88w\x80Ox\xcf~\x0boj\xdf\x0b\x01\xd0y\xeaYQ\xdb)\xd4f\x1c\xb3/\x9e\x0b@T\xecFQ+W\x8e\xd4U;L&gt;\xa5\xddt\x906\x02J\x7f\x00\x1e\xbd\xfeOi\x1a\xc9\xc0\xd5\xa4v\x13\x8eKc\x89\x8a\x14$:\x9f\x8e\xcc\xf6\xb2y\x9c\xf0&amp;%\xdc\xc8X\xf7\xab^\x07W\xb3\xe7\x06\xa5\r\x92\x8b\x8cu\xf6?F\xbd\xfe\xdb\xf5\\\xe2sD\xb4X n#U\xbb\xae\xbd\xfc?\x10\x15 ""Wq+W\x94\xbc\xbd\xe6]\x05p\xe4\xa5\xe4\xcf\xafc7&gt;\xd7]\x9f\xa5Z\xcc\x17\xb1\xe6\x86\x83v\x01\xe8&lt;\xf5\x0c9\x84q9.\t\x80&lt;\x166\xef\x14 Yy\xa5-\x10\x87S\xef\xd1q\xf2)\xa5\xadH\xbc\x04W\x18:b\xcdcm\x87\xa5"-a\x8dg\xc6\x8f\x87@\xe1\xfaS\x956J\x8f\x8cu-\xc8P\x0b\xa7F\x8f\xf5z\xff\xf9\x10yJ\xd1\x8ac\x96\x18)\xaaU\x9c\x14\x05:\x02\x08\x88\xe8\'C[\x05\xeaN\xd6\xce\xb6\xb3X/\xcd\x1a\xdde_\xbd\x9b=\xed\x9e\x98\xc4\x85cy\t\xef+\x01\x14\xad\xd7\x7f{B\xd1jg\x04\xc03+l\x05g\\\x89\xd2+mCb!\xb2\xfd2\x83\x01\x98\xd2T7t\x0b\x10\r\xae"\xdbN\x0b\x0e\xff\xb7\xf5\xa6\xe4\x13\xacb1\xb3\xfc#\xfa\x91[\x19\xa2"R\xb7e\'\xb0\xe9\x9c\xdd\xa7\xecx\x07@&amp;\x97\xc9\xb4\xd5\xc7nz\xb1\xef\x91\xc8\x17\x83\xee\xb2g4\xe1\xbd\xf2\xb5\x17\xb7\xfe\xc4IBZ\xe7\xb1F\xaa\xaa\x00\xfeN\\\xbb\x98\x19\x89\x9c\x94\xb6!!\x91&lt;W\xf51\xba\x9eH\x0cUZ\'JY\xc5\xf8\xdd\xf5\x97A\x14\xc4\xa1\x1a\xf7\xb2\xe2Nw\xcc\xe2Q\x96\x88\xb8O!\x12\x1e\xeeD\xb4\xff1Z\x8d9\xc2\xaax\xb2r\xc1\x15\x86Hj\x10\xc3\x7f\xc0\x92\xe3?\x0e\xbf\x80\xe8\xeb\xacq\xcf\x9d\x947s\xf9A\x03\x97\xde!\xca\'n\x13\xa2SHi\x03\xac\x11\xd4P&lt;\x95f\xd9\xe049\xd0,\xcf\xea\xae\x9eg\x89k\x00\x0eN(K\x146\x04s!\tQ\x0b2\xa8Jx=\xb6\xbaH\x96\xc0\x89l\xcf2g\xa8L&lt;\xd5\xf6rs\xff\xf8W\xf4\xcaK\xb7\\\x08\xa0j\xd7\xb5DT\xa3\xfb\xfa]\xf7@\xeeeEoE%a\xc2\\\x97\x15;\xaeP\xda\x10\xb9\x11\xddS\xc66PrZ\xdfj\xcca\xa2\xecb\xd5\x964[S\xb1\xaaJH$\xcd\xd6\x8c\xd2\xd5\xa0\xf4Q\xe4[[i[\xec\x861\x1b\x9e\xbd\x06b\xe7\\\xb6\x9a\xd9%S9~\x9a\x9a\x9a\xcb~\xd2\xb67\x97\xfe\x05e\xac\xcb\xab\x12`P\xa8f\x00\x00 \x00IDAT-=\xe7\\~\x90\xb8\xe6C\x89\x89\xa4\xa5\xec.\xa8I6\xea\xf6\xdb^\xa4\xc1453\x8f\x8a\x14\x88\x12&gt;\xd4d\xd8\xbe$Y\x1aW\xe9\xb2\x9a|j\xb1&gt;\xc8\x81\xc8Ox\xd3\xf6H&lt;\x87g\x87p\xab\tW\xea\xf6\xdb&amp;\xa05\x97A\xcb\xee\xde\xfa\x81\xc1\xcb\xee&amp;\x1e\x19p\x15Nd\x15oqOEE\xc5\x1eHU\x95\xa8h\xc2\xcbX\xca\x1dK\x13\x0f\x87\xcc\x8d\x88\xc2\xb8\xa8(\x9a &lt;f\xd6\xf8\xcd/\xb7\xdeD\xa2\x12B\x10\n\xdf\x8c\xb3\x1c\xb1\x81 \xabF\x83w\x03\x88\xee\xb3U\xe2v2J\\\xbf\x8a\x8a\x8a1\x0eD\x01J\xdb .\x8ay3\xa5,\xd0\x89\xf31\xa9\xab\x01x\x08\xf8K\x17U\xd5p\xf0n^\xc7\xd9\xf8\x9agQ\x19\xda\xa8\xd0^\x14\xad\x06o!\x07o\xbc*\xcf\xf4\xd7\xc7\xc2g]\xa6\x9f\xcb\x129\x98\xd2G5\x1bq@zKTT\xcc\xd2{\xfe5\xa5M\x90\rw\xa5\r\xe0\x07\x17\x8fw\x13dM[\xa4[\xbfE7\x89rK\x9d\xeel\xf1\xf1\x1fz\xee\xd0R\xb5U\x90i\xa0\xdb\xcc\x0b\x125\xc0\x16\xffz\n\x1b\xc0\x19\xae\xf1\x8b\xa6\xf0\x89\xf2\xce\xd7\xc1z1\xb3\xa4\x06\xf0D\xa9\xf5g\xb72DD\x94\xee\r\x00`\xd1\xd1o\x006^M|\x8b\xe1I\xc2\x95\xb6@\x85\x88\xa8\xf7\xbc\xab\xda\xee2\x9d\xd2\xb6HL\x86ZQ\xb1\x1b\xcd\xa5\xec=\xfc\x1c\x9c\x02\x81\xd2\x14\xee\xba\xf6\x82]\xdc\xb6nk/jF\xc43\x7fC+i \ts\x0e|\xd6\x8f\x83\x17\xd6K["\x88i`\xffc\xbb\xf8\x01\x14\xe3\xceo\xb0\xdeK\xf0*\xded6\xcbj\xb3D\x0e\xe1*7\xaa\xcf\xbeG\xba\x074\x05H\x9e\xb7\x1d\xf3b\xcb\r\xbc\x02\xca\xb4^\xe4\x9a\xa3Eb\x13\x18/\xd5b&gt;Q\x1e\xa5\xadP\xd1\xf0\xc73\xe6v\xb0\xf5\xa8M\xa9p-\xad\xe9\x10\x04z\xed\xda(\x0e\x13\xb7\xbe\xd6\x9b\x95J\x88\xa1\x10\x8d4y8\xe4"\xa8\xa1C\xa6\x86J\x1b!\x88a\xab\x1e\xb2.\x9b4\xbc\xf1L\tM\x89#=sq\xecS\xfa\xe1\xa9B\x87\xe5\x03\x96\xdcV\xd4\x04\x81\xebZ\x16\xf6\x87\xf2\x0b\xacYEE6\x1c\xb34\x1e\xb0\xe4v\xd6\x8aC\x956DB\xd2\x85u\x97n\x00\xbe\xf1\x1d\xe4\x12Az\x03\xf0\xdf@D\x8b\x05\xaa\xc8\x8f\xe2p\xea\xe2\xb3\xb2)\x13X\xba?O[\xb4\x8c\xd9\xf0\x0c\x80\r\xa4\xf2\x0e\xe0\x90\x87K\x02N\xbf\x07\x91#\xcb\xc2.\xd9\x9b7\x18\xb8\xd3 o4\x80\xa4\xd9\x9a\x19\x95\xcd\x95.\xac;\x91\x83C\xa6F\xec~S\x15\x15\x911uY\xaa\x08_\xe1\xf0\xa9?`\xc7\xd9\x0f\x86\xa38\x00fa\xaf\xfe\x80\x9du\xfan#JGTx\xc2\x96W\x89\xfc\xf6\x97\xc3\xa3Jv\xdcL]F\x05\x88r)`\x8b\xdd#t7\xa8\xed\xf8c\xa6\xde\xceI\xce%\x88B\xcb\xb6^\xbc\xf3\xae\xbaG#\x9c$J\x1b`\x7f\xe86zT\xc4\xa5\xfb\xac\x8b\x00Z\x8c&gt;D\x14\xa2{\xb3\xdf\xa2\x9b\x06\t\x80S\x16\xe8\x94\xc8\xd3\xf0$\xf3\xce/\xd5\x06\xb8\x94\x04\xac9\x0f\xa2\x94\xac\xcb\'%\xa2\xa2\x8df\xa4.\xdcE:\x9bT\xccc\xc1m\'\x05Q^\xad\xc7\x99\x8a\x8aJ\xc2 \x1d\x80\x83O\x11\xd9n\x99.\xd1\xc8\xcd\x1f0\x8em\xe1\x9d\xb7*s\xf9\xc1\x82\x0c\xb4\r\x92\x91_\x1de-(\xd9|\x1e\xe7c&lt;#\x1b\x0c\xdc\xc9\xa1|\x80%\'\xf0b1\xb3\xdbO:Y\xa6\xf5"\xbd\x1c\xa5**\xf2 Q\x12$\x15\x15\xa5\xf1(;q\xeb\xeb\xed\xb7\x91\xb6h7\xe6\x8d\x97\xa6v\x97\xbd\xf2\xb5\'\x9f(\x1e\xd5\xdbXn`\x0e\xf8j\x03O=\x84\t\x89)D\xf2Hi\xea\xcdOT\xd4\x86B,\x02\x1bp\nb\xbe\xf0I]\xc5UQ\xb1q\x82\x89\xd2)\xe8{\xd8u\xfayy\x1b\x0c\x1b\xb6\xeaa\xff\xc5\xb7\x98\x7f\x86\xae|`&lt;\x00\x97l6/w\x8d\xb1\xf2Z\xc5\x1f\xb6\xbe0\xec\xc8\x1d\\a\xa8\xa8\x15\nB+\xb0\x95F\xfe\xa6{\xce\xbe\xc4x\xe5\xfdex}(\xe6\x9ew\xfd\x1b\x0e?g?\xa6f\x07@\x199/f\x0c\\r\xbbh\xc3\x19\xe6&gt;-\xd1L\x84D=\xb6\x8d%\t\x14\x15\x15\x11I\x9a\xbd\xd9\xd5/\x18\xb5\xeei\xf3Q\x7f(e\x03\x00\xf2\xaa(o\x9b\xa9\x8f\xbd\xd2\xef\xc7\x92\x8bQ\xa7\xb7\x18\x95p\'\xbc\xf1\xac\xb9\x07\xff\x95\'TKv\x92F\xe8\xeb\x80\xcbK\xe5\xce\xab\x98Sj;I\x06\'m{3u\xe7{\xf6\xe5\xeb\xf5\xdf\xce\xa7\x19\x97\x88\xc4\xed\xbc\x13 R\x8f\xa0\x92\xd8\x99w\xe8\xcbW\x00\xc0c\x0b}\x88K\x84|\x06\x99\xc2)8\x86(\x93\xcc\x8dv\x17U\x87*\xb2\xdd\xb2\xa0\xb2\x03D\xac\x90\x0b\xa9\xab\xce\xda\xf71\x81\x0e\xc0*\xf1\xf8_\xe2\xf8\x89C\xaa\x8dR]\xd3\x138ik$xg\xe3\x05G\xbe\xc6W\x96(\xa0\xb4E\xe2\xc2_\xce\x88\x88|\x8a\xf5\x14\xd8|\xba\xa2\xdd\x014\x19\xb6o\xfa\xee\xbf\xa1t6\xd8|\xea\x00\x9c\x18(\xdetN\xd1Ff\x17\x87eDt/\xa1\xbc\xf1\xff\r"o\x99\xd7\xc4Td\xa6\x88\xd2\x06HN\xad^\x9b\xe2\x0f\xc0aJ[\x94\xa0h6\xe2\x00\x80;\xbf5\xa7w\xce\x81\xcf\x8a\x99\xd2d\xd8~u\x00\xb6}z\xcc\xba\xb8\xeb^B\xf8\x81\x00\xf0\x93\xfeIU\xb0\xb3\xf1\x9b&gt;\xc5z\xfe\xf1\'\xcb\xd3\xa2\xd3\x1e\xc9\xbd\xf5&amp;\xba\xce8\xdfj\xcc\xe1\x99\xfb&gt;2\x11e\x0c\xad\xc7\x1ei=\xf6\x08\x0f\xdbTT$%\xb4\xd6x\xa5MHh\x94m\xb3X\xb7\xc8\xd0m\x06\xdb5m)\xf4\xac\x9d\x19#\xce\x7fL\x08\xfd{Be\xd0\xb2\xbb\xd1}\xb6\xe8\xbf\x93\xa2@G\xb6\x07\xfbF7\x18\xb8\xb3F\x8f\xf5\x00\xbc\xf2\xb5\x17\xdf8ih=\xf6H\xe5N\xab\x82+\x0c\x99\xb2\xe3\xdd\xa1gf\x1f\x10\x83\xca\x0e\xe4U}^"\xef\xf2\xed\x96\xea\xbf\x95\xaf\xf6\x84R\xca\xf9\r\xa8\xa8\x98#\xa4\xda(\xa5M\xb0!\xbcBu\x9dX\x91\x85G\xbe\xf2\xab$\x7f\xf4\xc4\xd5\xe7\xb53\xcf\x14\x95\xad\x1f\x103l_\x89\xa6\xd28\x91&amp;-\xf5\n\xf0)\x16+I\xe5*q\x98\xd6\x08K\x1f\xdec\xedEi\x9f~\x92\x87\xb6\xa3\x8cu\xedK\x1f\xaa\xeb\x8c\xf3\xbb\xee\xa1\xcf\x82\xeb\x00\x98\r\xec\xfc\xd1\x93\x946\x8a%\t\x7f\x8d\xd4\x96\t\x8f\x99\xa5\xb4\t*\x12\xe2\x9c\xad)\xf3\xe2\xfcG\xde\x0b\xb7N\xab\xce\xe1\xe6\x0f\xcc=\xf8\xef\xf17 \xca\xcc\xd5\x04\x91\x93\xd8\xb8\xe5l)n\x85*\xc6d(n\xee\x11\'\xf0\x83\xf8\xeb\xffI\x01P\xea\xaabWk\t\x00\x0f\xc4\xfe"\x81e\xfa\xaf8\x83m\xb7\x00\xe0\xf4_\x92&gt;@8\x8bUQ\xcb\xd1\x87\xc4\xaa*Q\x92\xd7z\x11\x8bt\x9azF\x14;T\xe4\xc6\xbb\x12\xabbZ\x9d;\xbf\x92}\x1a\r\xde\xcd\xa7\xa1TU\x98\xb9\xef\xc5O\x00P\xa0\x0e\x8b\'\xfbd\xb9\xdbH\x11q5z\xfd\x9f\x00\x12[Z:E\xc8`~\x8d\xa1D\xd3\xb9\x94\xaa\x8a\xd8\r\xfa\xf38\xa6t\xab\x85\xbc\xdb\x03\xf0[#\x8f\x1eH\x94\xac\xf5\xb8\xa3\x06\x05j\xf7\xde\xfc\x02\xc8\x12\xc9Q\xf2-c\xdd~\x0boJ\xe2\xa6\xe0V\xe6\xd2\xbf\x00\x90\xb1T\x1f\x91k\xb6g2\x14\x8bU\xd0/\xd4!S#\xa5\x9a\xb61\xf8\xbb+\x96l\xc6]\rP\x19\xf4\x9c\xcb\x82\x1a@\x939Xr&lt;r\xb7F|X\x1d\xa6\xb7\xf6-\x1aL\xf3\xd9*\rcQ6\xb5\xf9\x8f\xd2\x8bf\x90\xad\x93\x06@\xf6\xca\xc39\x1f\x17P\xef\xd8+\x109\x999\xd5\xde\xfa"\xe3\xf6D\xba\x9a\xba\x07R\x00\xdbn\x81\xc8\x97\xc8\x93\xf9\xb7\xed\xf8c\xfa\x97\x8d\xeer\xef&gt;\xeb"1\xcf\x94\xac\xb3\xf3\x8e\xdb\xf4Bl\xd35&amp;\xfd\xa3\xba\x1fR@\x8d\xee\xeba\x8a\x13oe&gt;9I\xf3\xd4\x14Q\xc6\xa8\xa0xUY\xe1) nTn\xeaB]\x02"\xfa\x89X\xa1\xed\xe1\xd2f\x1c\x93U%+\x11\xa5\x0b\xeb\x01\xc0?\xa2\xaf,M\xe7\x7f\xcec\x006H\xca&amp;\x187\xd5\xff\x99;\xe9`94\xde\x0c\x0f\x00\x00n9[\x9aY\x1f\xf3W.Q\xbc\xab\xe6o\xfa\x9a\x06\x1f\x00(\xd2\xc0Z\xf2\xc4t5\\\xb27c\x82\xf1\x01\xd4\xed\x17\'\xdf\x01\xa0l\x9b\xc5\xfab\x9c\xfa\xddz\xaa\x82\x9d\x01\x8c\xdd\xf8\\\xf8\x17\x10Fb\x96\r\xd1`r\xe8\xe5\xd1=\tg\xcb\r\xfc)[s\x1c\xc6K\xebZ\x13\x00\x98\xe7N\x11\t(\xdd\x8f\\K\xb7\x1asX\xdcjm\x87\x88\x96\x0b\x88\x02\xaaw_\xa7\x90\xdbD\xc1\xea\xdd\xd7]\xfd\x02JR\x8c\xd8\xcdo\xddDl\xfcC\xdc\xdd\x95\x91EqQ\xe5N\x92\x96""\xb7\x10I6\x9e\xcb\xb4Z$E\xb5l\xb0\xd0[1\x1f\x99_}M\xce\xca\x13OB\xf2\x98\xf0\xb1OW\x83\xdd\xb1\x8c\xd8g\xfa\xdb\xbf\x90.\xac\xbb.\xca\xbe\xdf\xc2\x1bD\xee\xfa\xe5\x98\x93\x90\xb3\xeaH""*\x04\xc8\xd8\xdb\x12\x11\xd1g`\xe2\xb67\xe2\xd6\x99&gt;\\\xa8,\x80\xb2\xf4\x9e\x7f\x8d\xf9]\x8e\xbdB\x83\x81;\xcd\x0c\xc0R\xc4_\x18R\xb0\xee\x14Ms6\x96\xc5d\xc2\x96WAe\xac\x89%\xf9FK\xd0\xb2\xcb\xd4\x9d\xef\x01\xd4\xe8\xb1^\xac\x1ac\x86\xee\x15\xab*\xc1\xb8\'\xd5\xbaS\xd9\x02V\\\x07J\xb7\\8x\xf9=\xa2\xc2b\xb5\x17P\xba\xdfG\t\xba?\xeb"\xfe)*\xff\x03\x94k\xbb$w\x8d1\xa2\xb7ND\xa2L%S\x17\xeeB\xe4\xc2\xe9\x90q\x9b^X\x18\x80G\xacy\x0cK\x01\xf5\xce~%{s\xb4QG(\xdf\x03E!U|\x01\xe4\xb8\xcd\x08\x97\xec\xcd-\x1f\x99%rp\xda\xa2\xdd\x89\xbc\xc45\xa8V\xafM!\xd5F\x9b\x7f\xac\x0c\x12\xb7\xb9\xa8\xd8\x8d\xe2V(#9\xaf\x7fEP\xd9\x01DY\x88\xb2k\xdf\x0c&gt;\xfe\xda\xe4\x18,\xf96\xd3\xd1\x97q\xcd\x15\x13\xc7\x93Y\x9cm\x1d\xed\x19p\xb5^Tl\x98^e\x92hO\x8d&gt;3\xf7}\x14\xa9*\xab\x88\x9bh@r,=c\xe5\xa82\xf2%\xd0q\xf2).9k\rK\xbe\x01z\xcc\xbe\xc4\xd3:vx\xe6m\xcbf\xcdj\xde\xa1\xff\xad:\x07\x81\x82d\x92\x92\xad\xd20"\x0f\xcf\xbcm\xc5\xac\xd4\xa2\x0f]\xf6\xca#x\xf4\x17\xbb\xeea\xc9\xf1\x1f\x02l\x12\x05\x0f\x96I\x08\x9e\x01}\x17\\\xd7\x7f\'W\xf5\xd1\xb5zm\x12\xd9\x9cTU\xfb-\xba9h\xd9]\x93\x1f\xfa\x84\xf7\xb4\xe8\xcd\xc0\x99\x80\xd2\xfdE\xaaI\xe6\xfe\xdd\xeb\xc8K\x0b[\x00\x9e\x06\x03\xb0&lt;1l\x1e\xb9Z\x87T\x1be\xa6\x03Iv\x1f\xd8\xf7\x08D\xc1,k\x0bo&lt;S\x14\xab\x0e&gt;\xc5\xe9\xf7\x8a\xed\xd3\x01\x10s\xf31uU\xd1\x1fym\x924\xfd\x17\xdf\xe2\xe7\x88j\x82\xf3\x1f\xf1/\xa0\xf7\x94\xca\x03\x0f\x00\x85\xeaM\x11\xc7 \xf3\xb0\xdc4\no\xac\xc6\xea\xc5\'\x11\x08(\x1a_\x1b\xa9\nv.\xdd\x92\xbf\xdf\xb59\xaau]kf\xd3$\xeb\x07`\xc0\x92\xdbb6\xe6Y\x9e\x88(\xa8\xa1\x90\xa5\x88\x1cUF\xc4\x7f#T\xeaX\xa6n3/h\xf7\x02L\xe3\x18\x1c\xa3\xd4N\xb0I\xe2\xcc\xf0\xb7\x94\x8d[\xc52\xe5\xdb-u\xcc\xd2Xi+\xa4\xc7\xab\xa2\x88\xca\xbb\xae?\x81\xd9\xfb?\x89U\x9d\xa4\x00`\xad\x0eh@N\xebE\x122\xf6\xf4\xf5\xaf}E\xba\xa2\xdd\x8b\xc5\xcc\xde\xf3\x00\x1e\xb9ZQ\xc6\xba\xec\x8e\xf3S\xce\xd7\x8c!l\xf7}l\xbf-\xe6X\xe2\x91\xab5%\x8f\xbc\xf1\x1db\xe6\xe2LZ*\xb7\x98\xce\xc0\x86\xac\xb9\x006\xf1f\xcdF\x1e\xd4\x1f\x80\x03\xcb\x885\xd7\xe7L\xaaB\x9d\xf5\x9e\x03\xbcM\x17r/[\xb6\xb5b\xfe\x1f6D\xda\x1aa\x8d,L\xfd\x1d\xe4\xb3D6&lt;\xb9\xe4t\xf7(\xb7\xea\x1cJ5\xb7\xa8y\x07\xc05g\x0b\xe6u\x97ig\xc3\x94\x91\xd1\xe7\xb6&amp;&amp;\xdeZ\x9cYj\xf5\xda\xd4x\x88\xed8\x11\x18\x10\\\xa5\xf3j\xa5m\x90\x91\xd4\xd5\xe2\xfa\xc44\xd5\x155%k\xdc\xe3\x8b\x9bu\xff\x1d\x91\x85\x1a\x82\x1aR\x86\xda\x0f\x01J\x1f%f\xb5R\x02\x80\xcdfV`\x99\x0162\t\xceW{\x02c\x80\x05\x95\xab.\xd3\xcf}Vz\x9an\x1b\xa4 \xaf\nD$v\xd4\x8c\xcd\x12\xd6k\xdeUN\x07\xf4\x9e\x7fM\xff\x01\xb4\xe1 #5\x0f\xed\xe5\x9e\x8f\x88V\x9dU\xf0\xaar\x1e\xbd\xfeO\xd6\xf9\xdd\xfc\x044\xe4!\xe0XQ\x90/d0\xc10i\xdb\x1b\x00-\x94\xcb\x07\xaeE\xdf\x99 \xb3\xd5k\xc9\xaf\x84Y\x7f\xb7\xff\xf1\xec\xc1\x93\xf7\x9csYX\xa4\x80|\x97\x1f\xe3\xeaL\x19\xeb\xe8\xde\xc9U\xdd\xb4;\xe43\x13\xaeX"\x10Rm4\xd7C\x9a\x8f\xfa\x03\x80D\xb1\xe0VI]\xa8\x8b"\xed\x9aA\xa8\xeb\xcc\xa8uOE\xb1\x835\x16\xdc\xf7D\xcf\x8d\xc6\x8a.\xd3\xceU\xee\xbcJ\xfb_\xcec\xaf\x8c.l\xcd\xe5\x9e\xb1.)p\xbe\x0cH\x1b\xf7\xd2\xbb\x92\xb8O\xc1\x1e\xb9Z/;\xf5\xfb3\x00`\xfe\xa1/"\xd6l\x04\x0f\x1f\xce\x0cRH\x8f\xa9\x</t>
        </is>
      </c>
      <c r="E611" t="inlineStr">
        <is>
          <t>&lt;class 'numpy.ndarray'&gt;</t>
        </is>
      </c>
    </row>
    <row r="612">
      <c r="A612" s="1" t="n">
        <v>610</v>
      </c>
      <c r="B612" t="inlineStr">
        <is>
          <t>steps_per_sec</t>
        </is>
      </c>
      <c r="C612" t="n">
        <v>8800</v>
      </c>
      <c r="D612" t="inlineStr">
        <is>
          <t>5.4088387</t>
        </is>
      </c>
      <c r="E612" t="inlineStr">
        <is>
          <t>&lt;class 'numpy.ndarray'&gt;</t>
        </is>
      </c>
    </row>
    <row r="613">
      <c r="A613" s="1" t="n">
        <v>611</v>
      </c>
      <c r="B613" t="inlineStr">
        <is>
          <t>Loss/localization_loss</t>
        </is>
      </c>
      <c r="C613" t="n">
        <v>8800</v>
      </c>
      <c r="D613" t="inlineStr">
        <is>
          <t>0.003912751</t>
        </is>
      </c>
      <c r="E613" t="inlineStr">
        <is>
          <t>&lt;class 'numpy.ndarray'&gt;</t>
        </is>
      </c>
    </row>
    <row r="614">
      <c r="A614" s="1" t="n">
        <v>612</v>
      </c>
      <c r="B614" t="inlineStr">
        <is>
          <t>Loss/classification_loss</t>
        </is>
      </c>
      <c r="C614" t="n">
        <v>8800</v>
      </c>
      <c r="D614" t="inlineStr">
        <is>
          <t>0.17497836</t>
        </is>
      </c>
      <c r="E614" t="inlineStr">
        <is>
          <t>&lt;class 'numpy.ndarray'&gt;</t>
        </is>
      </c>
    </row>
    <row r="615">
      <c r="A615" s="1" t="n">
        <v>613</v>
      </c>
      <c r="B615" t="inlineStr">
        <is>
          <t>Loss/regularization_loss</t>
        </is>
      </c>
      <c r="C615" t="n">
        <v>8800</v>
      </c>
      <c r="D615" t="inlineStr">
        <is>
          <t>0.03883764</t>
        </is>
      </c>
      <c r="E615" t="inlineStr">
        <is>
          <t>&lt;class 'numpy.ndarray'&gt;</t>
        </is>
      </c>
    </row>
    <row r="616">
      <c r="A616" s="1" t="n">
        <v>614</v>
      </c>
      <c r="B616" t="inlineStr">
        <is>
          <t>Loss/total_loss</t>
        </is>
      </c>
      <c r="C616" t="n">
        <v>8800</v>
      </c>
      <c r="D616" t="inlineStr">
        <is>
          <t>0.21772875</t>
        </is>
      </c>
      <c r="E616" t="inlineStr">
        <is>
          <t>&lt;class 'numpy.ndarray'&gt;</t>
        </is>
      </c>
    </row>
    <row r="617">
      <c r="A617" s="1" t="n">
        <v>615</v>
      </c>
      <c r="B617" t="inlineStr">
        <is>
          <t>learning_rate</t>
        </is>
      </c>
      <c r="C617" t="n">
        <v>8800</v>
      </c>
      <c r="D617" t="inlineStr">
        <is>
          <t>0.079911515</t>
        </is>
      </c>
      <c r="E617" t="inlineStr">
        <is>
          <t>&lt;class 'numpy.ndarray'&gt;</t>
        </is>
      </c>
    </row>
    <row r="618">
      <c r="A618" s="1" t="n">
        <v>616</v>
      </c>
      <c r="B618" t="inlineStr">
        <is>
          <t>train_input_images</t>
        </is>
      </c>
      <c r="C618" t="n">
        <v>8800</v>
      </c>
      <c r="D618" t="inlineStr">
        <is>
          <t>[b'640' b'640'
 b'\x89PNG\r\n\x1a\n\x00\x00\x00\rIHDR\x00\x00\x02\x80\x00\x00\x02\x80\x08\x02\x00\x00\x00\x83\xaf^t\x00\x00 \x00IDATx\x9c\xec\x9de`\x14W\x17\x86\x0f\t\x04\x08\x04\xb7\x90\x00\xc1\xdd=$\xb8\xbb\xbb\x04wwwwww\xa7hq\xb7\xe2P\x8a\x15(\x05\n\x85\x02_\xb1\x96R\xfa~?fev\xf4\x8e\xedn \xcf\x0f\xd8\xcc\xde\xb9\xf7\xee\xc8\xd5s\xdeCd\x0eYL\xca\xc7\x85\xb2\xed\x97\x13\x15\xb5"\xe7\x19\xbb\xff8\xf2\x18\xad\xc7\x1d\xb1"s\xcf\x11\xe2\xe9\n\xa8\x92\x95%Q\x8e\xea\xe3\xac\xaeG\x14u\xfam\xf3t\x15\xa20\x97\x98\x00\xf4\x9e\x9b\xc7\xc4z|\xed\xe4\xf3t\x05D\x04\x17\xefGq\xcby\xba\x16\x1a\x98\xb3\xff\xcf\'\xc0\xd9?0q\xebSO\xd7EL\x0e\xa2\x94\x9e\xae\x03+\xb3\xf6\xbe\xb6"\xdb\xafnl\xe4ul\xbe\xa2\xbb\xb1\x8e\xac$-\xdc]|p\xe7\xad\xaf\xe2:\x18l~\xa3\x87\x99T\x8fo\x89\xf8\x15=]\x83(\xac\x01@\xfc&lt;\x1d=]\x0b\x8a\x96\xae\x89j\x1a\x03\x83\xee(&lt;I\xf6j\x91r\x99\xc1/s\x84\xa7\xab\xf0M\x91\x92|\xe5\xfb\xe6\xd8\xa5\xa3^\x7f\x8f\x10\xb8\xfc\xe4gO\xd7\xc1\x10Q\xcf\x8dY\xa4-3x\xda\xae\x97r\xdf\xd6\x1b\xb0\xc3\x8du\x89B\x03\xa7^p\xaf@f}\xa7\xc7\xcd\xd5\xce\xc4\xca|\x1d\\z\xf7\xed\xb5*\xc1\xf5&lt;]\x83\x94\xf3\x0f\xbe\xf3t\x1d\xd4y\xa8\xda\xe3h\xea\x93\x96\x9d\xfc\\\xb8\xf1,C5\xf20\x852\x94\x1f\xee\xe9:\xe8&amp;\x05QZ\xa2\xb4\x96\x961v\xd3\xaf\xfb~\xd6\xd3\xa0\x00 Joz}\xa20\x97\x1c\xd5\xc7g\xac0B\xfe{\x7f\xa5\x93\x93V\xdfu[\xf0l\xf8\x99P\xa7(t\x93\xa6\xa1\xa7k\xf0u\x13O|H\xd3\x18\xf4\xae\xad{\x8d/\x97 \x19\x80\x9c5\xc6k\xaeX\x14\xee&amp;3\xb1-\x0ek\xa5\xe1\xe0]\x82#\xfe\xd9\xdb\x98^J\x14\x9e%M\xa9\x81l\t\x13(\x7f\xddn\xd2\x89\xb4e\x06;\xfe\x8cZR\xf24\x05\x0c\x9c\x1b\xc3\xb4Z|[D\xf7t\x05\xa2\xf8\x8a\xa8\xd0q\x95\xa7\xab\xa0\xc4\xbfQM&lt;+\t\x15\xbfe\\8I\xa6\x9a\x02\xc0\x82C\xef\xd9r\xfb\xfa\xf1I\xdf\x94\x88:N9\xed\xe9\x8ah&amp;^\xee\x0e\x9e\xaeB\xe4#j\xc4)\x85\x7f\x19O\xd7 R\x13\xd3\xd3\x15\x88\x82\x91\xa4\n\xdfm\xbe\xaa\xd44d\xab:\x86\xffg\xc9\xd6\x8b\xc7o~\xac\xaf\x12\r\x07\xef\x8ej\x86xD\xde\xd7\'\xb9\xcc\xf18n\xadE$C\xcf\xb2A\xa5\xcekL\xaf\x87W\x91\xd7]\x05\xc9=\xb2^I\x9c\xb2\x9e\xae\x81\x11\x8ax\xba\x02\x91\x8c\xe9\xbb^*\xec%e\xad\xe2\xd2\x01\x03\x00\xb0\xe2\xf4\x17\xeb\xebe\x84H\xe3\x95\xe7N\x9eD\x8d~\xdc\x8e\xf4\x883F\xb8\xa1\xd3\x15\x91\xd8ZH\x11\xdaKk.Q\xf0IS\x92q\x1fN\x96\xc4\x05\xba\x9aR\x93("#U\xba\xadSx\x93\x01\x94j\xb3\x841\xab\x95g\xfe\x03p\xec)\xac\xb6\xe9\x8b\xc2t\xba\xce&lt;\xef\xe9*DADt\xe0!\x88b\xbb\xaf\xbc\xa1+\xef\x846\x9d\xeb\xbe\xf2\xe4Ys\xde=c@\xb7M\xacuR\xb0\xc1t\xb3\xb3L\x04\xa0\\\xfb\xe5fg\x1b\x85\xa5\x04r3\xda\x0b\x7fjx/\x00\\~\x8f\xe0\xe2\xfd\xad\xab\x96w\xb2\xfeb\xd4\x0c2\ns\x90\x19\x10\xcb\xbb\x12$\xaa,\xfb\xd5\xb8M\xbf\x1a\xaf\x90\xdbH[z\xb0z"C\xa4\xb68\x7fC\xf4\x9aw\x99\xc8g\xf1\xd1\xbfL\xccs\xd6\xde\xd7\xd3\xe5]{\xcd!e\x1dk\xf3\x8f\x04\xe4\x979\xae\x7f\xe3-w\xadI\\\x07&lt;y\xfb3\xf1\xb7\xe5;\xae\x94?5\x0fk\x19\xa9\xeb{\xdf\xbe\xaf\x9e\xcd\xd7FC\xf6\xa8n$\t\xf6\xcb\xa3\xf0\x04N?\xf5\x1a=7y\xae\x1a!\n\xdfM\xd9\xf1\\\xebK\x01\xe0.\xe0\x9fC\xa7\x9b\x89[f\x84\xfee\x8c/\x8b\x95i\xbb\x8c\x88\x88\xb2\x19\xaf\x8ew\x92\xb7\xce\x14\xd3\xf3\xe4\x1aq\xd3\xb3\x15\x14\xf1\xe3\'ok\xc7\xbf\x06\xe6\x1fz\xbf\xe5\x9a\xf4\x85\xcdTq\xa4\x9b+\xe3\x1eN\xfd\xae\xebAJU\xdf\xf6\xc1\xaf\x84\x89\x95\x89\xe2k\xc2\xd6\x12\xfa\x86\r_}O=Y\x14\xeeE\xe0R\x9d\xc83\xb5\xb0\x82\xc4U|24\xf5t%\xa2\x88"\x8a(X\x89\x9d\xad\xb5\x95\xd9\xab\xacKe\xad2z\xaf.\xd9"\xcdDu\xf5&lt;\x9c\xab\xd3\x85\x1a\xce\x1c\xba\xf2\x8e\x07\xab\x12\xd9\xf8\x8a\xc6+Q0\x91\xc3\xd3\x150\x97\xc8\xebt\x14\x85Gq,\xbdD\xf1\xd50e\xc7s\xa2"\x91I\xc8,:\xab\xe1\xbe\xf7\x90\xb3\xc6\x04OW\xc1\xdd|\x9b\xa3\xed?\x19~\xb5\xb2\xb3u\x14\x9a\xc8Ww\xaa\xa7\xab\xe0\x02\x80$\x85\xbaY\x97\xb9\xaa\xcc\xdcW\xcfW\xecq\xe1\xcb\x9c2\xc4\xbaJXG\xf7Y\x17&lt;]\x05kYx\xe4\xa3\xa7\xab\xe0\x04\x00%\xae\xe2\xe9Z\xb8\x90\xa5\xf2(\xab\x8b`\x1bv\xa4\xb3\xba\x1a\xdf\x0e\xff|\x93\xe3&lt;o \xc0\xd3\x15\x88"\x8a(d\xf96g\xc0\xe5:\xac\xd0~R\xeaa\xab\xee\x9a^\x13\x06\xb2x\xa2\xd0\xaf\x9c\xab\x1f\xd1q\xca)+K(H\xa9&lt;\x1eE*\n\r|CjP\x19+D\xde(U_\x1fr\xbeR\x91\x14n}\xc8\xc7\x8a\xac\xd9\xc5O\xa2\xf8f\x99\xb5\xef\r\x80\xe8\x19\x9b{\xba"QD!KTl\x96(\xac \r\xf9\x14cL\xaa\xc3\x03\xb8J\xb7uZO\x89\xc2+)\xf0\xfd}\xab\x16~\xf48,u\x98|R\xe2h\xb4PS*\xe4n|\xc3&lt;]\x03S\xd0\xdfEM\xda\xf6\x9b\x89\xf5\xb0\x82\x90\xd2\x83&lt;]\x05E\xe2z\x9b\xb0v\xd4&gt;\x8e\x97\x10e\xd8\xff\x95\x10/\x8flx(\x00\x13\xb7&gt;u\xfe\x1d\xa3\xb8\xc6\x0e\xd5\x92\xd5\x17\xab\x89\xe5\xe9\nx\x17\xfa\xfc\xbe\x03C{K\x1e\x8f\x91\xa9\x05c`\xcb\x8eS#_\xa85\xd3\x89\x18}02Y\x9b\x13\x11Q\x83A\xbb\xca\x9a\xa1*z\xf2w\xe4\xaa9\xd1x&gt;z\x89\xeb\xb9\xa2\xdd\xcdK\x86\x17\xbc\xc7\x9c\x8bn\xa8\x89EDR\xf3\x02\x97j\x07\xd7\xd5t\xee\x8a\xd3_\xcc\x91\x84j&lt;t\xcf\x91\xc7 \xf2q\x8fL\xe3\x92c\x7f\xbb\xa1\x94H\x86G\xe4{b\x14\xf7@\xa1^FdT\xbd\xe9:\xe3\x9c\x89u\x8e\xf2w\xf7\x12\xce\xbe\x8ad\xcf!\x8f`.\x98t\xba\xb2C&lt;]\x13\xf7\x01;\xc2/bfm\xa91\xab\xec\xd9\xab\x8d5\xa9V\x0c$\xa8\xe4\xbe\xb2\xbe:\xa2\xa5k\xe2\xe9*|]$\xafy\xe8\x11\xbe\xa9\xd9\x98\x80\xf4\xe5\x86\x1e\xfb-\xf26\xfd_?\xe1\x11\x0b\x84\x87\x12y\x97/\x19qS\xc9d\xd5=]\x0b\xb7R\xa4\xc9\xec]\xb7\x91\xbf\xfe\xb4\x8a\x9dW\xf3\x8f\x17\x94L\xed\x1b%F\xf8\x95\x90\x87\xe2W\xf4t\x1dt\x93Y=\t\x0b\xa6.\x18\\\xf9\x00\xfbVzb\x13\xb3\x8dD\xa4+;\xd4\xd3U\xf0Rf\xee}\xed\xe9*D\x0e\xd2\x942\x1a\x92\xd5#\xdc\xb5\xcf_cemE\x94P$H\xac\x1d{\xb8\x02!\x9d\xa6\x9d!*l4\xf7(\xbc\x1d\xfd\xb1w\xdc@PX\xdf\x1c\xd5M\xd8pm&gt;\xf2\x80\xf1L\\a\xda5\x8fB#_\xb1B\x8e\x9b\t$\xa2\x06\x83vJ~w\xfa\xa5Y\x0b\x18\tL\xcaG\x127F\xd8e\xc1\xafDd\xdc~\x8a\xc2\x83x\xd9\x13\xec]\xe4\x8bz\x97\xa2\xf8Z\xb9\xf5\x05\\\x1f,\xc9\xb7\xebj\x1f\xb7\x9c\xfes\xa3\x87\x038\xfd"\xaa\xd1\xb0\x84(a\xb9o\x0e\x00E\x9b\xce\xf1t-\xbc\x94oo\xb0\xcf\xae\xe1\x1a\xc57\xca\xe5wJoD\xbfE\xd7\xddV\x93(\xa2\x88\xf4\x0c^v\xeb\xe6\xe7\xaf\xb6\x8f\xa9\xd9{\xb3\x91\xd3\x01\xc8-`F!M\xacR\x9e\xae\xc1\xd7O\xe6J\xacJ\xe0Y*\x8f\xb6\xb4&amp;b\x12\xe4\xed\xe4\xe6\x12\xa3\xf0R\x02\x8b\xf5\xf1t\x15"\x07\x03\x97\xde\xf4t\x15\xac#\x97\xa7+\xf0-\x02\xa0V\xef-\x9e\xae\x85n\xa2\xf6\xe0]x\r&lt;\xfb\xe6\x96\x82tQ\xb6\x9d\t:\x03\x91\x07\xc3\xa6w\x9ec\xef=\xaf}\x9a\x93x\xba\x02QDz\x00\xcc\xd8\xfd\x87\xb9y\x9ab\x87\x18\x85v2\xcau\xbd-\xc7\x1cr_-N&gt;\xd7\xd4b\x06\xb3$z\xa6wL!W\x99Q\xeb\x1e\xe8\xcb\xd0Dbf\xd1\xeaNm\x80\xb8e)e\x1d\xeb4K\xad\x83i8\x19\x1c\x15*$\x8aHI\xd4l\xe9[`\xb1\x01m\xa8\xa2M\xe6\x00 \xcaIDD\xc9\\\xbes\x9b{\x9f&gt;;\xf8\x90\xd2\x83\x01l\xbb\x81\xbe\x0b\xaf\xb5\x9bx\xdc\xf4Z\xe9 M\xc9\x81#\xd7\xde\xf7t-\xbc\x88\xab\x1fY\xeel\x94jn\x14\x91\x89\xea=7y\xb4\xfc\xa4Vd:~\xf3c+\xb2\x8dB\x99\x8a\x9dWs\x16\x8e\xd7\xff\xc6\x96k\x82\xd62~\x05\xcfT\x8a\x95\xa2\x0e5\xaf\xc3\x8f\xa3F\x9a\x9e\xe4\xa3\xccH\xdf\xf4\x15f\x9f\xf4QJ^zH\x90/\xca$$\x12\x12#\xdc\xad\xc5%\xfd\xb6\xb4\xa8\xacA\xf3t"W\xcd\x89\x8e&gt;\xd8\x8a\nYJ\xc6\xddw\x00@\xb7\xc9\x19\x00Q\x14\xeb8\x914H\x85\xa7\xc8Sg2\x7f\xa9\xcd?G\x1b\xc7\xe7\xa8%\xb8(\xacc\xd9\xc9\xcf\x9e\xae\x02#1\xa3^\x04\xad\x14l0\xc3\xf6)u}O\xd6#\n&gt;\xb5\xfa\xb8\x98\x14\x16\xa8?\r\xc0\xc0%\xfa\x8dWG\xad{\xe0\xfan\xc4\x8f\x93\xa3\xed\xa1_1z\xfdC\xddy~m\xa4\xac\xc3\x96.\x0bw\xd1V\x9d\x8djk\xa2p\x03!\x91\xa5W\xe3\xe67g\xe46\xdaB\x1a\xf1\xfe\xf0.Q\xf1\xde\xf3.\x13Q\x9d~\xdb&lt;W\x85\xf4\x9e+Z;~\xe6\xc7\xa7\xf1.\x8d=\x9f\xf4M\x9f\xb8\xbeu\xe6J\x04\xe4p\x86\x96c2\x1f\xf3\x02|)EMkK\x88Yb\xcf]\xf5+\xcc\xdd\x08\xbf\xcc\x11\x92\xb7\xe3\xf2{\xd9\x1c\x00PLODs\xfaZ\x90\x8b,\xf9\xd5\xe3\x9d\x1d\xf0\xb9\xd7\xc2Z9v\xcaf\xef{#^\xa2\xb4\xb5`q\xcb~\x91X\x8d\xf3f\xbcJ\xad(\xa5\xed\xbf0\x0f\xb9\\&amp;\xaf\x01`\xc2\x96\'\x9e)\xdd\x9dd\xaa8Rp\xc4;\xdfCfR\x1a&lt;\xbf\xe5\x98\xc3\x0c\xa9\xcc\x08&lt;I\xf4I\xfeRw\x9b\xf5CX\x8b\xf9\xa6\x94\xe26"\xf9\x93#I\x0eOW\xe0\x9bf\xda\xae\x97\x00\xfe\x12=W\nO\xda\x90\x15\xb7\xcf\xbd\x02\xf9\x84R\x9a\x86\xaa\xf9;\x17fu\x11;{k#\xa7{-I\x0bw\xf7\xcb\x12\x91\xbb\xf6$\x00\x8c\xf3u\xf18\xc9 \r\x07\xef\xce_o\x9a\xe0\xe0W\xd8\xc2\xb4\x18uPKr\x93\xe2\xe7\xc4\xb6J\xd7&amp;(\xac\xafE9\xf3\xc89e\xc7s\x8d\xfec\xd2\x00 \xcaMD\x14\xb3$\x80\xc8\xb3N \x83G\xe2({\x11F\x07\x7f^@Aok\xe36^\xf6\xae\xfa|\x1b\xe4 \xa2\x1c\xd5\xc7\xb5ew\x87\xf1/\xc3\x94,\x81\xa1\xd8q\xde\xf6p\n(\xa21\xbd9\xd381\x13\xb7&gt;-\xdcx\x96B\x82^s/\x1b/\xa5Z\x8f\r\xe2\x83\xe1-D\xd1:\xbd\x18\x87\xacO\xde\xbaS\x00$)\xd4\xcd\xb3\xf5\x89\xc2\x08\xfd\x17\xdf \xa2\x9c5\xcc\x11v\x00`P\xf0Rw\xb9D\xb1\xac,!\xda\xc5?\xbd\xba\x19\x8d"\x8a\xc8\xcd\xec\xef\xff\x07\xa0\xfb\xec\x0b\x96\x96\xa2 \xcf\x9d\xa7\xf6dK\x8bN_n\xd8\xbf\xa6\x8e\xc5\x1c\xdbZ&amp;\xe6\x19\x85F\xd2\x00H^\xb4\x97\xee\xf3\xc7l\xf8\xc5\xbc\xca\x10\xa5n`\xfa\xb2\x1e\x1b\xa9,\xcd\x1d\x80\xc5\x81\xf6\xdcLnc\xa7\'0\xa5\x12\x9e\xa5\xc5(\xd3\x03\x92*\xa1\xa7\x9d\xbc\xf5\xc5\xeaw)\'\xef\xb3h%\xd3\xed\xa6\xe7^\xde\x9d\xec\xb9\x0b\x8a\xae\xd7)0y\xcd\x88\xd1\x07\x01\xe8\xdb\xa3\x95\xf1\xb1N\x05\x80(\x9f\xe2\xa9&gt;Q\x0e]\xd6\x11\'G\xdb.\xd3\xcfj;\'*B@\x14\x91\x81\xddw\x94\x9bbs\x97B\r\x8eH"+\xb6\xd8\xef\xc9\x8a\xf4 \x8a\xc1\xff\xc2\xde\x17\xca\n\xbe\x00\x08m6W1\xef\xb2b[-\x8e\xfc\xf5\xa6\x11\x15\xd4ZWwRo\xc0wfg\x19+V\xd6V\x00\xae|@\xc9V\x8b\xb5\x9e\xbc\xe2\xf4\x17}\xa5.9\xfei\xd2\xb6\xdfd\xbfN\xe6N\xaf\xff\x84n,\xcb\\\xbcz\x9b\xf6\xdc+o\x1b\xb3\xc63x\xfe\xb0Uw)fI3jb\x11_y\x80\x84\x15\xa7\xfe%\xca\xe6\xcds\xa1\xaf\x8d\x9d\xb7%\xaeu@\xee\xf6\x16\x157a\xcb\x93\\5\'\xca|\xe9oQ\xa1\xde\x80\xfb\x17\x8d\xdbN8\xa6\xe4\xbf\x14\xd2P\xa12a\xcdM3\xa8\x1e\xbf\xf91\xc5\xf3rM\xb7(\xcc\xe1\x17O7\xdc\xad\xc7\x1dU[\x16r\x1fa-\xe6\x13\xa5j9\xe6\xd0\xf0\xd5\xf7\x8c\xe7\x06`\xcdy\x10\xc54\x9e\x95"q\x89\x88\xd26\xb6\xb8\x14\xef%\x12\x87\xd6a"\xb0v\x91&amp;\xb3\xabt[\'\xfe&amp;\xd2\x0c\xbb\xe2\x96\xd3q\x12\xd7\xfb\xc6\xcb\xddAW\x911\xd4\x93\x88Xt\xf4/\x00KO|"J\xc7w\x8f\xc9R\x99\x17\xc53D\xd2\xf5"\xb1\x8e\xe2\xbeA\xaav_o0\x87d\x85{hJ\x9f\xc2\xc0\x96\xb3\xa5t\x98|\x8a\xc8\xd7@\x06A\xe6\xd4#\x88Q\xb5\xc6\xc6\xe1_\xdd\xd0\xe6\x18]\x15\xe0\xc8Q}\xdc\x15yo~/ O$S\xed\xf0VLr\x1cR n\xb9XY[Y^\x8a\x0c\xb5\xfb\x1a\x90\x95I\xd3\x90\x88\xd2\x97\x1d\x1a=cs\xad\xa7&amp;\xcc\xdf\xf9\'w\x07\x9c\xf7)\xder!\x80MW\xd0d\xd8&gt;\xe7a\x86%&gt;\xcd\x83!\xcb\xfc\xc4\xbev\xcc\x1dp{f\r)v\xf6\xd6\x00\xdexz\x00\xfdA{\x05\xe6\x1dxkn\x1d\x8e&lt;\xb1\xee"\x04t\x9f\xf5\x83z*\xcf\xb9\xf6\xb5\x9dx\xbc\xc9\xb0\xbd\x9e*\x9d\x9d\x0eSNiI\x9e\xa0\xd2\xc5\xb7n|\xb2\x13Tr_Y\x1e#\x85\xeb\x9fY\xd9\xcf\xcc]k"\x00A\x0e\x81\xc5\xd4\xb5\x90\x12\xe4\xedT\xb7\xffv\xf6\x82xx@\x1e\xcfC\xf6\xb4\x1e\xc3/s\x84\xf5\x85\x88\xee\xa3o\x98\xf5+\x8an!\xb0\xf6\x1b\xdb\xf6J2\xf5\xc4V\x10\xa7\xac}\x7f\xa7\xb0r\xc2\x93\xcf\xc1y\x7fE\xf1\xcdr\xea\xc5\xd7\xda\xb8%\xa9v\xed#\xf4\xad\x97*\x11\xa7l\x89V\x8bL\xcco\xebu\x10\x15%\xa2\xbe\x0b\xaf\x11\xe5}\td\xae$m2&amp;\xa6L\xdb\xa5\xf2+-\t\xd4\xce\xce\xc3X\x8a\'0\xfb\xae93voH\x99(&lt;\xc1\xe1\xc7\xb8\xfa\x01\n\x9e~\xa6\xe22b\x06\x0f\xb7\x94\xee6&lt;\xa7\xaa\x16-\xd4cE{\x00\xc3\x8b\xbe\xcdG\xeegK\x18G\xf1[\xa33\xadMW\x00`\xfe\xa1\xf7D\xf9Y\xd2g\xaf6v\xf1\xd1\xbfXR\xd6\x1f\xb8\xd3\n\xedS\x00}\xe6_MZ\xa8\xbb\xa6SJ\xb44s4\x10\x19\xb0y\x1d\xf0\xd6\x18\xb5mk\xfd\r\xfc\xfc\xb55\x8e\x1a\x88\x9b\xb3\xdd\xca3\xff\xa9\xa7K\\\xc5\xf1q\xd4\xda\x07\xca\xd24\xde\x06\x80G@\x96\xca\xa3=R\xf4\xd9?\xa0\xd6\xb8E\xe1nF\xaf\x7f\x18\\\xbc\x9f\xa7k\xc1\x82U\x02S\x94\xbe\xdcP\xe7\x1f\xbeaY\xab\x8c\xb1\xaa$;\x004\r(^ko\x97K\xb5Y\xa2\xf5\x14\x13Yr\xec\xef\x02\r\xa6[\x97\x7f\x9b\xf1G\xc5\x86$\xec\x12\xb2%[-R5`\x8e\x93\xb3\xad\x9e\x9a\xe9\'_\xc1\x06\xd3\x13\xe6\xef\xe2\xdeB\xbd\x86\xa4\xd5\x88\xe8\xabw\xc8\xf6\xde\t\xa8o\xb1H\xaf\xd8\x1a9\x90\xb0?\xf8\xe1\r\xf8\xeb\x85Zd\x07\xdd\xf9\xbe\xe4\xb1.\xeb\xe4\xd6e-C\xfc6\xe3\x8fR|C\x02\x9e\x8a\xa4\x88\x9e\xb1Y\xf1\x88\x85\xb9j\xc9\xf92YK\x85N\xab\x88\xc8Jw@C\x9b\x82\xeb/zi;\x98\xaf\xeeTOW\xc1:2\xe9=1\xf8?\xaf\xbcY:\xd8u\x9b{\xf0tDo\xd3l\x86\xe6\x979\x82(P{A\xda\x89r\x9f3\xc6\xc0\xa57\xef\xa8\x07\xba\xcfHD\xcc\n_I\xc4\x87\x9a\x8d\xf8^c\xbd&lt;\x8fh\xb9&amp;mc\xa2hzrJ\xe5\xa2\x99\x95\xa1\xdc0\x93\xc6\xc29J\xb6Z,\xef1l\t\xcdF0\xae\xe4S\x9e\xda\x936]q\xfe\xc6\xde\xf3\xafDK\xd7D\xf5,7\xac@\x90\x94\x01\xf3\xd6\xeb\xe8\xb7\xd0=\x9bs\x91\x18\x8d\xb6\x91\xc6IKD\x8d\x87\xeeq=\x98\xfcw`\xe6\x9eW\xee\xad\x89\t\xe4\xaa9\xc1\xf1\xe0e\xaa8\x82\xf5\xb4\x98%\x87\xae\xbc#\xf5E\xc6\xef\xef\x83(\xb6)uc\xc7\x94\x88)\x91\x98\xe45M\xcf2S\xc5\x91\xc9\x8b\xf64=\xdb\xaf\x8a\x0c\xe5\x87\x9b\xb7\x82\x94\xd8\x9e\x95~{HW\xab\n\r;\xd3%Z.\xe2\xac\xab\xdc\xc0\xba\x0b(P\xdf\x16\xfdj\xdc\xa6_U\xd3\x17i&lt;\xcbSsS\x00\x7f\x03\x14P\xde#\xa5G\xa1@\x83A;E\xc7L\xf2\x88u;:\xd4s\xe5\xdc\xf9\xc6n|\xf4\x94\xede\xf1\xde\xa5\xefo\x88\xd4\xdc\x7f\xe1\x11\x91)\xb0\x8dIx\xdf"I\xe7\xe9g\r\xbe\x12\x8e\xdeW\xabga\xc6\n\xc3\xd7\x9c7\xebm4[\x830Y\r\xf6h\x13~Y"\xd8\x122\x99.\x8f\xdf\xfcx\xc9\xf1OE\x9b\xcea,\xfdk\xc7\x8b\x82\xaeg\xab\xca\xb4(\x02`@\xe4s\x9eQ\xf1\x08:\xf3\x12\n\xf7\xa2B\xc7\x95,e\x00\xf8\x17`r\x90u\x07\x89\xb4\x9e\x90\xacH\x0f\x0b\xaa\xe1\x19\xbeR[tE\x00\xe8\xddF\xcacnMLd\xfc\xe6\xc7\xb6\x1b\x19\\\xcf\xbc\\\xe3S\xacRloH!\xf3\nu\x01\x80G\\\x0bj\xf6\xda\xec\xee\x17#\xa9;\x85\xa6\xb5a\xbf\x14\x1a\x9c\xbfMG\xabu(\x00\xc7&lt;\xe3\xab\xa1H\x93\xd9n\x97\xa6\x89\xc2B\x1c\x1d\xb0[\x82\xac{\x07\xba\x1bV~(4\xc9@\xb9"\xd2\x11\xe5\xe4\xc5P*\xa0\xa3\xd0\x85G&gt;\xde\x03(\xb0\xb6j\xca\xc7Vt\x18\xb6X4iL\xce\xd6\xeb\xe1BA\x00`\xb7\xa6\xf6rF\xae\xbd\xaf\xfb\xdc\x19\xbb\xff\x00\xe0\x1a\r\xcc\xdd|s\x13\x05O3m\xe7\x0b\xb3$!\xa3\x90\xe3[\x9c\x01\x13\x11\x854\x12\x1c\x00S\x88l\x81\xf1\xa1\xca\xce\xd33 \x7f\xbdi\x1ak&amp;\x893\x14R\x93a{\xdd\xe388m\xe7\x0b\x009kN\xa87\xe0\xbb\x15\xa7\xff5=\xff\xb1\x1b\x1f\x11e\xa4\x18\xc5\x01\x10e "w(z2\xb3\xf3\x96\xed\xc58\xf4\xe8\xeby7\xb6^\xd7\xff[\xe6\xec\xff\x93\x1f\\\xd2\xfdM\xc6\x86Kx\xff\xcd\xb5S^A\xa3!\xbby\x7f1\xc9\x15D\xc1\xce\t\x0fY\xb1e\xae4J\xee+\xe3owF\xad\',9\xfei\xcf=S/D\x82JG-\xd48u\x07\x8e\xcd\xb6\xd8\xd9\xcc\x9f\x05.;\xf9\x99\xec\x03\xc0\xe7\x00QB\x86\xbb.\xb4\xf0\xb4\xae\x1bxa\x1f\x99\xd6\xee\xbb\xd5H&gt;G\x9e\x00@\xebqG\xcc\xaa\x98\x11\xb8\xcb\xc5n\xb8\xce\xa7\xf3\xf4\xb3-\xc7\x1c""JP\xa9P\xa3\x99\xde&lt;f\xaf\xdb\x7f\x07\x007\x0707\x827_L"\x12\xc9\xd0Fa-n\x12\xb5\xf5)&amp;9\x87\x9c\xb1\xe7\x95\xd1\x072v6\xedq\x0b\x92T]r\xecoC\xa5z\x9cDU\xd4\xd3\x18$Yu\x0b\xf5\x17\xd5,PR\x8a\xb6I2\x96\x1f\xae|\xca\x86K\x00P\xac\xd9&lt;\xadUi5\xee\x08\x80\xe8\x994\x07\x90\x10\x11\xe4m\xcdk#\xa1\x1b\x8ff\xfc\xb2Dx\xb3\x1f\xe1\xbf.\x1e\x01\xdf\x14\xf1\xd9bKx\xfd\xc2\xb2\x7f\x19\x1d\'\xe5\xa9=\x89\x02k\x99^\x97o\x8a\xe6#\x0f\xbc\xf0\xd4[3d\xc5m\xdf\x0cM)%\xa7\xa9\x14\t\xe3\xec\xfa\x86\xb1\xa7\x8d\x97\xbb\xc3\xa4m\xbfi\xb5nm1\xea@\xfbI\'e\xbet\xb7\x03\xa22\t\xf2u"J\xc3\xb5\xc2\xfb~\xd6\xf3Hm\xb9\x06S\xd4Q\xa0Q\xe9\xcc\xbb\xc9V\xae\xc3\n\x83Y\x8c\xd9\xf0K\x81\xfaj\xcah\x01\xe5\x88\x12\xea\xca&gt;v\x8bQ\x07\xbf\xd5\x0e\xd8Sx\x89\x91| \x8b\xb4@\x14J\xf8\x15\xf7t\r\xbe\x19\x00d(?L\xfby\x92\x82g\xe9\xbd\xad\xb1\xeb\xbf\xf8FX\xf3\xf9D\xa9tW\xac\xd9\x88\xfdnh\xc4\xf5\x86{\x8a\xech\x1a\xe0\xe6\xd0t\x17\xe2\xe4l\x0b@\xbd\x8f\x8f\xdc$\xd27Mt\x0f\xbf\xf1\x07@i$\xe3g;p\xbf\xa5z\xce\xb4e\x86\xb8\xb1\xb8\x04n,K\x12\xcbt\x9b\xa30\x02\x17\x07\xa2H\xe3\xd9\xdaNKRUWi\xee\x96}o&gt;\xf2\xc0\xaa\xb3\xac\xadv\x92\x82\xdd\xa4\x8eV\x0bm:w\xc8\xf2[lyx.\x0c\x0b\x0b\xb1J\x11\xa5-\xd3v\x99\xa7\xeb\xe1F\xbc\xcf\xdd\xdfL\x12[\xbf\xdfd\x8c\xae3\xcf{\xdb\xa0\xfc\x9b\xc3K_\x81\xf8\xdeY-\'\xf2K\xa6\x9a\x8d\xcb\xbc\x04\x00D\xd9\x8d\x9c\xae\xe9e\x8e\x91\xa9\xc5\xe6\xab`\x9f\\&amp;\xca\xdf\x85B\x94\xc7\xe9r\xe1\x14\xbd\x87l\x94Vh\xdbo\x18\xeb\xf6\xfb\xa3\xf8v\x88\xf9)\xaa\'\xd6\x8f\x87G\xf6\x8b\xd8\x82\xef\xe9!Eh\xaf6\xe3\x8fY\x95\xbb~\xb4-\xb8y\x96&lt;\xb5\'\r]yGl@\x1e\x1c\xde\x8f(H\x83\xc2\xad"\x7f\xd8W\xb4\x06,\xf9\x91\xf1\x94\xc6C\xf7\x00P\x15\xfd\xcfSg\xb2\xe2\xf7\xda\xfb]\xaf\xd1\xd3\x88\x91\xa9\x85\xa7\xab\x10E$$\x86\xe4.\xa0\x8e\x88\x11N\x8c{\x13\xc8\x91\xb8@W\x839T\xee\xb2\xd6\x94\x9aD\xa1\x03}V\x1eV\x93\xd0\xc8\xa8\xc7\xf8\x13\xa9\x89\xfe\x8boL\xd8\xf2\xe4\xd0\xaf\x90\x14\x946q$q\xe2\x19.\xbd\xc3\xc2#\x1f\x19\xd3\x1fxh\xeb\xb3{\xcd\xbbl\xa4\xdcJ]\xd6\x00Xp\xf8\x83\x91L4#\xf2S\x17 \xd6\xc8,\xd5z\xb1&gt;\xa5\x17\xabYs&gt;\xca\x18*r\x00`\xc7M\x1c\xfc\xc5\xfc\x9b\xe5\x979\xe2\t\xf33\x10\x14\xaeI\x13JW8\x1c\x13\xb0@~&lt;fIO\xbe)\xf1*D\xda\xf74u}"\xa2\x98%M\xc9\xach\xd39\xd9\xab\x8d\xb5\xff\xe5\xfd+\x9f\xee$/\x80T%\xfa\xb3$\xf5\xcd\xd0\xcc\xd5\x14V\xe7\x954\xa5\x177\x9d+\x1f"M\xaf\xf6\x17\x10\xb5\x94\x1dY\x98w\xf0\xdd\xc0%7\x89\x88\xa2\x85\x9a\x98m\xf6jc\x01\x846\x9d+\xf3\xbd@C^\xc9,+(\\^\x914^\x05+\x14\x0b\xdcF\xb1\xe6\xf3\\5O")1\xc2\xd5\xd3\x98O\xc1\x90\xd2\x83t\x9f\\\xb1\xf3j\xd7\x03z\xb7K\xe5&lt;\x91\x02\xca\x13e!J\xa73[O\x90\xb7\xee\x14\xf1\xc1\xacU\xc6\x04\x16\xeb\xcdrzh\xd39\x14X{\x83=\xd6/\xbf\xbb\x9a\xb9\xe7\x95d\x8cL\x19\x92{\xcf\xaar\x14_\x17\xc9\x88\xc8?{\x1b\xfe!\xfe\x83Z\xaa\xf5b\xa5\x99V\xaa\xfa\x16h\xb0\xfb\x995\x91\x10\x00hq\xea\x8b\xae\xe0Q\x99\xd4\x8c\xea|\x85\xa4.9@\xeap~\xa9\xe8a\xdeJ\xb4t\x8d=]\x05\xd3\xe1\xe43cM\xd8\xf2\x04\xdf\xd6\\$\x07\x05\xd5q\xfc1\xef\xc0[\xdb\xa7d\xd5\x01\xc88S}]\xf8\x95\xf0t\r\xcc"\x12:\xe530w\xff\x9fD\x05\x05k3a\xcd\xe7{\xaa&gt;\x9e%M)\xfd\x13\x18\xeb\t\xf1t\x05\xd4i.%\xfd\x16/w\x87_\xdd\xbeT\xa6\xc7^ A\xbeN\x0c\xa9\xbcs\xcf\x98\x19\xff2_\xc7\x9av\xf1\x96\x0bU\xd3\x04\xe4j\xef\xf8\x9c\xbb\xd6D\xdb\xc4"m\xe3\xd1\xeb\x1f\x96n\xbb\xd4\xba\xbaE\x11E\x14j\xa4j4d\x8fV\xd1\x8c\xea=7\xc6\xcf\xd3Q-\x95E"_VE{\x93B\xcec\xd3\x93\xb1\xc8,\xe7\xf2\xfb\xc8\xb1\xa3f%\xa9\xdb\x8c?\xea\xe9:\xd0\xd1\xa7\x8a7"yM\xc6|j\xf5\xd9\xe2\xf8\\\xa1\xd3\xaa\x9a\xbd6\x93m\xcea\x9a+W\x9e\xda\xca\x16\xd4\x9a\tm:7S\xc5\x91\xe6\xe6\x19\xc5\xd7\x8eh-\x87a\xe5c\xdd\x05\x95\xc5\xb0\xe4E{\x1a\xa9\x932\x89\x0bt\x8d\\3\x01\x9f\xf4M\x89ry\xba\x16^E0Q\x11O\xd7\xc1\xf3\xa45;\xc3\x0c\x9a\xcf\xf0+\x1ej^\xd4\xfa\xd6\xe3\x8f\x02\xa8\xda}\xbd\x9c\xdea\xe3\xa1{)\xa8.\x11\x11\x15\xd1!\x80g$$\x9f\x88\xe4\xf1r\xb7WO\xa5\x8dl\x99+\x8d\x14D\xfd\xab\xd8i\xd5\xfe\x07P\x08]\x12\x85{p\xb3\x7f\x81n\n\xd4W\x8f\xc0V\xaf\xff\x0e\xc5\xef\x83\xcb\x98\xbfJ\x94\x98\xfb\xaf\xcf\x82\xab\xd6\x08\xcc\xe5#\x8akv\x9e:\xe1~`\xf5\x1e\x1b=]\x11\xabXq\xfaK\xdb\t\xc7\xcd\xcc1\xb2\xd8\x94\xf2\xa9\xda}\xbdg\nNT\x85(\xab\x15\x1e\xe2\xb673I5\xd9\x14Au\x8e\xff\xc6\xdd\xa9\x02\x00\xbe\xbf\xaf\xf1M\x8e\x84Z\xed\xde.k\xec\xa5j;\x91\x83\xe1\xab\xefy\xba\n\x12\xd4\xec\xbd\xd9{\x9f7\xaf\'\xbc\xc5\x02\xdb\x0b\x1b\xf9\x8c0"\xd3\xb2\x84U\x0c^\xf6\x93\xa7\xab`2\xc7\x7fC\xea\x92\x03\xf6?\x80\xaa\xd3\xde\xe8\xf5\x0f\x01(\x0b\x82\xef\xb5\x89~\xa4\xe3\x9e\xf2\x1c\xd5\xc7\x99WS/\xc4\x87(\xa1E\x86\xa9QXFtJQ\x93\xfbT\xa8\xe1\x8c\xba\xfdw\x0cYq\xdb\xfe\x95\\X\x8e\x82\x85\x1a\xce\xd0Z\x8c\xb0\x9b\x8cUJk\x0e\xc6y\x10\xd5U\x0b\xf0-\xe6\xd5#fk\xf1\tu\xce\x0b\xbdX\xac\\\x91$D\xf9&lt;P,\xf3\xf6j\xda2\x83\x19R\xd9\xcc\x16v\xdd\x06\xe7\xe0O\x14Kg\xc5d\x00\xb0\xec\xc4?\x89\xf2wQM\xb9\xf4\xf8\xa7z\x03v\x90\xc5;[QD!\x85.\r\xa9\xb8e\xb9F\xbc\xed\x84c\xa7~wwS\xce\x95[\xbd\'\xdb\n*\xa7\x82 \xc1\xb7\xbbG\x08]!P9\xaa\xf7\xdc\xa4\xf0m\xcb\xb1\x87\xf5e\xeb&amp;\x12\xe6\xeb\x0c\xe0\xabpgv7\xdb\x7f4\xf5=\x8f_\x91(\xe5\x9e\xbbx\xce&gt;\x12\xf4+1j\xdd\x03\xeec\xea\x92\x03\xd5RG\xe7Z\xa8\x8fL\xf9\x87\xb4\x9dp\x8c\x88(ae\xf94\xdf\x80c\x92!R\xaa\xc9e\x7f\xcd\x94i\xe7\xd68\x16\xf3\x0f\xbe\x03\xb0\xf5:\x88\xf2\xea8\xfd\x91y\xd3\xaf\xad\xd7uf\xf5P\xa2\x0ei\x0cV&amp;\xb2P\xb8\xd1,]\xe7i\xd6i\xb0`\xb9\xd4\xf0&gt;:\x80\x1b\x9f\xbe\x86\xe9\xbf\x17\xba\xed&amp;\xc8\xd7\t\x00Q\xa0\xf8\xab$\x85\xba\x19q\xd3Z|\xeco\xaeCM\x19\xd6\x87%\xfd\xbe\x9f\x1d{\xa3&amp;\xdc\xeb\x0f\xbc|\xea\xf4\xdbf&lt;C-\xb0-\x0c\xa4\x88\\\xbb\xd7\xeet\xdb\xf0^\x00t\x98|J\xc7\x89-F\x1dx\xa5\xf4`\'$"JU\x1f\x00\xcfk \xfe\xac\xbd\xaf\x89\x92\xc7\xca\xda\xca\xf3\xeb\x9f\xd1$\x84i\x99\xfc\x8e"\xeb\xb2\xa5\x10\xdd\xb7@\x93wV\xfa\xb2C\xf5\x95b5\xc9%\x8f\xfe\xeb\xf1\xe7R\x0b^\x18)\xb6R\xe75\xb2}\x9em\xff)\xa6\xbe\x9cs\xd5\x9c\xc8\xde\x9b\xc6\xcf\xdb\x91\x88\x00\x84\x94fY\x0cg$\x16\xa5mL!\r\xbd\xcd.\xa6X\xf3yD\x85\xf5\x9d\xbb\xff\x81\x8e\x07\xde\x84\xbes\xc3%$\xc8\xcb\xe2X\xff\xd5\x93\xca\x8aL\xc7o~&lt;n\xd3\xaf\xa2\x01hv\xc7g\xeeC\xe2\x02]\xa5\x83\x91\x086\x9bT\xe2\xf5\xea\xc3E\xcb\xcf\'}SJR\x8d\xe5\xed\xf6\xfc\xd0\xc1$\xf4\xcf\r\x14-`&lt;A2\xd3r\x9a\xb5\xef\x8diy\xb9\x11#"\x97\xa6\x93\xa1\xfcp\ni\x94\xa5\xb2\xd0+\xa6\xc9\xb0\xbd\xc2\xa4\xbea\x13\xb6&lt;1\xbd\x02\x9b\xaf\x82uwJ\x17l\x92,:\xd1\xb16\x03\xc0\\y\x81~\x8b\xae7\x1cl\xe1\x1eM\xca\xb0&gt;/\xbfj#\x94Rm\x96\xe88KBN&lt;Y\r}\x15\xf8\xee\'$+\xdc\x83\x88\n5\x9c\x91\xaf\xeeT\xc7\xf1\x1e\xb3/\x10\x11\xc5-\x9b\xa7\xf6$""J\xc4\x94\x9dt\xf8#c\xd8|\x05\x9d\xa4(\xdaK\xfcH\x00 \xcaob\xb1\xc1\nJ\xd1*\xc4\xa0\xa4\xd5s\xd7\x9adbe\x00D\x8c9\xa4\xf5\xac\xd8\xd9u\xcbYg#\xa2\x9c5\xc6\x07\x85\xf75=2\xa9\xdd\xf7D^\xed\xf8\x9b\xc1t\xdf_}\x88-,\xb4\xfb\x10\xebCI\'\x96\xc86?V\x89B\xa8\x91\x00\xd3r\xd2\xee\x99`zO\xb6\xf12\x8a4\x99mZv&gt;\xc5\x04\xe1\xab\xdbO:\xd1g\xc1U%\xd1|\xddx\xc7\xe4 \xb3&gt;\xb1\x14\xd7U\xd9\xa0\xf0~\xfa:r\xa2\xfc\x94\xa0\x92\xfds\xcaj\xdd7\xc8\xa7\xb4D;\x82%\xaeQ\xb6\xaacD\xc7\xa4l,b\x97V\xce\'I\xa1nr\x92\x00\xa63m\xe7\x8b\x9es/\x89\x8f\xfff\xc6h\xf2=s\x0e\xa3\xd7?\x1c\xc8\x1ctU\x86\xe4D\xb1\xdd\xbci\xa5Y\x93\x81\x877\x06q\x8bDx8\x02\x89t\xe4\xbe\xc4\xee\xae\x06\x1b\xf9$"L\xc4\xf6@=\xcc#g\xcd\t\x168]\xf8\x9a\x9a\x9b4\x1b.\xf1\xea\x9c\x80-N@\xd2\xea\x94\xb4:\xf9\xabt\x1bb\xc2[,\xb8g\xc1\x92@\xd3\xe1\xfbJ\xb5f\xe9\xc5un\x0c\x19\xc0\xccy\xadg\x01`\xdc@\xd5\xe5aS!\x86\xd5\xabG|\x99^s\xb8\xfaQ\xb2\xc6\xea\xaf\xf1\xd9?\xbe\xda\x852v\x12\xe6\xeb\xfc\xc53\x0b\x86*~\xdf7?\xcb\xd6\xcaa\x8e?h\xd9O\xca;mCV\xdc\xf6\xe2N.6\x05\xd6\xf6t\x1d4 \xd94|C^\x8f\xbea\xf7\x81x\xb9;h=\xafP\xa3\x99\xd2_$\xaaBD\x06\xc3\xdd\xcb\xf1\x08\x00\xa26\xe3\x89\x88\xd6\xfe`\xf4\xf9\x0c\n\xd3\x14\xa5\xd8\x18\xa9\xebs^\x1b\x05\xeaO/\xd7~\x85\xfb\xca5\x80n\x81_\xf3\x83[\x05\x98\xafPh5r\xf2\xdfB\xf6\xdd\xc7\xf0Uw\xcd(\xd1h\x8b\xe3\xd8\xc5\x9c\x7f\xe8\xbd\xb9\x1eD\xae\x9b\xd9\xdc@\xde\x9c\xe0\xdb\x00\xcc[\xa87"C\x16D\xa9\x1b\x98T\r\x1b\x0c\x1dpB\xd3\x0b5\x95&lt;l\xc9\xd24\x1d\xbeOuo\xd5{\x86#\xa7_xKM\x0c`m\x08\x9c\x0eSN\x95`\x08\xee"\x85\xcdEE\x97\xa9\xa3\n\xbb\xef\x80\xa2\x87\x01\x98\xb4\xfd\x99\xe9\x99{\x03\xd9\xeez\xcdK\xe2\xcd\x88\x83\x95\x1eS\x0e\x96\xa0\x07U\xfd\xb3L\xf1\xf2\xf0\xe6\x1cI]\x84*O\xfd\x8e\xa4\x85\xbb\x1b\xacAP\xb8\xe5\xc3\xdb%\xc7?U\xee\xb2\x96\xdd\x152I\xc1n\x96\xd6\'\x8a(\xbc\x9f%\xc7\xfev\xfe\x11\xa7\xac\xe8\xfb\xec\x14\xdf\x90\x12jp\xf1~\x00\xde\x02\xbd\xe7_\xd1z\xae\xc1aV\xe1\xc6\xea\xbe\xc2\x00\xfc\xb2D\x18)\x85O\x92\x82\xdd.\xbf\xf3\x96^/\xe4\xf8o J\xf55\xedUXC\x16\xa24\xdc~~\xf9\x0e+\xd3\x96\x1e\xaco\x7f\xaeR\x975fW\xcc\xc6\xa0e?\xcd\xde\xf7\xc6\xa0v\x98\xd4\xd6\xac\x87\x99\xfa\xdd\xef\x9e\xae\x82+_\xa9\x1c\xa6_\xe6\x08"\xfa\x99\xb11e\xdc*6\x00\xbfY\xcfYc\xbc\xf7L\xa6\x8d\xe2W\x82\x12W\x15\x1f\x9e\x7f\xf0\x1d\xa3\xc8I\xd6*\xa3\xcd\xae\x93~\x02\x8b\xf5f^5\xb1\x01\xa8k\xf1Z\x8b\x7f\x19\x19\x8b\xf7l\x96\x14W&lt;b!\xef\xf1\x8d\xd292L\xda\xc6\xac\x8e\r2L\xde\xfe\xcc\xac\x05\xa5L\x15G6\x18\xb4\x93\xfb\xdcw\xe1\xb5\n\x9dV\x99\x92\xad\xd7\x10C^4\xd83H\xf5\x04\x12b\x0bD\xfa\xbdk&lt;B\xac\xac\xad\x88\xc8{\xac\x04\x00\x94j\xb3d\xe3e\x10Q\xb5\x1e\x1b\x00L\xf6\xe2E\xc8\x81Ko\xba\xad,\x0f\x1b{\x92\x8bo\xd5\x19\x06\xe3\xa1\xb1\x1b\x1f\xb9i\xfc\x14#\x9c-]\xb4\xeb\x7f\xbbq&lt;\xb7\xe7\xae{lCRX_\x84n\xf2F\x1e\x1bo\xcd\x9b\x9a:\xc2\xc3\x956?\xc8\x9aE\xe4\x97|t\x8d\xdb\x92\x10\x11Qj\x1d\xe7\xdc\xfa\xc2Vt\xbc\n\x00~x\xa3\x928c\x85\xe1:\xea\xe0\xcd\x84\x94\x1e\xe4\x9ep\xda\x8d\x86\xec\x11\x95m\xb2\xd3\xa7\xd8\x8b7\xd2\xd1g\xfeU\x95\x14I\x99\x84A\x04\x9c\xfd\x03\x9cyT\xd3\xe1\xfbT\x13{\xd5\xea\xc5\x885?\x97h\xb5\xc8\xac\xdc\xd2\x97\x93V\xe0\x12\xcc\xae\x02s\xd5\x9chV\x91\x91\x90x\xa3\xd6&gt;\xd0\xda\xe5\x04\x16\xeb\xadc;\xc48U\xba\xad#*(\xf7m\xaa\xe2\xfdU\xdd\x7f\xe5(\xd5z\t\x00\xce\xda\xae\xdf\xa2\xeb:\xebg\x1e2\x16\xfbB\x00\xc4\xca\xd6\xcaPI2\x8e\x806\xcb\xff\x98\x96\xc4J\xab\xd3o\x9b[\x8c\xa2s[\x9c\xbff\x00\xcc\xdd\xff\xa7\xeb\xb1x\xd136\xb7\xa2 \xfe\xe5m=\xce\x1d\xbd~\xa4c\xd3\x15\xeb\x9e@i\x99E1\x9d\xa7\x9f\xb5\xac\x0e\xfa0-\x1cN\xe5\xaek\xcbwX\xe9r(O\xedII\x0bw\'JbV\x19_\x01\xddg\xfd\xa0\xc9&gt;&lt;O\xed\xc9\x92\xad\xa7c\xb1W/,\xe2!J+\xae\x83\x97\xdf\xa2\xa4\xd5u\x17\x9f\xb5\x8aX\x16\xc044u6\x85\x1a\xce,\xd5z1kj\x15\x89"U\xe9v\x87\xf7\xa7SH\xa4P\xc3\x99\\\x85\xd3\x96\x19\xbc\xe5\x9ai\x8d\x14\xff"x\xdc+\xc9^\xban\xcf\x08=%\x02\x10\n \xfb\x97a\x146\xd7\x89\x7f\x99\xd0\xa6s\x12\x15\xb0G\x03K%\x17\x95\xc8{q\x94\x8e\x00\x00 \x00IDAT3,9\xfe\xa9r\xd7\xb5\xf2\xdfg\x0c\n\xef\x9b\xb3\xc6x\xf7U\xe8\x1b!IU\x9b \x9a\x9bi9\xe6\x90\x7f\x8e6\xea\xe9\xa2P\x04\xc0/\x12\xadg\x86\xf0\x88\x05\x9f-mU-U8\xb3Bl\xcf\x0e\x00\x96\xf5(G\xe2\x13\xcf\xc5\x97\xd1\x8d\x1b\x90\xc1u\xed\xfdS\x1c\x13;`&gt;\x9e\xea\x80\x1d{\xa5\xee/=N\x8e6R\xf6\xed\xfe\x96v\x8a\xa7~\xc7\xf5\xbfaD\xaaW\xda} \xa0&lt;\xef\x0fV\x07E!\xfe\xa5\xaf\xff\x8d\xbf\x8089\xda\xb2\x9f\xd4p\xf0.\x9d\xc5i&amp;\xbbj\n\x00\xe5;\xac\xb4d\x87\xd1\'\xd4p\x16J\xde\xb3\xcf\x01\x85\xd5D\xaf\xc0\xablv\x00t\x9e\xe6E\x8b\x15\xb3\xa5\x14\xb3\xc3Z\xccO^\xb4\xa7\x15V|\x97\xdf\x81(=%R\x08\x14\xe8YR\x98h%\xe8\r\xdbB\x8e:\x14m2\xa7\xfe\xc0\xef\xd2\x95\x1dbn\xfe\x95\xba\xacy(\xfb3\xcd\x13v\x8f4Xg\xf8\x9aG\xff\xa9\xd1\xa4\xfb\x00\xff\xecm\x004\x1f\xb9\x9f\x88\xc8\'\xd4\x1b\x1eW&gt;\t\xf2v\n\n\xebk\xc12\xa7\x9fx\t\x07@\xda2\x83O&lt;3\xff\n\x18\xbb\xaa\xb1\x88\x88\x12V\x92\xfbz\xf6\xf7\xff3\x90\xb9\x11\xe21:\x84qc\xba\x9c\x16\xd6D\x19W9\x82\x90\xd2\x83W\x9f\x05E\x0b\xf5nc.\xabHY\xac\x0f\x00\x8a\xceh\xc5\xe7^b\x95LWvH\xd1&amp;\xb3\xdf\x00P\x88q\xa9\xbf\xf2~\xfa\xa2\xbd\x9a\x08\x80y\x07\xde\x9a\x9b\xa7\xc0w\xfc\x1b\xe7\xd6\x17~\xc4@9\xfc\xdcQ\x15\x1e\x87\x1f\x1b\xefW\xf2\x11e\x9f\x7f\xe8=\xffP\xdd\xfe;\\\x92X\xb0\xf2\xd4t\xf8\xf7\xa6\xe7\t \x7f\xbdi\xfc?YVqdbK\x10\x11e\xd2\xa7\x16n\x06\xd6\xaeS:\x88Y\xd2\xc8\x9e\xa0=\x93\xac-\xdd\x17B@\x89\x98D\x04\xc0\xf3v\xf62\x14\xa8?\xbd\xc7\xec\x0b\xa9J\x0c0=\xe7\xe0\xe2\xfd\x01\xd8\x1cW\xec\n\x1b\xf9\xeaN-\xd3v\x19\xcb81g\x8d\xf11\xb3\xb44\xbdV"\xe2)\x84l\x0b,\xd6\x9b(\x0b\xfb*\xb4\x03\x00VD\x8b\xd2F\xd2\xea\xa6/\x80{|\x0f82\x90\x8c3\xa6\xb5[\xf4\xb8o\xbb\x9a#\xac\xf9&lt;}\'\x0er\x8d\x00\x7f\xee\x95\xeb\x8d\x8eU\xd2\xf99\x81\xec,M\x06\xceD\xc8\x1c\xd59F\xba\xcd\xfaA\xf7\xe3\xaa\xd0\x01\x9f{\xed\xb1\xe7?b\xb4\xe6\xf8K\xee\xa6R\x975-F\x1f\x9c\xb3\xffO\xafo)\xd2rNDb\x93\xfate\x87\xc8-"\x99NH\xe9A\x1f\xb5_\xa8&lt;\xb5\'\xb3$\x8b\x93\xa3m\xc5\xce\xab\xed\x99gr\x94\xc8^\xbb\x1c\xdeb\xc7\xa1\xc3CZ\x8f;\x90\x1d\x7fS\x14\xd5\xa5\xa2\xd68\xf9Y\xdffR\xfc\x8a\x14PN\x7f\x9dL\xc7\xaa\x8d\xd8&lt;zO\xe4v4\xa2Q\x92\xaa\x96\xe9\x13(y\xdb?\x00\xd6_4\xa7\xdd\xf3I\xdfT\xee\xab\x94\xc5d\x0c\xd0\x12UQts2\xa4\xa8\xa3\x15\xc6\xc9\xae\x93\xb8J\x0f6\x00\x16\xff`O\x13_58\x87\xa5\x9a\')\xc1C\xe8\xba\xe7b\x80\xe0ib\x95\xe2\x9e\x8c"\x8dg\x11Q\xc4\xe8\x83\x8c\xe7M\xdf\xf5\xd2D\x0b\xf8\x8c\x15F\x00he\x0f~\xc0\xc8\xb4]/\x89\n\xb5\x18\xa5^\xe7\xf6\x93N\xa4)\xa53\xe0q\xb9\x0e+\xec/\x8f!\x85\x10&gt;\xb2\r\x87\xfb`\xea\xf3\x16\x1e\xf9`u=\xbe\x02r\xd7\x9e$\xd0.%"\x13\xd6\xbdR\xd5\x03@\x14\xa8?\x07\taE\x13Q]\xd3\xb6\xc4\xee/Eh/\xae]\x9d\xb1\xfb\x0f\x00\xf2&gt;\x90\xee\x88\xa9j\x0f\x8a\xac\x04\x80\xbcu\x98\xa6\n,\x1c\xfb\ry\xebx\x9d\xa6\x9e\x1eR\xd5\xb3\x7f\n1?\xf3\xd9\xfb\xde\x00X~\xeas\x87)\xa7\x04+\x1e^/\xc0\x1b\x8f\x9b\x13\xabul9MU\x17\xcb\x00@K8\xad\xc2D\xf4\x00 \xa2\x01L\x81-\x85\x16}]\xa6\x9f%\xca\xa5E\x045\x16\xc57Q#\xd0Z\xf1w\xb3\x89o\xec\xf4LD\x01\xac[\xd1\xb1J\x19+\xcb[0\x18\xd9f\xd4\xba\x07Dt\xf2w\xe8\xee\xc6J\xb4\\T\xb2\x15\xb37Z\xe4!C\xf9\xe1\x00\xa2\xa5kBD\x05\x1aL\xf7tu\xc8\x88a\x8d7\xad\x8f\xba\xdb\xb7\xb6\xd3\xd4\xd3\xdc\x87\x84\xf9;\xbb\xb9\xe8\xc8\x01\x80L\x15G\x10\x15qKi\xfe\x00\x8e\xff\xc6\xfc,&amp;\xafID\x8eP!DD\xc9\xaa\xb3\xf9\x80\xa7\'\xa2\xbe\x0b\xafy\xf6\xb9\xcfUs\x02[\xc2\xdc\xd5zlLQ\xb4\x97\xb5\xb5\xd1@V\xad\'\xd8\x9a\x18\xb5\xa0\xe8\x1c\xed\'\x9d\xe0\xd2\xd7\xec\xbdY{\xdd\xbc\x8bb\xcdt\xee\x80\x12\xd1\'G\xbb\x9c\xa0\x12C\xc4{\xa9\x1e\xda\xbf4\x80\x0c\xe5\x87\xe9\xae\x83\r?\x9b\x94J\xd6*c\xba\xab\xba~\x06\x94+\xd5\x86%r\xb0!\xa6\xecxnv\x96F\x02\xbd;\x89\x91\xb9\x85\xf6\x93L7\xd4\x15\xbf\xa11$R}5\x8c^\xff\xd0\xd3U\xd0F\xac\xac\xad\x1e\x00U\xbb\xadgH\x9b\x9e\x88\xbcx\x10\x9d\xf0\xda_\xfa:\xd1\x84K\x8e\x7f2\x12?&lt;A&gt;\xa3\xd1O\x19\xbb\xff{\x00\x00\x1dF\xffU\xba\xad\xf3\x92\x91uh\xb3\xb9\x00\x88\x120\xa6\xe7\xcf\t\xd2\x94\x1a(\x97\xcc\xa0"\xe3\x80%?\xe6\xa8&gt;\xceH\x0e\xaa\x18\x91I\x1a\xb6\xea\xee\xd6\xeb\xc8\\id\xbezS\x7f\x05\xc2\x9a\xcf\xd7\x9aC\x8a\xd0^\x85\x1b\xcf*,\x15!x\xe5\x99/\xe4i{L\x00\xfc(\xe9\xdc.\x0f\x80m7\xd4/\x9a\x97&lt;\xd8\xde\x8a\x97\xf8\xb9\x98\x1f\x81\xf7k\xc2,\xe9\xe6\xc4&amp;\xe5\xa3\x87D\xf9\xbbH\xc9M\x98\xc3\'@a\\\\\xa4\xc9l\x83\xf9K6"\xffI\x1dT\xb6`\xd2ZD$\xc1r#\xd5\xe1\xab\xefQP\x1d\xabK\xd1\xcd3\xe0\x7f\xc0\xfcC\xef\xa7\xecx\x9e\xbch\xcf\x84\xf9\xf4\xac\xd1\x15n4\xcb\xee`\xea2\x87\xde\xf73\x88\xa8\xeb\x8cs\x8a\xd79\xda\xd1\'V&gt;?\xae\xb14\x86\xae\xbc\x03W\x14N\x8d\x14\x0fv\xf4\x8c\xcd&lt;]\x85H@\xbb\x89\xc7\xaf\xb1\x89\xe6J\x10\tL\xb1-F\xc1:\x91O\xf9\x8e+\xd5\x13y\x1bi\x1b[\x9a\xbdd#2i\xdbo\xba\xcf\x95 \xa1\xd7\xaa\x8e\xb8\xe0\x9b\xa1\x19QtO\xd7\xc2M\x0cZ\xf6\x13\x05\xd6VM\xc6uBM\x87\xef\xab\xdes\xa3\xee\xb2N\xbf\x04\x80O\x80\x9cU\xadb\'\xe1n\r\x03\x88\x90K\xd9v\xe2qwVL\x1f\xf6\xfa\xab\x08\xa4\x00\xa8\xddw\xab\x1b\xea\xe3\xb5\xf0ot\xf2\xa2\xbdX\x1b\xb7\xc4\x05\xbb\x16\xd3\xeb\xe5f9\xf6\x967Y\x91\x9e\xb9k\xa9\x1b\xe9i\xa5\xd3\xd4\xd3\x9a\x16\xaf\x92\x17\xe9iR\xc9\xe9M\xca\xc7\x08&gt;\xbc\x7f\xf5\x91\x98\x88\xe2\xe7\xe9(:\x9e\xc2\xe49\x87f\x17IU\x0c\x98\xe3:\x11\x9a\x14X=\xa1\xd1\xbd\x84@\xc9\xf5D&lt;\x8c\x9d]\xf1\xd5H"\x11\xadV\x023C\x0f\xe5 \n\x16\x1d\xf4Yw\x01\x83\x97\xdf2\xaf\x14\xa34\x1d\xfe=\xfb$\xd8:\xdaN8\x16#\x93\x86\xad\xdc\xea=7\xfaIl\xfd\xfa\xb0XG\xab\x91\x9aE\x14!\xaf\xc6(\xe3\xdc\x85m=\xfe(Q~\xe6\x08\x83\xee\xc2\xb7\x98\xfa}/\xdch\xe6\xc2#\x1f\xadyD\xac\xd8-7\x7f-\xfe\x0b\xb0\xce\x9c\x88u\x1a\xf1\xbc\x94U\x0e\xb3\xb6X\xde\x89\x1f\x9eh\xa1\x97\xdey\xd7\xdaZ\xa5.k\x88\x88(.\x00\xb3\xdeUm\x1a\xee\xa6\x87\xc0\xd3C!\xe2.\x05\x9by6[\xcb\x90\n\x80\xc2\np\xbbI\'T\x0b\xd2\xa1\xca\xe2\xc4\xbft\xcf\xb9\x97\xaat[\xa7?\x07\xed\xd4\xea\xa32\xd5\xd3\xb4\n}\xe1O\xe1\x1e\xf6\xc4\xadO\x89\x88\xa8\x08Q\xa0\xa6!2\x00\xc7*}\xd9\xf6\xcb\xd9$\xc3\xfc\x9d\x1f\x93\x19Vkr#\x1f\xb9\x0bk\xa9*\xbe!\x18\xdcC\xfc2G\xd8\x1f\x91\x10\xfd\xb9DZ\xd6\xfe\x00M\x83\xc4\xaf\x01\x9fP\xa2\x98\x94\xaa\xfe\xf6\x1f]\xdb\x05\x9fb\xfa\xf2\x0b,\xd6[p\xe4\x877\xe0&lt;O\xdc\x88J\xc8\xb3\xe3\xbfa\xcbU\x1cz\xe4=\x9e\x12n\xc57C3r\xed\x15X\xce\x02\xb0\xf5:\\\xd4\x9a\xa4\xc8Tq\xc4k\x80\x12T\xba\x0b\x08\x1f*\x06\xaat]gL\xe6"Z\xa3!\xbb_\xc9\xff\xa2G\x12_\x89\xe3@8Q\x0cIdC\xcbS\x94J5+\xf1\x1d\x01Po\xc0w\x00V\x9e\xf9o\xd8\xaa\xbb\x8c%\xf5_|\xe3\x98\xba\x8a\xa7\x08\xdb\xaa&gt;\xe7v\xa19\xca\xb8\t\xc4.-\x1e?\xe5\xa9=\xc9\x0bchJ\xa2\xf00\xb4\x18u@\xe9\xcc66u7/\x19\x9e\xab&lt;\xa9\\#\x12\x85y\xb8hq\xec\x7f !\x14\xc7\xd2\xd0\x88\xb5\x91\xad4\xcaU\xf4\xce\x92\x977O]r\xc0\xda\xf3h2l\xdf\xd8\x8d\x8f\xcc\xaf\x14\x11\x11m\xbd\x0e\xafw\x93H\xafq\xfc\xc1\xaa\xd6R\xaa\xcd\x92.3\xce\x01\xd0\xd1\x82\x03`\xe9\xf3\x14N\x07 \xd8\x0e\x88\x99\xd5\xa1\xb7\x9a\xd6&lt;;M+H\x02\xe0-\x90\xa4\x90SP\x81\xfbE\xa3\xd6=\xe0\x96m\x00(\xc4\x12\xd0N\x08\xf7\xdf\x8c\xdd\x7f\x88\xbf\xd3\xf8xD3\xbe\xf2\xcf\xf9@K2e\xc7s\xf6q\xfc\x9a\xf3\xdf\xe2\xc0\x9a\x88\xe2\xe9&gt;s\xe8\xca;\x8e\xcf\x99+\x8d*\xad\xe8u\x17\x1e\xb1 Gu/\xd1P\x8cLt\x9dq~\xc8\x8a\xdb\xf2\xdf\xfb(G/\xb9\xc7\xb0\x02y\xe9-\xd7\x02\xf2\x0c\xadc\x96L\x94\xbf\x8b\xfc)\xfa\xe1\x1a\x08\xbb\xf7\xa4\xb0\xad\x1f\xb0\xe4\xc7\xec\xd5\xa4\xfb\xfe\x98Y"n|\xb2v\xfa{\xdc\x82802\xb8cQ*\xb8x\x7fc\xda\x9f\xda\x88\x99%B\xdf\x1eS\xbc\xdc\x1d\x04GN\xbfpN\xf4G\xac\xf9Y\xaf\xe8[a]gi\xe6\xccK\x08Tr\xcd\xd99V[\xb7\x90$\xb4\xe9\\\xf6\xc4\xcf\x81\xa4\x85\\\xe33z\xdfjp\xfa\xb2C=]\x053\xd1\x1b\xedR\x9a\x10\xc7\xa7\x05\x87\xdeK\xad\x14\xb9\x0f=\xde\x11&gt;\xc5:M;cA]Lf\xe6\x9eW\n\xdf\x1a\xef\x93R\x14\xed%\xd8\xc5(\xdchf\x97\x19\xe7\x0ce\x1a\xb3$\x9b\x14\x89\x93|u\xa7\xa6*\xd1_GQ-\x98%K\rcR\x0c\x9f\xc4l\xd6O^\xc9\xe9\x17h9\xf60\x83"\x87~\xde\xdb;\xb0\xacU\xc6\xa4(\xdaK\x9f\xad\x83\x07\xb7*J\xb7Y\xca\xd5?E\xa8\x84jM\xc4\xe8C\xcaK\xe8\x86a\x8d\x80\xc9\xb2\xbbo\x0c\xf5 \xc4M\x86\xedU\xf8\x96]$\xbfx\xc4B\xc6\x94\x16!\xdf4\xe8\xdd\x1a\x8c\x14\x04\x85k\xd3\xd8K\x90\xb7\x13\xcf~*N\xb3\x11\xe6\x87\xfa2\x9d~\x8b\xae\xab\'\n\xacm0\xd2_X\x0b\x9b\xc0\xc2\xc8\xb5\xf7\x01H&gt;\xfaZT\xa3\xb5\x86\xbbI\xc3\xe8\xf8$Ix\xc4\x02\xf6\x06\xf7\x93TJ\xc5e\x86(\x9c\x00x\n\x00PP&amp;1\x82o\x86f\x14\xd2\xa8Z\x0f\xfd.O,\x14n4\xcb\xd2\xfcI~\x03h\xc7M\x10\xa5c\xcbCR\xc1[e=\x00\x80}7P\xb3T\x9c\x9b9\xfbJ\xdf:\x81qc\xde\x10\xc39\xb8\x90\x85(\xbb\xea\x16l$\x84\xd3\xd6\xc8\xec\xe1Zx\x1eue\xd49\xd6D\xa5\x9e\xb5\xf7\xb5\xe3s\xc2\xfc\x9d\xdf3\xbf-12\xb5\x08\xc8\xcd\x14\xbc\xc8\xd7Z\x95\x80\x04R\x07\xa55[2V\x18neM\xd4\xe1b\x90\xb8\x8b8\x14\xbb\xb4#\x1e\x17;\xeb.\x80\x88\xea\xf4\xdbfqp\x05\xb3\x089\xf5B\xe2\xa1\xe5G\xc3\xd5J\x85\x8e\xabX\xba\rI\xcb,"\x925M2i\xf9\x17\x00\x05\x94#\xca\x167g;"\xb2o2\xe6\x8e\x91\xa9E2\x91\x13f\xc6\xf2\x9e|\xe6\xe7\x1dx\x0b@\xa3\xac}\x06\t\xaf\r"-k\x99fw(\x03\x97\xde\x04 #1aP\xb9^\x0e\xc3\xb6*Au\x8f\xd8=M\x01\x10\xa5\xb5\xfb\x99\x8803\xea\xc0\xd7\xc0\xc8\xb5\xf7\xcb\xb4[&amp;:lI\x98\xe79\xfb\xff\xe4\xfd\x95\x8a\xc8\x97\xfb\x14\xa2\x1e\xcd)\x83)k\x80s\x0f\xbc\xa5\xd4\r\x1e\x01\x19+\x8c\xd0qz\xdb\x89\xc7)\xb8\x9e\xf8x\xe96rQk&lt;\x07s@\xc3\xe0\xe2\xfd\xc4\x07K\xb6ZT\xa4\xb1\x8a&amp;\x9ac\x85\xbf\xc5\xe8\x83\x9b\xae\x80\xfc\xcbh\xaa \x87\xbdY\xf7 \xdaV\xbf\xf7\xfd,1\xe3&lt;\xfa\x14\x00\x18\x1dd\xf9\xcb\xa4\xbc\xfd\xdd\x94\xdc\x91\x94a\xd2\xcbB\x82\x0e8k\xe5\xd1|\x17#\xc9\xf4\x89\xf2w1\xe5\xad\xc9Q}\x9c\xad\xf48e\xbaL?G\x14@D\x85\x1b\xcdd\x1f@\xbb\x8bxn\xdd)HQK_;\x19\xd6|^\xa3!\xbb\xe5\xbe\x8d\xce]k\xb3\x95\xc7\xad\x15\x9a\x08o\xb1`\xf7\x1dg\x07\x0c@\xf3\n\xaa\x99\x86\x85\x96b\xb2\xc5\x8d\t\xf6\x1dZ\xca\x92\xfeB&amp;\x8a\xe5\xed\xff\x00\xa0\xcd\x84cG\x9f\x98SI\x00\x</t>
        </is>
      </c>
      <c r="E618" t="inlineStr">
        <is>
          <t>&lt;class 'numpy.ndarray'&gt;</t>
        </is>
      </c>
    </row>
    <row r="619">
      <c r="A619" s="1" t="n">
        <v>617</v>
      </c>
      <c r="B619" t="inlineStr">
        <is>
          <t>steps_per_sec</t>
        </is>
      </c>
      <c r="C619" t="n">
        <v>8900</v>
      </c>
      <c r="D619" t="inlineStr">
        <is>
          <t>5.3916945</t>
        </is>
      </c>
      <c r="E619" t="inlineStr">
        <is>
          <t>&lt;class 'numpy.ndarray'&gt;</t>
        </is>
      </c>
    </row>
    <row r="620">
      <c r="A620" s="1" t="n">
        <v>618</v>
      </c>
      <c r="B620" t="inlineStr">
        <is>
          <t>Loss/localization_loss</t>
        </is>
      </c>
      <c r="C620" t="n">
        <v>8900</v>
      </c>
      <c r="D620" t="inlineStr">
        <is>
          <t>0.041383147</t>
        </is>
      </c>
      <c r="E620" t="inlineStr">
        <is>
          <t>&lt;class 'numpy.ndarray'&gt;</t>
        </is>
      </c>
    </row>
    <row r="621">
      <c r="A621" s="1" t="n">
        <v>619</v>
      </c>
      <c r="B621" t="inlineStr">
        <is>
          <t>Loss/classification_loss</t>
        </is>
      </c>
      <c r="C621" t="n">
        <v>8900</v>
      </c>
      <c r="D621" t="inlineStr">
        <is>
          <t>0.32916498</t>
        </is>
      </c>
      <c r="E621" t="inlineStr">
        <is>
          <t>&lt;class 'numpy.ndarray'&gt;</t>
        </is>
      </c>
    </row>
    <row r="622">
      <c r="A622" s="1" t="n">
        <v>620</v>
      </c>
      <c r="B622" t="inlineStr">
        <is>
          <t>Loss/regularization_loss</t>
        </is>
      </c>
      <c r="C622" t="n">
        <v>8900</v>
      </c>
      <c r="D622" t="inlineStr">
        <is>
          <t>0.03883773</t>
        </is>
      </c>
      <c r="E622" t="inlineStr">
        <is>
          <t>&lt;class 'numpy.ndarray'&gt;</t>
        </is>
      </c>
    </row>
    <row r="623">
      <c r="A623" s="1" t="n">
        <v>621</v>
      </c>
      <c r="B623" t="inlineStr">
        <is>
          <t>Loss/total_loss</t>
        </is>
      </c>
      <c r="C623" t="n">
        <v>8900</v>
      </c>
      <c r="D623" t="inlineStr">
        <is>
          <t>0.40938586</t>
        </is>
      </c>
      <c r="E623" t="inlineStr">
        <is>
          <t>&lt;class 'numpy.ndarray'&gt;</t>
        </is>
      </c>
    </row>
    <row r="624">
      <c r="A624" s="1" t="n">
        <v>622</v>
      </c>
      <c r="B624" t="inlineStr">
        <is>
          <t>learning_rate</t>
        </is>
      </c>
      <c r="C624" t="n">
        <v>8900</v>
      </c>
      <c r="D624" t="inlineStr">
        <is>
          <t>0.079908684</t>
        </is>
      </c>
      <c r="E624" t="inlineStr">
        <is>
          <t>&lt;class 'numpy.ndarray'&gt;</t>
        </is>
      </c>
    </row>
    <row r="625">
      <c r="A625" s="1" t="n">
        <v>623</v>
      </c>
      <c r="B625" t="inlineStr">
        <is>
          <t>train_input_images</t>
        </is>
      </c>
      <c r="C625" t="n">
        <v>8900</v>
      </c>
      <c r="D625" t="inlineStr">
        <is>
          <t>[b'640' b'640'
 b'\x89PNG\r\n\x1a\n\x00\x00\x00\rIHDR\x00\x00\x02\x80\x00\x00\x02\x80\x08\x02\x00\x00\x00\x83\xaf^t\x00\x00 \x00IDATx\x9c\xec\x9de`\xd4\xca\xd7\xc6\x0fRJ\x0b\x15\xa0H)-\xc5J[J)\xc5\xdd\xb58\xc5\xdd\xdd\xdd\xdd\xf5\xe2\xee\xee\xee\xee\xee\xee\\\xdc\xf5b\x17x\xde\x0f\xb3\x9b\xcd\xee&amp;\xd9\xd8n\x97\xfb\x7f\x7f_\xa0\xc9df6\x99\xccLf\xcey\x0e\xd1\x7f\x99$7~c\xd9i\xf4\x9a{UN\xea\xd0r\xc3\x00,?\x03\xd5\xe5\xc5NW\'i\xce\x0e6\x12%\xaf4s\xef?!QCU\x97\xa2\x8a8\x8e-N/r\xbb\x067\x8a\xe9:\x18\xd8r\x13MG\xec_p\xe4\xe7\x81\'\xaa[H\x00Q\x1e"7=\xab%L\x10y\x94\xb4\x95&amp;\x82\xfb\x1f\x80\x06\x83w\x11\xd1\xbcC?\xb2V\x1d3n\xe3\x0b"W\xc1k^\x03\x00\xf6=\x06\x83w\xc6\x8b\x88\xfc\nt\xd3Vm\xc5\x80\x07\xff\xf8\xe4\xed\xef\xecQ\\\xc2\xf0\xe6\xe6\x072\xda\xa1\x90\xecD\xd9\x88(n\x86\xfa\x81Ez\xcb\xbfl\xce\x81os\x0e~\'J\xa5\xad\xf4\xcc\x16\x7fo\xban\xde\xda\x13\x96\xb8\x07Y\xed\x1f\xc0\xc6k\xe0\xffi\xfd\x98\xec\x01\xac Jj\xefB\x05\x89\x93\xbe^\xba\x12\xfd%\x12\xd4\xec\xbb\xc5a\x95\x89\x19N\xbe\x03\x80\xde\xf2\x06`\x9f\x1c\xed\x97\x9fF\xd9vK\xad\xce\xb8~\x92\xdbnr\r]\xf1\x80\xe2\x16\x90J\xe2Y\xea\x05@q\xf2\xcb\xcb\xf0\x7f\x99$Y*\x8f\xcaVm\\LW\xc3\xc0\x17\x00\xc0\xb1W\x00\xe0_\xa8\x07y\x96b\xc7?\x08\xb7\x8d\xb0\xaa\xdd\xd7\x11\xd1\xb4\xdd\x9f\x00\x10\xb9\x12e\xaa\xddok\xd9vK\xe3\x874\xb6wU\x9f\x02\x05\x1a\xcePrEl\xf6\xcf\x9a\x8b\x08\xaf4\x12\xc0\x1d\x91\x06\xcfuj\xdbn\x83\x02kY\x9cM\x9e\xa7\x93\x9a\xeaj\x80\xab\xcf-\xfb\xf7\xec\xfa\x93\xa4\x9c\xf5\xb1&gt;\xf3\xaf\xff\x0b\xa4+\xd1\x8f\xc8W~N&gt;9;\xb0\xfb\xd0c\xf6emu2\x9b\xa9\xb7\x9bxb\xe7=\xb3\x1b\xbb\xea\x9c\xdcAt\xc3US\xb2\xb4\xc5\xfb\xb1\xea\x8d\xdd\xf0\\[\xf5l\xd3e\xfay\xfe\xe8\xfbRY\xc3\xf0\xd2\xb72\xfe\x85zJ\x9cu\xc0t\xc4~x\x88\x9f\xe2\xa6\xa5\xb1\x15\xe7\xeaS\xdez\x0e\xd8|\xf4!\x00\xa9\x8b\xf4\x92\x97\x85\x8b\x8c4Y\x94\xd6\xeb\x7f\x00\x9f\x98\xae\x80m\xbaL??j\xed\x13\x8b\xb9\xbc\xf1\xff\xe1\x14+O\xed~\xdb\x8e\xbd\x06\x80\x1b\xbf\xd1{\xde5"\xaa\xd2m\x1d\x00\xf2)W\xaa\xf5\xa2\x19{&gt;\x97l\xb5\xb0b\xe7UD\xe9\xed_\xd9$\xaa\xae\xf2%\n=\xf5\x1es\x0f\xfd\x10&lt;\x1d\x19=V\xec\xa3\x93\x88\xe2\xa4\xaf\x17P\xb8\x17\x80\xf6\x7f\x9dRU\xbabX5V\x9d\xff\x83;2]\x000h\xe9\xdd\x90\xa8!j:=Q\xfc\x00\xd4\xea\xb7Uu\x95\xb8\xff\xf7_t\xcb\xd4f\xdc\x8a\xeaT=Q\xba\xce\xb8\xb0\xfa\x02\n5\x9e%3=\xab\xd8o;}\xa0{\x97\x16;#siV\x0b\xf1\xdbM&lt;a\xef2\x1c@\xf2\xdc\x8e\x9e\xda\xff\xaf\xe0^\xec\xc4\x1bT\xee\xba\xd6\xf0rz\xda\\8\x8da*uY\xcd\x1b~L\x9f\x0bc7&lt;\x07\xf0\x0b\x00\x10Tj`\xca\xfc]\x8dg|\x00|\x06^\x01o\x8c\x17\x8e\\\xf3Xu\x05&amp;l~\xb5\xff\xb1\xcd\x9e\xc2w\xc7]l\xbb\xad\xa67\t.;x\xec\xc6\x17\xd2i\x04\x06`\x97\x82D\x94"ogv\x07\xc4{\x96\xf8\x15;\xaf*\xd7a\xb9\x8a\x8a\t\xd2l\xe4A\xf6\x9f\x96c\x8f\xe8\x95\xe7\x1fH\xc25\x17A)*\xe9\x9eoX\x85\x11^Y[\xa9\xba\xd4\x8d\x12\x14\xe7\xfe\xf0\x8ah\xc5\x1aL\x82\xb0fz\xd5M7RE\xf3\xe7\x94i\x8b\xf7uX\xc9\xf6\xff\x02\xf6,\x05`\xda\xae\x8fv.\xc6\t\x89\x0b\x80(\x8f~\x19\xe60&gt;\xad\\c\xec\xbf\x8c\xe30j\xf5\xdd\x02`\xc0\xe2\xdb\x82_T\xceI\xea\xc2\xbd\x00\x84\x96\x1bf~\xd8\x1b\xc0\xc1\xa7 \xf2\xb3H\x9f\xa3\xc6\xc4\xd7\xc0\x96\x9b8\xf5\x0e\x07\x9fb\xf7\x03M?\xb3\xeb\xf4\xf3\xe4\x17]\xb0\xe1L\x894#V?R\xd3\xf6d\xf7\xe0\\\x7fj:\xe4S\x9e(g\xbf\x857\x01\x10\xf9\x14l8\x93\xdbc\xcePr\x00\xef\xd2\\\xf9\xebO\x9f\xb0\xf9\x15\xbbFq\r\xc5\x01@\x94]\xc7\x0c\xffL2\x94l\xb5\xd05\xb8Q\x97i\xe7\xfe\x05\xfa\xcc\xbf\xae1\xbb\xeb\xbf\x00\x80\x92U\x94\x7f\t7\x92}3\x7f\x9d\xf9\x83\xdc\xd2\x93N\xf6\xa6\xc7+\xc4*\xd6\xfe\xaf\x93\x0e1\xd1\xb0AN\x1d\xf3\x1a\xba\xe2A@\xe1^D\xd9\xf55X\x00@\xe4\xadc\x86\xfa\xe2\x12T\x1f@\xffE\xb7\xf4\xca\xf0\xf4\x07c\x7f\x97$J\xd1\xfe\xb1\xf4\xa8\xe6W\xa0\x1b\xc5\xce\xa7\xa8&amp;\xee\x99\x9aP\xe2(E\x97H\xd0j\xec\x91\xb2m\x97zgm]\xa3\xf7f\xbd\xf2\x8cQ\xe2\x8a\x9f\xca@\x94&gt;U\x81\xee\x8a\xf6\xf6\x8c\x18.\x19\xb3\xfe\x99\xa2iJ\xc5\xce\xab\xe4\'\x0e\xaf4RY\xa5\xccHJ\tK\x10\x11\xb32\xbb\x0b\xdc7\xd6s\xce\xc1\xef"\x97Dh(\xce\x12\x00\xe5\xda\xeb\xf6a\xedL\x04\xf2\xfe\xefVw\xe0\x8e\xd2m\x16\x13\xc5\xb3N\xb7\xef\x91ax\x1b\xbe\xea\xef\xc4\xd9\xda\xeaU\xfc\x82#?\xab\xf7\xda(?=\x7f\xa0m&gt;\xea \xff\xd4w\xde\xa9\xe9{&gt;\xdb\xe3\x93]\r\xc9*n\xb8j\xa8\x95SX\x9c\xc4\xcb\xd8P\xe8pV\xf2*\x1dTj\xa0\xeal\xc3*\x0c\xd7qr\x01\xa0\xde\xc0\x9dz\xe5&amp;\x80ka\x8d\x19\x00(\xd4H\xee&amp;\x84\x9c\xdcT} \xa6\x07`\xf1\xbaN7\x98\x05\xf9\x12\xd1\x13\xc5\xd9\x06\x10\x85*\xaf\x86(M\x86\xef\x7f\xf8\x87|\xf8\xda\x0f\xf9\xb6Kl\xa1\xdbf\xb2r\x1d\x96\xb7\x1ew\xb4`\xc3\x99\xbc\x95p\x03Y\xab\x8e\xd5q\x05X\x84\xf4\x01\x85M\x06\x13b\x83A\x06\r\x9d\x89*\x82l\'IPL\xa7\xb2\x92\xe9\x93M\xd2\xf2\xc5\x9b\xcf7\xfe\x11\xf7\x1e\xb0\xff\xb1\xf5\xd2\x8b\x89\xab\xff\xc6\xfc2\x12\x7f\x00\x16:\x9f\x87\x9d\x1a\xb4\xf4n\xe7i\xe7\x1c]9!\xee\xf1*&lt;k\xdf\x17\xfb\x9b\xc7\x86(\xbe"m\xf1~\xe6\x07\xbcU\x14\x1b\xd5nYP\xe9\x81*.$"\xa2t\x16\x7f7\x19\xbe_\xd6\x1b\xa5\x84E\xc7\xf1\xc4\xe8\x8f\xa1\xd7\xe7u\xaa\x82\xddu\xc9g\xd4\xda\')\xf3Yv\xa6r\xf0\x08oaq\xe43\x00`\xfd\x15\x90{1\xe3{\xe2//3_\xbd~\x0e\x9f\xd0r\x0e\xf6\xc8r.r\xd6\x9c\x08@\xfeM\x903Z\xb3\xc7\xda}\xd6%\xebS\xed\'\x9d\x92o\x9c\xa2\x9aR\xad\x16\xb2\xffT\xe8\xb4\x12@\xd6\xaac\xed]\xa2m\x92U\x0c\xab0\xdc\xfap\xe2\xecl~\x90\x89(]\xa2\xc86z\x94\x14@i,\xed\xc3U\x93,wG""\n\x89\x9d\xae\xee\x8c\xbd\xff\xd8J\xee\xadW\xb9z\xe0-x\xb4\xcd\x84\xe37~\xeb3K\xd8\xfb\xb7\xc5GvZ\x00\x1eYZ\x10Q\xd9\xb6\xd6\xce,\xa2\xf0\'\r\xccyA6\x0e1\xa7\xb5\xdeK\x88\x9d\xae\x8e\xd2L\n7\x99\xad\xceP"\xbc\xd2(\xa1\xf5I\xdd\xf7{&lt;r\xd5\x9a\x04s\xdf5\xed\x00\xd0w\xa9MQ\xd1u\xfao\x13;\x05\xe0\xf8k\x89\x89\xaa q)\xb9\x82\xdd g%"\xa6+`I\xfdA\x8a\xd6rR\x8b9\xe9r\xcc\xde\xff5g\xcd\xbf\\\x82\x1a\x08\x9e}\x06\x8c7\xec\xc2\x12\x11e*?,C\xa9\x01v\xb2M-\xd8h&amp;\x0cN5j\xb1\xb3\xd1lX\x85\xe1D)\x89\x88(\xbb\xa2\x15{\x07\xd0q\xca\x99\x1e\xb3/\x13\x05\x11\xe5\x8a\xe9\xba8#\x99\xca\x0f\xb7\xb04\\r\x12\xf9\xebO#\xef2\xacg\xfb\t\x90\x97\xa8\x11\xb2\x89\xc4Q,}\xaf\xb9W\xf7\xfc\xed\xdc\x0br^\x11\xad\x88\x88b\xe7S\xec2\x95\xacb\x89\x16\x0bT\x94\xe8\x1a\xd2\xc8\xfa\x0b\xb8j\xf7\xf5D\x89U\xe4\xe6p\x04\xa7H\xa9\xed^l\x9a\xda\x90\xb4\xb6e\r\xae\xcd\x84\xe31\xbef\xf5\xff\xd8\xc2\xb2\xf1\x13Q\xdc\x0c\xf5$.\xb8+\xbe\x06\xb8\xe4\x84\xe1T\xc1F3\x9b\x8f&gt;D\xa9\xa2W\x9e\xc3\x9c\x83\xdfW_\xb0W3\xe85\xf7jt\x8f\xf5\xc6AN1\x1e\xe1-(^A}\xab\xc4\xa7P\xa3Y\xee\x99\x9a\x16j&lt;\xeb&amp; \xdb\xdd_9ik\x0b\x8d\x04i\x96\x9e\xb2Y\xa2\x84U\xc1\xff#\n\xcc\xb1S)\xa3\xd6&gt;\xb1S\xce\xa2\x00\xa0\x84\xcc\xbe&lt;\xbe\xa3\xcb\xe6q\x1f\x10\x17$\xf2%J\xee\xd0\xda\xc8\xa6\xd7\x9c\xab\x94\xb4\x82c\xcaJ\x10\xd6\x8cR\xd7\xb4s!*\xec\x89t\xc33\xa2e\x0c\x96\xeex\xf2\xd5\x9bf\x98\xba\xc5+$\xd1\xa7\xdc\xf8%\xd5\xefL\xdd\xf9\x81\x9dj4l/\xb7\x18\x900s\xf3Xik\xdb\xa5\xd2\x0c\xdf\xcaZ\xae\x96v\x02l1\xe6\xb0\x96\xcc)y\xc5\xc4\xd9\xda\xce\xd8\xfb\x8f\xd2\x9e\x9a\xf9y\xcb$k\xd51\xbe\xf9\xbaX\x1fo3\xfeX\xef\xb9\n\xf2\xf9\xef\x92\xd9\xda}@\x80Xy)e\xd5\x0c\xa5\x06\xd8H\xe6Q\x12\xc0\xe4\x1d\xef\xcb\xb6[f\xd7\x018\x06(\xd6l^L\x15]\xbd\xd7\xa6C\xcf\x0c\xb7\xd2#\xbcE\x82\xb0\xa6\x8e*\xd9\xbf\xd3\xd4\xb3\xda,\xc8\xc2\xc8\xb50\xf9V9\xf2\x12|\xf78%\x98&gt;\x9a?\x03\xed\'\xd9\x10:\xb0o\x7fJDD\xb9kO\x06@\x94\xd0\xde\x05\x891m\xd7\xc7FC\xf7\xc4T\xe9\x8e\xc0/z\xf1\tC\x83\x1f\xb8\xe4\x8e\xb1+\t&amp;"Q\x0bD\xdf*,\x99q\xef\xd0\x92t%\x0c\x9aD%[.\xd0R5\xe3\xd6\xa9#8\xf8\x14y\xeaL\x11&lt;\xd5b\xf4!\x00\x8fDz\xd8\x80\xc2\xbd\x88\xfc\xd6^\x82MA\xd3\x0c\xa5\x06\xb2\xdbR\xa1\xd3J\xc1\x04#-\xbfuBv?\x04Q\x1a\x9b\x95\xd7\x88KP\xfd\x04\x99\x9d\xcfwV\x0f\xd2\x97\xec\xbf\xe6"\x98\xf0Q\xbd\x81;\n7\x9emh\xe1I\xcb\x13\xc5\x12\xbc\xa4d\xcb\x85\x136\xbf*\xd0@P\xe5-\x03\x11\xf9\x15\xe8\x96\xb1\xcc\xa0\xa8\xf6\xcb\xfeS\x83\xae\x19\x01\xd5c\xaa\xe4\x98\x9a\xcb\xac8\x0b\x00\x81E\xfb\xa8\xb8\xb6B\xa7UD\xfea\x15\x86\xf7\x99\x7f}\xc2\xe6W0WoP\x07\xbb\x0fm\x99\xc2\x89nv\x9bj\xe8:\xe3\xc2\xe4\x1d\xef\xff\xdf\xff\xd2Nx\x84\xb7\xb8\xf6\x93k\xf0\x1e6\xdb\x7f\xe96\x8bS\x15\xe8\xce&gt;\x80\xe3\x057\xb4k\xddJ\xb6Z\x98\xab\xd6_v-\x82#\x7f\xfdi\x95\xba\xac\x16;+z[RT&gt;\xfd\x1e\xe5:,\x97\xd7o\xc4g\xc9f\x1f\xf8&amp;x\xba\xc5\x98\xc3\xd5{m\xe2\x19\x16\xb9\x0e^v\xcf\xee\xf6\x04)*\xfd\xfd\x9f\x1dH\xcc\x08,\xd2\xdb7_\x17n\xe5\xa6\xe3\x943\xde\x91\xad\x85\x12\xba\xa6\xc8\xd3\xd9\xf4W\xca*\xdc\x7f\x17\x1dG\xfe\x06\xd33\x95\x1f\xe6\x16\xda\x84\x88\xec\xec\xce\x9b\x95(\x91=\xf3\x17g\xda\xae\x8f\r\x87\xec\x8e\x99\xb2)\x0fQ\n\xc7\x97\xca\xd6\xec\xd6^\x82\xa0v\xab403pu\xd9rS\x1f\x15h\x00{M\xc6\x02\x8au\r\xc5\xa6\xf9*\xa8\xd5w\xcb\xc85\x8f\r\xcf%\xb0\xd6\xf0U\x7f\xeb\x95\xb3NdL\x9c\xbd]L\xd7A-\xa9\xa2\x0b6\x9aI\x94\x96\xfd\xe5\x9e\xa9)%\xafd\xeb\x9a4,R\x82Z\x01#E\xf8\x18\xcd\xc1\xe2\xe7\xad;%\xb8\xec`\xa2p\xfb\x17j\x85K\xc1\xf7B\xa3T\x8b\xd1\x87\xae\xfc\x80kp\xa3\x91k\x1e\x9b\xf5\xda\xe2\xf4\x9csE\xe2\xac\xc5@.1\'\xf8\x9f\xa5x\x8b\xf9\x1a\xbe\x91\x92p\x03\xf0\x9a\x8bXu\x1e\x9eY\xa4\xf6\x98X\xca\xba\x03wp\x7f^\xfaf\x9aw\xb2\xb8 \x99+\x8e\x04@\x94Im\x95\xf8\xe4 q\x9f:)t\xf4k\x9as\xe0\x1b\x0cv\xc2\xea\x94f\x1d\x89n\x110\x86,\xbf\x0f(_n\xf2)\x1f\xd5n\x19\x00\xbe/f\xaf9W\x12fn.q\x91:\xa6\xec\xfc \xdf\x85\xdc\xf8s\xf4"\xd3+`\xe1\xb1\xdf\xcdF\x1e(\xd1r\x01\xa0f\x9ab?\x00\xf0&gt;"\xffLRU#_n\xa6\x9f\xc0\xfc\x9c\xe0\xfa\x7f\xb0\xbar\xfc\x0b\xf54\x97}\x90I\xee\xc6\xc3\xf7q]\xe7\xae\xfbv\xbc\xdb\xed\'\x9d\x1a\xbd\xeei\x82\xcc\xcd\x86\xaex`3\xf1\xec\x03\xdf\x8c\xae\xc6\x11z}\x0f\x01\xe82\xfd\xbc\xddV\x9e\xc3D4\x18\xfe\x00\xb2T\x1e\xed\x93\xb3=k\x036\xbd\xb9\xfa\xcc\xbf&gt;k\xffW\xc1S\xcdF\x1e\x00\xf0\x913b\x10\xdf\xb0c\t\x8a4\x99CD\xb9jO\x02\xd0h\xe8\xde\xdc\xb5\'\x19\xcf\xa7\xc8Qc"K\xd3z\xfc1u?\xca\xa2\xb8B\x8dgQ\xca\xaaDD\xf27\xf8RT\xd2\xd37\x8c[\x1f\xd0-G\xdb\xa4Uq\x8d\x7f\xa1\x1e\xbf\x01\x16\xd5K\x17\xdc\x95\xef7\xfb\xe6\xeb\xb2\xe9:\x8e\xbf\xb1\xe8\x8f|)\x85&amp;\x83\x14Abjq\x9eq\xe2-8\x85\x96\x02\rf4\x18\xbc\xabX\xf3\x183\x14\xb0\xa0F\xefMD\x01\xce\xec=e\x15\xe1\xce\x023S\xc7n3.\xd8\xad"qn\xfcF\xb6\xea\xe3U\\Y\xba\xf5b\x98\xf3\xde\xd0 \xf5q\x9e\xe9:\xfd\x02\xac\xe8j\xebV\xb8\x875\xa5T\xd5\x88\x88\xc8M\xce\x80-\x93\x98}\xd7\x9c\x13\xb7\xd0&amp;\x1d&amp;\x9d\xca\xca\x0b\xd4A\x015\xc4\x12\x9b\xd2\x88\xe1^\xf4\xe0Sc\x9a\xf8\x85\xc5R\x8d^\xf7\x14\xc0\xf9\xcf\xe0\xf2|\xc9\xd6)\r\xc4\xab\xd5w\x0b\xd3\xb8\xb5\xbe\xb6\xee\x80\xed\x029\x8a\xd7\x99\x15AI+\xb0\xa5\xbec\xaf\xffW\x1a\x80\x1b\xb9\x15Qua\xf2\xe5g\x90\xbd\xfa\x04\x9d\xab\xe3\xb4\xc4\xce\x17\x03\x06\xf1\x1c\xbc\x9d\x18\xfd\xc8q\xf2-\x16\x9f\xd0\xab\xb3\x8b\xa1\r\x1b\x19T\xe9\xb6N\xcc\xe4\x84\x88\xa2\xda/\xe3*?|\xd5\xdf\xc3V&gt;\xb4_M\xa6\xed\xfa\xa8\xf2K1uM\xeb\x01\x12\xc0\x88\xd5\x8f4\x0fW~D.\x82\x99\xf3\xa3\xdd\x89\x12\xd7N\xaaFI\xf5\xd5\xeb\x8dIR\xd7\xac\xd5o+[\xec-\xddf\xb1&amp;\x1f\x8d8\xf9\x89\xc2\x98(\xbaD\xaa\xfe\x0bo\x01\x18\xbc\xec\x1e\xfb3K\xe5Q"\xe9\xddY\x84\x0fI\xc2\x88\x82\x7f\xf3Z\xc5\xac}_\xd8\x89\xfdOP\xad\xe7\x06\xa2D\x82\x99G\xf7X?\x81\xe7\n\xaf\x94\x16\xa3m\x1b\xde\'\x0co\xee\xb4\xce8\x8eA\xc7@\x08\xce\x8cN\xa2wN\xc6\xd9O\xa6\x97\xca2$\xf8\x7f\x8bQk\x9f\x8c\xdf\xf4\x92\xbc\xcb\x08\x9e\x9d\xbe\xfb\x93Q\xf1\xcd\xcfy\xbf\xbd\x92Udu\xbb\x03\\\xf8"0X\xf6\x98}Y\xad\xb5\xbc\x0fy\x95\xdau_ \xcf\xa6#\x0f\x88]\xe3\x9d\x95\xb3\xdf\xb1\xbb\x95\xf2\x1f\xcd\xfc#?\x01\xdc\xb4hT\xc9*\x1a\x16Z\x1d\x023~&amp;\xa2\xa5\xa7P\xb9\xeb\x1a\xf1\x84R\xba\x87"+\x94\x9e\x12\x97\xf8\x15\xd0,\xeag\x1e\xf7\xfd)p\xf5_\xde\x9d\xd4\xe6z\xf7\xdf@\xae\x0f{\xffE\xb7\xc8_\xc2\xba;\x81\xf8\xa9\x18f\xebm\xbc\x01:O;W\xb6\xddR\xf2,\xd5{\xde5[\xb6!f\xf3\x92\xe4\xb9;\x11\xe5&amp;\xca"(\xef\xae\t\xb7\xa2D\x01\xaa\xaf\x06\xc0\xb9f\xca\x15\xaeKcw\xcf+;\xd1s\xce\x1511\xac\xfa\x83v\xc5\xcdP\x9f\xfd\x7f\xcdE\xd9\xb7\xc2\xe1\xb0\'\xb5\xf6\x92at|\x06\x00\xb8\xf2\x03DY#\xaa\x8c&amp;"\xf5\r,\x8e)X\x08\x7f\x00\x16o\xe7\x19\x1c!t\xa3\x13\xf3D\xe2.k&amp;[\x8a\xbc\x9d\xeb\r\xdc1s\xef?\x85\x1a\xcfJ\x91\xb73Qz\xa20\xabd\xfe\x00,\x06\xaa\xb8\x19\xea\xfd\xb4\xe3&lt;/y\xd9vf"\x91{\xff\x06\xdb\x95c\x8f\x957y2Ga\xcc\x18q\xd8D0U\x9e:\x93\x95\x8a\x1e^\xfe.\x9e&gt;V^\xe7\x9d\x1f\xab\xc5\xb8\xc8\xe3V\xd4\xde\xa2\x1f\x83\x97\x1a\xd6CN\xbc\x05\x00J\x12E\x86\x98nDD.A\r\xf8cy\xc9V\x0bM\xe2\xd8\xa9\xa5\xb6\r\x1c@\xcb1G\xf8\xbd\xd2\x85/\xe0\xeb\xe0[\xf3\n\xa04\xb5\xc9\xb3\x14\xfb\xf35\xb0\xff1\xe4/&lt;\xca\x0f\xe7\xf9\x0f\xa4\xe7\xb3\xd6\x84\xf8\x15\xe8\xce\xbd\x12\xa9\x8bH\xfd\n\x112\xd8J\x90v\xc8\xf2\xfbD\x944g\x07\xe5\x99\xc7&lt;}\xe6_o\xa3\x879\x89=\xc8Wo\xea\xb9\xcf \n%\xcae\xcf\xe5\xd9\xd4\\S\xe7\x8f\xe8\xf1C\x0cn\xbe\x00n\xfd9\x9d`\x8a\xbc]\xec\xd5e\xfb\x94\xe3nT\xad\xbe[\x8cG\xadU\xf9\\C\xa2\x86X\x1e\xf3\xaf\x0e\xa0\x81\xfd\\]\x92W\xe4\xdb%\x01H\x9a\x8b{\x1fS\x13%\x08-7\x94\xc8\xddN\x85\x97\xeb\xb0&lt;G\xcd\x89\r\x86\xec^y\x0ewt\xbe\xf9\xa2\x1bI1\x8e\x9a\x9a\x99\xe4o\xe2\xe4\x97\xe1}aE\x92r.A\rd\xba\xa8\x06\x95\x1eDDD\x01\xbc\xd7\x9b\xce|4&lt;\x9e\xd3\x1f\xc0\x9c\xd2\x06-\xb9\xcb\xeb\xe5\xfdt\xf3\x89\xb2\xbd\xd5!\x05\x7f\x00\xb6\x19\xaa(U\x81\xee\x14\'\x7f@\xe1\x9e\xec\xcfAK\xef\x1e|j\xa3\x15\xf6\x9a{\x95I\x07\x07\x97\x1d\xac\xac\xbfp\x97\xf6Q\x16\\\x1e\xb4\xa3\xbc\xa8\x7f\xc1\x1e\xb5\xfan1\xeeQ\xd9\x90Sv \x89\x12ek\x93\xa5\xf2\xe8\x98\xae\x86v\xd8^u\x0e\x8b\xa3\x05\x1b\xcdl&amp;\xbe\\\xac\x9d\xb8\x19\xea\x1dy\t"\x1a\xba\xf2\xe1\x7f\xef+D\x9a\xe4y:\x85D\t\x85\xf1\xf0,\xc9n\x85:u\xeb\xcd7X4I\x17\xad\xf5\x93A;\xa6g B\xf9\x8e+t,\x8bE\x89\xbd\xfc\x1d\x10\x17oQL\xaah-K}Z\xc9WoZ\xf7\x99\x17\xad\x0e\xc7\x8a\xee\xb1\x9e(\xb6\xf1O\x9d\xc3\x16\xd9$n\x86\xfa\x00\x9a\x8e8\xa0\xf0\xbal\xfc\x01\x98\x92\x19\xec\x11\xcc\x85W\xe2\x12%\xa0\x84\xc5)n\x01\xffB=\xadr\xd03T\x9f|X\x9d9\xd5$\xbd\xe81\xfb2\xcb\xd98\x1d\xcen\xd5\xbb9\xcf0f\x13\xdf\x03O1`\xd1\xad\xc6\xc3\xf6\x02p\x98\x88\x04\xa3p\xe3\xd9\xa2\xe7\xe2\x17\xb9\xff\xdf\x196\xc2\x0e&lt;A\xbez\xd3\xcc\x0fF\xec\xb8\xcb\xb6\x81\xed\xcb\x0f\xfe\xcb\xab\x16\x18=[\x9c\x1c\xcf\x88\x96\xa9\x8b\xf4\x92\xd8\xace\xb7B[\x8cg\'\xc0\xa7\xbc~y\xe5\xae\xd2m-\x80\x9a}\xb6P\xec\xbc\xb2\x94/\x9d\x9f\xcb\xdf\x85\x1b\xfd}\xe05\xd0x\xd8^\xf3\xc3\xf6ZX\xd0\x8b4\xc5\xfa\x02\x18\xbd\xfe\x99D\x9a\x11\xab\x1f\xf5]p\x83(\x98\xbcJY\x9d\xd4\xcd\xf9X/\xb6\xdcT\xd6%\xb1\xa7\xe9\x9b\xaf+Qb\xf6\x7f~\x107\x0b\x0f\xb4|\xf5\xa7Ye\xa0\x90$Q\xc6\xff\xe5Q\x1c\xdeC\x19\x81\x99\xca\x0fs\rn4~\xd3K\x00l-\xdaQ\xc4\xba\'\xff\x11\xf8E\xdb\xb3&amp;v\xc6\x18\x85&amp;FB\x08\xf8\x15\xe8\xfeU\xf3&lt;\xc6P\x7f\x8f\x12D$-\x04\x11\x83\\\xfcj\xfbg\xb2\xd0\xd13mG0\xd4\x9f\xc8\xe8\xb1\xfaM(\x9dh;\x7f\xd2\xb6\xb73\xf7}\xa1T\xd5\x00\xf8\xe6\x15P\xf6\x8e\x01\xb8OF\xeb\xcfM\xa1\x81\xd9\xda2Y\xfd4\xe4-\xe0\x93\xa3\xbd\xea\xcb\xc5\xe8=\xef\x9a\xf4\x9eh\xa1F\xb3\x882\xeaR\x96\xa8\xc5\x81~\xb0\xa7\x90\xaf\xdeT\xde\xad\xce,\x91~\xd5y\xc0\xe0]\x97\xa5\x9eh\x98&lt;CL\xe9\xa9\xbb&gt;L\xdf\xfdI\xdd\n\x0c\xf7y\r \xca\xa8\x99nl3\xba9p[\x93,w\xc7\x19{&gt;+\r\xb0\xd3d\xf8&gt;\reZ\xac\x009\x91\x88M\xac\xb4u\x1e\xea\xf7\xf1\x1d/\xb8\xa1\xe1\tJ\x994:5Oy\xbdV\xc62\x83\xcauXAD\xe9K\xf6\x8f\xd1JY"sa\x19\x00\xc5W\xe7\xc6\xa9\r\x9fr\xda\x07\xe0F\xc3\xf6\x02\xd8\xf7\x88\xcbGy\x1c{\xbdH^\x11\xc0\xec\x03\xdf`\xf4ov\xa6\xf5*\xaf\xd2\xe4Q\x92\xcd|-\xc4Mj\xf6\xddb\xd7\x8a\x02Xt\\k\xfe\xf7\x00\x0be\x0c\x00\xe7&gt;\x81\\\n\x88]\xa2\x1d\x00A\xa5\x07\x12%\xb7\xab[\'#{\xf5\xf1\x00F\xaey,&amp;=\xa3\x96`2\x8e\xeew\xcd\x9fr\xe6\x8a#\x8a4\x9dc\xae\xc5a\xbe\xf2\x11\xaf\x107\xd6^\xfe\xc6\xde\xb1\\0\x87}\x82\xa8\xa3\xeb\xf4\xf3\xaa\xaf\x15\x03\xc0\x9a\x8b\xce\xf3\xd69/\x86\xc7\xe7n\xdf \xbe\xf2Y}\x81\x89\xfb\xabd\xd0\xd2\xbb\xf1C\x1ak\xf2\x83H$\xe8`\x961v\xba\xba2.\xd6\xbe\x0bkWIdQ\x00\x10\xc5"JD\xbe\x95\xb3W\x9f r\x13\xa4\x884\xcazP\xc2\x12\x89\xb3\xb5e\xff\x8f\x93^*\n\xa7\x9dh2|?\xef\xdb@O\xfa.\xb8\xa1cnI6^\x83\xc5*\xa2\x9d\x06\xe0L\xe5\x87\x13e\xd5\xe3\x8e\xc4\x06`\xf1E\x08\xe0\x95\xd5A\xbd\x88\xee\xb1\xfe\xfc?*\x9e\xa5\xca\xf8\r\xd9\xab\x8f\xaf7h\'\x05\xd6Rw\xb9\x14\xb1\xf2\xb6\x1e\x7f\x8c\xd7.\rK\x02\\H\x13\x00\x94\xa8\xac\xd0\x95Y\xf8\x03m\xc62\xcc\xfc\x8d\\C\x1aY\x8e\xc1j\xe3L\x00\x98\xa1\xf7\xca[\xf6\x1a\x13\x82\xcb\x0e\xd67O\x07\x10/cC\x9e6\x90\xddi:b\x7f\xca\xfc]\x13go\x9b\xa3\xc6D\x87\x15j\x7fd\xb9\xdaW\xef\xb5Q\xdfR\x0b5\x9eU\xbe\xe3\n\x9e\xa0\xa6:bB\x9d\x9bh\xf4\xba\xa7D\xe4\x9b\xafK\xf3\xd1\x87\xb6\xddF\xe6\x8a#\xb4\xe5\x97\xd0\xd8\xcf\xc4\xb6:\xe57u\xe7\x87$fz\xef\xbe\x03\x97\xdc\xd1V\x9c\x19\xf5\x07\xed\x02@~U\xb5\xac]\xa5.\xdc\xcb\xda\n\xbdt\xeb\xc5\x82\x89\xfdU\x17\xe3\x18\xca\xb4]B\x94B\x8f\x01\xd8}\xe2\x96\xd7D\x91\xe6\x07#\xac-9\x85\x88?l\xe5\xc3\xb0\n\\\xc3\xb2\xb9(\x1d\xeb\xccG\xf3\x01\x86\x02|d\xf8\xc3DT\x19\xfd\n\x08\xaf4JF\x95,\xa9\xd9g3\x80\x93\xef\xac\xee\x92K\xc1{\x1a\xe7t\x89\xa3\xfa-\xbci=1\x1c\xbc\xec&gt;;r\xfa\x83p\xce{\xfe\xb6\x18gM\xc9~\x99\x1f\x7f\xa1\xb6n\xa7\xdfCZ\xdfQ\x95\x08\x8e+\x91\x8f\xba\xfa\xe8\x87\x87\xd2\x0b\xec1m\x97.\x8em\xdae\xaf\xc1\x89\xd0\xa5rX\xe91K\x9abj\xa2\xa5I\x92\xa3p\xe3\xd9\x0b\x8e\xfe\xd2\x96I\x80q\xf16F\xccS\xe2\x85D\r\x8d\x94-S\xaf\x8e\xb2m\x97\xdaN\xc4\xe1UZE\x11\x8fux\x89\x12\x03\xb0\n\n"c\xf3.\x7f\xfd\xe9\x7fm}\xe3T\x1bW5\xfbl\xd6%\x9f\xa5\'a\xfc\xdeUH\xdc\x02\xbc\xf1#\xf3\x8e\xbb8\xf2\xc2F&amp;\\\xfasF\x8d\xa7\x94\xf9\xbb\x01\xb0\x19N\xbc\xef\x82\x1b;\xef\xe9\xec\x12\x10Qu\x0cW\x1f\x91\xe0\x9aDd\xcb\x041eU\x00O\xac\xee^\xe5\xaek8?ck\xae\xfd\x14\x1b\x80\x13X\x9e\x00(\x96\x1d\xe4\xcc\x92W*\xd3f\x89\xfe\xd9\xda\x95\x80\x1a\x00J(\x8f\xe0\xeb\xe0\x01\x98#Y\xeeNN\xb8`\xa0TxA.)\xab\xd8\xd5}N+)*\x13\x91I\xba\x80G\xfbI\xa7\xf4\xf5\xf3\xd1\x9b\\Di5\x8a\xe7\x1b]L\x89\x88z\xcf\xbb\xb6\xe5\xa6\x966\x90\xb1\xd3\x94\xb3\x19J\rP-r^\xb5\xfb:\xc5\xd7$\xcb\xdd\xf1\x16P\xa3\xf7&amp;uEjC\xab\t\\\xaa\x82\xddk\xf7\xdb*$\x01CD\xd4z\xfc\xb1\xd9\x07\xbe\xf1\xbeb\xf9\xf8J\xe7\xcc\xfb\x82LP\xcf\x18\x12K\x82\xbcu\xa7\x00\xd8~\x97{\xfc\xd9\n4\x98!\xbb\x7f\x94\xd2TSI@\xf5\x8d\xd7l\x94n]\xbd\x95\xe7 \xe4\xce\xaf\x80\xab\xff\n\x0f\xc0\\\xa0x\x0bb\xa5\xad\xa3\xa58]\x89\xb99\xa8kau\x8b\xea\x00\xe4.\x8d\xda\xe8\xe6\xb2+wa\xb0\xabM\xbb^$\x14\x89;k\xc4\xa3d\xb5\x9e\x1b\x1cT\x17{\xe1ADE\x9a\n\xf8V\x05\x95\x1e$\xa6\x81\xaa\x1f\x91U\xba\xd9\x1cu\xb2.:\x8e\xe9\xbb?\x95h\xb9\x80\x1f:\xf0\xf2w\xac\xbe\x00\x97\xa0\x06Z\x8a\xffk\xdb\x1b\xe3\x7f\xd3\x19\xd7\xd5\xa4TQa\xee\xf7a n\x01\xa2$\x94\xacB\xbb\x89\'\x01\xe42\xc5\\\xfaO\x13\xd5n\x99\xc6\x1c\xa6\xed\xfe\xf4\xca\xd0\xcb\xab\xdcF\xb5+\x07\x9e o\xbd\xa92\x12Z;u8b\xc6\xddc\xd6e\x00\xb5\xfbm\xe5\xa4T\xb4\x7fQY\x0f\xc0\xd1=\xd6\x13\x11\x9b\rX\xc3,\xb1\x1d`.n\x13yV3jx\x01\xe4\xac9\xd1\x1e9\xab\x99q\x0b\x01\xe0\xd0s\xb4\xff\xeb\x94[hc\xeb\xdd\x16\x00\x9d\xa7\x9e\xd5\xa5 \xe5\xc8\xd3\xc8KY\xb5\xdb\xcc\x8b\xd6\xe1~m\xb4g\xffj\xd5{m\x14LP\xae\xfdr\xb5qb\x1cJ\xba\x12\x02\x1f\xbe\x0ec\xd2\xb6\xb7\x89\xb3\xb5\xb5\xa9\x8a\xcc\x7f\xdf\x87\xaex@\x14^\xae\xfdr\x8b~@\xf5F\xf8\xfe\xc7\xa6\xc7\x07\xa0v\xffm\xaa\xf5\xf3\x9b\x8e\xd8\x0f\x80SH\xfc\xaf\x11;]\xdd\xba\x03v\x98\x16\x84\x93V\xd0\xbc\xffAi\x8a\xf5\xd9x\r\xda\xf3\x89Qb\x97\xeb\xb0\xdc5\xb8\x11\xff\xd0\xce{\x98\xba\xf3\x83\xa2\\\xca\xb4U\xb3\xee\x1aTz\xe0\x81\'\xc6O\xd5\xc4QSw}\xa8\xd6S\x93\xb1\xc9\x1d\xab!6\x9fa\n\x12`u\x06\xc65C\x7f\x8d\xa3\xbe\xfd\x88\x95\xb6\x8e\x16;\x97\xd9\xfb\xbf\x96\xef\xb8\x02\xc07g\xfd\x81\x8ct%\xfa\xc7NW7\xa8\xf4@\xc1\xdfk{Zf\xd4DK_r\x80\x8a\x00\xa3c7&lt;\x17\xea4\xbdm_\xe9S~\xceA\x83RA\xc9\x96\x0b\xad\xcf\xcf9\xf0M\xf2=\xca\x92\xb3\xe6D\x9e\'\x0c\x8fd\x15\xd8\'~\xd6\xaacmW#\x86\xc8Ry\x94\x8eq\x18\x95\xc2|\xd2\xe4\xa4l5\xee(\xd3\x0066\xa4\xac\x7fm{c\xdd\x1bH\xe4`\x14\xe9\x13\x90&amp;\x14\xbaPel4\x97\xa0\xfa\x8e\x17\x952\'y\xa5\xbbj{\n\xf6\xe9Ci\x84-r\xf97\x9a9\xe7d\xae8R\xbb[=\x91\xe6\x90dq\xed\xe8\x8f$\x07vO2W4S\xb4\x99\xb5\xef\xcb\xca\xb3roN\x86R\x03\xa3\xda/\xe3\xf5#n\x8a\xdc*\xea\x0f\xdai|\x01\xe4\xcc\x1c\x93\xd7\x1d\xb8C"\x8c\xb6u\xb0\x1c\xa3\x05\xa3@\xd49\xde^\xb2\xf0&amp;\xc2\x9fN\xa2\xc86~\x05\xba\xdb\x1e\xc0\x9c\x86\xb8\x19\xea\xd7\x1b\xb8\x83&lt;K\xf1\xd7\xf1\x00|4,2\x85%\xcb\xdd\xf1\x1b\x0b\x19.\xf8\xdd\x13+\x0f\xcf&gt;K\x0b^\xc9\xf3t&amp;\xcaA\x94\x91(\xb1\x98R\xbfy\xf7-\xd6u\xaa\xd9\xcfs\ri4y\xfb;"\xb2\xa3\x7f\xaaoe-r\x89\x9c\xb7\xc5\xc1g\xf6mZ\xd6\x91\x88\xda\x8c?NDD^\x07\x9e\xc8-z\xffc\xd3\x93\x1a\xb5\xf6\xc9\x95\x1f0\x7fv\x91b\x17&amp;\x08k\xb6\xf5\x16\x00\xfc\xaf\xc4\xe8U\xfd\x01\xcen\xe5_[\xdfH\x9c\xe5Ovz\xcc\xba\x04\xa51\xbd\xd3\xd4R1\xbf\x16\xe3\xdaO4\x1a\xba\x17@\xcc\x8a\x13\xb1\x1b2u\xd7G\xfeA\xaf\x88V\xa5Z/\x92sy\xdezS\xb9\xbb\xfa\x0c(\xd9r\xe1\xec\x03\xdf\x8e\xbf\xc1\x95\x1fXr\x12%Z,\xb0\x95AD\x92\xec\xed&amp;ny\x1d\x19-\xcb\x94\x91\xbd\x0c\xc6\x87(`\xe37v\xe3\x0b.\x01\xb3Gs\xcb\xd4\x84(\x90\xd2\xd4\x12\x18\x809D\xe6m\xff\rv?@\xcb1\x87\xc3+\x8d\x8a)\xafM\x85\xb8\x13\xf9\xfb\x17\xea\xc1\xfd\x1dZn(\xa5\xae\x99 s\xb3\x03O\xc1,\xe3\xf7&lt;\x14\xd1\x9e\xf4,e\xdc\xd2So\xd6\xb0\xf9\x86Y#\xc9Uk\xd2\xb1\xd70I\xc7\xf3X\x7f\xc5\x90\xc62\xe2\x9e\x1e\xd8[\x0b\xa9\xcb\xf4\xf3Z\xa6e\xdc\xfd\x19\xb9\xe6\xb1\x8e\xb5\x92Y\xb4G\x96\x16\x94\xac\xe2\x18IIA\x8bK8.\x7f\x07\x91o\xe9\xd6\x8b\xd9\x9f\xd2\xd6\x0f}\xe6__y\xceA;\x8c\xd7\x7fA\xcb\x13q8f\x06\xdf\xfe\x00\x16J,\x05{\x95\x16\xeay\x95\xf9]\xe4\xd0u#\r\xc0\xb4\xdd\x9f\x00\xa4\xcc\xdfU\xc7l\x95\xb2\xf3\x1e`\xbd\xc7\x16X\x0b\x00\xc5\xcak\xf3\xf2\xe7\xe6C\xda\xc1\xa7HS\xb4O\xaf\xb9W7\\\xc5#\xc8mO\x99\xca\x0f\x93WY\x97U\xe7\xf1\x1dXy\x0e\x10w\xe45\x7f\xd0I\xc8\xa8\x00Z\x7f\xf0.\xf3S\xdc^c\x9c,\x95\xd5xa\xfd\x81$ "JV1\xa6\xab!\x07\xb3\x99.\xdb\xa7Xw\x19\xf1C\x1a\x1b\x8f\xf9\x12e\xb5\xba*\xbe\xf6\xc8f\xfcF2\xff\xc8O"\x1f\x9e\xa0\xa9%\x81E\xfb\xe4o0]Kq\x89\xb2\xb5%\xf2\xb1\x930\x80\xfd\xd8\xfd\x10\x00\xf4\x95z\x90\xc9\x17\xb5\xa3T\xfc\x90\xc6\x16\xea{\xa9\x8b\xf4\xb6u\x91\xdf-\xa0P\xe3YD\x9e\x94P\xbdz\x8fL\xec\xedR\xa53\x95\xbb\xae\xd9\xf7\x08D\xf1b\xa7\xab\xf3\x8f\xb4\xc7\x8b\x11\x18\xac~\x9c\x01\xe6\xf9\x13\x93\xf2\xce\t377\x8eF\xb9\x88\x88\xe2\x152\x9d\x93\'2\xf7\x99\xd7[\x1d\x7f\x83\xea\xbd6\x11y\xb3 \n\xf1C\x1a\xa5\xd2\x1e\x95\xda\x9c~\x0bn\x86\x96\xb3=Z\xf3\xfb\xd0\x1d\xf7\xd0v\xc2\xf1\xd9\x07\xbe\xad\xbf\x02n\xe7\xe7\x7fXv\xca\xab`\xc3\x99\x1e\xe1-\xf8Gb\xac.\xb2\xe1\x9e\xa6\xeez\x14\x16\x04\x14\xeay\x9b\xd7x\xe2\x874V\xe1\x1e\xad\x14\xc3;\x18+\xafS\xbb\x1bY\x93*z\xae\xbd\xe2\rS\xc2\xf0\xe6b\xe6\xc4\xf6+T\x10\xae1\\\xf8\xa2C\xa71{\xff\xd78\xe9\xeb\x11\x05j\xcf\xca1\xd8\xf0O\r\xaf4\xb2`\xc3\x99\x00\xde\x02\xdb\xef\xc0\x99\x83\xdb;\x15\xf9\xeaM})\xb0$`\x81\xb1;HUMr\x836}\x8b1\x87\x17\x1c\xfde\xa6F\x19P\xfd\x07/|a\xbe\xfa\xd3lz^\xc9\xc1-S\x13\x99.\xcb;\xee\xc2\x9a\x97\xc0\xe1\x17(\xdf\xc1)|\x13\xaf\xfe@\x8cxI\x02Xu\xde\xfa\x89\x87\xf0=4\x9c\x0ec\x18\x06{\xfb+N\xdc\xf2\x1a\xc03c\x83\xa9;`;%\xad\xd0\xfe\xaf\x93\xcc]-A\xe6f\x12&gt;\xe8\xda\x08?\xf4L\xe2M\x8caX_\xf1\xd3\xbcz\r\x87\xec&gt;\xfc\\A\x85-\x0cM\xa4I\x91\xb7\xb3\xedD\x0e!a\xe6f\x00\xf6?\x01\x17\xbfN5\xb1\xd3\xd5\x85\xbc\x0fE-\xc4@\x90\x8f\x07\xc6\x17f\xce\xc1\xef\x8e.\xdb\xfe\xc4I_W\xf77\x93?,u\x9fuI$\x95/\x11Q\x9c\xfcU\xba\xaeU\x97\xff\x9c\x03\xdf\x88\x88\\\x0b\xe7\xa811\x06cUU\xec\xbc\x9a\xd5\xe7\xbd3up\x00\xf8&gt;\x0cJ\xc9W\x7f\x9a\xba\xd0\xf4\xecVDT\x19\xa3\xba\xe8\x18\x01\xc0\xc4-\xaf\x15^\x14FD\x03\x16\xdd\xceVm\xfc\x92\x93\x86[\xed\x19!\xd5=\xc5NW\x07\xc0V\xfeW0\x00\xc0\xa8\xfb\x91\x11\x80\xf6\x99J\xaa\x82\xdd\x05\xde\xe8\x84%\xb4\xc98\xd8\x91);?X\xcf\xd4G\xaf{\xdaI\x89{X\x83\xc1\xbb\x94\x94)\xb40\x13;\x9f\xc0}\xf3\xafN\x14\xc6\xd4\xe3\xf5\'M\xed\xd4Ez\x03\xf8\xc7\x18\x02$S\xf9\xe1\xaa#\xac\xc3\xa0l\x9f\\\xf1\x95nE\xb3V\x1d;`\xf1m^\xc0xqR\xd7P\x9a\xbd\x994\xe3\xe8uO\xdf\x00\x85\x9b\xcc\x96\xdf\xd0\xf3\xd5\x9bf\xebc\xee\x8f\xa4\xf5\xb8cDD\x14\xfc@\xef\xdf\xe5\x99\xa5\xe5\xa1g\xcc\x8e)\x9e\xbe9\x13Q\x9b\t\xc7y\x8f#\xb6=\x8aP\nsO\x1a\xb8XJ\xc4U\x99\xe6\xdc\x1f\x0b3\x08\xb5\xf7Z\xae\xee\xa8\x88\xf8;k\xff\xd7\xd8\xe9\xea\xba\x864\x1a\xb4\xf4.\x00\n\xac)\xe7\xaa]\xf7\x05\xd6N\x94\xd7W\n\x96\xa7\xb4o\xd8\xce{\xce\xd5\x95\xb5\xfb\xeb\xa4fg\x01\xfe\x18\x99\x91&lt;KJ(\xe0&gt;3\xdcv\x1b\xea4\xdc\x03bO\xcd\xe8\xc3&amp;\xe0/\xa4\x82\xd1\xebX\xf0*\xcc\xd8\xf3\x99_\xe2\xf5_\x0ez4\xa9\nt\xe7[#\xca#\x0f\xf3\xfb\xc8Y\xf3/J,j\xbb An\xf6\x9b\x15E\xf2\xb1\xdf\xab\x12\xa3x\x01H\x10\xd6\x8c(\xc5= 2z\x1c\x93 \x8f\t\xb2+J]\xb0\xd1L\xeeq\xb4\x9bx\xc2NuRJt\x8f\r\xd2\tz\x88\xae\x048\x07\xca=\xd6f\xed\xff*\x12\xb2\xc2\x19ucd\xa0\xcc\xc32s\xc5\x11\xe4]\x86\\\x0b\xcf&gt;\xf0\xb5\xfb\xacK\xfc\xfd)\x89\x08\x80e\xdb.\x05\xf0\x1c8\xf4\x0cI\rj\xea:K\xc5\xb1\xd1BZ\xde\x19@\x81\x86\xf6]\xab\xb4\x89\xfdz\xd4y\x87\xff\x95\xda\x7fIX\x82\x15=\xff\xc8\xcf\x9es\xaeHh]YO\x95\xa2{l\xd8\xa7aa\x89O\xb6j\xe3\x06/\xbbga\xe6\r\x83i^L\xe3S~\xf3\rX\xab\x9f\x8eX\xfdh\xddex\x84\xb7h4t\x8f\x9a`\x91Isu\x98\xb1\xe73\x00\x1bB\xc1\xe6\xc8\x1e\x80\xff(\x1b\x07\xa2\xae3.\xb0\xff\x00xk\x14ur8a\xb2\xd6=\xcc\xd18\x1f\xb2\xcb\x9bo\xcb\xa8;N\xfaz1\x12\x8f\xccND\xf7\xd8\x00\xa0\xf9\xe8C1]\x11q\x02k1\xed\xee\x9c\xb5\xfe\xb2c)nE\x9f\xf1\xda\x92Gx\x8b^s\xafJ\xa5\xf7,\xa5-&lt;\xf3\x7f\x06\x1f\xbb\r\xc0\x01\x00\xa45\x0cR\x1a\xf9\x00\x00 \x00IDAT8C\xcb\re\xa5\xef\x7f\x0c1?l"\xf2/\xd4\xc3b\x00\xbe\xf0\x05\xb1\xd3\xf3E\xe5\x02\xf5\xaa\xf4\x1f\xc4\xbe\xc7\xb2\x1f\x9cy`W\x03u\xfaok?\xe9\x94\x92\x12\xbd\x00|\x04:L&gt;mu\x8ao\x96\xa5\xcf\xd2\x84\xe3amk\xf0\xb2{1]\x11\xb9\xf4\x9cs\x05\xc0\xb2\xd3*\xdf\xdet%\xfa_\xfa\xa6\xe6\xda&amp;#\xf6\x97j%\xe2\xc1\x1c\xd3\x9a\'\xf6AbN\xe9\x06\xe0\x99\x93\xaf\t9$\xa2;\xcfy\x89\x9a\x0c\xdf\xb7\xf7o\xa9{\x922_\xd7B\x8dg\xd9\xbfRR0\x17\xbe\x03Oc\xf2\xd9\xa5\xcc\xdf\xed\x160|\xd5\xdf\xba\xe7\xcc\xdc\x08?\xd8j\x99\xc6\xe1\xdfv\xf4\xbc\x84\x99\x9b3\x9f\xec\x96c\x0e\xa7\xb0\xaf\xffth\xe1&amp;\xb3\xed\x99\xbfL\xd8=\x89\xa5CN`\xa6\x86Dq\xd2\xd7\xab\xd5w\x0b\x11\x91gI\xfdf^\xe9k\xf5\xdd\xc2\x17,\xcdPj\x00\x00\'\x08\xfd\xa6\x0cvC*uY\x1d\xd3\x15\xb1\xc6\xdb\xfeE\xe4\xa4T\xd5,\x0e\x95m\xb7LX\xbb\xc3/Z@\xeb\x9c(Qd\x1b\xa7Q\xbdw\xd51/\xe99Y\xd2\\\x1dNY\x07\x8b\x14&amp;\xad\x1a\xdb\x90?\x87\x1cJ\x14\xb2\xea\x9b{\x8b:\x9eK\xdf\x1c\xb9\xa1&amp;\xbe\xb0\x9f\xa6\x96\x8c@\xa8\x8ai?\xe9\x14\x80n3.\x02\xf8-\xf2\x1b\xcbuX!x\x07\xe4x!\xea\x82\xb9\xc2WJ6j\x00Xy\xceYf\xb4\xbd\xe7]\xd3!\x17\x00\xcdF\x1d$\xa2\xe5g\x00`\xcfC\x94h\xb9@\x97\xc6\xe7\x1a\xdc(\xb0h\xef\xf9G~N\xda\xf6\x96\xe2qvk\xd9\xb9\x12\x9d\x9f\x89[^\xb3\xd8\x88O\x81}\x8f%\xe4\xeet@\xf9=O\xc7\xffc\xf7\x03\xa3^\x8cF\x9d\x07\xff\xea\xe4V\xd4\xb8I\x99r\xf1\t\x00\xd8t\x1dc7&lt;\xe7\xa7\xfaWE\x0b\xf1\xb0\xbb\x1f\xbd-\xd2\x13\xe5l2b?\x11\x11e-\xdal\xae\x1e\xf1\xcc\xb3\x84\x96\x1b*!\xe3`\x1eK\\\x9cD\xf6\x8eZ#H\x02\xb6\xbd\'\xf3C\xe7O\xa1\xdf\x82\x9b\xc9-#\xb3*#$j\xe8\x17\xa0\xd1\xd0=zUI\x82\xb4\xc5\xfb\xcaK\xa8)L\x99 )\xf2v\xee\xb7\xe0\xa6\xe0)&amp;\xd4\xb5\xe7\xa1\xe1\x1doi\x08\xab\xea\xe6\xa8I\x895\xde\x14s\xf17\xedJ$Q\xb0g\x96\x96\xdc"~\xc7)g\x00\x14n\xac\xcb\x97~\xd6a+\x1f\xd6\xee\xb7u\xc4\xeaG\xa3\xd6&gt;\xe1\x8e\xc6J[{\xc1\x91\x9f\x00\xf6=B\xa6\xf2\x02\x1fL\xf6D\xd1&gt;t6\xd7\x10\x16&amp;!\xb5\xdc\x9eT\x1d)\xab\x88\xb7-+\x0b,\xe1!\x96)\x10e\xcaVm\xbc\xf9\x1e\x8cz&amp;l~\x05+t\xc9\xd9\x1e\xb8\x04\xd5\x17\xff\xccJ\x98\xaf\xfe\xb4\xbc\xf5\xa6&amp;\x0co~\xe3\x17\xc2+\x8d\xa4Xy\x85\x84\x9c\xfeGHm\xf87q\xd4\xc4-\xaf\xc9\xa5\xa0s.\x95\xa7\xcc\xdf\x8dHy\xc4h\xf7b\x00"\xaa\x8c\xd6R4t\x92}\x90E\x9a\xda\xce\xe0\xa7`\xcd\xf23N\xd7$\xfe\xb3\x04\x95\x1ex\xd9\x10V\x04l\x03\xd9:\x12\xbb\xbe4\x1e\xb6\x97\xeb\xd33\x95\x1f\xa6\xc2\xceH-n\x9c&lt;\x85&lt;\x0c\xddt\x1c\x9dF51v=@\xdab\xd6s\xe1\x04\x00\xc8\xb5\xb0\xe9\x80KA\x98\xbb\xe4\xdb\xcf&amp;p\xd2\xf6w\xba\x0e\xc0\xb1\x88&lt;\xcd\xd4\xbe\xf4\xa3r\xd75;\xee\xe2\x96\xc8\nU\x87\xc9\xa7Y\xe5}r\xb4\xef\xbf\xf0\xd6\xba\xcb\xe82\xfd|\xa2\xc86Di\xecQ\x19kR\xe6\xef\xe6\x98\x82d\x90\xc4\xf0\x1c]\n\x10\xe5\x9ew\xe8G\xf6\xea\xe3\rG\x94\xfb/\xda\x9byjD\x97&lt;\x7f\x01\x12\x0e6\xd6\xa4)\xd6\xa7\x83\xb9\xc9\x8b\x93\xcf5\xff\x9f\x98\xc3\xcf^\x19\xc7\xcdP\x1f\xc0\xb8\x8d/\xfc\x0b\xf6\x00\xf0\xd4\x11\xed\xcf\x9f&lt;J\x92\xab\x0e=\xb2\xf1;U\x7f\xa4}\x15\xe4\xe1K\x94[\x87\xaa\x18q\rnh.\xc4\xad?,\xfe\x97\x05!QC\xb4\xe4\xd9l\xe4\x81\xa1+\x1e\xe4\xaae\x8f`\xd7\x06\xdf\xb9\xe3\xaf!\xaa6\x90\xba\x06\x80\x15g\xf1\xd5\xf8s\xa6\xed\xfet\x0fH\xa1m\xad\xf2O\x84\xfd\xfc\x89[^\xb3\xf5\x8d\xd9\xfb\xbf\xee\x7f\x02\x1b\x96\xc9\x7f\x1e\nV\xd4o\xfc\x86\x85\x1cz\xcd&gt;\x9b\xff\x7f\x00\xd6\x8f?@lU\x1e~\xb6\xf4F\x1c4\xa1\xb7\x03^\xa5\x82J\x0f\x94\x9f\xbc\xe3\xe4\xd3W\x7f\x18\xb4Q\xecI&amp;Jj\xd0?K\x96\xab\xa3\xd2\x8b\x17\x1e\xfb]\xa2\xe5\x02\xa2la\x15G\x10\x91D\x14?\xd9\xc4\xb2\x87Q\x8659k\xfe\xc5\x1fzO\xbfG\x0bIw\x9ad\xb9:\xda\xd7\x95E\x82XyY%\xaf\xffB\xdd\x01\xdb\xc5\xdd\xe7\x02O\x7f0\x9bO\x0c\\r\'Qd\x1b\x87V\x95\xe8\x83\x0cq\x03s\xec\xe2\xb9w\xe4\x05N\xbe5\xdc4\x9f\x9c\xed\xc9\xbf\xfa\x1f\x12\xa9I_\xb2\x12e`\xdf\x1b\xd6\xfb\x11\x7f\xfa\x00&lt;z\xfd3\x00D\x11\xdc\x11\xcf\x88\x96\x8a\x9cK\xff\x1fF\xd1\xa6s\xa5N\xa7\xa8d\xda\x9e\xf7\xadb\xff\xea\xd8\x87\x0c\xa5\x06\x1c|\xc6B\xd7\xc9 yE\xd6\x87\x96\xeb\xb0\xdc\xce\xf5"\xf2\xabj\xf8O,\xc5\xdbQ\xac\x92\xe37\xbd\x04@\x89\xa3\xdaNp\x16M\x0c\x19\x04\x99-;\xa7\xa9-\x914w\xed\xc9\xfb\x1e)Sn\xd1\x9b\x94r\x12EF\x8f\x05\xb0\xe3.Z\x8c&gt;4c\xcfg\xbb\xa9\nK\x10\xa2dm3&gt;\x91\x03|\xb7\x02L[\xc2N\x8aPD^\xcd\xb2\xc0D\x14Va8%)\xd7b\xf4\xa1\xe7BO\xc4O\xef@&amp;:\x11WN"\xbe\x14\x8f\xbd+\xe4\x10\xf4\xf3\\\xf0,i\xb6\xa3g\x1b\xbf\xaa\xddEuHr\xd4\x98h~\x87\xff\xd8P\x08\xac\xad\xac\xbd$\xab\xb90\'\xd7\x9b\x00%(N\x94\xca\xe2\xec\xb6\xdb\xe0&gt;[\xb5\x908[\xdb\xfe\x8bn\xb55*I\x15o&gt;_\xf6\xa5\xa9Y\xe7n6\x86\xa5\xadM\xee\xc5\xfe\xa05\x8a\x11\xab\x1f\x01h9\xf6He[J\xd4\x9d\xa7\x9e\xe5O\xb4\x95 \x1cnE\x1b\xa2\xc1\xbd\x9d\x81\xffV\xb7\xa8\x1aW\xa2\\\x14 k\xcb\xf9;@&gt;\xe5,\x0e^\xfb\xf7\x7f\xf6\x06F\xc8I\xd4u\xfa\xf9\xa3/\x9d\xb8\xa5\xa5\xae)g\xc5%$j\x88!\xb0\x81Z\xf1g+\x82\xa7\xecx\xafH\xe2"Y\xae\x8e\x07\x9e@\xd0V\xbcX\xf3y\x00\xc2*\x8c\xd0\xa9nD2\xa7Wv \xad\xa2\x8e\x89\xf9\xc0t\x9arF\xf0l\xbc\x8c\ru\xb1*d\xf5\xf1\x8el\xcd\xfe,\xd9ja\x92\x1c\xb2\x0c\xa1\xcf\xffc\xf8!\xfc\x01\xb8\xe9\xc8\x03!QC\xf7&gt;\x02\xdb\xc6\x0f,j3\x10f\x0c3}\xcf\xe7\xc2\x8dg\x0fY~\xff\xd27\xd8\xd2 \x14\xfaF\x91\xc1\xc0%R\xd2\xd0\xea\xa8\xd3\x7f[\xcc\x06x\xb6\t\x80y\x87\xffUr\x85\xdd\xec&gt;b\x08\x00\xbd\xe7]\xa3\x94Um\xa6\x0c*=\xe8\xdaO(\xda\x9c""\x8a#\xaa\xdc\xe4\x0cXx\xf4)\x82E\x85\x92G\xc0\x9f0\xdd\xcf&amp;v\x82\xeb9\xc7n|q\xe89\x00\xb4\x19\x7fL(\xa1\xe5\x1eM\x92\xec\xedv\xde\x83\xe0\xc6s\xed~[\x01T\xeb\xa9\x9b\x0c{\xf6\xea\n\xbc\xdbm\x91\xbc\xd2\xc0%w\xd4\x05x\x91\xc9= \x93\x90J\x03\x19\xc7T\x00D\xe9m\xe6s\xe6#K)"D\x92\xac\x02\xf9V&amp;o\xad\x8e\x95\x05\x1a\xcc8\xfe\x06\xa9\x8b\xf4b\x7f\x16n2\xdb,\xde\x9f8\xa9\x8b\xf42z\x91\xa7\x1e\xb0\xd8\x10\xd8e\xe7=\x14n2\xfb\x16P\xb4\xe9\x1c\xa2T"\x8d\xc9\x890\xfb|O\xf9\xc7\xeem\xd8\x15\xbfh\xfb~a$(\xb6\xe0\xe8/\xd8G\x0eI\x17\xb8I\xf3k\xc05X\xae!\xa4{\xa6\xa61\x1b\x87\xdb\x82B\x8dg\x19E\xa7\x1d\x83\xfa\xef\x9cT\x05\xf5\\\x18\x8f\x1f\xd2x\xd9iH\x7fU\x8f\xdf\xf4\x92\x88r\xd4\x9c\xa8c\xb9\x1c\xd2F\x18\xa3\xd7=\xed\xbf\xe8\x16\xf9E\x13E\x8c\xdf\xfc*\xa0p/k3\x9as\x9f\x90 s3\xf3c)\xf5\x16l\x10\x95\x8d\x92\x8ePb\x1f\x83S\xd5$\xaf$\xf1\x8d{\xf89\x00L\xdf\xf3Iff\xf126\x14;\x0e\xe0\xb3\x95#\xa0\x84\xb7\xf1\xc4-\xaf\xc5D\x9eK\xb7Y\x0c [\xf5\xf1D\xd4x\xd8^\xc51\x91b\xe7\xab\xd8y\xd5\xd6[\x00p\xea\x1d(YE\xf2,\x99\xad\xda8JTV&lt;\x04\xa1\xce\x8cX\xfd\x88\x92\xab\x92\xe6\xf0.\xf3\xda8\x00\'\xcc\xdc\\\xefz\t\x904\x97#;A\x1d0\xb4g\xa1\x98\'\xbd\xe6\\\xd1\xa5\x88\x0b_\x00\xe0\xe2W\xa7\\H\xfc\xf3\xddu\xe2\x874\x86\xc1\xe5\xd2*X\xa7[\x11\xf6\xc1\x04`\xf5\x05\xf5\xbfQ\xcb\xb5\xf6\xc5\xab4\xfbu\x89\xb2I\x8d\x82\xdc,|\x98\xb3\xce\x02\xed\n\xd3\xab\xe0\x82i:5\x00\x1e\x02\x8d\x87\xed\x15Kp\xf6\x13D\xd6\x1c\xb2\xea\xf8&amp;\x03\x18\xbf\xf9\x95\xec\xe4\xa9\xdb\x8c?&amp;\xa6\xc7FDc7&lt;\x8f\x9d\xae\x0e\x11\xed\xb8\xab\xd85k\xe8\x8a\x07m&amp;\x1cg:j\xe9J\xf4\'JI\xe4\xddv\xe2\x89\x8d\xd7p\xcf\xce\xdd\xd6\xfa+0\xc6\x90\xd1\xb4\xad\x10;]]\xeb\x88\x1fFt\x0f0,c)\xdb\xa7\xbcT\x14\x17\xa5h\x93\xe3\x18\xb8\xe4\x8eX\xa3\x85\xe1\x8b\xd0\x8f\x02j\x10\xe5R]\x04QRr)0`\xd1\xedR\xad\x169\xa3\\C@\rr/\xe6\xc0\xf2\xfc\xf4p%0\xd1f\xfc1\x00\xcdE\x84\xf9\xcc\x16\x81\xd4\xf2\xc8Y\'(-\xc7\x1c^w\xd9V\xdd\xdc\x8arw\x80\xdb\x8c\xd3\x8c\x9e\x11\x01\xd6_\x11\xb0`7"W\xef\xc1\xb0\xd3,L\\c\x03p\xbe\xb7\xcf\x02\x16\xf5\x13\x80R\x81\xe2\xf0J\xa3\xf6\xfc\x8d\x02\r\x1c\x1f\xfc\xcb\xdd( e\x9b\xf4%\xfaw\x9fyQf\xe2f\xa3\x0e\x02\x98\xb4\xfd\xdd\xb6; \xa2\xee3/\x11\xa5!\xca@\x81\xb5\xb4\xbf\xd2\x12\x8c\xdb\xf8\xc2\x94\xbf\xa4\xe9\xb2&lt;\\Id\x99(m\xb1\xbeE\x9bIZ\xe7\xab!\xb7\xb86d\xf8K\xc0;kk\xbdn\xdd\xba\xcb:\xf4\xad\x12\xdc\x06R\x17\xeeU\xb3\xef\x16VD\x82\xb0f\xb6\xaf\x91"K\x8d\xde\x9b\xf4\xa9\xd9\x1fM`-\x8fp=\x17c\xca\xb4Y\x12\xd5n\x99\xd8\xd9E\xc7~\xb3\xc7\xf7\xcbv#\t\xf0\x08o!r\xca\xde[\xf8\xcaB[\x0e[\xf9\xf0)\xe0\x9b\xafk\x9e:S\xc8\xad\xa8\xcd\xf4\xec\x0e\xb8\x85\n\xfa\xa7\x08\x9b\x86\x04\x16\xed\xbd\xff\t,l\x9d\x98\xf4t\x82\xb0f\xa5\xdb,VTa)\xdc\x8b\x02H%b\xaf&gt;\xf7\xe0\xf7=\x0fq\xf5_\x1c{\r"_-\xe5\xa4.\xe2\xec&amp;;DDm\xc6\x1f;\xfb\xc9\xd4\xa3e\xab&amp;$\xd6/D\xf6\xea\xe3\xf5\x9b^i\xe2\xc8K\xbc\xd0\xdc#s=\xfb\xd9O\x08(\xd4\x93(\x14\xc0\xe2\x13 \n\xa28\xf9\x00\x1cx\x8a\x8f:\xf6\xfb&lt;m\xa9I\xdb\xde\xf2\xc6\x15=\x82u\x88\xd0\x7f\xd1\xadc\xaf%\xe6\x9eJ\xb1\xedf\x900\xbcy\xa7)g\xf4\x1a2\xcd?n\xb4\xefG&amp;\xa0\xd45*v^\xc5\xfd}\xf1+\xe2\x874&amp;\xcab(\xe2\xcfu\x10\xd4J8Q2""J/a\xf4\x9e"\xaf,9\x94d\xb9;\xaa\xd2\xc6\x92\x85\xd0\xaeV\x00{|\x162\x1d\x16\xecy\x88V\xe3\x8e\xda\xa9V6\xe9\xb7\xf0\xa6"-&lt;\xf6\x8bz\xcd\xbdJ\x1e%\xe5\xa4\xaf\xd1g\xb3\x98\x92Fx\xa5\x91\x82\xc2\x14\x00v\xdc\xe3\xbd\xa4)*_\xf9\x81\x9a}\xb6\x9cx\x0b\xa20\x87\x99\xfa&gt;\x05\x0e&lt;EH\xd4\x90\x80B=%\xd4\xdac\x82\xc4Q\x89\xb3\xb7%\n\xd3\xdd\x14\xc2\'g\xfb\xc9\xdb\xdf\x19\xfe\xb0\x8f\xe8 \x11\x11\x85\xa5\xc8\xdb\x99|\xab\x8cY\xff\xec\xc0\x13\xa9\xeex\xe35\x18\x054|\x89\x98\xd3\xb4Tp\xfb\xaa\xdd\xd7o\xbd\xa5\xb1\x7f\x8f\xc5\xef\xdc[\x8e9B\x14\xabp\xe3\xd9D\xb1\x89\x88(!\x80\xe0\xb2\x83\xf3\xd7\x9f\xae\xad\x14a\x1a\x0e\xd9\x13\x19=.\xb0ho\x00e\xda,\xd1\x9a\x9d\xa87WD\xdb\t\xc7\x01\xe4\xab?Mk\x11\x94~\xf0\xb2{,\x1e\x97\x1cb\xa5\xd5\xfeY\xcfp\xdbt]\xaf/`\xf7\'\xc0\xa4\xed\xefF\xac~\xc4\x1d\xea1\xfb2\'~\x0e\xe0\x05\x90\xb5\xea\x18\xcd\x05\xe9K\x10QZ;</t>
        </is>
      </c>
      <c r="E625" t="inlineStr">
        <is>
          <t>&lt;class 'numpy.ndarray'&gt;</t>
        </is>
      </c>
    </row>
    <row r="626">
      <c r="A626" s="1" t="n">
        <v>624</v>
      </c>
      <c r="B626" t="inlineStr">
        <is>
          <t>steps_per_sec</t>
        </is>
      </c>
      <c r="C626" t="n">
        <v>9000</v>
      </c>
      <c r="D626" t="inlineStr">
        <is>
          <t>5.320215</t>
        </is>
      </c>
      <c r="E626" t="inlineStr">
        <is>
          <t>&lt;class 'numpy.ndarray'&gt;</t>
        </is>
      </c>
    </row>
    <row r="627">
      <c r="A627" s="1" t="n">
        <v>625</v>
      </c>
      <c r="B627" t="inlineStr">
        <is>
          <t>Loss/localization_loss</t>
        </is>
      </c>
      <c r="C627" t="n">
        <v>9000</v>
      </c>
      <c r="D627" t="inlineStr">
        <is>
          <t>0.0057973154</t>
        </is>
      </c>
      <c r="E627" t="inlineStr">
        <is>
          <t>&lt;class 'numpy.ndarray'&gt;</t>
        </is>
      </c>
    </row>
    <row r="628">
      <c r="A628" s="1" t="n">
        <v>626</v>
      </c>
      <c r="B628" t="inlineStr">
        <is>
          <t>Loss/classification_loss</t>
        </is>
      </c>
      <c r="C628" t="n">
        <v>9000</v>
      </c>
      <c r="D628" t="inlineStr">
        <is>
          <t>0.16430868</t>
        </is>
      </c>
      <c r="E628" t="inlineStr">
        <is>
          <t>&lt;class 'numpy.ndarray'&gt;</t>
        </is>
      </c>
    </row>
    <row r="629">
      <c r="A629" s="1" t="n">
        <v>627</v>
      </c>
      <c r="B629" t="inlineStr">
        <is>
          <t>Loss/regularization_loss</t>
        </is>
      </c>
      <c r="C629" t="n">
        <v>9000</v>
      </c>
      <c r="D629" t="inlineStr">
        <is>
          <t>0.038835645</t>
        </is>
      </c>
      <c r="E629" t="inlineStr">
        <is>
          <t>&lt;class 'numpy.ndarray'&gt;</t>
        </is>
      </c>
    </row>
    <row r="630">
      <c r="A630" s="1" t="n">
        <v>628</v>
      </c>
      <c r="B630" t="inlineStr">
        <is>
          <t>Loss/total_loss</t>
        </is>
      </c>
      <c r="C630" t="n">
        <v>9000</v>
      </c>
      <c r="D630" t="inlineStr">
        <is>
          <t>0.20894164</t>
        </is>
      </c>
      <c r="E630" t="inlineStr">
        <is>
          <t>&lt;class 'numpy.ndarray'&gt;</t>
        </is>
      </c>
    </row>
    <row r="631">
      <c r="A631" s="1" t="n">
        <v>629</v>
      </c>
      <c r="B631" t="inlineStr">
        <is>
          <t>learning_rate</t>
        </is>
      </c>
      <c r="C631" t="n">
        <v>9000</v>
      </c>
      <c r="D631" t="inlineStr">
        <is>
          <t>0.0799058</t>
        </is>
      </c>
      <c r="E631" t="inlineStr">
        <is>
          <t>&lt;class 'numpy.ndarray'&gt;</t>
        </is>
      </c>
    </row>
    <row r="632">
      <c r="A632" s="1" t="n">
        <v>630</v>
      </c>
      <c r="B632" t="inlineStr">
        <is>
          <t>train_input_images</t>
        </is>
      </c>
      <c r="C632" t="n">
        <v>9000</v>
      </c>
      <c r="D632" t="inlineStr">
        <is>
          <t>[b'640' b'640'
 b'\x89PNG\r\n\x1a\n\x00\x00\x00\rIHDR\x00\x00\x02\x80\x00\x00\x02\x80\x08\x02\x00\x00\x00\x83\xaf^t\x00\x00 \x00IDATx\x9c\xed\xddu\xe0\x14E\x1b\x07\xf0\x87\xee\xee\xee\xee\xee\xeenI\xe9\x16TD@BTPZ\x01AATD\x14\x03\x15\x03\x05\xc5BD\x11;_\xb1\x1b\xbb;\x9f\xf7\x8f\xbd\xdb\x9b\xdd\x9d\x99\x9d\xdd\xdb\xfb\x05|?\x7f\xc8\xde\xee\xec\xcc\xdc\xfd\xce\x9d\xdb\xd9\x99g\x88\xa8\x063\x93\x073\x13\x15\xf5\xee\xf7\xc5\xcc\x1f2\x13\xd1\x8c\xf5O\n\xbb\xf3\x89i\xb2T\x1d\xeb:e\xf3\x81\xef\x88\xe8\xd5?\xd8\xde\xf3;\xf3\xec+\x9e\x8e\xd7\x84\x88\xe8]f\xb1\xaa\xccLT\x98c;\xb3\r\x9e\x7f\x87\xbd\xdf\x93,f\xfd\xdd\x9f\x07}/O|\xee\xfcpJ\x0c\x142la\xa5\xa9\xd0\xe9\x02\xe9\xb9\x96}\xafI&gt;\xde\x84,m\x03Ui\xf9\xee\xb7\x03\xa5Wy\xe0mm\xadt\nER\x81dH\xbf\xb1\xa1d\x8d(\x1f\x00\x80\xe8\xb8\x9a1{\'\x11\x11e#*(=\xabX\xf3\xb9\xd6F\x8b\x91\x9b:N\xbc&amp;O\xbd)\x9e\xd3\x8bxr\x8b\xf9 \xfe\xb2h\xf39T\xbc?\x11\x11\xd5o&lt;t\x9d\xb5\xf3-f"\xba\xfc\xde/\xbd5\xb4\xfe\xfb\xae\x98[\xe9!D\xd4c\xe6.\xeb\xe8?\xccT~\x04Q\x91C\x1f0QU""\xaaHT\xd7S\x8d\x86\x7f\xc5\xf2l\xa3\xaa$\x11\x11\xd5\xb3\xfeYy\xeb\x07vy\xd2O\xc3\xd7w\x915$\x19\\\xc5h\xb3{\xee\x87\x90\x9f[\xcf\x997\xea\x13\x14m&gt;\xc7\xf1:g\xc7p\x05\x01\x00\x84\xd6Lu\x80\x99+uY\xac:\xfa{\xb0\x16%\xbfwW\x9d~+\xe3-k!":\xfc\x99#\xc3\x16\xa36I3jw\xe6\xd5]\xa6^GB{)\xb6\xcd_0\x8f\xbb\xf8\xc1!\xe7\xdf\xf9\xd8\xa7LD\xbd\xcf\xbaI&lt;\x97\x99G.\xb9O\x9a-3\x0f\x9cw\xbb\xb8\xe7\x7f\xffp\xae\xda\x93\x84\x1d\xf6\x9d}vi\x0e\xe0r\xed\xe1?\x92\xcf$\xba;`\x00\x80\x8c\xc1{]\xfb\x94\x99\xa80Q\x16i\xfaUw|\x12U\xd1u\xfa\xadt\xbc\xae42\xb1]~\x84;\xb5wO\xdc\x8cuG(\xfeFF/{\xc0\xea\xa6\x9e}\xf9S\x0f\xbd\xcf\x94\xb5\xad}\xe8\x07E\x1f\xf5\xb9[\x9e\x8f\xef)!\xcd\x7f\xd0y{\xc5\x97\xb7&gt;\x1f\xb8%X\xb6\xebD\xd0S2\x94S\xa0\xf13~\x0b!;6\x00\x00B\xf0\xde\x92\xe6I\xd3\xf2\xf3v\x8bo\xd5\xf0\x1e\xb4\xae\x9b\xc3\x16\xee\xd3d\xe0\xba\xb6\xee~\xfa?Y\xaa\xca\x8eW\xee\xa7\xb0\xc5\xad\x7f\x1e\xfa %-Mj\x1a\xb0l)\xc8S\xa5v\x92\xe7?\x1b\xb6\x03\xb9z\xcf\xe5I\x16\r\x00\x909\x14l&lt;\xd3\xbbS\xfd`\xd8m\xc7c\xbfE[\x9f\xf8\x8diK\xeb\x87\xc2\xd3\xdfH\xca\xb5na\x8dU\xd0\x1f\xd6t\xb6\x03\x00\x00\xa4\xca\xf3?\x99\xde\xa903Q\x8dn\xd3vR\xf0;&lt;k\xa8\xd4\xe8e\xf7\x07=\xf1\xdc\xad\x81\xdaZ\xa7\xc2}\x0c\x13\x86\xb8a\xed9+1\xd2\xe7\xd3\xcc\xdfa{\xcaH\xbf\xce\xf3\xd6\xe9T.\x00d\x06\xd3\xd6\x1cN\xe3\x12\xfd\xae\x86\xad\xd2\xa8\x1e\xa9\xe4z\x8f\xf9\xeaOK\xaf\x9a\xa4\x1e\xe6\xf3\x00\x00\x04\x17\xe8\xce\xc05\n\xc98\xf3:\xc9\x14j\xa6X\xd0\x13R}Kt\n\x8cWR\x11\xdf\xda\x92\x9d\xffK\xc7\x9a\x00\x00db\xc1\x9ft\x966oZT)\xf7\x1c\xb7\xf6\';\xa2\'h\xb9&amp;\xbaN\xbb&gt;\xaajLXq(\xaa\xac\x00\x00\xe0Ts\xe4sM[\x15q\x08\x05_?Dt\xd7\xc8\xccDe\x85\x1d&gt;\xe3\xad\xb4\xf9\xf8\xd2\xdc|\x87\x89&amp;\x96\xe9\xe4\xad75\xbd\xab\x00\x00\x90\x99]\xb2\xe7="r\x86\x9e(\x1eU\xe6i\xdf\x1f\x9b\x11z\x80\x0b7\x9d\x9d\xdeUH\xa9\xfa\xe9]\x01\x00\x80S\\\x93O\x92h\xcc\xf2\xd4\x9dLD\x94\xbf{d\xd5\x81\x8cC\x1d\x14\x05\x00\x00\x02\xdbx\xff\xd7\xdb\x1e\xf9\xc5\xbb\xbf\\\x87\x05i_\x190\x92\xbfG\xfa\x14\xdb`z\xba\x94k\xa0LzW\x00\x00 8f&amp;j4k\xc3S\x9e\x9d\x19K\xd3\xe1\x97\xa7w\x15$\x1c\x1fT\xf6\x0e\xe9W\x91\xcc\xabZ\xa4\xb9\x95#j\x14i\x86\x00\x00)\xb3\xe8\xda\xd72`s\x1b\xe1\x03i\x88D\xda|I*w]\x92\x06\xa5\x00\x00\xc0\xa9#E\xed\x133\x1f|7m~\x1e\xd5L\x93RN\x05oe\xc4\x1f\xac\x00\x90\t\xbd\xf5\x9fi\xc0gH\x17\x91\xfc9\x9e\xfa\n\x7fS\x00\x00\x08\xd2\xa8\xe4\xae3\xc9?\xd1\xa9n\xc7\xe3\xbfG\x9cc\xd6vA\xcfXq\xcb\xfb\x11\xd7!\x05nz\x06\xbf3\x00 s+\xeb\x9f\xc4X&lt;\x0c\xd6\xa9\xa6B\xa7\x0b\xd2\xbb\n!\x8d\\r\x9f\xe6h\xf33\xae0\xcb\xa6\\$\x95\xc9\xb0\xd0\x0f\x04\x00\xe9\xaepzW c)\xde\xf2\xec\xf4(\xb6I\x84y\x85hZ\x96\xef~;\xc2\n$\xe4\xe9\x1aUN\xb3/\x8f\r\xe3G\xc3\t\x00\x19S~\xcd\xe5\xa9\xc1\xe05\x1fz\x8f\x16\xeam\x9aw\x853\x14\x07\xdck3dj\x1d&amp;nO\xef*\x9c\n\xd0L\x02\x00D\xe6\x8c\xc5\xf7\xda\xdb9jN\x90\xa6Y\xb5\xf7\xe3\xb4\xbd\xf2\x9e\xb2SB\xc5\x8f\xf1\x94h\xcc\x1aX\xff\x9c\x12\xef\x05\x00 }\x15\xec\x95\xde5HZ\x99\xa1\xe9]\x03\x08\xa5\xd4\xe0p\xe7]\xf3\xe8\xaf\x91\xd6\x03\x00@P\xa8\xf1,"J\xdd\xca\x80)\xe3Y\xa9)od\x8f\x0f!}\x15m6\'\xbd\xab\x00\x00\x90Fr\xb8^\xab\xfb\xfdr\xa6\xba*\xc9@we\xc6\x84\xbf\x0b\x00\x80Tv\xa2j\xaeK\xa4\xfd2\x1d/\x9d;\x9f\xfc;\xbd\x8a\x86\xf4\x13\xe5\xe8\xee$\xdd\xff\x16~7\x00@\xfa\xd9x\xff7\xe9]\x85L\xaaA\x92\xe7\xff\x89\xbb\xc6L\x0e\xf7\xfd\x00\x90\t\xe5\xe9\x92\xde5\x88\x12.\xc4J\xc5\xfa\x99\xa7\xdd\x7f\x82?N\xe2\x93\xbc\xf8\xe6w\xf5\t\\\x7f\xa6\x01\xe7\xde\x16\xba,\x00\x80SC\x9d@\rX\x06l\xed\xd2\xb2J\x19\xf0\xedk\x14k&gt;\xd7\xde\xce\\5\x07\x00\x88\x92\xfa\nX 3L\x9f-e\xfdS\xbb\xef\x8a4.\x18-G\x06a\xfd!\xce\xdax,\xbd+\x02\x00\x10T\xben\x19\xb9-Yp\xcd+\xe9]\x05\xb9W\xff\xc8\xb8\x1fZ\xc6\x97\x91\xbfr\x00\x00iMvMl\x18U\xe6\xc3\x17\xdd\x1dUVj-S_D\x06\xc2\xcc\x94\xaf;\x11\x11\x15M\xe7\xaadx\xf5\x06\\\xa69\xca\xcc{_\x8a\xe6\x07A\xdezS"\xc9\x07\x00Ny\xa5\xd3\xbb\x02\xe6\xaa\xa9\x0f\xb5\x88od\x0b\x95s\xf3\xa0\'T\xe8\xb8(TA\x11\x8bv\xceX\xbe\x06\xd3\x92\xcf$\xad\x15\xea\x9d\x19\x9e\x92\x00\x00\x04\xc1\xccD\xf9\xd2\xbb\x16\xe0\xe2\xf9\x85Q\xa0gzT#J\x17\xde\xf8VzW\x01\x00 c\xd8\xf9\xe4\xdf\xe2\x1dU\x81\x863RQJ:?\x02\xac2:=K\x87S\xd4\x94\xd5\x8f\xa7w\x15\x00 3cff\xb6\xfau\xe3\xdbDD\x8f|\x9c)F\xcdd\x95\xeem6\xe2r{{\xd8\xc2\xbbC?\x90&gt;\x1d\x86\x0e\xdd\x80Hd\x00\x00i(\xf1 -\xd6\xe8\x16\xebG\xb1\xf6\xc6\xb3\xf8A\x1aj&lt;t]\xe4yz\x1b\xd1\x91K\xee\x93\xa4\xcb\xd9\xc9\xf0t\xdb\xba}\'\x93\xa8\xd7i-\xed\x7f\xd9\x04,\xb1\x80j\x14B\xdd\xfe\x97&amp;\x91-\x00\x9c~\xec\xcb\x84{\xbd\xdeB\xbd8.\\\xce\x99arNA\xca\xdd9\xf9\\\x1e\xfb$\xe3\xbfSH\xb9\xc1\xf3\xefL\xef*\x00\xc0\xa9\x05?\xe4\x01\x00\x00Rn\xff\x89Ds{\xfc{\xbe\xe6\xd1_\x89\xdaP\xe5$F*\xe51Y\xa3\xd7\x7f\x01\x1c\xfc\x0e\x00\x00\x80\xd3\x90{\xb5`#9;F]\x8d\xf4\x96\xa5\xad\xbd9}\xdd\x11\xf7\xd1\x12\x03\xd2\xb42rU\x8dS\x16N]%\xbc~K\xfd\xef\xa7_\xf1\x13\r\x002\xad\x12\xc2v\x96\xa0\'g\xa6;\xd4\x92\x83|\x93\x9c\xbd\xf9x\x1aT$\x1dY\x83\xda2\xd3_-n\xf3\x03\xdf\x86:\xafx\xc4\xf5\x00\x00\x88\xca\xc0y\xb7G\x94S\xb8(T.\x19hU\xf6\xc0J\rN\xef\x1a8\xdctL\xde\xcaf\xa9:6\x8dkb*G&amp;\xee;9\xfaU\xe2\xd3\xae\xdcu\t\x11U\xee\xb2$\xfd\xaa\x03\x00\xa7\xb4\xf9W\xbf\x14ank\xee\xfc4\xc2\xdc\x92\xc4\xcc!:\x03\xd2\x91\xf4\x8e\xf6]\xef\xce\\\xf2\x89U\xa1e\xafqf\xb4\x19f:\xfbOp\xffsnM\xefZ\x00\x00\x9c"*\x19\xa7D\xf7fZ[{\xd7giY\xdc\xca[?H\xbc(\xdc\x9b\xca\x0c5;\xaf^j\xaa\x03\x00\xa7\xbe\xfa\x9a\xa6E\x0c)\x95iUN\xef\n@\x86\xd3k\xf6n\xe7\x0e\xff\xdfa\xeb\xef\xfe&lt;E\x95\x01\x80\xd3\x143S\xae\xce\xda$\xb9\xd2\xa6&amp;\x99E\x99v\xe7\xa7w\x152\xa8\xcc\xfc\x1cT\x1e\xd3T\xf4e&amp;\x1c\xcb\x06\x00\x19G\xce\xa4s\x88-h8\xe2\x82{\x92\xce*\xd3*\xd4;\xbdk\x00\xa9\xd2g\xce\xcd\xe9]\x05\x00\x003\x0f\xbd\xcf\x94\xa5Mz\xd7"\x93y\xf1\x97h\xee\xa5\xbaL\xb9V{&lt;\xd3\r2o\x18\xfa\xcc)\xab\x1e\x8b\xb0\x1e2\xcd3\xe3l.\x00H\x7f\xfakG\xd0+\xcb\xe5\xf7~\x99\\uN\x05\x8e\x01;A)\x16~H\x07\xd9\xda\xa7w\r,\x05\xed\xad\xf4\x9d7e\xfc\xff\x82|\xa9\x06\x00\x00\xb7h\x1b`0T\xa1\xe3"\xb1iI\x1b\xa9\xffk\xe6Mq\xfe\x19\x05\xfe\xbf\x00\x80ts\xfc{\\\x80De\xd3\xbb\x02\x99\xc0\xd2\x1b\xdeL\xef*\x84t\xe8\xc3\xd8\xb7}\xda\x9a\xc3\xda\x84\x98\x8d\x06\x00\xc1\x05\x9dU9\xee\xa2\x83\x91\xd7!\x99\xa5\x0f\xd3\xd2\x84\x15\x87\xfc\x92\xe4N\x8bz\x9c\xa6B\x85%O\xbdL\xf1\xd5\x05\x80\x0c){\x87t,&lt;6G\xa5X\xbf\x12-\xcf\x91&amp;\x88_\xdd\n\\z\xdb\x87Q\x14\xd88\xec\x89\xc9\x8f\x15\xcf\xac\xce\xdf\xfer\xf2\x99xZ\xa9\xcc\xf8K%\x7fzW\x00\x00Ni\xa7\xc4\xcfy\xe5\x85\xb2D+G3\xef7o\xaaq\xa1\xc6\xb3\xa2\xa9\xd1\xe9*\xc3~\x9d\xfe\xf1T\xec\x8c\xc5\xf7\x19\x9e\xdbp\xf0\xda\xa8\xab\x03\x00\xa7\xb9\x12\x03\x98\x99\xa8\xb9i\xfa\xac\xedRY\x9b\x84P\x17q\xa3QN\xb9jOJA\xd1\xe9o\xc9\xce\xff\xe9\x13\xe4\xaa\xe3\xf3\xc63\x83\xd3e\xd8\x17\x00\x9c\x82N\xfc\xe7n]\x02\xb57!\x16a\x1d\xbb\xfc\x80\xb51w\x93r\xc9?;\xcd\xefi\xd1\xf8\x95\x90\xbfeE\x14\xb0\xef\xc5\xc4B\x9a\xe3\xdf\xe9\xabZ2x\xc5R\xa7H\xd8\x13+\x87:\xabE\xd8\xe2\xb4\x8c\x17M\xda\xfa\xd0\x8f)\xa9\x00\x00@\x1ax\xfe\xa7\xc8\x1bB\xc3U\x86*\x10\xd5\x0e\x94o\xa9\xd6\xf3\x82V\xa5\xd1\x90 \xdd\x89\x05{]u\xe8G"*\xd9\xfa\\qw\xc6\x0b\x01\xd6*\xda\xec\xf2\xd5\x9f\x16\xe6\x8e3\x9b\xa4\x8f\xe4\x07\xbf\xdfU\x17\xee:\x11\xb8\xa0\xe0&gt;\xca\x9c}\x1b\x00p\xaa\xaa\xe1zD*\xda\xf1\xf8\xef\x94\xb7\x9bs\x9f\xe6\xe6\xa6\x8c\xea@\xb5\xee\x17\xaa\x0e\x95l}n\x97)\xd7\xe9*Ht\xed\xe3\xbf\xeb\x13&lt;\xf5\x153\xf3\x90\xf9w\xba\x0fT\x19\xa3?1,\x93\x1e\xfb4\xba\x03\xae\xd0i\x91lw\x83H2\x0f\xd2b\x15\'"f\x9e\xb2\xfa\xf1H\x8av(\xd03\xfa&lt;Sf\xe8\x82\xbb\xd2\xbb\n\x00\x90I\xd4\xea\xb3"\xea,\xfd\xc3\xd9\x8b\xb2U7Z\\\xb6|\x87\x85\xce\x1d\xa5\rN2\\=\xc2\xbe;\x8f6dc\xc5Hs\x13T\x1e-\xdb\x1b\xac\xe7\xc0D\x90\xc7\x13%\x0c\xd3\x95\xeb\xb0 \\e"\xe4~_\xb9\xbbH\x93\x19\xcc@\x03\x00H\x99Vc\xaeL&gt;\x93\x83\xef\x85\x0c\xbf\xa5\x9c+\x9c\xa7\xabi\xd9\xe5\x86K\x0b\n\xf4\xe4\xfb\xb7\xcc\xd1uY \xfa,\x0b\xf7\xd1\x1c\xec0a\xbbkO\x06\x1f\xbf\xf6\xc0\xdb\xa9\xad^\xd7\xa9\xd7\xa74\x7f\x00\xc8\xf4\xb2V\x1bgm&lt;\xfeid\xd7\xa3W\xffPd%_\xc9\xbc!\x91|\xd9\x06W\xf8\xa4&amp;\xc36\x18\x14n\xda\xf00s\xbc\xcdh\x13\xa8\xa9\xc8YkbZ6-w\xbd\x1a\xb8\xac\xf73d\xcbW\xb3\xf7%\xe9]\x05\x07f\xde\xfd\xf4\x7f\xe9]\x0b\x00\x80P\x86-\xdcG\xa5\x06[\xdb\xd9k\x8c\xf7&amp;\xb8d\xcf{\xfa\x1c\xa6\xa6\xe2\x19\xa1\x01\xebf\xba\xc5\xa8M\xf6K\xd7F\x8c\xac7\xf2-m\xd0\xae\xc8\xdb\xe6\x1f\x99\x9b\x8f\xdc\x98d&amp;\x19\xfcf4\xd3\xc1\xe7\t\x00@%\xb5\xc3\x9e\xfdW\x9b\xc8\xdbM\x95&amp;{\x8d3U\x87\x0c\xaf\xbf\xaf\xff\x95Q.\xd3\x19\xb9\xc1\xc8\xc8u\x0bm\xfd\xdd\x9f\xa7w\x15\x00\x00B\x89je\\C\xd26\xa0p\xd3\xd9\x9e]\xba\x87\xa0\x81\xb9\x87\x94\x9f\xd62c3\\\xb5\xfb\xb2\xf4\xae\x02\x00\x9c\xaeR|\xd1l\x94\xca\xcc\xdd~\xf6\xbc\x17\xfd\xbbKf(V\xf6\x1aF#\xbd3\x08\xdf\xa0Z\xbeF.\xf1\x0f\xf1\xe8\xfc\xb4s\x11Q\xa7I;\xec\xd7e\xda\xce\xb7\xb7\x87\x9e\x1f\xe5\xc4\x9e\xcc\xd8\xf0\x03\xc0)\xc5}\x19*\xa2\xbd\xd5SD\x89J;\xd9\xdaW\xec\xbc\x98\xa8z\xda\x94\x86ktL\xb4\x1d\x00\xa9\x95\xec,\xac\xdcu&amp;[\x1bO}\x85\xbf&gt;\x00\xa4\xb5bQd\x92Fm\xa4t.l\xab\xd1\x9b\xf5\'\x89-\xeb\xd6\x07\x7f\x88\xb6F\xb6\xf6\x13\xb6\xc57\x8d\x83lgR\xc5\x07\x88\xaf\x9c?\\\x1a\x9bd\x10\xd9o\x9d|\xdd];J\xb5\x99g\x0f\x18\x8c\x1c~\xa2\x01@\xe4R0\x974\xfd\x9c\xbb\xf5y\xd7\x1e\xefu\xf3\xe5_q%u8\xef\xaa\x17\x9c;\xe4\x13\xc6B\xf8+m\x1b-\xb4\x91\x00\x90\xb1,M\xfa\xf1\x9e-\xc4\xc2\x0c\xa9T\xdf\xf5\xbap\x13\xf7\x88*\xc9\x15\xb9\xc2\x08\xfdez\xf6\xe5O\x05\xabEj\x82&amp;\x16j\xe2\xb7BbT\xe5\x16\xea-\xdd\xfd\t3\x95\x1b\xe6\xdd\xef\xbb\xb4\x94T\xcb\xf8d\xb0\x8c"\xbf\xfb\xee\x19\x00 \xed\xe5I\xef\n\x84T\xa1c&lt;$r\xc5\x91\xd6\xbfK\xae\x7fC\x7fJ\xb0%\x19\xd2\x95\xef\xdc*f\x9e\xb3\xf1X\xfe\x06\xd3#)N\xbf\xf6\xads\x15\x8ar!\xf2\xef1c\x97\xf8\xd2\xf3\xee&lt;K;W\x91\x86\xde\xa4\x86\x83\xd7\xe8\x0bR|n\x99\xf5K\x0e\x00\x99\xdb\xb45\x87\xf37\x98\x96d&amp;;\x8f\xfc\xa58\x12}8b\xa9H{\x17\x8b*\xf6+\xd7\x96\xd0\xb0\x07\xf2D\xa46\x95\x1f\xa1O\xa1\x8c\xd6\xe9\xd6\xcc\xbbk\xdfk\xf2\x13\xab\xf7\\n\x90a\\\xf6\xf6\xb5\xfbF\x1eN&lt;\xb5\xea\xf6\xbf4\xbd\xab\x00\x00\x10\x9d\xdb^H\xcf\x1e\xe9\x99\x1b\x8e\x86&lt;3K\xdb\xe4K\x7f\xf8#\xef{/\x976\x0f\xd4\xdd\rp\xa1^iPh\xda)9Pu$\xe8\x8f\xb0\xb36\x1eK\xe6t\x00\x80\x08\xe4\xad7\xc5\xfb\xc44\xb8\xfc\x94)\xaeb\xe95\x91\xa6\xd2\xa8\xd0\xa7\xee}I\xf7\xa9\xba\x16\x8f*\xd4xVZ\xfc\x15Jx\x1b\xc2J)/\xd4\xa1\x82o\x8aW~\xe7,U\xc7\x8a{\xde\xf8;\xf4\'S(\xec\x89\x00\x00j\xc6\x9d\x96ZE\xfaFQ\x17s\xb9={\xaa\xfb\xbe\x8b\xdcu\x95\x1d\xc2\xf5\x06\\&amp;?`\xda`\xbbc\x86&lt;\xf7\xa3\xae2\x1d\']#\xbc\xca\xa2L\'\xd1\x94\xfc~\xe8t\x98\xb8\xdd\x9b \xd0\x9f\xd8N\xec\x1d\xb9\xa6\xd0\x9c\x88\xa8\xd2H\xf3"4j\xf5\xc9(k6\xdc\xfeb\x86\xffA\t\x00\x99\x9a\xe2\xd2\xdc\xa8`\xa3\x99C\xce\xf7\xaci\x9fB\xb1\x87\xafi\xb3@\xec\x9d\xaf${m=\xfe}J\xae\xce\xc1\x7f\x0c\xd5IE5l\xde\x00a\xe6\x06\x9c{\x9b\xf0\xaa\x9as\x91`\xd3\x05\x83-\xe6\x1f\x8b4\xa5{gY\xe9\xaa\\n\xf5\x06\xac2,\xb4\xf3\xe4k\rS\x02\x00$h/m\xc1\xae\x92\xb6\x16#7\xea;NM\xb4\x1d\xb7\x95\x8a\xf5\x0bz\x96a\xb9\x1f2\x13\x15\xf7\xc6\ti:\xdcd\xc5\xc3\x14*\xd4X\x9cbT+\xd8\xc9\xf9{\xf8\xa5\xf0\xef\xb9\x95\x1a\xba\xe0.\xa2\x9cA\xcf:\x7f\xfb\xcb\xe1\x8a\x0bA\xf65\xce\xa7=\x9a\x94\x9c\xb5&amp;F\x9b!\x00\x9c\x96\n\xf5\xda\xfa\xd0\x8fD\xf4K\xc6}\x82[\xca&lt;\xe9\x95\x07\xbe\x93\xed.M$\x89\x96\xc5\xccD\xd9\x03V&amp;\xb5\x0f;ox\xf2o\xd7\x9e\xfd\'\x98\xa8`\x84E\x84\x1b\x9b]\xac\xf9\xdc\x08\xeb`\xbb\xe6\xd1_\xa3\xcd0\x13\x0cD\x00\x00\x88k\x1a\xee\xb4/Rw\xa5\xcb\xd11\xda\xfc6?\xf0\xado\x1a\xc3\xfe\xc6\x9a\xbd/\xb66\xec\xc5\x18&lt;\xb1\xa2\xd2M\xf2m\xcf\xfe\x13&lt;j\xe9~\xe9\xa1[\x9f\x173O|gV\xdf\xf1\x89y\xfe\x92\x01\x07\xc1;9&lt;\x1a&amp;\x9dC\x18\xc1fg\x01\x00x\xb9\xae\x89w\xbe\xcca\x96\x02,=d\xf4\xb2\xfb\x93\xac\xc9\xbd\xff\xf3/\xf7\xec\xcd\xc7\x93,%*)\xbc\xd3*\x1b\x0b2U\xca\xb1\xd4q\xabH\xf2\xfeHWm\xd3\xce\x80\x83\xef\x86\x7f\xef\xde6\xb8l\xfb\xf3\xf5\xa7\xbc\xf2\xbb\xb7\xb8\x8aF3\xac\xf2t\tT7mV]\xe5\xfb\xfdff\x03\x00h\x94Q-k\xfa\xaf\xfbb\xed\xe8\x08u\xde*5\xca[\x7fj\xd25\x89\xa6\x8d\x89\x96\xab\xb5\xc8Zm\\|\xb3P\xe8\x9e\xe1{\xde0j\xc0\xaa\xf5H\xf6\x1eK\xf6+\xc1\xbd\xc6\x86\xeaNn\xff\ty%\xf3\xd4\x9d\xdcb\xe4&amp;""jD\xb9;\'Q;""f\xbe\xf1\xe9\xff\xc8\xf4\x07My\xf1\xc4p%zG\t\\t\xd3;\xe1\xb2\x02\x00H\x96\xeaZ\xa6\x8ceXa\x04\x11Q\x9e\xaeBC\x12r\xa2d\x88\xe8\xc1\xd9k\x8cw\xd5\x86\xd2\xf6\xc9\x9fU\xd6\xdc`\xf7\xe2u\xa5{\x9dC\xae2\n\xc3\x0fS\x93l\xfe\xd5/\xa5\xa8P\xadjF\xa9\x9c\x9d\xdeS\xd7\x1cN\xba\\\x00\x80\xb0\x82N\x1b-\xd8x\xa6I&amp;\xe1L\xbe\xec\xd1H\xf2I\x9aA\x1c\xcd\xc2\xb1\xb5\n\x16\\\xf3\x8a\xb8[\xdb\x87\xdff\xd1\x8eW\xa5\x07\x84I;U\r\xaa\x97\x94\n\x9d\x16\x15iz\x96\xe2\xd7O4\xeb\x1d\xd9\xdf\x87\xa1\x0b\xf6\xb9\x0e\x15h8=\x91 \xb1nD\x01"*\xd2\xec,\xeb\x86\xd8\xb2\xed\x91_4E\xccX\xffd\xafY\xbb)\xb9\xef\xde\x03o\'\xfb\xbdUu \x01\x00\xe8\xe4\xab?\x8d\xa8\xb8\xb8\'\xec\xb5\xac\x96\xef\x89\xc1rV\xac\xc3\x93\x94J#\xf5\x13{\x98y\xd4\xd2\xfd\xb1\xfb{#\xf6-\x97\xd8h\xe9\xc2\x8a\r\x9e\x7f\x87\xe2shioM\\\xf9\x88q\x05\xc2\xd0\xff!R\xb7.\xb2\xe5[ff^{\xd7g\xae_-\xc1\xc5\x16~\xe8:\xedz*9(\xbe\xb3\xb8*\xb5\xa5\xe3\xc4k\xf4\t\xc2\xa84\xea\x1d\xe6\x10\xd3\xb4\x00\x00t\x84G\x9e&gt;&lt;3#s$S\xae\xa2o6\x8fQ_w\x853\xbc\xfb\xae{\xe2OW`B\xcb\xc0y\xb7\xdb\xdb\xff\xe8Z&amp;\xc9\xea\x05R\x0f\x7f\xa8k\xde\xcaw\\h\x98O\x06S3\xaa\x8c\xac\xd9n\xad\xc7l\xb1C\x80Y?\x08n}&gt;PD6\xb3\xdef""\xba\xeb\xd5\xb4\x9e\x984+t(r\x00\x00\'\xf9\xcc\xd7\x8a\x9d\x17\xa7\xae\xc8|\xf5\xed5\x9a\xdcQ\x1eC\x8b_\xdf\xcb\x8b;\xa7\xac~\\s\xca\x9c\x8d\xc7\xecyG\xb6\x8bo~\xd7\xac\xc0\x92D%\xcd\xab\x17\x8a\xe2\x86&gt;_\xb7Hr\x7f\xe2dRM\x97~\x89h\xbb\xb9\x15\xdb]\x836\xb8\xb2l\xa7\xae=\x16\xbeK\x06ru\x0e\xd7\x07\x80\xf9\xc7\x00\x10N\xd0`\x14\x19M6\xdd\xc1r\xc3];\xaey\xec7\xf2\t\x82]\xd7:Z\xb9\xeb\xd2vg^\xe59\x1an\xc4Y\xbe\xa8\xae\xd1\x06\xf9\xc8\xbbC+\xa9~3\xf9\x87\xd0J\x90v$\xd8\x1cu\xf3D&gt;\xd1\xcak\x92\x88\x99\xbd\xc1J\x8d\x0714\xb0\xb7\x8a6\x9f\xe3&lt;\xe4\x8e\x89f3\xef\x04""\xc9\xea\xc5\x00\x00i\xa0\xf7\xec\x9b\xd2\xbb\nn\x0bw\xbcJ\xc2\xe5\xf8\x9c-\xcf}\x1a`\x88oy"\xba\xf6\xf0\x1fD\xb9RW\xc3\xe4%\xdf\xae\xbf\x1f\xd1/\x03qT\xd7[A\xf3L&lt;\xc7\r\xec\xfe\xb7"\xa9\x7fE\xb3O2\xb62t\xc5\xce\x17\xd8\xbbF.\xb9\xcf\x95h\xc6\xba\'\xa3\xa8\x12\x00\x9c\x1e\xe2W\x9f:5z]\xe4:\xe4\xbb,\x8c\xe4\xcaUzHT\x15#"E\xc7\xa3\xbf]O\xfd\x13i5N[\xb9|\x1b\xa7\xdf\x98\x8f\x7f\x97\xfe\xdd\xb0\xce\xb6\xb0\xb0\xe1Y\xaaw\x97\xbd\xe6x\xe9~\x00\x80(\xa5\xf4!\x96.\xf3l\xed\x15\x07\xa4\xe3\x9e\xdc\xb3\x83\xa2\x08\x00\x12\xcc\rG\xffI&gt;DF\x86e\x0f\x7f\x9b\xb1\xee\x88\xbd\xb3`\xa3\x99\xc2_\xb0l\xc0\x1c]\x03\xda\xb5\xcf\x0bdf_\xfe\x94\xbd\xfd\xbf\x7f\x98\x88\x8a\xb5\x98\xab\xfaF-\xdbuB\x95O\xa0\x81\xfa}\xce\xba\xd9\xa4c`\xfa\xda#\xbei\x00\x00\x94\xa2Y\x128\xc5\x92\xa9\xe1e\xb7\x7f\xa4ZVo\xfc%\x87|O\xef9\xf3\xc6X\x05\x8a\xf5\x0fR\x99\x8a\xe65L\xa1`\x0fbM\xe9Wt\xd0\xaf\th-s\xe9JS\xbc\xe5\xd9\xde\x9d\x15;_\xc0\xccb\xe00U\xce\xae\xfd\x97\xdd\xfe\x91\xb6V\x89\xe7\xcd\x93.}\x84\x88\xa8\x88\xe1\xc2\xcfJ\x17\\\xf7\xba\xb6D\x00\x80\xe4&lt;\x93\xca&gt;\xc6\xdf#\xbeZ\t1\x17U\x81|=q\x19\xa5\xfc.\xa3)\x8f\x9bAD\r\x87\xace\xe6|i~\xbb\xef!\x19\xac\xa4\xf9|\xbaN\xbb~\xd8Bw \x0e"*\xd7!6\x1d\xabB\xc7EV\x0e\x7f3\xeb\xb3\xd2`f*7L|\xd9w\xce\x1e\xc3so\x7f\x91\x89\n\xd6\xe8uq\x88r\x01\x00R\xc5\xba\x1a\xeey6qM\xbc\xe1h\n\x1f\xa9z\x9f=\'\xa9\xf5\x98-D5\xfc\xd3)\x02\x1a\xfb5\x06\xa5CT)\x90C\x1f\xe8*\x100\x16fd\xf2\xd4\x9d\x92\xd4\xf9\xf9\xba\x0b1\xbf\x12j\xf7]A~\xb7\xceR\xf6\xd1}\xaf\x85i\xbc\xef|\x99)[;\xc3\xb2\x00\x00"\xc6\xcc\xf1\xe9\xb6Y\xae?\xf2\x97,\x89\xa3\x19;c\xf1\xbd\x8d\x87\xadO\x83\x8a\xa5RRq\x8bN\xa5\xcb\xb4\xd0\x90K\xa2m\xc4\x83\x93\xd4\xa5\xf8\xdd\xaa\xb9\xac\xd5\xc6\x8a3\x95S\xff\xa1e\r~\x8a\xcf\x03if\xae\xda\r\x91&amp;\x01 \xc5\xbaN\xbb&gt;\xaa\xacN\xa5\xf6\xc9\xeb\xec+\x9f\x15_\x8e\xb8\xe0\x9et\xa9\x86\xb4k7\xad\x154X\x130A\xd9g ~a\x8a5\x9f\xdb\xfc\x8c\x8d\xce\xe3\xf2I\xba\xe5;8\xc2\x8am\xba\xff\x1b+\xf1S_\xc9\xbf~S\xd7\x1c&amp;\xaabTS\xb5L1`\x02\x002\x03\xf5d\xa1Ls\x95)1\xd0\xfa7\xd3T8\x08\x93\x81\xbb\xd7?\xf1g\x8aJ\xb7\x06F\x85\x11\xff\xa3\xe813Qc\x83\x84\xe5d;\xe5!/\x98\x99*\x8eT\x17GDt\xf7\xeb\xfe\x9f*3\xab\xc6\xba{\xff(\x1b\xf7\x7f\xad\xcf\x10\x00\xc0\xcdy)\xc9v\xc6\xe2{\xc5\xa3M\x86mp\xad\x8dc\x18\xd5o\xdd\xdd\x9fGP\xb9\x84:!\xce\xb9\xf1\xe9\xff\x88J\x9b\xb7\xcaB\x00\xc2\xecD\xf9B\x94h\xa4\xcc\xd0\x00\x89\xb3\xb45k\x9f\x8cd\xbc\x1f(M\xb3T\x1d\xe3\xda5\xee\xa2\x83\x0b\xb6\xbfB\xd2U\x13\x9c\xd3\xd5\xac\xa1\xd4\x810\xf3Tm\xe4\xd1\x04\xb3u\x8e3\xdeG\n\x00\x99\x10\x0b\xc4=\x9e\x84\r\xc4\x17y\xeb\xc9\x07\xe5\x96l=\xcf\xb7D\xef\xba\xe8\x11*\xd5&amp;V\x01\xf1-\\y\xf0{k\xe3\xf9\x1f%E\xd7\xea\xb3\x82(\xb7\xb5=a\xe5\xc3IW\xc1(\xb0\xa2\xd4yW\xbd\xa0O`\x85\xd24\xd1\xfb\xact\x8bM\xd6r\xd4\xa6\x9fu\xbd\xb5\xadz\xcc\xb8!D\xb6\xbb\x9e\xfaW\x9a\xe7\'\xcc7\x1dc\xca\xdf]sn\xb5\x1e\xcbe\xe7\xfa\xfe\xd8R.D\xd1s\xd6\x8dDD\x05\x02\x04\xf2\x04\x00\x88\xe9np\x11\xb4\xae2\xe5;.t\xaddND/\xfe\x1c\xb2\x11M\xe2\xd6\xa1\xa5\x7f\x92\x80\xb2\xd783\xf2&lt;=T\xab2\x14\x0e\x92Ij\xc7]G\x17\xc7\xca\x7f\xe5(\xfb\x0b\xd0\xee\xcc\xab\xad^\x81\x06\x83V\xbb\xd2X\xcb\x06\xbbLR/\x17\xcd\xccA?"f\xde\xfc\xc0\xb7\x81N!*\xe5,Q\xe9\x13\xdc\x1f\x03\x80\x9f&lt;\xd7\x1d\xfe#\xc2\xec\xd2\xb2_n\xd1\xb5\xaf\xe9kb\x1b\xbd\xec~mN\xa6\xab\r*\xb4\xd0\xd4!\xbe\xa9\xbb\xd3\xf2\xac\r\x10\x99\xec5\xc7\x17j"]\xdbQ\xa2\x8fj\xfal\xb6\xf6DM\x02\x96l4\xc7\xdaf}P\xb36&lt;em4\x1f\xb9\x91\xa8X\xa0YI\xcc\x8e\tE\x82\xbcW?\xfc\xb3\xf4\x14i\xbc\x0es\xeb\x85G-\xcc\xdcl\xc4\x15\xb2T\r\x93)\x02\x00Ne\x8d\x87\x8a\x13\x8a\x1a\x88\xf7d\x8f~\xcc\x8adR\xb1\t\'W?\xfc\x13ek\x9f\xbf\xc1\xf4\x80\xb7wDD3\xd6\xebB\xd8{\xaf\xbc7\x1fW6\xf6b\x17\xfa\xea;&gt;i8x\x8d\xf1\xdd\xb3c\x9dZ\t\xc7\xc8\xb5Vfy\xba}\x16\xe5\xcf\x14\xc9\xa2\x84\xac\x8ekq\xc9\x9e\xf7\xf4\xd9\x15iv\x16\x11\xfd\xc3\xfcoR\x95\xf4\t\x04\xa6\x99\xb6+\xac\x11\xe9\xb8\xa3\xd5\xff\xb6s\xdeCK\xc7m\x85w\xe4\x0bw\xd1\x87\xb4\x0b?\x03\x00\xf8\xb3b)3\xb3\xfb\xb1e\xd6v]\xa6\\\xa7:+{\x8d\x94\x04\xa9\xb7\xae\xb0+o\xfd \xc8I\xee\xb5\x14\xf7&lt;\xebx\x98-\xc8\x1d\xfa\xee\xfc\xd87\x01N\xfcNRJ\x80\x05\xe4-\xea\xaa\x16\r\x9a\x95\x8bt=\xc1v\xe3\xafV\x9f\xa1\\\xd5\xb8P\xe3Y9kM\x0cW\x8d\xd7\xff\x14\xde`\xf1\x01!&amp;\x08\xd5\x1bp\x19\x917\xd6t0\xf7\xbdiv\x93]\xb0\xa7In\xae\x13\xc7.?\x10\xb6^\x00p:\x89_;\x0cBG\xa5\x89\xc2Mg\x87;\xd1j}=\xb7\xec\xb5)d\xf7x\xd3p\xd5\xd0(\xd8hf\xf9\x0e\x0b\xad\xe5\x0e\x83\xda\xa6\xe8MMZs\xe9\xde\xe4\xa6\xbd\xe6\x15\xcf\xed4i\x87_\xfa\xd6\xae\xd7+ny\xdf\x8a\x01BDD\xf5\xc2V#\xa1\xed\xb8\xd8\xea\xce\xebe\x03\xf5\x99\xb9\xfbtkTD\xd6+\xee\xfb*\xf9\xe2d?\xc5\x00\x00"Q\xd4\x1e\x96\xa5|\xc0\x19\xbf\x04\'\xba\x04?`&amp;*\x11{\x91\xa5m\xd4u\xca\xef\x1a\xcemWc\xe4\x92\xfb:L\xdcn\x9e\xd1\xe2\xeb\xdf\x90\xee\x17\x17\x82%Y\xa3&gt;\xcfo\x18\xb3\xaf\x16\xa36\x11Q&lt;&lt;\x99\xc3\xdcM\xcf$\x99y\xa2\x94\x91\x1b\x89\xa8R\x97\xc5\xf6\x1eUP\x91\xd6c\xb7DUhB\xd6\xc0\x7f\xfa(\x86\x17\x94\tz\x82\xb8\x16\x93m\xfb#\xbf\x10\xd1D\x83\xd1\xf2\x11\xc6\xb7\x01\x80\xd3@\xf6\x0e\xd1\xe5U\xff\xb9\x1f8D\x07l8\xb3/\x7f\xfa?a\xe0U\xbf\xb3o\xb1\xf6\xbf\xf173\xf3\x1b\x7f\xf3\xf8\x15\xfek\x1fY\x8a6s\x8c\x8a\x92^\xfa\x17\xeexu\xe5\xad\x1f\x1af\xa8\x1c\xdfd\x93\x0f Jk\x9a\xc5\xed\xc5U\x89\xc2\xca\xa2&gt;TG?\xe4*k\xb5q\xae=R\xe2&lt;:\xa2\\\xae\xa3y\xea\x85\x0bd]\xec\xe3X\xb6\xc5\x1c\xa58gu\xefz\xea\xdfP\x99\x03\x00\x10u\x9a\xb4C\xd1\xe5X\xd7w\x98nyw\xa0\xe0X\x04\x8f\xb4\xbf*y\xe74w\x9a\xbc\xc3\xfb\xa6\xc4=[\x1e\xfcA\\i\xb8\xd1\x90\xb5\xae\xee\xd0\xfd\'2h_b\xa0{z\x89*c\xa8\xc4\x00\xd7\xbe%;\xff\xe7\xed?H\xaa\x14\xfby\xadO\x86\xb5\xfa\xcc\xb9\xb9D\xcbs\xc8\xd3El\xa7\x7f\xfc3^}\xc7\'\xce\xb3\n\xc57\x1a\'S\xc3\xbf\xfc\xdec\xa5\xce\x8b\xbd;\xc5\x07%\x88\xcb\x01\x00\xe9\xab\x92w\x97\xfe\xc2\xf4\x1e\xb3&amp;\xd6\x013\x07\x1d\xe6s\xd31w\x03\xac\x93\xb5\x9dU\x8a\xfdtPU\r\x92\xbd\x91\xf6\x13\xb6\x19\xd6J\xf2\x0b\xc6h\\O\x1b\xe7\xcb\xc4@\xb9oe\xef\xee\xc0;\xfeoY:\xec\x88\x1c\xa1Q\xe43g\x02\x0e\x8e#"\xfa\xdcq?jI\x04v\x8e\xb0\xc5Z\xba\xf3M"\xa2\xdc]\xe2;$\x03\xc7\xac\xe2b\xb7\xf8\xce \xacG&gt;g\xaa&lt;\xca\xbc8qA\xa7\xc8\x7f\xac\x00\x00\xf8\x98\xb9\xfe\xa8*\x1eo$\x14\xed\xaeQo\xb66\x06\x93F\x11\xd5\x01un\xe5\xa5Ojm]\xa7*\x1f\x01\xa6\xc3\x95\xba\xd4\xa0\xa0g\xa8\xa2s\xd4\xec}\x89k\x8f\xef\xdb)\xdd\xe6\xbc\xa0\xa5\xc7\xe9\xe6\x8f=\xf7#S|RSr\xf3z\x0b\xbb^\x97i;\xdf\xb5\x87\x99M\xd6\xd1*\xd4x\x16\x11\xfd\x8d\x96\x18\x00\x0c\x85n\x0f\xea\x0f\\\xc5\xcc\xd2E^E\xcbw\xbf\xcd\x92\xfb!"\x83\xe0\x8b*\x0f\xbd\xaf\x9b\x07\x9c\xb3\xd6\xc4\x81\xe7\xde\xee*\xabd\xabsU\xa7\x8c\\r\x9fA\x99\xe6\xa3\xc4]\r\xb3;\x90\xc5\xf7\xd2\x0f&lt;WgM\x8e\xf9\x1b8\x82C1s\xad&gt;+|j!\xac\x8b\x90\xa3\xe6\x84q\x17?\xe8\x93&gt;R\xa3\x96\xee7\xf8^\xf9\xc7\xfa\x9e\xbf\xed\xa5\'N\xa6u{6\xe0\x1c\x9f\xaf\xb4\x05\xb7\xbc\x00\x10\x8a0\x87\x92\x99_\xff\x8b\xa7\xae9\xec\xea\xbc}\xf0=\xef\xddd\xe0\xa1\xa4\xa2g\xe27U=f\xeeJ&amp;\x9fd\xd4\xe8y\x91t\xff\x96\xc4\x92\x0c4\xe8\xbc;\xec\xed\x89+\x1f\xd1\xe4\xb6\xe1\x9e/\\{\xbc\x17\xe5\xac\xd5$\xb3o\xe3\xc7\xda\x11\xd1u\x01\x175R\xf5$\xab\xdc\xf9\n3s\x9d~+\x03\x9d%S\xb8N\xbfK\xcd\x17T\xfe\xdf?\xfaz:~\xd0\x14k&gt;W\x9eJ\xe8\x1f\x9e\xba\xe6\xb0\xbd\xe1\x19y\x90zE\xfa\xa4u\x89\x00p\xca\xb3\xdb\xdd\x08\x7f\xd1\xab\xb22\x1c\xc8\xaa;\x94O\x17v?-I\x1f6o&gt;\xf0\x9d\xb5\xf1\xe0{\xacO\xa9\x91\xab\xce\xa4\xe4\xab\'2\xf8\xfb\xb6 j\xb0l\xd7\t\xf5Q"\xa2\xe6g\\a/\\\x91LMB\xaa2\xda\xfa\xb7t\xdb\xf3TS\xc5\xd4BT;\xccb\\\x00\x00F\x9a\x9d\x11\x8ba\xfb5s\xdb3\x1dc\x91\xea\x0f\\emT\xectA\xec\xa2Y)\xc0X\x15s\xf2+r~\xffuf\x98\xb9n\xffK\xa3\xafPXC\xe6\xdfIDOz"\x17R\xc53\xac\x06\xf8\x17\xe3\xb6\xc7\xb4\x95*\xd2\xd7$U\xf5\x9e\xf2\xd5m]z\xcd\xdem\xb7\xd3v\x08ef&amp;j\xa3\x88u\xec\xe4\\\x8f\xe8\xf8\xf7\xf6[\xc8jRz\x84\n6\x9a\xe9\x93\xa2\xea\x18\xf2\x0c\xcf\x16\xe5\xac=1\xd2\x1a\x01\x00x\xfc\xa2\x1ai\x9c\xa5-3\x1f|/\xfc\xcd\xca\x98\x0b\x1f\x08qV\xa0\xdb\xa3\x9c\xb5&amp;H\xf7\xdb\xd3F\x89\xe8\xfa\'\xfe\x14\xefc\xdeO\x93\x87v\xde\x85"\xec\xf7\xd5y\xf2\xb5\xde\xf4\xfaY\xb0Du\x93^1"0f6\x19\xf9\xfc+3\x11]x\xe3[D\xad\xec\xbb\xfc\x07\xcd\xbe6\x83\xe7\xdf\xe1\x9f(i&gt;\xdf\xa8\xc2\xfa^eI\xa8m\x00\x80dq"\x04\xb4|\xad\x9br\xed\x17\x94m\x7f\xbe\xeat\xcd\xdd\x83\xd79[\x9eS\x1ftM^\x12\x17\x17\xb2\xa6\xe7\x96\xa9\xda}\x99&gt;\xff\x81\xf3\xf6\xda\xdb\xa6\x8b\x0b\x15\xe9[\xa3\xd7\xc5\x14\xb8G4\x82\x98\x88\x91*\x9c\xde\x15\x08\xe6Of\xa2\xf2\xd6g~\xcbs\xd1\xff\x18b\xe6\x97~5\xcd6\xbf\xb0\xe8a\xcbQ\x9b)\x1e\xe5\xca\xc9;\xe8\xc1\x9e5\x1e~\xe1g\x008\xad13Q\x9d\xaa\xdd\x97\x11U\x1dq\xc1\xbd\xcc\xfc\xb9\xfc9e\xb0QW\x8aUt\xe2\xd7\xac\x82\xbd\x82\xd52g\xa7`\xe9\x83x\xfe\'\xeb\xfd\xfa\x8em\xb6g*\xbb\xe7A-\xda\xf1\xaa\xe64f\xae\xd2m\xa9&gt;\xebd\x1e\x88\x06Z%B\xab\xf2\x05\xd7\xbd&gt;y\xd5c\x11\xe5\xa6#}\x16&gt;\xe8\xbc\xbd\xd2\xc4\xb6\xc7&gt;M\x9c\xf2\xfa_\xcc\xccm\xc6m\xa5\xf8l\x1f1\xc3\xb6\xe3\xb62\xf3\xba}\'S:&gt;\xf9\xa9\xaf\x1cO\xf7%)|n\xac\x01\xe0\xb4\'^;\\\xd7\x91y[_\x08w\t\x93\xae\xb7\x93\xc8*[{q\xff\xd0\x05w\x85(\xc2\xd0\xda\xbb&gt;\x8b071\xecF\xab1W\x1a\x9e\xa5\x99\xf8d\x9b}\xc5\xd3\xae=\xca\x11[\xf9\x83\x8d&gt;KdRy\xb4&gt;\xd9\xf4\xb5O\x10\x91\x18(\xc3\xf6\xc8\xc7\x8e@\x8c!\xbc\'\xbc\x9dn\x81\xc3#W\xb2&gt;\x8d+\xee\xfb\xea\xa6g\x123\xd9^\xffK\xfc|\x1cK2[\xcfM\xc2}{g\xc9\x82?\xeba&amp;\x12\x00\x84\xe4\xbd\xe2\x8c\xbb\xe8\xc1@\x83?W\xed\xfd\xd8 U"\xcc\xc5\x90\xf3\xef\x94\xa6H\xc1\x85\xcc\xdb]\xdc\x8c\x14\x8b\xe1\x10\x91fU\t\x9d\xb2\xc3|\x12diS\xb9\xeb\x12\xfb\xd5\xc0y\xb7\xfbf\xe9\x1b\x19\x91\x99?1\xf8\xb8\x98\xd9\xbbb\xa3\xd4\xd9\x9b\x8f/\xd8\xfe\xb2.\x1fO\x13~\xa6\xd1\xac\xe2X\'\xed\xf9\xea\xcc\x95%\x12\x11\xd1\xc57\xbfk5\xc0\xddg\xdc &amp;\xd0-l\\v\xa8\xf2P\xc0:\xac\xb9\xf3S\xfftU\xc6DR\x1c\x00\x9cFT\xb7Y\xaa\x86\xf0\xc2\x1b\xdfJq\x8d\x92\xa7\x8b\x9a\xe4#_7\xd7\x8e\xe6g\x18\x8c\x9a\xc4\x14\xe3\x00\x00 \x00IDAT\xfb\xd5:\xfcY\xec\x934X\x8c/6!8Z\xcc\xfc\x8c"\x9a\x95413\xb7\x8c\xad\xc5T\xd0\xe8\x9cr\xc3\x07\x9c\xeb\xff{b\xd4\xd2\xfd%Z\x9d\x13\x7fU\xc1\xef\x97V#\xf2\x1b\x95\xb6\xe2\x96\xf7\x8d\xaag\xa8P\xef@\xff#\x00\x00$\xcb\xba\xbe\xbcez\x95\xa9l\x90&amp;q\xd56{\xb6\xea\xba\xc650\xab\x89\x82\xa7\x05\xf5-q\xe6\xfa\xa3I\x87\x0ct\xafb+\x13\xbe\xf3\xd62\xe9\xd2G=\xfbd+\x0byV\xa7_{\xd7g\xb1\xf7k0sZ\xfcd\x9a\x9dq\x85~\x00\xb0\xf7\x96\xd4\x9c&amp;\xf2\xb6]\x071t%3O[s\x98\x88J\xb6&gt;W_%":k\xe31\xd9\xc1B\x86ucfqe\x0e\x95\xf2\x1d\x16\x8a\x85j\xea\x03\x00\xa0\xc4\xcc\xd1\x0c\x18qeRaD\xc6\xbf\x00)\xc6\x8bI\xda\xcb\xafS\xf0^\xa6\xc5\x83:\xf9\x12?\xc9\xdcu&amp;\x13U\x1b\xbb\xfc\x80q95_\xff3\xf1\xe8t\xeaj\xabP\x9f\xdfFI\xfd\xed*\x8e4\xc9\xaaf\xef\x8b\x83\x96\xcb\xecZ\r\xc9\xe7\xd7O\x81F3\xf4\t\\\\\x8b=\xab*\xd6&amp;\xb6@\xb2\xb2\x9d~\xec\x93\x8c\xfe\xcd\x07\x80tf_S\\Q!\x8b5\x9fK\xd4h\x82\xff\xea\xb9\xc9\xdd\xb0*\x971P.\x8a\x10\xc8\x9f\xcc\xfa\xd0\xca\xc9\xb0\xc6\x04\xc9\x8e8\x9f\x9d\x17\xef\xaf:=\x99\xd2G-\xbd\xff\x8a\xfd\xce\xd2\xb3\xb63\xcc\xf3d|\xd8p\xbe\xfa\xd3\x88\xb2\x10U-\xdcd\xb6\xefY\xa1\x94\xb3\xfea\xe6\xab\x1e\xfa\xd1{\xd8Ua;\x00\x88j\x88\x80\x97\xc9Sp\xa2\xe2\x86\xb9y\xab\xa4V\x8b\x88(O\x17\x83\xb3\n\x98\x97\x0e\x00\xa7\x11f\xceV\xfdL\xe9~\xe7\x8e\xa2W\xc6c+\x8a\xbaN\xbd\xce\xa4\x14W\xfc\xe1\x94\xde\x16\xd7\xe8\xe5\x08\xf2\x1c\xac,a}@\xe9\x89\xbd\xcf\xbaIuj\xb7\xe9;\xc3\x94\xa8\xe0;sIPK\xba\x1d\x8f{\xd5\x86\x8a\xf4\xb9\xf8\xe6wU\'\x8b\xf1\xae\r\xb4"*e\x98T\x0c\x84\x12\x86\xe2q83\x17j2\xcb~\xe9\x1c\x08m\xa4N\xbf\x95D\x95\xfd\x17\xb1PJ4\xa8\xcc|\xed\xe3\xbf[\xdbW\x1e\xf8\xce;[\x8f\x997?\xf0m\xd8\x82\x00\xe0\x94\xc6\xcc5{]\xec\x9b\xcc\x1aI\x14\x1f\x9b#\xc9$P\xa1\xc3\x17\xdd\x1d(}\xb4L\xc6\xe2\xaa\xdfQC\xe1P\t\xc37\xfe\xa3I2\xe7\xf2\xb4\xc1\xb5""\xbb\xe7|\xdd\xbe\x93\x89#\xceI_Dt\xee\xd6\xe75\x19\xd9#\xb6b\xef.{\x07\xd5D\xb5\xd8\xc2\xba*\x89\xa5yCb\xe6^\xb3v\x13\x11Q\xae\xf8\xbe\xd6\xbdg+\x7f\x03Q\xf1\x01\xaa#\xa1g\xa3\xedx\xfc7qi\xe1\xc6\xc3\xd6\x13Q|\x15\xce&lt;\xb1\xbd\x15\xce\x08\x979\x00\x9c\xd6:M\xde\xf1\x01s\x99v\xf3\xe3\xc3\x97\xe4\x03U\xfcZ\x9a\x9a\xda\xa3\x0e\x11\xc6m\x1e{\xd1A\xd9\xee\x8a\x9aS\n6v\xc4\x07.\xdbN\x12\xe4\x8b\x9953w\xbd\xe3\xc6\r\x9b\xe13/yH\xb2Wz\x9f\x97\'t\xd3e\x1a\xa2\xeb\x17f\xcd\x00xf&amp;\xaa\x1b{]\xa0g\xe7)\x92\xc0\x99\x91\xfb\xcf\xd9\xccw\x9at\r\xb9&gt;\xdb\xd8O\x81\xd2\xd6\xce\xf8\xadg\xc3\xf8\xe12\xaf\xfd\xe1\xfb\x87\xc8fT\x15a\x01\xc7\xb5\xe2O\x19""\xba\xf4\xb6\x0f\x978W\x80\xf88\xc3\x0ft\x00\x80\x8c\xe8\xc4\x7f\xe2U\xb8\xc9\xb6\x87\x7f&amp;\xcf\xa2\xb3D\xc4\xcc\x1f\x85\xba\xcaL[\xfb\x843\xb0C\x94\xd1\x8c\xc3t\xf6fi\xab?^\xa6\xed|\xdfA@\xcc\xfc\xc4\xe7v\x9af,&lt;i\xceZm\xdc\xeec\x9a\xd3\xdb\xd8[\xf9\xeaO3\xa8\xaeF\xec\xf1j\xe3\xa1\xeb\x85\x9d\x95\xa4I\xa54\x11F\xadO o\xbd)\xe1\xfe\xe8R\x1f3O\xba\xf4\x11\xb1\xf7\xb8\xf5\x98-\x9a\xf4\xcc\xbcq\xff\xd7\x89\xdf\x01\x1eSV?\xeex\x1d\x1f\x00\xd8i\xb2r\xba\x97\xf7/;x\xbe\xe9\xc3f\xb5\xaaDD%\x07%\x9d\x0f\x00\x9cf\x98Y\x88\xadXO\xda\xf6LY\xfd83{{2S$&gt;\xbe\xd4\x9f\xaa\xa5\xb4\xf6\x17j2+D\xd0fE$\xceX\xb6"\xcf\xf12$\xdc\xdf\x0bi\xaa]p\xdd\xebA\xab!,"$\xe7\x1c\x92\x1d&amp;x\x88\xc9\xcf\x17W\x87\x01Y\xe1A\n\xf8/Q%S?\x92*\xa9\xfc\xed\xf8\xa3\xf8\x8c\rd\xe6$Cx&gt;\xfd\xb5\xf2K\x92\xa7\xde\x14k;\xf6w\xcf\xd91\x99\x82\x00\xe0\xd4\xe6\xb82J\'\xc5\xda\x976f\xa6\xc2\xbd\x9f\xf9\xd6\xe4\xe2U.\x82\xaay*\x10\x89\x9dO\xfe\xe5\xdd\xb9\xff\xad\xd8\x10\\\x8bw`\xb0\xbe\x01~_\xfc\x88&lt;\'J\xf7{]\xf3\xd8o\x8a#\xee\x00\xd4\xc9S=\xd1\x0f\xcb;\xa0\xbd\x84g\x8f_\x1b\\y\xf4\x86{\xbeP\x1dl;n\xab\xfaLoY\xb1\x0f|\xe4\x92\xfb\xec\x977&gt;\xfd\x9f\xbd-~\xa5\x1f\xfe(\xf1\xa7\xe9;w\x0f)\xfeX\xf3\xb7\xbd$-\x9b\x9d\x93\xe9C\x8c\x0b\x03\x80\xd3\x97\xa6m\x18\xb5t\xbf\xe3ul\xe9\xd9\xc8\x16c\xbf\xfbu\xdd]\xac\x93,\xeeD`\xee\xc7\xd5\xae\x11R~\xb7\xb9\xa49\xe4M\xb9\xfd\x91_~\xd7\xa6\xfc\x94\xf9\x9e7\x92\xba^\x07\xfai\xb2\xfe\x9e/Z\x8c\xdc\xe49\xcbg\x96\xceB\xcfj\x13V \xcf\x10w\xf6\x06b7\xaf\xd5z,W}\xd4G\xbf\xe4u\x9eG\xb3\xbb\x8f\xfd\xa7\xceS7,@\x90\xdfU\xdc\xe8\xc4b\x9a%\xaav\xbfp\xd9\ro\xfaf\xe1]\x7f\xf3s&lt;!\x06\x00\r\xcdE&lt;w\x9d\xc9Dd?\xbb\xf5\xbd\xdcW\xefy\x11\xc5n\x07[\x13U\xf0\x96R\xa1\x93*\xd0AY\xa2\x06\xea8G\xd9\xc2\xdd\x04;\xee\xdd\xeda\xab\x16YW\xaa\xd8\xfa:\x03&gt;8\x12\x08\xd7t\xfbF\xbf83\xcfXw\xc4Y\xcf\xbc\xe2\x89\xce\x9cb\xcf\x83\x8b\xb5\x98k\xf8^\xd4\x9a\x07?\xa5\xd4\x90\xf3\xef\xec0a\x1b\x115\x18\xb4\xc6{\x98\x99[\xc4o\x91{\xcd\xde\xed&gt;\xec\xf7(\xdd\xeb\xb2\xdb?\nz\xca\xe8e\xf7\x8b/\x9f\xf9\x8e\xa9\x9c:\xe6v\xaeNA\xf3O\x1b\xc3\x17\xdd\x93\xdeU\x00\x80\x0cMr\x05\xbf\xf4\xb6\x0fI\xe8\xc1\xb3\x9du\xc5\xd3\x92\x88\x8f\x05z\x08sE\xe4\x92\xe9F\xder\xf0{\xe3\xb4M\x93,T\x7f\x8f\xbbb\xcf\xfb\xccl-\x1c\xab:]\xf9\xd8/OW{S\x7fg,\xba\xf7\x7f\x9e\x94\x92\xe8"\xf2\xe1\xeb\xe6\xc6\\\xe8\x88\xab\xe5\xf9\x9d\xe18DD\x9a\xe1Q^\xde\xa5/J\xb5\x9ego\x8b\xbf\xba\x98Y\x15\x9eE\xfd\xa7\x14\x96\x9a(5X\x888MDY\xf5\x15\x9b"[~1\xc8$l\xb9h\x9f\x98\x00\xc0)\xae\xeb\xd4\xeb\xed0\x02\xfbOH/\x1f\xba\x11\xb6mt\xcf\xe7b\xaau\xbf0L\xcdly\xbb\xe9\xafk\xd6\xe0\xedFC\xd6\x8a;\xe3\xa7\x04h\x9fZ\x8f\xd9\xa2\xe9\x7f\xfe\xd6\xef\xda\xea{\xf1\xb5C7$/\xf9\xa6\xc2\xb6l\xd7\t\xb3X\xdf\tI63\xaa\xd3\x93o\xbd\x8a\xb78;H\xf2\xea\xaa\x12\xeb\x0f\\\x9ddM\x00\x00\x94\xc4K\x8f\xb8\xfd_|\xdc\x90\xf3\xda$\x8d\x10\xd9\xb4L\xbb\xf3\x0f\x9f4z,\x9a\xab\xf6$\xf1e\xcd\xde\x97x\x9f\x99\x19\xd6V\x95@\x9e&amp;G\xc7q\x17\x1d$\xa2\xc5\xd7\xbfATV\x93C\xb9\x0e\x0b\x88\xe8\xf8\xf7\xcc\xcc\x9f1\xdf\xfe\x82\xfc\xf3!\xa2\x7f\x84\x97\xfb^\xd3Ul\xd7S\xff23\xe5\x0c\xd0GjE$\xfe\x9cY;\xa9\x89\x88\x88\xf2\x1a\xad?AD9j\x8e\x8f\xf6\xceL\x9f[\xe3\xa1\xeb\x82dV\xd2?I\x12\xb2V\x1f\xb7\xe8\xda\xd7\x84\n\xc7\x06me\xad&amp;Y\xb8\xda&amp;}\x83\x83\xce\xdbk\x98\x12\x00@\xc7u\xe1\xf0\xbe&lt;\xf4\x81\xe2\xcaR\xb0\x97a\x11\xed\xce\xbc\xda\x9bs8\xb9\xebL\xae\xd8\xe9\x82j=\x96\xdb{\x02\x85\xbc\xffX2\x1a\xb9Qg\xf5\xb4\xd1\xdb^p\x8f\xc6bg\x1cDCb\x89\xbf\x05\xfc\x1c\x98\xd9we\x1e\xe7;\xaa\x1c(\xffp\xac\x91k\xe6+I\x88\xd4+1G!\xbe0s\xb0\xef[\xd6\xc0\x8f\xb4\xc5\xaf\x84+\xfa)\x00\x80\x11\xe7\x18%\xb7\xf8\x12\xb6\xee\xa5\x81\x98Y\x7f\x1f)\xf2\tX(\xe7\x9d\xc2TTV\x077m\xebX\x81\xcax\xc3=\xc6\xe2\xfa\xfe%\xe6V,\xb6|\xc2\xe6\x03\xdf:;\xde\xb3\xd5\x1f\xb8\x8a\x99\xa9\xd2(u)\x12)\xb8=\xd2=nO\x83\xbb\xb1\xf8\x94\x9bb\xb2\xb2\xa4a\xd1\xf2\xcav\xd2\xe3\x9f\xea\xbe~j\xee/\x83\xed\xf2{\xbfT\x1cq\x87\xb0~\xfe\xa7X\x89/\xff\x16\xe2\xe3r\x0f\xc8\xe7\xd8\xca\x16\x00\x00\xc6t\xa3\x8d\x84\x05\xcf]C\x82\x9d\xa7\x84\x89\x02\x91\xa6\n\xbb\x96\xc8uFiP\xb5\xa6E\xfb\xb9v0\xf3\xbb\xccG\xbf\xd2u\xb6\xeb\x1b\x92Y\x1b\x8eJ\xf6\n}\xc8\xaa\x07\xcf\xde\x9d\x1d\'n\'\xa2&amp;\xc36&lt;\xfaq\xd4\xcd\xad0\xc2y\xd5\xde\x8f\xf5i\xed\xba\xfd`6/K|y\xd1M\xef\xd8\xdb\x8b\x9d\xc1\x1d_\xf8\x99\x89h\xd2\xa5\x8f\xe83l5\xfaJ\xdfB]E[\x1b\xf5\x06\\f\xbd\\\xb6\xeb\x84\xd9\xb99TGO2[\xe3\x9c{\xcd\xde\xcd\xcc7&gt;\xf5\xaf+\xc1\xc4\x95&gt;\xef\x02\x00Nk\xaa^\xc1\xf4Z\xd3T\xfa\x98\xcd\xe5\xbc\xab_\x1c\xb6p\x9f\xfdr\xef\x8b\xcc\xccy\xeaN\xf1$\xd4\xc5\x03\x11\x9b\x04\xd7l\xd7[\x9fw\xbd\xf7\xbc\xde\x1f+\xd6\xcb\x9c\xb5&amp;\xea*\x9a\xbd\x83w\x91\x1c\x910\x1c\xba\xb8ku\xdb\xa6\xc37hNt\xd5\'K\xd51\xbaj\xa4\x86\xbe\x07%2y\xbbJw\xa7\xd5\x93\xd7V\x9a\xa2U?a\xf3\xd6\x9b\x9a\xdaJ\x01\xc0)\xa0\xe7\xac\x1b\x89\xa8B\xa7E\xee\x03\xa5\x87l\x95\xad\xe1\xea\xf2\x90\xea!\xb1\xc7\xb8\x8b\x0e\x0e\x9cw\xfb\xdb\xb2\xab\xd5\rO\xfeMDB\x80e\x7f\xef\xab\xef\xddm\xf3\xaezAq\xa4\xaa\xf8\xe2g\xe6\x0f\\\x83\xd1&lt;+\xf9\x98\xf4&lt;\xbf\xc3&lt;^\xba\xe2\x82\x84{\xa6\xcd+\xb1\x8e\xd0Z\xf6p\xa4\xbf4o0\x1e\xf78\xa5\xa6\xad}\x82\x88L\x170 \xb2\x96O\x08\xc2\x11\xceE\xfaf\xd7\xdc\xf9\xa9yv\xeb\x9c\xbf#Y\x1b\x80\xac\xde\x80U\xba\xbc\xb2\x8b\x81W\xfd\x97\x13\xb6\xa7,\x8b\xf3\xd3&amp;_\xf6\xa8\xa6\x02\x00\x00\xee\x9f\xf0\xd6\xcbQK\xe31\x10&lt;=\xb11\x15F\xa8Cj\xf8\x12\x97\xb0\xb5\xafP\x95\x8a4;+P.\xd2+\xec\xa2\x1d\xafe\xa9\xea\x18\xda\x9a\xbb\x8ec\xe8\xb5Q\xb6U\x94w\x93\xfaID\xcc\xacY\x14/\xa1\xd4`\xe7\xebr~\x97\xe9&lt;\x07\xdf\x8b\'(;4\xf45}\xe8\x82}\xfe\x89\x12\xdax\xbb"\x98y\xd6\xe5O\xd9\xdb\xde\xa3fu\xb3\x1e\xbdW\xb5\x87\xa4\xbd\xf03\xb7;\xf3\xaa\xb6\xe3\xae\xda\xfb\x12\x13\xd1?\xcc\xcc\\\xaa\xf5\xbc@\xef\x94\x99\xdf3\xed\t/\xac:\xe4\xfa\x7f\xc1\xbb=r\xc9}\r\x07KB\x97\xd8\x9e\xfaJ\xacCR1\xe3\x00\xe0\xb4`__\xae&lt;\xf8=Q\xc1\xe42s&gt;\x15\xd6\x8c\x97\xce\xde\xa1J\xb7e\xce]v\xd1m\xdc\x89=\x98\xf9+\xe6/d\xcd\x00\xf9\xdd\xe2\xa8\xa7?\x95\xd5_\xf4\x99\x99\xa8\x8e\xfd\xb2\x8cgA\xc3\x91K\xf6\xbb\xf6P\xe9!\x0f\xbd\x1f\xb2\xc9\xbc\xee\xf0\x1f\xe1N\x0cC\x12\xdf\xc3\xad\xeb\xb4\xeb\x03d\xa8\xfb-\xd2\\1\xab\xcdV\x96&lt;M\xe0\xa0\xf3\xee\x90%\x1c6c\xfd\x93\x9f\xc9\xffj\xa5U\xb93s\xc3\xc1k\xc5\xdf\x13\xd24\xd3\xd7\x1eq\xed\xb1\x87\x1f2\xb3\x158\xdae\xf3\x03\xdfZ\xab\x8a\x05Z\x9c\n\x00N_\xcc\xec\x1d\xed\xacH\xe6\xab\xbc\xf8\xa2\xf7Y7Y\'\x8e\\r\x1f3\x8b\xc3m:M\xda\xc1\xcc&amp;m\xad\x95\xc3\x03o33\xff\x14\xf0\xae\xc8\x9e\xf4)}\x82+\xa8\xcd\xcc\x1f\xa6\xa6\xc3P|d\xf8o\xa0"\xaa\x8c\x8e\xb6\x1a\xf1OO\x88\x17&amp;mw\xf3u\x17^\x14\xaa\xd3\xefR\xb2BV\x95\x1fnRJ\x8f\x99\xbb\x88\xe8$3+\x82]7\x1bq\x85o&gt;\x8f~\xcc\xcc,\x8e\xb4\xb2\x83\x82\xd9\xb7\xaa\xcc\xdcm\xfa\xceD\xbc6\xcfR\xca\xe7n}\xde\xf8\xbe&lt;Q\x7f\xd7F\x82\xd0u\xe1\xc8\xb6`OM&gt;\x00\x00\x11\xd0\\S\xba\xcf\xb8A\xba\xbf\xd5he\xd4FR-\x1d\x93G&gt;\xe8\xc6\x97\xb4z\xf6\x84\x13\r1\xe0\x86I)\x13V\x1c"\xa2FCt\xb1&amp;\x1e\xffL\xde\x99ID\xf9\xea\x9b\x8e\xd0\x91-N\xd5d\xc7c</t>
        </is>
      </c>
      <c r="E632" t="inlineStr">
        <is>
          <t>&lt;class 'numpy.ndarray'&gt;</t>
        </is>
      </c>
    </row>
    <row r="633">
      <c r="A633" s="1" t="n">
        <v>631</v>
      </c>
      <c r="B633" t="inlineStr">
        <is>
          <t>steps_per_sec</t>
        </is>
      </c>
      <c r="C633" t="n">
        <v>9100</v>
      </c>
      <c r="D633" t="inlineStr">
        <is>
          <t>5.0308175</t>
        </is>
      </c>
      <c r="E633" t="inlineStr">
        <is>
          <t>&lt;class 'numpy.ndarray'&gt;</t>
        </is>
      </c>
    </row>
    <row r="634">
      <c r="A634" s="1" t="n">
        <v>632</v>
      </c>
      <c r="B634" t="inlineStr">
        <is>
          <t>Loss/localization_loss</t>
        </is>
      </c>
      <c r="C634" t="n">
        <v>9100</v>
      </c>
      <c r="D634" t="inlineStr">
        <is>
          <t>0.06362802</t>
        </is>
      </c>
      <c r="E634" t="inlineStr">
        <is>
          <t>&lt;class 'numpy.ndarray'&gt;</t>
        </is>
      </c>
    </row>
    <row r="635">
      <c r="A635" s="1" t="n">
        <v>633</v>
      </c>
      <c r="B635" t="inlineStr">
        <is>
          <t>Loss/classification_loss</t>
        </is>
      </c>
      <c r="C635" t="n">
        <v>9100</v>
      </c>
      <c r="D635" t="inlineStr">
        <is>
          <t>0.18042508</t>
        </is>
      </c>
      <c r="E635" t="inlineStr">
        <is>
          <t>&lt;class 'numpy.ndarray'&gt;</t>
        </is>
      </c>
    </row>
    <row r="636">
      <c r="A636" s="1" t="n">
        <v>634</v>
      </c>
      <c r="B636" t="inlineStr">
        <is>
          <t>Loss/regularization_loss</t>
        </is>
      </c>
      <c r="C636" t="n">
        <v>9100</v>
      </c>
      <c r="D636" t="inlineStr">
        <is>
          <t>0.038867474</t>
        </is>
      </c>
      <c r="E636" t="inlineStr">
        <is>
          <t>&lt;class 'numpy.ndarray'&gt;</t>
        </is>
      </c>
    </row>
    <row r="637">
      <c r="A637" s="1" t="n">
        <v>635</v>
      </c>
      <c r="B637" t="inlineStr">
        <is>
          <t>Loss/total_loss</t>
        </is>
      </c>
      <c r="C637" t="n">
        <v>9100</v>
      </c>
      <c r="D637" t="inlineStr">
        <is>
          <t>0.28292057</t>
        </is>
      </c>
      <c r="E637" t="inlineStr">
        <is>
          <t>&lt;class 'numpy.ndarray'&gt;</t>
        </is>
      </c>
    </row>
    <row r="638">
      <c r="A638" s="1" t="n">
        <v>636</v>
      </c>
      <c r="B638" t="inlineStr">
        <is>
          <t>learning_rate</t>
        </is>
      </c>
      <c r="C638" t="n">
        <v>9100</v>
      </c>
      <c r="D638" t="inlineStr">
        <is>
          <t>0.07990289</t>
        </is>
      </c>
      <c r="E638" t="inlineStr">
        <is>
          <t>&lt;class 'numpy.ndarray'&gt;</t>
        </is>
      </c>
    </row>
    <row r="639">
      <c r="A639" s="1" t="n">
        <v>637</v>
      </c>
      <c r="B639" t="inlineStr">
        <is>
          <t>train_input_images</t>
        </is>
      </c>
      <c r="C639" t="n">
        <v>9100</v>
      </c>
      <c r="D639" t="inlineStr">
        <is>
          <t>[b'640' b'640'
 b'\x89PNG\r\n\x1a\n\x00\x00\x00\rIHDR\x00\x00\x02\x80\x00\x00\x02\x80\x08\x02\x00\x00\x00\x83\xaf^t\x00\x00\t\x80IDATx\x9c\xed\xdd[\x88Tu\x1c\x07\xf0YS\x88\xc5\xb5\xa4\x0c\xc1Lj\xb3\x90M)R\x03\x8b|\xf0\x96\x08R)\xb6]\x10\xc2KP\xd8\x83\x90B\xba\xf6`\x98\x10fE\x19\x14\x95\xd1\x83\xdd(\xbcd\x17\t\xa4\x87\xa2\xd4\x08"\xda"\x93\xa4\x17\x13\xc2%\xb3\x90\xf2\xf40\xb9\xed\xee\\\xcf\x9c\xeb\xcc~&gt;/;3\xe7\x7f\xf9\xed\xbe|\xf7\x7f\xce\x99\xff)\x14r/\x08\x82\x10\xadG\xcf\x1d\xd8+\\_\x00HM3D\xd4\x95\x03\xdf\x94\x16\xdc\x9f\xb5\x8d\xfd.\xcd\xf0\x17\x00\x80V$\x83\x01\xa0\xb6\xf1\xb3\xd6f]\x02\x00\x00\x00\xc4\xce\xf9a\x00\x00\x00\x08\xc9b\x1a\x00\x00\x80\xe8\xdaf5\xd6\xafc\xda\x03\xf1\x16\x02\x00\xd4\xe0\x9c0\x00\xc4\xac\xe1\xad\xa9\x00\xa0\xf5\xc5\x98\x91\xe2\x16\x002\xe0\xf9\x07\x00\x90\r\xe9\x0b\x00\x00\x00\x00\x00\x00\x90\xa5\xe6\xbaj\xfb\xc9\xf1f\xaa\x16\x00\x86\x9d\xe6\xfa\xc7\x02\x00\x1a\xb1\xe4\x91w\xb3.\x01\x00\x00\x00\x00\x80fbg+\x00\xc8\x8c\x00\x06\x80\xd8\x8d\xa8~\xb8{\xc3\xde\x84&amp;\xae\x99\xeb\x82\x1f\x00\xe2\xd4@\xb2V\xe8rm\xf4b\x00\x80F\xdc\xbdq_\xff\xeb\xd3\x16\xcd\x00\x0co\x17&amp;4\xae\xf3\xd2\x00\x00\x00\xc4cR\xd6\x05\x00\x00\tk\xf8|\xb2/(\x03\xd0\xca\xf2\x9bp\x17/\xbc\xed\xc1\xd7\xf3[\x1e\x00$\xef\xa6\x81o\xae[\xbc%\xb5\x89\xe3\r`q\x0e\xc0p0\xa1\x9eFo~U1\x147\xef:\x16W)\xa2\x17\x80\xfcj\xefZ\x99\xda\\\xfd\x8984\x1a\xc7-.\x14\xa6\xceY\xf5Jj\x95\x00@s\xa8\x7f5\x19v\xdd\x19\x04\xc1\x81\x9f\x83cA`\xc1\n\x00\xf5\xfa\xf6l\xd4\xd4|\xee\xc3S\xc5\x17\x83\x02x\xdc\xe2\xb0\xe3\xac\xdcz0b%\x00\xd0\x04\xaa.X;\xd3\xab\x03\x00\xc8\x15\xe7\xb4\x01\x00\x00\xc8\xc2\x8c\xee\xa7\x07\xbd\x1f1+\x9b:\x00 \x17&amp;u\xa79[\xef\xb9\xf3\xa7\x85\xdb\x040\x00T\x96\xe8\x95\xd4z\x07\xef\x98\x97\xf8\x14\x00\x10\xb715[\xb4fJ\x8dY\x90u\x05\x00\x0co\x9d\xf3z2\x89\xd8D\'\xfd\xecd+\xfe\xd3\x00@+\xd9\xb6\xfbDCY8\xb9\xf8\xa3\xd8\xf7h\xe44\xed\xaf\xa1s^O\xc4\xa1\x00`X\xd8\xb8\xb3\xb7z\x83\xb0\x01\xff\xfcG}U\x8f\xdfX\xffPS\x16=\x1ejj\x00`\xa8\xd6\xbc\x1a\r\x00\xc9\xbb!\xcd\xc9\xe6\xac\xee\x7f\x86\xd2\xa84\xe7\x05\x80\x9cj\xefZQ\xbdAc\x8b]Kd\x00\x9a[\xa6IvY\x03}\xc6\xcfZ\x1b{\x1d\x00\x90\x92 \x08\x82 \x98v\xfb\xd6\x88\x01\xfc\xf2\xa7g\xa3\xd4\x10ej\x00hV\xbb\x0e\x07\xcf\xee\xff-\xeb*bp\xd7\xa3{\xb2.\x01\x00\xca)\xb3\xdc,y\xdc\xfd\xec\xfb_Ll\xfe\x99\x95\x0eL_\xf6Tb\x93\x02@\xcb\xc9\xc3\t\xe4r5\xd4\xdeq\x13\x00\xd2\x131/\x8b\xdd+\x0f\xd2^\xfcq\xcb\xf2\x1d\x89V\xf2\xc4;\xbf\x84\xec\xe1[I\x00\xe4O\xf5,\xfc\xbb\xe4h\x9d\xd9\x19*b\xfb\x1b\x1f\xea\xab\xd8\xeb\xaf 8\x19\x04yXs\x03@&lt;.\x99\xb1\xa6\x9ef\x11\xc2\xaf\xfcv\x92\xf7n\xda\x1fv\xa0 \x08\x1a\xe8\x05\x009\xf2\xe7\xe0@]\xb2\xee\xbd(\xa3EY\x9bV\xef;\xf0\xe8\xdc\xd5\xaf&amp;T\x03\x00$dt\x94\xce\x95\xb2\xad\xff\xf3\x14\x02\xb8\xe6\x14\x02\x18\x80\xbcj\x9f3\xf4\x93\xb1\x0bC\r\xf0G\xb98\xacr\x7fV\xad[\xb7\xca\x88\x92\xa3#\'/o\xb8/\x00d\xe6\xe3c\xf1/"\xdf8R~\xcc\xef\xfe\xb1`\x05\x80\xaa\x8a\xfbV\xde\\\xf9+F[\xde:\x1eq\x8a\xbe\x92\x85\xefO\xb1\x9eR^\xf3\xcc\x171\x8e\x06\x00\x89sm\x15\x00\xe2\xb4\xe9\xb5\x1fb\x1fsHZ\xe7\'\xbc\x03_#\x06\xa0\xe9\xf4\xa7W\xcd\xdb\xa1K\x9d\x16{\x00\x10Q1\x89/\x9d\xf9p\x9d\x8d\x87\xbc\x00\x00"\xba\xa4f\x8b,\x03\xb8c~\xda3\x02@X\x0fm\xff\xbcf\x9bb\x88\xfe\x1a\xf2{\xbdifpq\x8a\x1d\x07~\xafT\x03\x00\xe4N\xfd\xfbL\xe5$\xcf.\xb8\xfa\xbe:[\xe6\xa4`\x00\x08\xad{\xc3\xde\xb2\x01&lt;e\xd1\xe6\xe8\x9bP\xd6\x1ca\xe9\xfaA\xfbT\x17\xdbW\xda\xdf\x03\x00Z\xd0\xaa\xad\x07\xcb~\xde{.d\x1c\x8eI\xef\x1a\xad\x150\x00yQ\xff\x03\x88\xa2\xb4\xa9el\xe4\x11j\x10\xbd\x00P\xc6\xaeC\xff\x07\xe4\x19a\t\x009w&amp;\xe4\xb6V\x96\xc2\x00\xa4lDKf\xcf\x9e#\xd5\x8ev\xce\xed\x19\xf2I[[[\x82\xd5\x00@\x14o\x7f\xddRQ\xdd\x92\xffy\x00\xd02\xa66\xdc3\x9d\xbd5by\x88\x820\x06 _\xf2\xb6\xbd\xc6@\xa3\xaeY\xfe\xc1\x8f\xff}Q8Dy\x17-\xa8t$\x87\xbf#\x00\xa4\xa4\xfe\x14\\\xff\xd27A\x10\x14\nWx\x92 \x00\xa4\xa7\xfc\xea|\xc2\xd2l\xaa\x01\x80\x14\\\x7f\xe7\x93Y\x97\x00\x00\x00\x00\ty\xa1\xe4A~\xe7ML\xb5\x0e\x00\xa0P(\xf4\xe5\xfe\x06(\xb7h\x01\x00\x00\x00\x004\x83\xb1\xf7\xf4\xbc\x9fu\r\x00\xd0\xfc\xa6/\xdb\xdep\xdf\xcbo]\x17c%\x85B\xe1hf\x17kGf4/\x00\xd4!\xe9\xbb\x99\xb2\xbd[\xca\xbdZ\x00\xe4\xd8\xf8;\xb2\xae ~\xc5\xe8\x15\xc0\x00\x00\x00\xc3\xcf\xae\xc3\xb5\xd7\x82\x13g\xafO\xa1\x92$L^\xf0X\xd6%\x00@\xa1P\xa8z\xf6\xb5\xcc\xa1\x8e\xf9\t\xcdU\xa7/O\x85\x1b\xa1t\xc6}\xdf;\xdb\x0c@38]\xf2\xc8\xbf \x086\xee\xec\xdd\xb6\xfbDi\xe3r\x11\xdb\xd5\xd8\xbc\t]\x97\xbdjn\xcf\x90O\xda\xbbV$1\x11\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00@\xee\xfc\x0b\xa2\r\xb8\x88\xaa\x0f,i\x00\x00\x00\x00IEND\xaeB`\x82']</t>
        </is>
      </c>
      <c r="E639" t="inlineStr">
        <is>
          <t>&lt;class 'numpy.ndarray'&gt;</t>
        </is>
      </c>
    </row>
    <row r="640">
      <c r="A640" s="1" t="n">
        <v>638</v>
      </c>
      <c r="B640" t="inlineStr">
        <is>
          <t>steps_per_sec</t>
        </is>
      </c>
      <c r="C640" t="n">
        <v>9200</v>
      </c>
      <c r="D640" t="inlineStr">
        <is>
          <t>5.363609</t>
        </is>
      </c>
      <c r="E640" t="inlineStr">
        <is>
          <t>&lt;class 'numpy.ndarray'&gt;</t>
        </is>
      </c>
    </row>
    <row r="641">
      <c r="A641" s="1" t="n">
        <v>639</v>
      </c>
      <c r="B641" t="inlineStr">
        <is>
          <t>Loss/localization_loss</t>
        </is>
      </c>
      <c r="C641" t="n">
        <v>9200</v>
      </c>
      <c r="D641" t="inlineStr">
        <is>
          <t>0.022009391</t>
        </is>
      </c>
      <c r="E641" t="inlineStr">
        <is>
          <t>&lt;class 'numpy.ndarray'&gt;</t>
        </is>
      </c>
    </row>
    <row r="642">
      <c r="A642" s="1" t="n">
        <v>640</v>
      </c>
      <c r="B642" t="inlineStr">
        <is>
          <t>Loss/classification_loss</t>
        </is>
      </c>
      <c r="C642" t="n">
        <v>9200</v>
      </c>
      <c r="D642" t="inlineStr">
        <is>
          <t>0.38219467</t>
        </is>
      </c>
      <c r="E642" t="inlineStr">
        <is>
          <t>&lt;class 'numpy.ndarray'&gt;</t>
        </is>
      </c>
    </row>
    <row r="643">
      <c r="A643" s="1" t="n">
        <v>641</v>
      </c>
      <c r="B643" t="inlineStr">
        <is>
          <t>Loss/regularization_loss</t>
        </is>
      </c>
      <c r="C643" t="n">
        <v>9200</v>
      </c>
      <c r="D643" t="inlineStr">
        <is>
          <t>0.038934086</t>
        </is>
      </c>
      <c r="E643" t="inlineStr">
        <is>
          <t>&lt;class 'numpy.ndarray'&gt;</t>
        </is>
      </c>
    </row>
    <row r="644">
      <c r="A644" s="1" t="n">
        <v>642</v>
      </c>
      <c r="B644" t="inlineStr">
        <is>
          <t>Loss/total_loss</t>
        </is>
      </c>
      <c r="C644" t="n">
        <v>9200</v>
      </c>
      <c r="D644" t="inlineStr">
        <is>
          <t>0.44313815</t>
        </is>
      </c>
      <c r="E644" t="inlineStr">
        <is>
          <t>&lt;class 'numpy.ndarray'&gt;</t>
        </is>
      </c>
    </row>
    <row r="645">
      <c r="A645" s="1" t="n">
        <v>643</v>
      </c>
      <c r="B645" t="inlineStr">
        <is>
          <t>learning_rate</t>
        </is>
      </c>
      <c r="C645" t="n">
        <v>9200</v>
      </c>
      <c r="D645" t="inlineStr">
        <is>
          <t>0.07989992</t>
        </is>
      </c>
      <c r="E645" t="inlineStr">
        <is>
          <t>&lt;class 'numpy.ndarray'&gt;</t>
        </is>
      </c>
    </row>
    <row r="646">
      <c r="A646" s="1" t="n">
        <v>644</v>
      </c>
      <c r="B646" t="inlineStr">
        <is>
          <t>train_input_images</t>
        </is>
      </c>
      <c r="C646" t="n">
        <v>9200</v>
      </c>
      <c r="D646" t="inlineStr">
        <is>
          <t>[b'640' b'640'
 b'\x89PNG\r\n\x1a\n\x00\x00\x00\rIHDR\x00\x00\x02\x80\x00\x00\x02\x80\x08\x02\x00\x00\x00\x83\xaf^t\x00\x00 \x00IDATx\x9c\xed\xddg\x80\xdc\xc4\xd9\xc0\xf1\xe7\xce\xdd&gt;\xdbw\xee\xdd\xe7\xde{\xef\xbd\xe0nlc\x036\x18\x0c6\xd8`\x0c\xa6W\xd3L\xef\xbd\xb7\xd0\t\t\x90P\x03\x84\x0e\xa1&amp;@B \x04\x02\x84\x14\xd2\x13\xf2\x12H\x98\xf7\x83V\xda\x914\xaa\xab\xbd=\xdb\xff\xdf\x07\xbc\xab\x95Fs{\x87F3\x9ay\x1e\x11)\xff\xa5R\xe2\xa3L\x1bc(\xb3_\x0ct\x97\xd3PD\xa4\xf3\n\x91F\xde\xb3T\xcc\x14\x91\x8b~\xf0\'g\x8bsj\xff\x0b\xe7u\xff\x05g\xd8\x1bG\xfa\x0f\x14\x91\xee3O\xd4\xce3$f\xed\xf5B\xda\x8d?\xc2X\xb2RJ\xfb1\xbd\xc7*\xa5D\xba\x05\x9f\xa12fM\x00\x00\xbb(\x7f\x03\xac\x94Z{\xfa\x13\xa1\x075\xb4\xfei2\xf0@\x91\xb6\x9ec\xf5\x02\x0f\xbd\xf8e\xfd\xd3E\x87\xdf\x9d{\xd5u\xa5\xf5o\x9f\xddN\xb3?l2f\xafK\xbd\x15\xab3Q\xa4\xcc*\xb0\xf3\x94c\x8c5\x9f\xb9\xe1&amp;\x91n"\xdd\xf5\x9f\xa5\xcd\xd8-\xb9\xf3L=\xce\xd9\x7f\xe6\x86\x9b\x94RRw\x92\xf5\xf6g_y\xdb\xd7\xb4\xf7"\xbb\x96\x0c\xbf\xa5\xe6\xc3\x0e\xce\xaa(\xb7\n\xfd\xcd\xe9w~T\x9c\xb3\x00@\x11D]d{\x16Zx\xf9\x04\x916"b5\x9cn\xfd\xec\x17\xd5\xda\xc6*\x91r\xf1\xf5\x95\x97n\xbd\xcfz}\xfa\x9d\x1fI\xc7e"2|\xf9\x05\xdes\x05\x1a\xd8~\xfcV\xfd\xfd\xeaS\x1e\xd1\xde\x15\xf43\xee@\xfa\xcc=\xb5\xd4UH\xa9\xbc\xc7\xeaRW\x01\x00\x12\xba\xfc\xd1\xbfy\xb6X\r\x95\xb1\xb9rwL\xcb\x0b8\xed\x80\xa0\x0f\xb4\xf36\x88(\xa3\xddR\xd1j;j\xe5\xc5"\xddn|\xee\x9b\xdc\xa7\xf5\xa74\x1a\xb0\xce\x19\xac\xf6j\xb5PDZ\x8d\xde\x1cZ\x81\x9dB\x87\xddc\xefZ\xb9\xb3\xfd\xec\x00\xb0\x03\xc9\xf8\x12\\\xb5[\xe8\xc7\xfd&lt;\xefo~\xfe\xbf\xf6\xcb\xb1\x915\x89\xd8\xa1z\xcf\xf0\xc3\x1d\xaf\xfd=\xf0\x86\x03\xbb\x98\xa6\xa5\xae\x00\x80]\xd8\xef}\xed\x905\xb4\xab[t\xf8=\x01G\xb7\xcb\xb62uz\xae\x11\xe9\x93\xea\xd0^\xaew\xad\x16fQ\x9d\x1d\x9da\x12\xd9\x8e,\xe3?6\x00(\xb1\x98\x1d\xc1\xdcne\xe3\xd2\x9d\xa5n\xaf}^\xfa\xf3\x0e\xde\xe3l&gt;7\xe1\x014\x18;\x87\x1e\xa5\xae\x00\x80\x1d_@[\xdb0\xden\x99\x9c\xabK\xe1%\xc7V\xbc\xf6\xafQ\xf4.\x00\x00\xd8\x02f\'\x15Gx+~\xc6]\x1f\'*m\xe6\x86\x9b\x12\x9e\xbfy\xc2\xfd\x11_\xaf\xe8]\x00\x00\xa5U\xa4\x89N\x1f\xa4-68\x88G\xa1\x86,=7\xc3\xd2\x00\x00\x88\xeb\x95\xbf&amp;o\x14\x1bNMy\xb2fsR\x1e\x08\x00@\xedS\x93\x0fhQ\x0b\x05\xae\xd5\x06\x00d\xc93&gt;\xfc;\xd6\xc5\x96Z\xfd&gt;kK]\x85\xda\xa6U\xee\xdf\xf6\xf1\xa3\x8b\x00\xc0\x8e\xc0\xd3\x06W\x0e\xdfX\xaa\x9a\xec\x08\xfa\x97\xba\x02ET\xb7\xd7&gt;\xa5\xae\x02\x00\xec2\x94R"\x1dJ]\x0b\xe8Z\x97\xba\x02a\xdc\xe1\xb2\x07\x95\xac\x1e\x00\x80]S\xd8\x84\xe7z\x93k\xb0"Y\xdat\xd1K\xa5\xae\x02\x00\xec\x1a\x8c\x89\x08KR\x93\x1dP!I)\xf26^\xf0B\xe1\x85\\\xf5\xa3\x7f\xc5\xdd\xb5\xf1\x8c\xc2O\x07\x00\xd8\xf1\xc4o\xe0\x17m\xb9;z\xa7\xcc$\x1d\x84\xafW\x94Z\x88\x88\xf4-Z\xc9\xd1\xb8\xfd\x02\x80R\xc9r\x86\xd1N7\xa1\xda\x9b\xc4)k\xa32(\xa3\xc5|\xfd]x.\xe4\x0cNg\x96.\x91F\xcd\xe1&gt;\x03\xc0.\xa5I\xa9+\xb0\x03)\xf4\xbb\xba\xf9\x85\xff\x89H\xf7\x99\'%9(*\rsJm\xb3)\xc6No|\xc7\xab\xb4\x9d\x00vL\r\xfa\xee\x17\xfay]\xd7\xbb\xce{\x14\xb3.;\x8a\x1de\xdd\xd1\xe0\xc0OZ.(\xa4\xdc\xb7\xfe\x9d\xa6\xcd\xa3\x97\t\x00\xb5\xc4\xf0\xb6c\x0f/u\x1dvH\xfb\x9d\xf1\xa4\xf3zgh\xd5\n\xbb\x1b\x00\x00\xe4\xfd\xc5\xdd*|\x9d\xac\x91(\xd2\xc8\xe7.\xa9\xd3\x8aR\xd7\xa0ftMu\x14!6\x01\x94V\xbb%I\xf6.y\x12\xf26\xbe-\x19=S\x04\x00\xa0\xc6\xb9\xa2\x17)\xa5L\x03\x9b5&gt;g\xaa\xf5\xa2\x98;\xbe\xf5\xe5\x8e?\x0c\xbb\x13\xa8\xda\xad\xd45\x00\x80\x1d\x92\xd6\xb5m\xb7T\xa4\x85\x88\xf4\x9c}\x8at]io\xed^su\xa9\x98Ys\xe7\xc2.\xa9a\xbf\xfd\x93\x1f4\xdc\xfa\x87\xe8`\x00v97&gt;\xf7M\xa9\xab\x10\xac|B\xa9k\x80\x1a\xb23L|\x03\x00[\xd3RW K\x1d\'\x1dU\xea*\xec\xb8\xd2\x85\xec\xa8\xe1\xdc!\x1dk\xf6t\x00va]\xa6\x1c[\xea*\x94\\&gt;\xe8\x15\x1d\xa0\xf8\xd6\x9e\xfe#\xe7\xf5\x9am\x8f\x96\xb0&amp;\xb6v\xa5\xae\x00\x00\xf8\xec\x88\xed\xca\xca\xe3\x1f\xac\xf9\x93\x06\xad\xaa\xaa\xd3su\r\xd7$\xbe\xfe\x0b\xce\xa8\xc1\xb3\xb5(f\xe1#\x8bY8\x00\xc0eX\xe4\x1e;\xe2\xddCv\xda\x97\xba\x02\x19\xaa(u\x05\x00\x00\x9aX\xedk\xbb\xa5E;\x7f\xfd\xdc\xbf\r\xa6\x14\xed\x145m\xfc\xea+J]\x85\x1d\xd5\xae}\xb7\x07\xa0\x88:\x97\xba\x02\xb1\x8cXq\xa1o[\x8a\x10ZI\xd7V\xb5N~\n\x84hT\xea\n\x00\xc0N\xa8\xe0\xfc\xb8]R$~\xe8\x12\xfcQ\xf486\x00\x00\xa5\x15\x12Y\xb7n\xf0G\t%\x0b\x81\x99\x92i\xb40\xa2\xd7;d\xe9\xb9\xc59\xef.\x8e\x87\xbb\x00\x90\xd8\xa0\xe8]j\x13\xa5\xd4\xa9\xb7\x7f(vL\xcd\x7fhma\x9c\xf8GO~bn;[\x8f9,\xab\x1a\xee\xd2Z\xcc+u\r\x82Xs\xd9Z\x86\xef\xc4\xad\x15\x80\xac\xd8\xd3\x8b*]\x81|w\xe8\xab\x8c\x13\xcb\xfa\xac{?\xf5\xc7\xb5\x1e\xb6\xec\xbc\xe4E\x8e\xc9\xa8j\xa8\xf5Zys#\xee\xd0\xff/\x00@\x8dr\x1a\xdd\xe7~\xcf\xa5\xb3v\x19\xb3\xd7\xa5\xa5\xae\x02\x00\xd4J\xfd\xe6\x9f\xee\xbcVJ\xcd\xd9xk\x16\xa56\x0c\xfe\xa8*\x8b\xf2\r\xf69\xf51\xcf\xe03\x90\xa1\xb7\xff\xc3\x9f\x16\x00\x04\xab\x18\xbc\xbe\xd0"\xca\xc6gQ\x11\x14\xea\xb6\x97i\xf0\x00\xc0g\xa7zH\xd6yE\xa9k\x00\x00\x00biS\xea\nX\x1a\x97\xba\x02;\xae\xb6\x01\xdb\x83\x1e\x91\x14\xbc\xc6\x1d\x00\n\xd5q\x99ik\x9a\xb5\xc2e\xdd\xf7\x8e\xb7cqc\'u\x98pdQ\xcb\xcf\xca\x8c\xf57\xfa7\xd6\xeb\xbdo\xcd\xd7dgr\xc0Y?.u\x15\x00`\x97T5\xe2\x90x;\xb6*n=P\xa3\xca\x9dW;\xd5\xc3\x14\x00;\xa8;_\x0b\xbb\x12u\x9bqB\x8d\xd5$k\xc3K]\x01G\xb3X{\xa5\n[Q@C\x92"\x9ev\xc9\xa5\x0c\xd0=~\r\xe9(\x00\xd4JQ\x17\xf1\xa0\xc7f\xbb\x92\x86SK]\x83 $9\xc8Jv\xb1W\x01 \x9e\xe6i\x0ej05\xe3Zdip\xa9+P$!-D\xff\x9a\xab\xc5\x8e\xcc\xbe\xd7,+q=\x00 \xa1\x8e\xa5\xae\xc0\x0e\xab\xd3\xf2\xa2\x9f\xa2\xcb\xca\xa2\x9fbg\xd6]dt\xa9\xeb\x00`\'\x152\xce\xbc\xf8\x88{DF\xd4de\xb0\x0b\xaa\xdfgm\xa9\xab w\xbd\xce\xdc+\x00%0\xb2\x80c\xcb\xa3w\x81\x88\x88\xb4\x18\x19s~u\x12\xad\x16f_\xe6\xce\x89\xb1e\x00;\x85\xd0\xc9Y\x95iJl\xbf\xbb\xfd*\xc53\xcb\x1e\xb1\xf7\x8c7\xeb8J\xabQ\x9b3)\x07\xb5L\'\xe3V\x16&amp;\x01(\xae\xe9\x07\xdc`\xbf\x8c\xd3J5\xc9\xfa\xfc=\x07.:+\xeb2\x81l\x10\xde\x04\xc0\xce\xad\xa2\xd4\x15\x10q\'\x83\x12\x91#\xaf~k\xfe\xe6;\xac\xd7+\x8e\xfd\xbe\x95\xe5\xf0\xd0K^\xb1^4\x1d\xb2\xa1\x14u\xac\xa5\xec\x9ebg\xa7\xb9RJI\x07c\xa0\xb4\x1a\xd3-\xd9\xde;\xf0\xeav\x00\xc8\x9eg5T\xf7\xa8\xfd\xc7fq\xd2&amp;\xd3\xd6]\xef\xda\xd0v\x89\x9dc8?\'\xd6\xc9:\\\x0b\x84\x8d\xc3\xff5I%\x8f\xba\xfa\xad\xc2\xcf\x08\x00\x88\xc3\x13E\xa8ip\xa32\xcc\xf3\xfe\x90\x8b_\xb6_F\xb6\x8bn\xe5z\x8e\xbf\x88\xb0\x8e\xe5=V\'+&lt;\x96\xc6\xe6\xd5Sm\x97\xd8\xafZ:\xdbz\xcc&lt;)\xb0\xadm\xb7\xb4\xd6\xb4\xc1\x00\x80\x1dL\xbfRW HnR\xcc\xac\x83n.F\xe9\xabOy$\xe6\x9e\xca\xa6m\xeb4b\xc5\x05"MD\x86\xd5\x8a\x06\xb8\xc9\xccL\x8b\xab-\xd1:\x0bH\x8c\xc1\xb4g\x00;\x11\xa5\x94HO\xf7\xb6\xae\xa5\xa9J2A\x19\xe5Z\x06l\xf725\xc0\xed.z\xe8\x0b\xa5\x94\xc88\xa5\xd49\xdf\xfdm\x81U\xace\x06$\x9b\x8e\xder\x81\xf7.\xa4\xce\xc4l+T"\x11\xc1\xe0\xda\x8e;\xbcf\xea\x01`\x97\xb0\xe2\xd8\x07J\x97\x91-f\xf0K\xcfpw\xfd\xa8\xfd\xdb\xc7+6\xa8=\x1e\xa84\xceV\xa5\xd4\xa5\x8f\xfcED\xf68\xee\xc1\x80\x03\xab\xe3\x9d\xb7\xd6\x99\xb9\xfe\xa6\x02\x8e\xae\xcc\xaa\x1a\xd9)p~\x1f\xb1\xa0\x01\xec\x14\x06-\x0e[n\x142\x9c\xbb\xe2\xd8\xef\x17|\xf2\xa1\xfa\x9b\xfe\x0b\xce\x88y\x98\xbb\x01\xd6W\x8bZC\xb5\xe3\n\xae\x18\x00`\x17\x97\xd1\xc8a@;Z\x19\xb0{\xd0\x10q\x9c2\x1duE\xda\xc5)\'v\x81\xae=\x8d\x9d\xe0\xa4\xe5\xc4\xd2xF\xe2C\x9a\xcd\xf6l(Np\xc7\xda\xf2`8\xbeb?\x9e_p\xd8\x9dE-\x1f\x00\n\xd0:&lt;Vbv\xe9\x89Z-\x90N+"\xf6\xb1f,\xd7\x9bl\xfa\xaco\xf8\xa1N\xeb{\xfbO\x94\xbe\xd2)\xa8U\x8e%,\x90d\x874\x05\xdaN\xbf\xf3\xa3B\x0e\xdf\xe9\xa4\xca\xeb\x05\x00;\xb8\xcab\x16^\xa4\xf9\xdb\xe6\x15\xaez\'\xf8\x03o\x87\xb8v\xf5\x0ek\xc5\xc4\xec\x9dW\xef9\xdbJ]\x05\x00\xd8\xc1\x19\x1a\xaa\x86\xd3|{\xe5\x97\x0b;\x8d\xee\xe4\xfd\xae\xf9\xed\xae\xd5\xc85\xca\xa4\x94\x89\xfb\\\x95I9\xd9\x9a\xba\xee:\xb1\x7f\xb9\x9f\xefZ\xbfV\x00;\xacZ\xdc\xd3\xea\x1ds\xbf\xaa\xe1\x9b&lt;[B~\xa8\xd4?o\xe1_\xd4\x9fk\xe8\xabN\x18P\xc5\xad\xc9\xc0\x03c$\x87\xf6\xb4\xe5\x03\n9c\xa4\xf0\xb9{\xca\xe7g\xffW\xc03\x05\x00H\xe7\xf8\x1b\x7f\xae\xbf\x9ds\xf0\xadY\x94\x9aM\x02"\x8f\xb2\xee{\x17\xa3X\xcd@\x11\x11iQ\xe4\xb3\xd4ZCk\xeaD\rj\xeaD\x06N\xa3\xfb\xec\xef\x8a&lt;\xb1\x0e\x00vR\rM\x1b{\x85\x1c\xe0\xba\xbcv\xdb\xcb\xbcS\xa3\xe9\xa1\'\x1d\x1d\xfa\xa9\x14\xe9\xce\xa3v\x1a\xb7\xfar\xe7u\xb7\x19\'F\xee\x1f\xdd\xbcU\xceMS\x8f.{$\xda=|\x02\x9dRj\xaf\x93\x1e\x16\x91\x96\xa3\x0eMS\x19\x00\xd8\xf5\x94{\xdew\x9cx\x94;\xf4\xb4\xcc\xd9\xe8\xeb\xdcW\xcc*Nev\xacf\xd8s\xd7\xd2UD\xa4\xf9\xdcd\x91(\xca\'dX\xa1D\x92v[\xed\xd6\xd7\xfc\xb4b\xf2\xda\xab\xe9\x07\x03(\xb6z\xc9\x0f1\x05\x8dj\xb9\xa0\xe0\x9ad\xc2\xa9\x9b9L\xe6\x8d\xcf}\xe3\xfd\xa8\xd1\xf4\xcb\x1e\xfd[py\x05\xfe\\1\xe3p\x95Z\x8b\xf9\x01\xdb\xe7\xe9\xef\xd6m\x7f\xaa\xe035-\xb8\x84\x0c\n\xfc_P\xf7\xb7\xeb*k\xe3iw\xfcZ)%\xd2\xb6\xf0\xfa\x01@\x86\xba\x94\xba\x02\x19j\\\xbc\xa2ct\xa1\xfc\x8f\x99\xbd\x9d\xe6R\xf4\xc3\x92\x04\x82N\xaa\x891\xd2H6\xb3\xac\xcd\xe5T\xee\xe6\xdf\x16\x1dY\xa5l\xbcR\xca31\x02\x002WP/\xad~\x9f}\xb3\xaaGR\xed\xc6\x1f\x91E1\xc3\x02\x1e$\x97X-\x1f\x02\x1d\xbb\xf7e\xa5\xaeBz\x9e\xc9\xcf!\xfb\xd8\xef\x9a\xd4X\xdd\x00\xec\xca"\xc2B\xd5^\xee\xf1\xd2$\xfa\x04~R\x7fJ\xca"\xab\x0c\x1d\xaf\x92i\xb38\xcdQ\xc5Mj\xe4Y\xf2\x94\xd9X\xfd\xfc\xcdwD\xee\xe3m\x80\xb5G\xd7\xfb\x9e\xf6\xb8\x88\xac:\xe1\x07\xb5\xfc\x06\x08\xc0\xce\xe0\xb0\xcb^- \xf1\xaa\xa5\\DV\x9d\xf0P&amp;\xf5\tU\xf0\x88q\x83\xa9\xda\x9b\xa00\xd4=\xa5\xf5\xa2\x02\xcf\x93\xd5\xe5\xbb\xf8\xcd@\x9d8;\xd9\x11**\x8bY\x93\xa4\xbay\xdeo\xbf\xe7\x93\x98GF\xf6\x80\x95R\x8d\x07\xac\x13\x91\xaa\x11\x87\x14XK\x00\x08\xa4\x94\x8aZuS\xcbY\xcbve\xbf3\x9e\xac\xb1S\x1a\xae\xdae\xe3M;\x16\xe1DE\x11\xa3\x03\xda\xb8\xa0?\x92\xea\xe9\xc7\xfb\xb6\xa5\x0b\xe1\xd9/\xc6\xf4\xf2\xb2\xa8\x1d\x9a;\xad\xef\x94\xfd\xaf\xf5|F,\x0e\x005$\xe0Z\xd3&lt;\xc6U,ka\xf9\t2\x90\xffI\xbd!\'\xe3\xb4\x04\x95"m\xc2\xf7\xd8\xf3\xc4\x1f&amp;\xafTD[\xf2\xf6W\xb5\xbf%\x08\x1e\x96\xc8M\x80\xb2&amp;*\x87-\xce\x8e\x96\xbfG4\x84\xebJ\xd5d\x0e\xf5\xf4\x83\x9b\x0e\xde`\xbd\xe8&gt;3z53\x00d`\xe5\xf1\x0f\x06\xaeBIE)5w\xd3m\x19\x16h\xe97\xfft\x91AA\x9f\x0e\xdd\xfd&lt;\xd3fOf\x05s\xcaB\xa5T\x91\xd7\xec\x8e\x0c\xfd\xb4\xa0\xdcG;\x84\xd3\xef\xfcH\x1b1\x8e\xf9\x1c\xc1\xf5\xbb\xdev\xdb\xafBw\x8el\xdd\xbd\x0b\xc4uG\\\xf1\xbaoD\xbas\x8c\x1a\x02@F\xe2\xcc^\xd1\x14\xa5\xc5\xaa\xdbk\x1f\xf7\x86\xecR\x16:\xba\xae*\xb0\x00sg\xab\xd9\x9cL\x8a\xf2m\x19c&gt;\xb2\xc3\xb2xg\x08\x1a\xc6\x188x\xc9\xd9\x86\xcdu\xf3\x13\xaf\xde\xf7\xd6$n\x17\xf6\xe0\xf3_\xd0\xdf&gt;\xf7\x87\xda\xdf\x89\x07\x80\xd2\x18\xf4\xc3\xf7\xf3\x97\xc8\xfa}\xd6\xa6\x99\x93\x95\xaa\xf9I\xc2\xbf\xc4\xb3\xb2\xc8g\xacim\xc6n\xa9\xc1\xb3\x05M@\xb3\xa2_\x89\x88\xb4\x1dwx\xba\xa2k\xf0\x19\xea\xd0b\x16\x1e\x99X\x02\x00\n\xf3\xa3Ob^+=\xf3t\xf4H\xfae\xa3V^\x94Y\x85L\x9a\x0e\xdeP\xd4\xf2#\x9f\xef\x8a\xc8\xe8U\x17\xa7+z\xe8\xb2\xf3j\xa4A\x1a\xe7\xdb2\xd6\xf5\xae\xcb\xca\x9b_\xf8\x9f\xff\xb0\xfa}\xd7\x06\x04D\xcb\x17X1h\xbd\xe7\xb3\xcaa\x1b\xf5\xb7\x0b\xb7\xdc\x15V\xb5\xb6KDD)\xf5\x89\xe1{0\x0e\xf6&amp;\x0f\xf6\x92.\x824\x00\x94TE\xaa\xe6\xa1\x90\xc1akX\xb56\xe4\xb1\xcf\xaf\x00\xbe\xe6\xa9\x7f\x07\xeddED\xaa\xdfgm\rT(\x86\x1a\x8eD\xd6j\xfc\xea\xcb\xdd\xcb\xb7r\xf68\xee\x81D\x05\x95zjq\xfd\x92\x9e\x1d\x00L\xec+c\'\xdf\'\xde\xa5\x96"\x12\xd0Y,F\xd0\xe3\x14q\xaa\x0b\xd3:r\x1a\xf60\x11i&gt;\xec\xe0,N\xd63\x8bBb\n\x9b\x82\x94\x84\xf7\xb7\x1c\xd9\xa6zw\xa83QD\xce\xbe\xef\xb3Xg\xcbG\x91L\x9b\xa8\xb8\xf3\n\xc3\xc6\xa0\x14X\x00P\xb3\x86\x88\x88H\xab\x02K\xc9\xb0s\xf3\xc2\x17Y\xf6\x93z\xcf\xdd&amp;\x9dLWaG\xc5,\xa979vy\xfe{\x94H\xed\x0e:\xef9\xdf\xc6\xce\x83\x8cs\xa0R\n\xfc\xf5M?\xf0\x86\xec\xce\x92T\xb3LR/\xfcZ\xa9{\xdf\n\xf9\x93(n\xbf\xb6\xd4\xbdv\x00\x88r\xfbO2\xbcN\xa5\xee\xf8\x0e\xf1mi\x13\x10&gt;\xc2y\xeeX\xd9j\xd4\xe6\xe0\x02\xfb\x05\x7f\xa4\xa7T\n[Gt\xc33\xff\t\xf9t\xd7R1\xb3\xb0\xf6,u\x90\xd4\xe1A\xd9\xb1\x92\x1b\x9aQ9\x00\x90\xd6a\x97\xfe\xa4\xd4U\x88\xd6l\xc8A\xda\xbb\x11\xf9\x97\xf5&amp;G\x84\xd7\xaf\xf2\x84\x95\xae\x88u\xbe\xba\x93r/L\x19x\x8a&amp;\x93\x81\xfa\xe0h\xd8Q\x86-3\xae\xc0\xb64\xd3z\xe7\xf6w\xe8\x8d\x82\xe2R\xa7\xe7\xea\xe4U\x88\x1f1f\x88\xc8\x80\xe4\xe5\x03@\x11\xed\xac\xf3S\xbc\x8bh\xdb\x8d;"\xa4\x13\xa6\x94\x1a\xb0h\xbb\x18&amp;]\x1b\x9f\x85\x87\xd9\x7f\xfbS\xa6\x1eyb\xe7|\xf7\xb7QO\x8b\xab\x03\xb6\x9b~\xa7\xb9\xac\x03\x01k\x8bc\xdb\xfb\xe4\x87\xb5w\xa6\xfc\xd0\x05\x08\n\xce\xac\xbf\xed9\xfb\xe4\x8c\xceV\x1bf\x02\x02\x80I\xb3\xa1\x07E\xef$""\xbb\x1f\xf9\xdd\xa2\xd6\xc4-&lt;\x85\xc0(\xd7\xbb\xca\xddb\x86\xe9?\xe8\xfc\xe7\xad\x17\xb5\xf6\xc9_\xea\x8aM^{M\xb65\xb1\xac;\xeb\xe9b\x14\x9b\xce\x86s\xfd\xcf\xda\x1d\xd5-G\x1dZX\xf1\xf6HC\xc5\xcc\xc2\xca\x01\x00\x9f\xcfr\x17\xf7.S\xf7\xbfN\xdfn\xb7^C\x83\x0e\x1c\xbd\xe7%E\xac\x16j\xd6\x83\xbf\x08m\xe3\xcb\xc6\xff\xaa\xf4w\'\xfe\xa8,a\xde\xfd:\xa0\xc2\t\xf2-\x0e0-\xb3\x06\x80\x8c|Z\xfa\x0bk8O(\xc4\x81\xa5\xa9Ef\x82cQ\xd5\x10g\\=uTQg\x92s\x17\x91\xde\xce\xd6\xfe\x0b\xceL\x9c\xc9C\xcb\xffh\xf5\xf2S\xf4\xf5_\xfd[\x9cC\xfa\x89\x10\xb5\x03@\xad1|\xf9\xf9\xbe\xc0\xbf\xb5\x85s!N\x1a\xa9Q)\xf5\xcc\xe7*`\x8ar\xdc\'\x7fW?\xf9\xa5\xfdrX\xa2\xb3\xef\n\x0cm\xa47"i\xe5\xcc\xf579o:O9f\xf0\x92s|_~o\xa5\x94H\xdd\xb0bE\xc6\xad\xbe\xdc\xbd\xc10\x97j\xf4\xaa\xa2\x8c\xc4\xc4y&amp;\r\x00\xc5\xe6d\xf5\x89\x13\x8c)\xc1t\xd3^s\xb6%\xaf\x8c\x9f78\x97\x15\xc1*\x8dvKE$$\xf9R\xb1\x8dZy\xb1\'\xe0\xc9\x80\x85\xdb\x0b(/\xab@\x1cA\x9az\xff$\xca\xbd\xd9\x91\x95R"\x1d\x94R\x11A+M\x94Rz&amp;\xab\xe3nx7\xe6\x80\xb0\x15As\xdbw\x9cLJ5\x1cD\x0c\x00Rk\xb5 \xf7\xa2\xed\x12\xeb}\xc9j\x92@\xf3\xd4G\x9e\xf3\xdd\xdfv\x99z\\\xe8.\x89\xa7C\xc7\x17\xd12\x159YrB\xa1-zhf\x8e\x14\x1d\xca\x9f\xfe_6\xdd\xcd\xce\x93\x8f\xc9\xa4\x1c\x00\xc8\x8cv\xf93Dx.\xeb\xbew\xd1\xce\x9cl6\xcd\xae!|\x82w\x02\x01\x19,\x9a\x1ao#~\xf8\xbe\x8aZ\x9e\x14\xf0\xa8\xd8^\xfd\xbc\xf1\xc2\x17E$\xebg\xf3\xfa\x02\xe5a\x91]\xd8\xbf\'\x19\x19\xfeV)o\xbe\n\x00(\x91\x11\xd1\xbb\x04i\x9e\xef\xf4\xcc\xddt[\x06uI&amp;\xdb!\xd6j\xc3\xb6F\xc6\x88Zy\xadG\x1f\x96i\x1d\xd2i\x18c\x9f\x0c;\xf1!\x91\xc2\x8a\xa6|BP\xe0\xf1\xef\xbc\xe2m}+\x87o4\xee\t\x00\xb5\\\xbc\xf0O\xa5\xf6\xf8G\x85\x8fO6\nH\x8a\x97H\xdc|\xf5\xa5\xd55b\x8c\xbd\x08\x9a\xce\xb6_\xa5\x88\xb7\xe5\x04!\xc9\x8d\xcd\x84\x0eV\xc7\xb9\xb7\x18\xa5\x94\xea8\xe9\xa8\xe0\x1d\x1a\xbb\xdf\x16#\xcb\x08\x00\xe8\xba\xae\x9c\xb6\xeez\xf7\xd5\xad\xd2\xdb\xa84I\x1d\x82 4\xeec\x86\x1aO\x17\xa9\x9f26Sq\x97\xa6\x84\x0c\xb6;c\xce;F\x13\x9e\x849J\xf6QW\xbf%"\x89\xef\xf0r3\xe3\x02\xb5\x1c\xa9\x85\xda\xc8\xc5\xfc\x8a\xc6|f\x00%\xd2&amp;\xb7\xfeR)\xf5\xbdw\xd4\x8bZ&amp;\xa2{\xde\x8c\xbc0\xf5H{\xd6b=\xfa\x8d\xb8\x98\x1aC4\xb7\x9c\x9f\x7f\xdduU\xc6\x15*X-o\x1e\xba\xcf8q\xfe\xe6;\x02\x82e\x8e\x16\x11\x91\xe6I\x92M\x89\xe4~\xe4\xfe\xc6\xed\xd3\x0e\xb8&gt;\xea\xc0p\x89\xffb\x07\x1b\x93V\xc5n\xdd\x01 DS\x89{\x95\xaf\xeb\xdd\x10\x1aU?H\xfa\x16%?\x92\x99\x89\x98s\x85|C\xd3e\xde\x056\xf1\x9dt\xcb/\xe3\xedX\xebCs\xb7\x98\x1f\xb9\xcb^\'\xfd0\xe8\xa3\xbe\xf3N\xb3_60}n^\xc0\xd6u\xda\xf1\xae&gt;n\xb0\x8e\x93\x8e\xb6\n_\x7f\xee\xb3q\xf67\xf2\xfd\xa1\xb63\xef\x07\x00\xa9\xedy\xe2\x0f\xb2(&amp;\x17\xd7\xe9\xed\xff\xd4D\x8fm\x9fS\x1f\x0b\xfd\xdc\xca=\xe7\x9e\xd1\xed\xea\xb5\xd4\x91\xd6\x8b\xdeIVU}4uL\xc8(\xf7E?\xf8Sp\x95$\xbb\xbcx\x9a\xce{\x88\x88\x96\xfb\xc1\xb9\xb7\xa8\x0e\r9\xe2&lt;\xecl\xd2v\xec\xe1\xd6\xab!K\xcfM~zmvt\xcc\xae\xa1\xb6\xa4\xaa\xcb\xd4c\xf5O\xacf\xaf\xf1\x80\x03\xfc\x07\xad;\xeb\xe9$\xc1#e\xcd\xb6G3Y\xf8[\xcb\x07!\x00\xec\xd0\xcc1\rV\x9d\x90I\xc3\x1c\x9fa\x05TJ\x1d\x96eVT&lt;\xaf\xfc5\xebkt\xe3\x19\tvv\xd2 \xe6\xf8\xc3@6\xf6m\xa9\x19\xd6=Aw\xcf\xd6\x04MZ\xa7\xe5\xf6\xab\x90\x11\x8b\xa4\xadl\x0f\x11O \xe8\xb6\tK\x00\x80\xcc\x94+\xa5\xaa\xa7\x1f\xafmi\x1a\xb8o\x8a)N\x9dV$\xafRB\x8d#\x96\t\xc5\xd6^D\x06/=\xa7\xe0B\xe2?\xe7\xee,\x86P\x8b\x19\xf1\xb6\xcd"M\xccM\xbbR\xaab\xf0\xfat\'\xd1\xb2\x13V\xa6+AD\xb2\xcdu\x9fk\xe3\xb5\xa7\xfe\xd6\x96\xdesO=\xff\xfb\xbf\xffI\xac\xa8\xd11\xca\x07\x80L|\xf7g\t\xaf)\xf1\xa7,\xe9#\x93\xcd"\x1e\xe5v\x9dV\xc0:\x99\xb6\x8b\xd3\x1f+""\r\xfb\xef\x9fh\xffF\xfd\xd7E\xeeSk.\xd6\xadE\x02S\x00}T#\x95\x8c\xfa*\n\x7f\xcej|\xa8,"\xb2\xefi\x8f\xfb7\xae8\xf6\x81\xf4\xa7\xea\xb6W\xfac\x01 #\x01\x99\xe7\xcb\xc6\xd5T\xdbS1h\xf1YQ\xfbd\x957\xde\xbf\x98\xd57=m\xc7\x10\x94^"\xb0\r\x8b#\xfc7^\xf8\xdfC\xbe\x84\xdc\x93o\x0f\xef\xc8\x8dR*\xfcW\xdfz\x8c?\x82J\xb5\xf3*f&amp;i\x00(X\xe7\x15J\xa9\\W\xc9%2HV\'\xf3f\xff\x10h)\x8c\xdd\xfb2\x11\x11\xa9\xf3\x99\xab\x01H\x982/S\xcd\x87\x1d\x9c\xf4\x90\x82\xc6\x06\x02\\\xf8\xe0\x1f\xf5\xb7_\xa5M\x05\x18[\x1d\xadp\xd7\x93\xe9\xfc\xf6\xc0\xe7\xdf\xc5J\xa5p\xdb\xcb\xd1?\xefok\xcb0\x06\x80\x9dU\xdd\x89\xf6"\x90t)\r|\x9d\xa7\x16\xf3C\x16\xd5\x8cXqaHYM\x06ZSa\x8b\x95\xf7w\xf2\xdak\xdc\xdd\xd9\xcc\x820\x17Ao\xc3\xb6\xaay\x9e\r\xdf\x7fWY\xec\r\xf5\xa2\x82tZ\xf7U\x19\xaez\xea\xeb\xdf\xd4\xa0\xef~\x01;\xa7\x189\x08\x8d\xb5Y\x7f\x8aoS\x1f\x11\xe91\xeb\xa4\xa4k\x91\x1d\xe5=V\xa7;\x10\x00J.d2W\x84\x96\xa3b-\xfa4\x89\x95\xab\xce\x96\xa2\xf9\to9\xccw\x0c\xbb\x1d\xf2\x9d\xe4\'\x8aK)\xb5\xfa\x94G\xf2\xef\x93G\x8aXp\xd8\x9d\xb1\xf6k\x1f\x11\x8eJ\x8f\n\x9e\x89=O\xcc\xaf\'\xce\xb4k\xee\t\x1eR%-\xe7K\xd3Y1\x0e\x1c\xd2v\xdc\x11\xd9U\x03\x00\xc2\xaen\xe1\x81$\xdb)\xa5B\xc7\xa8\x07T\r\xdf\xe4\xac\xf4\xf0\x9ce\xc2&gt;W&amp;\xa9\xa3#\xe0\xa9\xb3\x88\x1e:\xa3\xf9\xd08\xc3\xbc\x01\x83\xe7\x05_\xee\xe35i\x01)\x86\x92p\xf7zs\x9e\xfd\x9d\xb1\xf2\x86\x1ej\xe1F\xae\xbc\xe8\xac{?-\xb0\x90\xf3\xbe\xff{;x\x96\x9fi\x00\xa007=\xf7\x8d{\x83\xff9q\xbd\xccO\n\x00\xba|\x8a\xdf\xb7\xff\xa3D\xbaH\xc3\xa9J\xa9|.\xfa\x06S}\x17\xf7BR\x0f9\x1d\xe2\x8e\x05\x14\x92\xb9|\x9f\xf5\xc3\xb8\x8d\xae75\xf2\x11W\xbc\x11y\xcc\x05\x0f\xfc!\xff\xa6\xc2\xd8\xd9j\x91b%\x8f\xd5\x00\xaf\xd9\xf6\xa84\x98jo\xeb&amp;"\xc3\x96\x9d\x97\xb4(\xb7\x01\xb1oA\xda\x14v"\x8ba\xb0d\xc0\xc2\xedY\x94\x0c\x00\xb5[\xb3!\x07\xd9\xf3?\x03;\x85\xb1\xf5\x93\xd6\x8b\x8c\x1f\xdc\xfe\x93\xb0k\xfa\xe9w~\x14\xf0\x897\x98C\tu\x9dv\xdc\xa8\x95\x17\xfb6\xfbS\xf1t\xab\x1a\xbe)\xa0\x8c\xc8\x9b\x98\xf8\xa3\xe8\xcd\x95\xf2&lt;\xfa\x15\xff\x16\x93\xfa\x87\\\xfcr\xe8\x0e\xdd\x93\x8f\x01T\'\xdc\xdf\xcc:\xef{\xdf*i^\xd4\x0c\x19\x122\x11\xaf\xc5\x88C\x8a|j\x00\x10\x19\xbc$\x17w\xc2\x7f\xc1uoi!\xd2"\xf3\xb3\xa7\x1b\xe9\xbd\xee\xc7_\x05$\x90\xaf\xe9\x91\xc3Y\x07\xdd,"\xc3\x96\x9f/"\xfa4\xb4\x17\xff\xa4\xd6l{LD\xdaO\xd8\x1a\xa7\x1c\xfd{h3vK\xfc\n\xf8\xdb\xda\xf7\xbe\x8d\xd3\x00\x0fZ\xb8\xe5.\xfb\xbc\xa3r\xdb\xda\xef\xfe\xd8G\xca\x19\xc6\xd7J\x18\x13\xb2&lt;\xa9rXh\xda\xddT3\xe1\x8f\xbb\xe1\xdd\xf0\x1dZ\x8d\xda\x1c\xab\xa0V\x0b\x02&gt;\x08|\x90\xdfl\xc8A\xb1J\x06\x80\xc2\xd5\xe9\xb9\xda\x18\xad0\xc6E&lt;\xbe\xca8;=\xff\xc7\xd8\xa7\x0b\xe8a\xc7{^X\xc8(z\xb0jsd\x92Q+/\xf2o4~\xb1\xce\xb4\xf0c\xaf{\'\xfei\xfd\xbf\xa6}N{\\)\xe5Yb\x14^\x82H\x93\xf0\xaf\xc5:E\xdd^k\x0e:\xef\xf9\x0f\xec3\xb6\x18\x19\xddM\x1ci\xf8\xf1;*M\xccJ\x86Xt\xf8\xdd!\x9f\xf6\x98u\xb2\xf6\xce5\xd0m\x9c\xa1]k\x02\xa7\x00\xd8\xa9)\xa5\xf2\xc9g\xbcy~:J\xc4\xc5(\x93\\\xe5\xe6\xd47\xb6\x18A!\xa2\xd2\xc4\x1a\x94\x8d\x97X\xd7\xd9\xf0\xba\x05i\xe6\x94\xfc\xd4\xa7\x19\xde\xc1D\xea2\xef\xd0\xdbE\xa4\xbc\xc7\xea\x9f\xffW\x1dv\xd9\xab5u^\xa3n\xaf\xfe\xdd\xfe\xd9[/\xf4|\xe6iw\x0f&lt;\xfb\xc7\xee\xcf\xa3o\xa1\n\xfbV#\xfe\xa8&lt;\x85\x17+J(\x80]]\xf5\x9e"\x1dE\xfa\x89\x88R\xea\x80\xb3\x9e6]\xda\x12\xcd\xd4\x1d\x13\xbat\xd2\xff\xa0\xb4\x14\xba\xae\x8as\x05_\xb7\xfd\xe9\x14e\xeb\xad\x8b\xb1\x87\x17\xfc\r\xfb\xa72y\xa6\xe6\x86MG\xb7\xce\xf5\xd2\x9f#\x9b\xfc&amp;7&lt;\xfbu\xe0\x87\x9d3\x8a\xda]1\xab\xfb\xcc\x13=\xdb\xac\x8a\xbd\xfa7_\r\xebMv\xba\xd7\x9e\x9dEDZ.\x10\xef\x97\xd6\xd6\x9ax?j\xd5\xc5\xd9\xd46\xd4\x845W\xd4\xc0Y\x00\xec\x8a\xf4K\xdb_\\\x97\xb9\xf2t\xfd\x8c\x9e\xb3O\xf1nj2\xd3\xfd~\xac\xd5\xbd&gt;\xe5\xb6\x0f\x8a\xd1$\xdf\xe8]a"\xe2\xbe\xb8\xc7\xf7\xb1\xfb\x1bX\xb4%l\xa8\xd3\x91\xe2{\xfb\x9bRs7\xdd\x16o\xdf\xa0\xb4Q\x8dc\x9eW\xdb-\xd6\x18F\xfc\x1fg\xc1\xe6;#S\xf6Z7\n\xa3W]b\xbd]\xb3\xedQi0%w\xa7\xd2`\xaa\x88\x1c~\xc5\xeb\xd6n\x0f\x7f\xa0\xc2cT\xed\xb6)\xc5\xd2j\x7f$\xd101\x9f\xdf\x03@*\xa6\x89\xa6K\x8f\xbc\xcf\xb8k@\x11\x1d\x02\xb6\'0s\xc3M\x85\x17\xe23*z\x17\xe9k\x9eC\xe4\x1d\x90\xf7\x88\x08\x8b\xe8n\xef[\x17\x96&amp;H\x94R\xddfx;\x94\x1d\'\x1d\xe5^\xcd\xd5J)\x15s}\xd7/\xfe\xab\xa48a\x9e\x9c\xd6\xfa\xa2\x87\xbe\x08\xda\xc130\xd0d\xd0\x81J\xa9Q\xab.\x1e\xba\xbb\xben*^\x08\x97\x8a\x99\x01\xf7\x07\xd1\xf7\x16\xf5\xfb\xac\r\xba\xb7\x88\xbd\x1a\r\x00\xd2RJ\xf5\x9b\x7f\xba\xe1\x83\xf6\xbb\x17X\xb2\x96\xa2.(\x08T\xfd\xc2\xd2\x18\xe8+q\xab\xca\xbag\x93\x9aF\xbb"w\r=up\xdc\xca\xf8\xa1\xa0"\xda\xf88\\\xe9\x83\x94R1\x03&amp;;\xdd\xcd\x98bv\x82\x1b\x0fX\xa7\xefi\xcd\xb2\xf6h:x\x83\xd5\x00\xaf\xdb\xfe\x94\xb5\xe5c\xef@}\x87\xf8g\x0c\xf1\xa5V\xc2\x1fM\xa5\x85\x86Z\x0b\x89\xf4\x02\x00\xd9\xe8!"\x8d\x07D\xe7\xd4K\x1a\n?\xde\x05\xb4\x87\xf6\xda\xb8\xa6\xa88\xca\xc6\x07\xa5\xc5M"~\xc6\xdf\xc2\xc5\xc9PT%""m\x93\xa6\x97\xff\xf9\x7f\x8b\xde\xdb\xf3\xdc\xe4\r\\\xb4]\xb9\x89\x1e\xb6,,{t\xc7\x1f\xfd\xc6\\\xdbx\x7f\xc3""Rwb\xc3~aI\'\x87/\xbf\xc0y]\x9c\x81\x19\x00\x10\xc95\x81\xcd\xe7\xb8\xbatMf\xde\xf7ScN\xa4\xa4z\x8aH\xea8\xf8\x06Z~\xf5\xc2x\xe3X\x15_\x9a\xdb\x97\xf1k\xaeh5z\xf3\xef\x94\x926\xe1y\x8e\xddit;\xe4F/\xde\xf8\xa7\xddVu\\\x1ezx\xfax\xdd\x9a^\xe6\xcd\xa6\xd5bJ)+\xad\xc2\xfbQwi\x91\xb7qG]\xfd\x96{\xcf\x9e\xc1\xfb\xc6\xbb)\xac,v\xe8\x0f\x00\x10\x91\xa8KR\xd5\x88M\xc6\xf5\xc1\xb6~\xa9\xce\xe2L\xe5\x1d\x1a\xf3\xf0\x18\n\x0c\x85\x98.\xf5\x93\x88\xc8\'J\x1di\xb7\x01a\x0c\x89z\x12{\xe2\xe3\xfc\xd7\xe8\x9e\xeb4X"\x1e\xe8\x8e\xf6\xa7N\neZ\x10\\n\x1e0\xaf\xdb{\x9f\xdc\xab\xae+\xa3\x0b\xb6\x93\xd8\xefq\xdc\x03q\xea\x91b \xba\xc9\xc0\x03\xdd\x1b\xaa\xb4\xb3\xef\x99\xa4$\xe7\xbed\xa8H\x0f\xdf\xff\x08\x83\x92\xce\xe7\x02\x00\x97\xe0\x0b\x9c\xde+\xaa\x90.+\x83\x17\xc5\x86\xb4\xd0r\xe4Uo\xfe\x9f\xeb\x14C\xf4d\t%\x12\xbb\xb9\r\x0c\xa2d\x19Y@\x1d\xd2\xad06\xa9;\xb1z\xda\xf1\x92\xffU\xc6\x0f\xb2\x1d4\x9bZ\x96\x1d}\x7f\xc4\xa1-\xe6\xc7&gt;KL\xf9N|\xa7\xc9G7\x1b\xb2!\xeb\xf2\rN\xb8\xe9\x17\x9e-\xd3\xd6]o\xbf\xacE\xa1O\x01\xec\xbcZF]L\xdb,\x12\x91\xe7~\x9f\xa0/\xa2\x94\xda\xff\xcc\'\x9d\'|\xdf\xe4\x1f\xf5Y\xdd\xdfB\x9e\x9eV\x14pl\xa2\x92\x1b\x04\xa7\xde\xcb\x07j\xd6\x93\xe5\xe5\xb5[*26\xb3z\x19\xe8k\xb7\xc2[\xdc\xf6\xa1\x9d\xc8j\xe7U\x9d\x9eI\x97i\xa5\xf8\x01\xb5\xd9\xf2\r\xa7\x8a\x88\xc8(\'\xaa\xf6\xd6\xab\xde\x14\x11\x91\xbe\xc6\xd1\xec\xf3\xf5&lt;\x16"\xc6\xd1\x973\xee\xfa\xb8\x80*\x05\xa5\x9df6\x16\x80\xe2\x98\xb4\xf6\xea}N}LDD\xca\xcf\xbd\xffs\xbb\x81\xf4\xa6\xc8\xbd\xee\xc7_\xc5/\xd35\xb9F{\xfah\x8cJ\x91JP\xd2\xba\xda\xce\xfe\xaa\xd3\xd2GP\x1b\xc7\x9dD\xe6_\xf6c\x1b\x9e\xd1\xaf\xc3\xc8\xfaC\n\xfdM\xb5]|\xc0Y!\xa1N\x1a\x1a\x93\x82\xdc\xffv`\x9d\xef\xfb\xa9\xe9\xa3\x86\xd3\xc2\xea\xd0\xcd5y\xde\xfeB*}[\x00 {\r\xb4pK\xd5\xc6XKI\x1bN\xed\x8a\xef\xed\xe9f\xd2\x06\x07\x95\xb0f\xdb\xa3"V\x87\xbe\xca\xb8C\x90\xc5G\xdcc\xbf\xb4\xa6\xf0D,\x8e\n\xaa\xc0\xcc\xf5)g\xcc\xfe#\xe6wR1\xb3H\xd3\xc7\x0c\xcb^\xe3&lt;\xd0\xcd\xf3\'o\x082(j\x07\t.*^\x04\xef\xf2\xf1]\xa6\x1e\xdb\xa0\xef\xda\x98\'\xf2\xbb\xe6\xa9\x7f\xfb7\x8e\xde\xf3\x12\xe7\xf5^\'\x99\x86=\x00 \x91\xd3\xee\xf8h\xbf3\x9f\xd4\xb7\xfc\xc9t\r\xcd]\r\x1bM\x17\x91\xc8A9\xa7\x01\xdep\xee\xb3\xfeO\'\xeesU\xca\xba\xc6\xd1tv\xc8\x87\xfek\xba5\x87\xb6\xf7\xdcm\x01G\xf4\xf1\x0f\x06h\x02\xe6\xfdJ#\xebD\xd1\xadQ\xcb\xa0g\xccA\xc3\xa1\xa9\x15\xfe\xc89\xa8\xf1\xf3\x87)\xed\x1fVL\xc5\xcc\x80\xe7\xc7U"\xa1\xbf\xbe\xc0\xef\xca\xeb\xb8\x1b\xdeUJu\x9bq\x82\x88&lt;\xfe\x91\x12\xa9\xf6\xdc^\x04\xfc^\xccS\x19\xb4\x9d\x07\xac&gt;\xe5\xd1\x98u\x00\x80\xf8\xcc\xf3qz\xcd\xd9\xa6\xbf\xb5.FS\xf6\xbb6\xac\x8f\xd8a\x99\xd3\x00_\xf2\xc3?\xeb\xc7\x0e\\\xb4]\xf4+Z\xa7\xa0\xb51A\r[j\xbeYW\xf99\xc9\x81\xe9`\x93\xc8\xcd\xc1\x8e\xd1\xff\x8b\x192,$\x06H|C\xd3\x1e\xd8\xdb\xfe\xfd\xa6K\x0b\x1d9}i\x98\xf3\xea\xe0\x0b^\x10\x191u\xddu\xfe\x9d\xea9\x93\xabs#4\xfd\x0f\xbe\xe0\x85T\xf5\xc9QJ\xe9?\xd1\xeb\xce\x1a\xad\xf6\xbbK\xc5\xcc\xe08\xdbC\xf3/\x8b\x9e\x9c\x18\xc0\xae\'\xa8\xe5\x18\xb2\xfb\xb9\xb9Wm\x97\x88Hd\xfb\xd1k\xce)\xe7\xde\xff\xb9\'\xc0\x82\x88L]w\x9d\xf5v\xf7\xa3\xbek:W\xabF\x03\xd6\x85\xf65\x13i "G\\\xf1\xba\xf5F)5x\xe99\x91\xc7\xfc&gt;\xc6 \xb0]\xf3|_\xf0\x80\xb3\x7f\xdcn\xdc\x11\xf5\xfb\xac\xb57\xb44\xed\xefQ\xe0\x03\xecD\xdfR}\x11\x91\xb6KB\x96\x11+\xa5\xb4\x94\x82I;\xca\xdenq\xe4-\xc8\xb1\xd7\xbd\x1d\xba\x7f\xe0\xc4\xec\xc2MXse\xc2#\xa2\xa6\xfb\xa5H\xc3\x05\x00q\xecs\xea\xe3"\xb2\xfbQ\xdf\xd57*\xa5:N:\xca\xbbk3}\xe4\xb0\x89\xd3\xfa\xf6\x9a\xe3\xcb\xca\x90|V\xcbA\xe7=\x97h\x7f\xcb\x9d\xafe&lt;wF)ew\xcd\xcb\xbc\x9d\xbc\xae\xab\xe2&lt;\xdal7\xee\x88x\xa7\x1a\x1e\xb5\xc3\x88x\xe5\xe4\xdc\xf0\xcc\x7f\xf4\xb7uz\xba\x96\x0b+\xa5\x9e\xfem@8\xd2\x14b\x05]\xa9\x0c\xfa\xa0\xbc\xa7i)s+O6C=\xbew\x8b8\x95\xca\xd07\xcc\xc9\x02P\x04zT\xc8dq-\xee|\xd5\xfb\x8c-d\xb2U@\x9a\x87B\xb4\x14\x11Od\xe3B\xa6z\x8dO\x98~\xee\x17\xff\xf3\x9c\xabx\x0b\xa5\xe2\xaa\xd7{\xdf\x9a=a\xf4\xac\xb7\xbb\xdf\xc8\x7fK\xa1\xbf\x9d\xa1\x19T\xc7%\xfe\xc2\xe8 \x19\xe4\x1a\x01\x00/\xfdR8e\xffk=\x1f5\x1bz\x90\xb6ah@\x19\xf5\xba\xcd8Q/\'\xbc\x01\xd6\x0c\x8b\xda\xc1\xd6r\xbe\x95j&gt;\xc8iw\xfc: v\xc4H\x119\xf8\xfc\xe7\xa3\xae\xc2z\xd0\xcd\x8ax\x91:\xc2r$+\xa5\x8e\x8a\x13\x1e\xcb\xad\xcd\xd8\xc33y\xa9\xf79u\x00\x00 \x00IDAT\xca\xd8\xa8\xff\xbafC\x0e\x9a\xbc\xf6\xeaTG\'ml\xe2\xcej\xce\xee\x11C\x80V\x0b\x1e\xfdP\x89\xc8Y\xf7~\xba\xe0\xb0;#w\x8f}\x8b\x96l\xbc\x01\x00\xe2\n\xbf\x0c9\xb3y}\rj\xc4\xd0_\xfe\x90\xb6K\xa6\x1fx\x83\x88t\x99zl\xecK\x9e\xa1\xf0\xd9\x07\xdf2\x7f\xf3\x1d\xceG\x85\xaee\n\x8c\xb0!"}=\xefS\xe4c\xd7\xaa\x97\xb07\\gb\xf8\xe7\xee\x89H\x85\xe4\x92\x8ach\xc2\xfd\xf3\xe1\xc4\xb3\\&gt;kZ\xc8\xdbg\xb7S\xb5w\x95\x99\x9dKD\xa4\xea\xe0\xf3\xed/9I\xc2(\x00H\xc6\xb9P\x0e^rv\xd0\xa7\xd6\x7f\xb7\\\xf6\x9avU\x8d3\x93\xa8\x83\xder\xbf\xf9/\xcf\x15\xb9\xa5\xf1\x98\xb04\x7f9MM+F\x02\xfb\xa3o\xfd;\xb0%0\xae\x92\x1a\xb6\xec\xbcY\x1bn\xd6\xb7\x9cx\xf3{"C\x83+l\x90e\xf3\xe3\xaco6u\xe27\xc6\x9e\x18\\H\x95\x0c\xc7V\xc5\xcd\x8a1e\xbfk\xec\x97=\xad[\xb1\xe2\x08Z\xfb\xd4/:\xac&amp;\x00\x94\xc4\xf3\x7fT\xa7\xde\xfe\xa1\x7f\xbbqH\xd9\xdaX5b\x93H\xbd\x9a\xabbJ\xa3\xbd9\x82\\\xe2&amp;zRJ\x89T\x89\xb4\n\xeaf\xed{\xda\x13\xc1G\x1bG/\xf3s\x88.}\xf8/\x01g\xf4\xa9\x98\xd5\xa0\xef~\x99\xb4\xebu{\xedcO"\xcb\x87\xfb\xce\xa7\x02\xf4\xea%"\x03\x17\x9d\x95\xe0\x04m\xf33\xaeC*\xdcv\xdc\xe1\xd1E\xc5NL\xf4\xd8G\xb9\x13Y\x99\xa7\xed\xf3FOe\x18\xbd\xea\x12\xd3\xe6\xdc\xe24\xbb\x9c\x06"\xe2d/v\x18\xe7\x18\x02@2\xee\x042v\x0bQw\x92\xf5o\xecg\xba5\xa1\xef\xbc\xd3\xdd\xcb?:+\xa5\x12E\xaep\xff \x9e\x01\xe7j\xd3\xce\xf9G\xc2[.{UD\xc2\x1f\x00\xd7\xe9\xb9&amp;$\xe1\x84v\xf6\xb2\xb2\xee{\xeb\x1f}\xe7\x95\xc0oX)u\xc6\xdd\xbf\xd16\x946U@\xe4(EV\x82\xd6\xe6\x16\x97\xf3;2\xfe\xcdw\x9e|L\xcdV\x07\xc0\xcek\xd1\xe1w\x17pt&amp;!#d\xce\xc6[\xe3\xef\xfc\xcc\xe7JD\x1a\xf4\xdb/\xf9y\xf2q\x18\xdaO\xd8*\xd2\xdeyk\x0c\x06\x199\x97x\xf0\x92\xb3\xd3\xa5\x8f\xb5\xaf\xec}\x9c\x87\xc4C\x96\x9e\xdbu\xda\xf1\xa6}\x8b\x1e\xf8z\xcb\xe5\xaf\xc5\xdb1}\xd2F\x8b\xb1\xbby\x8c{e\xb0\xee\x90\x8b^\n)M\x7f&gt;by\xf3K\xfd\x97\xd8;a\xedB\x1e\xa8{\xe7x\xbf\xfb\x8d\x12\x91W\xfeR+nI\x01\xec\xc0\x94R\xff\xcd_\xc5\x9a\xbf\xf0\x85\x1a\xbe\xfc\xfc\x18\xc7\xb5\x0f\xfe\xa8:\xd6\x02\xcd:\x13\xd2\xf5\xaa\xfdW^\xdf\xdbxA\x83\xb5\xfd\x93\xd7\xa4\x99\xe9\xbc\x8e\xb0\xb4\xf0""\xd2(4\x08W\x1b\xad\x97\xd96a\xc5\x12\xfb\xd9\xff\x99~\x84\xd0\x15\xbd\xb1\xbf\xae\x86\xfe=\xdd\xfd\xcb\x18\x93\xa8\x9b\xcfq\xbf\x8f\x98&lt;\xdf4\x9f\xca\xb0\xf9\x1e\xc7=\xe8\xfa,\xb7\xa4\xb8Z\xc2~\x84\xc0u\xd8\xca\x1dK\x0b\x00\xb2\x11\xe3\x92\xda\xf3\xc5?\xa9W\xff\xaeD\x1afq\xc2\x86\xbe\x00\x84E^\xa6\x12\xacb\xf0zw\x80b\xcf\x8c\x9e\xa6\xd5\xd3\x8d}S\x87\x1d;\xb3I.C\x91R*\xd58m\xa5;\xc7Qex\xae\xe5(\xd5\x05\x1c\xeb\t\xae\x12\xc6\x10\x98\xc5\xd6e\xca\xb1O}\x16\xf1w\xe5\xfe\xc3k9\xed\x80\xeb}\x1bE$\x97\x133\x89N\xc6r\x9cp(7&gt;\xfbu\x8fY\';\xdbo~\xe1\x7fG]\xf3\xd3\x18\xff\x17XS\xe1\xc6$\xac\x0c\x00\x18TZ\xff\xa8|\xb2^\xbf\xd1\xca\xc7\xbf\xd3+\x7f\xb56\x1as\xfd\x1a\x1a\xd7\x98\xbd\xa8?\xa4\xea%\x07\x85\x96\xf4\xe7`\xaf\xd3s\xf5\x10o\xac\xca\xf0\xe5==B?\xb5\xb8z~J)c\xfe\xda\xa2\xea&gt;\xf3Do\xff\xb2\xc1\x94\x80}\xfdF:\xaf\x82~M\xd6\x00\xec\x1b\xffR\xf5z\xef\x93\xe1\x14\xeb\xf6\x13\xb6\x8a\x88\xb4^(\xaep\xd0a\x95I2AA\x1f\xcf\x0f\x0b\x1eR{&amp;=\x00\xd8%4\x19t\xa0\x7fc\xcbQ\x87:\x8d\xee\xde\'?\xe2l\xd7/O\x9d\xa7\x1ccl\xbcW\x1c\xfb\xfd"T\xd3\xe0\x8e\x9f\xa8D\xcb\x84,\xcd\x87\x05M\xfd5\xf8\xe5\xb7\xd6\xcf\x1b\xeb\x89l\xdd^\xfbL^{\x8d{[E\x9c$\x13\x86\x8b~\xc5\xac8g4\x17\x95\xcf9!Q\x9d\xf8\x84\xb5\x12\xc9O|\xab;\xa9\xd3\xe4\xa3\x03\x0eu~)\x99\x04y\xee\x15\xd5(F\xac\xba6\xfe\x85G\x9a\xb2\xdf\xb5!\xb3\xea\x00\xa0X\x82\xba\xbc\xabOy$}\x17!*\xdc\x84\xadA\xca\xf2mv\x9a\x84\x16zim\xc7:\x0b`\xc2f\x15\xfd:\xf4\xa7[\xb2\xf5^\xe7\xf5\xc6\x0b^\xf4\xef\xb0!U\x08\xebPu\xff\xa2T\x11"5\xba\x14\xb7\xdb\xd7m\xaf\x82\xceU5ODD\x86t\x9ctT\xd6\xc17\xa2\xb5\x19\xbb\xa5\x86\xcf\x08`g\xd7e\x8f\xa0O\xea\xf5\xd9\xb7\xf1\xc0\x03\xb4\x06\xd8\xd5\x81K2F\xe7\x8c?\x8ft\x9e\x92\x8a\x0c3&lt;\xe0l23^\x81\x81\x9c*\xb5\x1cuh\xf7\x99\'\x86\xef\x93\x96w\xf2\x94]\xa0k\xe0\xba\xe9\xe0\r"r\xd7\xeb\x85\x9ck\x9c\xeb].!Ut\xd4\xe5D\n\xfc6.\xfe\xc1\x9fL\x9b\x9b\x9a6fL)\x95d\x0c\xc3\xea\x1c\xb7\xb7\x16\xd7=\xf8\x8b\xfcO\xfdi\xc07\xa0\x94\n_I|\xe0\xd9?\x8e}v\x00\x08W6^\x7f\xa7\x94\xdat\xd1K\xa6\xe7\xbe\x8d\x94R3\x0e\xbc!\xb7\xc5\x1c\xbe\xb8\xbf{m\xb1\xd1\xb8\xa8\x1d"\xd8U\xb2\xe6\xc54\x12W\xdc%\xb9\xf1\xb9\xaf\x83\x0e\x9c\xbf\xf9\x0e\x11\x11i9|\xc5\x05\xe9O\x9f\x9f\xa64J\x12\xaf\xe6\xaa\x1e\xba\xec&lt;\xa7 \xeb\x9f\xc1K\xce\xd1V\x18w67\x8d]WF\x97\xdd`\x8a?\xa0\xa6\'\xd0w\xee\xc4\xaeX\xdf\xe1\x0c\xf3\xbaO\xbd\xfdC=&lt;\xc5\x97v\x85\x87,=\xe7}_\xe5\xab\xa7\x9f`*\xb6\xe0G\xe3\x86@\x95U"R\xd6\xc3\xb5\xc6z\xed\xe9!\xf1RD\xc4\xf9b\x8dS\xa0\x0b\x99\n\x07\x001|\xf7g\xde\x8b\xe6\xb1\xd7\xbd\xe3\xb4\xbe\x0f\xbd\x97\xfb\xb4\xe3\xa4\xa3F\xaf\xbaD\xda-\r\xea&lt;)\xa5\x02\xa64\x87\xc4\xb5/\xeb9\xfb\xe4\xdf\xebQ/r\xcf/\x83B\x0cZ\x1a\x84\x0e#G\xac\x05\xaa\x1c\xb61|\x87g~\xe7z\x8c\x9a\xc8\xe6K\x7f\x92\xfc\xa0\x01\x0b\x0e\xbbS)5q\x9f+E\xda\x8cp\xdd\x1c4\x0e\xfa\xb6\xbb\xcd\xf06l\xbd\xe7n\x0b(?\xf7\xfd\xaf9\xf5\xb1\xf2\x1e\xa6\xc4\x7f\xb6w\xbfQ\xee`#\xd1\x13\xd4\x1b\xf4]k\xd7\xb0\xb3\xabcZwR\xe4\x13\x87\xe6C\x0f\x16\x19\xdbm\xc6\t\xd5\xd3O\x08\xed\x91[\x89"\xc6FVF7`\xe1\xf6\xf8;\x1f|\xfe\xf3\x0f\x7f`\xddk\xf6`\x12\x16\x80R\xf2t\x7f\xdd\x97\xa4\xea\xa0+T\xa7\xc9G\xdb\x1f\x055\x9f\x8d;N4\xac]\x89\x7f\xc9\xd3\xd7\x92\xb6\x1a\xb5\xf9\xd8\xeb\xdf\x89\xdc\xbf\xd5\xa8\xcd\x9e\x8d3\xd7\xdf\x18x@\xd9x\x11\x99\xb6\xee\xfa\x98\xf5q\xeb,\xd2*\xe1!1WvE\xa6\n\x16\x11\x91.\x81\xbd\xe4\xe7\xff`\\\x95\xeb\xbfS\xe9%u&amp;L\xd9\xef\x9a\xc3r\x91\xbf4\xcd\xe6\xe8\xf11\xb4_\xd9\x10\xdf\x96 }\xacT\n\xf6\xb4\xf9\xe6"\xb2\xf8\x88{\xa2\x8e2x\xe9\xcf\xe9\xdaH\xd7M[H.\xe4C/y%U\xf9\x00\x10\x97q\xe1\x90\xb5\x8e\xa5s\xc0$\xac\xfaJ)}\xb1\x8aK\x93\x19\xfem\xbe\x12L\'u\x8d\xaf\x06\x14\xee3n\xf5\xe5\xc6\xed\xc1-AQ\xf3\xf5\x86\xe7=\xec\xe6\xbc\x1a\xec]\xfb\x14On"R\x88\xfa\xc1?x\x1f\x11\x19\xb5\xf2\xa2\xf8g\xdbx\xe1\x8b\x9e\xe9\xe5\xfe\xc2{j\xabi#\x9d|\xcb/\xa52n"\x07\x1fo\xd85oe\xaa\xf7\xb4_\xd5\x11i\x13r#\x92P\xdc\xc8\xe1\x00P8\xf7\xf4\xe3&amp;3smp\xe3\xe9\xd6G\x913\xb0v?\xea\xbb"\xb2\xd7I?,^\x15\xf5\xc7\xb7J\xa9\xd0\xd4\x0b]\x8c[\x95R=g\x9f\x92a\x95&amp;\xed\xebN\xc1\xdbxF\xc8\xb7\x14\xdcxx\r[v\xbe6\xf3\xab\x8f\xf5O\xb7\x19\xb9)f\xa3W]\xd2\xa0\xef~\xe5\xeeG\x9e\x81*ws\'\xd2\x08\x0b\xb3\xa5\x94\xb2&amp;+\x1d\x7f\xc3\xbb""\xd2]\xa4\xab\x9eL\xc2\xd1q\x92w\x19\x92RJ\xbf\xdb\x10\x11\'\xf0\xf5\xe8U\x17\x8bHT\x9e\xdd|\xa4\x0b\xa5\xd4\xdcM\xb7\x85\xee,\x1d&amp;\x1e)"\xa1\xf1\xd7\x92\x8eI\xc8;_3\x04\r\xa0\xe6\x04\xe68RJ\xdd\xf7S}8Z\x7f@\xe8\x0bL\x91kK\xf2W\xd8\xc4\x8f\xd3\x9a\xcc\xf4\xac\x7f\r/\xc1\xfci\xd3\xd9"r\x91y\x9an!\x86\x8aH\xcb\x91\x87\xe67\xe4b%\xb6\x96\xd6\x8b\xc2\xea\x93\xe7\xcc\x97\xf6NA\n}\xacn\xd4 \xc9t\xf4T\xda/u\xdf\x90\x19&amp;\x06o\xbd\xf2\r\xf7\x86&gt;\x86g\xf3\xf9\xd8\x96\xfa\x88w7\xefn\xb6\x7f\xc6\xfe\xa1&amp;\xaf\xbdZ\xff\x06&amp;\xee{\x95\xf5\xa2\xeb\xd4\xe3\xac\x17\x9f\x1b\x8a\x1at\xdb\xcb\xe6\xf2\xc7\xed}\x99\xfdR\xefp\x0f\xf0\xee\x97\x9b\x94\x0e\x00\xb5I\xfb\tG\xfa\xb6\xf5\xb4B\x0cjr}\xafC.~9\xf9\x19&lt;\xd1\x80]\x8b^\x92\xb7a\xd1\x9a\r\t\x9c-\xdcy\xca\xb1\x01\'\xf2\x84\xdd\xe8\x93\xe4|z\xf4\xe3\xc6\x0f\xfc\\)\xa5\xec5\xcd\xf2\xf3\xff\xe6~\x90O"~\xa2\x0e"2\xeb\xa0\x9b\xfb\xce;]\xa4[\x8a.\xa0\xad\x9et^!""#?L\xfe\xdd:\x03\x15U#6\xf9&gt;\x0c[\x87]\x93\xbaL\xb5~\x89\x8d\xec{\xd0\x04\xc9\xb5\x00 CI\xd3\xc8\xc4WW\xa4\xbd\xfdpw\xc0x\xef\xb3\xdb\xfc\xec\xd6\xf0\xc6r\xd2\xda\xab\xfd\x13}\xadU\x9b\xc6Tqo\xfd[y\x07\xd5\xebM\xd6O\xf1/\xd3\xe9\x86/\xbf\xc0\x93\xd4\xe1{\xef\xc4l\xc2\xeb\x89\x04F\xb0r\xdd\x88\xb4Yl\xdcg\xde\xa1\xb7g\x92f\xea\xf0+^w^+\xa5\x1e\xff(\xb4\xfe\x1d\x969\xc3\xcbVV]\x11Wr\xdf\x10G_\xf3S\x111O%3M#\x0f\xfb\xfd\xd6\x8d\x19\xa4E\xc2bq\xe4\x1e37\xfa\xc1/U\xbc\xd0\xa1y\xb1o\xd4\x9a\xd5\xccrg\x00;7\xf7$\xd8n\xfa\xc3H\xf3\xfc,g\xcak\nu{\xad\x89\xb1Wn\x89pP*\xf8\x88\xb6\xc4\xcd^\xf5\xeb\x08\x1c\xf6\x14\x11\x91\xce\xb9p\xc4\xa9\x9cx\xf3{\xd6\xd0\xf7\x897\xfdBD\xde\xf9:l|8\xe4\xa3%[\xefuf\x9e;\xae\xff\xf1W\xd6\x96\x9b\x9e\xff\xaf\xe9\xa0\xfc\xc0\xc0\x93\x9f\xa4\xe8\xeew\x15\x91\xcf\xfc9\xa6\xba\xae\x12\x91\x93o}?\xf4\xd8J\xe3V\xa5\x94\xf6Q\xee\x1eh\xe3\x05/$\xacX\xfe\x8f-N8*\xed[\xf5\x87Gm\xee\x8e\x9ea\xec\x82\xc7H\xe4\x05\x00\xc5\xe0\\\xbf\xe2Fi\xc8\'\xf0\xa9N}\xd2\x0e\xbeUI\x8f~hU\xc3\xf7\xec\xcd\xad\xff\x823\x97\x1f\xf3\xbd\xb3\xef\xfb,\xc9\xd92\x89K\xec\xbakq\xd2\x06$ZI\xb5\xe2\xd8\x07D\xa4n/o\xca\x01\xe9\xba\xcaj\xf6&lt;\xcfw\x95R\'\xdd\xf2Kci\xed\xc7o\x95\xf6K\x83\xcf\x16\x9e^\xc2\x121\xee\xea\x8c\x81\xe7\x05gL\xf2=\x15\x96:\xf9\x1b\xaf\x88U\xc5!!\\\xdc_oe`\x11\xf5\xc3r)\xfa\xf4\x91\xee{\x99?\xe9\xb4&lt;\xf8\xa8L\xfe\x8a\x00\xec\xc2\xb4\xc0\xc89\x17=\xf4\x85=\xb6\x16c,\xbaE\xc4\xaa\x18\xab\t1\x05C\x88\xcc\xd6\x97\x1b\xfe\xfd[\xee\x9a\x1b2_7i\xa0\xfc\xa6"}\xfd\xc9\x1b\x94\xbf\xf3\x17\xe0\xe5\xbf(kZ\xf2%\x0f\xff\xc5s\x88vT\'_\t\xfe\xef\xd3\x9b\xd5\xeeX-;}\xae4W\x9e\xc4dO\xb2\x9d\x89\xc7"\x15\xcb\x8e\xbe\xdf\x7f\xacR\xea\x08oK\xe9D}\xf24\x93v\x1e\xdc\xb2q"bG\xab(JV&gt;\xa5\x94g\xb4\x7f\x8f\xe3\x1e\xd0\xde\xe9\xb3\xc02XQ\xf6;\x02n\x00(\xad</t>
        </is>
      </c>
      <c r="E646" t="inlineStr">
        <is>
          <t>&lt;class 'numpy.ndarray'&gt;</t>
        </is>
      </c>
    </row>
    <row r="647">
      <c r="A647" s="1" t="n">
        <v>645</v>
      </c>
      <c r="B647" t="inlineStr">
        <is>
          <t>steps_per_sec</t>
        </is>
      </c>
      <c r="C647" t="n">
        <v>9300</v>
      </c>
      <c r="D647" t="inlineStr">
        <is>
          <t>5.3576016</t>
        </is>
      </c>
      <c r="E647" t="inlineStr">
        <is>
          <t>&lt;class 'numpy.ndarray'&gt;</t>
        </is>
      </c>
    </row>
    <row r="648">
      <c r="A648" s="1" t="n">
        <v>646</v>
      </c>
      <c r="B648" t="inlineStr">
        <is>
          <t>Loss/localization_loss</t>
        </is>
      </c>
      <c r="C648" t="n">
        <v>9300</v>
      </c>
      <c r="D648" t="inlineStr">
        <is>
          <t>0.0023620904</t>
        </is>
      </c>
      <c r="E648" t="inlineStr">
        <is>
          <t>&lt;class 'numpy.ndarray'&gt;</t>
        </is>
      </c>
    </row>
    <row r="649">
      <c r="A649" s="1" t="n">
        <v>647</v>
      </c>
      <c r="B649" t="inlineStr">
        <is>
          <t>Loss/classification_loss</t>
        </is>
      </c>
      <c r="C649" t="n">
        <v>9300</v>
      </c>
      <c r="D649" t="inlineStr">
        <is>
          <t>0.08973227</t>
        </is>
      </c>
      <c r="E649" t="inlineStr">
        <is>
          <t>&lt;class 'numpy.ndarray'&gt;</t>
        </is>
      </c>
    </row>
    <row r="650">
      <c r="A650" s="1" t="n">
        <v>648</v>
      </c>
      <c r="B650" t="inlineStr">
        <is>
          <t>Loss/regularization_loss</t>
        </is>
      </c>
      <c r="C650" t="n">
        <v>9300</v>
      </c>
      <c r="D650" t="inlineStr">
        <is>
          <t>0.038930945</t>
        </is>
      </c>
      <c r="E650" t="inlineStr">
        <is>
          <t>&lt;class 'numpy.ndarray'&gt;</t>
        </is>
      </c>
    </row>
    <row r="651">
      <c r="A651" s="1" t="n">
        <v>649</v>
      </c>
      <c r="B651" t="inlineStr">
        <is>
          <t>Loss/total_loss</t>
        </is>
      </c>
      <c r="C651" t="n">
        <v>9300</v>
      </c>
      <c r="D651" t="inlineStr">
        <is>
          <t>0.1310253</t>
        </is>
      </c>
      <c r="E651" t="inlineStr">
        <is>
          <t>&lt;class 'numpy.ndarray'&gt;</t>
        </is>
      </c>
    </row>
    <row r="652">
      <c r="A652" s="1" t="n">
        <v>650</v>
      </c>
      <c r="B652" t="inlineStr">
        <is>
          <t>learning_rate</t>
        </is>
      </c>
      <c r="C652" t="n">
        <v>9300</v>
      </c>
      <c r="D652" t="inlineStr">
        <is>
          <t>0.07989691</t>
        </is>
      </c>
      <c r="E652" t="inlineStr">
        <is>
          <t>&lt;class 'numpy.ndarray'&gt;</t>
        </is>
      </c>
    </row>
    <row r="653">
      <c r="A653" s="1" t="n">
        <v>651</v>
      </c>
      <c r="B653" t="inlineStr">
        <is>
          <t>train_input_images</t>
        </is>
      </c>
      <c r="C653" t="n">
        <v>9300</v>
      </c>
      <c r="D653" t="inlineStr">
        <is>
          <t>[b'640' b'640'
 b'\x89PNG\r\n\x1a\n\x00\x00\x00\rIHDR\x00\x00\x02\x80\x00\x00\x02\x80\x08\x02\x00\x00\x00\x83\xaf^t\x00\x00 \x00IDATx\x9c\xec\x9de`\xdcV\xd6\x86_3\xdbcfff\x8e\x13S\x1c&amp;\x87\x99\x99\x99\xb9M\xda`\x93&amp;i\xda\xb4I\x99\x99\x99q\xcb\xdd2\x7fm\xb7\x8c\xdb\xed\x96\xf7|?\xe4\x19\x0fH\x1a\xb1fl=?\xdaxF\xba\xf7\xce\x8c\xa4{\xef\x81\xf7\x00\xbd\x97\\M{K\x1a\x13[\xb7R\xd3\x1e\xf5\x83\x88\xf4\x1e\x82D\x88\x97\xd7~%\xef\x9ci,\xa7\x99\x06\xa56o|\x87\x88\x88\x1e\xfe\x94\x80\xf2\xfe\x0b.u&lt;]\xf3Oc`\xc0J8\x10\xaa\xf7\x18\x0c\\\x80Qknl\x9ds\x89\xb6}\x06\x03\x01\x00\x80( H\xe9\xb6\xfb+\xdc \x0b\x99{o\xf8T\xfd^d\xe1\xbe\x93\r\xff\x04,\xf0\xf4\x17\xfeM\x17?\xfa\x9b1\x01\xcb&amp;Q\xef\x01\x18\x18\xf4d\no\x7fK\xc1\x07\x93\'B:\x9c\x1f\xe5\xd3\x84\xa4\xb1\xe6?b\x14\xea\xdaB!\xe0\xc9\xfdn\x922\x9dx7\xf1\xf6\xe2\n\x04\xe8=\x00\x89\xf0\xcd\xbe\xa9\x13\x84\xb4\xf0&gt;\xd1\xf1\xfb~\x1a\xb6\xe2Zc\x02\x96\xc9\xeek&gt;Jk\xdd\xa4\xf7(\x0c\x0cz,\xbe\x00\x94\xdf\x86\xf2\x92\xd2\xbc1\xb3}+\xe0\xafe\xa7\x0cJ?\x85\xe3=2&amp;\x01\x81\xca5h\xc07\x01/9\xfc\x8c\x98\x96\xd2\xecNo\x98rL\xadA\xf7dLz\x0f\xc0\xc0\xa0\x17\x11\xacv\x07\xc3W^\xf73\x11\x10.\xfe\xd4\x0c\x04\xb5\xcb\xe9Z\xd1\t\xd8\x13\xc0\x8ac/\\\xf0\xc0\xcf@\xaa\xb3\x83\xc3\xb8\x9bi\xe4x\xc3[\xe2\xb8\xdc\x9c\xec\x01;8w\xc0\x02\xbf\x13\xaf&gt;\x08\x1d\x00\x948\x9c^\xa7\xf2\xd8\r\x0c\x14\xa0a\xcaq"\xf2\xc9\x9d\xae\xf7@\x0cz"^YS\xc3\xca\x16\xc2\xa7I\xa7\xfeK\x1d^\t\x91\xdc\xd6\xdcs\x1e%\xa2\xc4\xa6u\xce\x0e\xf4\xe1z\x83\x88\xcaF\xef\x07\xe0\x999\xc5\xfa\xf5\xc8\xea\xa5@\xb6\xe4\x81\xb95\xdc\x13\xb0s\xe2\x1aVY\xfe=a\xf3\x1d\x86\xfd\xd9\xc0\xed\xb8\xe8\x91_\x89\xa8v\xe2\x11\xbd\x07b\xd03)\xf5\xcc\x9c\x82\x84\xd1\x99\xfd\xb7\xf9\xe5\xcd\xd0{0\xf2\xf1\x93s2\x11\x9d\xb8\xff\xdf\x00\x80\x0c\xdbw\x12\x80\x029-\xbb/\x89M\xeb\x1cg\xdf7\xff\x922\x832\xe7\x9es\xe3g\xc1%\xf3\x14\x1f\xa7\x81\x81J|\xd2\xd3\xd6\x8b\tz\x0f\xc0\xa0\x9b\xa0\xc0\xc29@eX\xf9\xc2\xcdg\xde\x82\x7f\xb3\xde\xe3\x11F`\x9b\xf8s&lt;\x008\x8b\x87*\x02\xaa\xa5\x8c\xa7\xe72t\xf95\x8e\x13pf\xffm\x00\x80j\xa0XhC\x91C\xff$\xaa\x1a\x7fX\xd2(4\r\x8c0\xe8%L\xdfu?P)\xf8\xf02\xf5F\xa2-\xb2v)\x06\x8a\xa3\xba\xa7\xd95(Im\xd9\xa8\xf7\x18\xdc\x8f\xaaq\x87\xa5\xd9\x9f\xed`N|\xe2\xcb\x1e\xb6\x990\xe8-l\xbf\xe2=$t\xea=\n\x03\x03\xf7%q\xb4\xde#\x10\x8e\x0eq\xe9\\\xfc,\xd5\x07l\xc1?\x7f\x16s\xd6\x15\xcf\x1a\x13\xb0\x81[\xf2\x11\xd1\x8d\xafR\x8d\xe1\x0c600\xd0\x94\xd0\x01\xacqX\xeb.zMH,t\xdf\x99\x17\xfeA\xb4\xe2\xd8\x0b*d\xd1x(\xdd\xa0\xeb\x10\x9b\xd6bd\xfd\xea\x88\x87\xa9|\x11\xcb\xcb\x11C4\x1f\x89\x81\x81A\xef\xe6\xde\x0fX\xa7`\'[\xe1\x15\xc7^`\x8e)\xeb\xdc\xaf\xd9P{\x08\t\x9d\xd2L\xfd\x06\x8a\x11&gt;X\xef\x11\x188%f\xc4gD@\x8a\xde\xe30\x90M@\xcb\x98\xf5\xb7\x02\xf9z\x8f\xc3u\x19\xb1\xf2z\xc7\t\xf8\xdc\x9b\xfe\xe5\x95=u\xe5\xb1\x17w\\\xf9&gt;\x10\xd3g\xda\x05\xf7}HD\xf4\x0b\x11_\xca\xb5\x813&amp;l\xbe\xc3\x9c\xa0\xaf\xcd\xd7\xe8\xe2rr\x06\x06,\xf8\x11Q\xaf\xcdQ\xb1%\xde}5\x17\x01&lt;\xf69\xb3\x9f+\xd2{ n\xc0\xc5\x8f\xfd\xce\xcc\xbe\xde9\xd3\x80\xca\xb2\xce\xfd\x12\xf6\xc7\x9a#v\x821\xa91\x08\x91\x18\xe1\xdf\xaeL\xb7\xff\xc5\xc5.u\x037\xa3\x07\xfb\xd2Da\xc83I\xc4\xb5\'`\xb1\x97w/\xc9\x0b0P\x0c"\n\xaf\\\xac\xf7(\x0c\x0c\x14Fsm\xe7\xb0\x81Z\xf7\xd8#Xt\xf0)f\xc6]~\xfe\xf3\x00\x82\x8b\xe7\x1e\xb9\xeb;\xa0V\xefq\x01\xf0\x83_\xb3\xdecp_\xf8sF\x15\xaa\xa7b`C\xbc\xde\x030\x10D\x1d\x11\xc1\xaf\x9f\xde\xc3P\x11\x97\xd9B\x19\xb85\xc6\x13M%\x0c\xd5\x1a\x00\x15J7\xe8\xa5TC\xfdf^\xa4TS\x06,\xd4O&gt;\xb6\xef\xe6\xcf\xf5\x1e\x85\x8a\xe4\x0f9\x0b1\xc3\xf5\x1e\x85\x81\x81\x81\x81K!\xc8\xf6@Dc7\xdc\xaa\xf2H\x14\xc4\xa8x\xedr\xc4\x0b\xc9\x86\x14P\x80\xc1\xa0g asP\x03\xd3 \x00&lt;E8\xc4\x8f!V\x89v\x0cE@\'\xdc\xf4\x1aEV/\xd5{\x14\x06\xda\xe0\xd52\xe7b\xbd\xc7\xa0"\x8c\xb2\x92\xae\x99\x06\xfe-\xcb\x8e&lt;\xa7HK\xde9\xd3\x14i\xc7\xc0\xdd\x08\x15\x7fJ\xd2\x92\xf3\x9e\x95t"\x07\x91Ca2\x02\x05\x0c\x0c\x0c\x04\xd32[\xfb\xc5\x85cJ\x92\xd73\xdf*\xe3\xd3\x8d\xa9[\xa1H;\xaeJ\x84\xde\x03pwT\xb5e\x15#\xc1^\xd3t\xec\x86[+\xc7\x1eT\xb3S\x03\x17\xc57w\x86\xdeC00\xb0\xa7\x18H\xd6{\x0c\x06\xbd\x16\xb5\xad\xbb\x99\x88\x18l\xab\xd9\xa2x$\x8eA/%\xb0h\x8e\xdeC\x10\x85\x92\xa9\xea=L\x0bFGA\xff`\xe0S\xfdzW\x9e\x01\x8b.\xd7{\x08\x06\x00\xa2\x84\x1d\xf6\xbb\xba\xa3\xc0\x07YU\xd5C\x96m\x05\xe2\xcc\xaf\xbc\xa4r\x8f\xbd\x10s\nb\xe8\x00]\x87\xc1\x8fr\xae\r3\x7f\xfe\xf1\xa7\xe2m\xaa\xc9/z\x0f\xc0u)\xd5{\x00=\tE\xe2n\x0c\xb8\x88\x14t\x94\x83\xedWL\x83a\x88W\xb0\x9c\\\xf6\xa857\x95\x8c&lt;\xd7\xfc\xa7JR6\x86\x96g/\xc4y\x81\x13\x83^E\xaf\x8d\x0e\xef\xb5\x1f\xdcU\xf1k\x0e,\x14d\xa0\x0b)\x9do\xf7\xca\r\xaf\x10\x115N;\xa1\xdchRzP\x91v\x03\x03\xb7\xc4_\xe8\xe2](\xca\xdb4\xcc\x84\xa8\xd6\xb2\x81\x816\xa4\t\xceKI\xb7\xfb\xbb[\x1d\xd3\xab\x8f\xe2\xc32\xe8%&lt;\xf5\r\r_y\xbd\xde\xa30P\x17\xcd\xf5\x17\r\x0ct&amp;G\x80\xea\x99\xef\xa1\xdb\xbf\x96.\x8e\x161\x84\x88\x9e\xfd\x8e\x10\xd0*\xb1\x05\x03\x03\x03\x03\xe5\xc8\xd4\xb0/\xbf1\xebo\x89\xa9]\xa1a\x8f\x06\xee\x84\xb3t\x8e\xb0\xdaIGe\x16x \xa2\xfb?"\xcf\xcc)j\xda\x99z\x03E&gt;F"\xbe\x81V\xb8q\x89=~|r\xa6k\xd4S\xd4P\x00@x\xf9\xe8\x03\x1a\xf5h\xa0:Z\n\xf1{\xc0\xa3a\xd6\xd9\x0f\xed\xbb\xf9s\xd9\xf2\xe0Y\x08\xe9\x90tb\xfa\xac=\x0f\x9b\x0b\xf4\xf6rJ\x04\x1f\xa9\x94\xfa\x98\x81\x9b\x92b\xf5\xef\x1c\xddF\xe1rdL\x02\x00\xc4h\xd1W\xd4\xb0\xbf\x89\xf4\x15\x97 \xa2\xf9\xfb\x1e\xd7q\x00\xbd\x0f\xc5\x7f\xee\x80\x19\xbb\x1f\x1c\xb7\xf16\x9e\t\xb8j\xdc\xe1\xc1K\xafR\xba\xdfn\xfc\xf2f\xa8\xd7\xb8\x06\xbc\xf2\x8b"28u\xf0l\x14|p\x95\x12=\x1a\xf4\x0ctL\x8bU\x1e\x99\x1f&amp;M\x91A\x08\xa3\x96\x88\x80T\r{\xb4\xe7\x0b\xa2[^7\n+i\x8c\xe2\xc5\xe4k\xc5&lt;\xfa\r\xecQ\xae\xb6\x98\xa1\xb1c`\xe0&gt;\xf8\xe6je\xeb60000\xe8e\xc4\xd9\xfd=j\xcd\x8d\xda\xee2\r\x0c\x0c\xdc\x05\xc5\n\xbe\x1a\x18\x18p\xe0Q\xef\xf2B6\x8c\xf4f\x9d\xce\xa3P\x9d`\xc1\x12\x86\x06\x06Z\x06\x97\xf5T\xc4I\x0e(g\x1b70p#\xa2\x87\x03\x9e@\x16\xe0\xab\xf7P\x0c\x14\xc4\x15\xa2\r\x83\xf5\x1e\x80$\xa2\x87\x13\x91\xcb\xaf\x9b\xf9\xd1?\xd4\xe5\xf2g\xc4M\xa8\x1bN\xfdS\xa5\x91\x18\xa8\xc7\xc2\x83O\xe9=\x04\x83\xdeH\x9e\xde\x03p\x0b\xc2\xe2\xeaW\xe9=\x06\xf1x6\x12\x11"\x87\xea=\x0e9\xe8/Z.~Gk\xd4\xdft?F\xae\xbeQ\xef!\x18\x00@\xbc\xde\x0300P\x8c\x03\xb7}e\xac\xb1d\xe2\xa3D\xd0\xa5\x7f\xfe,\x8d\xf2$\xa5\xa0\xac\xfc\xb0\x9bb\xe4\xc4\x1b(F\xbc\xcb\x17!1\x04J\xb5\xa1X\xef\x01\xb8,\xc2\xaf@E\\Z\xb5\xb6\x15\x97\r\x0c\xdc\x03\xfdmPnG`\xe1la\x07\x1a\xc2\x02\x06\xbd\x8a\x12]\x8b\xb8T\xe8\xd7\xb5\x81\x81\x81v\x18\xa5\xa2\x0c\x0c\x1c\x08\x1f,\xf5\xcc2%\xba7\x14?\x0c\x0cX\xe8yN2\xc3\x9fa````\xa08\x81\xad\xc8\x98\x04D\xeb=\x0e\x03m\xf1k\xd6{\x04Z\xa2^\xfaM.\x90\xa8Z\xe3\x06:\xe3_0K\xef!\xb8\x0b.\x1e%\xe3\xaa$\xf7[\xdf6\xef\xb4\x0ck\x92\x05\xa7\xb1\x15i\x92Z\xed\'\xe5,\x03^BJ\xe7\xef\xbf\xe5\x0b\xbdG\xa1\r\x9e\x08\xe9OD@\x86j]\xa4\x03E\xaa5n\xe0j\xa4p\xbe\x93:A\xc3a\xb8\x10D\xf4\xd4\xd7\x86^J\xcf\xc4(\xce\xaa&lt;\x93\xb6\xdeED@\xae\xde\x03\xd1\x86\x12\xa9\xa5\x82\xc5lm\xc3\x06\x88o\xdf\xa0g\x914F\xef\x11\xe8\x83\xf9\xfe*2V\xa2\x06\x06\x82\x88\xa9[\x81\xc4^\xfa\xbcP\x87 \xc3\x16m\xe0\x8c,\x8e\xd7\xddZ^\xcd2\x01\xab[\xe0\xd9S\xd5\xd6\xdd\x932x4\xe8=\x86\x1e\x89\xea\xb5\xca\xbf~\xe7\xdd\xb0\xe8h&gt;{\x9a\x818~Ap\x01\x82\xfb\xeb=\x8c\xdeE\xf3\xac\x8bT(m\xa9\x1e\xff\xc7\xf1\xfaO\x9a\x8eBi&lt;\x82\xfb{fN\x01\xfe\xd4{ \xbd\x91\xdeY\xbc\xa5Z\xe5\xa0\x03\xae\x95\xb2\x82\xc4\xf9\xe5\xcd4r9\x0c\x0ct\xa2\x978\x80\x1cqY\t3\x03\xb7!\x1f(W\xb1y\x8dj\xcb{h\xd2\x8b\x81z\x94\xe8=\x00\x03\t\x04\x02\xa1@\x01\xcf\x11\xe1\x95\x8b\x111D\xb3\x01\x19\x18\x188\'\xaaf\x19\xa2\x87\xeb=\n\x03\x03\x03\xc9\x14\x0eXx\xb9\x80\xc3\xd2\x80l\xb5\x87b`` \x82a+\xae-\x1a\xbeG\xefQ\xf4&gt;\x82\xfb\x1bUi\r\x94\xc3\xa8\xef$\x05#\x08\xcb@g\xee\xb8\xfa\x9a\xa4\xe4dx7\xe9=\x90\xdeE\xd5\xe0A\x00&amp;l\xbeC\xef\x81\xb8\x14~\xc2\x0e3\xaa\x89;\xf2\xbd\xde\x03000\x90Df\xffm\xbe\xb93\xf4\x1e\x85k\x13\xd0\xaat\x8b\xe5\xc6\x0e\xd8\xa0\xb7\xa2e\x90y\x82\x86}\xb9\x1fF\xca\x8a+\x10\x00\xd3@\xbd\xc7\xe0\xe2\x18\xc5\x19{\x0b\xe5\xa3\xf7/=\xf2\x9c\xde\xa3\xd0\x057J\xbe20`\xa1\x1c\x08\xd0{\x0c\x06\x06\x06\xd2\xb9\xeb=i\x1ag\x92\x89\xd7\xb0/\x03\x1bz\xb6\x0f8\x00(\x00\xe2\xf4\x1e\x86v\xc4\xd5\xb7X9\xa8\x04:\xb4\x0c\x0c\x0c\\\x83\xc06\x00\x15Y\xd0v\x07\xfc_\r\xfb2P\x18k\xcd\n\x97T\xad\x0bj\xd7{\x04\xda\xd1\xb9\xf6&amp;\xfeT&lt;\x03\x03\x03\x03\x83\x9eA\x92\x11\xbc\xaa:Ic\xdc]U\xd5\xc0\xa0W\x12o\xa4\xbdrP\x08\x84\xe8=\x06\x03\x83.2y\xdf\xcd\xd2\xb0zR\x94V\x1d\x19\x18\x18\xf4Z\xfc\x80B\xbd\xc7\xe0\x12\xf4l\x1f\xb0[P\xb1\xf2\xf8\xf5|\xef{\xc7i(\x08\xfe\xadV\x1d\x19\x18(K\xb4\xde\x030\x10\xce\xef\xc0\x1fz\x8fA2Uz\x0f\xc0@A&lt;\x1a\x1cR`\xa3m\x04\x8d\xc3\x07\x1b\xe5h\x0c\x0cX\x99y\xd6\x83@\x8d\xde\xa3P\x8b\xb2\xce\xfdD\xf4\xcf\xdf{g\xba6S\x18\xc6\x957\xca^F\xca\x89\xab\x12(A6\xa1\x06&gt;}\x01\x00E*\xa8.\x18\x18\xf44*\xc7\x1d""\xa0L\xef\x81\xa8\x05\x99qv\xa0f.*-8\xe7\xc6\xcf\x00\x00\x15:\x8f\xc3@\x06:g\xb6\x11\x11\x90.\xe6\x8c\xd2\xb1\x1bn=\xf1\xc0\xcf@\xec\xb4\x9d\xf7\x8d\\}#\xebA3\xcf~\x08&gt;N\xa2\xde\xe6\x9e\xf3\xd8\x98\xf5\xb7\x88\xe9\xda@\x17\x82\x8c8\x14\xd9\x94\xf6l1/\xab\t8\x9c\'\xc7\x84\x88\x0e\xdf\xf1M\x97\xd9,zx\xef(g.\xea\xe9j\xa0)\x81\xf0k\xd6{\x0c\xb6\x84\rpvDB\xe7\xda\x9bs\x07\xed\x04\x82\x00\xbfE\x87\x9e\xe68\xcc\xdfiW\rS\x8e\xcf=\xe7Q\x91\xe3\xd3\x98`#G\x19\xf01*\'\x1a\x00\xb8\xe2Y"\xa2\xbf\xd8V\x12\'\x1f\xfc\x0f\x11}O\x04\xc4\x005@*k\x0b\xe6I\xba\n0\xe5\x0e\xda\xe9\xf0\xbe\x11\xe8\xe3:\x94%6\xad\x05\x80\xe8\xe1\x7f\x12!b\xb0\xde\xe3Q\xa9\x8e\xb1\xe85`\xbe\xd9\xfc\xab\x02\xf1\x9dae\x0b\xbb\xff\xf4l\xe4\xa8\x18\xdf[L.D\x84\xd4\tz\x8f\xc2\xc0\xc0%`\xa6\xcfOen\xe5\xfd\x9b\xa5\x9e\xe9-\xab_\x03\xd1d\x00a\x91\xd5Kg\x9e\xf5\x10P\xa4\xf7`\x90\xaf\xf7\x00\x00\x00^}\xd6\x9f\xfa\xa7Jm/:\xf4\xf4\xb8\x8d\xb7Y\xb4|\x1b\xa7\x1e\x1f\xb7\xf1v R\xa5\xee\xdc\x01/\xe7\x87\x18\x88\xa6\xf7\x96\xe8!\xa2\xa2\xe1{\xf5\x1e\x85\x1czl\x1c\x99\x81-]\xd6\x88\xe0\xe2yv\x8aI1\xe6x35\xd4\xacx&amp;\x9b\xdc\x9e\x9f\xabn\x1a\x08\xd4[\xbe\xfa\x88\xca%y\x83w\x01\x19\xfa\x0e\xca\xa0\xe7\xe0\xd5\x07\x00\x90\xae\xean\xe6\xde\x0f\xe9\xd67\\\xd4\xe1JD[.}[_\xbfFH\xc9|\x1d{7\xe8\x01\xc4\xaa\xd4nd\xf5R\x01G\xe9\xee\xa8\xd0F\x83"\x86\x88j\'\x1e5\x95/\xd2\xa4;\x03WC\x85\xba\xe5q#\x95o\xd3\x81\xd4\x96M\xb3\xf7&lt;\xec\xc2\x01\xb7e:\xf6}\xc9c\xbf\xf7\xecp0\x01\xa8\x1dQh\x14JR\x97\x1c\xc1G\x16\xa8`\xc3\xccz\xe3Oj\x9f\x7fF\xe9f\x1d\xc9g\\&gt;\xd3w\xdd\xaf~_\x06.\xc7\xf6+\xde\x8b\xaaY\xa6t\xab\xc2\xef\x1d\x99\xb8rID=W\xf0\x1d\x0b/\xd3\xb1w\x97\xc4\xbd\xa2,Mz\x0f\xc0\xcd(U\xb4\xb5\x00&amp;\x9f\xe1\xb9\xef\x15Z\xc3\xa6M\xe0\xb5\xab\'\x06\x15\xcfU\xa6#\x03\xb7#y\x9c\xec&amp;T\xd8C\x1b\x18\x18\x08`\xe9\x91\xe7\x80p\x01\x07\xba\xfd~\x9d_\x1eYq\x92\xc6o\xba\xe3\xd4#\xbf\xc2\xb7\x9f\xfc\xca\x07\xb1u+\x95{J\xc6\x07\x97\xcc\x13\x10_\xc3\x1aV\xad#F\xf5\x08\xf7\'z\xb8\xde#pA\xaa\x8c\x05P\xaf\xc4\x83\x91#$\xa2\x92\x91\xe7\xea=\x98\x9e\xc8\xc8\xd57\x10\xd1\xa4\xadw}\xe6Z\xbe\x9cl\x9f\xdc\xe9\x08\x1b\xe8\xe4\xa8\xd4\t@\x8a\x90\xe6&amp;n\xb9S\x81A\xf1\x904\x06\x80\xb0E\xa2\x81\x81Z\x04\x16\xcdQ\xad\xed\x04\xa5\x1b\x8c\x04r\x95nS\x1b\x18W`\x9a\xaa%P\x89\xc8\xec_\xd05c*u&lt;\x00c\xf9\xa5\x16K\x0e?CDC\x96]\xfd\xd2\x7f\\j\x02\x8eD\xd8@\x04\xb4\x08\xb1i\xcc\xd8\xfd\xa0\x00OX\x92"\xc3\xe2\xc5\xd4\x03,0\xeeFOO%\x10\x8a9F,b\x88\xae\xc3\x10\x81w\xf64\xbd\x87 \x8d \xb3+\xb0\x1e\xa8S\xaf\x1b"\x8a\xad[\xa9^\xfb"QG\xb8\xc2\xcd\xc9R\xa2\x91x"j\x99}\xb1\x12M)H\xad\xa9|Q\xcd\x84\xf3|r\xa6s\x98\xe5\xedJsT\xf3\xb6f\\=\xba\x93\x01\xa4)\xdfjW&amp;\x92d\x12tWoU\x88\xc2\xdeV\xac\xa6\xc7G_G\xd7.G\xdaD\x91\'\xa9\x91L+\x934\xab\x7f\'h\xb2\x11\xb2\xa7@-\xf5\t\xbffE\xc2\xd8\x86\xad\xb8VR\x11\x05\xf5\t\x1f\xbc`\xff\x13W&gt;G@\x9aC\xba\x05\xbb:\x1d;\x81m\x81\x85\xb3\x15\x1c\x97\x81$\x9c\xeb\x89\x8a\'N\x856\xdd\x91\x8a\x1f\x88\xcc\x91n&amp;}\x87\xe2\x1c\x9f\xbe\x1e\x19\x93\xe45\x115d\xd9\xd5\xca\x0c\xc6\x19\xa1\xa5\x0b\xb4\xe9\xc8\x81:\xf1\xe5\xe0\\]\xe6(\xb2zi\x8f\x90&gt;\xf4kF\xe8\x80\xbaI\xe7s\xbc\x9d&amp;\xaa\xb1\xd8\xba\x95.\x1d=\xaf\x80ph\x92_\xdeL\x05Fb\xe0Zx\x01\xc5z\x8f\xc15\xf0l`"9\xf4\x1e\x87\x00\x12G\x0b\xabtdE\xec\xc8\xc8*!\x9a\n\x06\xba\xabJ\xb8.,O\x8a\xc6i\'\xa4\xb6\x96\nd.?\xffy\x8ew\xc5y"}r\xa7K\x1d\x86Ao\xc0\x95\x8d\xb4\xbdW\x87\xd2\x96\x9c\xac\x8e\xedy\x83w\xb9\xb6S\xbc&lt;\xadu\xb3\xe0R\x83\xd6x\xa6\xb7nVkP\x06z`Y)\x14#\xb4C\x93\x1e\x7fKm\xd9\xc4\xfc+\xa1\xcf\x1a\xa0\x00\xc8\x06A\xe2\x13$\xb6\x0c\xf8\xf1\xc8R.\xc7\xe7/\xa2\x1a\xfb\xf3\x1d#\x9b\xde\x80\x87/\xf4\xeb\xdai\xdd\xa4?\x9c\x1d\xd0+4\xf7\'o;\xef\xbf\xff\xfd\xc5\xd3\xd3\x13\x1e\xd1z\x8f\x85\xc1~+\x16Q\xb9\xe4\x1f?\xbe\xd4\xd2\xda\n`\xe3%oxx\x88\xaa\x88\xf5\xbf\x8f\x1e&gt;[\xb9\xb1\xb9 \xae\x9f\xbe\xa8^\xf1\x82\xa0v\x81\xa9,JADSw\xdc\x0b\x14J.\xee\x18P0\xdb;{\x9ak\x0b\xf4\xb88\xddW\xfcmo*\x15\xcd\x11\xd22\xe7\xe2\x85\x07\x9fR\xa85\x03\xfcB$3\xd3#\xa6n\x05bz~^\xef\xea\x0b^&amp;"\xef\xec\xa9@\xbak\xaaf\x12Q\xcd\xc4#\xe9m[\xf4\x1e\x88\x81\xab\xa3\xbe6r\xfc(\x04\xc8\x0bz\n\x1f\x8c\x88\xc1\xfa\xd5\x12\tQac\xa1\x9b?o\xf4\xba\x9b\x15\x8a\x1e\x8cC\xd2\xd8U\'^R\xa2)\x83$\x00\xbey3D\xba\xb5\xd4\x88\xf3r\x07\xa2\x86\x12\xd1\xe9\xc7\x19{\x80k\x9a\xe5\x85K\xee\xd7\xab8\n\x03\x97\'\x05\xc8\x07\x82D\x04X\xca\xcd\x85\x10O\xe4P]\xcb\n\xe5\x00\xa5\xdc\x9f:L\xca-\x145\xec\xd8\xbd?\x8a\x89\x05s\xc1\x8c[\x1f\xc0W\xbd\xda\x1e=\x8a\xc4\xd1z\x8f\xa0\x87Q(\xde\xb1\xdaK\xe8\xadk2\x97\xc3G\xe0q\xc1\x80\xa7\x86:\xef\xd2\xb0L?\xc9=$\xf2-\xa4\xa3\xa7&lt;A\\s\xff!\x13\x05}TJV\x8fY\xb0\xff\t\x05[skr\x06\xee\xb8\xeb]En\x1fE\x1e}b\xb2\x04\r\x0c\xf4&amp;O\xea3.\xb3y\xf6)\xdbWR\x81\n\xf1\xeb&gt;\xfd\xf7m\xf9Cvs\xdc\xfc\xd5\xe9m\x9b\x8dj\xf6z\xe2\xd3W\xef\x118\xc2x:\xd9cCR\xfam@|g\xaf2fzdL\xce\x1fr\x96\xf9/9!3\xf5\xbc\x86\xa8X\xa4NPU\x82Q:\xaex\x95\xba5&amp;\xbd\x07\xe0\x16\xa4MDp{w\nv\xc4\x10\xb1{\xe2\xcc\xfe\xdb\x02\x0b\xd5\x93\x90\x95KL\xed\x8aq\x1bow#\x8d=\x03\r\x89\xe1\xc8\xeb/t\xe9\xd4v5\x08\x1f\x8ct\x99\xea\x16\xce\xc9\xec\xbf5\xbdm\x8b\xe8\x10\x10\x8f\x86\x94\xe6\r\xea\x8c\xc8\xc0\xf5\xb1\xc8\x83\xd8\\624\xb1\xd2&amp;\xd6O9\xe6\xaa\x0b\x84`\xb1\'L\xde~\x8f\x84\xb3\xb4#vD`\xe1\x1c\xa4\x8e76\xc1\x06\x0eD v\xa4\xa4\x13\x03\x94\x1d\x87K\xe0\xd9(\xbb\t\x01\x963\xa7%R\xec\xf1 \xa2m\x97\xbf[&lt;b\xaf\xa4!\xe9\x8b|\x17\xb2\xa1\x15c&amp;t\xc0\xaa\x13/)\xe4(A\xbe\n\xe5A\xac\xd1NT\xec\xd2\xa7\xfe6\xdf\xba"\r\xd1~\xcd\xca\x8f\x86\x85\x12 -\xaea\x95\x8bm\x82{\x84\xeb\xddLr\xbf\r.)$\xab&lt;i-\x9b6\x9d~\x13(\xd1{ .FhGh\xd9\x02a\t\x99\xe2\x936\xbd\xfa\x005\xd1\xb5\xcb\xc5\x0f\xab\x07\xd0+n+!\xcc\xde\xf3\x08\x13\xe8\xf3\xc8gZ\xc4\xfa\x84\x9a%\x84D\xcd\xd3:&lt;\xd6\x17\x1cx\x92\x88\\8z(\x16(%\xa2\x7f\xfe\xd6\x03B\xb4\\\x13_s\x04\\\x91\xde#\x11\x88t\x1f\xe7c_\xd0\xbb=!\xd6Oq"\x81\x1c\xf1\xea\xff\x06\x06B!+\xb4\xe9\x91\t\x05\xecQ[%}\xe8\x8e\x91V\xa4\x00T\x0f W\x80J\x94\x08j\'\x1e%"s\x9d5\xd7&amp;q\x8c\xbc{\xb8\'\x1a\x9f{ 1ZH2\x18h\x88f\x13p\x0cPle\xa8\xa9\x04\xf2T\xed\xaf\xa7\x93\x85\xe4q\x1a/\x9d\xdc\x01E3\xe5\xc2\x07\xc3\xa7\xc9\xc1\xcb\xee\x92\xc2\xc2\x1e\r\xc6\x95\xd0\x0b\xf0B4\x97\x84\x99\xf18\x95\x89n9/\xdf\x12\x11\xd1\xa857\xaa\xdaK \xa2\x87/\xd8\xff\x04R\xc7\x03I\xb9\x83vq\xd4mV2!\xd2\x8a|\xf8\xf6\x03\n\xfd\xf2f\xce:\xfb\xa1\xf7\x89\x98\'\xb5_\xdeL\xe1\xa9\xd0\xdc\x98d\xb7 \x9e\xb8\x91\x95c\x0f\xaa8\x01\xfb\xb7\x00\xe1\xca7\xab:\xf5\xdc\xd58\xa4\x10T4\xd7N\x1b\x95\x88\\\xd5\x83%Q\xc3\xd5E\xf3g\x94G\xf2\xf7\xe3\x8a\x0c_y\x9d\xdeC0p?,\x96g\x1f]\xac\xd0i\xad\x9b\x88\xe83"\x8f\x8c\xc9\x00\x9ag\x9f\x02\x92\x05\x9f\xcd\x1ao\x9c\xba\xfc\xe8?\x94\x1a\x9e\x18*,\xb3o\x1f\xe9\xf5\xa38y\xe4_DD\x08hUb\x81\xa2%y\xdb/\x7f\x17\x00P\x08p\x95\xe5\x10\x83o?\xdf\xdc\x19\xe6?2\x81\xf2\xb3\xaf\xfb?w\x90\x89\x17L\xeax"\xfa\xae\xa7o\x9d#\xab\x97\x19\xe6\x01\x03\x03.\xb4LO\xb4\x96e\x17\x15_\xc3^39\xa8x\xae\xe0\x16boz\x8d\xd9\xb0\xca\x9f\xd5\x02\xcc{\xdf\x18\xd9M\xb1\x12\\2\xf2\x1c7\xde4x7\xa9#A\x10\x15V\xbeP\x85f\xf5\xc2\xf7\xcd\xbf\xba\x96qW&gt;G.\x16Q\xdf\xe3\t\x04"\xf4\x1e\x83\xe2(\x15\x8f\x92\xa6P;=\x1f\xc1\xea\xd0\xdc\xf8\xe4N\xd7\xaf\x88\x82v\xf8\xe4Lg\x1ev#V]/\xbf\xb5\xec\x8e\xed\xaaN\x06D\x04d\xaa\xd7\xbe[\xa1j-\x9d:\x1d\x03\xad\xef\xfb\xd0:\n\xc4\xd8#J\xa6X\x19\x8b\x8b\x01C\xd40\x0e\x1f\xa5\xcb\xa2\x93U,\xa4d\xbe\x02\xa9\xee\xc9c\xf97[\xf1\r\xab\xe5v\xa13\x15@\n\x90\xc8&lt;\xe6\x96\x1eyN\x896\xd3\x115\x0c\x91C\x95h\x8a\x85\xec\x01\xdb\x05d7\x9a\x106\x00\x00\xe0"%WU\x82Q\x1eP\xa9\xfcg\xa0\x88\x04\xf7\xf8NE\xbb\x8e\x9f\xb3\xf7\xd1\xae\xa97b\x08\x12\x8cj\x10\xbd\x0bc\xc9\xe5\xf6\xf4\x9dqa\xdf\x99\x17\xaamK\x89\xac^\x8a@y\xc5\n\xf5%f\x04P\x06\xe0+e\xf7\x19q\xa3\xf4\xdf\xb8\x98\xc4j\x00\x19(K\x9a\xbc\x0b F\xffK\xc8m\x08\xe8a\xc2s\xccO\xdf\x83"\x00\xf4W\xef\xd7\x9e\x04"J\xec\xb3Vv\x82\x9a\xcbJ^(A|\'\xc2\x07K:\x93\xdf8Y\xe9\x9d=u\xbeQ\xfd\x06\x00&lt;\x81X\xd5&lt;\xe2\xae\x8d\xfc\xd2\x9f\xfe\xcd\n\x0c\xa3\xe7\xa3\x92\tD7B\xcb\x16t\x85[\x1a\xb81\xfe-J,=\x14\x11^N|G\xf1\x8b\xc94\xf0\xe8\xdd\xdf\xcb2\xf1\xfb\xb7 y\x1c\x02Z$\x9d\xcc/\x9aj-\xe4\xed\x9a\xb91Z"?\x1c\xa1W\xce\xdf\x06,D\x01\xb9z\x8fA\x17\x8c\xb0\x0f\x03\x1b\xfc\x81@\xde\x03l"\xa87\x9d~S\xd9\xee\xd3\xdb\xb6\x10Q\xc1\xd0\xb3\x80*\x89M\xf84!\xa8]\xbcF\x84Q4\xdb\xc0\xc0@K\x02\x17\x1f~f\xdc\xc6\xdb\xf5\x1e\x86\x81\x8b\x10\xd0\x8a\x90\x8e\xf0\x8a\xc5\xf0g\xdd&gt;\xe6\x011@\x96\x98\\^\t\x84\x10\xd1Y\xd7~\xbc\xe3\x8a\xf7\x07,\xba\\Z\x13\xf5\x93\xcf\'\xa2\xa4\xbe\xeb\xc5\x9cT.\xec0\x17.\xd9d`` \x17\x1e\xbb\xb7\xf2k\xf4\xc6\xa9\'\xf4\xb0H\xab\x95\x86\xea\x93;]\xa5\x96{\x07)\xe3\xe1\xd3\x17\xf1\x9d\x05C\xcf\xe6&gt;(Q\x83\x8a"\x93\xb6\xde\xe5\x933\xcd\'G\xe2\xcf\xf9\xbe\xba\x99\x1e\xb1\x8b\x0e&gt;\x95\xd5\xb1\xcd%S\xb9\xe2\x05\x1f\xc9\xb5\x8a\xcapf\x02q\x0fL\x15\x8b~0\x9cm\x06\xc2H\xea\xbb.\xae~\x15\x12:\x83\x8b\xe7i\xdbs\xe8\xf8MwH\x9d\x11\xe5$\x01\x07\xd9\xfe\xe9^\xfa?=\x19\x97\xa94\xe0\xd9\x18]\xb3\x9c[\x8b\x95\x8f\x07&gt;\xb6\x9a\x80E\x97\x0euF\xdcH"\xfa\x9c(\xb0p\xb6\xc2-+\x80\xd0;\x99\x88\xb6]\xf6.\xdb\x8d\xd7CL\xf1DT\xd6\xb9O\xefQ\xf4L|\xf3f\xe8=\x04\x85\xf1\xcf\x9f\x05\x94\x86\x96.H\xeeg1\x9b\xa9j\xe73\xe3\xd3DD\xbb\xaf\xf9H\xd2\xc9\x023\xa1\x9d\xa7,\x0eXx\xb9\x0b=\xf9\r\xb4\x85S\x8f\xda#cRj\xcb&amp;Imf}`\xbb\t\x8e\xa9[!qt\x8e\xc4w\x12\x11\x82\xfb+\xd6\xa0N,;\xf2\x9c\x11Jf\xa0$\xc9\xe3\xb2:\xb6\xb7\xcf;\x93\xd6\xba9\xa9i\x9d\xde\xa3\x91@-P\xabq\x97D\xf4\xe4W\xaa\x9aj\x84\x84:&amp;\xbb\xc9&amp;8P\x9b\xfaT\xb1@8\x90\xde;\xc2D\xf9\xa3\x1f%}\xdd!\x1d\x8c\xb3\xd6#s2\x93p\xd54\xe3\xa4m\x15\x87,$\x8e\x91\xd2r/\xa5\x07\xa91\x1b\xa8@\xe9\xa8}\xc4\xc1\xc5\x8f\xfe\x06\x8f\x06\x873\xf2\x04\xde\xda\x9a\xdb\x84\xb5\xe6O\xa2\xcdg\xde\x92zv\xa8\x08U\x19\x031\xd4\x85\x95/\xac\x1e\x7fX\xefa\xb8)\x99\xf6\xc5\x85l\xa6\xdb\x80\xe8\x9a\xe5\x9e\x99S\xb4\x1d\x92A\xcf@U\x99L7$q\xcc97~\xc65\xfb2xgO\x03|\x80\xbc\xc8\xea\xa5\x85\xc3\xf6\x00Iz\x0f\xdaM\xf1\xedY\xa2\xcdZ\x96$\x90D@\xe1l\xf7\xacR\xa7,\xd1\xe2/;\xbb/-\xb2s\xedM\xe6\x7fG\x01\xe5\x01\x85\xb3\xdd\xe0\xe770pi&lt;\x80\xca\x85\x07\x9f\xe2\x9f}\x19\xce\xba\xf6\xe3{\xcdn\xa1\xc7\xbf\xa0\x01\x8b.g\xdb\x16\x1bX\x90/\x94dB\xfa$\x05\x06\xa2"=\xca\xae\xe6\x92u\xcb\xf5!\xd0.\xa7(\xa3}\xcb\xd0\xe5\xd7t\xfd\xe1\xd5\x88\xe4\xb1:\x0c\xca\xc0\xa0\x8b\x1e\xb3\x87N\x9c{\xce\xa3Bf_.\xf4(\xff\xe5\xfaN\xbdp \n\xa8\xe0\xcdx\xec\x19e\x9dz\xcc\x8d\x00\x00yJ4\x92\xa0D#N\xf1&gt;v\xdfOg]\xfb\xb1\x80#%_g\x1e\xb6\x7fzu/PbGJmS8\xe9J\xc6|9!\x02\xa8C\xec\x08\xad\xba30\xf0\x02|\x00\xbf\xb8\x86U\x96\xea\x8a\x92)\x1du\xae\xb0N9B\x84\x82\xda\xc5\x8c&lt;\xacv\xe2QA\x07&amp;\x8e\xd6-&gt;1\xbe\xf3\xc4\xfd\xff\x96\x96\xfd!\x15\x1d\xa7\xf3R\xfd\xba\xd6\x9c\x7f\xfcHs\xcey\x94\xf7\x90J\x01\x05y\xe4\xd2\x7f\xc1\xa5DT&gt;z?\x90\xe4,\xd6?\n\xc9\xe3\xba\xffR&amp;\xa1H\x83*f~\x9a/\xee\xd8\x7f\xb5\xbaIG\xfb\xcd\xbaH\xa4 \x89A\x0fCI\xc5\xfc\x1b^\xa1\x94~\x1b\x06.\xbe"{\xc0\x8e\x9dW}\xe0t~e\xe83\xed\x82\x85\x07\x9e\xe4\xde\x07\xa7\xca\x18\x91H)G\x81v\xef\xb8QzE\x05\xff\xd0\xfd\xb5hEW\x8157\xa3u\xee%\x1f\x10\r[q\x1dP\xa2\xf7Xxa~\xce\xd1\xebn\x06\x82&gt;\xb4\xff]u\xd0ub\xc6\x13R2\xdfVZ\x99\x9d\x84&gt;k,\xe2\x12\xb3\xce~\xa8\xcf\xb4\x0b\x80\xf2\xfa)\xc7d\xf4/\xcd\x06\xe5\xe1\xfc\x10\x17\xc3#c\xb2\xedc\xce\xfd\xf1\xed\xab\xf7\x08z;Y\x1d\xdb6]\xf2\xe6oD\x02\xf7\xbe\x7f\x11!uB\xd7\xc9\t\xa3O&gt;\xf8\x9f?\xd8\xe7`\xd7\xa2\xcf\xb4\x13\x88\x18\xa2\xf7(\x0c8)\x19y\x0es\xe5\xbc\xfe\x07\xb9\xb4)\xdbr\x89O\xddq\x9f\xc3\x9b\x15Dt\xe8\xf6\xaf\xa5\xde\x00&amp;s\xa4@\x8d\xa8\xf9\x89\x19\xcf\xc7\xc2:\xf5\xca\x9a\xea\x9f?\xcb\xfa\xc4\xa0\xa29\xe9m\x9b\xdd\xc1\x97\xa3;\x81\xcc7\x96\xd5\xb1\xadh\xf8\x1e\xbd\x07\xa3\x08\x9ez\x0f\xa0W\xe3\x911\xf9\xf1/\x05\xcd\xbb\x0c\xd7\xbdH\x08u\xdc]\x05\xd4N&lt;\xca6\x07\xbb\x94_\xb3g\xd7\xdbv{\x9ag\x9f2_6.\x1c\xfc\xf4\x9b\xb3\x05\xe6\xaf\x96\x03D\xd7\x0e\xf2+\x1e\xb17\xa2j)B\x07\x88\xb5\x0cg\xf6\xdf\xf6\x03\x11b\x84;9L\xcc\xff\x1e\xfc?"\xa2\xf0\x8a\xc5\x1a\xd8\xc9{\x04\x85z\x0f\xc0\xc0\x8d\xb1\xb3\x96\x15\r\xdf#|\xea\xdd}\xcdG0\r\xe2o\x7f\xd2\xd6\xbb\xacO\xf9\x1f\xe7c\xaa\xea\xcc\x93\x7f)\xf4\x99\x04\x13\xdc\x1f\xf0\x06\x02\x84\x1d\x9df\xf9W\\\xfd*\xa0^\x9d1\x19X\xe1\xdb\x97\xb9l\x1e\xffR\x7f\xf3I"\x97\x02\xb0y\xf6\xe5\x94,\xb6Z~\x8a\\G\xa4N8r\xd7w\x83\x96\\\xa9i6m\xd2\x98\x88\xaa%\x08h\x15[\xe9h\xfe\xbe\xc7\xe3\x1aV\x99\xffrn\xf7600\xb0\xa5\xf4\xa9o\x9cL\xba\x0f|L\xd3w\xdd?q\xcb\x9d\xc7\xef\xff7\xbc\x9b\x9c7\xe9\xd9\xe8\xb0\tv\x11b\x89\x08\xa8U\xc7\xe5\xe1\x16\x82Sn\xc0\xd4\x1d\xf7\xf6\x9f\x7f\xa9\xde\xa3\x00\x80x\xef\xeci\x8e\xafn:\xfd&amp;\xcfe\xbd\xeb\xea\x0f\xad\x05\x93\x89\xe8\xea\xe7\x85\xdc\x00e\x00&lt;3\xa7\xe4\x0e\xda%#J0\x98\xe3\xdfN0\x95/\xf2\xc8\x98&lt;d\xd9\xd5\xb9\x83v\x8a\xeao\xef\r\x9f\xba\xd2\xedm\xc0\x83\xa9w\x05F\xaa\x8d\x90\x89P\x00\xb3\xf7&lt;\xcc?\xfb\x8e\\u\x03\x92\xc6\x00%\xe6J\x1e\xd9BL\\\xdb\xafx\xcf\xba\x91\xb5\x17\xbe*ep^}\xa4\x9c%\n\xf6\xeap\x12\xa8\xe9\xf6\x88\xdb`R\xa8\xfd^E\x8e\xeb\xa8\x80\xd9\x0b\xe8O\xddy\x9f\xd5\xba\xd2\xe4x\xc2\xbb\x0e\xb7\x90\xc3!el\x1d1\xf1\x8aY\x92\xfc\xde\xa1s\xcfy\xcc\xdc\x97\xc0\xda\x7f\xd6\x04\x11\xd1\xf3?\xd2\xb2#\xcf\x1d\xbd\xfb{\xf1\xa7\x0b\xc4\x8f\x88\\[\xfcDx\xbd\xa3\xde\x86\x0b{\x83tC\x91\'T:\xe3\xfd\xe1\xe2\xf0\x9d\xdf"\xa4\x03&gt;V\xfbE\xd3\xa0\xb3\xaf\xfbD@\xcbALN\x84\x85\xd8\xfa\x95l\x879:S\x18\xab^(\x92\xc6H\x9c\xb6\xc5\xc1S\xa3P\x14E\x1c\xaf\xf7\x90\n(Z\x93:\xc1#\xc3%\xc5F\x16\x1f~\xc6\xfa\xb2\xfe?\xa2\xe2\x11{\xad\xde79\xdeEo\xfee7\x07+\xedA\x8c\x1be5\xd9KPx.a\xce\xcd\x1d\xb4+\xbdu\xb3\xc2c\xb3\x82\x88|r\xac-\n\xdak\x05(N\xa6\x12\x0fb?\xa5\xb6S\x1c\xc8\x0fe4|\xde\xea\x90&lt;\x8eo\xfa%*\x1f}@F-\x9d\xe8K\x1e\xfb\x9dm\'`\x02\x10\xdf\xb8\x86yq\xdc\xc6\xdb\xba\xcf\x88\xef\xb4\xca\xb3\xaf\x9b\xb2\xfd\x1e\xf3\xbf\x05\xbal]\x8dh\xa0\x86\xa7&amp;\x8d#S\xb6\xdf3c\xf7\x03\xea\r\xc8]\xe0\xd8:\xba\x04\xd5\x8e\xf7\x89\xed\x01\xfev\xef\xde\xfcO\xbb\x03\x94O\xbc\xe1\x18\x89\x10\xe2\x014L9\x16V\xbeP\xf1Qq\x10b~\xa6\xb8\x8a\x95C\x12u\n\x16\xf7\xf5/\x98\xa5TSj0p\xf1\x15Ft\x9e\n$\x8cZs#\xcf\xec\xfb-Qp\xc9&lt;\xa9\xb5\xb1\x83\x10:`\x91\xad\x98\xe5\xfe[\xbe\x00\xf26]\xf2\x06\x905b\xd5\xf5\xcc\x8bK\x0e?\xd3}Rp\xff\xa6\x19\'\xcd\x7f\x98\xf6\xde\xf0)\x00 \xd2\x99?\xcb\xef\x82\x07\xffc\xfb\x8a\xf6\xe1 \x8e\xf2\xb7\xde\xf0j\xfc\x8eHTj\xa5+O&lt;Z\xc28Q\'m\xbdK\xef\x81\xb0\xe1l\x02f\xf0.\x1cv6\xdb\xbb\x1e\\\xf2\xcb\x89Mk\xb5\xb5\xf5U#\xa4C\xa3\xda\x9c\xec\x88X\x99*\x8a\\!\x9e\xca\xb1\x87\x88H\tQY!\x04\x04\xe8[\x1d9y\xdc\xfd\x1f\x1bO%\xa7\x886\xe7$\xf4Y\xf3\xdc\x0f&lt;\xf3/\x9d~\xe2O1\x1e\xa5*s~mWF\xd9\xc0\xc5W\xec\xba\xfa\xc3_m\xdb\x04\xd00\xe5\x98y\x0f\xe0;\xf7\xdc\xc7\xec\x9b\xe9v\xca\xc6\xa9l\x98Q\x16v\xa9A"\xba\xfee\x96K\xf7\xd1\xcf\xe9\xcew4\xbb\xa4\x955\xf5%j\xb3\xbe9|\xc77D\xa4\xe1\xc6L0\xf6\xb3\xafW#\xc7\x81QDt\xea\xd1\xdf\x1c\xc2\xf3xv~Z\xbaHs],AP3\xe4\xee\xbc\xf3\x87\xec\xd6lB\xf2\xcc\x9c\xbc\xfd\x8a\xf7\xe4\xb5Q%\xe3\xdcP"\xf2\xc8\x98|\xf8\x8eo\xe4\x8d\xa1\xc7#.}\x00\xf0\xdfq\xe5\xfb|\xd3/\xd1\xe5\xcf\x90\x18\x1d\xdcr"\xba\xe5u\xb2JR\xaa\x9e\xb0\xf9\x8e9{m4\xa5\x910\xda\xf6,!\xb6e\xcd\xb7\xb3a\x03E&gt;\tC\xb8\x028&amp;n\xb9\x8bU\xb0,\xa4d\xfe\xb2\xa3\xff\x10\xdc~\x8a+\x05s\xe5\x05\x16\xce\xe6Y\x99\xf9\xe4L\x7f\xf5W\xa5\x9eNJj\xbd)\x86\x80\xedo\xf7a\x9a\x084j@\n\xa2\x86\xe9=\x06\xa5p\xbb``-&lt;p\x1f\x11\x11\x13sk\x8f\x97\x06\xbd\xeb\x84\xdd\xd6Dl\xc0\x8e\xf5\xc2\xda$\xee\xd4\xc0\xb6\xdf\xc99\xf9Cv\x0bh+\x04@R\xd3:\xe6\x94\xf3\xef\xfd\xd1&lt;{\x99\x80LD\x0fgR\x15\x18\x9e\xfe\xd6\xe6yu\xe8\xf6\xafu\xd1\xecsF\x80\xc8`\xd2\xde\xa4\x1d\x14\xd0\xca_\xe8\x9d\x7fV\x92\x81\xb7\xc3t\xa6\xea\xd7\x1e\xd0\xca\xf3\xa6\x90\t\xf8\x86W\xc8\xd6\xda\x9c\xee\x92\xd7\xba\x1d\x89@\x85\xdecP\x1b.\xab{\x0f\x9ei\xaca\xdf\xd08\xbd\x9e\x15\xc55R6\x83\xfb\xdb\xfe-eT\xe1\x15\x8b\x99\xff\x8b;-j\xa8\x80\xf9\x97\xf99\n\x046i9\xa5r\xdc!\xa4\x8c\x87_3\xf3zD\xe5\x12\xcb[?\xda\xfe\xbe\x136\xdf!x\xc4\xcc\xb3K\xe8`\x0c\xf4\x82\x88\x1e\xf9\x97Jw\xb16N\xb4\x16\xaf\xc3\x00\x00 \x00IDAT7\x00\xc0\x07D&lt;r\xe4s\xf6&gt;\xc2\xff\xc0\xaa\x1cwH\xb5\xa1\x89!\xa4\xbf\x80\xda\x90\xd6O\xe4*\xc1\x16\xcb`\xb7r\x11\t!\xda\x1d\x85\xa9E\xe2\xcb=\xc5\xd6h8\x01\xf7\x1c\x82\x8b\xe7\x019@\x9c\xa8\xb3\x8a\x86\xef\x158\x01_\xfa\xe4_B\xa2\xd0\xd7]\xf8\xaa\xe5\x94\xe1+\xaf\x03R,\xae\x96\x05\xfb\x9f\xb0\xbc\xf5\xb3\x94\xdf\xb7\xac\xcf\xb4\x0bv\\\xf9&gt;\x90\xd9\x93$K\xbdsX4\x1et\x80ERT\x11\xdc:\xc4\x15\xb0\xc9\xbdc\xa3|\xf4\x81\x1dW\xbe\xdf8\xed\x84\x16\xe9\xea\xea\x12oU\x19\xa9V\xb9\xcc&lt;\xd7\xa4\x1e\x89\xa3\x9d\x1f\xc5\x82\x8e:_\x1a\xe52\xd6O9\xd6\xbb\'`i\x0b\xfcZq\x87{7\xc1\xb7\xdf\x99\'E\x94\x1b\xdcr\xe9\xdb\x08j\x07\xd2x\xf6\xe8W?\xdf}\xfc/6?b\xc4\xa3\x9fw\xbf\xf5\xce\xff\xa4\xfc\xbe\rS\x8e?\xf2Yo\xbe0z*\xf9@\x92\xdecP\x92\x92\xd1\xebnF\x1a\xab \x8b"\x98l\xffT\xf0\xbb3[\xf3=\x1b\x95\xd3\xa6qArk&amp;\x1e\x91:\xc7\x08w\xc4&amp;+\xed\xb5\xd5\xa6\x984\x83\x0b\xd7?\xe9!\xc4\x01x\xf6{\xe1\xf3/\x11Q\xf9\xe8\x03\xe36\xde6n\xe3\xed\\f\xb9\xda\x89G\xac\x8f\xb7\xd2\x03H\xbe\xfd\xad\xee\xd7\x9f\xff\xd1\x98G%\xa0S\x01c\x06\xaf&gt;DT0\xf4l\xc4w\xca/e\xb1\xea\xf8\x8b\xb5\x13\x8f(2.\xdd\x89\xb6\xdf\x9a\xa4\x8e\xdfz\xd9;\x1a\x96p7\x89&lt;\xde\xb9\x07\xda3s2bT\x1a\xbf\x0bx\x8f\x02[e\xec&amp;\x93\xcc\x91\xae\xae\xe1\xbf4pg\xd6ZY\x8c\x85\x10Y\xbd\x14\x1e\r\x9e\x99\x93\xb9\x9b\xb4\xd1\'\xb0\x84\xf8\xce\xdf\xf7\xb8\xf5\xeb\xac99\x06\xce\x10\x15\xb6iR\xbc\xfb\xe8\x9a\xe5Q5\xcb\x10&gt;\x18\xa8\x93\xd9\xd4\xa4\xadw\xab\x90\xec\xaa[\xb04#(a\xce\x01\x0f\x1f\xa4\xdc\x06"N\xdb}\x8f\x19\xfff\x84t \xb0M\x85\xa6\xdd\xdd\xb2\x1d\x8b\xc8\xa1z\x8f\xc1@%\xe2\x01\x84W.\x96t\xae\x94\xd8=\x9f\x9c\xe9\xa2&amp;\xe0\x88\xaa%\xf0\xe4Jw\x04\x80c\xf7\xfdt\xc7\xdbt\xf7{t\xf1\xa3\xbf\xbd\xf6\x1b%6\xadc^\xb7\x93\xba\xf4\xc8\xe0\x99\xc2{ \xbe\xb93\xf8\xde\x0e\x1b\x08T\x9be\x80\x85\xe3\xbef\xdb\xa0\x90\x92\xf9r\xceg\xae"\xa5F\xa3\x14\xe6(\xa7\xb4\x89*4\x9e\x0ed\xa8\xd0\xac]\'\x96\x91{!|p\xee\xc0\x9d.\x9a\x01\xa6\'n\xaa\xc6\xd7E\xc5\x98\x03z\x0f\xc1\x95a\xd4\xa6\xd4\xbf\xd1\xba)\x175\x01\xe7\x0e\xda\x05\xd4r\xcf\xc1\x99g]\xfb1P\x0b\x84\xd8\x05+\xb4\xcc&gt;u\x8fU\xbe\xb1\xbc\xa4p\xfd\x88\xef\xd4{\x04\x16&lt;\x117R\xef1H\xc5\xbb\x8f\x98\xe7X SV\xcb\xf6\xc5\xc2\xde\xa6\x99\x1f\x08\x04\xa9\xdd\x87\xd4\xb5\x7f\xaf\xa2\xcc\x9d7\xf1\xf1\xebO\xfdS\xcayq\xa3\x80b1\'\x18\xda\xf7\x02I\xb5\xab\x99\xe6d\x07\\\xb9\x04A\xed\x1d\x0b.\xe3n\xd0\xdaOi-\xdf\x91\xe4\x9b7\xc3R\xf1\xf0\x8e\xb7Y\xb7/\xaa?a\\\x00\xc5\x84c\xdd\x8aB\x04\xb6!\xb4\xa3\xeb/\x91\xeb\x98\xca\xb1\x87\xc4$\xaaq\xa2\xa3\xda\xa26\xc4\xc8\x0e\x13\x90\xaf\xc0\x95\x82\x90\x0e\xe7G\xb9-\xcd\xb3N\x9dz\xe4W\xaew\xa3k\x96\xab\xd6\xb3I\xa1v\xc4\xda\xd9\x00TZm\xbf\x04\xa2\x87\xdf\xc4\xb5\x89\xa8\\\xd2&gt;\xef\x8c\xe3\xeb\x8b\x0f=-p\xf6}\x97Hx\xaaE\\\xc3*$\x8f\xb5~\x01(\xfd\xd1\xdc\xd4s\xdf;N\xc0\x9e\x1a\xca&lt;e\xf4\xf2%\x9a_\xfeL\xe1\x07\'\xf6Y\xeb\xb0\x01\x95@]d\xf52\xf3\xbf\xc5Ig\x10\x91\xfct&amp;_\x84\x0e\x00\xca\xe4\x99\x10\x13\x80t\x04\xf2Is\xe8J\x8a0\xbd\xad\x18\x19\x95UX\x08(\x98\xfd\xe0\xff\x91U\x9b\x12*!\xeaFd\xd5RQ\xc7\'6\xad#"u6\xc1\xbc\x0b\xc4\x90\x0es\x0cH\x96\xd6zx~\xcd\xccS{\xe2\x96;5\xed\xd7\x1e\xa7\x89\xec.\x8d\xd9\xf6k\x8f\xd3J\xc0\x16\xe6\x9d\xfb\xb8\x88\x95M\xc4`\xbb\x17\x12\xfa\xac\xb1n\xcd\xf6M_\xa3\xd4\x95\xa6\xd8K\x81\xba4u\x93\xcfW\xa0\x95\xa2\xe1{\xb8\xabE\nb\xd6\xd9\x0f\xb3Y\xc3-\x88\x95\x81\x15\x82\xa8-\xa9\x97\xa0,\xd5\x90\x8e\xe0\xe2yR\xc7\xc3J5\x12:u\xb2_E l\xa0\x8c\xd3\xa5\xcd\xa3\xd9b~ki]\xd8U\x93,&lt;\xf1\xc0\xcf\xa6\x8aE\x00\x107R\xd5b\x91\x00Z\xe6\\lw\x913\x8fl\x17-\x8abM\xe4\xd0\xf7\xbaF\xeeBJ\x11\x1d\x0b.c\xbe\xc0\xff\xb2=::\x16^&amp;p\x02\x1e\xb7\xf16\x19I\x04\xde\xd6\x15\xca\xcd\xa6\xb2\x08 \x11\x81\xad*\xca\xdei\xaf\x8e\x900Z\xd8v-\x1dH\x03\n\x95\xdd\x8d\xf4hL\xdcoiR\xbc`\xd3\xe97\x11\xd2\x1f\xb1#9\xde\xaf\x01\xc2\x81hE\xb5\x1aT\x12\xadT\\KL\x1f\xef\x91\xd98\xc3\xa7\x89\xca\xc5\xff\x88\xee~\x8f\xdc$\xe1\xb5\x9c\x88\xaey\x81y|\x97\rYv\xb5\xfa=VZ\xff\xc1\xb1m\x12\x85\xaaY[\xb5L\x10\xb2G\xc6d"\xe2\x8f\x13\xd6\x81\x94\xf1\xc4\xe8R\x99U!\xad\t-] p\x02Nk\xdd\xc4[\x0e2\x8bw\xd9\x11\xfa\x9e\xb9\x9d\xe3\xf7\xfdd\xf5z$\xfc[\x1cl\x92\xb2o\x8a\xe0\xfe\xfa\xe4\xe9%\x8f\xbd\xf6E\xca\x1d\xb4\xd3\xdd\x83%%\x92:\x1e\xc8g\xab\xc9\xd83\x08\xee\x8f\xa41I}\xd7s\xbc\x9d\n\xcf\x06\xa0f\xc0B\x9e\x10\tU\xd1\xb2\x88\xa1\xab yV \xa2C\xb7\x7f\xad\xec`T#\x90\x88\x1a\xa7\x9d`\xfe\x08-]\xa0y\xffmD\xe4\xc2{\x05\xab\x05\xb8\xfb\x85 T\x08\x9c\x80\xbd\xb3\xa7\xc9X\xdc\xd7\xb1\xae\xa2\xda\xe6\x9d^y\xfcE\xf9\xc2\x0eb\xa8\x85w\xf7\xb6\xd87w\x86\xa2\x81Q\xd9\xa1\xa5\x0b\x906Q\x96\xc3\xa2\xab\x9e\xa3+ \xb8\n\x96G\xc3\x90\xa5W\x13\x11bGh\x1b\xc6\x0f\xcdWZl\xcbX3i\x004\xfe\xfc\x8f\x7fA\x88\x19\x0e\x04\xbaR\xa9,\xf9H\xd9\xd4\x8a\xc4\x9d\xaaM4\xcf&gt;\x05\xcf\x06\xf3_I@=\xe2Fi9\x80\x0b\x1f\xfe\xaf\x96\xdd\xf5*\xe6\x9c\xf3(\xf7\xb4\xdbM\xd3\xf4\x0b$V\x0e\xf5\xea\xf3\x9cYr\xeb\xf4\x13\x7f*=|k\x9cf-\xc6\x87\x94\xccO\xec\xb3\xd6\xf2\xf7\'\xae\x97N*\x0e\xdf~\xf0\xedg\xbd\xa4P\x9fd\xbb\x1f\xd1\xfa"\x89\xaa^\x06\xf8hY\xea\xadu\xce\xc5\x9a\xf5\xe5\x8a\x98W\xb5=\xa3~@.\xe0\x05\x84\xa7\xb5lB\xe2\x98O\x882\xda\xb7\xea=$W\xc4/\x7ff\xc1\xd0\xb3\xb4\r\xecO\xd3\xb0\xaf\xdeF\xaa\xd3\xd9\xf7#"\xee_\x9c\xc7\xe4\x18\x10R:\xff\xf5?,{_u\x03$\x07/\xb9J\xcd\xe6#\xe0\xd1\xc0\xf6\xba\xbe\xe2z\x19A\xc5s\xe1Q\xafUw!G\xef\xf9\xa1f\x82\x8d\x8a\xe4\xa6\xd3o2\xbf\xef\xbf\x88lC\xdf\x1d\xe9\xda\xad\xbeO\xc4\xbaZr\xb4\x91\xb8\x17^\xbcN\x1a5\x88\xe4\xfe\xcab\x81\x10 &amp;g\xe0N\x91mF9?DuB\x81d$\x8e9\xe3d\xc1\xeeg\xb65\xc9\x8d\x02H\xee\xbb\x1e(1K1\xb8\x05\xb9\x9a\x15@\xf5\xce\x9e\xb6\xe5\xcc[\xda\xf4\xd5;I\xe8\xb3\xd6\xe9\x1c\\0\xf4l\xf84\xd9\'\xf0$\x8e\xe1l4v$\x12\xc7L\xdcr\xd7OZ=U\x15\x15\x12\x08\xb0*\x10\xc48t\xb3\x90\xc4:\xbb\xa4\xd9\xfc\x15\xd8\xe6P_R8\xae\x1c\x11\x12\x85\xa0\xf6\xf5\xa7\xfe\xf9\x17\xebO\x19\xd8&amp;*S\x9f\x88\xd6\\\xf02\xeb\xeb\x96K\xc5\xbdf\xe2p$\x8f\x0b(\x98\xady\xa2w\nbF\xf4\x9dq\xb2\xbbnq\xb7\x03#\x0e\x01-@\xbah\xd9\xb9\x88!\x11\x95K\x14\x1c\xa2\xca\xa4\x00\xde\xf0\xeb\'\xb7\x99\xa06\xa0\xd8\xfdKZ\xa9\xc2\xf4]\xf7\x93\x8d\xb2\xbf\x81\xf2\xac\xbe\xe0e\xa7s\xf0\xa4\xadw\xc1W\xc0\xa5\x1e9\xf4\xa1O\x88\x88\xae{\x91\x1e\xff\x826^\xf2\x86\xfa\xc3\x07\xc0\xa8\xf0r\x16o\x95\x8d\x17\xa2\x87\x0b8L\\EH[,\xb6\x04\x8d\xdd\xa8\xceIm\xde\xb8\xf9\xcc[Dt\xdb\x9b\x8a\xcc\x8b\xc9\xac!{Dt\xe4\xee\xef\x95h_[R[6\x9a\xca\x17%\xf7\xe3\x8a\xcf\x12H\xa6\xf8\xd8\x81\x10 \x1a\x89cR\x9a7\x98_\xb1d\nzK\x15\x92\x8c\xd4\xdb\xaa\xd3C\xf0\xcf\x9f\xa5\xf7\x100k\xcf\xc3\nEI\xb8\xaf\xf2-4\xcf!\x96\x98S\x9b\xd9\xbe\xd5\xe9\x1clu\xa7\xb3R:\xf7\xdc\xc7\xac\x8f\xcf\x1fr\x96\xb4\xc1X\x11*$J+\xb2zi\xc9\xc8sT\x0e?\xe6O\xdf\x08\x00\xe0t-\x1e^!d\x9b.8\xfaI+\x88\xe8\xfe\x8f\x98\xed\xa9\xa48\x00a\x99\x93D4c\xf7\x03\xf2\x1616\xc4#\xa1S\x83]\xe9\xa0%W\x16\x0c=\x0b\x90\xe9\t\xa8\x87o_\xf8\xf4\x15);\x92\x8c\xd4\xf1J&gt;b\xa2\x86\xdd\xf8\xaa;\x19\x1f\\\x96\xbc\xc1\xc2\xa5\xa3\x0cT"\x8d{\xf2P&lt;\x19\xaf\x8b\xd1\xebn&gt;\xf5\xe8o\x92O\x9f\xbe\xfb\x81[^\xe7\x9b\x83?&amp;:v\xef\x8fM3N.\xd8\xff\x84\xf5\xeb\xdf\xb1\x1d\xac\xc4\x07\x8a\x06\xca\x84\x1d\xa9\x86\x16\x82\x13\xa6\xee\xbc\x8f\xf9\xa4\xd5\xe3\x0f\x03\xb1\xb9\x83v:s$\xb9\x88$\xa2\x88U\x9ag\xe6\x14"B\xcax\xbb\xfc@\xc5\xf9\x94(\xc1*DN&gt;\xf1\xf1\r\xab\xad\xfe4)\xd8\xb4\r\xa1\x03\x902\xbe\xdb\x0e,\x8d\x94\xf1@\t\xe2F\t\x13\xb4\xb2\x86g\xf6\x8d\x96\xf0\xa0Im\xde\x08\x84\x02\xf1.\x9cy\xe2^\xa8\xb1\x04\x0c\x02|\x80x\xad\xd2\xfe\xdcW\x01[s\x12F\x17\x8f\xd8+\xb3\x8d\xdb\xdet\xba\x19\xe6\xe4\x13"\xb5\x9f\xd4\xaeC\xf7R#u&lt;\x90\xd9&lt;\xeb"\xbdG\xa4\x0e\x02\n\xb4?\xfa9\x8d\xddp\xab\xbcn\xdc\xd3\xcd\x94\xd8\xb4v\xf1\xe1g|r\xa6Kn\x00\x00\xdb\x06Z\xfa\x83{\xe5\xf1\x17\xe1\xd7\xac\xa8*\x88\x81\x8bP\x08\x94H\xad\t\xea\xd7\xb1\xf0\xb2\xac\x8e\xed\n\x8f\xc8-IW\xb6\xb9\xf3\xee\xfc\xf6\xfe\x8f\x98\x1dg\xa9\x12\x0f\xb2\x80\xb8\x86U\xe9m\x9b\xd7\x9e\x14Q3\xf8\xf6\xb7\x08\x91\xae\x93\xc6\xaa\x05\xc9\xfd\xd6k%\x7f\xeb\xd2\xe2\x1e\xdb\xafx\x8f\x88\xae|\xaew\x1a/C:\xc6n\xb85\xb2Z\x9c\xb0\xb0\x15\\\x12\xaf\x12\xa2\xf2\x18\x0fA\xdd\xd1\xbb\xbfw\xc1P\x02{\xa4\xc9&amp;$t\xc6\xd4\xad\x00\xb2\x94\xf0U\x98d\xb7\xa05M\xd3O\x12Q\xfb\xbc3R,~\t\xa3\xbb\xb6\x0b1\xc3]R\xb5\xbbD\xc3\xbe\xe2\x94\xb5L\x10\xd1}]\x130\xf3\xc5:\xd5m\x16X:\xa5~\xca\x8e{\x1f\xfa\x84F\xad\xb9q\xcd\xc9W,s\xad\xa5\xb4\x91\x85\xb4\xd6\xcd"\x9f\x18&gt;\xb6&amp;\xae\n\xa0^\x8c\xd1\xab\x9a/\x06[#\xbc2\xfbo\xd3{\x0cJ\xa1\x92\xee\xa1:\xb0\xa7\x84\xb9s\x8d\xc2\xc0\xc29\n\xb5dB\xe2h\x99\xc2\xd7\xec\xcd*\x8dg\xe6d\t2\x96\x07o\xff\x9a\x88)6.\xd7B\x9e7x\xf7\x9cs\x1e\x95\xd9\x88\xe6\x84\x11\xd1\xc8\xd57H;y\xcf\xf5\x9f\x10\x91\x95kFH\xa4^\x89\xe2\x05\x8e\xb2:\xb6\xe9\xadZU\xae\xac]\xdd+k*R\xc6\x03i0\r\x02LM3N\x8a\xac\xe1\xc8\x83\x0f\x87\xa3!\xa8b\xcc\xc1\xb5\x17\xbe\x8a\xc06\xa0\x82\xe3\x99\xe8Z\xf8\xe4L#\x07\xcft\xf1\x88s\xfeEt\xdf\x87\xb4\xe5\xd2\xb7\x91:Axk\xcd\xb3O9\xb6f` \x96`x\xd4/:\xf8\x94\x1e]\x17 j\xa8\xb0#kU\xe8=\x97O\x91*\xb0\x8d\xe3\x8d\xec\xc3w|#\xc3\xde\xd0\xcd\xf2\xf3\x9fw\xcb\x1b8y\x9c\x9c\xb3\xfb\xce8)r\xf7\xac\xbc\xd8\xfa\xbbD\x9a\x88ZkH\xf8\xe0\xc0\xa29\x08\x1b\x08\xe4\x03!\x88\xefT\xae\xee}4\xef\\\xcel\xb8=CJ\xe6\x0b\x8e0\n\x97T\x98R\t\xe2;O?\xfe\x87\xddk\xac\xe6t!\x8d\x9d}\xdd\xff\xad\xbd\xf0U\x15Fi\xa0\x189\x8cP\xbb\x01;\xd1\x</t>
        </is>
      </c>
      <c r="E653" t="inlineStr">
        <is>
          <t>&lt;class 'numpy.ndarray'&gt;</t>
        </is>
      </c>
    </row>
    <row r="654">
      <c r="A654" s="1" t="n">
        <v>652</v>
      </c>
      <c r="B654" t="inlineStr">
        <is>
          <t>steps_per_sec</t>
        </is>
      </c>
      <c r="C654" t="n">
        <v>9400</v>
      </c>
      <c r="D654" t="inlineStr">
        <is>
          <t>5.4306345</t>
        </is>
      </c>
      <c r="E654" t="inlineStr">
        <is>
          <t>&lt;class 'numpy.ndarray'&gt;</t>
        </is>
      </c>
    </row>
    <row r="655">
      <c r="A655" s="1" t="n">
        <v>653</v>
      </c>
      <c r="B655" t="inlineStr">
        <is>
          <t>Loss/localization_loss</t>
        </is>
      </c>
      <c r="C655" t="n">
        <v>9400</v>
      </c>
      <c r="D655" t="inlineStr">
        <is>
          <t>0.03247585</t>
        </is>
      </c>
      <c r="E655" t="inlineStr">
        <is>
          <t>&lt;class 'numpy.ndarray'&gt;</t>
        </is>
      </c>
    </row>
    <row r="656">
      <c r="A656" s="1" t="n">
        <v>654</v>
      </c>
      <c r="B656" t="inlineStr">
        <is>
          <t>Loss/classification_loss</t>
        </is>
      </c>
      <c r="C656" t="n">
        <v>9400</v>
      </c>
      <c r="D656" t="inlineStr">
        <is>
          <t>0.26044568</t>
        </is>
      </c>
      <c r="E656" t="inlineStr">
        <is>
          <t>&lt;class 'numpy.ndarray'&gt;</t>
        </is>
      </c>
    </row>
    <row r="657">
      <c r="A657" s="1" t="n">
        <v>655</v>
      </c>
      <c r="B657" t="inlineStr">
        <is>
          <t>Loss/regularization_loss</t>
        </is>
      </c>
      <c r="C657" t="n">
        <v>9400</v>
      </c>
      <c r="D657" t="inlineStr">
        <is>
          <t>0.038978457</t>
        </is>
      </c>
      <c r="E657" t="inlineStr">
        <is>
          <t>&lt;class 'numpy.ndarray'&gt;</t>
        </is>
      </c>
    </row>
    <row r="658">
      <c r="A658" s="1" t="n">
        <v>656</v>
      </c>
      <c r="B658" t="inlineStr">
        <is>
          <t>Loss/total_loss</t>
        </is>
      </c>
      <c r="C658" t="n">
        <v>9400</v>
      </c>
      <c r="D658" t="inlineStr">
        <is>
          <t>0.3319</t>
        </is>
      </c>
      <c r="E658" t="inlineStr">
        <is>
          <t>&lt;class 'numpy.ndarray'&gt;</t>
        </is>
      </c>
    </row>
    <row r="659">
      <c r="A659" s="1" t="n">
        <v>657</v>
      </c>
      <c r="B659" t="inlineStr">
        <is>
          <t>learning_rate</t>
        </is>
      </c>
      <c r="C659" t="n">
        <v>9400</v>
      </c>
      <c r="D659" t="inlineStr">
        <is>
          <t>0.079893865</t>
        </is>
      </c>
      <c r="E659" t="inlineStr">
        <is>
          <t>&lt;class 'numpy.ndarray'&gt;</t>
        </is>
      </c>
    </row>
    <row r="660">
      <c r="A660" s="1" t="n">
        <v>658</v>
      </c>
      <c r="B660" t="inlineStr">
        <is>
          <t>train_input_images</t>
        </is>
      </c>
      <c r="C660" t="n">
        <v>9400</v>
      </c>
      <c r="D660" t="inlineStr">
        <is>
          <t>[b'640' b'640'
 b'\x89PNG\r\n\x1a\n\x00\x00\x00\rIHDR\x00\x00\x02\x80\x00\x00\x02\x80\x08\x02\x00\x00\x00\x83\xaf^t\x00\x00 \x00IDATx\x9c\xec\x9de\x80\xd4V\xd7\xc7\xcf\xba\xbb\xbb\xbb\xb0\xee\x0b\xec.\xbe\xc0\x02\x8b\xbb\xbb\xbb\xbbC\x81\x16hi\x81RJK\x8dRwwww\xb7\xa7\xf6\xb4O\xdb\xb7~\xde\x0f\x99\x99\xcdL\xec&amp;\xb9Ifv\xf3\xfb\x00\xb3\x99\x9b\x9b;3\xc9\x95s\xcf\xf9\x1f\x00\xe5\xf8!""\xaa\xa8\x81\x8c\x90~\x91\x95\x0b\x85\xdf\xee\x86\x88\xe37\xdd\xc5\xf7VXb\xf7UZ\xb5\n\x00\x00\xb2\xfbm\x06\x08\xa0QS\x1c\x00\x00D\xcb?\xd1\xef;D\x80b\xeb\x9f\xde\x88\x08\x10\xae\xa8*\xf5x\x01DH\x95\t\xd6\xa3!N\x8d\xbb\xd1\rp\n\xf4\xe8:\xe8\x13\x17^&gt;\xdf\xe86\x98\x98\x00\x00\x003\x00\x97\x8d\xb8@\x9f\x0b\t\xbd{\xec\x81_K\xdb\xf7\x0b\xbc\x99\xa4Q\x93\xac\x14\xf7\x99}\xda\xfeH\x1aH5\x98\x07\x8f\x06J\xed\xf1F\xc4G\xbfv\xad\xae-\x9fb]\x93\xb6\xdd\xd7o\xde\x19\x8a\x15R\xa7\xa8m\x97\xa6\xf5\xbbg\x8c\xd7\xb4~zD\x1a\xdd\x00e\xf8\x19\xdd\x00\x13W\xe2\xc9o5\xeb\x8d7\x9dy\x0f\x11\x01\xbc\xe4\x9fZ"\xa3\xaco\xd3\xce\xeb?ED\x80D\xd6\xd1\xb2\x8e\x97~\xcd\xf2\x1b \x87\xf0V\xe2\xa2Q\xe0\xd5\x08\x00\'\x1f\xf9C`\x00\xee\xca\xab\x9fL=.\x126\xa0x\xc8n=.$F\x81\x81\xd7\x0e\xee6\x1b\xc0\xc7\xc0\x06tvb\x8cn\x80\x89\xcbP?\xe1\xe2\x80\xa2\x19\x1a^\xe0\xf8C\xff\x07\x00\x00\x9e\xfe\x85\xd3\xe5\x9c\x17/\xffR\xeeFY/5\xb1\xb4\x07\xf7\xa5W\x97\xd9\xdb\xba\x1cU\x82\xef\xf8\xf4\xd0\xb1\x19&amp;\n(5\xba\x01&amp;\x9d\x8d\xe4\xdb\xdf\xd1\xc7hY}\xe7{\xaee\x1d\x05\xe8\x18\x80\xc3)\xd6\x99\xd4C\xdb\xcdi\x13\xe7#\r\xc2\x07X_G\t\x15\xf2\xce\x99\xacKcLLL\x9c\x06D&lt;\xfe\xf0\xef\x8aNM\x07\x00\x00\x7f\xb2\xc2\xb5\x1cK\xb2+\xe0\xd3\x03\x11\x07-\xbeV\xfe\x99\xb1\x00\x1e\xf4\xdb\xe3\xec\x90\xdb\xe8\xa8\xf8\xafqp\xab\xd5\xa4Zu&lt;\xf7\x13\xa66\xaf5\xba\x15\xba\x11kt\x03LL\\\x81\xff\xe9\xea\x8b\x18.b\xcb\x9d\xb0\xf9\x1eM\xaf\x1dW\xbf\xbca\xd2%\x8aN\x8dD\xc4\x91kn\xa5\xda\x1cIo\xe1\xce\x8c{\xc6xD\x04\x085\xba!\xfa\x81\x88\xc7\x1e\xf8\xd5\xe8V\x98\xb8\x06\x88\x08\x90-U\xc0\xc4\xf5\x19\xb9\xe6\x16\xa3\x9b\xc0\xa6Z\xdb\xeaSF+;\xcf\'o\x8au\xadO\x07\xa3\x9f\x9f\xd8\xb4\x96u\x866\xa0\x10 U\xab\x15\xb0S\x82\x88\xf4|\xdd]\n\xafF\xa3[\xe0z\\\xff\x92T\xff\x904B\x97\x86(\xc0\xd7\xe8\x06\x98\x90\xe3\xd5\xdd\xe8\x16\x10\x81\x88\xf1\r\xcb\x8dn\x05Mr\x07l#(Es\xce\xd1\xd5\x89\x1b\x06\x90\n\x00t\xc3\xaeLLh\x93bt\x03\xba\x1c\xa1\x06]7\xe7\xeag1\xab\xef&amp;=.\x156\xc0\xe8E\xa7\xeb\x91\xdek\xbd\xd1M\xe0G\xad\xa7\x92\xa7\xa1+\xd1\xb8\xa1r\xcf\xd06\x92\xc1\xc4\xc4\xc4D{\xb2hU4f\xfd\x1d]a8o\x9avb\xca\xf6\xfb\x8dn\x05\x0f\x888i\xeb\xbdB\xefFT.\x04\x08\xd2\xb3=Z3`\xfe\xd5\xa4\xeb\x12O\xa7\xb3\xf7&gt;\xfdC\xe7\x7fRL\xba\x1e\xb4\xf4X\xfc\x9a\x01\xc2T\xd7b\x88\xf0\xa1\x89\xb60\xf1W\xf1\r+DK\xa91X\xa5\xa98W\x10\x9d\x14R\x95\xe1\xdf\x02\x10bt#L:\r%\xdaT\x9b\xa0M\xb5\x9d\x08z\xfe\x1c\x14\xba\x83\xa0\xe2Y\xea+1\x08=\xb693zo\x90\x8aG\xa2\x19dL\x8d\xd4\xd1o\xff+5\x98\xc5\r\xd3\xab5\xe4\x94\xc8\x1f\x80s5i\x08\x0f\xee\x1aM;LL\xe8\xe1j\x91\xa2]\x12\xc2\xd8_\xa7\x06\x11\xb7\x9e\xfd\xd0\xe8V\xb8\x01\x04\x1a\xdd\x06\x01&lt;\x1b\x11Qs\xeft\x13\x13\x13\x13\x13+\xf1\xf6N\xbf\x92~\x9bN\xb9\x80\xe3\xc7N"\x00\x11\x7f2\xd8\\\xe9\x03P&amp;"\x8d$\x03\x9a\xf2\x966\xa2\x0b\x06\xed\xe8?\xff*\rj\xee\xaax\x9bb\x93&amp;\nP \xb9o\xd2IP\x92B\xe0\x03\xc2\x81-r\x90\x82\xcaU\xc0\xdd\xb3,\xe6)\xa5\x11\xee\xf5\xf5\x13.N\xec\xbe\xb2m\xc9\xf5\x00\xd9\x00\xbe\x00\xa9\xe0\xdd\x03\x92F\xa6\xf7Z\xef\xac\xeb`3\xfd\x0b]\x9c\xf3W6\xd1\x95\xee\x93/\x95y\x86\xb9/+FWN\x13\xe9\x13Z6\xd7\xf1Xx+":\xe1d\xbf\xb0m\x97\xc3v\xac&gt;\x01\xbe\xad\x0b\xce\x0e]~.\xa0h\xc6\x82\x0b\x9fY\x7f\xc5\xdb\x85\x83w\xf5\x9ds\xa5G\xe6\x84\xda\xf1G\x86\xad\xb8q\xe4\x9a[bj\x97\xb4.&lt;{\xc9}\xff\xd3\xa11&amp;&amp;&amp;.GxE\xd7\x1dc\\\x02D\xd4\xd1\x9bD\xb4\x1d/\xff\x86|+K\x7fH\x18n@\x83\xa4\x91\xa5\xd8\xacD\xde\xf9\xae\x0f\x18\xe7\\\\|\xe4yf2;c\xf7\xc3\x105x\xd3\x99\xf7\x16\x1fy\x1e\xfc[\x00\xa0b\xd4A\xa6\xcc\x84\xcdw+\xb8\x84\x89\x89Ig&amp;r\x10\x84\xf43\xba\x11&amp;\x82h\x1e|\x11_\xbf\x1c\x11\t\xb2\xdc\x17\xdc\xf4\xba\xb3\xc6\x81\x18Ax\xf9|\xb4\xc2r^\xe3\xc9kv\xe7{\x88\x887\xbfa~{&amp;.O\x9f\xd9\xa7\x8dn\x82\x11\x84\r\x90.#\x037\xf6\x1f\x88\xe8\x94q\x07]\n7\xee\xa1\xc4\xc6\x95\xf5\x13/~W\xeb\x018\xa4d\x0e"BB\xbb\xb2\x94\xe3M\xd3NPo\x92K\xd01\xfa&amp;\x8f\xb2\x1e\x13\xdcV_r\xf4\x85\xcf\x11\xc1\xafI\x9f\xb6\x99\x98h\xc4_\xd2\xfd\x91\x92n\xa4k\x93\x12Y\xb9\xd0\xe86\x988\x82\x88\xbbn\xf8L\xeb\xabT\xda^\xf5\x9bwFQ\r\xbaD@\x06\xf6\xd6\xe3*\x84\xc4\x0c\xe97\xef\x8ce\xf4\xf5\x15\x1eSC\xfa\x0e\\x\r\xf3r\xe8\xf2s\xd6\xb52\xcfT\xcb\x84\x80J\xe9"F\x11\xd2o\xf6\xbe\xc7\x8cn\x84\xfe\xb8\xf1\xde\xcc\xb1uK\xf5o\x8a\xeb\xe3it\x03L\x84q\xab\xd3\xae\xee*\x80&lt;\xe6\x15"^\xfb\x02\x92\x0cu\x88x\xff\xa7]\xda\xa0\xfa\xf4\x0f\xb6\x050\x8e\xdbx\xe7e\x0f\xfe\xc6\xeb\x9bf\x19t\xfd[V\x9fx\x9de\xaf6q=D3W\xd6\x9a?\xab\x89L"\x00"\x8dn\x83\x89$\xa9\xdaV\x7f\xed\x0b\xb6Q!\x07\xfc\x9a\x89\xd7\x19\xd1]\xbc\xc7i\x98t\x89m@\x8d\xa8\\\x00\x81\xbdy\x03\x9f\x90\x0f\x15\x97-Wqn\'\xa0\xd0\xc0kGV\x99FB\x13\x13\x13\xca\x14\xb2\x06\x8649\x81\xe1\xd4\xb2 \xb8"\x0ec\xaa\x7f\xc1\xf4\xdb\xdfA\x802\xf1b\x02\x03\xb0i\x94&amp;\xa5\xb4}\xbf\xd1M0\x81o\xba\xf6\xe4\x9b\x1e\x85_i\xf6M&amp;\xf5X-U\xa4\x9bF\x97vA2\x8d\xbc\xf8\xc9G\xfe\xb0\xac\xe4*\x16\xd0\x11o\xea\xec,\xba\xe89\x871UD]\xd9\xa1\xe4\xed\xef8\x14s\xab\x1cuH\xfb&amp;\x9bhD\x97L\xae\xec\xed\xcc\t\xbf=]FO7ut\x17\xb7#\x02\x802=\xa8\xce\x86ee\x964\xd2\xf4`$!\xae~\x19w]\xbb\xf3\xfaOy\x0b\x0f[q\xa3\xe8\xf2\xd7\x1f\xd2\xc6j\xdd`\x13\xcd(1\xba\x01&amp;&amp;\x86\xe3\xa3M\xb5\xc9\xdaT\xeb\x84D\xb4\x9as1r\x16\x1fv\\\x01Kn\xee2\x05z\xcf\xbeB\xaf6j\x879ce\x111\xb0\xff\xbc\xabf\xecyD\xbd\xe9h\xcd\x897\xa8\xb4H&gt;\xc2\x02\x00\x11\x03\x87.;\xa7cK\xba\x10{n\xfc\xc2\xe8&amp;\x98\xb88\xdfw\xe11[\xee\x00\x0c\x90\x83\x88w\xbc\xdbu\xbf\xb1N\x89\xe5ww\xaf7\xba!*\x11\xf4\xe7\xe89\xedxv\xdf\xcd\x07n\xfd\x8f\x9e\xadqV\xe8\xa6\xf3\xeb:\xcb;)b\x86\xa89\xdb\xf2\x0c:\xa9\x1a\xa3\x14\xd3v&gt;HZ4\xac\xbf\xc30\x83\x88\x82^\xda\x16a\x97\x08U\x8dsjb\x1cG\xdf\xb8\xa1\xe2\'\\\xf5\x8c9\xfaR\'V\xba\x88\xe6\xd4\x00T\x19\xdd\x06UH\xcd\x1dC\x11\x11 L\xa7\xd68+\x88\x18X4\xd3\xe8V(\xa0\x93%\\J\x01\x00\x88h\xe5\xbeA\xb0\nr2\xac-&amp;\x1d&amp;\xef\xff\xd4\xd5&gt;\xa1\x96\xdc\xff\t\xf9\xf2\x17\xc0\xbd\x0e&lt;\x1ati\x97\x89\x89,\xa2$\xef^D\xcc\xe9\xbfE\x9f\xd6\x10"\xd1f\x0f\xfa6\x89\xe0n\xb3\xa9\xd7\xe9\xdc8W:\xda\x82A;\xea\xc6\x1f\x11/3u\xc7\x03\xae5\x0c\xc7\xa1\xa9\x8f\xa8\x02\xbb\x018\x9e_\xcdu\xc7u\x9f\xfc\x86\xd8E\x15tM:\tEF7@\x1ed]p\x9c\xe6\xed\x10\x00\x11\x0f\xdf\xf5\xa3QWw-f\xef\x7f\x1c\x11W\x9fx\xfd\xe5\xdf\x08\x87\xd5\x04\x97\x1a\x83\xfd[\x8cn\x81\xcbp\xd3\xeb\xe8\xe0\x82t\xdd\x8b\x1d\x03\xf0\'\xfc?y*\x00(\x883k[z\xfd\x9d\xef\xb9\xca=d\xd2E\xd0\xcd\xe0\x1f\xad\xd7\x85\x8c\x81\xe91R\x9a\xd6\x18\xdd\x10\x17\x80\xf9\xae\xde\x919\xa0\xba\xd4\x18,\x85_\xfe4\xa3\x9b@\x1d%\x9b\xd3\x88\xe8\x93;\x85\xe7\x8d\xf8a\xfd\xe6\x9e\xb9\xf7#l\x98t\x89\xdav\xd9\x88\x1d\xdayn \xad\x080\xba\x01]\x8b\xd6\x85g;\xd7\xd0\x98*U ^\xfc\xed\xab\xf9\xbd:B\x002H.\xef\x9951\xbe^\x8f\xb4\xe5\xae\xcb\xc3_\x12\xef\xf1\x01,?\xf6\xb2\xedur\x8f\xd5\xea\xc6`\xdb}\x9e\x06\x9e\x8dJ+\xa1\x82G}\'[\x8a\x15\x0e\xde\xe9\x04c\x9b\xaf\xa9\x04\xeb\xdc\x04\x1a\xdd\x00C\x10\x9b\xd3,?\xf6rt\xcdb\x1aW!\x1a\x9f4\xa6,\xa3\xf7\x06\xf1\x12$[\xe3|\x87\x0bRz\x12-m\xb7_\xfb\xb1\x9c\x8e\xc8\xe8\xee"y\x14@\xa4\x9e\xbex\xd3w=d\x1b}\xcf\xbf&amp;\xbb\xc7&amp;\x1f\xb9\x9d\x9f\x04\xa3\x1b@\x97\x84\xce\xf1\xab\x98hI0WX\xb4k\xc1\x9b\xa16\xa8\x8f\xee\xed\x90\x8b\xbb\xe4\x8e\x8f_\xfe4D\x1c\xbf\xe9n\xf1b\xb1\xb5$i\x9dR\x88\x1b\xc6\x83g\xd6\x04\xb2\x82\xce3\x1d\xd4\xa9%\xebN\xbd\xe5\x18f\x02\x00\x00\x17\xdf\xf73a\r\x9di\x0061q-BiT\xd2\x99\xcc\xad\xb2q\x82\x1d\xcaX\x8dz\xcf\xe2!{\xe8eY\xf7\xa3T\x8f8\xc1\xba\\\xc5\x89@\x0e\x00\x00\xde\xdd\x85o\x89P\xa1\x1a4m\xa7\te\xc2\xca\xe6\x19\xdd\x04\x13\xad\xc9q\xf8{\xd0\xe2k\ri\x87\x0b\x92\xab\xe7\xc5\x84\xe4]\xc9\xe1\tO\x08\xecev\xca\xce\x0fw\x00^p\xe8i\xf2\xd3?f\x9d\xe8\x9b?U\xbbv:\x1b\xba\x99J\xb4\xcbLW\x04\x01\xa6gx\x97\xc2\x7f\xde\x81\'{\xcd:et3\\\x00\xf7\x8cq\xce\xb1\x83KN\xbec\xb6\xb1\xb8\xa1\x88\x08&gt;&lt;\xd9\xbbu\xa4\xd3\xa6\x92k\x99q\x92J=\xdc\x01\x18\x11yS\xber\xa9\x1cu\x90\xd7|M\x06O\x92\xa8\xa9;\x1f\xd4b\xd2\x16Bwc\xffo\xe6\xa3\x06\xf6\xa2X\xa7\x89\x89\xe6\x04\xf7\xf5/\xe8|~\xfe\xaeN\xb0\x1e\x02\x9f\xa9\xa3S\x9b\xd7j~\x95.\x05%\x9fa\xde\x01\xf8\xee\x0f\xb9\xa3 Oh\x1c\xbf\xf9\xda\xd5\x88\x02\xf0\x04\x80\xb2\xe1\x17\x90-7\x03\xcaF\\\xb0\xe6\xe4\x1b\xbeyS\t\xfc\xfb\x9d\x16C\x13C\x9a\x18CF\x17\xcd*h\x00\x9er\n\xbb\x93\x95\xa7\xe1"\xeaV\xe7"\x89\xad\xfc\x01\x82\x8cn\x83\x1d\xd3w=\xa4E\x9c*\xef\x00\xcc\x19J\xbd\xb9\'\xc6\xd5\xf1\xa4\xaa\xa3\xde&lt;\t"*\x17\xd0\xa8\xc6\xd7\xfa\x82\xf0\x16\xd7\xd3Q\xbe\x14\xc2y\xe4@\t\x88\x90J\x17\xaa\xeey\x0e\x1f\xa0\xeat\x13\x9d\x89\x18\x08!\xfd\x00\xb2\x8dn\x87\xb3\x11jt\x03d\xa1[lL\xa75\x1d+\x06\x11\xb5Ph\x11\x1a\x80I\x02\xe1\x8c\x1f\x80\xed\xd1G\xbfF\x95;\xbe|\x82\tb\xd8c\xf8\x0e\x06B\xf2H\xf1\xd3r\xfao\x9d\xbe\xeb\xa1\xd8\xba\xa5[\xae\xfe@~\xc3\x8a]N\xb7\xafK\x92\xe2\x91\xc9D\x80\xc4w\xea\x94!\xce\x8bG\xe6\x84\xc2\xc1\xbb\x8cn\x85&lt;^\xfe\xd5%\x8d\x99\xae\x08\xef\xe8\xfb\x13k(\x8d\xa8\\\xb8\xe1\x8aw\x08\xcf\xd5\xab\xd5]\x0b\xf1(\x11\x91i\x87\xa4\xa7X\xf2\xe8u\xb7A\xdc\xb0\x9f\xcc\x1f\xcf\x91N4\xb7p\xab3\xba\x05\x9d\x9c\t\x9b\xc5\x02m\xef\xfa\x00\x11\xd17\xcf\x95&lt;Ts\xfao5\xe8\xca\xce\x90\xf5K-\xdc\xbe\xb4m\xe9\xf5\x906\x86\xb7\xf0C_\xf0\x0c\xc0\xe5#\x0e\xd8\x97\xe2\xffZ\xd6\x9c|\xc3\x1c\x80\r\xa7\x9c\xca\xf7~\xe2\x91\xdf\xd5Wbbb\xd2\tx\xebo\xb3+\xd7\x8d*\xdeE0\xe1\xc9\xf6\xa7\xd4h\xda\xd0\xae\t\x8f\xb3\xb8=\xc9\x88\xf8\xb19\xf7111\xa1DQ\x9b\x8b\xd9\xcc]\x18\xbff\x87\xa1w\xe9\xd1\x17\xc8\x07\xe0\x15\xc7^\xbe\xe3]\x04\x88\xfe\xcb\x1c\x02\xa8\xf3.\xe2\x9fD_k*$\x8f\xd2\xbc5&amp;\xce\x05\xa1/B*\x00\x00$\xcb\xf4\xcb5q^Zf^nt\x13Lh\xc2\xbf\xfc\x8dn#&lt;Q\x8b&amp;-\xbc\xf0\x19y^\xe8\xf5\x13/\xee\x94\x9e{\t\x8d+\x8cn\x823\xc3\xe3\x9d\xdf\xa9\xc9\x01\xf0\x92yJ\x060\x9bR\x1e\xf5\xee\x19\xe3\xb5h\x93\x89\x89\x89J\xe4\x9a\xa0g\xee}T\xcbM_\x0fD\x9c\x7f\x90D\x90\xcb\x1a\x0c3t\xf99s\x0b\xda\xf5\xf1\x90Y&gt;\xa2\x0b\x8a\xc7\x9a\x98\x98tF\x029cp\x12\xb7\xd0\xa1;\xbe\xb7\x15Xx\xe13\x9a5\x86L\x1f\xbe\xcf\xec\xd3\xcc\x8b\xec~\x9b\x11\x11\x02{\xd3\xb8\xb6\xa3\x82.\x87@\x808\x1a\x172QIPP\xf1,\xa3\xdb\xd0\x15\xa8\xfd\x8dovkNyML\xb4\x80=\x0co8\xfd\xceK\xbf\xe2\x9e\x1b\xbf\xb8\xfc\xd1?\x99#W&lt;\xf1\x0f@\xb5\xfcZ\xa3\xe87\xd4FP\xf1,\x12]\xaa\xd0\xd2\xb9\x04+\xf7t\x00\x1f\xc17\xddj\x8dN\\l\xd2\x81\xf5\xd7\xecj\xb6h}\x89\x19\xc2\xfb\xc8\x8c\\s\x8b\xfem11\xe9\x1aT\x01\xc4\x81G\x83\xd1\xcd c\xce\xfe\xc7\t\xd2\x9a\xd6\xb2V\xf7Ur\xaag\xab\x9c\'\x80[\xad\xec\xf6u%\xbcs&amp;\xebv-\xd3\xff\xde\xc4\xc4\xc4\x86i\x951\x80\xf8\x86\xe5\x88\xf8\x05\xa2\xb8\xd6\xcf\xc85\xb7\xb0\x06`\xae3K\x01@\xbcv\x8d\xec:4\xcf8\t\xb1Cu\xbb\\\xb7\xa1{ r\xa0n\x97\xd3\x05_\xe9"&amp;&amp;]\x17\xf3\x01q.\xe2,\xc3j\x80D\x86"!\x1f3\x8f\xcc\t\x88\x18\\2[\xb3\x16v^\xa2\x06A\xcah\xa3\x1ba\xd2\t\xa0\x12\xc5\x10J\xa3\x12\x13\x13\x12tKJ\xdbi\xf0h@D\xee&amp;\xae\x94\xf3w\x9e\xb3\xa5\xe60\x9a|\xfb?+\x8di\x85\x89\x89\x89\x08\xfef\xc2o-\t\xeekt\x0bh!\xec\xf3D\xf5*=\x85\xdeY}\xe2uD|\xeb\x1fs\xff\xc0\xc4\xd5\xe9\xa2\xb3\xf2\xe1\xabn2\xba\t&amp;&amp;\x1aA\xbe\xfc\x0b\x95[ui\xfb~s\xe3\xbc\x8b\xc3$F\x14O\x9ehb\x14\xa6\x87\xb9\x89\x89I\x17\x9d\xd9\x1bLB\xe3J\xad/a\xba1\xbb.\xfd\xe7_U2l\xaf\x06\x15\x9b\xee\x90&amp;&amp;d\x84\x99\xa9\xd9;/\xfc\xb2\xec\x11\x9d\xcc\xeb\xd8D)nuZ\xd8\xaf\xfe1mb&amp;\xfa\xe3^\x0f\xe0\xa7\xffe\x97^\xfcbH\xc9\x1c\xfd\xaf+\xc9\x13\xdf\x9a\x8f\xa1\x91x\x00\xb8\x1b\xdd\x06r\\\xa8\xa9.\x8d\xbd\\\xa8O\xcf\xe2!\xbb\x01\xb2\rj\x8c\x89\x89n(\xb6\xca\x14\xa5\xb5\xac\xe3}#\xacl\x1e\x00\x00\xa4A\xc2p\xa5\x95k\x85\x96Z\xd3&amp;\x16\xd2\xb4\xa9\xb6\x0c\xa0\xb8b\xe4\x01\xe9\x82\xf4p\xcf\x18\x0f\xbeMz^\xd1\x04\x00\xb2\xfan\x82\xd0~F\xb7\xc2\xd9\xd0\xe8\xb12\xd1\x94\x0c\x001\x85\xa5\'\xbf\xc5\xe6\xe9\'\x95V\xeez\xdaM\x05\x83v\xd4M8jt+Ld\xe3\x01\xe0\r\x105{\xff\xe3z^\xf5\xd0\xed\xdf\xf5\x9b{F\xcf+J\x91it\x03\xb8h\x91\xb8\xa2\x10 F\x83j]\x98\xa1\xcb\xcf\x19\xdd\x04\x13\xd9\xec\xba\xe13\xaf\xec\x89"\x05\xe2\xea\x97\x99+B\x9d\xf1.\x1b\xbe\x9fI\xe8f"\x03\xaf\xeeF\\5\x1b \xdc\x88\xeb:\x0f"\x99\n\x83\x00\xba\xc9\xec&gt;\xf2\xa5\x8bX\x90\x94\x80u]\x02\x8cn\x80\x89&gt;\x84\xf6\x9cv\x1c\x11\x01r\x85J b\xed\xb8#z\xb6I\x01w\xbd\xcf&lt;\xe3\x14=\x96\xc3d\x9fq\xe3\xabj\x8c\xd7%JO4Q\x86&gt;1\xe0]\x1dsG\xc7\xc4D\x9c\xb1\x1b\xee\x10}?U\x9ff\xa8\xc4=c\xbc\x9dB\x88:\x87\xd9\xc0\xa2\x99\xb2\xcfa\xfa\x9a\xc8\xaa\x85j.l\xe2\xb4\xa4\xb7\xac\x0f/\x9f\xcf\xf7N\xa4\xdeMq\x1d\xb6\x9e\xfd\x08\x11\x01BT\xd4\x91nZ\x9bML\x9c\x9ed\xbb\xbf\xc2[\xf5\xbe\xfe\xf9\xd7\xc4u%M\xf4G\xc4:\xaa\x08\xb7:\xca\x15\xba6\x89R\x05\xd2\x00\x12\xfc\x0b\xa6\x03\x94\xab\xbb\x90\x96)EMTP3\xf6"\xf0\xa87\xba\x15\x9d\x81\xda\xf1G\x00\x8a\x8cn\x85\x8bc\x1d\x80\xd5\xcc\xf7M\xa8\xd1w\xee\x95\xe0\xd98u\xc7\x03\x1a_G\x0b\'\xa3\xceD"x6B\x9c~\x89\xaa:\x07\x88\xf8\xf87x\xe6iesz\xdaSO\x13\x8d\xf1\xcb\x9f\xb6\xee\xd4[F\xb7\xc2\xc4\x84&gt;Q\x00\xdd\xb4\xab\xdd2\xeb\x8ao\xd7\xee\x12&amp;]\x03/\xe6^\n,\x9e\t\x00\x1f#"\xe2_\x88\x88\xd8}\xca\xa5\x8aS\x8f\xbc\xfc+\x9ay\xf4\x0cB\xd2D\xe4\x0c\xb8D#\x95\xe2\x9d3y\xe6\x9eG\xe4\x9c!\xdf\xfb\xcb\x99\xe8\x92\x16\xf84\x80\nkl\xbbn\x98V\x96\xce\xc3\xbd\x1f\xd9\xf2\xa2!@\xd8\xe8u\xb7Y\xde\xf0\xee\x01\x00\x8d\x93\x8e]x\xc7\xf7\x9b\xafz\x1f\x11!fHL\xcd\x12\'\xd4O\xe0C,K\xba\x89\x89\x1c\xd2\x15\x9f\xd9m\xd0\xe2k)6\xc4D!\xe1\x034\xde\xc15\xdd\xaamt\xea95mf\xed{L*-i\x07ae\xf3\\\xd7\xd1d\xf1\xe1\xe7\x9e\xfe\xc1%[n\xe2\xcc\x84J\xbc\x1f\xde\xa5D\xab\x9d\xd4a\xd5+{\x12"B\xdc0\x1a\x95\x15\xf2\x1dLMhXA\xa3r\x97g\xd9\xc5/\x01\xb8\x19\xdd\n\xd7\x00Y\\p\xcb7\xb2N!\xbf\xca\xb1\x07~U\xda@\x9a\xb8\xee\xd4\xc1\x10\xb6]\xf3\x11\x80\xa7\xd1\xadP\x83\x0e\xa9n\xdcM\x0f@\x97\xa3Ju\r\xa9\xea\x1ba\xe2\xdc\xe8\xe1X\xc7\x1e}\xff\x9032\xd9\xce*\x1bq\x01\xd1\t\xc9\xa3\x146\x916? \x9a\x89&amp;\xe52`\xc1\xd5\xea*\xa8\xa6\xd3\x0eGl\xd9\x82\x85tc\x8c7\n\x92\xe4\xb8 \x97\xfe1\xd1\x0ff7N\xe6I\n\xddd\xe82t\xf99\x80R\xa3[a"\xc1\xa0\xc5\xd7\xa2=\xe4\xe7n\xbb\xe6#\x05g\x99\x98t54t\xbe5\xd1\x94\x0eG\x18\x13yx&amp;v\xd7&lt;\x97s\'\x009(;=\xa5i\x8dF-41qu\xccti\xfa\xa1s\x1a\x06\x1d\xf0\xcc\x12Si7\x1a;\xfd\xaf\xe4\x1e\xab\x8dj\x87\x8b\xa2r\x00\x86\x90~\xccY\xed+\xcfk\xd3@\x13g\xa1p\xf0N\xed/b\xca\x8f;#\xe6\xaf\xa2\x00j{\n\x1fhn`$\xd9"!Ix\xec\xb3\xf7\xfc\x97j\xdb\xd2\xc5\xe0\x0e\xc0\x8d\x93\x8e\x9d|\xf4OB\xdd\x98\x93\x8f\xfe\xc1\x9cu\xed\x0b\xa6\x15\xdai\xa1\xb3\t\xfa\x8b\xb9\xd1`B\x8fRs\xe3J5\xdc\x89\x91\x07O)]q\xbd\xcc\xa3\x06\xc2\x1d}m\x9c}\x8e\xe8\xe9`\x9f\xd2w\xce\x95Z7X["t\xd7\rvn\xdc\xd2\xc7\x19\xdd\x04Rj\xc6\x1e6\xba\t\xd2\xf8\x02\x14\x18\xdd\x06\'\x02\x11\xcd0\x15\x15h\xa4j\x14\xe0B\x8f\xbd\xab#2\x00\x8b\x9e\x17\xcc\x14\xb8\xe9u\xbbS^\xfc\xc5\xe5f\xb4f\xfe\x121ny\xd3\xe5~P\xe7%\x9eL\xb4H:\xb9\xe9\x82CO\x1bz\xe3\xd2\xec\xf7\xf3Z\xb7Q\xac\xad\x8b\x11\xa0::0Z\xe0x\xb1\xa2\xda\x02\xd2{\xadW\xde\x16\xd5\xb8\xa2AE\xd1\x00\x9c\x87\x88\x10\xd3\xb6\xfc\xd8\xcb2\x87m\x13\x13\x13Q\x0e\xdd\xfe\x9d\xa4\x84\xc5\xa7\x88\x8d\x93\x8e%\xf7\\\xdd\t\x94\xd6{N=\xee\xf2v3A\x12Ut\x88\xfe\x00)\xc2\xef\xa6Y\x83\x98\xb3\x94\xd6\xcf\x10\x05\x10\xaf\xae\x06;v\x9f\xfb\x9cbm\xb2qs=\xeb7\xef\xd0\xbb\xfd\xda\x8f\x11\xb1\xb4}\x9fCI\x00\x00(\x12\x19\xb3;\xc5\x00\x1ct\xe5S\x9d\xe0S\x98\xb8*^\x00\xee\xe0V\x07\x10\'U2C\x8f\xe6h\xcf\xa9\xc7\xfe2\xba\t\x1a\xa1\x95\x16Xp\xb7\xd9I=V\x11\x17\x97\xbd+\x8c\x88?\xa8\xe9\xca\xa3\x06\x03\x84+?\xbd+\xf1&gt;w\x04\x8dnC\xc4\xf7\xb9\xdf\x7f\xfaX\xf0\xeea+\xf6O\xa7\x1d\x80At\xeaib"\x01\xfb\xeeI5\xaa\x11&amp;Vr\xc0\xb3\xd1\xe86P&amp;\xa9\xc7\xaa\xff\x93\xd1\xd5&amp;\xc9\xb5\x94\x8c^w\xbb\x9a\xae\xbc\xa8m\x17"\n;\x81\xf3\xca\xa9\'C`/\x00\xb0\xdf\xe0\xc8U\xdc\x06W\xc1a\xf8\xfc\x9c\xe0kG\xc4\x86\x89\x97\x00\xf8pG\xdfY{\x1f\xd5\xa1\xcd&amp;\x863x\xf1u\x88h\xe6?u\xa0(\xade\xdd\xe2#\xcf[\xff\x14\x0e\xdd\t\xebR\xa2\xd0\x86\xe3\xday\xa5\xf8\xe8\x06\xd1\x83!r K\x04\xce\xa9\x08\x0f)\x99\x03PA~BN\xff-\xcc\x90\xef_0\xddv0\xad\xc5\xc8\x1de}`\x0f\x9f\x9b\xcf\xbcOrJ\\\xfd2\xee\xb9\x9dh\xf9kBB\xb2\xf9s;\x10\xbc\xf6\xf27!\xa0\x85@s#\x15\x11\t,\xcc&amp;&amp;\x82\xf8\xe6M\x01\xa8y\xf03\x04\x8f\x06\xa3\xdb\x02T\xc2\xc4\xbbO\xb9T}%.\n3|\xd6O\xb8X\xc1Y\xe6\x00\xdcYY{\xf9\x9bRE\x9c&lt;\x84D\xe7\x04\x12ic\x89\x8b\xba\x82\xecst\x9b\xd1-0\xe9d$\x87\x94\xcc1\xba\r\xceHd\xd5Bf\x04\x95\x95\xa4\x8f=\xf4\x0e[a\xca`u=B\xfb\xdd\xf6\xb69\xeb\xea\x80D*\xc8\xc4\xc4\xc4\xc4\x11E\xabXw\xd6Y\xd2\xe1\x8b&amp;\x9d\x02;\x7f\x8ek\x9f\xc7\xe6\x19\'\x8dj\x8a\x89\x93@"d(D*D\r\xa6\xd6\x10\x13\x13\xd7d\xdfM_\xc9\x1d\x80;\x8d\xf1\xb9r\xd4!\xf7\xcc\xf1F\xb7\xc2U\xa8\xe8\x04\xd1\xa7N\x86OO\xdf\xbc)No\xd0\xd7\x82\x10\x80\x9a\xadg?4\xba\x19b|\xe1\xe2\xbd\x9bK0c\xf7#\x10\xd0bt+\x8c\xa7i\xda\xf1\xd9\xfb\x1e[w\xea-\xc9\x92G\xef\xfd\x99\x19z\xefx\xaf3\xdc\x9f\xb1\xb5K\x01\x80\xb6\x11\x91D\xf8\xc8\xa4\xd3\x12\xfd\xf4\xf7b\xcf\x06"\xbe\xf8?\x8c\xa8\\\x90\xd4}\xd5\xb0\x15\xe7\xad"\xba\xe1\x02q\x1a\xceI&amp;\x8dJ4\rhV\xeb\'\xdck\xd6)*\xedp\x1a\n9G\x8c\xf7\x12GD3e\'\x033\xac\xfe\x8e\xb8\xf8\xc8\xf3\xe1\x15\xf3E\xca \xe2\xbbz\xcc\x0e\x85\xe4\xd2L\x9c\rKo\xfc\xabX\x10`\x17"\n\xa2\xdb m\x8c\xd0\xdb)Mk*G\x1d\x04\xdf&amp;\x80\x02\xf0\xee\x01\xe0o}\x87N\xea\x0c\xdap;n\xe7\xc7}\xe4\x9a[\xf2Z\xb7A\xd2\x08\xa3[\xa2\x05\x9dK\xec"\xbe\xdd\xe8\x168\x11\xb6!6\xae~9\xf3"w\xc0\xb6/\xad\x07\xffE&lt;\xfe\xd0\xff\xa9\xbbB\t\x95v\x9a8%j\xd4\x82\x95\xc9\xd0v*R\x8dn@g"\x16 \x14 \xc6\x19\xd6y|x\xba\xd6\x06\xde\xb6k&gt;\xd2,\xf0)O\x9bj]\x13\xb7:Dl_y\xde~\xa37\x91\xde\x05\\\xc8\xccf\xa2\'J7\x98\xbd{Pm\x86\x91\xc4\x1a\xdd\x00\x13\xfd\x88\xab_\xe6R\x9bU\x1eM\xd3\x8e\x1b\xdd\x86\xaeEf\x9fM\xf7\x7f\xe2\xf2\x9eV]\x86P\xa3\x1b\xa0\x1d\xa9"\xef]\xf1\xc4\xdf\x07o\xffN\xaf\x968\x1d\xa1\xd4k\x8c\xab[F\xbdN\xfd1\xbb-9D\x18\xdd\x00\x13\x95\x10\xee\xd7\x86\x0fZ|\x9d\xba\x0bU\xaa;\xbd\xd3bv8&amp;\xfc\xcc;\xf8\xd4\xaf\xf2n\x8e,\xd3\x18\xee\x14$\x8d\xd4\xe7:\x8a\xfb\x8e\xe8\xea\xc5T\x1bb\xa2\x11\x81\xac\xd7\xde*\xea\xf1\x85T;\xd7\x96\xf4^\x1bT\xd4fB\x97d\xa3\x1b`\xc2O\xdc\xa7\xe6\xec\xcc\xc4\x86[\x9d\xd1-0q]R \xbcC\xd0&gt;\xb2j\xa1\x81M1\xa1\n\xcdt\xef*P\xa2n\x1b-\xa5\xf0\xac\xf1\xe6n\xe4 \x80(m/a\xd2ip\xfa$Q9\xfd\xb7\x1a\xdd\x04gC2&gt;B\xbf\xd5O\xfb\xca\xf3\xa5\xed\xfb\xa9V\xa9F\xcf\xc7I\xf0\x03\x00\xf0\xeen\\\x03\xba\xb0\xffPZ\xf3:\xa3\x9b\xd0E\xd0Y\xe3\xdb\xc4\xc45pK\x1f\'\xb5\x91\x9f\xc3\xfeCeV\x98\xcc&gt;\x1b\x15\x9fk\xe2R8\xc9\xb2X\x02S\x8e\xb5Sb\x8e\xf7&amp;\xaeB\xa9U\xcfG\x88T\xf6\x1f\xd6\xe8&amp;*r:\x9a\x12(]\xa4\xab\xe2\xe4J\x82&amp;\x92\xf0eu\x8e\xe9L\xa9\x904U\xda\x92\xc49eUL\\\x92\x87\xbf\xc0K\xee\xff\x9f\xd0\xbb\x1f#\xca\x12n\xb3\x0c\xc0\x11\x03i4\xcd\xc4\xc4\x04\x80\xb5\r\\\x03P\xaa\xb4\x922\'\xdaN\x0e\xee\xab\xd7\x95\\b\x17J\x0bC\x8b\x1f\x84\xf6\x1f\xba\xfc\x9c\x065\x9b\xe8\x83{V\x9fM\x888j\xed\xadr\xce*\xbf\xfa\x19\x14Q\xeb\xeb\xecD\x80_\x93\xd1m0\xe9\xcc\xf0\xc6\x05\xba\xb9\xa0\x8a!\xdf2\xbd+RN\xdf`\xe8\xd7\\6\xfc\x02\xcaur\x88\xae^l\xaa\nk\x89\xfb\xaa\xe3\xafM\xd8|7\xafL\xca\x8c=\x8fP\xb9Fb\xf7U\x81\xc53\xa9T\xe5\x0c\x04u\x9bEP*M\xf3v\x98\xc8\xc0\xaa\xed\xef\xdb\xc9gN\xba\xed\xba{\xd0\xa8\xc4\x07 \xd4\x89\x96\xec\x1a\xa2\x81\x82`\xd2H\x1d\xd4\x03\x96\x1cy\xfe{3\nN\x02\x95\xbb\x15\xc5:\xda\x8a\x9c\x8b\x88\x8a\x05\x8a\xce\xab\xb6\xbeP\x12\xf4bbb\xa2?\x9dRD7\xc1\xe8\x06\x98\x98\x98\x98\xe8G\x87\xfcoX\xf9&lt;\x9b\xde\xfa\x93\xdfaB\xe3\n\x05\xd5\xa56\xaf]s\xf2\r*-+\x18\xb4\x83J=\x9d\x15\xcf\xec\x89F7\x01\\d\xbb\x9a\r\xddT\xaf&amp;\xae\x05\x15C\x97\x89\t-\x92F\xa4\xf7Z?i\xdb}\xc8\xc7\xe4m\xf7\xcb\xab-\xa0\x05 \xce#s\xbc6m5q*\xdc\x00b\x01*\x8cn\x86\\\\\xb7\x0b\xee\x8a\xda~\x99}6veYcR_\xb6\x94\xd1\x1a7\xa4k\xa2yr\x9aH\xdeq\x97KFo\xa2P\xf7\xa2\xb6\xddZ\xb7\xd8\xc4\xc5q\xb9\x15\xb3\xf3\xe0\xa6\xcfe\x9c\xca\xf2T\xd4\xb6\xbb+\x0f\xc0]\xf9\xb3\x1b\x8b\xbb\xd6\xcb\xc8\xe6\x19\'\xef|\xcfn\x94\x1d\xbb\xe1\x8e\xf4^\xeb\x012\x01|\x00"\x01\x00 \xe0\x0eV\x99\xda\xf1G\xb4m\x93\x89\x89\x89\x89\x1d^\xf5\x13.6\xba\r\xe2\x84\x1c\xb9\xfb\xbfZ\xd5\xed\xa5DN\x92\xcc\xad\xda\xc48\x9e\xf8\xd6n\xe8\x1d\xb3\xe1\x0e\x91\xc2v\xb9\xb8\x03zIT\x1d\xd3\x06n\xb5\x00\xf14\x9bkb\x00]Ox+\xb0\xb7\xe8\xdbY:5\xc3\xc4\x95`\xac\x94\x9e\xa7\x1e\xfbKQf\xa7H\xca\xcd\xe9\xa0J\xb3\x9aM\xd4\xe1`^\x86\x98!\x04\'yt\x94\'Rm\xcdS\xd9H\x13\x13\xdd\xd1\xc9\xc6k\xe2\xd2\xd8z\xc2\x87\xbf\xb0\xbc\xf0\xc8\x1c/+\x82(\xbcb\xbe\x9c\x0b\xe6H\x171q\x15\xb8\xfb\xbb\xe0\xd1@x\xee\x8f\x1dc\xb0J=\n\xa1\xa9\xa2\xb8~\xac+bny\x02\x00\x80w\x0f\xa3[@B\x8c\xd1\r As\xc7\x10\x13\x11\x10\x11\xd2\xc6\x82g\xe3\xe9\'\xff\x05\x80\xc5G\x9e\x1f\xbf\xe9\xae\x90\xd29\xb7\xbd\x8d\x88\xe8\x96&gt;\xce\xe8\x06\x9a83\x81\xbdy\x06`\x9f\x9e\xe4\x15\xb0\xd6\xc1Z`\x86\x81:)i\xcd\xeb\xcaG(\x93\xa9\x12\x1a0\\#\xb1\x89\xb3\xe1\x97?\xcd\xe8&amp;(\xc3\x97Z\xe2gC\xf5\xe1\xf9\xba\xbeT\xb0v\x8c_vR\x9f\xa9\xb0\xf2yF7A\x17\xb4q&amp;\xef\x18\xd5\xde\xe1\x0e\xbf\x88\xb2"#w^\xff\xa9\x96\x030\x97&lt;\xbd\x13\xb6\x13\xdb\x03\xba\x1e5\xc6]:\xc5\xb8K;\x17\xe8\x1aY\x83\xb8\x14 "U#\xbf!\xb7D\x94T\xdc\x1dc\xf1\xea\xf4\x93K\x7f\xee\xa1\x90\x929\xfa\xb7\x83.\x88x\xf69\xd40R\xf1\x0b\xce\xe8{\xff\'\xb2\x87R\x15\x03\xb0\x82d^e\xd2n_\x94)\xd4\xf7r&amp;&amp;2\x08-\x9dk\xc6\xd9\x03\x00@\x11@7\xfd\xae\x16\xdc\xc7\xda\xef\xa5\n;\xb8\xc4\xff\x9f\xb5_\xbd\xee\x85\xce\xb9\x14\xa6\x873&amp;vD\xd9IDd\xf2_\xce\x00|\xdf\'\xc8;\x9d\xb1\'\x89\xfd\xc7\x1b\x7f\xea\xb9\x026qQ\x8a\x8dn\x80\xf3@\xd7\xb7+/\xaaz\x11\xd5\n]\x95\xa4\x1e\xabt\xbb\x16\xbb\xcf\\u\xd9\xab\x92e\x9c\xa5\x87\x94p\xec\xd7\r\x171\txjl\xfe&lt;\xf5\xd8_\\\x13\xf4\xe7\x88\xa9\xcdk\x85\xb5\x85#\x1cn\xa6\xb1\x1b\xefD\xc4S\x8f\xff-\xf3\xe2\xb1Bo\xb8g\x98\x9e\x0b&amp;N\x07=\x93\x1au\xd7\xc2\\\xda\x15\x9a\xb0\xe11n\x93\x8c\xac\xce8\x00;\x17\x81\x00\x05\x02oQTy\xd34\xf1\xb9\xba\xf4}\x95\xa3\x0fq\x07`D\xdc}\xees\xe1\x9d\xe0j\xce\xcdT\x8a\x88S\xb6\xcbT\xa9\xec\xa0Sf\x1101\x91Aj\xd3Z\xa3\x9b`"\x03\xce\xc8Z\xc2\x1db\xcd\x01X\x84q\x1b\xef\x14{;v\xa8^\r\xd1\x15G\xa7\xe2\x01\xf3\xaf\xe6\x1d\x80E\xf5V\xca\xbcs&amp;\xb3\xff.\x1c\xbc\x13\x11\x03\n\xa7\xd3o\xaf\x89I\xd7\xe0\xf0\xdd\xffe%\xa13\xe1\xc7y\x86\xb1I[\xef\xe5\x8c\xac\xf9\x00\xc0\xde\xbfK\xee\xb9\xc6\x1c}\x85\xe9z\xc2&gt;\\\x86\xad8\xcf?\x00\x8b\xc5z{\x00\xf8\x02d\xdb\xfef\x1c\xa1\xbbl\xcaO\x13\x13\n$\x0e\x8f\xac\\\x08\x10ft;\x9c\x1at\x1a\x97\xef\x9f\xc8\x96\xb6L\x81\xb02\xf1\xa0\x1d\xed\xd4\xafL\x9c\x1b\xcf\xac\t\x02\x03\xb0\x88\xb8U\xd4\x80\x05W\xb3\xfe\x0cy\xf4k\xe6\x14\x12\x17DI\xf7.\x13\x93.J|\xc3r\xa3\x9b\xa01\x9e\x8djk\x08r\x12\x1f"x\xfc\x1bKW\x99\xda,\xbaw\xe0\xd7|\xe5\x93\xff\xea\xd5(i\xa4\xa6\x02\xceOg\x9b\xa1F&lt;\xf7\x93\xdd\xd0[\xd4\xb6{\xd3\x99\xf7DNH\xea\xbe\xea/\xfbI\x1f\xdf40J\x83\xa6\x9a\x98\xd0\xa5\xd2\xe8\x06\x98\xb80\xd7\xbfDd^~\xf3o\xe7\xb1?\xc7jc\x0c7E\xd1\x95\x92?p\x87{\xe6x\xfb\xb5\xafLe\xbb\xe4Q\x88\xf8\xa7\xfd\xef:k\xdfc\xdd\xa7\\\xaa\xbau\x81\xda\x04\x87\xc9\xd0h\xe5 \x10K\xe3^o\xdd\x012\x962\xdd\xaf\x18\x03\xa9ct\xbf(\x1d\x1a&amp;:yR\x1d\x13g\xc7\xa5\xf6w\xbb\x81w\x8fu\xa7\xde\xd2\xa0fs7W)\xeb\xafx\x1b\xa0r\xf3U\xef3w\x92\xfc\xc9Z\ts\xa2O\xee\x14\xf6QDtb7\xb6ZH\x18\xae\xe8D\xf7\xca\xd1\x87\xac\xfe\xf1\x9a\xba\xb6\xcbE\\\x8b\xa7k"=\x8fL\xea\xb1J\x96\xe8\x9b\x89\t\x17\x87\xae\xcf\x1e]\xec\xa5\xee\xf5z\\\xc5D\x01\xde\xb9\x93\x85\xdf,b\xff\x11\xdf\xb0\x1c\x11\x07-\xbaVV\xfdBn\x08\x8a$\xc8IR*\x19K\xcd\xee\x1b\xbf\xb8\xe2\x89\xbf\xb7\x9e\xfd0\x7f\xa0\x13\xa5(7\xe1#X\x1b\xf3\x89\xe9\xc4`\xc2\xcfU\xcf @az\xaf\xf5\x00\xb0\xe3\xbaO\x8cnN\xe7\xc0\xc5\x03\xdcS\x9a\xd6\x08\xe7)r\x88./\x9f\xb6\xeb\xa1{&gt;\xc4\xd2\xf6\xfd\xb2.\x11[\xbbTY\xdb\\\x93\xe8\xcb\x1f\xfb\x0b\x11!~\x98\x8aJ\xcc\x84H\xd4Xp\xe8i\x01\x11\xe0t\xd32fb\xe2\xfa8\x9b;\x91\xbcXA\xd9n&amp;\xcc\x8a\xf6\x967\x05l\xd1\xae\x91EN;\xe2\n\x07\xef\x1c\xbd\xee65U\xf0m\x1a\xd5\x02\xe4+J\xdf\xdd\xd5\xf1\xcc\x9a\x08\x00\x1d\xfb\xfa^\xaa\xfdlML\xe4\xa3\xc4{\xc68\\j\xebZ\x08u\x12T\x86"\x91\xcf\xf9\xce\xf7\x11\x11\xc3+\xe6#\xa2M\xa6\xea\xfd\x0ek\xb3\x97\xf6-t\x16\xdaW\x9e\x8f\xaab\x0b\xedz \xe2]\x1f\xa8\xbbw\x1dEN\xd2\x00B\xc0\xad\xce\xd5\xec-A\xda_"d\xfb\xb5\x1f\x93\x94+\x1e\xb2;\xb4l.@B\xe9p\xae\xfd&amp;\x07 M\xe8\xc4\x8a\x91\x07\x95\xb7\xce\xc4\x0eg\x14\xd3\xd7\r\x97\x1a\xcf&lt;\xad=9\xbf\x89\x08\xd1\x96\x0e\xc0\x15s\x8eU\x19\xdd\x00\x9a\x84\xda^U\x8d&gt;\xf43\xe2\xce\xeb?5\xae1Fa7\xd5\xba\xea\xe9N0y\xa4\x81N9\xa9l{\xae\x82\x83(\x00\xb4\xaf&lt;\xcf\x048\xbe\xfe\x07\xefO#\xb841z\xe1\xd2\x99\x8c\xe4b?\x90\x89Q\xf0.v\xad\x07\x93y\x17c\x88\xb8\xe3\xbaO\x00\x128\xdb\x8b:\xcc\xb9\xbb"\xf9e\n3\xabw\x11L\x81@^\x88\x14\xbc3zm\xa0r\xb1\x91kn\xb1\xbd\xf6\xcd\x9f\xcay\xdf%\xad2\xaf\xffi\xce\xe4:\x19\xa1F7\xc0\x01o\xed\xad\xcdB&gt;F&amp;\x8e\xb8\xcc\x16\x85\x93\x11\xafA\x9d1d\xd7\xd5hW\xd8M8\x83)m"Z\xa9T\xb3\xe0\xd0\xd3\x00\x01\x8c\x9ds\xc0\xe8\xdd\xc2\x00\x00 \x00IDAT\xc9\x91\xe7\xc1\xa7\'\x95jM\x9c\x83@\xf0k\xa6U\x97{\x86a\xd9\x91M\xdb\x98\t!\x91\xb1uK\x11\xf1CD\x80l\x88n3\xba=\xceI\x84vU\xcf\xda\xfbhB\xc3\n\xb1\x12nu4\xae#.R\xe3BQ\xb0\xb6\xe9c\xd4\xc4\xad\xf7B\xf2(#\xdbbB\x93r\xba\xd9a\xbfB\xf4\xc8\x9a@\xb1B\x19\xc4\x0e\xd5z/\xbcp\xf0\xae\xa7\x7f\xe8\x1c\xc3\xbc`:Z\xf9\xb8\x80\x98\xb6\x9d\xc10\xbaf\xb1P\x08\xaf\x96$zfM\xec\\\xfb^\xca\xb9\xe6y\xe6\xcbw\xccO\xa5/\x85\x12\xef\xa7\xa8\x1d\xe7\x1a&amp;^\xf25\xe5{\xac\n\x11\xafzF\xbcN\xa7\xd0\xeb\xef\n\x04\x16\xcdl\x98x\x89\xba:\xb4\x883\xe9\xb4\x9dLr\x8f\xd5F7A\x0b&lt;\x8cn\x80\xee\x9c~\xf2_\xcb\x00\xec\xa1FH\xa5DV\xe9\x8dW\xbe\xeb\x91\xc9;95R\x95\xd7-}\x9c\x94\x98T:\xddI:\xc3\x81[\xff\xe3\n\xce\xf4j\xf6x\xbc\xd2{m@De\x1f3]\xd5\xfe\xb1\xf3\x7f\xb1\x9d\x83\x12\xa3\x1b`b\xa2\x13\x88\xd8g\xceij\xd5=\xfa\x95\xde\x8b\xe0\xe0\x92\xd9\x06\x1b\x0f\xdd\xeb\xb93nD,\x97pC\xcb \xa8:@\xc8\x03\xbem\xe9\xf5d\x8d3\x16\x8d\xe4AR\xbeB,\x1c\xbc\xab\x8c\'@H\x12\xe5J~!\xa5sD\xf7\xb9SE\xcf\xa6\xeeWB\x7f\xf6fb\x8f\x13\xea\xe8Q\x11\x88U\x1f\x08\xe4\x9c\xea\x02\xd4D:\x97]\xfc"\xad\xaaD)\x00\x08I\xef\xb5^\xdaj(\x8b\xf3\xaf\xe1ig\xca\x96\xa5=n\xfa_2\xb8d\xb6\xfe\x17u\x1e\x10q\xc0\x82\xab\xf5\xf6O\xf1\xee\x01P)\xf2s\xd7\x8c;\xacWSjLOQ):Y:\x9d0\x00\x88\xac\\ht3\x00 \xd9\xe9R~\xb9\xd5\x020\x89)\xa9x\xd8$[;\x16}\xd2\x14\xba\xb2\xa9\x9c\x13=\xd2\xd92;\n\xe2\xd9\x08\xc1}\xf9n\xb8\xc8\xe6\xe9\'\x0ch\x8fr\x94\xcc\xa6\xff\x83\x98\xddo3\xed\x96H\x914\xa2\xb4}\xbf\xd5\x88\xcdj\xb6;\x89k[\xb26m\xea\xa4\xa8\xda\xc3\x02\x00e\xfe\x86\xce\x90|L\x88r\xd5Q\x06\x86u\xf4\x1aL\x94\xb5\x88"\xe9\xa0|\xc4\x01M\xebw:\x94\xffBD}\x9f\xfeD\x1b\xdd\x00\x1d(V7\xddq\x07\x88\x05\x08\xf5\xc8T\x14\xe0\x11\xddfT|\xe4\x83\x9f#@\xae\\c\xe0\xbd\x1fu\x0e/S\x17B\xdb&gt;Z_|\xee\xfb\xd8)\xb4z\x86.\xbf\xb1\xdb\xd0\xbd\x04\x05\x0b\xb4mG8\x9d@Da:\x95\xf4\x15\x9bb\xde\x9d\x95\xbb?\xc0\xc5G\x9eg^\xb3\xb6\x90\x191^QS[\xd4`\x80l\x89UT|\xbbW\xf6$%\x8dUN\x97Y\x88\xdb#3cUL\xc9\xb0\xbd\x101\x90s\x9c@\x8e#\xbe]\xce\x85\x9c\x81\xae\xb9e\xab&amp;O\xb6J\xb2\x8d\xbb\xb4\x06\xb8\xd7\x7f\x8chhlL\x00\xd33\x7fA0\x0f\x98\x7f\xf0)\x1d\x1ad\xe2\x80\x0f\x04\xf5Q\xef\xac\x9f\xd4c\xf5\x81\xdb\xbe\x05\x00\x00_\x82Lme\x902Z\xe5\x15\xe9A\xa5\xbb\xf1ED\x80Z\x1aU9\x10\x07\x91\x83\xe8\xd6\x98\xd4c\x15\xf3"\xb9\xe7j\x80Hy2\xc8a\xfd\xe96\xa6+\xe1B\xc1\xd6NH\x92\xd1\r\x90\xcd\xc4-\xf7@\xe4 \xa3\xf2\xd64L\xbc\xa4\xdb\xb0\xbd\x88\xb8\xe4\xc8\x0b\x864@c\x8c\r\xf9\xa5\xb49\x95?p\x073Ez\xe3/\x12S\x89?=\x15-*\xb6&amp;B\x9b\x89\x0e\xd3\xea0D\xbc\xeb}\x19\xe6\xa6u\xa7\xde"6z\x93\xb8^+\x01\x11\xe5F\x8f\x84\x96\xce\x85\xe0\xbe\xda4\xc7e\xb8\xeeE\x85v\xc5\x9aq\x87\x97\x1f{\x99j[\\\x92\xc6I\xc7\x08J\xd9y\x99\xf2\xc9\x8e:;V\xbb\xa0\xbf!\xe2\xc9\xaf\xfd\x81\x9d\xd8*\xdbi\xc8c\xee\x92\xe6\x19\'\x8dn\tE\xec\x85\xc5\xe9(II\xf0\xec\x7f1\xa7\xff\x169gx(Z|\x13*Kh\x96O)l\x80\xf6\x9a!\xd5\x02\x13LRi!\xb2\xb8a\xfd\x13\xbc\x04\x03$\xba\xe2J\x8e*\x06D\x1f\x18\xc5\xcc=\x8f\x88\xe4\x1ar\x02L\x9f|g\xc1\xad\xb3\xed\xbe\x18\x82Ww\xcd\x1d\x19 \x14 \x960\xff\x816\xb8\x80c\xb0sg9u\xc2@Ug\xa1bT\'K\nY\xb5\xe4\xe8\x0bR\xb1\xe6\x14q\xb6\x94\xf5&amp;2\x10\xf9\xf14Rfp\x06\x92)\xaeH(\xf5\xfb\x1e\x005\x10\xd2O\x9f\x85\xbb=2\x84\x1b{N\xbd\x8c\xf5W\t\xf1\x822UFsT\xe1\xb8W\x92\xd1{\xa3\xa9LI\x0cI\x8e\x10-\xe0D\xe8%\x8d\x84\xa4\x91.1\xed\xe3%\xb1\xfbJ\xcb+y\xa1\x1f\xe9\x00&gt;|\xc7\xb3\xfc\xf2\xa7\xa9n\x94"BM\xe7\x0fp\t7\x8ed\x17\x1a\xb0\x0b\x06\xed\xec5\xeb\x14-M.f\x00.\x18\xb4C}%\x0b/zV\xfeX\x1ec\x89m\xd7\x89B\xf0l\xb4\xbc$s3\xc9\xee\xb7\x19|{j\xd7 q\x9a\xa6\x1d\xf7\xcd\x9f\xea\xda\x11\xf4\x9d\x9f4\xf0j\x94.\xe5:\xd8\x1c\x1e)U7\x02\xe2\x86\x92\x14\xac\x1cup\xc3\x15o\xd3\xbc\xb4\x89\x8b\xa0m\x0e\x10+\xce\x99\xf5"\x1f\x11U\xee\xac0\x03pH\xc9\x9c\x88\x8a\x05r\xcf\xf5\xc9\x9d"\x1cL%\xf7w\xa1?P\xc9\x9c\xbc\xd3\x16E\xf2mr\xcf\x18\xe7\xa2\t\x83\xbb\x0c\xa4\xdb\xa5\xbdg_\xe1\xb2\xf9\xb9E?\xa3[\x9d\x94\xe7\x14\x91\x9d9\xbeaED\xc5\x821\xebo\x97\xd1.\xa7\xc3i\xf7\xce\xd5\x12\x04\xe0\x0b\xde\xdd\x8dn\x86r\xbeCL\xee\xe9r\xc9@\x88\x14\xd7^\xf9?mt\xb9\x03{\x01\x00\xd9\x06\xa4V\x1e\x9b\xfe\x85\xd3\r\xdd\x9a\xadE\xc4\r\xa7\xdf1\xae\x01NGr\xcf\xd5\x88\xe8\x04bR\x1e\xf2\xccf\x11\x03\x9dx\x8f_%i\x00\xdd\x8cn\x83\x89\xa6\xf8\xf6\x0c-\x9d\x0b\x81\xbd\x8dn\x87r\xaez\x06\xfb\xce\xbdR\xe9\xd9\xec\xa8\x9eP\x82\xf2\x0e\xbb\x89\x92Q\xce\xfcL\xdaz/aO\xa7\x8d\x0f\x11\xa3)\xd1\x95\xd7\x7fE\xce\xed\x9c\xa5\x98\x1c\xe9"\x82d\x1c\xbd\xe7\'\xc3\xf5\xa7\x92{\xacF\xc4=7~al3\xba&amp;\xbdg]at\x13\xba\x1c\t\x00\xa5F\xb7A=\x8e\x96\xdeJ%.\x94\xd2\x03RL\xed\x12-\x16\x85&gt;yS\xa8\xd7)@\x14$\xb4C\xecP\xb0\x18\x81\xb5\x08\xbfa\x02\x9ac!\xbc\xd5+Gg\xfd2R\xfc\x0b\xa6[\x06`\x9f\x9eF\xb7\x85.\xd1\x00\x89\xca\xcfN\x1e\xc9~\x94n\x7f\xc7\x98\t\n"v\xbaL\x0c&amp;&amp;]\x8a\xc8A\x9eY\x13iW\x9a\xc6\x0c].\x8f\xc5\x89Q\xa3\xf8\xe0h\x00\xa8\x1cu\x08\x11\xaf|\n\x01&lt;\xe3\xea\x97)\x08\x8a\xa8\x1b\x7fD\x83\xb6Y\xd8}\xeesZ+`D4\xc2G]\x88\xd8[\xdeD\x00P:\xb1H\x0c)\x99c}\x9d\xe9\xfc\x16\x82\xa8\xeaE/\xfe\xe2\xec\x8dt`\xec\x86;r\x07l5\xba\x15&amp;&amp;\x1dTZ\r_B\x8bK\x05\x96^o\x08\x1b\xa0\xbcEN\x84&gt;\xce\xeeT\xb2\x80\xa9\x81\x93\x1a\xc1S\xd2\x036\t\x11\xdbW\xde\xa4\xe0b\xdb\xae\xf9\x88\xd6\xe8\xe2\x96&gt;\x16\xa0\x98JU4\x89nS_\x87\x7f\xc1t\xf5\x95h\x89\x07ZQ\xe0\xa5h\xe2d(\xd6U\x8c4BH\xa7S\x11\xa0\xc9j,\xa8\x0f@7gM=M\x8eL\x8bb\xe4@\x05\xb7\xb2\x0bz\xb1\xf9@p_\x15\xab\xd88\xf0o\xa1\xd2\x0eD\x84\xc4\x11\xc2\xef\xbb\xe2\xed\x17FGC&amp;e4=\xb5Z~\x98\x1b\xe0\x9a\xe7;\xe5v\xbe\t!\x9e\x00\xe5F\xb7\xc1\xc4\x04\x00\x00\x9a\xa7\x9fPd\x11\xe5\rL\xf2\x02\x08t\xca\xcc\x9aq\x8c\x94\x01"\xee\xbc\xfeS\x85u$\x0eG\xc4\xe0n\xb3i\xb6\x8bK\x00\x9da\xdee\x91\xe7\xe8\'w\x1c\xed6tO\x97\x19z\rP\x90\x96\xc5\x84\xcdw#b\xcf\xa9\xc7\t\xca\x1a%\xed\xe2\xa9Wd\xac4\xde~\x05\xd3\xac\xe1(&amp;\x9d\x08\xb7\xbaK\x1f\xf8\xb5\xb3O\tc}\xf3\xc8\xe5\xf8\x85l\xf8\x15\x85\x83w\x86\x96\xce\xa5\xd3"\xa7 \xd3\xd5\xc3%\x87.?\'\xfb\x1c\x8f\x06\r\x1a\xe2\x84\xb8\x80p\xdb\x81\xdb\xbe\xed2\xf3!\xb5\xb8E\xd7,\x16\x08Zp9\x85t\x85\xb1@\xba\x920\\\xf8=\xea2\x17\xcafyJ\xbe\xc6QkoS\xe5v\xcb,zR\xc7\xc8;\'v\x88\xcc\x84\xde\x1e\xaei\n\xe6b\xf8V\xbd\x89n\x94\x19\xdd\x00u\x84\x0f04\x99\xb4\xab\xc2+:\xea*D\x02\xe4\x19\xdd\x06~\xb6]\xf3\x91\xf6\xb9\x19\xe8\x92\x02P\xca\xe3\x1be\x81\x9a\xfa\x18"\x1e\xb9\xfb\xbf2ez\xf2\xfa\xceQ\x1c\xf9\xcd\xc6\x94\xa241\xd1\x84\xdc\x01\xdb\x9e\xf9Q\xbb\xd50\x15\xd7\xd4B\xe9"\x9d\x08\x81\xdd \xbf\xe6\x99{\x1e\xa1t\tg\xd6\x9d\xe6u\x94%wQ\x11\x12\x95\xd4\x8c\x94\xd1\x00eC\x96\xde\xc0y#\x10 \xbc\xa4}\x1f\xc5KM\xdcr\x8f{\xc6x9\xd9\x88\xe3\x19\xef\x9b\xd6\x85g\xd5]\xd9\x1d +\xb6v)@\x9a\xbazt\xc3y7\x02{\xcd:\xe5jS\xcc.O\xd8\x00\x80JH\xa1\xa3~\xcf\xa5\xd7\xacSr\x8a\xcb\x1aS\x9dS~\x98&gt;\x9a[w\x19I\x04\x08\xe9\xa7\xf5\x85\x0c\xc6%\x9dqbu\xbcVU\\\xfd2\xe2\xc2\xee\xb6\xf8\x13\x95W\xbd\xe2\x89\x7f\x10Q\x83\x90q\xb5,9\xfa\xc2\x96\xab?0\xba\x15207\xff\xecq\x05u\xa3\xf8a\x00e%\xc3\xf6\x02\x80\x16]="\x82\x0fQj\x16\x00\x90R\xbd\x16]\x81H\x87,:\x19~\xf9S9~:\xdc\xf5\xb8;@\x8e\xd19\xc3\x8b\x8c\xb9lt\x1b@\x9c\xba\x11\xc8a\xffC\xcdF\xa93\xaf\xec\x15\xc0\xbf\xb9\x15Z:\x978\xd3\x9c\x17@\xfe\xb1\xfb\x7fa:\xfdnC\xf7\xda\xbf+#\xf4e\xc9\xd1\x17\x9cx\xf2\'\xb9\x85f\xee\xb1\xb9\x1c\x19\xf6\x7f&amp;\xb0^K\xfa\x06k\xe3\x87\xa5Y\xca)D\xec=\xfb\nJ\x95\x89?\xd4\x86g\xa8\x94\xe9\xd7mY=\x04\xf7!+N\xd1\x1d\xa0Ke \xd7\xde\xf1\'r`L\xcd\x12\xcd\xafB\x1f\xd5\xa6T\xb6\xef\xab\'\xebu\xcc\x10*\x1a\x14.B\x82t\x11\x13\'!\x82q\x1bt\x10\xcd\x955\xc5w\x81\x04\xb4\xf6\xc8\x8d\x02\xef2\xa3\x03\x93\xf9d\xd5\xf1\xd7\x00@\xb27\xac\x19{8\xady\x1d\x8d\xcb\xaar\x97U\x84K\xfb\x94\x89\xc0z\x14\xbd\xbb[\xe5\x97;\x07\xb2\xad\x0e\xac\r\xe9\xaa\xce\x15Vdb\xd2\xd5IiZct\x134\x03\x11\xf3Z\xb7\x91\x94\x8c\xa6\xb0\xcc\xf2\xd7s\x97(\xbaz\xb1n\xd7rz\x8c\xddD\xd0\x02;g\x9f\x11\xabo\xb6\xbcJ\x1a\xa9\x7fSLLL\x08\x08\x01H\x15x\xcb\x99\x83\xd7\x9d\xc5\xc8TI\xa3\x12=\xf72\xf5t rr\x94\xc9\x01&amp;\xd3\xf5\xcb\x18\xb6\xe2FD\x14]\xac\xd7X_(3\xb5\x85+:K\x90\xe4\x9eZL\xbdk!b\xa0\x19\xfedB\x1125\xb7L\xf1-\xe4\xd4\xe6\xb5\xb4\xda\xc3\xcb\xa5\x0f\xfe\xd65\xdc\xf4\x82!\xa4\xaf\x0bn\x16PGL\x9e\xd7\x99\x893 \xe2\xa8\x037\x80X\x8d\xf2\x04#\xe2\xc0E\xd7\x00\x84\nNx\xe3\x87Y\x97\xb6A\xa5\xed\xfb\x01\xc2\x88}\x14\\\x1bZ\x1e\xddZb\x94v`\'\xc3y\xf78\xe3\x1b\x96\x1b\xdd\x84\xce\x80\xf5A\xce\xd3\xb2\x1b\xa7\xe85\xeaV7`\xc1\xd5\xd4j\xb3\xa3Z\x9bjM\xd80\x1d\nQ"\r\x921&amp;\xb5y\x1d\x00x\xe7LB\xc4\x8c\xde\x1bbj]\xd1\xbfL6\x87\xef\xfa\x11\x11\xfb\xcd;ctCD0g\xf4\xd4Q\xe4\xa1\xe9VK\xbb\x196\x9c\xc5\xd6\xea\xd2\xc8\x9aI;&amp;\xb1\'\xc5\xab\xbb\xc2\x13\xd5\xe2\xca\x86\xbbD\x11)J\x17%h\xd1\xe1\xe7\xbcs&amp;Cp_\xb2\xf2\xa9\xc2\xbaZ\x0ex"bT\xd5"\xd7\x10\x195\xe9\xda\x8c\xdftW\xc7\x1f\xa1\xfd\x012\xc9V\xbava\xaf\x9e\xd9\x13\x01\x92\x01\x82\x00BE\xce\t*\x9e\xa9\xa8\x8d\xd2d\xf4\xde\xc8\t\x91\x12\xa4q\xd21\x8d\x9a\xe1\xea\xc8\x18\x80G\xae\xb95\xac|\x9e\xc6\xedQC&lt;\x00T\x8c&lt;\x00\xb1C\x15\xa4s7a\xf0/\x98.G\x1a\x9a\xc4\x1b\x82)\x13\x9e\xd7\xba=\xb1\xfbJE\x8d\x92\x8e^\xf5\xcd\x9b\x1aZ:\x17\xa2\x07\x93T\xe7\xdc\xc6[\x97#\xcb\xe8\x06tE\x98\xa4\x96&gt;\xb9S Y+]*\t\xe2\xdb\xd5\x87\x95\xb7\xaf&lt;O\xa5-\xaeL\xb5@\x86\x05\xe3Q2\x88\x06\x14N\x9f\xb1\xe7\x11)\x91\x14\x13\x11\xd4\</t>
        </is>
      </c>
      <c r="E660" t="inlineStr">
        <is>
          <t>&lt;class 'numpy.ndarray'&gt;</t>
        </is>
      </c>
    </row>
    <row r="661">
      <c r="A661" s="1" t="n">
        <v>659</v>
      </c>
      <c r="B661" t="inlineStr">
        <is>
          <t>steps_per_sec</t>
        </is>
      </c>
      <c r="C661" t="n">
        <v>9500</v>
      </c>
      <c r="D661" t="inlineStr">
        <is>
          <t>5.3317575</t>
        </is>
      </c>
      <c r="E661" t="inlineStr">
        <is>
          <t>&lt;class 'numpy.ndarray'&gt;</t>
        </is>
      </c>
    </row>
    <row r="662">
      <c r="A662" s="1" t="n">
        <v>660</v>
      </c>
      <c r="B662" t="inlineStr">
        <is>
          <t>Loss/localization_loss</t>
        </is>
      </c>
      <c r="C662" t="n">
        <v>9500</v>
      </c>
      <c r="D662" t="inlineStr">
        <is>
          <t>0.004681033</t>
        </is>
      </c>
      <c r="E662" t="inlineStr">
        <is>
          <t>&lt;class 'numpy.ndarray'&gt;</t>
        </is>
      </c>
    </row>
    <row r="663">
      <c r="A663" s="1" t="n">
        <v>661</v>
      </c>
      <c r="B663" t="inlineStr">
        <is>
          <t>Loss/classification_loss</t>
        </is>
      </c>
      <c r="C663" t="n">
        <v>9500</v>
      </c>
      <c r="D663" t="inlineStr">
        <is>
          <t>0.20037846</t>
        </is>
      </c>
      <c r="E663" t="inlineStr">
        <is>
          <t>&lt;class 'numpy.ndarray'&gt;</t>
        </is>
      </c>
    </row>
    <row r="664">
      <c r="A664" s="1" t="n">
        <v>662</v>
      </c>
      <c r="B664" t="inlineStr">
        <is>
          <t>Loss/regularization_loss</t>
        </is>
      </c>
      <c r="C664" t="n">
        <v>9500</v>
      </c>
      <c r="D664" t="inlineStr">
        <is>
          <t>0.03898657</t>
        </is>
      </c>
      <c r="E664" t="inlineStr">
        <is>
          <t>&lt;class 'numpy.ndarray'&gt;</t>
        </is>
      </c>
    </row>
    <row r="665">
      <c r="A665" s="1" t="n">
        <v>663</v>
      </c>
      <c r="B665" t="inlineStr">
        <is>
          <t>Loss/total_loss</t>
        </is>
      </c>
      <c r="C665" t="n">
        <v>9500</v>
      </c>
      <c r="D665" t="inlineStr">
        <is>
          <t>0.24404606</t>
        </is>
      </c>
      <c r="E665" t="inlineStr">
        <is>
          <t>&lt;class 'numpy.ndarray'&gt;</t>
        </is>
      </c>
    </row>
    <row r="666">
      <c r="A666" s="1" t="n">
        <v>664</v>
      </c>
      <c r="B666" t="inlineStr">
        <is>
          <t>learning_rate</t>
        </is>
      </c>
      <c r="C666" t="n">
        <v>9500</v>
      </c>
      <c r="D666" t="inlineStr">
        <is>
          <t>0.079890765</t>
        </is>
      </c>
      <c r="E666" t="inlineStr">
        <is>
          <t>&lt;class 'numpy.ndarray'&gt;</t>
        </is>
      </c>
    </row>
    <row r="667">
      <c r="A667" s="1" t="n">
        <v>665</v>
      </c>
      <c r="B667" t="inlineStr">
        <is>
          <t>train_input_images</t>
        </is>
      </c>
      <c r="C667" t="n">
        <v>9500</v>
      </c>
      <c r="D667" t="inlineStr">
        <is>
          <t>[b'640' b'640'
 b'\x89PNG\r\n\x1a\n\x00\x00\x00\rIHDR\x00\x00\x02\x80\x00\x00\x02\x80\x08\x02\x00\x00\x00\x83\xaf^t\x00\x00 \x00IDATx\x9c\xec\x9du\xa0\x15E\x17\xc0\x0f\xdd\xf0\xe8\xee\xee\xee\xee\xee\xee\xee\xeeN\x11\xa4[\xe9\x06\x01QB\x0c:\xa4A\x11P\x11\xa4\x04\x15DT\x10\xd1O\x8c\xf3\xfd1\xf7\xee\x9d\xdd\x9d\x99\x9d\x8d{\xef{0\xbf?\xde\xbbww\xe6\xcc\xd9\xbd\xbb\x93g\xce\x01\x00@DH\xd9\x08\xf8 ""\x02\xe4\x17\xa4\xe1\x90\xd1Zl\xa2Z\xbe\xef\xe9\x9b\x1b\xce\x1a\xd2?\n\x1c\xc9\xc9\x93V\xa5\xfb*\xed\xf3\xa0E\xe7\xe8S\xfe\xab`\xc8o9f\x8f\xb98-}\xa7\xa9\xfbG,\xff\x9c\xceN\x7f@DHR\xdb\x90\xbdf\xef\xf5L\x81\xf4\xd7Q+\xaf\x98\xaf\x82\xc9\xee/uj\x1b.\xe4\xadC\xbf\x9b\xd5\x8e\x9f\xbf\x87\xb9\xf4L\x95\xc7@\x86\x16\xe2\xb2P\x0f@^I%\x01\x92H\xa7\xb4\xa0\xe5\x98\xdd^\x89\x92\xc1\xfcKyD\x8a\xe0\x88\r5\xc5[\xce\x0f\xb7\n\n\xc5+\x0cU\x1d\'4\x9f]q\xf89"6\x1d\xb1\xd3\xbb\x02\x0b\xaf&lt;\xf2\xc7?\x88\x10\xa3\x82V\xfa\x96\xf3\x88\x88\x99\xaa\x8c\x05\x89\x1a\xb3\xf1\xb0\x1d\x86dT\xa3\x15\xa3D+v\x85b\x10KZVHTs\xcc\xaa/\xf4\x12H\xca|\xb4\xe4\xdes&gt;\x11H#\x9f\x97\x1f\xfe}\xc0\x82\xb3\xa6b\x93ji6\x9e\td\x99\xb3\xfb!\x00L\xd9|\x13\x11\x01b\x8bU5\x9c*\xae\xbb\xc0\xb2\x88\x18;w\x17\x92E\xbe\xb114\xf3\x8aW\x95\\\xe1V\xc0\x02\xf5\x94*^Z\xde\xd8\xf9\x1d\x00l&gt;\'\xac\x8b3\xb6\xd4*\xeb\xe4%\x06JJn?\xf9\xa3\xc0\x97$u\x88\x84\xcd\xe7\xd8\xa5 b\xc6\xca\xa3\x99\xc7Y\xc9\xa3i\x9ff\xbd\xfb\xfd\xb2\xfdO\rm\xe1\xba\x93\xffh_\x97|\xf4\xeb\x8eK\xf8\xe17\x0c9$W\xe5n+\x01\n\x02\x00@\xae\xf3\xbf\x92d\x11\x99\xab\x8e\xe5\xa5\xd7\xcaz\xf3\xe03D\xcc[\x7f\xfa\x90%\x172T\x1aMN]x\xca\x1e\x82\x03@\xea\xb2C\xc9\x91\xb2\xed\x97j\t\xb4\x1b\x1b={\x07\x7f\xc2\xe8 l\x1d\x111u\xd9\xa1\xccSAD8\x83\xa2\x88\xba b\xaf\xd9\'\xc2\xad\x05!\x1f\xf3\xa8j\x80\x15/?\xa3W]\x15\'@D\x80\xcc\xb9\xeaL\x91\x14X\xad\xe7\x1a\xb7:I\x80\x88\xb3\xde\xfb\xc1\xff\x8a&amp;#G\xae\xfe\x8f\xfd\xc6\x8e_w\xcd\x90\xd7\x9c&amp;[\xf5\t\x00P\xa3\xf7:0\xb5\x82\x88\x08\x90\x95\xce\xf8\x02\x11\x11?\xfc\x06\xeb\xf4\xdf\xd4o\xde)qMA\xce\xee\xb8\x84\x00\xa5,/\n\x00V\x1e\xf9\x83y\xea\x85\xbf\x94NS\x0f0\xb3\x17i6\xbb\xde\xc0\xad\xe2"\x14\x91\x9f\xd04&lt;\xef]U\x13!\nE\xa8\xf8\xd7\xbb\x89GD\x84\xe8\xe5=\x11\xe5\x988y\xbaz$)\xbe\xe0\x1ci\x89\x8f\xff@/\x9d\x02\x00$-\xd6\x1f\x11\xc7\xaf\xbb\x163g\'r\xe4\x0fD\x80\xb8\xcc;l\xe7\xb6\x97\x10\x9d\xcc\xdc\xc6\xae\xf0!K.J\x17\x1d\xd9\x89\x96\xad}\xc8\xcaZ\xfc\xe1/\x82\xb3/O\xbb\x95\xac~P\xc5\x0fXpv\xffm\x87\xf7\xaal\xfb%\xde*\xa3P\x84\x9b\x98\x15\x8a6\x9f\xcb;\xa9_\x07\x15\x11;wg/\xb5\xa2\x89[\x85w\xa6\xdb\x8c#\xe6\x83\x0cUcT0\x1dL\x0e\x00d\x94\x9c\xa5\xea8IE\xce\xfd\xaaM;\xe7\xd4\xca2\r\x8b3\xf9\'\xb1\x03g\x0b6~C\xb2\x08\x00H\\\xb8\x0f"B\xc6V\x824\x1eV\xf7_\xbe\xb0\x10\xf5\xcc\\V\xb4\xb2^\x95\x1ev*u]\xe1\x89\x9c\x97\xa7\x01\x0e29kO\t\xb7\n\nET 4\xf3\xc6\x96\x14k\xc1\xed\x1fh\x9c\xfb\x15\x01\xb2S\x07\xa2\xd3g\xcd\xf6V\xbdf\x1d\x07\x80|\r\xa6\xdb\xd2\x84Y\xc9~\xfd\x9f\xe1`\x0c\xfa\xcb]D\x9f}l\x96\xb6r\x85\xc4e\x16t\'\x88\xf5{t\xf1i\xd6U\x1b\xcd\xc4\xc2J\x86p+@\x88\x15n\x05\x14\x1e\xa3:U\x8a\xb0\xf1\x8bpv\xda\xd9)\x80\x12\xef\x7fM\x9f-\xc8K\xa7\x99&amp;\xc9`i\xc1{\xec\x87\xc0\xd9\x189:\xee\xbd\xc6N\x7f\xf6g\x91\x90\x9f\xc3a\'\x8c\x88\xc4\xcaL\xd5\x05\x8aW\x99&lt;\xf5\xa6\x85[\x05\x85"\x84\x88k\xfc\xee3\x8e\x10\x93i\xf9\xbc\xe6a\xa8c\xddl\x92\xdd\xf0\xbdN\xffM\xe4C\x9a\xb2\xc3 U#M\x93\xb1k\xbe\xf4\xac\xcc\x14\r\x99\x87\x1b\x0e\xd9\xeeY\x11\x8a \x91\xb9u\xb85P(\x14\xaf6\x88x\xdfE\x1bin_MG\x9cOc\x06DE/\xf7\x93p`\xda\xe5\xb5\x83N\xc4F2&gt;{\x16t\xc52U\x19\xe34+c\xb3\xb8B\xa1\xd1p\xf0\xb6p\xab\xe0\x90k\xffF\xd2\nA\xf1\xf2\xf3\xc1\r\x84\x98\x15\x9a\x8fz\x8f\x9f$\x99 {\x93\xe1;\xe5}?\x89\xb1\xd9.f\x05\x00\xb1\x19\xb3B!`\xda\xd6\xdb\xe1V\xe1\xe5"~\xf5pk\xa0PD2\\\x8e\xf6B9X|d\x7f\xf1\xd5+\xd3V\x03\xb1sw\t\x86X\tb\x06O\xf4\xb1\xefU7_\xa1P(B\xc2\xe7\xcf\x11 \x8fK!\x1e6\xc0\x94\xa88!(.\xbc\x14m&gt;\x17 K\xb8\xb5\xd0\xf1\xd2\xdc\xdbH\xc2\x8cw\xee\x1b\x8e\xa8;\xacP(|D\xc5\xea\xc0\xae\xce\x7fxz\x8d\xdb?\x8dzwL\x9e\xa8\xf8&lt;(\x14\nE\x94\xc4\xdb\xc6\xe9\xd4#W\xd2\xd2W\x1ci\xab\x01\x88&lt;\xadE\xab\xb1{\x82\'\xfc\x87Hs\x99\x04\xbf[l\x85&lt;\xc5\xc3\xad\x80B\xa1\x88\x84\xa4j\x94\xbd\xc6\xc4p+\x11\xe5\xb1\xdc|\xec\x06*\x18C\xa0\xb8 \x95\x05\x00\xad\xc6\xee\r\x9ep\x85\x0b\xe2\x85[\x01\x1b4\x1b\xf9n\xb8UP(^\x0e\xe2T\tK\xb1\x9e73A\x8d5\x1by\x86\xe3\xd1\xb3\x87\xce%\xb2B\xa1P(&lt;\x86\x1777\x14$\xacA\xfeG\x9e&amp;M\x86 \xba\xbfVD}\xe2\xe6\xf5*4\x88B\xa1x\xb5\xf1E\x08\x08\x0e:\xc9\x89k\x07\xa9\x14\x85"\xc4\xa4*3$\xdc*\x84\x87\x88\xa2\xfd\xc2\xad\x82B\x11\x15\xe1L&gt;\x1bZ\xdf\xd4eB\x1e\x04^\xa1\x88"\xec\xbc\xec{Yr\xd4\x9c\x14^M\xc2E\xd4\x9a\xcaR("\x0b\xe3\xd7]\x8b\x9b\xb7\x9b8M\x99v**\xe7KFd\x8f\xe4\xd3o\xde\xe9p\xab\xe0\x90#\xdf\xbdrMQ\xca\xd2\x83\xc3\xad\x82B\x11\x95\xe1u`U\xc7\xf6\xa5\xe4\x9dK\x08\x10\x11n-^*Z\x8e\t\xe2.5\x85B\xf1rb\xb9\xbb&amp;\x92\x04\tV\xbc\xc4\xbcw\xf5\xe5\xe8\xe7\x05\xd1\x81\xa8B\xa1x\t!\rp\xa3\xa1Q8j^\xae:S-\xd3\xcc\xdd\xfd0\x04\x9a(\xbc q\xb8\x15pHd\x9e.\xea7\xefT\xb8UP(\x14,"s\xc5\xa1\xf0\x9c\xad\x17\x82\xe8Q\xc4\x0eI\xc3\xad\x80\x97&lt;\x88\x14\xb7T\xa1P\xbc\x14 b\xa96\x8b@5\xcf/\x1d\xb7\x11!Z\xb9pk\x01\x10\xd9\x1f\xad\xa8\xe4\x94J\xa1PDf\xd8\xd1\x90\x845`\x92\xc8]?*\xa2\x12\xccg)\x84\x0fX\xe1P\x15\xa4P(\x14\xb2$\x0b\xb7\x02\xb6\x99\xbe\xed\xaeK\tG\xc9F\x91\xd4M\\\xeb\xa2P\x00\x00\xac?\xf5\xaf\xea\xadFI\xd24\r\xb7\x06\n\x85\x9ew\xaf\x84\xb3*\x19\xb5\xe2\x8aD*n aE\xe4\xc68\x12-\xd5fa8\xd4\xf01q\xc3u\xc3\x91:\xfd7\x99\x93\x99\x1a\xd7\xacLi\xaa\r\x8e\xfa$\x08\xb7\x02\nEx\x89])\xdc\x1a\xbc$$+10\xdc*Djl\xb6\x97E-S$W7&lt;\x84\xa8\xee\x8eB\x11\n:L\xfe8\xdc*D6\xb2\x19\xbe\xc7\xc8a\x8cf\x18\xa5\xc8\xeb2\xbf\x83\xbax\xf6{?\x00\xc4wY\xaeB\xa1P\x84\x8e\x16\xa3w\xb9\xc9^\xa5\xdb*\xaf4Q0\xe90\xf9\xe3(7\x8d6y\xe3\x8dp\xab\xf02\xe0fDX\xb1\xf3[\xe1U@\xa1xi\xf9\xe0\x1b\xf9\x17#\'\xf0_\xa4\x19;\xee]x\x8a\x009\\\xe8\x92\xd1E^\x855I\x8a\xf6\r\xb7\nQ\x91\xdc!(#H\xed\xd3\x85\'\xaa\xd9S(^\x01\xdc\xc7\x0f\xee0\xf9#\xd6a\x9d\x03\xbf\xc6\xc3v\x98\x12$~\x8cx\xf5/\x8b\x8a\xe6\x97W\xbb\x03\x1eQ\xac\xdf\xab\xd0\xbf\xc9S\xef\xb5\x90\x95\xa5\x86t\n\x85\xe2%g\xfc\xbak\xd6\x89\xa2\x95\x03(\x18\x15*\xc4|\xe1V\xe0%#\xbf\xe1\xfb\x88\xe5\x9f\x03$\x0fM\xd9\xde=oI&lt;\x92\xa3P(\x14N\xc9Rm\xbc\xf9`ThV\x15\xaf"\xcc\xc7UaE\xca`\x08}\xc5\xe7\xb7\x14/\x03a\x8f93o\xcf\x8f\xe1U *#\xf6\xe5\x14\x03\x00V\x1c~\x1e\x1aU\x14\n\x1e\xaa?\xadP\x18\xb9\x8b\x08\xea\xdd0"\x9c.N\xd9(Tj(\x14\n\x85\xe2e\xa7@\xa3\x99\xcc\xe3\x888u\xcb-\xcb\xc4w^\xb1\xf6\xfb\xa5\xec\xaf\xf4\x9a}\x82\xbe\xaeu\'\xff\t\xa32\n\x85B\xf1JP\xa0\xd1\x0c\x9eC|D\\}\xec\x7f\x81C\xc9\x1b\x84N\xad\xa0\xe1\xbe\xf9D\xc4x\xf9\xba{\xa2\x8c#\xca\x84\xafh\xc5\xcbD\x94\t\xeb\xb4\xf6\x93\xbf\xe9\xaf\x88\xb8\xedS\xd4&gt;\x87C#\x85\xc2;\x10\x91\x19}\x81~\xb8K\xb4^\x10\xa5\x9f\xf5FC\xb7\x87[\x05\x85"&lt;\x94\xeb\xb04L%\xe7\x0c\xa6\xf0\xc4\xc1\x14\xae\x9avEX)\xdb~\t\xfd5{\xcd\x89\xea\x89\x8c*d\xac4:\xdc*0X{\xe2E\xb8UP8\xc2\xa9\xddC\x94\xae1\xa2\xb4\xf2\nE\x14$Q-\xf5\xd6i\xb8\x0f\xef\x18\xf9IV|@\xb8U\x88\x92\xbc\n\xaf\xc9\xabp\x8d\nEpIX\xb0W\xb8U\x88\xaa8\xa8\x80\xea\r\xdc\x12\x0cM\x14A"S\x951\xba\xef\xe9[\x00\xc4m8d[\x90\x8as\xda\xa4\xc56\x1f\xcaUg\xaaKe,\xc9Y{r\xb0\x8bP(^9\xea\x0f\xda\xeaI\xdf\xb6\xfd\xa4\x0f\xdd\x0b\x89\xcc,\x8f\x12\xbb\x87\x13\xd7\n\xb7\x06\x91\x82\xbesO2\x8e&amp;\xa8.\xce\xb5\xf7Z\x88\x07y\x11\x9eHy\xffk56U\xbc\xda\xec\xfa"\xaa\xbe\x03\xc5[\xba\xf5\\\xed#I\x1do\xe4\x84\x82\xb2\x82&gt;\xc7\xb2\xfdO\x99\xc73W\x1d\x174}\xe4q\x1b\x91\xf0\xd5 \x8b\xf9\xf7E\xc43?\x07\xf9%M\xdb,\xb8\xf2\xf5\xa89a\xc5\xcb\x0c"v\x9fqT\x9c\xa6R\xd7\x15\xa1Q&amp;*P*\xdc\n\xc8r\x07QU^\x8a`\xb0\xe5\x9c\xef\xb9:\xfdX=`\n\x85\x0b&gt;\x7f\xae\xaaiK\x8a\x85[\x01K\xb23\x8e\xc5\xa8 =\x18\x8a\xe3\xa92\x8a\xd0\x92(\x8c\x13\xf2%\xc3W\xb4\xc7\\W\xd5\xa0B\x11\x12\xd2\xee\xb8\xe4\xf0eC\xc4\xe1o^\xf2V\x1b\x85KN\xff\xa4\xaaN\x85B\x11\xf5\xd9\xf3\x95\xa0.\x0b\xee\x16x39kO\tq\x89rD\x19_B\nE\x14&amp;Y\xfdQ+\xafx\'.\x9de\x8a\xcb\x7f\xa8\x9e\x9c"tdf\x1c\x8bU1\xe4jpY\xfc\xe1/\xc1\x13^\xa7\xff\xa6\x17\xd2\x93N%Z/\xd0\x1fH\xe3\xb9&gt;\x1e\xf2\xaa\xad)\x9cx\xe0\xfd\xf5F\xc5{\x18\x15u\x8e\x0c&lt;\xa3\xee\xdb\xc5\xa7\xea\x1e*\x14!#N\x15\xe6\xe1\xd4e\x86\n\xb31\\x\xbaAU\x9d\x91\x8f\xa2\xe1V\xc0!\x1f~\x13\xbcg)\x0c\xd6\xe9\x1d&amp;\x7f\x14\xfaB\x15\x8a\xb0\xc0\x1a\x13+\x14\x8a\xa8D,\xfd\xd7\xa0zfV(\x14Q\x98\x82\xe1V\xc0!)J\x0e\x92O\x1c\x9a\x01\xae\x1aF+@=\x06.XEG\x81S(\xc2@\xc6V\xe1\xd6\xc0\x82\xb2\xed\x97\x94\xeb\xb0,\xdcZ\x84\x9cT\x8d\xc3\xad\x81"R\x13\x9av7Z\xb6v!(E\xa1P\x04\xb8\xcdz\xb7\xdf\xff\x1a\xd3W\x1c\xe9]!6L\xac\xff\x8c\xf2}\xfc\xb8r\xc9l\xc5\x00N\x1b+Wg\'\xba\xb0P\xa3(\x13\xe9\xc3\xad\x80B\xa1xe\xc9\xdc\x06 e\xb8\x95\x08\xb0\xfc\xd0\xefa\xd6 Im\x07\x99\xde&lt;\xf8\x0c\xa0\x88\x83\x8c9kO\x9e\xb8\xe1\xbae\xb2\xb7/\xaa\x86S\xa1\x00\x80\x98\x0e\xf2P\xfdN\x96g\x1b\x85\xc2S2=\xf7=p\xb9\xc2\xacH\x08\x89\x9b\xb7[\x18K\xaf7`\xcb\xc0E\xe7\x82\'\xff\xe8w\xb8\xe9,\xbf\rN\xd5\x08 \xf9\x91\xfb\x08\x00C\x97}\x1a&lt;5\x14a\xe7\xd5\x9c\xc3\xa8\xd5g\x03\xf9 \xbe|\xde\xd9W\xf3\xa6)BG\xe3a;\xb4\xcf\x88\xc83{\xee7\xefT\xa84z\xf5H\xdbt\xeb\x85P\xbd\xe7\xa9\x1c\xc6TWD-\x92\x97\x1ch&gt;8\xfb\xbd\x1fB\xafIX\t\x0c$^\xdf\xfe\xad \x9djh\x15\xe1\xa2t\xb8\x15PDi"\xc2\xad\x80B\x9e\xf8\xaa\xa5Q(\xa205{\xaf\x0fu\x91\xc9\xeb[\xa7\x89S\xb9\xcbk\x07\x83\xaf\xca\xcbG\xd2p+\x10\xf5\xa8\xd8e\xb9\xfdL\x91\xdaQ\x9aB\x96,m\xc3\xad\x81\xe2\xd5\xe0\xea_\x8c\xc0\xa2\x84\xf8\x05z\x84E%1)K\rv\x94/\xfe\xab&lt;\x07\x90\xb5\xfa\x84p\xab\xa0\x08\x1bj4l\x87$\xe1V@\xa1\x08\x11\x1e\xbbu\x14\x11\xbb2@!HP#x%|t3(~\x89\xd1\x14\xdcW\xd5\xa7\x06\xe2\xe4\xe9\x12n\x15,h2\xfc\x9dp\xab\xe0\x9a\xc4N\x8c\xffCC\x92"}\xedf\x89(\xda/\x18\x9a(\x14\x9e\xe3y \xfa\xc2^\x0b\xb4&amp;*6Z\xc7\x1f "B\x82\xea\xc6\x13\xa6\xaa0\xeao\x8fvE\xe7i\x07\xc2\xad\x82\x97\xbc2&amp;T\x11\xe1V@\xa1x\x19\xf9\x01\xb1`\xe3\x99\xbc\xb3%\x8d\xf1\x85\x14z\xfcQ\xd6\xcdc\xdfqk\xbf\n\x87B/\r&gt;/(?\xbfJ\xfd\x15\x0f\x9d\xb4(\x14\n\xaf\xc8\xea\x95\xa0\xdcu\xa7y%J\x01\x00\x10\xdf7\xe457\xc0\xaf\xbd}\'\x1c\n\x85\x85\xd8\x9eK,\xd7a\xd9\xaa\xa3\x7fz.6\x18\xbcy\xf0Y\xb8U\x88J\xfc\xfd*\xf5\xa8\x14Q\x9f\x0c-\xc3\xad\x81\x02,}\x1c\x1aZ\xdf\xfe\xf3O{1\x91\x1eUc`\x00\xc0\r\xd3\xe5\xef\xbc\xec;\x82\x88\xbb\xbf\x94\xb99\xb6||Fab\xe4\xe8\x18n\x15B\xc1\x99\xc7Ro\xc4\xc6\xd3\xff\x99\x0f\xa6\xaf\xc0\xf5\xa7\x1b\x15W\xac\x14\nkF\xaf\xba\x1a\xae\xa2\xcbwz3\\E;\xe6\xc0\xdd@E`\x1e\x10\xbf\xdc\x18.6v\xee\xce\xa2\xcb\x8f[u\xcd\xf1\xbf\x82\xae\x93#\xea\r\xd8\x12n\x15\x14\n\xc5+FH\x17\x9f\xe2T\t]YN\xb0\xbd\xb7\xc1\xd8\xd8$\xaa\xf5\xf2\xb6\xbeR\xc6\xf0n\xfa\x1fa\xbdu\xd1\xc2W\xf4\xabE\xce\xdaS\xc4q\xcd\x11\xb1\xe1\x90m\xda\xd7:\xfd7\x05]\'\x85B\x11\x151\xef\xcf~UH\xdb4\xdc\x1a(\xa2\x04\xf9\xcd\x87\xd2\x94\x1d\x16z=\x14\n\xcf\xa87P\x9b.+)\x99\xe5\xe5\x1d\x99\x15\n\xb7\x02N\xc9\x14\xd9C;31ow\xfe\xf0\x9b\x97\xf5\xd1R\x84\x9d\xb2\xe1V@\xa10!\xd7\x9a\xa6\xd0&gt;\x8d^y%x\xca(\x82H\xa6\xd6\xe1\xd6\xc0G\xb2\x12\x03\xc8\x07\xc3$\xb3\xcb5\xef`\xf6\x0b%\x83:\xb39\xff\xe4U\xe8U\x14\x0f\xb7\x02\nE\x14$g\xed\xc9\x88\xf8\x9b\xbd\xca+\r@\xda`)\xa4xe@\xc4\t\xeb\xbf\xa6\xbf\x0es\x119\xd1+G\xaa\x88X\xb9\xdbJ\xa7\xb9\xe3\xb1\x0eZX\xbf\xa7\xe3[\xe7*\x9cQ\xbb\xdfFH\xd7&lt;\xdcZ(\x14\xd6dq\x94+\xb7\xb7J(^A\xcc#\xe00*\xa3\x81\x88d\xcc\x1a2+\xf4\xc8\xefY3\\DM+&lt;\x85\xc2\x06Qx\x9fhd\xe3\x15{\xed-\x06v2\x0cYzQ6i\x8a\x86\x92\t+wu&lt;~\x05\xa0~\xc4H\xbb\rl\xdf\xf5\xc8\xa2U\xe9\xb6\x8bC\\b\xe4\xfcE\x14\x8aHJ\xf3Q\xefA\xc2\x9a.\x9b\xf9BM\xde\xf0J\x1f\x85W&lt;\x0bmU\xf8?U\xf3\xda#\x14\xbb\xa1\x10\xb1\xe3\x94\xfd!(\xc8\x16\x91\xb6\xe7\xa4x\x85\xb0\xf7\x08\xa6Q[A\x14\xa9l\xa5\xdeq)\x92\xd7q)\xc3\xad\x80\r\xd2\x94S\xdbi\xa4\xb8C\xaa\xb5\xe4\r\xc2\xad\x88B!D\xbe\x01\xceZ}&lt;"\xa6,\xed,\xec.Av\x0b\x93"J0h\xf1\xf9p\xab\xa0p\x8b\xb9\x06x\xefj$\xef3Y\x80\x88j2L\x115\xb03\x0f\x13\x0f\x11?\xb8\x11\xb5_N&gt;\xa9\xc3\xad@\xd4c\xd1\x07?\xc7\xc9\xd35\xdcZ\xd8@M9*\xdc\xa0\x9e\x1fE\x94\xa3h\xb8\x15P\x04\x91Rm\x16\x86[\x05B\n\xeb$Q\x9f\x93\x8fT\x03\xc0e\xf4\xaa\xab\xee\x1a\xc8\x12\x96)\x96\x1f~\xeeB\xbeB\x11|n!\x02\xc4\x97IY\xb1\xf3[\xc1V\x06\x00\x00\x12x-0\xa9k\t\x99\x01\x8ay\xa0\x88\x1d\x0e}\xab\xea\xee\xa8M\x9f\xb9\'\x1d50\xafD\xd7\xc4\x8c\xe4\xbdj9fw\x90\x15Q(\x84\xf8\xbd\x1cx\x13\t\xf8\x81\xf8\xb9OZ\xcf\x93R\x04&lt;E\xdc\x7f\x07\xf7^\x0bB{\x13Q\xd7{\x99A\xe0\xe3[\xaa\xadU\xb8\xa4H\xb8\x15\x08\x11d\rN99Q\x84\x99\x13\x0f\x0c\xb5v\xe2\xf0\xe8\xe1\x05\x88(3Y\xf4\xd2\xb8\x146t\xf6\xe5"\xe0*\x82A\xc2\x10\x94\x91\xb4X\xff\x10\x94\x124\xb2\x85[\x01#Y\xabO\x08\xb7\n\n\x05M\xcc\x8a\xe1\xd6\xc0\x19\xd1\xc9?\xfb3u\xc5j\xf7\xdd\x98\xa8po\xcf\x15\xf2\x1c\xde\xa5\xad9\xf1\x02\x00\x1a\x0f{\'p(a\xcd\xd0\xa8\xa4 \x94h\xb5 \x14\xc5dn\xc3x\x062\x06=\xccF\xa6*c\x83]\x84B\xa10\x90\x12 v\xb8u\x90G\x8bd\x12#\x1c\xa5\xa7\x91LW\xb7\xfff\x97%\x99\x17\xaev}\x11\xd2Q\xef\xe1{j\x90\x1d:\xb6\x9c\xb7p\xc6\xf92Y\xe7\x06\xefZ\xfa\xcd?\x1d$\xc9\n\x85\xf7\xc4\xcb\xd7=\xdc*\x04\x9f\xf8\xd5\x18\x07\xe3V\x15G\xf0\x0e\x12I\x8b\xcbN-^G\x04\xc8\x0b\x00\xe3\xd6~\x15L\x8d\xa2.ym\xa4\x8dU\xc9\xabR_\xa6\x86P\xa1P\x84\rb\x9b\x10Q\xac\x9fK95z\xaf\xf3D\x9f\xe0\xe1m\xa5\x99\xa6\xdc\xf0\x90i\xf2\xd1\xadW\xcb\x97\x9e\xec\xc5\xc6\xa9l[t\x9a&amp;\xb6\xb3xM\xa7\xa9\x91\xceYc$\xa3\x88{\x11\xaf\xd4\xfb\xa2\x88\x02\xfc\xca\x7f"=\xf1\x95\xea\xf5\x13\x9fA,9E\xa9A\xac\\\xc9t\xdfR\xca\xfa\xebwN\x86\x96\x0e2!b\xb9\x0e\xcb\xc4i\xa2goo)\xa7\xd1\xd0\xed\x0eJ\xb7 Z9\xefe\x86\x9bLU\xc6\x84W\x81|\r\xa6\x87W\x81P\xd2b\xf4n\xd5\xfe)\x14:\xc45~\xb7\xd7\x0f\x87L\x1392\xba\x17\xd1|\xd4.\xcfez\x02"\n\xfaC\xf2\x1c\xbe\x87A0b\xf7|;\xf5KJ\x10\xe2\xcb\x06\xc9\xfd\\\xd6\xea\xe3!nU\xf9\xf4\xdf\xab\xe6S\xa1\x88&lt;H\xf4g\xd3\x06\xadpfH\xf30\x90\xab\xce\x14\xa9ti\x9af\xb6\xb6#\xf5\xcc\x1d\xa6\xe5`\xfa\xcd\x03\xbfyU\x96\x82\xa6\xc5\xe8\xdd\x90\xa1\x85\xa7"y\xc6}I|\xffS6\xf2\xb48\x07H9\xde\x91$U\x99\xa1\x1eJ\xe3Qw\x80\x03C\xc8\xd8j\x04\xaf\x88t\xa4\xab0\xc2_\xdd\xb3\x02\xcbdi\xc3\xca\x94\x8cu0\x18D\x0fA\x19G\xee\x93\xd72\xe9\xe4M\xdfp\xf5\xc8\xde!o\xfdWh\xbe\xf1\x95\xa5J\xf7UG\xbe\xf3\xac\x9a^q\xe4\x0f^\xa5\x9f\xbc\xc4@\xafJQ\xc8P\xa6\xdd\x92\x10V\\\x8aW\x1b\xe1\x02p\xf2\xe0\x94\x99\xces\x89\xe2\x1e\xeb]\xde\xd9x,\xd3hwe\xa5)7l\xc0\xc2\xb3\x0e\xc4\x86\x82\x18\xe5-\x93D\xf2\xbe\x7fDQ\x86\xb5`\xd9\xf6K\xc8\x87\xda}7\x86L\x13Dl?\xe9#\xef\xe4\x99\\\x96zg\xb3\x1d\xc9i2\xfc\x1d\xebD\x1e\x90&gt;$\xa5(\x14\xb6\t\xde\x04r()\xe54c\xca\xd4e\xbd\x0b\xbf\x9a\xb5\x9dg\xa28\x8cYuu\xce\xae\x07\xc1.%J\x90\xb1\xf2\xe8\xb0\x95\x1d\xafZ$\xe8\xac\x14\x08\xb7\x02\x1eP\xa3\xf7:7w\xb2z\xaf\xb5\x1e*\xa3PD\x06\x12\x85[\x01\xf8\x06\xb1N\xffM\xf2\xe9\xe5\xdfaO\xac\xbe\x01@\x10\xad\xe1\xf4Oh\xe1\xaf#N\x15/\x14\x00\x88U\xe9\xfc\xafao\x06\xc2G,\xda\x95[\xa8\x8d\xecz\xbeq\xccV\xfa\xef&lt;j\xb0\x8b\xb7\x9c\xe7\x89\x9c\xf0\x11\x8a\x05#G\x04i\xceO\xa1x\xd9\xb1\xd5\x00\xbfu\xf0\x990I\xa6p\xc5\x96\xa9\xd6c\x8d\xcd\x1cqF\xaf\xba\x1a\x14U&lt;\xa5x\xcb\xf9\xc1\x11\xcc\xee)"b0V:\xf8Z\xd42\x1f\xcb\\U\xd6\xa7\xe3\xe2\x0f\x7f\t\xfd`:s\xd5q!.\x91\xa6n\xff\xcd\x91`\xfe\xc0\xc8\xcb\x1b\x04]\x11\xf9x\xeb\xd0\xef\xa1/\xd4\xf2\xadKX\xb0\x97\x9c\xa4\xb8\x96)\xca\xb4[\xe2L\x07\x06\x918&gt;\x12"\xf6\x9bw*\xdcZX\xf0\x13b\xfc\xfc\x06\x87k\xae|\x90!\n\x03ae\n\xba\xcf\xe4\x10\x90\xae\xc2\x88p\xab\x10,\xc8,\xd4\x1b;\xbf\x0b\xb7"\n\xc5\xab\xca\x7f\xf6\x1b\xc2\x17\xe1\xe85\xe7\xae;m\xc9G\xbf^\xfe\x83.:\xa6|\xees\xbf\xe2\xb5\x7f\xb1dkK\x0f\xfe\xf9\x9d(\x07\x89\xbc\x9bQw\x88\xad\x99\xd5\xa2\xcd\xe7B\xdafD\xe7Q+\xaf\x04C\x9fd%\x06\x04C,\x9b\xccL\xe3\x7f/\x89\x9b\xaf[\xb0\x8bx\xc9\x88\x84ck\x85"\xb8l8\xfd\xaf\xdd,\xcb\xc31\x04\x8fd\xa4\xa2&gt;\x974\x9f\x96\xa9JlU7=l.[z\x08\xb3\xa3\x10\x8c\xdeC\xd8{$|\xc2\xb3\xae\x01\x00\x90\xa4N\xd8\x8a\x0e-k?\xf9;\xdc*(\x14\n\xa7L\xdbz\xdbV\xfaX\xb9:\x05I\x93h\xd9\xda\xcb4$c\xd7|i\xa7\xbd\xc9d:\xe2\xa5w\x05\x1e\x1b\xcfh\x8d\xa2n\x87\xa5\xbd\xc62Sk\xff\'Fg\x85\x96\x99\xb8p\x1f\xbb\x1a\x06\x8d\xa0/E\xaf?\xf5O\xb0\x8bx\xf9\xf1\xd8\xa7\x8aB\xc1\xe7\xb3\xdf\xb1\xf1\xb0\x1d\xe1\xd6"\x92"\xd1\x1eX,?\x8f_wM\xa6\xa0\x02\x8df\x08\xcfg\x90\xdeOL\xcc\xad\xc3\x10\xd6\t\x00\x00\x8a\xc7\xc9\xd3U\x9c\x02\xfdl&gt;\x87\xb9jO1\x9dW\x1b4]\x12\xae\x9f\xdec\x92\x16\x93\x8d\x12\xa6P(")\x9b\xcf\x85h\xfa1~\x81\x1e}\xe6\x9e\xa4\x0e\xc4\xb4\xe5&lt;\x01\x11\xc5V\x97\x91u\x1e\xd56H\xd1~\xd2\x87\xa6\xf3\x85\x1dX\x03(XD\x0b\xb7\x02\n\x85"\xe4$.\xdc\xe7\xa5i-l\x92\xca:\t\x9f1\xab\xbf\x18\xbb\xe6K\xdeY;\xd3\xb3\xa5\x83w\xff\xefy\x11)K\x83\xb6\xbd\xcf\xdf\xf0uHXS\xbb\xcc\xe5\x87\x7f\x8f\x9e\xbd\x83\xcb\xb2^\x02\x06.&lt;{\xe0\x8e\x93{\x1e\x15\xdfAD\xab\x1d\xf3v\xf8=\n\xde\x01\xc5+G\xe0E\x8dn\xf0M\x18)#\xe1dnm\x9d\x06\xe0\xc4\x037\xef^\x16\x17y\xedR\x86\xfe\xc2\xf4\xad\xe8\'==\x9a_\xba\xffi\xd0T\n.Z\xeb[\xa9\xeb\n\xe6qD|9\x9c:e\xad&gt;&gt;\x8c\xa5G\xc5\x06X\x92\xec5\'\x86[\x05\x85\xc2#\x10q\xffm\x84\xb4M\x99\xa7$\x85\xc4/\xd0\xc3S\xa5\xc2L\xd1\xe6s\xc3Ut\xac\\\x9d\x05g+tz\x0b\x00\xea\r\xd8\xd2z\xdc\xdePi\xe41\xbc\xa1|\xb1\x16s\xa9\x06X\xe1!\x16N\xc1\xaav_\x1d\x1a=\x14\n\x05\x03\xfe^IY\x83\x8e\x85\xfb\x1e\xbbU"\x12{\xb7\x00\x00v\xd0\'\x1d\xb9\xedJ\xbciji\x12\x16\xb2t&lt;\x92\x05B\x12R~\xd1\x87\xbf\x04I\xb2\xa0\x89}\xd5\x1a\xe0\x88b\x9c\t\x8f\xd4M\x0c\x07~pzO6\x9e\xc1\x87\x0e\xf2:\nL\x02\x00\xf1\xf2u\xb7N\x14\tXq\xe4\x8fZ}7\x84[\x0b\x85"\x08l8\xfd\x9f\xa3|!\x0e\x02\x11\xbe]\x98\x00\x00\x80\x88\xafo\xff\xd6p\xf0\x11"9u\xe6gg\x15nq\xd7z1\xf0\xbcQ$\x02\xb3U\x9f\x10\xec\x82BI\xdc\xbcAt\x91\x11uo\x0b\x85\n\xac\xabP\x98\x89V.\xdc\x1a\x04\x0fk\x17\x95A\x05\x11\x8f\xfd`\xbb\xd2A\xc4\x89\x1b\xae\xb3\xcf\xc5\xaf\xeeV\xa7\xc8\x816\xd8\xad\xd6s\r\xe8\xc6\xbe\xa1\xd8\x88\xec\x9e\x14\xa5\x063U\xad\xd3\xcf\x172$k\xf5\xf1)J\x0e\x8a\x9f\xdf\xb44\x13\xa3\x82\x83\xe2&gt;\xb8\x81\x00\x05\r\x07s\xd5\x99\x02Q\xaamv\xa6jP{6\nE\x18\xb0\x15Y\xc8\x0b\x12\x9c\xfc1\xcaT\x13L\xb2T\x93\xf3V\xef\x9f&lt;\xec&gt;\xe3\x88pwu*Aedw \x98\xb6\xdcp\xf9\xc4\x91\x854Mo\xa2\x8e\xe3\x9a\xdd\\\xb8c\xdfV\xef\xe9AH;D\xec+\xe5\x94\xbb\x8cu\x12?\xddg\x1c\x95H\x95M^`\xc8I\xe8&amp;\xf3\xa4\x8d7\xbc\xd2C\xa1x\xd5\xd0\xd9T\xb7\x1c\xb3;d\x05\x075\xaa\x89\xa9\xa54\xfb\x96b\xe7\xe27\xb1\xc9\x11Q\xb6\xbd\'$\xaa\x95\xa9\xca\x984\xe5\xbc\x0bcl\x1f\x0f\xc7ag\x1eG\xfa\xbeZ\x02\'\xf3\x10\xd5z\xae\xc9Vc\x82v\xa3&amp;\xac\xff\x1a|Q\x92tMf\xb0\xed\x19\xc38bF\xc4\xc2MgY$zY\xe6x\x14\nK&lt;\x8c\xc4\xf9\xea\xee\xfa\xaf\xdcu%\xf5\xad\x94\xf6)\x7fC\xb1s+\x06i\xca\x86\xa5\x11\xb5\xd8y\xe9\xa0\xca\x9e\xba\xe5\x963U"\x8a\xf6\x0bK\x8c\r\xb7\xc4\xa9,\x91(\xb4{\xab\xd26\xd3&gt;\x9e|\xc4\xbc\xa5\xb1\xdd\x16\x91\xa9\x95\xdd\x87|\xde\x9e\x1f\xc5\t\xda\x8c\x7f_RT\x14\x9a{W(t\xb4\x1a\xbb\'D%E\x7f9\x16\x98\xb3\xcb%\xb3m\x08-$\xc2Si\\\x92\x97\x18\x18\x9a\x82\x04\x84\xa32\xcd\x04\x00\x90\xb2\x91\xe3\xfc\x96m\t\x93\x97\xba\xd9\x109\xe5\x96\'{\r\xcf\xb7\xf9\xbe$\xee9\x15/\x0f\xcdF\xbe\x1b\x82R\xf2[\xb88\x06\x00h:bg\x084qC\x9ez\xaf\x85\xb2\xb8\xe6\xa3\xde\x0beq\x85,g\x05\x9d`wt\x95\x12\xa0h\x10\xd4\xb0$\xa9\xcd\xf4y\x03\x1f=\x8a)\x94\xa3\xd6$O\xe4DN*v^n7\x0b\xb1\\\x0bQO\xc5E\x0fL\xa1\x88\xfa$o\x10n\r\x1c\xe0\xdb\xc2t\xec\x07\x84\x0c-\x83SD\xb4\xe2-\xe7\x05G\xb2\x8e\xccU\xc7\n\xce\xe6\xac=\xd9l|\x1bV\x92Y\'\xb1\xc1+\x1e\xf8!\xafu\x12.\xa9j\xf7\xdb(N\xf1\xd4\xa2\x05-\xeb\xff \x1fN[D\xe5n+\xad\x13)\x14\xaf2/\xd9\xfc[\xb1\x16Rmd\xa2B\xbdm\x89\xddz\x1e\x01\xa0\xc1\xe0\xb7\x9d\xe8\xa4\x90\xa6t\xdb\xc5\x9e\x9aA\x048\xfb\x0b\x02@\x99vK\xae\xfe\xf5R=\xf0r\x88B.\x0e\x7f\xebR\x90J-\xdf\xf1M\x0f\xa5\xd5\x1f\xb4\xd5Ci\n\x85\x91\x87\xe1\xf0:\x14\xe9\x1b\xe0\xa08\xb20\xd3|\xd4.g\x19\x97|\xf4+\x00\xb8\x1b\xbb0a\x1bo\xeb\x7f\xafP\xecoADw~\xbc\x83\x85\xdbG7~uj\xcc\x17\xb5\xf9\xfc\xb9\xc5\xad\xe8\xf1\xc61\xde\xa9 \xd5\x00\xfb\xae\xa3\xad\xbe\x14\xe9!)\x14\xe1#I\x9d\xd04\xc0\xf2f\x8d\x91\x1cD,\xd5fa\x90\x84\xb7\x9b\xf8\x81\\\xc2&lt;\xce\xe4\x0b~hAu\xc9&amp;Y=\x99\xb2\x9c=Z\x9e&gt;\x93\xd1\x1c\xaba\xc0S\xad\xb2\xca$\xea5\xeb\x843\xe9l=\x8dqV\xc2KPf\x1d\x14\x8a(\x86e\x9d\xf2\xb7\x96 q\xed\xe0\xa8\xe0\xf9H\x0e \x98\xe3l\xdam}\x89V\x0b\xdaN\x90l5i\xbcY\xf1\xf2\x10\xcfo\xd7\xec\xf7~\x00\x00\x80\xa2\x90\xa9\x95\xb7\x92\xed\x903|Esq\xb03\r\x00\xbe\xfc\x1b\x01\xa0\xaf.\xdat\xe4 Fyp\xd7;\xe9#yQ\xa6\xcd\xc1\xc3\xde\xfc\xccY\x89\nEdA\xfc\xda\xb4\x9d\xb0\x0f a\x9c&lt;]\xb7\x7f\x16\xc5\xa6k\xbeE\x1c\x11\xb4\xa5&amp;\x97\xac=\xf1\x02\xd2i\x1b4\xf3\x04\xa9\x9d\x88\x97\xbf\xbb\xe1\xc7\x8d\x96\xad\xbde\xae\x94\xa5\x07{\xabF\x8d\xde\xeb\xecf)\xddv\xb1\xb7:\x04\t\xf6\xbbCm\xbduA.\xf9\xa4\xed&amp;~h82b\xf9\xe7^\xe8`E\xba\xe6\xf4\x1d\x18\xc9*\x94N\xe0y\'/\xd2/f)\x14B&gt;\xba\x19\xf6\'8Y\xb9\x0eKO\xff\x84\xdf\x04\xfd]\x8a\x00\x00zcL\xa9\xb6\x8b\\J&lt;|\xcf\xa2\xd7\x9f\xba\xecP\xce\x99\x12\xff\x0bd\xe4{\xc0H\xd9\xd0\xa1f\x91\x9bs\xe1\\{\xb3\x8cg\xe5\x84\xe89:\x00@\x82\x02=\x9d\n0\xae\xbe\xbblZ:N\xd9O\x7f\xfd\xfc\x8f\xa0\xdcp\xbb\xa3\xde\xd0\xb4\x97\x1c\x1f\xa2j\xc6[\x11\xf9 \xaf\x84\x17\xcdpb\x87\xf92\xb40\xbd\xc6NE\xb9\xe6\xd0\xb7D\r\xd9\xf9\xe1\x1e3\x8f6\x1c\xb2M\x90`\xd9\x81\xdf6\x9d\x91\xb8\xb7\xc9\xeasN\xc4\x05H$6(\r+\xf2\x8a\x15\t\x9e\x12! I\xd1\xbe\xe1VA\x16D\x9c\xba\xe5\x96\xd7M\x9d\xd4N\xad|\r\xa6?\xb0(7l\x9e\xf2\xc8\r!\x8e?\x15\x8aH\xca+6\xa5\xe3\xd0\x94I\xa3b\x97\xe5\x13\xd6]s)\xc4\xdb{\xdel$\xd7}G\x15\xcb-\x92\x99[{\xa8\ta\xd2\xc6\x1b\xe2\x80\x13c\xd7|\xe9y\xa1\x1e"\xff\xeb||\xcb\x98\x92\xd7\xaf%F\xecY\xab\x8fg.=\xbc\xf3yd~\x07Kx+\xaed\xeb\x05\xde\nT(\xa2\x16q&lt;\x912\x7f\xef#\xe3!\x8f&lt;\x04Eer\xcf\xdd\xfd\xd0A67\xab\xb0\x82\x01\xf7\xe2\x0f\x7f\x11\xe7\x8dr\xe3\x83D\x85\xedm\xadv\xc0\xd85_\xf6_p\x06\x00 \x85\xc5r\x80\xc1\x97g\xc9\xd6\x0b\x17}\xf0\xb39\xd9?\x8e\xfb[\x99\xb4\xeeQJ*n\xa3\x0e\xb9\xc8K\xaf(\xaf\xd8\xe8B\x11%HRg\xc6\x8e{\xe6G\x13\x11+u]\xe1\xfd#\x1b\xb3\xa2\xc7\x02\x15zB\xe39\xcb%\x91\xb0*\xfc\xf2\x05[\xa5\xbfm\xa8\x9a?k\xf5\xf1\xf4\xf7u\'\xffq\xa7\x14\x17:\x80c\x90\x8a\x10\x90\xa1\xe2\xa8`\x17\x91\xb0`\xafA\x8b\xcf\x07Ix$|\xfc\x14\xaf(\xae^\xe3\xb4Mm%\x1f\xb8\xf0ld~\xf4W\x1e\xfd\xd3\x139i\xbc\x8f\xcb[D&gt;\xe9\xc0\x85\xe7\xb4\xcf\xfd\x826\x1e\xca\xdf\xf0u\xb0Y\x91\x91\xb8\xf1!c\xd0\xa2s\xfe}P\x0cx\x9a\xb3\x8e\xb3"pdm\'\xa3C\x8f\x992\x81{\xada\x86\x94&amp;\xafm\x85NF\xc7O\x88\xa8\xf9\xfa8\xf33\x02\xd0Cg\x06\xd4%G\xb8\xd4\xd33\x84\n{\x84]\xef\xdf\nEp\x88\x93\xa7\xabL\xf0sO\xda\xce\x04A\x8er\xfa\xea\xb0\xed"\xb2g\xaa\xe3U\xd3&gt;\x92\x9d\xa3\xc1 ~\xfe\x1ee\xda-\xbe\xf04\xf2v\xa7\x10\x11\xe2V\xe5\x9fg\xef\xfb\xfa\xecw\\\xb6\xff\xa9e\x18\x0c\xc9\xb9z\xd6+\x93Q\x98\xc3\x83V\x01\x11\xf7^C\xeds\x8aR\x83\x00\x8a;}y\x8b\xd1b\x05\xe9\x1a\x0e\x16\x99"\n8\xc5\x8e\x90\x08\x00\x10+Wgg2\x15\x8a\xa8\xc4W\xff\xb8\x9a\xc8\xda|N~0\xe1!\xbe\x8a\xec\xab\x7f\x98\xa5\xc4\nf\xd1A\x87aY-\xd1C"4\x1d\xb1S\xbb\xf3\xee\\\x10\xeb\xfcq\x9a\xbcf\xc6\xddx\xfa?\x17\xc2]\xc2v\x99)I\xbc\xfc\xdd\x1d\xe4*\xda|\xae\x9bB\x11q\xeb\x05\xac\xd1\x8b\xb9C\x06$\x1dc\xc9\x11\x18\xb2\x87f\x8e\xfa\x8d\x9d\xdf\x05\xbb\x08\x00\x18\xb2\xf4b\x08JQ(BN\xa6V\xf4[\xba\xff\x0e\xf7\x8d\xed0\xf9c;r\xe3G\xe6\tg\x87$\xac\x19\x92b\ny #i=\xaf\xee\x7f\x9f9\x9f\xc8$;\xfa\xbdTqC\x97}\xeaN\x9d\xf0\xe0o\xcc\x9c\xfc4q\xf2tm=n\xaf\xe7*\xc9`x\x06&amp;m\xbc\xe1\x95\xa8\xe0\xf1\x12\xd6\x1b\n\x85\x00D\xec:\xfd\x10\xf9\xdc{\xb6\xce\xfd\xec\xb6\x8b^\xbe\x0cu\x07l\xb6\x1f#\xd6\x05\xbe\xc5\xa4\xd2\xa1+1\x988\xb5\x8e\xb6\x0e\xdew\xc3\xf3*\xcf\xe8v\xb8\x94\xc7\xf2=%\xb2\xc5\xe25\xb4@\xe9*\x8c\xb4\xdc2\xf7\x1c\x11 \x89\xf9\xf8\x89\x87\x9a\xa8\xdc\x97\xff4\xfe\xca#W\\\x96\x0f\xd25p\xd1\xb9\xba\x036\x03$\x82\xb8U\x00\xe0Y\xd0\x9aI\xeb\x06\xd8\xe4\x93R\xa1x9\xc9Y{\xb2\x87\xd2\x1c\xf5m\x9d\xbbil=\xee}\x00(\xd9z\xe1\xe9\x9f\xa2h\x9f:\x85\xfb\xd1\xc0\xd6\x0b"\t\x88\xd8t\xc4\xbb\xf2\xa5l8\xfd\xdf\xdb\x17e&amp;6\x8bA\x9c\xca\xd4\xd7\xc2\x92\xf2m\xe3\xd4\xef\xe3\xc4\r\xd7S\x95\x19"\x9f\xfe/\xc3%gn\xe3\xac\\\x00h1\xdan\x14,\xee\x04\xb5\xe6\x0cY\xa6\x1d\x1d\xb3\xfa\x0b\xd3\xb1\xd4v\xfbFy\xebO\x17\x85\xd9HP\xc3|,g\xed)\xb6\x8a\x00\x80\x96c\xf6\xd8\xcd\xe2\x005\xd4V\x84\x19\xde.\x8b =\x9a\x88hw\x05\xee%xI\x10\xf1\xe8\xf7\x98\xae\xc2\x08\x1by\x92\xd5\x9b\xb2\xf9f\xcd\xde\xeb\xa5.\x9fU\xebq0n\xfb\x9e\xba\xe5\x96\r\xad\x00\xc0\xf7\x8b\x88\x8d\x89\x8cL\xdbz\xdbn)RP\x16gvA\xc4\xee3\x8e\xd8J\xef\xb8\xac`p\xe8[\x04\xc8\xfb\x08\xb1\xe5\x98\xdd\xd3\xb6\xde.\xd1j\xeb\x15+\xe2\x00\x00 \x00IDAT&gt;3\xd9\xfaS\xff\xba/\x8b\xb5\x96l\xeaQ\x89L\xde\xd82]\xe9\xe4\ri\xce\xfe,P\xc3\x1b\x1f\t\n\x85wdm\xeb&amp;w\x18\xdf\xba\x85,\xaf\x08&amp;J:\x90&lt;z\xd5U\xe1\xf9R\xac\x857\xc3\x98&amp;o\xb7\xd7\xa9\xc6 aM\x9bV9\xce\xc3I\xd9\xfdEN\xfe\x88o\x1e|\xe6\xb8\xb8\xa8K\xec\xdc]\xf8\'c8\x0bp\xe4\x06\xff\x0f\xc7\xf6\xdb\xea?\x1b\xf1O\x90\xed\xb0\x12\x17\xe9\x13&lt;\xe1\xa1\x19\x07\x9bIQrPX\xcaU(\xbc\xc1\xf6;/m\xe5\xeb\x05\\W\xcf\x88X\xa9\xcb\nyA\xdaN\x89\xd4e\xd8A\x17\x10\x914\xea\xda\r\x89(\xd6\x0f\x18\xb60\xc5C`Jz\xe61\xe3G\xb1\xfc\xa5\xa4\x7f\xca\xa0\xc4\x94\x8c\x12 "\xa4n"N\xe3`\xc5\x94i\xc4\x9e\xb8p\x1f\x00\xf8\xf8\x96\xb1Y\x1d\xb9\xe2\xb2Q%\x0e\xd5{\xae!g\xc5\xfe4"\xc7\x08U\xa1P\x04\x0f\x86\xbb\xca\x82\xc1(g\xd6\xbb\xdf\x07C\xac%\xa5\xdb\xf9\xc2\xeai\xd5Y\xee\xbaSAW\xbbe\x01[\x95]\xa6V\x00\xf0\x93/=\xc3\xba*\x7f\xc3\xd7\xc5\xd2$\xca\x8a/\xabL\xa4#\x91\xef\x7f\xf2\x06f\x83#;DX\xa6\xf8\xd7\xfb\xf6\xc9X\xa8\xf8\x97:C\xcd\x9d\xae:\xf6g\x97\xd7\x0e\xd2g\xe3\xe7w\xbb\xe1\xbeL\xfb%\x16)2\xb48\x15j\xd3\x8a\xf4\x1eu\x0bRd\xae:N\xfb\x12b\x171\n\xc5\xcbM\x82p+\x10\xa0\xc9\xf0w\xf8\'K6\x1a\xba\xdd\xd6NMD,\xd3n1\xa4l\x187_7Q:\xaf\xf7J\x9d\x7f\xc27\xba\t\x0e\xd5z\xaeI^b\xa0\xdde\xc5f#\xde\xd5}g/\x8d\'\xb4\x94\xa3m\x04\xa0\xad\x96\x82z\xf9\xb7\x11#\x9bW\x13\xff\x93\xc9\xed\x10\x0b\x1e]\x07\xf7j\xc0\x82\xb3\xfa\x03\x89\xd8\xe9\x14\nE\xa4&amp;q-\x0f\x85\x95\xeb\xb0\x94|(\xd6r\x1es\x9e\xf9m\xc66\xad|\x00\xc0\xd9\xf7\x99\xd8\xd0\x00\xd8XmJP\x03\x115W\xfeY\xaa\x8d\xcfTe\x0c3a\x14\x9e&lt;\x8cV.\xdc\x1a\x04(\xd9z!\xfdu\xc6\x8e{\xf6\xf2\xa7o\xee\xaa\xf8\x8c\xad\x9c\xe53\xfc\xfa\x82\x87!m\xf9\xe1\xe2-j3\xdf\xb9\xefL\x071\xf9\x1b\xce0;\xe9t\xe74\xc6+\x8a\xe8\xbf\xaaN\x80"\xf21e\xf3M\xbbY*w\xd5\x05\xc2\x9b\xbb\xe7G\xef\xd4\x89\xd4h\xb561\xd2q\xd34\xfe\xc2\n\x98\xe1XZ\x14e\xe7\xe5\xd0\\\xb2=\x1bo\xd7\x18\xadm\xa3g\xef\x10\xbc\xc2J\xb5Y\xe4\x89\x9cP&gt;~\x7fyaJ\xc6\x94\xa0\x7f\xad\\yXS(\\\x13\xa3\x02\xf9_\xbc\xd5|\x00x\xec\xe1&amp;\xa5\x14\r\xc2\xdb`l&gt;\x1b\x06?&gt;\x85\x9a\xcc\xf2}JZ\xcf\xfb\x92&lt;uG\x10BWM\xf9BUPH\xd9|\xceq#\x11\x89\x16M\xec\x90\xdfx\xc0\x14\xa3\xe2\x05\xff\x86l\xfb\xd4\xfa^\xbd\xf6\xf6\x1d\xfbZ)\x14Q\x96`\xb7\x91\x15\xbb,\x0f\xaa|\xdbD\x8fDs\x9eA\xa5\x97\xde\xc1Yd&amp;r\x8e\xec\x11q\xca\xa6\x9b\xf1\xf3\xf7(\xd2|\x0e\xe3t\xe66\x02\x1f\xae&lt;\xe2\xe6\xeb\xc6\xbdX\xb9\xd9\xf8\xfa\x83\xb6\xda-\xd4\x01$\xf8\x95\x04\xd9\xb2V\x9f\xe0a\xb9\x88\xe8&gt;@\x85y\xea\x88A\xaa\xc6.KQ(&lt; \x92\xd5}\xd1\xbf\xb3c\xa0d\x95$\x9b\xb5\x94d\xf5\x99\x87\x9b\x8e\xd8)\xa9FH`VI\xb4\xe9rQ\x80\x98i\xca\r\xa3\x8e\xa4\r\xaeF&amp;&gt;\xfc&amp;R=Hn\xc9\xd7\xe0u\xdd\x86\xd7\x94\x8dLIJ\x01x0\'\xf1\x07"q\xdf\x16Bb\x03\t\x89fB{\xa7$M\x05\xa5#\xf8fwP\xcf\x90\x10Uy\xebO\x0f\x1c\xb2i\xa37y\xd37\xbeO1\xca\x0b\x13*\x14\xa1\xe5\xf2\x9f\xe4\x05+\x13nE\x82I\xec\xca\xe6c\x88x\xe8\xdb@] \xed\x17W\xca#\xbf\xbf\x96\xc9\x1f\xbc\xb8\xbc\xa6\xb2\x02_\xe7\xecz`K\xc2\x7f\x1e\xf7\xbd^\xceyf\x1e\x01\xab\xa2\x08\xf3\xce:\x1b8\xde\x96m\x99\xf1\x1e+A\x85\xceo\xf9\x1aW\xd3\x86@}\xa3\x1b\x8fY\xa2\xa1\xd0b-\xe6\xf1N\xd1\xcc\xdd\xfd\xd0t6\x95Xy\x8d\x8d\xa7\xff\x93\x0fC\x1e7\xafp\xb3\x80.\xa9\xa8-o;\xe1\x03Y9\n\x85c"\xd9\xf074XoJq\x0c\xa9\x86.=\x17\xee\xe6\xf49\xc7(*\x88\x1e/\xe0\x7f6\xc7(l\x8c\x81\x13\x14\xa1c\xdd\'\x7f\x0b\xce&amp;,\xd8\x0b\x00\xca\xf8w\x93\xc7\xc9\xd3\x95\xf7+_\xfc\x8d\xede\xa5\xff\xfc\xd3\xd9jL\x00\xe1\xdb\x8d\x88\xe6\x17\xc1\xd2{("\xc6\xc8\xd9\x91\x11[%c\xab\xf7\xbfFa\x0f,z\xbb\x89\x1f\xde\x8d\x1c\xb5\r"\xf6x\xe3X\xb8\xb5P(\x9c\x13\xadx\xab\xf9\xde4\xde\x19Zz \x04\xe0\xcf\xd0\xbe\xdb\xfbo#\x00l9\xcf(\xb4p\xd3\xd9\xc1\xdb\xcc\x80\x88\x90\xa2!\x00t\x9a\xba?HE\x84\x8c\x88\xa2\xfd\x12\x17\xee\x93\xa7\xde4\x88S\xc5|\xb6\xe7\xac\xe3!\xd7\xc865z\xad\x93L\xf9\xab\xf4\xf3\x19+WgD\x1c\xbb\xe6Ka\xaa\xa2\xbaoi\x9b\x01@\xdar\xc3\x111C\xc5Q\xe4\xc5&lt;\xf6\x83\x83\xfeY\n\xc19_\x87\x8f1\x15\xefA\x10\xe2\x95G\xff$\x1f~C\xd4b\xb1\x14\xe78\xbb\xa6(\xe2\xa6P\x85"\xb2P\xd6\xbf\xf9\x95F\xf0R\r]z\x11\xa0\x98\xf6\xf5\xf3?\x1c\xbf~\xdc\x98k\x87\xefa\x92"}%\xa5\x84}(\xaf\xb9\xa8\xf4\x04\xca\x8b\xd64\xbb\x97V\xab\xef\x06\x0f5\t\t\xd1\r\xdf\x111\xa2h?\xc3\xc1\xba\x036{X\xa4|H&gt;y\xc4\xfb\x86\xefxa\xdc\x80\x88i\xca\r\xaf\xd6c\x8d\xf9x\xf4\xec\x1d2W\x1d\x0b\x10\x88\xdad\xd7?\x9a\xd8\xbb5IO\xc6\xd6\x06\x8a4c\x18\xa9\xc5\xc9\xd3\x05\x00\xce\xfe\x12(\xe5\xca\x9f\xc8\xb3\x91^\xf2\xd1\xafS6\xdf\xec9\xeb8\xe9_\xf2\xf06\xb0\xf4\xeb\xdb\xbf\x15\x9d6\x19x+\x14A\x849A4w\xf7C\xf2!I\xd1\xbe\x13\xd6\x7f\xed]iQ\xd7\xf7\xa1\x81D\x10\xbd\\\xb2\xe2\x03\\\xcb\xc9\xc29\x1e\r \xf7\xe2\x8f~\xb1\xcc\xff\xd4\xff\xf3M\xde\xf4M\x82\x02=]\xeb\xe31v\xbb\x11o\x1d\xfa=H\x9a\xb8#\t$7Z\xed!\xa2\x03/\x98\x03\x16\x9c\xb1uOz\xcc&lt;fK\xbe\x8cp[vs\xb4@\x99\xcd\xd9\xf4\xb0x\xb8?\x84\xa23\x0eXX\x9b\'\xb1#\xccVb\x85"8 \xe2\xfa\x93\xff\x04\xbe\xc7\xaa\xf4\xe93\xf2\x94\xb3c\xf1\xdeC\x84\x98\x15\x98\xa7\x0e}\x8b6l\x1f\x9c\xe3vs\x82$Au\x89\x10&lt;\xe2\xe5\xeb\x1e\xf6i\x80(J\xee\xba\xd3\xe4\x13_7\xddd\x0f\x87\xe6e\xda/i4t\xbb\xe1\xe0\xf7\x88\xac\xe0Z\x16\xac\xa3\xdfnOY\xb0\xef1\x00\x00d\x17\'C\xc4\'\xfe(\xc2\x9e?\x99D`\xff\xf9\xa7\xbd\x15\xabP\x84\x0c\x83\tF\xba\x90\x15\\\xbd\xa7q\x02MH&gt;\x80\xdc`\xe1c9*\xc1\x0c\xc7\x1b3gG\x81\x07\x83\xd0\x12\xf5\xbc\xf1u\x98\xfc\x91\xefS\x0cv\x1f\x11\x00\x10q\xdc\xda\xaf\x04B\xb4F"\x7f#\xab8\x83N\x02y\x99\x97W\xcb\x9a\x13}\xf1B\xf7\x0c|t\x13!Q-\xf9\xd6\x8b\xb9\x0e\xd2u\xfa!\xc9\xecf\x10\x11\xa0h\xcaR\x83\r\xc7\x0f\xdf\xc3FCwH\nIUz\x08yy=n\x89\x937\xf0}\xd0;B\'\xeeZUgT\x1158#\nO\x1d\x14\x10q\xd4\xca+!.4\xf20\xcf\xec\x953K\x1b\xcb\\\x96\xe3rg5\xce\x91\xfb\x91\xb1\x9e"\x01\xf8B\x8eE&lt;\xe6\x0fn\x04\xe5^\x15o5\x9fi\x86\xe6\x80\xb4\xe5\x86\xb3\x0e\xb3\xe7\xb4&lt;a\xf9\xe1\xe7\x92\xcdjdj\x11\xb3\x84[\x01\xc5\xabK1\xeb$\x00\x00\xc9C\xe3p\'\xaa\xd0f\xc2\xbe\xe0\x17R\x92\xfc\xdb\x17\x9c\x8a\x9eI\xc0q&amp;\x8b\xd6\xe3\xf6\x02\xa4\xf1\xa4\xa0\xac\xd5\xc7\x17l\xfc\x86\xdd\\\x8f\xfds\x98\x9e\xe8@\x98\xb8\xe1:\xf3\xb8\xa0/\x12/_w\x00\x80\x18\x15\xb4m\xaf&lt;\x98\x86\xf1b\xdc\x04\xf8\xf37~A\t\xcc\\\xaa\xcdB\x19\x05\x96\x1f~.\x13\xd9\xda\xf2G\x14\xaf+\x93+\xfdI\xeeI\xd8q\t!\xa2.\xe7db\x19\t\nEP\x90\x1fzZ\x19\xf2\xe4p\xafLT\xa7T[o|\xdc\x1b@\xc4\xb3\xbf`\xa8\xdc\x05\xcb\xfaC\x082\xa5\xf9\xa7\x92\x87H\x85d\xb2\xbe\xbb\x8d1\x10#\x13\x88\xd8f\xbc\xd9\xafV\x01\xcb%[3\xc4\x11\x95\x81A\x8b\xcee\xa84\x9a.\x8e\xb9\xa4\xc2\xd3\x8d\xfaf#\n\xf8\xd6\x0bN\xe6\xae\x99Y*uY\x11\x99\xc6\xe2\x8aW\x9e|\r\xa6\xfb\xfb\xd1)\r\xa7\xc6\xaf\xbb\xc6[\xe9\xa1\xc2\x96\x05c\xf18C\x10d\x02\xd3\xb9\x8fk\x92\x02D\xf4\x9f\x7fF\x1c\xe5\xcd.\xed&amp;~\x90\xba\xcc\xd0\xf0\xb7\x8eq\xaa\x80a\xce&lt;\xa3\xe3}\xdby\x1c\x8c\x80]\x13\x01\xe9[\x84\xbc\xd0H\xc4\xb9_Ic\x93\x11lO$p\xf7)\x1c\xbc\xeb\xa4\x01\xb3\x9c\xa9v\xb6\xf3\xbbH\xb3\xd9\x96i\xfeV-\xae"r\x82z\xa83\xc9\xc9\x11\xde\x94Z\xc7)\x1f;.\xb4\xc1\xe0\xb7\xb5\xcfu\xfao\x92\xcf8}\xdb]\xc7\x85\x06\x81$\xda\x1dCD\x86\xef\xe5x\xd5\xe8o\xd5{\xae\x15\t\x8bY\xc1p+,6)z\x84\xa5\xf3#\x00p\xd8qId\x0c\xd2lil,\xde\x87jA\xcc\x8a\xbc\xb9\xe5Pr\xec{7u}qHRG\xdeR\xc9l\x1b\xe5\x1eD\xfc\x0fQ\xdc\xabF\xc4\xe9\xdb\xee\xa6);L\x90\xc6L\xc6\xca\xa3\x05\xd7\xf5\xbd\x9362Y\xbb\x89\xcaa\xa4"Jap\x17L\xde\xf6\x14\xa5\x06]\xf9\x1f\x02\x14\xa7O\rYz\x91\xfaV@R~\xfc\x02=\xcc\x07=\x98\xf3\x89_\xbdFoY\xafC\xf6\xd0\x9bP\xda\xc9X\xc3\xdeu\xa5\x14y\x18\x00\x80\xa4\xc5\xfa\x9b\x0f:XS\x8c\xaa\xc4\xaad\xeasD\x03\x80\x06\x83\xdf\xbe\xf6\xaf\xf7\xfbX"\x1bC\x97}:h\xf1yD\x04\xc8e\x99\xd8\xffT$\x06\x80\x1b\xba^\xa0\x05\xb9\xebN\x15\x9cMW~\x04"f\xaf1Q,\xe4\t\xa3\xbf.A\xb4r\xfc,\x1e\xef\xcd5\x14\xa4\xf9\xf5\x94\xd1\xf9\xf6\xcb\xfe\xa4)"\x05\xf6\xe2\x9cS\xbb;\xb6^\x10e&lt;\xfd\x98qV\xdf\x96\xdb\xe6\xcd\x83\xcf\x10\xb1\xf1\xb0\xa0lC\no\xcd^\xa0\xf1LW\xf9\xd35\xe7\x9d\t\xf6uu\x9av\xc0p$W\x9d)^\tG!^\x95\xc2&amp;S+\xb3\x93\xac8y\xb9\x0e\x99]R\xa8\x89\xedi\xf9\xdf97!^&gt;\xdf^|\x81\xaa%Z/\x10\x0b\xe7\x85\x03\xa7i7\xf1C\xd9\x1f\x82\xdf\xbb-\xd8x\xa6\xb6jC\x86\xd4\xd2\x81\x95,\x88\x9f\xdf8\x06HSn8#\x92\xb1\x107{\xb7\x14\nk\x10\xb1d\xeb\x85a)7\xf4\x85*\xe4(\xe1\xe6\xd7\xb1\x95\xb7\xcdx\xaeU9\xaf\xdd\xddr\x1e\xc9P\xd8W\xfb\xc7\xaf&gt;`\xc1\x19s\xf6D\x85=\xf01i0\xeb\rF\x0f\xc0\x81o\rI*t~K\xfb\xaci\x9b\xbb\xee4bV\xb9\xec\xc0o\xe2\xec2\x17\x88\x88o\x1e\xb4\x90\x03\x00I\x8b\xf7\xef3\xf7$\xfb\\\xa2\x9a\x00\xb1\x00\xa0L\xbb%\x07\xefbP\xc7\x9d\x05\x1a\xcd\xdcw]\'\x1f\x11\xcb\xb6_Zo\xe0\x16A.\xff\xf2\xb9B\xe1)\x88\xf8\xd9\xb3\xb0=[\x91\xa7\x01\xbei\x11+\xc6\x06m\xfd\x9b\x94h\'\xbd\x94\x10fX\xe2\xa4\x000t\xe9ED|\xff\xeb\xe0\xdd\x93\xcc\xb6R[]xn\xc8\xd8\x8a\xfe\x9e\xb5\xfaxF\xaa\xd8\x0e\xfcT\x04\x140\xd3l\xe4\xbb\xb4=\xdaCS\x82\x93?\xb2\xd5\xf6\xf9F\x06\x00\x88\xb7\xe6\xc4_\xcf\x1cY\xd2\xd2\xf7\xa4\xc9\xf0w\xb4\xaf\xa1Y\xa4OUz\x88\x8b\xdc%}\x1b\xa8\xfc\xcc\xd8q\x8f\xf9\x13\x93\xcb$\x81\x98z\xce:nil\x81\x88\xd7\xfe\xf5\xe6\xa1\xfd\xd1\xa7\x8f(\x0e\x84\x8f\xacm=)\x11\x00\x10\xb1N?\x1b\xd6\'\n\x85g0\xdf@qtnO)\x84\x88\x03\x16\x9e\x05H\x96\xa5\xea8\x0f\xe5\xdav\xee\xc1\xf1\xac\t\x00A3\xc3\x06\x00X\xba\xff\xa9\xad\xf4\xae-M\xec\xb4\xc1\xa9\x1b[&amp;\x89\x9d\xbb\x0b\xfb\x84\x13\xffP:\xd3\xf1\x15G\xfe0\xb4\xac\x15:\xbd\xc9\xcc\x96\xbd\xe6D\xdd\x90\x94S5[\xce\xb8\x8a\xa9\xddw#\xf3\x15H^b\xa0\x1b\xb1\x8en\x14\x03\xe6r\x0f\x13}|\x0ec\xe8\x0b\x00@\xc41\xab\xae\xca\x17\x9d\xd9\xd37\xd7\x16\x9f\xfbb}\x06B"\n\xaa)\xc4\x90m\xe7S(\xe4\xa0\x9f\xd7&lt;\xf5\xb8\x86\xa9\x89\x0b\xf7\xf97\xd2\x8cVe@*\xc6\xf8\xa63!\xd6&lt;\x88\xce\x86\xcc\xa4\xaf8\xd2\x0b1\xc6]g\xe1%E\xa9A\xe6\xb1\xaf \xbd\xe7s\xc2\x06Z\x8f\xdb\x8b\x88S6\xdfd\x9d\xb4\xbd\xa7\xd6-\xac\xa8\x9dG\xbf\x93\xb8p+\xd3?1\x83\x16\x9f\xf7E$Ke\xdd33\x92\xa0\x86\x9b\xa2i\xca\xb6_\xf2\x89\x7f\x92\x83\xf5s\x0b|kX\xfbU\xf5GXJ\xedH5\x85\xc2&amp;\xf3\xf6\xfc</t>
        </is>
      </c>
      <c r="E667" t="inlineStr">
        <is>
          <t>&lt;class 'numpy.ndarray'&gt;</t>
        </is>
      </c>
    </row>
    <row r="668">
      <c r="A668" s="1" t="n">
        <v>666</v>
      </c>
      <c r="B668" t="inlineStr">
        <is>
          <t>steps_per_sec</t>
        </is>
      </c>
      <c r="C668" t="n">
        <v>9600</v>
      </c>
      <c r="D668" t="inlineStr">
        <is>
          <t>5.3287845</t>
        </is>
      </c>
      <c r="E668" t="inlineStr">
        <is>
          <t>&lt;class 'numpy.ndarray'&gt;</t>
        </is>
      </c>
    </row>
    <row r="669">
      <c r="A669" s="1" t="n">
        <v>667</v>
      </c>
      <c r="B669" t="inlineStr">
        <is>
          <t>Loss/localization_loss</t>
        </is>
      </c>
      <c r="C669" t="n">
        <v>9600</v>
      </c>
      <c r="D669" t="inlineStr">
        <is>
          <t>0.054337807</t>
        </is>
      </c>
      <c r="E669" t="inlineStr">
        <is>
          <t>&lt;class 'numpy.ndarray'&gt;</t>
        </is>
      </c>
    </row>
    <row r="670">
      <c r="A670" s="1" t="n">
        <v>668</v>
      </c>
      <c r="B670" t="inlineStr">
        <is>
          <t>Loss/classification_loss</t>
        </is>
      </c>
      <c r="C670" t="n">
        <v>9600</v>
      </c>
      <c r="D670" t="inlineStr">
        <is>
          <t>0.39837763</t>
        </is>
      </c>
      <c r="E670" t="inlineStr">
        <is>
          <t>&lt;class 'numpy.ndarray'&gt;</t>
        </is>
      </c>
    </row>
    <row r="671">
      <c r="A671" s="1" t="n">
        <v>669</v>
      </c>
      <c r="B671" t="inlineStr">
        <is>
          <t>Loss/regularization_loss</t>
        </is>
      </c>
      <c r="C671" t="n">
        <v>9600</v>
      </c>
      <c r="D671" t="inlineStr">
        <is>
          <t>0.039000694</t>
        </is>
      </c>
      <c r="E671" t="inlineStr">
        <is>
          <t>&lt;class 'numpy.ndarray'&gt;</t>
        </is>
      </c>
    </row>
    <row r="672">
      <c r="A672" s="1" t="n">
        <v>670</v>
      </c>
      <c r="B672" t="inlineStr">
        <is>
          <t>Loss/total_loss</t>
        </is>
      </c>
      <c r="C672" t="n">
        <v>9600</v>
      </c>
      <c r="D672" t="inlineStr">
        <is>
          <t>0.49171612</t>
        </is>
      </c>
      <c r="E672" t="inlineStr">
        <is>
          <t>&lt;class 'numpy.ndarray'&gt;</t>
        </is>
      </c>
    </row>
    <row r="673">
      <c r="A673" s="1" t="n">
        <v>671</v>
      </c>
      <c r="B673" t="inlineStr">
        <is>
          <t>learning_rate</t>
        </is>
      </c>
      <c r="C673" t="n">
        <v>9600</v>
      </c>
      <c r="D673" t="inlineStr">
        <is>
          <t>0.07988763</t>
        </is>
      </c>
      <c r="E673" t="inlineStr">
        <is>
          <t>&lt;class 'numpy.ndarray'&gt;</t>
        </is>
      </c>
    </row>
    <row r="674">
      <c r="A674" s="1" t="n">
        <v>672</v>
      </c>
      <c r="B674" t="inlineStr">
        <is>
          <t>train_input_images</t>
        </is>
      </c>
      <c r="C674" t="n">
        <v>9600</v>
      </c>
      <c r="D674" t="inlineStr">
        <is>
          <t>[b'640' b'640'
 b'\x89PNG\r\n\x1a\n\x00\x00\x00\rIHDR\x00\x00\x02\x80\x00\x00\x02\x80\x08\x02\x00\x00\x00\x83\xaf^t\x00\x00 \x00IDATx\x9c\xec\x9dg@\x14W\x17\x86\x8f\xa0\x80\x08\x82\x88 \n\x82"\n\xa2\x88\x82`\x05\xec\x88\x1d\xbb\xd8\x0b\xf6\xde{\xef\xbd\xf7\xde\xbb\xb1\xf7\xde{\x8b%j\xd4D\x8d\xb1\x9b\x18\xa3&amp;\xf1\xfd~\xcc\xee2\xbb;}f\x97%_\x9e?\xca\x94;w\xa7\xdcr\xee9\xef!\xb2\n\x00\x00X\xe7Z\xd6\xe7\x1e@\x14\xcc\xb9k\xe4\xda\x1f\xd9\x7f\xee{\x08\xa2\xfcV\xa9T\x9a!}\xbef^\xd1\xddS\xbb\x16)l\xbb\x85c\xcfA\xe4\xae]\x91v\x00\x9e\x03\xd1\x8dfjWf*\xf3\x01\xf8\xe7\xdf\xfbE[\x82\xb3o@\x14&amp;\xfd\xf8\xa6#\xf6\xe7\xa90\x98{_@\xc3.3\xce\xf3\x9e\x99\xae$\xa5+\xc9_\xb0\xbf\xbe5..\xbd2\xff\n\xdc\xb5*(\xb4\xfaX\xad\x8a\x12\xa0\x98\xfe?^jJ\x89\xa8?u\xd59\xa4\xa5\x0e\xd8\'\x91gGn\xbe3~\x02b[-\xe4\xdc\x95\xa9P[\xb2/-x\xbdb\x82{\xff\xc3\x9a\x84\xff \xf1-\rhD\x94Sz\xb9\x00\xae~\x04Q\x84\xc2z\xd9\x1ei\xe9\x8b\xb6\t\xec\xb7\xde\xb4\xca\xedr\x8b\x17=$\xbe\xe3J\xa2\x00\xcbW\xe5_\xcb\xa9_\xd1w\xe1\r\xab]\xceG\xe5\xf9\xc1\t#m\xecs\xcd \xb0\xcf)\xa4e\x83\x81;\xcc\xb7[\xe9\xfbQH\x00\x91gj\xd7!\xad\x93c\xea\x8e\x97\x8d\x06\xef\xb2L\xe1\xa1\x96)6uh:|\x1f\x80\xf1\x9b\x9fZ\xa4\xf4\xcc\x95\xb4.\xd1\x8d\xc8[\xeb2m\x05\x9f\x92\xbd\xdc\x8bvL\xedZ\xfc\x7f\xd1d\xd8^"\xbf\xd4\xae\x05\x83\xb4\xaf\xe5\xe8S4\x19\xb6W\x8b\xeb\t\xf5\x9d\xda\x91\xc3lK:\xa2\x82V\xb9\xb4lT\x8fl\xd2kS\x8f4\x8f\xfb\xed\xbfmy\x8ce\x0b\x84\x10\xf9\x12\x053\xe3\xe9\xc8\xfa\xd3\xe4\x97\xe0 v@\x86"u&amp;\x13\x11Q6\xf9\x85\xf3\x92.0I\xc3\xd2,\x0f\xaf\xb1\xcd\x9c+\x1f\x11\xdfq\x15\x91\x87\xe5j\xf3\x1f\xb6\x8b{\xd1\x8e\xc3W?\xb0\xce\xb5\x1c\xf27/\xdbf19\xc5i[\xacSH+\xbe\xd7w\xc5\x99o|\xb6\xe5\x7f\x1d.\xa9]\x01!\x82*\x0f#\x8aL\xedZ\xfc\x87\x8eso1\xef\xd0G\xcb\x94]d\xcf\x03\x8d\x87ACV\xdc\xfb 4H\r\xd0\xf6rZ#:w\xf7%\xca\xfe\xdf0\xfa?,\x8fK\x05r\xaf\xa2y\xa9\x00x\x86\x9c\x9e\xe4\\\xbe\xc1\xc0\x1d_\x81\xd8\x96\x0b4\xbf\xee\x7f\xc8!*\xb5+\xf0\x1f\x1a\xb3\xe0\xc8\xa7\x9ce\xfa\x9am\xce\xd2~\xd2I\x8d\xaf\xe4[\x97\x02\x1ai\\\xa6\x95\xf0p\rK\x96z\xac\x90\xe3\x95\xf5\xb1\x8e\xa9\xf2?\xfe\x05\x888I\x11\x00\x9br\xd3\xb5\x169\x89\x8a\xa4v\x1dl\x0b\xa9.Z\xff!F\xd2\xb0\xbd\x00\x8e\xfc\x9cz\xf7\xd3!\xc6t\x8bs\xf9\xd4\xa8\x87f\x14\xac1\x8e\xa8\x84\xcd\xf4|j=\x87\xfeC[\xa2S\xbb\x02*\tH\xed\nX\x13\xf7j]\xd7\x91[&lt;\xf9\xd5\x17:*w\x1a\x9dU(\xc4\xc6\x1c\t\xd30\x0e\xc1-~\x06\x00\x04V\x1c\x92\xdaua\x08$"Yn\xed6\x88Cp\x0b\xa2|\xe4V9\xb5+b]&lt;\xab\x95O^J9\xeb\xa6v=8\xd1.\xd0+W\xdc\x00\xfdkj1\\+Z\xb6\xfc\xb4\x8a\xa4\xb5O\xc7\x90\x96\x9a^\xd4\x95\\\xf9\xdd\xeb2\xc4\x90S\x9c%\x96\x03R\x0f{\xd1#\x92\x86\xee\xd5\xb0\x03\x9e\xb1\xfb\x8dVE\xa59\xaav]\x0b\xe0\xc2{\x1b\x19\xcd\x84\xe9\xfd+e-\xa3f&amp;r\xb4Hu\x14\x93\xb1\x1c\x91\x0fQ\x89\xd4\xae\x87\x95\xc9(\xed\xb0\x7fO\x04`\xda\x82y&lt;\xfe\x99\xc3\xdb\xa7Z\x152[pLz\xe5\xf7\xff\xa6e\xd6\xa4\x906\xc5d\xab\xd1|\xe4\x01m\x8aJ\x93\xd8\xd9\xe4K\xebed\xa8\x93a\x91Ng\x81\xca(#w\x96\x88N\xd5\xba\xadK\xedj\xd8&lt;\x19\xcc\x16 \xfe\xe3_J\x86E\xc7&gt;[\xac\xf0\xf4z\xbb\xa8\xc4a\xe0\x7f\xfcGj\xe1\x94\xda\x15\x10\'[T7\xf2\xaa\xc1\xfc\xbf\xd7\xdc\xab\xb3\xf7\xbdO\xd5\xea(\xc0\x89\xdc\xe3\xc9\xaeTjW#-\x921\xae\xd5"\xab_\xd4F\x16\xec\x89\x88\x9c\xb5+\xca\xa6LC&gt;%\x9b\xcc\xb1\\\xe9\x1e\x91\x9d\x01\x10\xd9\x9dx!}J\x11d\xb9\xfa\xfc\xc7\x7f\xf0\x90Z^9\x05\x8c\xff\x0c\x11&gt;\xba\xf5\xd8#\xcc\x7f\xd6^L{\xb6\xa5\xcc\x85\xdb\x0b\x7f\xdd\xbf\x03CV\xdc\x8b\xa875&lt;q\x92\xb6W\xf6\x8d\xe9K\x94]\xca\xa1\xa1\xd5\xc7\x92c\x9c\xa6W\xd7\x84\x1c\x00\xf8\xe2\xd4\x93\x86\xeei9\xe6\xb0\xca\x0b\x98\xc8\x12\xa7i\xec4(C{\xc1\x1d\x0e,\xa6\xac\xa4\x98\x02U:\xad^p\xe4SjW\xe3?\x94\x90\xbdd\xcf\xd4\xaeBZ\'\x8f\xb4\xc3r]\xfb\x84\x1f%u\xc0aIC5\x91\x18\xb2\x065{n\xa4\xf4e\xb4\x159\x91O8\x11\x11yw\x9ev\xb6\xcd\xb8\xa3\xa9Z\x13\x13L\xe4\xea\n\xe4,\xdd\xc7&gt;o\x13\xb2+\xa5\xde\x01s\xcb\x8d\xb47\x9e\x93\x8b\xb9|\x95\x10g\xdf\xa0J\xa7\xd5\x16\xaaJ\n^5-~\t\xd9\x14%\xca\x92\xdau\xf8\x8f\xff\xb0\x0eaY#\xbb\xc8?+\x93\xc4\xe3\xbc\xa2\xbb?\xf8\xb77\xac\x16\xc25\xac]\xbfE7\xc9-^\x82&gt;Zj\x90\xbb\xf1g\x18a\x9f\xb7\x89\xf2\xd2\xb2\xd5H\xe8\xb2F\xbb\xca9\xc6\x9amb\xbf\xb2\xb6\xefr\x16\xbe\xf8\xf8\x97T\xbc|\xe1\xda\x13\xc8\xe5\xff\xd8\xeb[8\xc0\xe9_\x8fw-\xb2\xb3)\xd9\x84\x7f3\xa5\x9b\xcd\xb3`\xe9\x01\x8d\xfa-\xba\xc9\xb3\xaf\x10\x00\xca\x92`\xc1\xab\xdb&gt;\xee\xe2\xc9!\x94ca_\xaa\xbfX\xbd\xef\x8d\xcf\xb6=\xccJ\x9ep\x9cq\xf7\xcd\x18\xda\xbal\x9b\xc5\xa9\\\x1b\x9f\xdaDD\x0e\xcc(\x81\xcf^]\x80g{\x1a\xe0\xdf\x11\x93Z\xba\xf9\xbc?\x01)!@i\x13\x9bV\xf7\xfc\x0fu\xe8Z\x95j\xdd\xd6\xb1\xbfD\xbd\x8c\x97\x073\xed\x060l\xd5\xfdT\xa8\x9d$\xac\x12\xb0\x94\xad\x86%K\xcfGy\x1a\x17O\x9a\x95\xa5h\'\x93\x1d\x9a\xb4\x90\xed&amp;\x9dd\xca\xe95\xef\xaa\x944S\xa9L\xae\xb8\xfe\xa9qYW\xbe\x1d[n\x80\xc8!MuT)\x196\xdc\x8b\xf0f8)\xd6`\x1a\xf3Z\xac\xbf\x9c\x86~\x1a\x07u\xfbm\x03\xb0\xfb\x07\xd5\xbf\xc2\xa5\x82\x16\xd5\xb1I&lt;\xfe\xbf\xe7O\xb6\x0b\xa7\xb2P\xfa\xaf\x00\x11\xd5\xe9\xbbu\xdd%\x10QH\xd5QR\xca*\xdbf\xb1\xd5\xa5\x8a\xb2\x99wZi\x0f\xefZ\xd7&gt;\x01@\xdb\xf1\xc72\xe4o\xce\xde\x03\xe0\xc0c\xf5\xcdc\xeeM\xd7\x0c\xb9t\x8d&lt;\x96\x0f\xca(\\\x95\xd3\xabF\x81\x8f\x16#\xac\xd6x\xf2\xae%|\x88uj"\x1f\xd3\x84V\xb7\xffF\xef\xf9\xd7\\\x0b\xb7\x13\x18\xbe\xf5\x98sy\xc6\xee7\x06\xc3\x88\xd9\xfe4\xb6\xb8\x0b\xa0\xf3\xb4sV\xb9\x94\xd4U=\xcb\xe1\x16\xde\xc1\xa5P\xb2\xac\xc45=\xe6\\\xa6\x9cu,W\xa5\xff\xe0\x84\xb3\xcde\x11\x00\xa0\xc5\xa8\x83&amp;[K6\x9d\x03 \xb0\xc2\x10\xe6\xf4e\xa7\xfe\x96t\xb1l5\x00$tYC\xe4/+\x0f\x92\x1a\x8a7\x9e\xa9\xb5e\xde\x99r\xd6\xb5z\x84E\xde\x05\x87\xff(\xd6`Zl\xcb\x85\xab\xcf\xc3\xf8\xeay5\xb9\x00gK\xab\xdfb\xa7\xbdBb\x81j\xa3\xf5\x0b\xceM\xdbM&lt;\x91\xa6\xa6\x8f\x1a\xb3\xfc\xf4?\x9a\x95\xe5`\xbedNDT\xbe\xedR\xf6\x9fE\xeaL:\xf0\x08\xeb/\xf3u\xaeT!y\xd9\xd4\x1d/\x9b\x0c\xdb\xa7?\xc0H\x9b,G\xa9\xde\xba\xed\x96_]\x0e(;\xd0\xd2\x97\xf8\xbf%8a\xa4\xe1\xff\xf1\x9dV\x89\x8d \x83)\x97\x85\x17\xd4-\xae\xf2\x9f)y\xc2\xf1\xa9;^Z\xf8*2\xf8\x02\xd4\xed\xb7M\xe0\x80\xe8F38\xb7O\xdb\xf9\x8a(\xe7+\x00@\xc3A\x02\x11\x10\xc1_\x80\x14\xeb\x9d&gt;\xf8Xu\x08\xaf\xd4\xf1\xf7\x90\x15\xf7V\x9f\x93\xd2\xb6\xbb\x11\xe5\x12=\xc8+\xba\xbb~\xb0\x92z\x82\x04\xdc_\x81\xda\xe5-}Kk\x14%[\xaf\xff\xf6RM\xe7\x12\x11\xe5\xd0|p\xecVy\xe2\xd6\xe7\x00&amp;m\xfb\xc5\xb3X\xd7\xd0\xeac\xb5\xbe@\x1a"\xabF\xe5\xf8Th\xb7\x8cg\x17\xdf0M\xd9\xfatF\xe6u\xd9|\xdd\xe6\x87Mv\xa5j\xf5\xdal\xf5\xab\xdaT\x80\xb8\x00\xda\x0c\xde\xd3\x10\xb5zm\xfa\x97\x8d\xf5\xabt6\x8d\xb0\x18\xb4\xec\x8e\xfe7\xe6\xc9\x1a\xd9\x05@d\xfd\xa9\x1a^q\xfb\xf7x\x05\x90G\x82\x94\xc5\xdd\x1a=6h\xe8\x08\xd9c\xf6e\xad\x8a\x12Cb\x14\x99\x0c\x02\xca\r\xa4\x8ceyws\x8d&gt;\x0f&lt;\x82O\xa9^Dd\t?\x8f\xdcD4\xf7\xc0oL\xf7S\xbc\xf1,\xcd/\xf0\x7f\t\x9f*wh\xaa\xa7\r\xc9\\8\x15D:w\xdc\x01\x00\xf2I\xb4\xfe\xa5\xcd\xf9\xee\xb6\xf6M\xbfw\xf1\x1e\xab\xcf\xa3\xdf\xa2\x9b^\xc5\xbbk^\xf8\xbf\x14\xcf\xd4\xae\x80E\x894\x98\xb5J$\xcdJ\xe8\xb2\x06@\x8d\x1e\x1b4\xbc\x00\x80\xa1+\x7f\x90\xa3\xb9\xab^A3\x0b\x11e,\xd0\x8a\xdf\x8dC\xab\xfe2\xd3\xe6\xeb \xaf\x9a\x12CWJ7\x9b+\xdd,\x14\xc5c\xcc\x10`\xc0\x92\xef\xf3\xc5\x0f\'r\xd3\xab\x88\xcb\xc4\xb9\xbcY\xccq\n\xf2\xa2i\xd5\xa1y&lt;\xb8\x9f\x8c2\x85Z\x7f\xe3\x95\x0c\xf7\xf84\xed2-\xcaS\xab\xfbT?\xd6]1\xf55\xb9\x86\xac\xb8\x07\xc0\x02.\x8e.D\xf9\xbb\xce8?m\xd7k\xadK\xb6&amp;V\n\xd0l2,\xcdhY(\xa3B\xbbeL\x07\\\xac\xc1\xf4\xec%zR\xba\x92u\xfanu\xc8\xdfB\xcbkxT\xa5\\\r\x88\x82\xb5,S\x10f\x15\xb9V\xafM\x01\xe5\x06q\x1e\xf0R\xbbV%\xb0\xc2\x90|\xf1\xc3\xcf\xbd\x11)p\xc3\x15\x0007?h\x8d+Q\xd1\x84.kJ$)\x99\xa0\xe6\x8b\x1fa\x13\x99lr\x97\xe7~lJ)\xee\xa6Q\xc6\x05\xff\xb2\x03\x8c\xc3\xd7L\xbd\xa5\xfe}\x00 \xf2\xb6\xda\xe5\xbcK\xf4$*j\xb5\xcb\t\xf0\x028\xfc\x93\xa5\x06\x1f}\x16\\_yV\x83\xc2\xb7\xdd\x02\x80\xd5\xe7\xd3\x98\x91\xd61X\xdb\x0c]6\x8e\x90o\xdd3\xbd/\xcf\x85\xf7\xb0H\x08x\xfa2\x00\x96\x1c\xff\xe2\x19\xd5U`v%\x1d\xa7\x90V\xa2\xc7\xec\xb9/\xf2B\xf6\x98c5\xd34\x11Q\x9f\x05\xd7\xf5f\x06+\xf9\xb2\xa9X\xf3\xe6\r\xde\x11\'S\xc1\xb6,\xd9O\x0f\x8e@[\xff\x06\r\x06\xee "1uP7\xe5\x95\xe0&amp;\r\x08\xbe\xa75\xd2\x11y\xfb\xc5\xa6J\x80\xd9\xbf\x90Vc\x8e(;\xf1\xfb\xbf\xf09\xed\xad\x92\x16N\xed\nX\x90ty\x92\x88\n9\xe4oA\x949\xa2\x9e\xc8j\xae[\x91\x0e\xba\xbe!}i\xf3\xbd\xaea\xed\x8e&gt;\x03W{(\xd5a\xfe\x0b\x00\xe0\xea\x1f\x88\xef\xb4J\x82\xafCQ"\x01\x13`\xc4\xc1\'H\x9ex\x82goJ\xd2\xc6\xd8V\x0b%V\xcf:\xfc\x03\x00Xq\xe6\x9b\x85\xaf\x93_\xec\x80\x12~\xb1\xfd\xcc,\xfc\xbe\xc1\t\xa3\x0cw/C\xbe\xe6\xe6\xa7I%\xa8\xf2p\xe1\x03\x98W-o\xa5a\xb7\xffJsM\x86e\xc8a\x13\x8b\x9d\\\x14#"&gt;\xbb\xfd\xb2\x93\x7fY\xb3*6\x81S\xd9\xbb\xdfR\xe5\xa5\x15I\x12@D\xfc\xae|:\xec\xf36\xd5\xa82\xb6EP\xe5a\xa9x\xf5\xe0\x84Q\x02\xc9\x03\xbc\xa2\xbb\xff\n\xa8\xec\x8a\xf2\xc5\x8f\x00@\x19\xcb);}\xd11\x9df\xe2\xdc\x03\xbf\xf9K\x0fO\xe0\to\x13\xf6Z\x98\xb0\xe5\x99\xfe\xbf\xa2\xfd\x90\xb5\t(7\xa8`\x8d\xb1|\x11\xd5\r\x06\xee\xe0\x9fwf\xf5.\xd1\x83r\xd6\x15|\x04\xc5\x88\n\xac\xbb\xc4\x11~\xc2"\x90\x88\xee\xfc\xc3\x19\xc6\xe2_\xa6\xc5\xfc\xd2\xcd\xf5\xa1_\x96\x8d\xef\xf7\xae\x95\xaf\xf2p\x87\xfc-\xac\xbc\xb2\x18Xq(\x11\x01(\xd7f\x89\xa6\x05\xbb.:\xf6\xb9\xc3\x94\xd3\xe9\x02\x93\x02+\x0eQT\x82V\x0e\xd5\xe2\\x\xa7\xd1=w\x8c%\xff\x86\xda\x14ED\x94?\xed\xb8\xb9\xbakW\x94\x97\x94\x83\\\xc3\xda\xe5,\xddG\xe1\x15\xecJ9\x87\xb6Qxn\xda\xc0\xa1P\xcdq\x1d\xa7\x9c\xce[i\xa8\xe6E\x03 g\xa1n\xaf\xff\xe2[\x07\x1e\xa1^\xff\xed|\x070\x8b\x8e]f\x9cW]\x17\x85\xae\xefL\xd6&amp;\x06\xb7\xf0\x0e\xd2\x13\r\x15\xaa9\xce\xf6e\x1e\xe4\x90\x8b\xdc\xe2\xd3\xe5I\xe21\x0b;1Nj\x9cg\xee}\x80\xe6#\x0fH\x08\xb8\xf2\x97R\x8f&gt;\xf3\xaf\x03\xa8\xdae\xad\xc9\xf6\x88\xfaS\x018\x15hED\xf2\xd6\x80\x8b7\x9e)\xe3h""\x97\xf8N\xabd\x9e\xa2\taD\x04 y\xc2qM\x8b\r\xdd\xfd\x03\x96\x9f\xfe\x87\x02\x1a\xad\xbd\x08\x1b_\x12n6\xf2\x80\x05\xba:\rR\x8e/9\xf1\x95\x1cb\x07/\xbf\xab\xca\xfc\x92\n\xf8)M\xdb\x99{\xd35\x89\x0f\xc2\x8d(\x9f\xf0\x11\xc1\t\x924\x95\xb4\xc3vt4\xb3d*\xd8v\xde\xa1\xdf-Q\xb4kX\xbb\x1c\xa5{\xf39`\x03\xd8p\x85y\x82\xe1&amp;\xd1\n\xf9\xab\x8c$\xaf\x9a\r\x07\xedZ\x7f\x19\xcf\x01u\xcd\x9d"OZ=;\xef\xa6t\xc0\xca\x93\xba\xe6\xaa\xaf\xb1GXj\xb0\xf5&amp;x\xbd\xa2\\*\xfe\x0c\x84\'N\xb4n\x8dL\x89\xa87E\xd2q\xab\xcf\xa3\xdb\xcc\x0b\xac\x84}\xa9\xbe\x96#\xdd7;=\xc0\xb9\x9ab\x11\xc6o~j\xb9\xc2\x95\xf7\xa3\x0e\xb1D\xbe\x9a\xd6%\xa7\xea\x88\x82\x82\x94\xa9\xbc\x7f\xd9\x01\x8f\x81A\xcb\xeehS)\xab\xe0V\xa4\x83!G\xac\x1c2\x10\xf9\x9d\x7f\xcb\xf9\x04\x958\xbb\x9dy\x05\xa2\xcc\nN\xb4\x1e\xf6\xa9\x99\x07&gt;kd\x97\x14\x03\xa3sy\x89g9\x85\xb4\x1a\xb0\xe4{\xbe\xbd\x9d\xa7\x9d5\xfc\xff\xe4\xafF\xa2\xe5M\x86\xed-\xd5l\xae\xa1\xe7\x9b\xbc\xfd\x85\x92J\x13\x11\xe3\x8b\xca#\xd4#\x91\xc9\xdb_\x008\xf2T\xf9\xb0\xbb\xe1\xa0\x9d\xa5\x9a\xce\xd5&amp;\xcd\xab\x0e++k\x12\x11\x01\xa8\xd3w\xab\xf9\xf6\xc3?\xe1\xf6\xdf8\xf3\x1aB\xf1\xbe\xb6C\xe3!\xbbo}U\xe9\xc9\xaduK\x91\xad\xbaWtwi\x87\x16\xfd\xde\x8a\x0b\xcf\xaf-iV-\xdbz\x11\xf9\xd65\xfc\xd9~\xf2\xa9\x98\x96\x0b\xa4\x9cX"i\x16\x80L\x05\xdb\xca\xbd\xa2\xc4iV\x9e\n\x83\xe5\x96\x1cV{\x02\xa5+\xc1\xb4V\xb7\xff\xb6![t\xee\xf2\x83UNA\x04\xe0n\x97\x1db\xd3\x9cb\xa8\xedS\xa6\xb9\x12aE\x00\xc5\x1aL\x93r\xa4\x7f\xd9\x01)\xd7j1\x7f\xf5y\xec{\x08\x00\x01\xe5lA\x12\xce\t@\xe5\x8e+%\x1d\x9b\xab\xbe\xf9\x02$\x80v\x93N\xe6\x8b\x1f~H\x8b\x88\x80\xe8\xc63\xdf\xdb\xd6zSQ\xe7\x82mB\xaa\x8e\xb6\xf2U\xdb\xe92s\xfc\x0b\x10Q{\xfe\x17\x93\x12\xab\xf3Ir\xb4\xee\x82\xc3\x7f0]\xddC@\x8aw\x8fU\xb0c\x96@\x98`\x89\xd4\xae\x8c\x86\x08Y\xa7o}\xe5~^\xdaJ I\xa1\xef\xc2\x1bV\xbe\xa2\x05\xd0\xde\x91b\xf8\xea\x07r\x0e\xd7 \xbc\x87\x1b\x8f\x04\xa2"j\n\x00\x10\xdbR\x8a#X\xe6\xfa\x03\xbe3\x8f\xba\xbe\xf5\x15\x00\x86\xac\xb8W\xa6\xc5|Y\xd7\x1d\xbb\xf1\'\x93\x95\xd1\xcc\x85\xdb\xeb\x92\xd1\xfd\xbf\x93[[\xa1\x15yd/\xd9K\xf8\x00\xc7\x10\xeb\xc4\x08f"\xcaM\x14]\xa0\xda\x18\xab\\\xceV\x00\x8b\xda\xbd\x8dD\x1f+\xb5_!\x90j\xc9bx\xdf\xfc\x0c\x00\xbb\x7fH\xd3I\x9cL\xc2\xea|\xf8\xd5\xd8s\xf2;:\xe6$\xa2\x7f\xbb\xf0\x93\xb6dh8h\xa7\xa2\xa8b\xe10H\x0er\x94\xea-\xff*\xa9\xcf\xd8\x8d?I:\x8eG\x1f\xaa\xcd\xb8\xa3\x85kO\xe8\xbb\xf0FTCY\xb2P!\x00\x96\x9d\xfc+\xa2\xde\xd4\xa9;\x19)o/\x00\xf2n{\x862f\x9bx]\x17W\x9e\x05\x9f\xe8\x87F\x04Ul\xb7\xfc\xbeV\xd3w\xef\x9aDD\x19b(\xbd\xf9oL!\xec\xd0\x13t\x9czF\x9bK\xea\xc8#\x92\x0f\xc0\xa3\xaa\xa6\x97SJ\xd6j&amp;\xab\xcbJ\x9d\x9cm\x91\xea\xdd\xd6\xb3\xbc3R\x8d\xcc\x85\xdb\x13\xa5s\tK^|\xfc\xcbW\x00@*\xc5\xf9hN\x863\xaf\xcd\xeem&amp;\xa9\x89\x11\x01\xfc\xbf\r\n\x95\xa1{\x81\xfd\x1b\xc8=\xd1\xbbD\x0f\xb7"\x1d\x88\x88(\x8c\xfd\x98\xa2\x1aN\x17&lt;\xcfd\x9a\xab\xb9Z\x9f\x8d\xc2\xa8X\xf8\x96\xe9+\xeb\xacCO\xb0\xed\x16\xfe\xd052Z\x08Of,\xebZ\xb8\x9d\xf1&amp;\x9d\xe5\xe3\xec\x1b\xac8\xf3\x8d\xb2H\r\xe0Yy\x16\r\x07\x0b\xe4\xc30\x8d\x96\x0eO\x9c\xf8X\xdf`\x86\xd5\x1a/\xb5\xc2Bx\x11\xf9\xc7\xb6\\(d\x9c\xa8\xd2i5\x80\x8dW9\xdb\xc4\x7f\xc5 ]\xb2GFZ\xa3\xc4\xc9_\xa1\x9fN\xf1c_\x9a\xd31A\x11\xca\x9c\x81\x89\x88\xaau[W\xa8\xe6x\xe6\xe5N%\x0fy\x0bat\xff\'l}.Q\x85\xe7\x13@T\xd8\xbdhG\xcfb]-S\xb1\x7f\t\x00\xde\x00j\xb2\xc2Tl\xb7\\\xfd\x18T\xf2Zo\x89)\xdf\xfd*\xbb\xf4\xf4e8\xbc&amp;s7\x8ai\xb9\x80(\xbdU\\J3\xdc\xf8\x0c\x00\x19\x0b\xb4\x96}\xaaK\x85\xcd\xd7\xb1\xe8\xd8g\xcd\xea\xc2J\t\xd5u\xc6\x05\x83\x91)\xac\xd6\x049\xa58\x00h:|\x9f\xac+\xfb\x94\xea\xa5\x9f\xb1\xc8\xb6\x9d(\x84\xc9}\xc4\xb9+]\x9e\xa4J\xedWX\xa9\x1e\xff\x7fh$X*w]*\x8b\xf2X\x05\xa2\xa5\'\xbe*=\xb5\x80sh\x1b\xdd\xcb\xad}\x0e/\xdb$\x93\xb4\x05x\xde\x80\x9f/\x00yV\xb7D\x06\x984\x83Cl\xeb\xb1GbZ.(Ts\\\xeaV\xa4\xf7\xbc\xabR\xbe5\xd9\x06\xa7&lt;\x8dg\xed{o\xae\xb9]\xb7\xdf\xb6I\xdb~Ys\x01\xacP]\x8b\xce\xc5\xf3\x94l2\xfb1`\xf1\xd4\x96D\x92\x94\xaa\xdc\xe2\x1b\x0f\xd9\xddu\xc6\xf9%\'\xbe:)_\xac\xe4\x9f\x9cp\xcf\xca\x9c)[\xf5\xc5\xc7\xbf\xc8\xb4\xc3\xab\xe3\x1d\x90.O\x12\xff~\xb5\x19\xdc\xac\xfac\xd2\x18&amp;\xa9\x08D"A5\xa2H\x87\xc9\xa7\x05\x0f\x08\xa6\xac\xd5\xf8\xf6\x9dy\r\x1f\xb1\xd5}&gt;\xdc\xc2;\xc8n\x9e\xac\x84\xaa(g\xaf\xe2\xdd}c\xfa\x9aO\x1dF\xad{\xf4;\x905\xb2\x8b\n\xc1\xd8\xdcDT\xa4\xced\xa2\x08\xe5\xf5\xf3\xae\xb9D\xf9\xb0)\xf5\xb1\xd5U\xa1\x00\xae5\xe9&lt;\xca\xdfp\x0e\r&amp;?\xa2\x12\x9a\xe7\xd0t\xc8\xdf\x9c\xb2Ugo\x99\xb0\xf5y\x8d\xee\x1b\x88\xd2Kt\x08\xb7\x06\xe9J\x8c\xdb\xf4sd\x83i\x15\x92\x97:\xe4\xb7\x92l\x00\x93\x13s\xc1\x91O\xdca\x11\xe9\xcbP\xce\xba\x1c\xdb\x15\xe3Y\x9d(;\x89\x19\xfd\x0b\xe9\x13\x1f\xca\x82=XK\xe5t{i\x85\x11k\x1e\xdaB\x8a\x8c#?\x03\xc0\x8c\xddo8\xf7v\x98|\xaa\xe7\xdc+r\xcb&lt;\xf0\x88i\x9221\xe6Du\x15L-\xbc\xf8\xe2w\xd7_\x06\x80\xb7f\xbf\xabN\xdf\xad\xa1\xd5\xc7\xa6\xcb\x93$\xe2\x0f!\x89\xc2\x12E\xb58i3\xfe\x98\xea\n\xfc\x87\x11\xfa\x8e6\xc0d{\xef\xf9\xd74\xbe\x92\x9dht\xb5\x8bW\xf1\xee\xa2i\x82\x0c\xd4\x1f\xb0\xe3\'\x80\xb2V%rq/\xd2\xb1\xfe\x80\x1d\x80\x84\x95,c\x16\x1e\xf9\xa4\x9d#\xa7\xd0\x08\x83o\xfa\xfb\x00\x00p\xfe\x1dn}\x85\x8a\x01\xae\x11,\x8f\x19w\xf6\xf6\xde\xf3\xaf\x11\xd9\x17V*\xe2\x91/~\xc4\xaa\xb3\x8c\xa2\x0b\xbb_\xb7\x17\x94!\xf3\xaey\xfa\xa5\xee\x89\xa6\xa6/\xb5U\tWz\xa2M\xcb#,=\xf1U\xffV\xa5\x97$\xdf\xea[\x0f\xc0\xd5\x8f\xbc\xdfs\x8d\xee\xca\xdf\x07\x00b\xf3\xef\xb4\x89o=\xb3M\xf6\x00\x86\xad\xba\xaf\xa9\xb0\xa5\t\xe9\xc5\x0fI;x\x16\xeb\xaafq\xc4\x9a\x8c^\xafs\xd6Q\xb2bj\x11"\x00\x0cY~W\xe2\xd1\xf7tNm&gt;\xcdF\x1c\x00\xa0O\x9c#\x05a\x11@y\x11\x8f\xeeE;~\xff\x97\x12\xc1\t\xef\x12=\xd8Q\x1e[oj0\xa6/Pm\x0cS\xda\x8f\xda\xcd\x102\x16h\x9d\xb1@kV\xbf.!\xb9g\xb9\xb6Kl\xc1u\xd6\xca\xc4\xb5^\xc4\x12\x19\x97G\xfa [V\xc0\xcf\xc8z\x9a\x1e\x12g\xd8\x93\xb6\xfd"\xb4\xdb\xbb\xe6\xa0ew\xa4\xbc\xf4\xd5\xbb\xad7\xd9"\xd3\x8d\xc2\x86\xf0\x8d\xe9\xbb\xf9\x1a\x00H\x17-\x1a\xbf\xf9\xa9m\xa84\x08`\x97+n\x80\xf8Q\xd6!K\x159C\x8a\xd4\xf4\x0f=\xff\x0e\xef\x01\xc6\x8dN\xf2I\xb2\xc2|\x03\xa5\x8b\xaf133\x00\x12Uz\x14\xe2\x93(]e\xda\x18^\x0f\xb2]?0\xed\x92$\x81e#\xd2\x97aw\xc0\xdbni\xd1U\xa5+\xc9\x94\xe6\x19\xd5\xcdl\x9f\xca\x00tg\x19\x8b\\7\xbf\x80\xd5d\xdb\xb4\xe8\xb1\xcd\xc0o\x1b\xd42\x99\x81\x02\xb2\x13ED7\x9aI\x94\x95\x9c\xe2\xa4\x9f\xe6\x19%\xe4\x97;z\xfd\xe3\xbb\xdf\x98\xd7C4\xa5\xa57\x7f\xda\x10\x03\xda\x98\x8f\xac@\xe9f\xf3\x00\xec\xffQ\xe2\xd7\xee\xcfJ\xf7\x96\xd9\x06\xe5\xaf\xd3\xe5I\xb2\xb1qv1\xe9\x87v\x9dy\xc1r\xf5\x10\xa3\x08\x80O\xc0\xb1g2n]\xc9\xa6s\xe4\x98\xca2\xc6w\x94\x1a)\xe0\x15\xdd=8a\x94\xd4\t\x96R\xb2Ew+\xd3|&gt;\xb9T0\x8b\x11\xe2\xa6\xc9\xb0\xbdD\xe15{n\xf2\x17\x1a\xe1)\xcf\xda\xdb`\xe0\x0eC?\x95\xd0e\x8d\xe2r\xb8\x10V\xa9\xf3\'\x8a\xd4\xe2*\\\x8d\xa7{\x91\x8e\xec\x91\x05\x054b\xb6{\x17\xef\xa1\xc5%\xd36|\xbab\xa5\x9a\xce\xb5rM\x88\xa8`\x8d\xb1\x16K\x07\x16&amp;\xe1\x18W\xcb\xc97\xda2o \x90\'\xd5\x18}@\xf0|\xbd*\x99\x05\xab\xa5\x08C\x16\x1d\xf5E\x15\xaa9\xee\xff\xc7\xd7\x92I\x7f\x04`\xda\xceW\x12\x0eW\x91w]\x06\xf9sY)cwf\x89r(\xcdF\x1c \xca?\xef\xd0G\x8f\xc8\xceZ\xeb\xd2381O\xe17\xc9/p\xc1\x1ac\x01\xcc=h\x92\xd5\xc3C\x96wE\xb5n\xeb\xf4Q\x94!\xe4Y]\x96k:\x93\xac\x8fa\xdb\xf7H\x1f\xd4\x8c\xfb8\xe6\x87)\x89fSJ\xb9\xb6\xc2\xd9\x03\xdd\xfe?\x9b{r\x8c%\xaf\x9a\x1c"\xd8\xbe\xf5\x00\x10\x05[\xe4\xa2\x9e\x8c\x87\xa4\xcd%\xfbL\xa3\xd8\xce\x82N\x91:\x93XV\xc4\xc8\xc8\xfaS\xef\x01z\xff8UL\xf9\xeeW\x8d\xa6\x05i\x00\xc3\x03=\xf4\x04\xe2\x9a\xde\x8a\x12\x81g)\xdaI\xff_\xed"#\xdc\xe3SZQAa&amp;\xf5\x94O^\xba\xf7!\xbcK\xf4\xc8[iX\xbbI\'\xc7o~*#K\xb1d\xfe\x04\xde\x89|V\xc5\x8b7\xd6%G*\xd6`\xfa\xe2\xe3_\x00\xb8\x84%\xebv\n\xa6\xa1\xe4\xc7\x10\xbaR\xd47\xa6\x1f\x80\x86\x83vJ9m\xe3\x15P@\x8aA\xb4\xf3\xf4s\x8a\xae\x9e:\xd8\x88\x9aqj\x91\xf2\xf3\xad\xd1\x8e\xa7/C\x94Q\x93\xfc\x83,\x82\xa3\x1a\xfdKfHY":w\x9fuQ\xd6)\x05k\x8c#O\xde\xc8.\xab\x01`\xfc\xe6\xa7z\x0bG\xee^s\xaf\x00 rRQd\x10S\xec\x82\xc3\x7fhRC\xcb\x10\x11Ru\xf4\x9c\xfd\x1f\xb4*\xce\xc8F\xa8\xbe\x83t*+\xe4(\xe0]\xcb&gt;o\x93Vc\x0e\x13\x15PTz1\x00\x94\xabA\xcb\xd1\x87\ru\xee\xbb\xf0\x86\xb6\xcdH\xcd\x9e\x1bM\xb6\xb4\x18}\x88y\xd9&gt;\x03\x00n~\x81\x1ak\xb32\xb2\x97\xe8\xf9+\xc0\x9f\xeaJ\x1b\xcf\xd9\xd3/\x01@\x9a\xfe\x9d\x07\xfb\x8f\x9ce\xf4\xf9\xbf\xbb\xcf\xbe\xa4IUl\x16\xbb\xc0&amp;Z\x14\xe3\xac\x9d\x9e\x94\xf5\x11M4mQ\x82\x99\xb1g\xaa\xd6A\x1b6_\xd7\xb5b}\x16\\O\xed\xba\xc8f\xd59\x9cy\x8d\x9f\xf5\x0f\xe2\x89ts:\x17\xb5{o~\t\x10\x05\xef\xfa\x01\x89}\xb6hTG\xad\xc9\xdd\xf8\xd6W\x8d=Z\x8c;`\xa5d\xaaP&gt;y)\xe5j\x90\xb9p{\x91#\xd3\x97\x81I"\xdbL\x15(G\x1d\x89\xd95\x00D5\x9a\xf1+\xab\xf7%\xa2\x12I\xb3\x95\xd7\xdc\x1c\xc78\xd3{\xebQ\xb5b\xfb\xe5\xfa?\xa4,i)\xc6[E\xf4\x8aD\xf2\n\xed\xf4\xab\x07\xc07\xa6o\x1aR\xcbI\x9d\xa0\x9d\x07\xea\x9a\x1b"\x1a\xb7\xe9g\xad*c\x86!\xfa\xc2"\xe9V\x1c\x83[\n\xc6\x9c\x19\x08&amp;\xf2n8h\xa7-\x84#\xdb\x1e\xe9\xd9-\xef\xdc\x83\xbf[+e}`6\x0e\xb7L%\x14k8\xfd\xe2\x070\xe2\xe7\xb9\xe2\xfa\xab\xd4cw\x0cn9\xff\xf0GM*fI\n\xf8\xc7\r\x80\xf4T}\xd2\xd8}\x1f\x00\xd4d\xdc;\xf3J\xf7"\xb1\xac\xcd\xbc\x985\\\xe1D&gt;]\xa4\xd90\xa5f\x80WM\x8d\x1e\x1b\xba\xcf\xbe\xa4\xb9l\x88\x08\xeeU\xa4{\xabY\x08\xbf\xd8~Z\xdb\x0b\x15\x93\xbd\x96\xa4\xc3,\xdb\xbeg\xe5\xea\xe3\xdd6\\\x81\xf5\xf3Arc\xda\xf0\xe5$\x8f\xaa\x05\xaa\xd9F\xddtyOs\xf0\xec\xb4N\x97c58\xcdz\xf6\\\x1b\xc99\xb45\xbb\x03N\xec\xb3E\x82B\x82\x10.\x85\x92\xa55\x8e%\xee~\xc3\x07@\xab\xa6\xadF\x8f\rc7\xfe\xd4a\xf2)MJSI\x06u"GY\x8bu!\xa2\xb8\xd6\x8b\xf8\x8f\xa8\xdaa\xcai\xe8\x14=5\xa3\xe5\xe8C\x00\xbc\x8awW\\\x82\xe1E\x8a\xac?\xb5\xc7\x9c\xcb*\xdf%\xabQ\xb2\xc9\x1c\xbe]\x00\xee\xfc\xa3pD\xd2x\xc8\xee\'\xc0\xe8\xf5\x8f\xe5\x9e\x98-\xba\x1b_@Z\x91:\x93\x95U&amp;\r\x91\x9a\x01$\xed\'\x9f\xe2\xc9KeeskT\xdeJ\xc3$\x1c\x96\x85\x88\xee\xd9\x8c?\x8eL\x8aR\xe6\xcaM\x86\xed\x157\x97\xfd\xdbi0p\'\xf3\x04\xe5h\x17\xe8x\t\xd4\xeb\xff\x1d{K\xab1\x87E\xcf*Rw\xb2[x\x07\xb9\xd7\x12%g\xe9&gt;\xe2\x07\xc9@\xb9J\x97:\xb2\x12\xb9\x88y\xe28i\x9bM\x9cy\x01\x04c\x90\xc4\xef\xc6\xe4\xed/\x00\x1c\xff\x05\x95\xda\xafx\x0e\xe4\x8b\x1f\xa1a\r-D\x93a{\x01\x04U\x1eN\x14m\xbe\xb7\xfd\xa4\x93\x94Kv\xc6*\x86\x1dw\xa4\x1a\x03L\xf1\xaa\xa9\xec\x8a\x96\xc1\xcb\xaay\xebs\xc5Y\xc7\xf1\x9d\x07\xefZ\x16\x8d{\x93\x83\x87\xf8!DD.\xcc\xa7\xfbG\xda\xeb\x80\x89\x882\x86\xb6\x0eN\x18\x95\xda\xb50A\x8d\x03\x91"\x18\xffsE\xd2\x92\x00\xbaL?o3/\xad\x96d/\xd9\xb3\x91P\xde\xb7\xb4\x82\xb8\x81\xa7P\xcdq\xccW\xcc\x9b\xbf5K\x82\xc4|yO\x01\xa2\xd0^\xf3\xae\x02\xb0U\xbdk\x13\n\xf3\xab\xe0E)\x1e&amp;\x1a\xc2\xba\x14W\xcbF\xc8_%\r\x8c\xa2R\x11g\xb9z\xa7\x9aP\xaa\xe9\x1c\xa2\xe2\xd6\xbf\xae\x15\x18\xbe\xfa\xc1\xc0%\xb7\xc9\xbd\x8a\xe4!H\x1aE\xdb\x88,\xdb\xed\x80\xc3j\x8dW \x1d\x13TyX\xf2\x84\xe3\x9f\x01\xb2/-t\\\xd6j6\x9a\xeb\x9e?\xf5\x881&gt;\xd3w\xbdf\xfe\x97\xd8g\x0b\x8f,T\xb6\x8eS\xcf\xc8Z\\\x1f\xb2\xe2\x1e\x80\x13/d\x89j\xe9`F\x03\xda\xb8\x08d\xab.\xad\x0b\xe4v5r)\x94\xdc{\xdeUeW\xae\xdau\x1d\x00\xcb\xa9\x90\x8a\x85\tIq\x8e\x91\x88J\xc1\xac\xff\xd0\x9e,\xff\x8e\xc1\xdd\x7f\xfc\x87l\xb2\xd5`\xff\x15Pv\xa0w\xf1\x1e\x01\x16\x88\x07\xb5\x16\x01\x86\xff\xf1\xad\xc5\xc4\xb4\\\x90/~\x04QV\xc7\xe0\x96\x12\x9b\xe3\xc2\xb5\'\\\xfb\x03/d7\x11\xceSw\xbcd\xda\x96\xda\xbd7\xcb&lt;\x97M\x14\x13K\xd6z\xec\x11V\xc4Nx\xe9f\xf3\xb8\xb53s\xd6-\xddl^\xe1\xc4\x89N!\xadT\\T2\x1c+\xf7\x82&gt;\xc9\xdc\xf0z\xb6\xea\x15\xfd\xd2\x0e\xfae\xd7Tp\xfa\xba\xf3\x8f"\xd5P\x1e\n\xd7\x9e\xe0\xa3d&lt;./\x9a\xad\xe1\xe0]\x1a&gt;\xe0\x02\xd5\xc6p\xc6\x1dN\xf9\xeeWr.O\x8eR5\x8a\xff\xe3_\x81\xed\xce\xa4\x89\x88\xbck\x1a\xcf\x962\x12\x05Y\xdbEV\x90:}\xb7\xc9&lt;#\x0f9\xc6:\x87\xb6\xa1\\\xf5\xc9\xb5\x12\xffa\xb9\xc9\'\xb1\xc5\xa8C\x122Hf\xaa\xd4~\x05\xd3\x89\xba\x14J\x16;\xd8\x08i\xa1P\xee\x12J*j\xbe)\xa6\xe5\x82\xa5\'\xff\x1a\xb8\xe4v\xebqGMv\x9d\x7f\x07\x00\x8f\x81soS\xbf\xdf\n\xad&gt;Ve\t\x07\x1e\xd9F\x07\xbc\xec\xd4\xdf\x00\xd6^\x94R\x15UqW\xac\xe00\xebc\xa4\x19\x16\xddh\xa6\x82"\xfa-\xba)\xe7\xf0\xf0\xa7\x1aO\x7fMF\x7f\x85\xed\x83\x9a\x12e\x97\xf65\xda8*\xf2\xdd\xfe?\xe2\x02\xe0e\x9az\xdcy\xca\x0f\x9e{\xe07s\xdd\xd6;\x7f#]\x9e\xc6\xc2\xe7\xba\x14J\xfe\xfe\xafT\xfe\xb1\x87\x7f\xd2}b\xb5{\xa9\x99q\xa60~\xf3S\xc3g\x1bZ}\x8c\x9cSs\x7f\x92\xf4\xbd+\x9c\xae\xec}\x80j\xdd\xd6q&amp;\x1d\x01\xb0\xfd{\xbc\xd74e\x90\x81\x9ce\xfa\x12Epzx\x99\xd3t\xf8~\xca\x10#\xbd\xf0\x0eS\xd8I\xd8\xf4\xf3(\x8f\x84\xc6Cv\x9b\xe7\x94\xb46IC\xf7\xbc\x05\x1ekuO\xf5\n\xd2\x1c\xa4\x9e\xb7\xbdh\xe7T\xa7\xef6\xcaQG\xe0\x80\xb8V\x8b\x82\x13F\xea\xff\xd2w\x18\xfc?v\xe8\xca\x1f\xb4\xee\x14\x83\x8c\xfer.\xdfy\xdaYJW\x92\xc9\x9fQ\xb5\xeb\xda\x16\xa3\x0fiw-\xab\x11J\x1ah\xeb\xff\xdf\xe5\x9c\xdet5M\x8f\xb7\x18"\xf5\x1f\x88\x8d\x84Q\n\xb1\xe6\x82\xae\xcfk:|\x9f\xca\xa2\xbcK\xf4 \x93Y\xac[\xbc\xf4\xd3O\xfc\x02\x00\x9d\xa6\x9d\x15&gt;\xccb+\xee\x91\xb2j+\x07\'\xa2&lt;F\xb1\xac\x96\xe9/\xa2\x1a\xcd\xa0\xdc\x8d\x89rR@\xa3\xbf\x81&lt;\x15\x06k[~l\xab\x85N!\xad\x88\x8a\x17o\xacd\x9a\xa7\x1a\xc7\xb8\x06\x03w\x04U\x96\x12\x9cc=\xd6]\x12i\xad"\xeaM\x11\xf4@q\xf7\x8b\xed\'\xeb\x8a\x0b\x8f|\x02\xb0\xefG\x10\x91}^\xf5)\x0by\xc7\xb3\xfd\x16\xdd\\|\xec\xb3\xea\xf2\x85\x98\xb6\xeb\xb5\x98\x8f_\xee\n\xc9\xcb\x06-\xbdc\xf8\x1b\x80\xd1*\xa0W\xcd^s\xafP\xae\xfa\xe4\\\xde\x02\x15\xccd\x812\xd5\xc0\xf5\xb0\x14fsK\xab\x88+\xc79\xc4R\xae\xfaV\xa9\x8bV\x14\x00@d\'\xe7\x94\x8c\x9e\xc5\xba\xce?\x94\xa2X\xe2S\xb2\x17\x00r*\xcbt\xbdk.`\xf2\xf6\x17\x1cz\xef\xfc|\x02\x9e\xf2\x8c\xbd\x86\xaf~\x90&lt;\xe18kC\xda\xcd\x18mG\xeeU\xc81N \x0fP\x89&amp;*\xf5\xbc\xdc\xa2\x1a\xcd0q\xd1\xba\xf6\t\x94Ie\x03\xe5\xd2h\xf0\xae~\x0bo\xce=\xf0\x9b{\xd1\x8e\xea\x8a\xb2&lt;\x99\x0b\xb7g\xe7\x88\xb0$R\xdeE^\xd5\xb4\xfa\x03\xbe3\x0e;\xf6\xa4\xcc\x95E?\xc5\xc1\x92SdK\x80/Y\x1b\xb7p\x84\xb6l\xb8":\xd9\xf2\'\xdf\xbal\x7f\x87G\x80sh\x1b\xd6\x01\xc1IC\xf7\x16\xa93\xe9\xee7X"\xb05M \xd9\x05\xc92i6\xac\x8b\x82P\xe9\x7f%\xb5{o\x06\xd0v\xfc1\xf2`\xc2\x93"\xf5\xa6\x8b&lt;D\xe4S\xaa\xd7k@,\xbd\xb1\xbb\xb4Ke\xad\xde}\xfd\xbfC-\xa7\xff\xa2\x9b\x00~\x00\xea\xf5\xdf\xce{\x90\x87\xa4p/!\xb2V3IW\xdck\xdeUM\xe4\x08\x1d\x82[\xa8/\xc4\xa2\xe8L\xb8\x11\xf5\xa6(\x11\xe5\xf1\xad\xabqut\xe4\xf8\x05\x10\x13/u\xce\x18\xda\xba\xc9\xb0\xbd&lt;\xf6^\x0e\xa7\x86\xffS8\xa2!\xd3{\x17\xef\xd1r\xb4\xb9\xfaD\x9aK\xa4#y\x0ed\x1c\x91"1\x95\xdb\xbf"\x9e\x81O\x1a\xd7\xc6?\x90\xa8\xf0\xc4\x89\x8e!-\x89\xb2\xf9\x94\xea\xa5U\xa1\x00~\x01\x96\x9d\xfa\x9b\x88\xc81\x16\x00K\xa0\xde\xa1\xdb\xcc\x0b\x92\x97!\x0b\x0e^v\x87o\x9f}\x90z3\x9b\xadp\xee-.~@\xf9\xe4\xa5\xba0\xa1\x8c\xe5R\x7f\xa5VK|\x95f\xd7\xd0\x88J\x1dV\xe8eS\x82\xa4\xe8\x01\xa9\xa4V\xafMRf\xc0E\xeaN\xae\xd4~\x85\xd8Q\xf6\x9c"8\xf5\x07\xec8\xf1\x0bV\x9eE\x0f\xab&amp;\xb7\x10MwO\x11\xf5\xa6\xaa\xbe\x8a\xb6c\xeaT\x88\xc6\xd6\x16\xb6\x80b\xbe\xf8\xe1\xa9W\x11\x8bbQ\xcb\x8a:\x05\x95t%5\xaa\x06\x07\x1faDQUZ\xca)\x1f\xce\x8f\xba\xd5n\'"\x02p\xecyJ\x1b\xd2n\xe2\xc9a\xab\xeeK*\xcf\xb7^\x95\xce\xabU\xd4\xc7\x16\x08\x1e\xb2\xe2\x9e\xf8Q\xc61lR\xf0\x8c\xea\xaa\xa4:\xa9\x86\x86\xf1\xc7\xd2\xfc\xd6L\xf1\xaeE\x94m\xedEH\xe9E\xb4\xc1-\x9e\xa8\x84\xe5\xbe\xde\xbc\x95\x86B\x97{\x8b\x8d\x05g3"n8v\xa5\x882\x03\x90\xa8\xae\xd0\x7f\xf1-\x0e\xf3K\xf6\xda\x8e!\x12\xe7m6\xc2\x12\xfd\nF\x00\x00 \x00IDAT\xbf\xc1\x04\xf7\x1f\\\xe4\x19\xbb\xe9\xe7\xf9\x87&gt;\x0eX\xcc\x97cN\x16n\xfc\xbb\\\xd9}\xb0VN:?\x02\xeeE:\x12\xd1\xfa\xcb`\x8f\xe1\xa2\x1b\xcd\x94&amp;\xa9\x98K\xffy\xa6\xe7\xcf\xb2GD\xf6y*\x0c\xb6hLD\xb1\x86\xd3\x95\xc8F\xea(\xba\xf8\xf8\x17i\xf2\xbd\xff!\x05\xe7\xf2\xab\xce\xe9\xde\xd41\x1b\x9e\xc8?_4G\x98fS\xf5\xefn#%%\xb5\x05\x98\xb6S\x97\xe2\x84\xd1\x88\'"\x8f\xc8\xce\x96\xbb\x1c\xe9:`\xfe\x94\xe0\xae\x95\x88h\xc5\x99o\x12Kk=\xee\xa8e\x06C\\\x11\xfd\x16Ch\xd1\xe8\xff\x884\xbc\x8a&lt;l\xd5}]\xff\x91\x95m\xc0ww\x0em\x93\xbf\xca\x08r\xadDNe5\xb8\x8c\xa0n\x97\xf14\x98\xa7\'\xcb\x91(\xeb\x82\x8d\x87\xec\xce\x18\xdaZ\xce\x19\x8c\xac}\x00\x91\x83C\xfe\x16\x06\xc3\xdb\xf1\xe7X~\xfa\x1f\xbesz\xcf\xbff\xb8\x81q\xad\xf8\xd3T\xa8`\xe9\x89\xaf\xb5zm""\xcaX\xce\xa5P2\x91\x93\x98\x17dV\xf6\xc8&gt;]\x9e$K\xd4\x8a!\xae\xd5B\xca^\xdbr\xe5\xabF\xf3\xdc\xf6\xeeU\x92\'\x1c\x17yS\xff\x7f\x91ijK\xf1\x10\x8e\x92p\xb4;\x804\xb5\xf0\xe3\xbc\xf9:|c\xe49\x93\xff\x87JN\xfd\n"\xd7\xd4\xae\x85\x0c\x0c\x8d\xc9\xb7TjO\x18}f\xf1\x0e\x98"3\x17n\'\xbd\xd8\xa0\xca\xc3\xc4B\x00\xcct~r7\x02\xf0\x94]\r\xbf\xfa\x00\xca\xb4\x98\xcf[\x86o\xdd"u\'3\xc7\x7f\x92q\x03\xdd\x89\xec%\xcfvr\xe8\xac\x9e\xd9ku\x9az\xb6^\xff\xed\xac\xf8L\xcd\xe1\xcb\xcc\xc6&amp;%\n1y\xc2qK\xe6\x8d\xb5Q\xf2\xa6\x91\x0e8CjW@\x88\xda\xbd7\xe7\xad\xa4w\x08\x97\x14\xb2\x92?\xbe\x93F\xb90M\x03\xfb|\xd9\x7f\xf4[xs\xcd\x05\xe9O\xd6p\x93uQ\xcbf\x01`\xc6\xa2\xaf\x1eU\x19+\xfd\xa8u\x8f\xfa,\xb8\xde`\xe0\x0e\nH1\x98\x97l\xca\x9b\xfe\xec?\xa4\xe2[/\xb5k \x8f\xf8N\xabF\xacy\x08\xa0\xfd\xa4\x93\x16\xba\xc4\xd4\x9d\xaf\x04r\x16\xc1\x0c\x0bU\xc3\x94\x0ce\xcc6e\xff\xc9\xb8\x1a\x9d\xa7\x9d\x93R\x1f\xe6x\x89Q\x18c7\xfe|\xfc9*uXq\xe33\\\n\xb5\x95]m\x92\xae\xa7-\x9f\x00\xd9\xe2\xe4\xb2\xc8Y\xba\x8f\ns\xbaFd\xc8\xa7*+\'3\x15\x83\xa2\x84\x8e\xd6\xc5"\xe9\xee\xb5\x02@x\xe2D""\x87\x989\xfb?\x88$5\xcb\x91\xb8\xf1*6]\x93\xdb:p*\xa9\x8a9\xa6f\xaeL\x99+\x0b\xec\xaf\xd2yu\xefyW\xd7\\0\xa9\x8f\xae\xd8\xad7\x84k\x18\xc4\xe4rp.\xd8\xa6\xeb\xcc\x0b\xc9\x13N\xac\xbfl8&gt;\xaf\xcd\x0f\xe9\xfe\xc3\x82\xc8\x14\x9e\x93\xca\x03]g\xc6+\xbef\xde\x01\xef\xb8\xa3\xc9{\x98\xdd\xb5p;"\x8an4\xb3`\x8dq\xe4j\x94S\x8bOf\xa0\xfd\xa4\x93L\x1d.\xbc\x97Q\x87\xf0\xc4\x89\xb9\xe2\x06H&gt;\xdc\xe3\xda\xa7\x94\x1f\xab\xdf\x18\xc2)|\xcbE`\xa3\xc1\xbb\xf8\xfd\xde\xf90\xcf\xdan}\xf2\x01H\xe5\x11j\x8f9\x97\xcd\x93L\xb9\x86\xc90\xad\x10\x11\x13W.\x16\xc0\xf3\xffGnS\x8d=\x00j\xdf&lt;}dK\xbd\xfe\xdb\xcb\xb5]b\x0b\x1eR1-\x16\xfc\x0e\x00\xf8\x0c\x00\x90\xfd\xf2hM\xd3\xe1\xfb\x85\x96\xc6\xff\x83\x88\x88\x06.\xbd\x9d&amp;\xd2\xd0jH\xc5v\xcb\xcb\xb4\x98o\xe8i\xc6m~\xcas`\x01\x93\x0ex\xf8\xea\x07Z\\\xdf\x9e\x89\x8c\x07p\xe3O\xa9\xbd\xe9\x1f\xfa:L\xdf\xfdZ\xc2\xe1\x0e\xca\xd7}=\xab3\x17z\tP\xba\x92\xbd\xe6]5\xd3\x1eH\x99\x12x\x16c\xb9\x1c\xfb7\xccSa\xb0\xe4IpN\xdf\x98\xbe\xff\x00I\xc3\xf6*\xac\xa7\xc6\x98\x8b\xe8y\x11Y\xd1nd\x98\x80\xab\xf1\x18\x9a\x7f\xf8\x8fT\xd5y\xb6EJ4\x99M\x19\xcb\x99l\\sA\xada\r\x80D\xfd\xa0\xec%e\x0422\xdf^t\xa3\x99D\xd9*w\\i\xbcS\xd2@x\xfd%l\xbe\x0e\x00\x1b.\xab\x9b.\xe4\xa8\x934t\x8fKX\xb2b\x8f\xb0rm\x97\xa8\xaa\x80\xcd!\xbe\x0c\xd6x\xe8\x1e\xa2\x12\xf2J\xcdYG\xaf\xff`9\xcbPq9\rY\x90\xf8!\xaa\x19\xbb\x91m\xd3\xe5}QM:`iR\xa9\x85V\x9c\xf9v\xe0\x91\xf0\xcb\xefB\xf2\x84W}\xa5\xd4\x96M\xe1\xda\x13\x98\xa4\x17\xef\xf4g\xc5\xb6Z(\xf9r\xd4o\xe1\x8d{\x00eI\xb8\xf3\xb7\xe9\xe5\x8cG\x00\xec\x0c\xa4\xd9\x88\xa8T\xd3\xb9br"),9\xf1\xd5!\x7f\x0b\xe9\xb5\xd2\x1e\x8f\xaa\xfc\xe1\x12\xd6\x95\x0f\xcbT\xa8\xad\xbf\x0cc\x05\x07\x8d\x87\xec\x06\x10Y\x7f\x1ak\x9b\xd1j+g\x94[&amp;\xa1\xc5\x86\\j\xea#\x8c\x80\x0f^H\xd5\xd1bg\xfbJ7\x8a\x8e\xd9\xf0\x84\xbck5\x1a\xb2\xdbx\xb3K\xb1\x06\xd3\xb8OH\r\xf2W\x19Y\xad\xdb:"\x02\xf0\r\x08\xaa4,}\xbef\xdf\x80\xe4\t\'tG\xe4Hd&gt;\xe3\xd6c\x8f\x10\x91X\xde\xf5\x08\x00*\xf3\x1f\xeb\xda\x1aiY\xcd\xff\x83\xa1j\xd7\xb5\x8a;0\xcd_\xc8\xf4AM\xbb\xce\xbc@\xe4o\xe2L \r\x87\x99{\xde\xca\x89v\x95\xd7\\\x9a\xf4\xac|\xad\xb0s\xc16fGr\xd3t\xf8&gt;\xff\xb2\x03\x89\n\x12\xe5\x96\xdeMJ\xc6\xcb\xb8\x0e2\x86Jr{nA\x1c\x89\nL\xde\xfe\xc2\xc4l\xae\'\x98q\x13\xbb\xfe\xc9\xd6\x16\x8c\xb8}\xb3[\x8e&gt;\x04 \xac\xd6\x04+\xd7\x86\x17\xc1\xbeP\x84\xb8V\x0b\xf5\xcf8\xa3\xbc3\xed\xa4\xc4\xe3j\xe86e\xec\xfb#?\xf18\x11\x11\x15\x97\xfe6\x03\x18\xb2\xe2\xde\xa9\x97&amp;\xc7\x17\xae\xd8~\xb9|\x91q;\x89\xcd+3\x86\x98\xba\xe3\xa5IM\xf8\x8e\xaf\xd6m\xdd\xe0\xe5w\x89\x8a\x01\x98{\xe07f0\x0b\xa0H\x9dI\xcc\x01\xf5\x07\xec`\x9e\xef\x0b\xe0W\xdd\x83\xce.\xb3\xf2\x120\x8d\x1c\x08\xd7\xfe\x12\xff\x128\x13b:\x02\x88i\xb1@Q\x81\xe1\x9c[\xcd\xac \xa6\xb8\x85w\xe0K\xa2^\xbd\xfb\xfa\xba\xfd\x0c\xc9\xfe\x04]\x19x\xaa\xd4c\xce\xe5\xa4\xa1{\x13:\xaf\x91\x7f\xae0v&amp;\xddj\xf6\x12=\xf9\x0e\xddvKR\x07\\\xaa\xe9\x1c\xfb\xbcM\xe6\x1e\xf8-\xa4\xeahi\xc1\x0br\xc9_\xae\xcd\xe2\x0f\xc0\xe4\xed/&lt;":W\xeb\xb6\x8e\xa5\xa2%\x84!*r\xc4\x9a\x87\xb2\xaf\xe9\x18\xc7\x9e\x05\x95l2\x9b\x18\xb33W\x07\\\xa8\xe6x\xe6B:\xa9/\x1b\xc2\xd4\xbc\x9c\xa5h\'\xa2H\xa2"\x8b\x8e\xfe\xa9\xbe\xf4\xd8\x962L\x0b\xfc\xd8\x97.\x914[\xafK%\x17_\xfd\xdb)0\xe9\x11\xcd\x8a\xc5+\xec\xd7v\xfc\xb1\xdc\xe5\x07-T\x7f\xb3\xdc\xabPN\xa1LG&lt;H\x9a\x887\x1fy\x00@\xff\xc5\xb7L\xb6C\x97`\xca$\xd3K\xa1\xc1\xcb\xefRn\xfe\x84QZ\xd0\xc6,\x91\'?\x81\xfee\x07\x92K\x85U\xe7\xd0v\xfcq&amp;/\xe9\xde\x07F\xcd\r\x80B5\xc7\x13\xd1\x98\rO\x00d*\xa8|\xb8FD-F\x1f2\xd7\xb6\x85\xfc\x94\xa8l\xaav]+\xaeT\'I\xeb M\xc2|\x83\xd7&gt;\t\x9b\r\xbc\xb5\xbb\xa0\x13Q\xfa\xe7\x9a\xb9&amp;q\xe1\x10\xabf\xea\xb6\xec\xd4\xdf|JC&amp;\x1dp\xe9\xe6\xf3\xf8\n\xd9u/\xe50\xe3dvF\x14o&lt;KY%\x95q\xf65o&amp;\x06\x0e\x04}\'\xf9`\xdc\xbe\xcc\x1d6\xa3\x1b\xcf\xac\xdaem\xca\xdf\xde\xb5\x88\x88\xfc\xea\xb7\x18up\xfc\xe6\xa7\xe37?\xb5E\r\x1c\x97\n\xec\xbf\xb4NZ\x93_\x832&gt;\x02g_#[T7\xe9\xa7t\x98|\x9a\xa8\xb0\xee\x0f\x85=w\n\x00\x96\x1c\xff\xc2\xb9\xebo\x00@\xae\xb8\xfeDdn\xce\xcaY\xa6\x8f\xcaK\x0b\x12\xba\xefGt\x9by!\xa6\xa5\xf8\xc4\xe2\x0b\xd7\'1h\xd9\x9d\x91k\x7f4\xdf&gt;\xef\xd0G\t\xb6n"\xa2O\xc0\xf9w\x96j\xe3\xfa.\xbcA\xe4\x11\xddhfb\x9f\xad\xc2\x9d\xd3\xd6\x9b\x86:d\xcbT\xb0m\xaf\xb9W\xd4\\w\xf2\xf6\x17\x1b9R;\x14\x89Ta\x08\xad\xdau-\x91\xb3~2\'+Y\r\xe7\x84Rc\x9aX\xd8\xdfd\xf8\xaa\x07L\xb2\xbcX\x93w\xd5\xb5R\xbd\xfe\xdb\xf51\x0e\x99LRb\x1b\x98\xbd\xef\xbd\x82\x8bZ\xc0\xdc\xaaY\xf9\xbe1}y\xb3\xb1\xf9\xd6\x95h\x9b\xd5\x1d\xc0Z\xc3.\xdex\x16s\x0f\x9d\x0b\xb6\xd1&lt;\x85b\xfe*#\xca\xb6Y,~\x9cS\xd9\x19\xbb\xdfhqA^E\x88\x90\xaa\xa3S\x9aw\x16\x9eQ\xddXI\x82\x995\xe0\xc2m\xc7\x1f+\xa96+\x91\\\x98y\xad$\x85A\xab\xd7M&gt;\x00B\xab\x8f\x15;\xca\x935\x98\n\x03\x90+\xb6\xbf\x86\x15\x10\xf8\x12v\xdc\xb1\x8c\xcd\x93\x97\x14\xe7\x82\x90\xaa\xa3\x05\xf5\xea\xa4\xc0\xd1\x19\xd4\xec\xb91c\x01I\x828\xb2\xbc\xa8$c\xb0\x921.\xeb\x01D9\x89\x1c\x04N\x00`\xf8 \x1d\xf2\xb7P7\xefq\xb5\xcf\xdb\xd4\\\x9c\x8bI\xdd\xa8\xb8\xd0\xf2\xc9K\x892\x8f\xdf\xfc4C\xbe\xe6\x02\xe1%&amp;L\xdc\xfa\xdc\xf0\xffn\xb3.Z\xce\x8b\xb0\xa1\xd1\xc2\xb9\xe5"\x05\x8c\xba\x84\x0c\xf9\x9a3_V\xb4\xa5\x92\x92\xdaF\x0ef\xae\xbc\xf1\xd9K\xf6\xdc|]\x92\x83\x15o\xb1\x8eq\x00(\xbdy`\xae\xa5\x98\xb9\xe7\xad\x03K\x9f\x92\x05\xf7\xb0)\x15\xd0\xdd\xea\xe2\xa9\x9bD\xd2\xb9 ;\xc7\x9a\x98y5C\x8c%\xeb\xa2\x05\xd7%;\xc4+\xf2\x8d\x12\xed\xc0r\xfc\r\xac\xbd(\xb1\x0e\xe9\x05\xf3 eL=\xa9\r\x8e\x01#\x1f\xd9K\xf2.;Y\x05\x9d0$\x80&amp;\xc3\xf7\x01Xq\xe6[)a\xbd\x0b\x1fy\x92{\\\x18\x86P\xdc\x92LCV\xdcS\xd3\x01\xd7\xee\xbd\xa5N\xdf\xad\x00(\xa7\xac4Y)\x01\xd0e\xdb,.Tk\xbc\xe2\n\xa8\xc0R\xdd\x18\xab\x8f1]\x98l:|\xdf\xa8u\x8f,t]+3i\xdb/\x01\xe5\x06\x99\xc7\xb2\x1b\xa7\xc2\xe4\xc4\x1b@\xf1\xa4Y?X6\xd6\x9c\xc7m\xca\xa9\xac\x94\x04\x0cW\xff\xc0\xe9W \xcf\xeaD$\xean\xb6\xec\xe4_\x92j$?\xcf\x01\x9bUg\xa1\x89\x03s\xd5\xaekU[P\xfc\xe5;\xd3\x08#u\xec\x9e\x06\xe80\xf9\x14yT\x15v\xb8/\xd6`ZB\x17\xcd\xfc,4\x11e,\x9f\xbcT\xf69\x9e\xd5\x05S\xc7\x98;\x82j\xb8\x1a\xa7\n\xa6\xdb{hy\xb1\x8b\xc4&gt;[\x88\x88(g\xbd\xfe\xdf\xf1y\xa1_\xe3r\xa1\xf4\x8d\xe9+\xe9\x02\xe9J:\x15h\xf5+\xa0\x9b.H\x9b\xb8XZ\xa9\xdbb\xf0e\x866\x82\xe9}\xdd\x8ap\xa5^\xf6IT\xea\x84h \xcc\xe0\xa6\xa7\x02\xc6I\xd5[Jf\x18\xa7\x02\xadx\xf68g,\xd0\xda-\xbc\x83i\xb0\x96\xb7\xd4%\x7fy\xb6\xee\xf4B\n\xd22H_f\xa8\x84\xa4@\xf5\x07\xec8\xfa\x0c\x8c\x7f\x83X%C\xe6\x1e\xf8M\x9b\xba)E\xd6\xd4\xa2\xf3\xf4s?k\xe3\x9e\xfd\x1f\xbc\xe4\xee\xb3\xe0:\xf3?\xef\x12=\xaaw_\xcf\xda\x15(K\x9f\xb6N\xdfm\xccw\xd2v\xfc1m\xaa\x96\x83\xc7\'+\x13k\xd1&gt;KB\xf6\x92=\xe5+\xbc\x98\xe3!~H*a;\xa9\x0b8\x175 -\x95\x93sh\x9bB\xb5\xc6\xd7\xea\xb5I\xd6\x92\x81\x91\x98@\xdaA\xc0!\x88\xcd\xac\xbd\xef\xd4\xfbg\x08\xd0p\xd0\xce\xfcU\xd4\xe8x0r4\xf6\xfd\x16\xdd\xd4\x9b\xe5y\xd7A\x1cCZf\x8d\xec\xc2_T.S\xd1u\xc78\x00g_k&lt;\xb2t\xc8\xdf\xc2/\xb6\x9f\x9f\x89\x98\xb9\x8f\x05\xa5\xff\'m\xfb\xc500\xddtM\xffs2U G\xb6\xe1]\xaa\xeb\x93Nh\x8f\x88\x88\xf2W\xd1X\xbdY7\x8e\xf1\x93\xa3_\xa1\x81/j\xb0\xed\x18\x99\x93\x86\xee\xd1\xbe\xd0%\'\xbejRN\xab\xb1G\xd4\x18\x1c\x0c\xf64YA\xe5\x02t\x98|\x8a\xf1\xec5\xa3\x00;0\xa3\xef\x82\xeb\x99\x0b\xb7\x17*HH\xb4\xd9Zi\x16\xff\x83H\x9ah;\x076\xa8\x06\x95\xca\x1a\x05R\xd1(ap\x86\x18\x01\x87\x9a\xe0\x84\x91\xe4[w\xec\xc6\x9f\xe4\xaa\x82o\xb8\x8cO@\xbb\x89\'\xc4\x0f\xd5\x94\x11</t>
        </is>
      </c>
      <c r="E674" t="inlineStr">
        <is>
          <t>&lt;class 'numpy.ndarray'&gt;</t>
        </is>
      </c>
    </row>
    <row r="675">
      <c r="A675" s="1" t="n">
        <v>673</v>
      </c>
      <c r="B675" t="inlineStr">
        <is>
          <t>steps_per_sec</t>
        </is>
      </c>
      <c r="C675" t="n">
        <v>9700</v>
      </c>
      <c r="D675" t="inlineStr">
        <is>
          <t>5.367847</t>
        </is>
      </c>
      <c r="E675" t="inlineStr">
        <is>
          <t>&lt;class 'numpy.ndarray'&gt;</t>
        </is>
      </c>
    </row>
    <row r="676">
      <c r="A676" s="1" t="n">
        <v>674</v>
      </c>
      <c r="B676" t="inlineStr">
        <is>
          <t>Loss/localization_loss</t>
        </is>
      </c>
      <c r="C676" t="n">
        <v>9700</v>
      </c>
      <c r="D676" t="inlineStr">
        <is>
          <t>0.00542428</t>
        </is>
      </c>
      <c r="E676" t="inlineStr">
        <is>
          <t>&lt;class 'numpy.ndarray'&gt;</t>
        </is>
      </c>
    </row>
    <row r="677">
      <c r="A677" s="1" t="n">
        <v>675</v>
      </c>
      <c r="B677" t="inlineStr">
        <is>
          <t>Loss/classification_loss</t>
        </is>
      </c>
      <c r="C677" t="n">
        <v>9700</v>
      </c>
      <c r="D677" t="inlineStr">
        <is>
          <t>0.25816563</t>
        </is>
      </c>
      <c r="E677" t="inlineStr">
        <is>
          <t>&lt;class 'numpy.ndarray'&gt;</t>
        </is>
      </c>
    </row>
    <row r="678">
      <c r="A678" s="1" t="n">
        <v>676</v>
      </c>
      <c r="B678" t="inlineStr">
        <is>
          <t>Loss/regularization_loss</t>
        </is>
      </c>
      <c r="C678" t="n">
        <v>9700</v>
      </c>
      <c r="D678" t="inlineStr">
        <is>
          <t>0.03903061</t>
        </is>
      </c>
      <c r="E678" t="inlineStr">
        <is>
          <t>&lt;class 'numpy.ndarray'&gt;</t>
        </is>
      </c>
    </row>
    <row r="679">
      <c r="A679" s="1" t="n">
        <v>677</v>
      </c>
      <c r="B679" t="inlineStr">
        <is>
          <t>Loss/total_loss</t>
        </is>
      </c>
      <c r="C679" t="n">
        <v>9700</v>
      </c>
      <c r="D679" t="inlineStr">
        <is>
          <t>0.30262053</t>
        </is>
      </c>
      <c r="E679" t="inlineStr">
        <is>
          <t>&lt;class 'numpy.ndarray'&gt;</t>
        </is>
      </c>
    </row>
    <row r="680">
      <c r="A680" s="1" t="n">
        <v>678</v>
      </c>
      <c r="B680" t="inlineStr">
        <is>
          <t>learning_rate</t>
        </is>
      </c>
      <c r="C680" t="n">
        <v>9700</v>
      </c>
      <c r="D680" t="inlineStr">
        <is>
          <t>0.07988444</t>
        </is>
      </c>
      <c r="E680" t="inlineStr">
        <is>
          <t>&lt;class 'numpy.ndarray'&gt;</t>
        </is>
      </c>
    </row>
    <row r="681">
      <c r="A681" s="1" t="n">
        <v>679</v>
      </c>
      <c r="B681" t="inlineStr">
        <is>
          <t>train_input_images</t>
        </is>
      </c>
      <c r="C681" t="n">
        <v>9700</v>
      </c>
      <c r="D681" t="inlineStr">
        <is>
          <t>[b'640' b'640'
 b'\x89PNG\r\n\x1a\n\x00\x00\x00\rIHDR\x00\x00\x02\x80\x00\x00\x02\x80\x08\x02\x00\x00\x00\x83\xaf^t\x00\x00 \x00IDATx\x9c\xec\x9du\xc0\x14\xc5\x1b\xc7\x1f\xf2\xa5\xbb\xbb\xbb\xbb\xbb\xbb\xbb\xbb\xbb\xbb\xbb\xbb\xbb\x04\x83\x14\x14\x90\x10\x04\x04\x01\x0b\x01\x15P\x10\t\x05\x11D\xe5\xa7~\x7f\x7f\xcc\xdd\xde\xc6\xec\xee\xec\xde\xde\xdd\x1b\xfb\xf9\x03\xee\x9d\x9d\x9dy\xb6&amp;\x9f \xa2\x9c\x00v]\x06\x19\x02\x00@\xb4l\xed\x8c\xb3\xe9\x91\xbb\xeeT\xd3\xc2;L9\xc6\xfe\x1c\xbc\xfc2Q"U\x06\xef\xcf\xac\xec\xbf=\x9f\x81\xa2\x97\'\xa2Te\x86\x18\x949h\xe9%"\xfa\x15\xf8\x118\xfb\x08\xf2\xa3Sv|\xc7\xf2\xf0j!\xa2$\xaa\xa3R\x9e\x87\x00\x11\xcd}\xe7\xa7s\x8f!\xcf\x03\xe0\xc8m\xdfo\x00}\x17\x9e?vG^BNM-D\x14\xbbl\xfb\x15\xff)\x13\xbf\xf8\xcb\xe4q\xa8D\xd2^\xb8\xfeuq2\x10\x15\x92\x0e\xc5\xcd\xd7\xbd\xc5\xe8\xf7\x8ck\\s\xf2\x0f(\x89\x95\xbb\xb3\xd1\t1*(\xfe\x8cV\xce\xb8|k\xc4\xaaX\xa1\xd3j\'\x0b\xb4@\x86\x80\x95\x9c\xd0\xe9\x02\xd39]\xa0\x1d\xb4\x1f\x94\x8bK\x14\'\x19Q\x0c\xd3LRS\x9b\xa3\xd6$\x83\x0c\x94\xa0&amp;Q)\xa2&lt;D)\x1c\x11\xee\xc0\r\xa9\xb7H\'\xd5r\xfa\xa1\xaf\x0b\x01\xf0\x9d\xdeW\x9d\xa95\xfb\xff\xda\x1f\x9e\x9c\xda\xcb!\xa2\x9c\xb5\xa7\x0c[\xf9\x99\xdeE\xcd\x7f\xefgYB4vJ\xb6\x1a\x13\xb7~\xf2\x1f\x11}\xf1\xa7\xaf\'\xeb9\xf7\x8c\xac\x8a4\x9e\xf2\xd37\xd7\x96IT\x96\x88(^u\xa2\xf4DI\xbd\x89\xb9T9S\x95\x19\xaa&lt;\xcb\xc7{_\x81\x88\x9a\x0c\xdf\x07\xa0`\xe3\xd9\xda*\x0cZ:\xef\xd1hR\xca\'O1j\xdd\x17?x\xd2\x8b\t\xb5\x92\xd1\xcb\xd7\xec\xb3\xc5\xb4.\x17\xeb\x94\t\xb5\x00\x01\xe4e\xc4yU\xdc\xb7\xda%|\x90\xac\x1e\t\xb4\xb3,C\xbfE\x9f\x10Q\xe3a{\xb5\x19\xd2\x94\x1b\xce=1k\xf5\xf1\xaar\x0e\xddD\xcb1\xfb[\x8e9\xa0\xcc\x98\x97\x88\xf6\x7f\r\x00\xacC\xf5\x92N:\xb1T\x9b%|\xe1\xbc=1\x11\x11\x95\x82wfLD\x94\xa86\x00\xa2\xa2\xd2\xe1*\xdd\xd7\x1b\\,K\xdfu\x19\xcdF\xbeCDD\xc9\xe53`\x83S\xe4\xd9\x00\xec\xbe\xa2N,\xd1j\x91\xf2\x94\xac\xaaB\xcauXID\xcdG\xbd+/\x87\x950a\xcbM)g\xee\xbaSS\x96\x1el\xf0\xb0^\x01\xebO\xfd)OIR\xb4\x9f^f\xc7\x99\xbd\xef~\xd0\xear\to\x84\xc3^\xad\xe1\x90=\xdc\xf4p(\xaaKT\xe4g\x80\x886\x9e}c\xfaF\xe6\xaa=\x05@\xd6\xea\xe3G\xaf\xffR\xb0\xf02\xed\x96\x13\x15\xf6WD\x0e\x05\xb8\xa9R\xa7u\x0b\xa8\xd5g\xab&lt;\xd1\x9b%\x8b*\xbf\xaa\x84\x9d\x9787a\xdd\xa9?I\xd6\xd1\x02\xf8\xf0\xaez\x058e\xa9\xc1\xad\xc7\x1d*\xder!y\x87\x11D\t\x00T\xef\xb5){\xcdI&amp;\xf76M\xd3_\x94\xbd\xb8\x01\x9e&lt;\xc9\x1bpo\x02\x80\rg\xfe\xbe\x0b\x10Q\xe2"}eG\x14\xab\xa95zoV\x8er\\"\'A\xeef\xdc^\xcd\xc5\xc5\x08\x00\x1b\xcf\xfem\xfb;\x89\x96\xad\xbd\xb6@\xf9\xdc.\x98\xfcO{\x15\x19[\xfd\xe6g\x13\x90\xd5\xb7\x0b\x1e-[{JP\x83\x93\'E\x03\xf6?\xeb\x8c7\x9f\xfbG\xea\xf8s\xd5\x99BDD\xb1\x004\x1e\xb6\x17\x00Q\x1a"\x9a\xbc\xed6\xc9\x86\x02=\xe7\x9cV\x14\x18\xb7\x9a\xa5\'\xe2\xcd\x9c\x8f{t\xd4\xba/x\xc9\xd9\x839\x0f\xb6\xcd\xda\x8f^\x07\xa0\xd4\xf8\x01(S\x84h\x06\xc7"e_U\xb1\xf3\xea\xcb/\x82q]\xde1\xaeM"\xe5\xcdw\x89\x18$+1\xc0t\xb5\x992\xb7&amp;\xa2\xf1\x9b\xbf\xa1\xacm\x8dK\x0b\xfa\xab\x9c\\\xfe\xc7\x90\x15W\xb49j\xf7\xdb\xa6ML[~\xb8JTi\x8aLDl\xa7V\x90\x1e\xb3O\xb1\x1f\x00\x06/\xbf,\xfd\x060u\xe7\xf7D)\x13\x14\xea\xe5\xedk\xd3Kg\x01\xa87p\'\x11\xf5\x9e\xf7\xb1\xb6L\xcem\x8c[\x8d\xe2\xb3\xee?\xf9\xc7\x8fQw\xc0\x0ec\xa9&lt;%\xc4\xa8\xc0t\xc1\x84\xaap\x80@,o\x18\x906\xb8\xd5)\xa8\xd3o\xbb\x95\xecF\x8a\x17=\xe6\x9cv\xfb\x00\x7f\x98\xb4\xedv\xa8Epq\xb1\x8ewGVP\x13$\xa1\x03\xcdD\xf2\x06\xfe\x96 \'ve\xe9g\xaf\xb9g\xe4\xd5t\x99~\x9c\x88\xc6l\xf8\x8a{\xdeO\x86ZK\x96D\xd8u\xd93\xfa^t\xe8\xa9A9\xfd\x17]\xa0X\x15\xbd\x7f%d]\xf2\xfc\xfd\x8f(q\x9d\xb8\xf9\xba\x0b\xd6\x95\xa5\xda\xf8\xf7\xbf\x05\x80\x8c\x95G\xab\x0e\x15m\xb1@\xfeg\xbd\x81;U\xba\xe5~b\xac\xd9ND\x94\xb9\xcd\x0e\xcd\x8a}\xa1&amp;s\x1c\x94\x81(\x81#\xa5\x0c[u\xd5\x91r\x9c!A\xcdPK\xe0\x12\x1a\xdcQ\x97\x8b!\xe9[\xf8\xf1\x8a\x14\xcf\xd7`\xa6#R\x9c{\xac\x90a\xfa\xee\xbb\xc6\xf9\xa3go\x9f\xa2\xd4\xa04e\x87\x11Q\xe5n\xeb\xb8y\x94\xd7\x15\x9bu\x87L\xd1\xd7*\x06:\\:\xc4\xdf\xf3\x99&amp;\x7ft;\xb6:\xaa9\xb7\x8d\x12\x1c%\xe6\xf5\xd7!\x97\x81\x91J\xf6;e\xc8\xa4p\x89\xd4d\xa88\xca\xcf\x12\xf6^\x0b\'\xdf\x8bK\xb8d\xe1\x81\xc7\xd2LQ\xd5\xed5\x1b\xf9.y\x1a\xfd$z\xa7\x1bt\t\xdf\x02\x9d\xa7\x1f\xf7\xfeUH\xcf\xba\xd7&amp;\tjr\x97\x9d\r\x000n\xe3\xd7e\xdb\xaf\xd0.\x06\x98vlN\xf5|q\xf2v\xb5q\x96T{X\x1e;\xa7\xbb\xb8Dx\xc2*\x9b\xe7\xd1!\x1c\x0c[]\\t\x00\xe0\xe72\xe6G\xf79\xef\xb7\xea\xa5\xcfSo\xba?U\xd8 A\xc1^\xfa\x07s\x10\x11eh)7\x19\x8a\x91\xb3\xa3\x93\xd5\'\xaa\xc5IL\xdb\xd4\xc9*\xa2&lt;\xa1iXS7\tA\xa5Q\x89H6\xcat\xbb\x7f\x17#\xac/\xae\xaa\x99\xf3\xf6\x03\xa9\x04f\x0bKD+?x\xe1\xafdj&lt;\xba?K\xdf\x7f\xb6\xf7\x9a\xbf2\xabx\x10\x11&gt;\x92@|\xc9\x9d\xa6~\xe0l\x81\x11\xa4\xb9\t\x0b\xb5\x00.\xe6\\z\x1e!\xde%\x13d\xab\x80..ZR6"*\xba\xe1\xcc\xdf\x86\x99\x8a\x9b\x95\x12\xd71y\x88:M\xfd\xc0F;\xdea\xf2Q\xeb\xde\xfe\xe2\x8b\xb8\x0c\x0b7d5\xcf\xe2\x04m\'\x1cV\xa5\x1c\xb8\x11\x19\x9aB\x17\x17\x17\x97\xe0\x01\xc0\xef\xc1~\xa9\x90\xcciD*\xed\xee5\r\n\x12)\x1b9WVI\x1b\xe7\x04\xe1A\xe8WQ*\xd0U\xbb\xb8\xb8\xb8D\x12f\xed\xfd\xd1\xbf\xf6:\x8d\xf4K[\xce\x8f\x9c\x92\x85\xe7\x911+\xf6_t\xc1\xfbG6\xbd\\\x00R\x94\x1a$Zf\xf0H\xec\x7f\x11\xff\x01\xe2&amp;IA&amp;\x82, GpR5\xe2\x197\x97\xcd[\x7fF\x80+N\x16\xe0\xf2]\\\\\x88(\xe2\xb7\xa4v\xe5\xcfa\xb7\xc28\x8e\x8a\x11Qy\nD\xa85y\x17"\xa2\xae3O\x86Z\x04\x17\x17\x17\x19O\x03\xd0s8\xd2\x1b\xd9(\xa4\xa37\xa6a\xf8a\xe3\xd97\x81\xae"t}\x7f\x1e\xb3\x0c\x85\x82!E\x14 ^\xfe\x1e\xa1\x16\xc1\xc5\xc5%\x10\xa4i*\xc5\xd8\x89\xe8\xd4\xe8\xb59\xd4"\xa8\xf1[u&lt;\xafi\x8e\xc7\x9a\xf2{\xcd;\x1b\x84^y\xe0\x92\x8b\x81\xae\xc2\xc5Eb\xc3\xe9\xbfB-\x82\x8bKpH\xa3\xb1C\xf5\xfa\x8c\xac\xd5w\xab\xfaPP\xf0\xbfG\xe1\x96\x90\xbb\xee4?\x8b5&amp;S\x951!\x99\xa1\x96l\xbd$\xf8\x95\xba\xb8\xb8XE\xebG\xd6%J#\xeb0\x8a\xf1\x8eG\x0f\x9e(2"\xee&amp;k\xdf\x85\xe73U\x1e\x13j)\\":\x16"\x82\xb8\xb8\xb8D~\x82\xd1)&amp;\xa9\xeb\xfd\xc5\x0f\xe3\xe3\x12A\xc8\x1dj\x01\xc2/s\xdf\xf9I$[\xfc\x02\x11r\'\xd8)\'\xf0*n\xfc\x13QG\xe4..\x0e\x00@\x13F\xa6l\x80\xeb,\x1d\xe0\xf2]\\\x02\x85\x1f\xda\x00\x9e\xd0\xce?G\xd8E \xc7i0xw\xa8Epq\t\x06)\x01\\zf\xfe\xe5W\xef\xb5)\x08\xd2\xb8\x84\'b\x85Z\x00&gt;-F\xbf\x17j\x11\xd4\xc0\x8bq\x1e\xb3b\xa2?\x8a\xaa}p\xb1\x16\x0b}\x7f$\xa8a\xcfA\x8d\x8bK\x04c\xe0\xd2KDDT\xa0\xd3\xb4\x0f\xcd\xf2\xfa\xebzb\xdb\x85(\xda\xb8DP\xc2\xf9\xae\xbcj\x92\xd4e\xfa\x89PIB\xaa\x0e8m3n\x9e\x86C\xf6\x84\xf3[\x1a\xae\x98\xff\xde\xcf\xa1\x16\xc1\xc5%\xc0\x00\xf8\xfc5\x88\xe2\x02H]f\xa8^\x9e K\x15Z\xc6l\xf8*\xd4"\x98\x93\xbc\xe4@g\x0b\xe4=\xe5\xf8\xceV\x11Y\x81\x0cn\x866\xe3\x0f\x91\x13\xc1N\xa2\x12\xd1B-\x80\xe3h]\x9e\xb9DyJ\xb5]\xeai\x17\xc2\xaa\xe8\xe5\x89_\xa0\xa7\xa3u\x86\x8b\xf83\x8d\x87\xed\r\xb5\x08.6\tb7&amp;\x14Y\x04J\xe4\x87\xca\xb4[~\xf6g\xe5\xd1X\x15\xf5\n\xf1C\xce"~\x9c\x1bzb\xe5\xee\x1cj\x11\\\\B\x04k\x17V\x1d\x7f\x19jA\x82\x8a;\x17q1&amp;N\xben\x829\xe5\xfd\xab\xd6k\x8a\xaa{.\xd8d\x8e\xd3\x92:C\xac\\n/\xe8\xe2\x12\x1a2\x87Z\x00\x97pE\xca\xf0\xb6^\n U\x99!\xa1\x96\x82\xcf\xe7\x7f\xaa\xa7\xbfI\x8b\xf7\xf7\x1cK\xd1@\xd5\x01o=\xff\xaf\xb6\x84pu\xab]\xacP \xd4\x02\xb8Dh\x92\xd5\xd3;R\xba\xedR\xa9]\xd06\x10\xb9\xeaL\xa1\x8c\xad\x02(XH\x01\x90\xbb\xee\xb4\xa8\xdc,\xce\xd8s\x8f\xe2T\rU\xed\xdc;\x1f\x9e\x1f\x07\xeb\\\x0f\xdf\xf2H\xd8p\xc8[\x8a\xc31\xca\x1bo\x12\xbb\xb8\xb8DE\x8c[\x84Q\xeb\xbe\x08L\xb5\x19\x03S\xac3\xdc\x02\x1a\x0c\x924l\xf3&amp;/9\xd0m7\x83LH:`\xad\xa1\x9d\x95\x1a\xf3\xb2\xfe\xb5Z\xcf\x8d\x9c\x83\xb1+\xb3\xa3\xbf\xf1\x0b\x14\xdaivqq\x89l\xec\xbe\x1c\xb1\xbb\x96\xf1\x9b\xbf\x91\x85\x88\x8fi\xbb\x1c\xd6\xd4\x02\xd8r\xee\x1f\xfd\\\x91O33\xc2\x91\xcb\xff"2T\x1ce\xf1\x0c!\'_\xac\x8b]s\xe2\x95\xf6\xd0\xd5\x97\x00\x10#G\x07\xee\x89_\xfc\xa573\x0e\xd7\xe3T\x17\x01\xf2\x87Z\x00\x97\x88H\xb2\xfaU{l\x08\xb5\x10DD\xa5\xdb.5\xcdS\xbe\xe3JG\xeab\rh\x93\xe1o\x1bd *\xeaH]\xe1\x9b@\xfb;\x13&amp;K[MR\x8e.\xd3\x8f\x87@\x12%\xdc\xfe\xb2\xee\x80\x9d\x8d\x87\xed\xd5\xae3\xcbS\x0c\xa6\xd4A^eY\xfa\xfe\xb3`Vg\x99\x94\x8dBVu\xb4r\x01*\xb8\x86\xeb\xcb\xc8E\x94D\xb5\x89\xc8\x8f\xb0\xf6\xce\x10\xb4V\xc9\xa3\xa1\xdax\xb6a\xae\x92\xeeZt\xc8\x99\xb2\xe3\xbb\xe0T4i\xdbmn\xba\xde;0}\xf7]y\x1e\t\x9e\x0b\xb9\xec\xda\xd3\xb3\xd5\x98`O\xce\x88C\x99P\x0b \x84\xfb\x8d\xbb\x84#\x92\x95\x18\x10j\x11\x02N\xd2b\xfd\x8d\x15d\xd8\xa1\x15\x1f\xfc\x16!\xf4h\x12\x14\xec\x15j\x11\xc2=\xc9\xeb_}e\xe79\x16m&gt;\xbf@#\xe3Q\x9a\x16n\xc7\x93\xc8J\t1,\xd6\xe8\x0cQ\xe1\xdbwq\x89X$wb\x89&amp;\xbd\xed3\xbf\xf9\xd7\xf9\xfeO&gt;_!\xa2\xf7\xbe\x02ej\xa5\x97\x01@\xf6\x9a\x93\x1c\x97!h\xf4\x9c{\xc6\xa9E\xfb\x900`\xf1\x85\x10\xd6&gt;p\xe9%\xf6\x92\xd4\xe8\xbd\xd9\xa92\xcbu\x08G\x8f\xe3\x93\xa7\xe1f|\x99\xb4n\xfa\n#C-\x84\x8b\x8b_$2t(\x98M\xedp?~\r"j6\xf2\x1d\xbd\x13X\x0f\xd4r\xcc~\x87\xc4\xb3F\xc6\xc0\x84\xdd\x95w\xae\x99\xab\x8e\x05P\xb6\xfd\ny\x86\xff\x94\x1d\xf0\x97\x7f\x87\x9bF\xca:#V_\x0b\xb5\x08\xa1\xa7p\xb3yfYL\x02sM\xde\xfe-\x11U\xee\xba\xce!\x89\xcc\xe93\xff\xe3\x00\x96\x1e\xbfF\x00\x0bwq\x89\xb2t\x9cr,F\xce\x8e\xce\x95W\xd0\x91RV~\xf0\x82\x97\x9cP\xfe\xc7\x90\xe5\x97y\x8a\xc7\xb9\x88R\x9b\x96/\x1c0\'&gt;i&amp;\xb8\xdcE\xe6\xa4\xc5\xfb\xfb\x8efj-Vx\xb8\xe3\x16P\xb2\xf5\x92PKa\x8dt\x15F\x04\xb7\xc2\x94\xfe\x17q\xfc\x9e\xf3C\xb4\x189\x1c\xfc\x8a\xd5\x84\xff\x8d\x15\x17\x17\x17\xa2\xe8\x0e\xa9\x08\xf2#\xc6D\x97\xff\xa1\xa3\x02]\x82\xf5\x82\xc9\x8a;\xb6A\xa5\xea}\xe3\x17\xe8\x99\xa6\xdcp\x83lN\xd5\x1b\\\xe2G\r\xb3\x96x\xaa\xbf\xe7\xbd\xfb0\xf8\x8fl\xdfuGj\x0c\x17\xc10\xe4w\xefID}\xf9CH\xb6P\x0b\xe0\xe2\xa2\x86oPk\xb1\xa1L\xea\x88(D\x94\xb0Po\xe3\xe9/#^\xfe\x1e\x11\xb9\x03v\t\x1e\xe1\xf9%IYzp\xa8Epqq\t\x1dz\xcdS\xfdA\xbb(q\x1d\xc7\xaa\xb1\xe2IQ\xa4\x03\x8e .\xb12pS\x13\x16\xeaMD\xa1\xd2\xa7uq\xe1b\xfaAm&lt;\xfb&amp;\xb4\x02\xb8\xb8\xf8Oa"\xfa\xcf}\xd5\xf4IQr\x90a\x07\\\xe8\xc7\xf0=\xf7-\xd0h\x96X\xc6\x10\x1bv\xbb\xb8\xc8\x01@1\xca+\xfe\xd4f\x08 \xee\xfa\xb0K\xe0\x81\xd7\xcf\xa2\xc0\xdb\xec\xdb&amp;,\xd9f\t/\x833JX\xe1\x90\x9c\xb5\'\xc7\xcd\xd7=S\x95\xb1\x14\xb3"elU\xa4\xd9\xfc3?\xfb\x1c\x18\x85\xe7\xde\xd7q^k|9\x85J\x12[\xf8\xde\xe1x\x05z\x84P\x0e\x17S\x00H\xfb\xca\x19+\x8d\x0e\xf2\x9bf\xcf\x16\xdc\x942\xed\x97G\xb4O\xc6%\xf0\xe8\xbd\x13\xdf\x02\x00~6~c\xbcA\x93\xd6\x9e\xfc\xc3q\xc1\xc2!ay\xbarU\xa3\x13\x15\xe9\x13%&gt;-\xbe\x8a\x9cKx\xe7\xca\x8b\x08\xf6r\x02\xd8"\x8b\xcf\x18\x88\x8f+J|\xb0.\xe1\x9ex\x00*u]\xab=\xc0z\x97\\u\xa6J)M\x86\xef#*$\xcb\x92&amp;\xf0\xe2\x05\x08\x9f\xef\xfe\x9b\xffY\xfb\x0e[\x8e9\x00\xe0\x96\xe6\xeb]~\xf4\xb9\x03r9@b\xfdC\xa9\x82\'\x853\x98\x18\xdd\xba\xe8\x10n\xbcv\xdb\xc5;\xb4e\xaa\tq\x02QE#ehH\xe5jV\x92\x0eS\x8e\x05\xa2R\x17\x175\xebO\xff\xd5y\x1a\xc7\x91}\x9b\xf1\x87\x94\x83\xc4R\x00(Ucy\x9e\xbc\xf5g\x04X\xba@\xd1k\xde\xd9P\x8b\xe0\xe2\x12\x91X\xcd\x0b\xe8\x14PT&amp;\x85f.\xd9\x9d\xe1\xc6\xff\x02&gt;3\xfe\x13p$~\x97K\x94"\x0c\x00Q\x89P\x8b\xe1\x12\xf9\x89\x9b\xaf{\xa8Ep\t\x0c\xe9[\xd8&gt;\xd5\xd1E\xe3X\xe6Y\x02\xc6_QLw\xc4%\xea\x92\xa5\xda8\x7fN\x07@T\xd2)a"\x1fQ\xb3\x1di:B76\xa5\x8b!\xc9\xb4I\x7fJ\xafP\xdcjA\x95%t\x94i\xb7,j~8.Q\x8ej\xb2\x00\xc6\xf1\xf2\xbb\xf3*G\xf0y\x95\x02@T \x84\xa2\xb88J)"J^r\xa0#e\x05\xba\x8f\x01@\x94\xc9\xee\x89\x1c\xb2T\xf5k\xb0n\x91\xdcA\xac\xcb\xc5%\xd0$\xe0x\x8d\x17\x99\xfe\x0e[u\xf5\xd4\x03\x91\x96\xc2@\xb9\xc9\xc3\xa0e\x9f\n\x94\x13\x81\x89\x91\xa3\x83*%`\x8dl\x96\xc0\x14\xebb\x00g\xa5\'S\x15U\x98\x13~\xec\xde9o?\xd0&amp;\x16j2\xc7\x01\xa1\xf4\xb1\xfd\xeeM\xdd\xf9\xbd\xb3\x92\x88\xa0\r\xff\xec\xf5\x81\xe3\xe2b\x9d\xb1\x1b\xbfN\\\xb4o\xa8\xa5p\x80\xe2\xad\x16u\x99\xce\xd1A\xb3\xc1\xceK\x01\x1c\xf2k\x9aB\x7f\xcaj\xa5IJd\xcf\x13\xe1\xe8u_\xf8/\x8eKx\x00\x80\xb6\xcb\x0c\xa9\xa5{\xec \xd4\x91\xad\xc6\x84 \xd4\xe2\xe2b\x8e\xc8\x976d\xf9\x15\xdf\x1f^#`\x97\x88\x0e\x80\xcd\xe7\xfe\t\xb5\x14.\xe1\x8e\xd6\xe3\x0e\x06\xaf\xb2\xc4\xb5s\xcb\x8c\x1eE\x98\xf9\xd6\x0f~\xd6\x99\xb4X\x7f?Kpqq\x06\x00\xae\x87 \xabD\x0ee\x8a\xde\xf3?^\x7f\xeaO\xe1\xec\xd9\x03(J\xc4a\xd2\xb6\xdb\xa1\x16\xc1.1+\xe8-&amp;\xc7\xcb\xef\xb6\x00\x01$r4\x17.\x01!\xaa9V\xd4\xe2\xff\x1dH]v\x98S\xc2\x04\x99Y{\x7f&lt;p#J?}\x17"Z\x16^\xfc\xc9\xb8\xb8Da\xf25\x08\xa7\x1e6\xc2\xf2t\r|%yl\x9f\xe9\x0eb\\\\\xa2,\x82\xdf~\xdb\t\x87\x03-\x89K\xc4\xa6\xe7\x9c\xd3z\x01\xec\xa2\x02\xbfY\xeaD\xd35W\xfc\x99\xa0\xa6\xb3\xc28J\x92P\x0b\x10U\x88\x04\xe3\xb0\xe4%\x9c\xb1G\x8a\x82\x8c\xdd\xf8\xb5\xfc\xcf8y\xbb\xc9\xff\xd4\xf3\xfe\xeb\x125)\x16j\x01\xc2\x1do\x7f\x8e7\x11\xbf\x01\r\xe7\x84\x93.*@b\x00\xa0\xb0*\x81(9\xe8\x08\xb9|OZ\xdcOm&amp;E-\xf5\x06\xec\xf4\xaf4\x17\x97\x08\x0c\xd7H&lt;Y\xc3!{\x82-H\xb8\xc4\xbc\xc9NZ7\x10\xf5\xae\xfa\xf0w\xa7\x8b\x8cg\x9e\xc5\xc5E\x87\xf8\x05{\x86Z\x84\x08I\x8d\xde\x9bC-\x82\x8bK\xf8\xc0\xdajs\xe0H\xd5(\x98\xb5e\xa84:\x98\xd5\xb9D\\\n4\xf23\x04BF\xf3,...\x11\x9a\xf0\xa65\x16=\xbb\xdai\x94\x19\xc5\x03"\x87\x1e\tk\x05\xb5:\x97\x08K8\xd9)\x88\x1c\x14i6\x8f\xdc[\xea"B\xb3\x91\xef\x84Z\x04\x0bD\xb6w:\x89\xcdE\xecf#\xdfuV\x10\x17\x7fHY\xca\x8e\x7f\xb1\xf0\xc0\xa6\x8f\xff\xe7\xfd\x99(\xd0u\xf9\x191%\x021|\xd5\xb5P\x8b\xe0\x12!H\xc8W\xe5\xfdU\xa7\x9f\x030r\xed\xe7\x81\x14\xc8\x9cp\xd6\x07\xc7\x10\xca\x95\x92\xbb\xf2\x9c&gt;m\xf9\x11\x82\xd5\xac4\xd9\x18\xe6\x84]s\xfcFEz\'\xd8\x8e\x90\xa2\xe4\xa0P\x8b\xe0\xe2\xe2\x12\xe1)\xdeh\xe8[\xbc\xf4p\xb0\xd9\x13n\xf4Nm\xb7\xb6\xa9J\x0f9\xfbH\xbf\x83\x8c\xcf\x899!G\xb4sMV\xbf\xf9(w\xae\x1c\\\xe2T\r\xb5\x04.\xa1\xa7\xcb\xf4\xe3\xd2G\xdau\xe6\xc9\xd0\n\xe3\x12&gt;\x88Vv\xd1\xa1\xa7\xa1\x16"\xc4\xe4\xa97=\xd4"\x10\x11Q\x92\xba\xb7\x822\x95\x07\xa0Qw/\xa9\xca0~\xf37\xec\xf7\xe9\x87\xe1ju\xc1%\xd8\x00\x08m\x10{\x7fpp\xc9\xe7\xe4}\xb0Ap\xa5.&amp;\x86\xbcz\x95\xba\xbez\\(f\xceN\xd2\xef\xc9\xdb\xbf\xd5[=\xdeu\x19\xfe\xbb;w\xb1\xca\x87w\x01@\xfe\x8c\x9cb\xd8\xca\xcf\xf4\x0f\xaa\x83\xa5\xff\x12\xa9\x9a\x89\xcc\xa1\x16 "\xc1\xed!\x92\x14\xed\x17\x94\xca\xc3oxi\xb1\xb8\xa5\x1e&gt;\xb8\x1b\x99&gt;\x1f\x17Gi3\xfe\x10Q\xb4PK\xa1"G\xa8\x05\x88\xd2T\xe9\xb6. \xe5\x9a\xad\x99\xbbD\x1c\xb2\xb9S7\x07\x89\x1c\xe1\\]"?\x19+\x0b\x19\xad.?\xf6\\;\x8dsq\xd1\x900\x98\x95E\x8aN+g\xa8\x05\x88\xcc8\x19\xea\xdb%B\xc3m,\x00\xac&gt;\xfe\x12@\xab\xb1\x07\x88\x88\xa2\x95\x0b\xb6X\xa2$\xa0,m\x83P\xcd\x8bp\xd0\xa4f\xab1Q\xf6W@\x163\x8e\xdf\x0b\xfdeF\x16\xb2\x85Z\x00Ga\xce\xcfU.\xd0\x83\xcb\x07w"\xfc\xcb)\xb9\x83.\xd3nYh%q\t/\xf4]p\xae\xcb\xf4\x13\xdaD\xa2X\x94\xa2\xa17!Kp\x85\n\x06\x85\x9b\xcd\x03\xb0\xf4\xfdg\xa1\x16$\x00$\xabo\xef\xbc\xb7\xafG\xf86.\x12\x11Q\x97vr\xd4\x9a\xe4l\x81\xf0\xb2\xed\x02\xd6\x9f\xfe3z\xf6\xf6Dy\x9b\x8fzo_0^W{q\xd2\xca:,\x85KT&amp;(\x01\x01#-\xa5\xda,\xa5\x18\x15\x02Sv*n\xea\xebp0_wq\x94\xb0P\x0b\xe0\x1f\xc9\xeai\x92RR\x966\x02g\xe6&amp;*\rC\x9c\x97\xd6\tJ\xbbs\\\x173\xb2:WT\x1cn\xaa\xb1Bu\xc8?\x9e\x85\x07\x1e\x87\xb4~\x7f\xad\xa8?\xbao~\x03G\xaf\xfb\xc2\xcfZ"+\xed&amp;\x1e\x11\xc9\xf62\xd4oiT\xa6T\x9b\xa5c6|e\xdc\x01\x87\xb0\x19y\xef+Vu\xa6P\t\xe0\x12q\t\xc6K\x13\xf2.6\xf2\xd1f\xfc\xa1P\x8b\x10\x89\xe1\xeaj\x95\x91l\xa3]D\xc8So\x9a#\xe5p\xfb\xda*\xdd\xd7\xf7]x^\x9b\x1e0\x0b:\xdb\x0e\xdb\x8b:)\x85K\xe4"i \xde\x8f\xb4\xe5\x87;^\xa6\xdf\x14\x0c\xb5\x00\x1abU\xf2\xe7\xec\xe0Y2$\xae\x1d\xa4\x8a\x1cB\xa9\xa4&amp;a\xb4\xcc\xd0n\xe2\xfb"%\x03\xa8\xda}\x83%ar\xd7u\xa6\x13\x8a\x9a\xa4.;Tl\xb2[8y\xc9\x81\xd2\xa1\x19{\xee9.\x89\xed)\xc4\xea\x13\xaf\x9c\x95\xc4%r\x11\x98\xf8\xb5\x91\x97\xc4B\xb9\xac\x99\xc0\xa6\xb0%\x89\x8b\x05\x8c\x1bP\x00\x8f\x82\xb6H\x13=\xdc\x9a\x12\x18Q\xbd\xd7\xa6\xe0W\xaa\xeat{\xcd;K\x94N\xff\x1b,\x16\xe8\xb5\xe8\x05\xd6\xf7\xaaL_&lt;?\xc4qq\xe1\xe2\xd5\x9a\x8e\x95K\xc4\xa3S2\x8aQ&gt;@\x82\xa4.;\xcc\xff2\x1c\x90C\x94\xf8\xb6\xce*4e\xc7w\x0e\x0b\x12\xb9\xd8w\xdd\xa4Q\x06\xf0\xf1\xe3\xf0\xde\x14\x96l\xb3$\xd4"\x04\x97\x98\x15U\x1dp\xb2\xe2\x03\xcc\xce\xc9\x1e\xe8\xcd\xe0Wn\x97\xe9\x12q(%\xffc\xec\xc6\xafyy\xf2\x06G\x14%b\x13\xd9 2f\xc3Wy\xeb[vI=e\xc7w&lt;\xcdR\x0b&lt;\x8bH\rJ.\xc5_\x89D\xd7\xc6\xb5\x8d\xb2\xe56:A`\xbdz\r^~\xd94\xcf\x885\xd7\xb5\x89\x95\x03\xe4\xc5,\x1c0i\xdbmU\x07&lt;\xef\xdd\x87\xdc\x9c-F\xef\x97~\x7f\xfe\xa7\x03\x1d\xf0\xf0\xd5\xfc\xd0\x81\x99\xab\x8c5.&lt;I\xd1~\x00$3_"JWa\xa4\x9f\xc2\xb8\xb8\x84;:N9\xe6\xc7\xd9\xe1\xd7\xe5\xacu\xfc\x1fID.O\x11.\xe1\x0f{\n\x83\x02[\xbf\xbe\x9cO&lt;\x87\xb2\xd4\xe8\xb5\x19\xc0\xa0\xa5,J\xa6\x83\xf6\x1d\x1e\x8e~\x07\xd7u\xaeK0\x98\xba\xf3{\xf6#i\xb1\xfe\x8a\x03\x86\xdaCV\x87\x9f\x83\xad\x04\x94\xd5\xd3\xc8x\x06\\\xfb\x03\x03\x16_\xb0T\xb5\x9f\xe8\x8d\xc7\xfd\xc14\xd0\x8a\xe3$/10\xc85\xba\x04\x1e\xb1\x88\xd4\xe1\x1b~\x07\x9c\xa1\xa5^N""\xca\x97\xa7\xde4\x00\x8d\x87\xed\xd5-7k\xa0\\\xe6E\xcb\xd6^\x93\x16\xc1\xed\xb6]BG^\x1b+9\x81\xd5)HXS\xaf\x03V|\xa2\x96?\xb0\x88\x1aj-b\xe3\xf7\xa2\xae\x7f\xab &amp;\x04\xf6Mv\x8a\x045C-A\x00\xd1\xfb\xc0\xb3\xd7Tk\xb9\xcb\'\xc7K\x0e\xffb0Wvq\x890\x18/\xfb\x18\x92\xd2yi\x88Z\x8e\xd9/\xd2\x01_~\x01A\xd7\n.:\xd86y\x8c&lt;\x04%\x16\xa7\xbf~\xbcM\x95\x92\x16\x1e|\xe2g\x15!#NU\x83o\xfc\xf3\xd7\xea\x1d}\x00D\xd9\x89\xa8\xe1\x90=\xfet\xc0\xfe\xf5\xdcq\xf35\x98\xe9\xc7\xe9..\n\xa2\xf7\x9e\xf7q\xd5\x1e\xd6\x0c\x1f\x89h\xc5\xb1\xdf\x1c\x17\xa5p\xd3\xb9"\xbd/\xe3%p\xf5\x15R\x96\x1e\xec\xb8\x18..AG\xd7R\x7f\xe0\xd2K\xc1\x94#\xe8\x14\xd4~\xda\x8b\x0f=\x05\xa0P}\xc8\xd0\xf2\x0f_\xaf\x99\xfd\x85\x1f\xbd\xaf\x9f\x9eb\xfd\xeb\xbc]\\\x94d\xab1!XU\x15\xe2\xa6\x0eYq\x85(?\xf7;Tu\xb7\xdb/\xe0\xd2s\x9c\xfd\xd9\x97\xf8\'\xf0-\x10\xfe78\x8d6\xab\xe4\xc4\xa9\x1a`A\xe4\x04iM\xbe`\xe39\xc1\xa9HC.\xf3,Q\x9ax\xa1\x16\xc0\x83\xf6c\xa7,m\x13\x15\xee\x133gGe\xc6\x9c\x92\xa3\x15\x7f\xa6\xbfz2x~ej\x1d\x00\xeb\x89\xd8N\x17\xe8\x121\xc9UgJ\xa8\xaa\xee&gt;\xfb\x147=s\x95\xb1[?\xf9\xcf\xb8\xf7\xddr\xfe_\xa2\x822\x1f\xd4\x89W\x1c\xfb\xed\xa9\xf7\xe8\xd2#\xbf\x86\xe3\x10\x8a\x8cR\xe6Y")\xa1\x9a1\xd8\xa97Q\xad\x00\x08\x12\xb1(\x1c\xfc*9\x1dp\xdcjE\x9b/\xb8/=\xc1\x0c-\xb8\xa7\x04[P\xe1z\xbfug\xc9.:$\x0f\xb5\x00J\x12\xd6\xbc\xc7\xebq\x1b\r}\x8bR5\xaa\xda}\xfdK\xe0\xe23\xe4\xac=EkI\x9c\xa1\xd2\xe8W\xc0\xc9\x1fq\x1bX\x14q\xb7\xc1\x88:M\xfb0\xd4"\x04\x94\xb2A\t$\xe7\x04\xe9\x9a\x85Z\x02?\x88Y1 \xc5\xc6\xad\x16\x90beh?\xff\x8eS\x8eM\xdd\xf9}\xdd\x01;\xb8\xf9\xeb\xf4\xdf\x0e`\xdc\xa6\x1b\x01\x91F\xe066\x19\xbe/ U\xbbD\x1a,\x0e\x0f\x0b\x00\xe0\xa9\xd7\x8b\xd2v\xc2a\xc5\xdf\xd1\xcaQ\x12!\xe7\x97\x8fx\xbd\xef\xd7\xff\x834P\xc8UgJ\xaf\xb9g&gt;\xf9\x05\xef~\xc9\xbd\xa2\xdc\xfb\xae\xe3\xd8\xf7\xd8}\x05\x91}\xab,P\x1c\xb8a\xb5w\xcci\xb5\x8a$\xc5\xfaY=\xc5%\\\x91\xbf\xa1B\xedh\xfa\xee\xbb\x16\x0b04\xd5\r\xab\xa2j\x01\xd2\x96\x1f^\xb5\xc7\x06\xa2\xe8\xda\xbc\xde9(\x7f?\xcb\x1e\xa1\x9aO\xbbDZ\x004\x1c\xb2G0\xf3\x8c=\xf7\x0c_A~\x18Z\x1eq\x85s\x12\x11\xad\xfc\xe0\x05\xaf\xffE\x8eZ\x93e\xb9\xe2l8\xf3\xf7-\xe0g@\xc7\xb7F\xaa\x8eS&gt;X\xfb\xd1\xeb\r\xa7\xff\xa2\xe4\r,\t\xe0\xe2\'\x11\xba\xd9\xfa&gt;"\x0b\x1f\\\x02\x1e\xeag\xee\xbb\x0fw~\xaa\\\x85\xe6\xc5\xd5x\xe8ydE\x84\n\x8d_]\xb0\xf6@\xbf\xc6\x11\xfa3q\xb1\xc3}\x8bc:\x006\\$\xfa\x87\xae\xd6\xd5\xb8M7T#\xdcT\xa5\x87\x18hF\x94i\xb7\xbc\xc9\xf0}\x13\xb7\xde*\xe3\x86\xc5\x0e.\xfd\x17_h0xw\xa8\xa5P\x90\xa1\xd2(\xc1\x9c\xe1\xa9Yt\xde\x97S\x04@\xb3H\x16;w\xe7\x9esN\xcb\x9b\x82r\x1dW\xde\xfc\x0fI\x8b\xf5\x172zL\xd5\xc8A\xe9\x8a4\x9b\xcf\xa4\xf4\xbf\xa8\xf0\xf4\xa6\xb9\xb8\x10\x11\xd1\xc0\xa5\x97\xf4:`\x00O\x01\xca\xd4ZsRNJ\xd1\x90\xb2\xb6%\xcaZ\xa2\xd5"\xd9@\xb8d\x99\xf6\xcb\xeb\x0f\xda\xd5z\xdc\xc1`^\x82\x9f\x04O\xff&lt;3\xbb\x93\xae\xbf\x9e\xc8\x8c\xbdV\xbe\xc1\xa0\xf05~"\xca\xd7f\xfc!\xa2\xa2\x136\x7f\x13\xe8\xd0L\xfe\xaf&lt;g\xad&gt;\xde)a\\\\\xcc\x01,\xb8H-\xd5f\xa9qQ\xc6\xac?\xf5\'Q&amp;\xa2\xecD\xb1\x94\xae\x8c3\x97l\xbd\xb8\xc7\xecS\xb5\xfal\x91L)\xb2T\x1b_\xb6\xfd\xf2\xb6\x13\x0e\x13\x95\xb4wi\x01\'u\x93\x05\xfb\x1f\x85\xa4\xe6e\xef?\x0bI\xbd.\xc1\xe4\xec#w\x9a\xe5\x17o\x7f.z\x03\xdd\x19\xad\x8b9ay\xba\x12Q\x93aj\x85\xbdBM\xe7\xda.\xf3G\xb37/s\xd5\xb1"\xe5\xac&gt;\xfe\xd2\xb4\x03\xae\xd4u-Q:\xa2\x94\xda-\xa8\xccU\xc7\xb2&lt;s\xbd\x8e\x9a\xd3U\x181m\xd7\x9d\'\xc0\xec}\xf7m\\W\xe4\xa0F\xaf\xcd\xa1\x16\xc1%*\x11\xb0\x00\xa3\xe1\x1c\xd6\xf8D\xac\xf56\x97\xd0\xd0w\xe1yuR8p-k\xda\xfb\x020\xf0\x14!\xe5\xf9\xe6\x1f\x10\xa5 \xca\xdbc\xce\xe9\t[n\xfe\x07p5k\x94#\xd6\xc8c\x14\xaf\x1a\x89\xaf\xf8\xe0E\xa8$q\xe12y\xfb\xb7A\xae\xf1^d\x99\x9c\xc5\xc9\xdb-\xd4"\xb8\xb88M8q\x1a%\xd4\x01\xeb\xba\x85\xca\xa2\xc8\x96\xa4.\xa5n\xd2\x7f\xf1\x85\xcb/\x00\xf3\x88\xeb\t\x89\xca\x8e^\xff\xa5\xf3\x97\x14PbW&amp;J\xca=\xf2\x0b@\x94\xedoY\xb3;c\xcf=U\x9e:\xfd\xb6\x07N\xb4\xf0J\xccP\x0b@\x14\xf4\xb5J\xef\xc85\xa9*\x91\x88j\xf7\xdb\x16LI"0\x89\xeb\x84Z\x02\x97(\xc0\xd2\x90\xee\x0b\x8at\xc0q\xf2\xf1\x87\xc0\xe9*\x8c\x90g+\xd7qe\xbe\x063\x87\xaf\xba:r\xed\xe7#\xd7~^\xab\xcf\x96\xe0\\B\x8c\x1c\x1d\xc43\xd7\xec\xbdE\xe7HiK\x95\xfe\xeei\xd0}J\xb37\xfe\t\xc1\x8c\xa7\xe7\x9c3\x14V%\xf8\xf5\xbah\x01\x90\xb8H_\xe9\xcf\'\x9a.\xdfp,\x1b\xb1\x8176\x83s(\x14\x15\x83&lt;~r\x89\xd4\xc4\x13\xb5\x8a\x0b\x02B3\xe0\xe4\xf5\xb5\'F\xcb\xd6\xfe\xa12\xdb\xf4\xddwK\xb4Z\xd4q\xca\xb1\xe6\xa3\xde-\xd1jQ\xdc|\xdd\xf9Urt\xaa\xfd#\xba\x03\xce/\xad:?\xb9\x07\x10\xe5\x03\x90\xa5\xda8\xffk\x8f\nd\xa88\x8a\xb3\x0bc\xc8}G\x9b]g\x1a\xf1he\x1d(\xc4\xc5"\xc1\xdfAp\x89\xfcx\xd7\xa9\x1c\xc0\xb6\r\xa8i\xef;a\xcbMY\xf6\xb2\xc9K\x0e$*KT\xb8\xc5\xe8\xf7\xd4\xfdt\xaa\xc6\xd1\xb2\xb5\xaf\xddw[\xe3a{\x0b5\x99C\xb1+\x1bTjOZ\x1f\x19[\xa9\x12z\xce=\xe3Oyj\x0fbb8\xf8\x04#(\xe2\x97\x9f\xa1\xd2h\xab\x85\x8f^\xf7\x85\xd5S\x02\xca\xf8\xcd\xdf\x84Z\x84\x88H\x1eGJ)\xd6b\x81#\xe5\xb8D-\x0c,^v_\x01\x84\xfdd\x8dX}\xcd\xe0(\x80D\x85{K\x7fN\xd8r\x93(\xbdH\xb1\xd7_\x9bt\xc0[?\xf9\x8f\x927 *\xa8=w\xff\xd7\xca\x0e\x98\xb2R\x82\x9au\xfam\xaf\xd1{s\xee\xbaS\x8dj\xf5/\x0c\x99!Y\xd4\tbS\x96\x91k?\x17\xe9K\x04\xfb\x9b\xb2\xedWh\xd2\xd2\x88\x9c\xe8BDD\x99C-\x80\x8b\x0f\xed;\x1f=\xbb}_\xb9..A\xa5V\xdf\xad\x06G{\xcf;\xeb\xd0\x14\xcav\xb0\xf1\xc2\xa6\x93\xe0\x9b\xff\xa2F\xef\xcd\xdc&gt;X\xd6\xfb\x96&amp;\xcaB)\x1b\xb6\x1a{\xb0\xc5\xe8\xf7T3\xf2\x081Mtp:\xbb\xf4\xc8\xaf\xaa\x94\xaa=6h\x0b\x1f\xbe\xea\xaa#\xd5E\x0c\xb2\xb6\x0b\xb5\x04\x1e\xbez\x13\x90\xb71E\xc9A\x81(\x96\x11\xaf@\x8f\xae3NZ:%B|t..\x91\x838\xe6Yx\x14l&lt;\xdb\xb4\x03\x06\xb0\xe73\xf0\xe7pI\xea\xa6+?\x82(\xa1\xe7\xcf\xc4uz\xcd;\xdb`\xf0\xee\xfa\x03w\xc9s\xf5\x9e\xff\xf1\x95\xdfU\xcd\x81\xff\xb3\x1c\x01\x97x^\x9a\x8ex\xdb4\x8fp\x83e&gt;\xd6\x19\xba\xe2\n\x00i\x17|\xf0\xf2\xcb\xdcl\xfa;[\x8e\x1ah\x05R\xf1g\xd6\xde\x1f\x05s\xd6\xe9o\xa6\x01\x9e\xb4\x9e\xbf\xd2\x98\x93\xfd\xc2\xaf\x81\xe9\x96\xe2T1&gt;n\xaf;\xac\xd0i\x95\x1da\x88\x88\xe8\xbb\xe0u\xc0\x89\xbb\xce8\x11\xac\xba\xfc\xc2\x1d\x94\xb8\x98P\x7f\xd0.y\xec\x91;\xc0\x9a\x93\x7f\x90\xfc\xd5I\\[{V\xf3Q\xef\xf2\n+]\xb1\xcb\x1a\xd3\x1aE:`&amp;\x03\x11\xc5\xcc\xd9\xa9x\xcb\x85\xb2\xb3\xf3\xc9~G\xa3\xccmj\xf5\xd9\x9a\xbb\xee4\xa2t\xa6\xf5:J&amp;\x83c\xb9\xebN\x95\x7fxut\xec@\x82\xffq\xcey\xfbA\x90k\xb4D\xea2C\x1d,m\xc6[?8X\x9aM\xd25\xf3\xec\x958\x8a\xc1\xda\x89\xdb\xe2;N\x81F\xb3\xedE\xf5\xceY{\x8a\xf5\x80c.\x91\x17\x00s\xdf\xf9I\x93\xcc\x0fdTo\xe0N\x83\xa2v^\xb2\xf0be\xaa&lt;F\xfe\xe7\x99\x9f\xcd;\xe0\xcd\x1f\xff\x8fen2|\x9f\xdeT\xa6T\xdb\xa5\xf3\xde}\xb8\xf1\xec\x9b\x0c\x15E\xbd\xf0\xcb(\x98\xaa\xcc\x10\xab\xe7\xa4,=\x98\x88\x00,?\xfa\xdc \xdb\xf5\xd7\x11\xe5\xab+c\x9a#O\xbdiA\x90\xc3\x11*tZm\x9ca\xeb\'\xff\x05G\x129\x00\xea\xf6\xe7G\xb7\xb5]`\xa8{Yg\xed\x7f\xfc\xa2\xc7\x9c\xd3\xc1\xad0\x83\xb5\xecb\xb1Y]\xa2\x04\xe1\xe0\xd3%"*\xd3n\xb9i\x07\xfc\xce\x17\x92\x9c\xd1|\x0b\xce22T\x1cu\xfd5~\x00n\xfc\x03U\xc8R9\x1f\xde3\xbb\xde\xb8\xce\xaf\x97\xae?\xfd\x97\x95H\x8ej\x06,\xbeH\xd1|\x96Nq\xf3\xeb\x98W\x11\xa5)7\x8c\x9b\x1e#gG\xa1\x9a\x12\xd52\xcdR\xbc\xe5B\xd5\xf8)|\x10#\xd4\x02\x88\x12\xac/.\x8a\xea\x91\xdd\x05\x88J\xb0\xdf\xe5:hU\x11\x1d\xc7Z\xdcU\x97\xa8I\x16\xbd\x03\t\x0b\xf5\x96"\xde\x07\x9cdF{l\xa6}\xb0L\t\x8b\xe3\xdb\xa8d\x9b%\x07\xbf\x01\x80\x1f\x01A\x05l\x1dr\xfbq\xae!\xde\xae=f\xceN\x81\xaaB\xd9\xbe\xa7-?&lt;p\x15\x85\'\x84\xecL\x16\x1d|"\xfdN_a\xa4U\xc3k\xa7\x10\xf1\x10y\x8e\xe3\xc4-g \x84\x89\x94\x0cY~9\xa4\x911\x13\x84\xaej\x97\xc8N\xd5\xee\x1b\x02W\xb8q\x07\xbc\xef:*uY\x93\xb0Po\xa2LD\x19\x89RQ\xa2\xdaD\t=\x83\xfd\x18\x15\xba\xcd&lt;)\xa9tY\xaa\xf17\xc3\xfc\x89\n\xf7qdGy\xf5\xf1\x97D\xc5\x8c\x85\xf1\xbf\x16U\x81\xb1swv\xb6L\r\x11\xc6\x9fv8\x99\xb8/&gt;\xf4\xd4\xea)G\xbe\xd5}1\xe4\xbb3Q\x98\xfc\xa1\x16\xc0\x98\xb4\xa1\x16\xc0%\x9c\xd1}\xd6\xa9PUm\xdc\xcd\x98\xce\x83\x01\\{\x85g\xde\xdf\xed&amp;\x1eIUf\x88m#(K\xbd\xb5\x15\x92\xd88\x07\x80\xad\x15-\xdd\xc5\xc64\xe5\x869vu\tj8S\x8eq%\x05{\x9d\xf81\x04{"\xc1Z\x16\x16\xe2\xb7\xc1\xd7\xac\x00\x00 \x00IDAT\xe8w\x96\x84\xc9\x98\xa8H\x1f\xe7*\x8f\xe7\\Q\xc1\x83\x05\x14\x1f\xb4\xf4R\xa8\x05\xd1\xc1\xeb\x11\xe81@i\x9a\x86V\x16\x97P\xe1S\xd3\xfd\xf8\x11\x8e}\x1f\xb2\x16\xc7\xb4\xb1\x13\xe9\x83%z\xcd=#\xdf\x1f\xe5\xb2\xe6\xe4\x1f\x9d\xa7\x1f\xb7-\x8f.\xe1\xcb\xad.gY\x9e\x19#\x05_\x14-\xfd\x17_\x10\xcc\x19\x08\x81S\x94\x1c\x14N\xeeC0\x89h\x97\xec\xc7RJ\xdc\xaa\x00\x12\x14\xec\xe5\x9c0..\x81#\x11\xc7\x8e($t\x9crl\xda\xae;\xda\xf4Te\x86\x88\xf4\xbe\x17~\xc5\xc85\xd7\xedM7\xfd\xe1\x8b\xbf@q\xab\x1d\xfcF\xde\xc0q\x9c\x84\xe8S\xc6;\xf3NB\x94\xd78\xab\x9e\t\xaf\x08V\xe7\xf7v\xa7\xe0B\xac&gt;\xfe\x92\xa8\xb0\x98\x0cD\x89j\x05\xad\xff\xd8w=\x04\x1d\xd5\xe1[\xc1\xaa4K\x9b U\x14~\xc8\xec\xb7\xb3\xf7\x18\xe5\x89\x8a\xc8\x13\xde\xd7\xdf\x05pq\t\x0f\x14\xe5%\x9a\x9b\xb5\xac&gt;\xf1R\xf7X\xfa\x16\xad\xc7\x1d\x9a\xb6\xeb\x8e\xb6\xeb]r\xf8\x97d\xc5\x07\xd8\x17V\xc2\xffH&gt;Y\xdb: \x86\xbaL\xb9\xcf\xa6\x02\xda\xe3=\xe7\x9c\x16\xe9\x9f\x00Xr\xfft;\xc0}^\xd6j\xe3\xc52f""\x9e\x81\x9c\x1e&amp;\x83\x18c\xd8\x1b\x95\xb2\xd4`\x7f\n\t49jM\n\xb5\x08Bl\x0b\x85e\x97\x03h\\\xbb\xab(\xdf\xd1\xbeC\x12\x17\x17\x17\x9b\xd8\xe8\x93\x02=u\x9b\xb0\xe5&amp;%\xa8)VK\xdc?"\xd8:$\xc3j\x87\xcaQ\\/\xd4d\x8e\xe0\xc9\x00\xacFI\n\nA\xd2n\x03\x90\xad\xc6\x04\x9d\x83\x1c{??H\xechi\x11\x80G\x11\xf2\xebs\t\x18\x1d\xa7\x1c\x8bh;C!\x06@\xe3a{\xcdre\x0c\x86(^,\xad\x861W!\xe1\x80\x92\xa1\x16 \xa2\xe0qj\x11\xcc(\x93Q\xbcMHS.\x8aX\xeb\xb9\x847\x02\x18\x14\xc8\x84\xcd\xe7\xfe\tt\x15~4+I\xec\x9e\x98\xaeN?\x95\x97.\xcb}3\x80\xc7\x86\x92\x1b\x84\xb7rq\xb1\xcd\xc6\xb3o\xfc\x08\xa9b\x85\xe8\xe5\x83QK`\x88\x15p\xbb&gt;\x17\x17s\xd4\x1f*\x00J\xde $\xa2\xe8\x92\xb8\x8e\xdfEX\xeb&gt;\xd3\x94\x1dVw\xc0\x0e\xd5\xe6tX\xde\xaeVk]s\xe2\x95\xdc\x1d\xb7\n\x1b\xaaU7\xffsl\x8a\xc35z\x91\x0f\xa7\xfcq\xdf/N\x14\x9f\xb4\xe9\xf1\x04\xf8\xea\r\xf2\xd4\x9bf\x10\x0c\xdb\x80O\x9f\xeb\xdf\xd5x\xd5\xc4\xca\xb0\xa4\x8d\xe809jMv\xfc\xc50\x1e\rs\xa97\xc0\xc8k\xafK\xd4\xe5o\xc5\xcbTH\xfaU\xb8\xe9&lt;\xc7\x17\t\x9duF\xd3t\xc4\xdbI\x8b\xf7\x17\xc9\x19\xbf@O\xf6#,\x8f`\xcf\x97M\xf9gP&amp;\x01Z\x94\xaa\x9b\x06\xee\xa3\x0b7\x9d\')\xa3y\x92R64(8X}\x95?\xde\xc7\xa2\x18I\xa4\xa1\xa1\xb4\xdb]Z\x9b\xcb\xc6\xd0\x8d\x88\x88\n\xda\xf6{j\xf6\xaah\x07\x85j\x075\xa9\x1c\x8d\x9f\xe1!m\xe0mg\xc3M\xa8J\x97\xc8\x8c\xf1\xe4I\xe6o9\xca\x12\x93\x88\xba\xcd\xfa\xa8Z\xcf\x8d\xa1\x96D\x97\xc4E\xfa\xb2\x1f\xdf\xfc\x0b"\x8a_\xb0\xe7\x9a\x13\xafB*Q8\',\xd4\x02(\x88\x93\xb7[\xa8E\xb0\x86n@q\xc3a\x9f\x0e\xc6\x11&lt;sY/\xd0&amp;\xaa(m"\xfeA]\\\x1c\x00\x00\xc5\xe5\xaf&amp;\xad:\xaeo\x11\xc4-\xc7o\x16\xca\xdc\xf3\x86\x7f\x04\xb4\xb1l\x91\xa0\xa6\xa5\xec-\xc7\xecg?\xd8#\x18\xb6\xf23\xc7%r\x89@\xec\xbe\xc2\xfd\x12\xfd\xf2\xce(E\x92\xf6R\xdc\x9f\xd2Dq\xbdD\xb9\xb8\x04\x95P}r\x81\n\nfg\xf9\x9ak\x84\xba\xf7\x1a\x88h\xf9\xb1\xdf\xfc\x97IC\x1a\xff\x8b8\xf3\xd0\xda&gt;t$%\xc8\x8e\x1b\xb9\xa6\xf6\x94\xb3\xf6dm\xe2\xb2\xf7\x9f\xd9\xaa"\x05\x11u\x9by2\x1c&gt;\\\xab\xaa\x0f\xc1!f\xae\x00\x06Vq\x89\xa2\xb4\x19\x7f\xc8R\xfe\xe0\xb9\xf5\xb1Fx\tK\xd2n\xe2\x91\xd4e\xf5\xf6\xc6\xd2q\x9b\x95-\xe7\xff%"\x00\xe1\xd3\x94\xb0@\xa3\xd9\xfd\x17\x89z\x97\x8c\xda\x94\xd0\x0f~\x15\xc7\xf8L\xff\xa2f\x19\xccY#\xa4=.\x80\x1b\xff\x84\xc7o\xc1\xc5\xc5\x18\xd9\xb4,E\xc3W\xc1\nG\xfa\xa7"\x80`H0\xf7\xc3%\xce\xc4\xad\xb7\xf4\x0f\x1a\xe9\x1fu\x99~\x1c@\xec\xdc]lT\xfa\xc1\x1d\xac?\xfd\xa7\xde\xd1p8!p\xb1\x81Z\xa5\xce\tB\x1a\x8f/ |\xf4\xc0\x9f\xfbS\xd619\\\\,\xd1{\xde\xd9@\x14\x1b={\x07\xe3\x0c\x1f\xdc1\xb1g\r\x0e9kO\tx\x1d\x89U\xbe\xb5K)\xff\xd4\xfd\xf8\xfb.8\x07\xc0 \x83\x8dv9r\xf7\xca\xf9\x1b\xce\n\xb5\x08\x16\x10|\x16\x00\x92\x16\xe3h\xf8\x97n\xbb\xcc\xfb3\x01\x11u\x99~\xc21\xc9\xe4dh\x11\x90b\x03\x80\xf0\xbb\xad\xab\x04\xbe\xf2\x83\x17N\t\xe3\xe2\x12\xc18\x14\x9a\x95\xea"\xdcHA\x0e\xa2i\x17\xb2\xc8~\x1b\xaf\x01\xe4\xd7oS2\xc7\xc8\xd1\xd1\xaeuD\x16\xd3\x1c~\x02@R\xc66@\xdf\xc7\xa1\xfdz\x9d-08d\xac&lt;\xdaR\xfe\xde\xf3?\xae\xd1k3\x00\xa6\xe8^\xb8\xe9&lt;""\xcaCD\x14_/.\xa4\xed(\x1a\xbe\xf1b\xac\\\x9d%W\\jR5\xb6[\xbec\x00\xc8SozheHP\x88\xc5\\\xca\x19Z1\\"\x1a\xaax\xae\xc9\xea\xfbY^\x8f\xd9\xa7\xfd,!2Qw\xc0\x0e\xdf\x1f1+*\x0f\x9a\x87\x00\xd2\x92\xaf\xc1L\x9d#A\xd9\xd8\x0e3q\xe3`\xaf#4=\xab\xc3\x94c\xbcdiBS\xd2\x0f\x95o\x9b\xa6\xb1\x02d3\xcf"\x91\xa6i\xf4\xec\xedMs\xf5\x9e\xff\xb1\xfeA\x9b~O/\xfc\xca\xbf\xf9E\x9b/\x90~\xa7(5Hq\x8c\x1b\xe8\xd3!\xab\xdc\xdf\x95/\xc3/V\xde\xa8\xa5G~\xd5=\x16\xaf\xba\xb8\xb5\x82\xe1\xbe\x92\x8b\x8b\x13L\xdf}\x97(\xb5\xce\xc1\xf0\xa2\xa6\x14\xce\xa9\xd9{\xb3`\xce\x01K.:^\xbb?\x11\t\xfd\'\xe4aVC5\xeb\xcdPi\x94i\x9e\xa5\xef?3\rG]\xb6\xfdrJ\xdb\xccb\xe5\x06\x91\x18\n\xe9\x1f\xb2G\xb8\x98\xcc9\xf8\x94\x03\xf9\xc2\xe8j{\xc4\xca\xe5\xba\xa8t\xd1\xa1\xd1\x90\xb7\x9a\x8fz7\x88\x15\xca\r\xeau]*\xda%\x14\x83\x06\xfd\xa5\xe0\xbc\xf5\x03\xb8&amp;V\xb5\xfb\x06"\xcaSoZ\xe0\xaa\xe0\x90\xdax\xb11\x13/1F@$!"\xa2\x8e\xfci1\x85\x07\xcd\x9aa\xab\xaer\xd3\xffR\xf4\x01\xf1\x95\x07\x99c\x90D\xf6j\\s\xf2\x0f{\'\x86#\x84}AW\xea\xb2\xd6^\r\x19+\x8f\t\xfa\xb8-kp\xabsq!""}\x03\x1b]"\xe8N\x9e\x9c\xe2\xad\x16\xb1\x1f\x00\xe2\xe5\xef\x11\xc8\xaa\xe2-9\xfc\x8b\x85\xecf\x132S\x8c\x83\xc3\x04J\x15\xc8%\xc2\xe0\xafF\xc5\x1d\xc0\xb3\x9f\xad\x8fy\x13\x11\xa7\xaa\xe7G\xa2\xda\xdc\xe3\xebN\xbd\xb6,\x19Q\xf1\x96\x8bl\x9c\xe5\xe2bJ\xc8\\\xf5\xbe\x89\xf8\xdd\xad\x0eade\x90\xdee\xfaq\xab\x15l9\xf7\x0f\x11\xcd\xdew\x9f\xa8\x84\xd5s\x03E\x80#h)[\xde\xb4\x01\xadK\x8cT\xb1\xf3t\tX\xe1\xb1\xd9\xd2\xe5\xf2\xa3\xcf\x836*\x1d\xbf\xf9\x1b\xfd\x83\xc9EK1Y&amp;\xf1\x97\x92\xad\x97\xf0\x923Hw)]\x85\x91\x81\xa870OAG\xaf\xcd%\x8a\x10\x08CCA\xe2\xe6\xef\xee@\xbdaU\x1c\x10\xc5\x94L\xad\x82\xec\x99\xab\xfe\xa0]\xbcd\xd9&amp;_\xfc\xea\xfag\x97\xa1\x805C\x06\xa8\x9ef\xa5\xae\x16\x16\t\x85\x8c\x88\x12\xd52\xa8\xfa_\xee\xbb\x94\xa6\x89\xb8\x0c\x81\xe6\'\'\xbe\xb2\xef|\x85\xd8\n\x91\x92\xb1\x95\xff2\x04\x82?\x04n\x0eS\xfc\xd6c\xdf\xf5\x006b6Z\xaa\x8f\xeeG\xd6\xd9\x85\x8b\x83dl\x19\xec\x0e8\x02F\x179\xf1\x03(\x85QD\xc5?\x95\xf70W\x9d)\xc2e\xeb\xb8\xa8L\xc7\xd1\xcd\xd9\xf6\xc9\x7f"%\xd6\xec\xb3E\xcf7\xa1\x08&amp;\xf1\x98\xf5{A"\xd2\xe9\x15t\'O5\xfbla?\xd8\xdd\x1b\xbe\xfa\x9a\x89pJ:M\xfbP:=\x00\xefp\xde\x1b\xff\xc0\xa9=l\x00s\xde~ \xfd9i\xdbm{\xe5\xd4\xea\xb3\x95\xd24\x1d\xb7\xe9\x86wgQ\xccwU\x96\xb6\xf6\xaa\xfb\xf81\xe7\xaef\xae:6\x08\xf6l~\x93\xd7&lt;\x8b\x01v\xe2I\xb8\xb8XG\xac\xf1\xe2\xc4D\xb3\x8b\x89\x9b\xbd\x08\x8a\xea\x1eV\xeb\xb1\xd1n\xcc8"\xad\xd5G\x101~\x19\xac\xf7sB\x1d\x18+\xb6\xeb\x8c\x93\x16\x0b\xf7\xd0z\xdcA}+X\x1b$t\xae(&gt;U{l\xf0\xe3\xec\xd4vG\x1b1\x0f\xdc\x00Yq\x10\xfb\xabYE}\x16\x9c\xa3X\x95l\t\xe3#_\x83\x19\xda\xc4-\xe7\xff\x05\xe05t\xb6\x8e\xb0&gt;\x17\xd7)\x90\xc2z\xd0&amp;\x0e\xb6\x99.\x91\x17\x00F\xc6sD\x85\x9a\xcce\xee\xeb\xb6]\xc0\x87w\x03:W\xb6c\x17k\x88\xcf\xc4\xb3N\xff\xed\xe9+\x9a[\x8f\x84\x9c\x02\x8df\xaf\xfa\xf0\xf7 T\x94\xb0p\xef\xfb\xe1\xc7\x8b\xbd7J\xfc\x7f6\xe5\t\xa0\xaeu\x80\x08\xc2\x9dOX\xb8\xb7&amp;\x8d\xab\xa9\xce\xc8(\x05o\xe8:\xc3\xabOgw\xc9\xda\xdez{\xbe\x063\xe7\xbe\xfb\x90\xfd\xd6\x9b\x18\xc8\x13\xc3\xcb\xdb\xcbc\xe6[?\x84Z\x04\x97\xf0O\xc6V{\xaf\x9a\xbe\xc4\x99\x88(k\xf5\xf1\xef\x7f\x1b\xf0\xd7=n\xbe\xee\x01\xed\xe3\xcbw\\\x15\xb8\xc2%&amp;n\xbd5\xff\xbd\x9f\xed\x9d\x9b\xaa\xcc\x10\xe6\x88\xa0`\xe3\xd9D\xd4s\xce\xe9\xd6\xe3\x0ers\x9ey\xe8\xc4\x8d\xd2D&lt;l4\xe4-Co\x0f\x8c\xb4\xc2\x11*\x83\xe1\xdf\x1f\x02\xda\xb3\xe1\x99\xe3?\xa0t\xdbe"\x1e\xc4,\xa1\xa3I`@)M\x8a\xd1Bn\xba\xf2#x\xa7\xd8\xc4\xaew\xd5\xe0\xe9\x90\xbee\xdeT\xba\xb8X\x01@\xf9\x8e+\x13\x16\xea\x1d\xc25O\x0f1+\x04Y#\xcc[Q\xb1\x0e\x93\x8f\xea\xe7*\x9b\xbc\xe4@\x1b%\x0b\x04#+\xa2w\xe0\xeb7Bw\xe0\xca\x8bp\xd5\x1c\xc4\xe7\xa6.;\xfa\x9c\x88(]\xf3\xa0\xca\xe28Ym\xee\xa1j^\xe6d\xbaY\xfd\x8b\x83\xd9\x7f\xd1\'\xfe\x9c\xae"u\x99\xa1\x00Z\x8d=\xf8"\x00\x1fc\xed~\xdb\xb8\xe9\x00\xaa\xf5\xdch\xa9(\x00\x8en=\xb8\xb8\x04\x97\xc9\xdb\xbf%\xa2\xbe\x0b\xcf\x13\xc5"\xa2{\xa1]\xd2IX\x8b(iHj\xae\xdcm\x1d\x11\xd5\x10vke\x0c\x80h\xd9t\xdd\n*\x83Upw\xc4=\x9aYe\xdb//\xd5v\xa9#"E\x08\xb2\xd5\x98X\xb6\xfd\n\xdd\xc3\x99\xdbL\xdby\'\x88\xe2\xf0\xf1\xba\xfc5%u\xe9\xb6\xcb\x9a\x8f\x14\xf2r\xf3\x0fP\xba\xdd2\xf3|\xc1#\xf4\x9eL(|\xaf0\xbb\xb88\x81\xd2\xf3\xb3\xdf\x96\x12j%\xd8\xfc\r\xf5\x1c\x17\x87L\x1d\xfa\x93_\xf4\xa3\x0cE+\xd7p\xc8\x9e \xc8 \xe2\xf5\x97\x88\xde\xfdR\xf8q\x08O1=SR\x1e\x82\xcb\x0f\x81k\x16\xa7\xee\xfc\xfe\x9d/\xf4\x0bOP\x93U\xadU2\x17W\x99\xc9Ty\x8cM\xe1\xbc\x08n\xc4d\xaa&lt;\xa6\xff\xe2\x0b\xcdF\xbe#b\xec\xbe\xf7\x1a\xdaM&lt;\xa2J\x04`\xd3\xd6H\x1f\xd9\xb3\xcb\x02 G\xadIf\xd9"\x1e\xb9\xebNu\xa8\xa4\xcc\x0e\x95\xe3\xe2b\x91\xd9\xfb\xee;R\xce\xfaS\xba1k#\n\xa9\xca\x0c\t\xb5\x08\n.\xf2\\\xe7\x17k\xb9P\xb8\x00\xc5\xe0\xc3FS;\xd9\xae\tM\xf8 Mp\xaay\x01\xfc\n\x1c\xff\x01\x82\xed\xb8N\x14)\xb5&gt;\xb6\x83\xfeM\xa5\x1d\x9f\x9es\xceh\x0f9U\x8b)\xfa\xfeDi\xa8\xfd\x00\x1b\xc1\xe6\x91\xef\x8e\x19\xa8\xb9\xb9\xb8(\x19\xb8\xe4\x92\x81\xb6\xe1\xbd\x80\xed\xc8\x96h\xbd8\x10\xc5j\x88F~\xa8#\x8e\xdd\xf8\xb5\xa3\xc2\x10E\x0b\xf9\xca\x9e\xda&gt;\xf8\xed\xcf\xc3\xe7\\\xc7\x17\xd8\xc7\xcf70m\xf9\x11B\xf5\t\x84\x05\xd4\x99=\xa7\xd0\xc9\x9eN\xa4^9\xddf}$\xff\xd3\x9a\x9fQ\xeb@\x86\xa3\x05\'0\xf6\x01W\xb2\xf5b\x9f\xb7H\xb2\xe6!U\xcf\xc2&gt;\xa3\xd9\xc2\x86\xf7\x1a\x1d^Q\xd0\xaf\xc8\xc5E\x00\xff\xbf@\x00D\xc5,\x9c\x90\xb5\xad\x1f5\x16\xb1u\x96M\x9c\xfd\x96Z\x8d\xe5+3\xfb\xc9V1\xef\x1c&gt;\x94\x0er\xf5b\x068\x05\x00\xa2\xacV\xefd\xf3Q\xef\x05H\x1e}R\x13\xd1G\x0f\x8c\xdeL\xd3C\x85\x9b\x99\x1b\xad\xb6\x9fd\xa0\xf1\xa7\xc2\xba&gt;Dz\xfeN\x84\x9e\xe4\xb3\xf7\xdd\x07p\xf5\x95\x8e\xb5O\xc6\x96\xf2\xd3w]\x86\x81H\x19+\x8f6}\xca\x95\xbb\xae3\x8c\xe6\xe4\xe2\x12\xf5\x</t>
        </is>
      </c>
      <c r="E681" t="inlineStr">
        <is>
          <t>&lt;class 'numpy.ndarray'&gt;</t>
        </is>
      </c>
    </row>
    <row r="682">
      <c r="A682" s="1" t="n">
        <v>680</v>
      </c>
      <c r="B682" t="inlineStr">
        <is>
          <t>steps_per_sec</t>
        </is>
      </c>
      <c r="C682" t="n">
        <v>9800</v>
      </c>
      <c r="D682" t="inlineStr">
        <is>
          <t>5.32417</t>
        </is>
      </c>
      <c r="E682" t="inlineStr">
        <is>
          <t>&lt;class 'numpy.ndarray'&gt;</t>
        </is>
      </c>
    </row>
    <row r="683">
      <c r="A683" s="1" t="n">
        <v>681</v>
      </c>
      <c r="B683" t="inlineStr">
        <is>
          <t>Loss/localization_loss</t>
        </is>
      </c>
      <c r="C683" t="n">
        <v>9800</v>
      </c>
      <c r="D683" t="inlineStr">
        <is>
          <t>0.007537829</t>
        </is>
      </c>
      <c r="E683" t="inlineStr">
        <is>
          <t>&lt;class 'numpy.ndarray'&gt;</t>
        </is>
      </c>
    </row>
    <row r="684">
      <c r="A684" s="1" t="n">
        <v>682</v>
      </c>
      <c r="B684" t="inlineStr">
        <is>
          <t>Loss/classification_loss</t>
        </is>
      </c>
      <c r="C684" t="n">
        <v>9800</v>
      </c>
      <c r="D684" t="inlineStr">
        <is>
          <t>0.22358286</t>
        </is>
      </c>
      <c r="E684" t="inlineStr">
        <is>
          <t>&lt;class 'numpy.ndarray'&gt;</t>
        </is>
      </c>
    </row>
    <row r="685">
      <c r="A685" s="1" t="n">
        <v>683</v>
      </c>
      <c r="B685" t="inlineStr">
        <is>
          <t>Loss/regularization_loss</t>
        </is>
      </c>
      <c r="C685" t="n">
        <v>9800</v>
      </c>
      <c r="D685" t="inlineStr">
        <is>
          <t>0.039073646</t>
        </is>
      </c>
      <c r="E685" t="inlineStr">
        <is>
          <t>&lt;class 'numpy.ndarray'&gt;</t>
        </is>
      </c>
    </row>
    <row r="686">
      <c r="A686" s="1" t="n">
        <v>684</v>
      </c>
      <c r="B686" t="inlineStr">
        <is>
          <t>Loss/total_loss</t>
        </is>
      </c>
      <c r="C686" t="n">
        <v>9800</v>
      </c>
      <c r="D686" t="inlineStr">
        <is>
          <t>0.27019435</t>
        </is>
      </c>
      <c r="E686" t="inlineStr">
        <is>
          <t>&lt;class 'numpy.ndarray'&gt;</t>
        </is>
      </c>
    </row>
    <row r="687">
      <c r="A687" s="1" t="n">
        <v>685</v>
      </c>
      <c r="B687" t="inlineStr">
        <is>
          <t>learning_rate</t>
        </is>
      </c>
      <c r="C687" t="n">
        <v>9800</v>
      </c>
      <c r="D687" t="inlineStr">
        <is>
          <t>0.079881206</t>
        </is>
      </c>
      <c r="E687" t="inlineStr">
        <is>
          <t>&lt;class 'numpy.ndarray'&gt;</t>
        </is>
      </c>
    </row>
    <row r="688">
      <c r="A688" s="1" t="n">
        <v>686</v>
      </c>
      <c r="B688" t="inlineStr">
        <is>
          <t>train_input_images</t>
        </is>
      </c>
      <c r="C688" t="n">
        <v>9800</v>
      </c>
      <c r="D688" t="inlineStr">
        <is>
          <t>[b'640' b'640'
 b'\x89PNG\r\n\x1a\n\x00\x00\x00\rIHDR\x00\x00\x02\x80\x00\x00\x02\x80\x08\x02\x00\x00\x00\x83\xaf^t\x00\x00 \x00IDATx\x9c\xec}e@\x14\xdd\xfb\xf6M(\x08R\xd2\xddH\xa7\x08H\x87\x80(\x08"\xa8\x80\xa4\x8a\x18\x80\x85` *\xb6\x82\x8a\x81`b7vwwwww\xe7\xfd~\x98\xddavwvw6P\x9f\xdf\xfb\xbf\xbe(3g\xce93;s\xe2\x8e\xeb\x02\x10\x0e\r\x80f4\x87M:x$\x961\xb8\x9c\n\xabn\xe3\xf6\x83I\x07\xf6\x9f\xfa\x00\xce\xc2.Q$\xff\xa7\xec\xd45 c\x16\x80&lt;\xf1\xe7\x89w\x88\x88\xa7?"\xb3\xa6\xcd]\xe2\xc6\xa7\x0c\xdb\x82\x88\x88\xa8\xed\x95\x07\x00M[\rG\xfe\x98\x7f\xf0\xa7h7\'\x1c\xea\xa0\x17\x07`\x946b\x07\xd9\xcaOJ\x8b\xbb\x1f\xe2\r\xc4;\x88\rm\xd3\xdd\xdaO$\x0eNX\xfb\x044\xdb\x88\xda\x92Or\xc5\xe5\x9fx\xfe+\xd2\xffv\xe2\xc0\xb5\xee\xbf\xcc\xfbc\x9c\x18\xd9ca\xc7\xc1\x1b\xe8\xceY\n\xbf\\7\xd6\xa9\xed\x98\xb9\x07\xbe#\xe2\x81g\x98^\xba\xf3\xcc\xa7\xba\xc7\x15\xd9s!\xd3nH\x00%\xc7.\xcd\x12\xcb\x01\x1c\x19\x94mb\x14PPO\xddP\xb4\xcb\xecU~\x04\xc0\x8ezp\xdc\x9a\xc7/\x10\x11\xf1\xca/\xfc\x8cx\xf1;&gt;Dl7`5\x9f:\xect}\xfa\x00\xa81hM\x1b\x8c\x12\x88\xff5\xebP.\xb4tPV5"~C\x04P\xe0_\xaa\xe9\xd2\x93\xa8\xef\xdb\x8f\xcfYO\xae\xbf\xf5}\xfb\xcf?\xf8\xf3\x01b\xd5\x9e/\x937\xbel\xd9}&gt;\x80:\x83\x9e\x0bFC\x00\'\x00\x95=\x0fY\xaf\x10\xe5\x94V\x9b\xbc\xa5\x17\xbe!"\x82Y\'\xda\x8b\x89KF\xaf\xb8\xcf{J\xc7+\xdf6j$\x98u\x02\xf3$1\xbb\xa6\xd3v\xe4\xd2;\x1b\xae"@\x13\x9e^\x07N\xac}\n\xaa\xe1\xcc*r\xe5}\x98"\xa1\xc3\xa0\r\xe4\'6e\xd3\xabF\xf6Y\xe5\x1b^\xec}\x8c\x00\xf6\\%-[\x0e\x9d\xb9\xe3C\xce\xa4C\x9f\x10\xd5\xddzH\xd2\xa8\xe4\xd0l\xd6\xdb+ij\xc3\xa6\xe9\xd6\x11\xc3\xf8\x162N4\xf4\x1f\x00\x8aA\x00\x06\xe2\xb7\xa4\x1d]8\xfb\xe2\xa4u\xcf\x004\xc5\xaf\x04\x00\x00\x06\xcf\xbb"\xa4D\xf3\x8e\x93\xbbO&lt;h\xd9r(\xc7Q\xcd6\x13\xd6&gt;)\x9c}q\xd7\x03\x04\xdd\xb6\xcc\xdb\xb3\x8d\x1a\xc1\xf9\xde\x0b{\n\xa6\x1d\xdd\xe2\'\xb0\xfe\xaf\x1d\xfd\x0e\xf1\x07\xa2\x9a[\x0ey^\xc16\xdd\xc0o\x00\xe3\xf65\x95\x1c\xbb|C|X\xd7\x81&amp;\xb4S\xef{\xc4\x1d\xf7\x90c\xca\x91\x06\xb4\xbd\xf2^#\x16T\x9d_s\x81~\xca\x1f\xb7\xfa\xd1\xe6\x1bXPu\x1e\x94\xc3\xb2\'\x1c \x0e\x8e\\z\x07@\x1b\x00\x00\xe4Dh\xcc \x9e\xb8\xbcr\xd7G\x00\x9fF\xf6Y\xa0\x11%\xdd\xdba\n\xb5\x08Pa8v\xd0B{\xd4\xf2{\xc4\xbdL\xdd\xfcz\xdde&lt;\xf0\x8c\xf5\xb8\xda\x0f\xac\x15|\xa5e\xcbb\x00}\t\x9a\x16\x1dr~\xf5\xf5\x9c\xb5\xda\x8cZ~\x0f\xcc\xb9\xe6\x06o\xcf\x8e\x93\x11q\xd3u\xd63\x99\xbe\xed\x1d\xd7$\xcd\x1f\xf2\xb2\x96\xc9`\xd4\x1e@\x96\xfb\x8cZ\xe4\xc4\xda\xa7\x00\xd6\x8c;\xe7\xc9\xfa\xaeeZ\x08,\xa6\n\x86\xed\xe9\x8e\x1b\xc5\xf5_\xc5u\xc8\xd0\x7f\xc0SDD\x1c\xbb\xeaa\xeb\xdeK,[\x163\xee\x0c\x7f4\ni\xdbw\x05\x80\xf5\xe6\x1b\xb8\xf5\x16\x16\xce\xbeH\xe9ZD\xd1\x9cK\x07\x9e""\xba\xc4\x8d\xa7\xbd\x9a\xb8\xc7}\x8f\x19\xae\xf8E\x82\xc9\xbc\x83?\x06\xcf\xbb\xb2\xfc4\xb2?\xf6:\xe8\xfb\xf6\x9b\x7f\xf0\xa7\xa2}\xa6\x8eW&gt;@\xa3zh\x9d\x1bJ\x0e]\x88\x9buj;\x06\x00\x00\x1a\xd3?\x13\xcd6\t\x85\xb5\xe5\x1b^\\\xfe\x89\xd0\xb8\xe5\x1f\xe8\x98\x10\xe8\xc6\xe6N=\x8e\x88j\xae9\xb4\xe7\xd5\xdd{\x9c\xfd\xcc^{\xe9\xc5\x8a\xddN\\\xbfU\x88x\x1fq\xdc\xeaG\x006\x92\xcf\xc4\xf4\xd0p\xefI\xf4\xf5\xc0S\x04\x19\x1f\xf6\xe1\x06\xa3W\xdcG\xc4\xdf\x88\x9f\x11\xedZ\x97\x8aR\xa5\x05Q!\xbf\x07\x04\xd0\xc88\xb0P\xd7\xa7\x0fh\xc7\x80R\xc8\xe0yW^"\x82~\x1c\x00X\xb5,F\xc4\xa7\x88\x00F\x0c\x1a\xd2!\xfe1\x0b\x19\xdc\xaa\xd7\xa2Q\xcb\xef\xb5\xce]\x02r~\xa0\x14\xdag\xdaI\xeb\x88\x12JI\xcf\xe1\x8bo]f\xefC\x9f"\xb6\xea\xb5\x88\xdcdK\x1b\xde\xaf\x117]\xc7\x1d\xf7hf\xdf\xe7\x88mr\x97\xc6\xf5_E\x0c|\xdd\'\x1e$\x8e\x1f|\x8e\xee\t\x93@\xb7-\x18\xc43o\xc9(\xa0\x80\xac\xb9s\xc9\xb6\x92E7\xfbL?\xc5\xec\xd11\x87)\x80\xad\x80\xd3*.\xd9\xbc\xa3\x898\xd0js\xec\r\xf6*?\xe2\x127.\xa4\xcb\x9c~3\xcf\xb4\xed\xbb"e\xd8\x16\xc1\x175l\x9a~\xf2\x1d\xba\xb4\xa3\x1fLEG\x03\x86\xf7\x92PX\xfb\x0b\xebc\x8c6x\x89\xd8a\xd0z&gt;\xddP\x0b\xee2{\xca\xe6\xd7\xa0\xdfNhE\x9e\x1d\'\x038\x02\xb8\xb9\xb6\x1b\x1f_\xb0\xc64\xb8\x88\xb7L@z\xa5H\xef\xdb\xf1\xb7\xb8\xfd\xae\x98wm\xe8_\x80\x88yS\x8f\x07g\xcd&amp;\x0f\xc6\xf5_\xf5\n\xf1!\xa2\x8c\x85\xb8{J\x00\x00u#\xff\x02P\n\xb1\x8e\x18\x06\x8d[\x82r\x98c\xcch\x00\x00\xd0\xe2Z\x99\xb5\xed\xbb\x02\x11_!\xce?\xf4\x0b\xc0\x8c\xb6\xae\xc7\x88\x88\x18_\xb0V\x82\xfe\xf0\xef\xa8{\x0f\x00+h\xe0\xcf{\xca4\xa8\xe87\xa2K\xdc\xf8\xc6N\xdd\xea\xa3iq\xe1\xd1o\xe6\x19\xd2\xa6\xb8\xf6"\xc7\xaf/\xd9\xaf&amp;\x1e\xec\x9f\xb2G\xbc\xf0\x9c\x05\xb4%zO9F\x8e\x8a*\xce\xd9\xec\xc3V\xa2\x9a\t\x9bw\x9cLT\xf2\x06\x11\x94\xc3$\xeb\xb6\x00hD\x91\xddm\x912\x8d}\xd4\x83&lt;x\r\x11\x8c\x13\x99\xd5E\xae\x114\xfbL?E\xb7R\xb6\x02\xf3N\xed\x06\xac&gt;\xf8\x0c\xbf ^C|\x88\xf8\x01\x11\x11g\xef\xfd\n\xd0T\xdf\xb7_q\xcdu&amp;\xdb\x0b\xfb6\xa3*w~Tr\xec2{\xefW\xea\x0c\xe7\x9b:\x03\x1a\xf8\xf3_\xd7[\x01h0\xbb\x17\xf1\xb1\x93g\xea\xfd\x88\x88\x887\x11-\xc2\x86*;v\xd5\xf2\xcc%J\xba\xc5O\xa0\x16\x1b\xb1\xe4\xb6\x88M\xc9\x10\x17\xbe@l\x93\xb7\x14\xc0G\xf8\x15\xa2A\x17\xd4"{M&gt;\n\xa0K{Z\xd1.\x134ZI\xab1\x1d\xef|\x007\x00\x00y\xbf\xf8\x01kR\x86m\t\xcc\xa8\x12|I\xde\xd4\xe3\x88\xd8u\xdc&gt;\x89\x1b\xf7\x0c\xca\xacR\xb4\xcb\x00\xb0b|\x89\xb1\xc4\x8d\xd2`\xf8\xe2[}g\x9cV\xb0\xcb\x90\xac\x1a#d\xbd\x12\xcaY\xa3\xf7 \xe2\xd2\x93\xf5\xb1\\`\x00y\x7fe\xc7\xae\x00\r\x1c\xa2G\x91\xef9\xc8\xf9QJ\xa8R\x0c\xe6\x1a\x85\xd5\x17\xfd\xd3*Ej!(\xb3\x1a\x11\xaf#\xbeE\xb4\x8e\x18\x06\xa0j\x1e:\x98&lt;\x1b\x9d\xb7\x8c\\\x92\xb6H\x99\xfe\r\xd1,d0\x9f\x9a\x00\x002Jw\xb9\xb5\x9f(R\x07\x18\xc24\xb8\xc8\'\xb9\x02@\x0b\x1a\x05\xf3\x9e\x95\xb3\xea\x8c\x92.D\x04!s\xd4\xee&amp;\x1e\xbdD\xbbF\xbd\x15\xf1{]GT\xb0\xcd\xe86~\xbf}\x9bQ\xd4\xf3\x9d\x87os\x8b\x9f\xc0\xf4C0\xed(x)\xcf\x04\xc55\xd7\xeb\xde"&gt;#y\xc7\xc1,\xeb\xfa\x8e\xbb\x08\x00~\xa933Jw"\xe2}\xce\x15\xf3\xc0\xea\x0bH\xf8\xfet\xda\x82N\xdb\xa29\x97x]\xa5\x99\xa3v\xff\x16gX\x16\x11\xd5{\xbe b\xef\xc9G\xa9\xbb\xec\xd2ew\x11q\xd9)\xdc\xf3\x08\r|\xfb\x0b\xac@\x0b\xa0)\xfb\xff\r\x05\x96l\x9a:|[\xc6\xa8]\x1b\xae\xe2C\xc4c\xaf\x11\x11_#"b\xb7q\xfb\x01d\xe4mR\xc9\x110g\xd2!D\xf4K\x9b\xc9[\x8bq\xe0@b;[\xb1\xf5-u\x02\xfb\x8c\xd8e\xcc\x1e\x8a\xfb\xf9/\xc1\xac\xd3+\xce\t\xb8\xdb\xb8}[n\xd2,\xab]9\'\xe0\xa4\xa1\x9b\xc4j\xcf\xada\xd3t\xc6\x85E\xf6\x8b\xe8x\xe7\x83j\x84\xb4j\x13\x11Z\x82O\x9b\x87\x0e9\xf7\x19\xdb\xf6]!i;\x86\xf1 +\xd8\xb2\xfa\x87\xc1|v\xb7\xa0=z\xf2=zv\x98\x0c`\xb8\xfd\x0e9`\xfd\x15\x98y\'M\x050\x03p\xff\x86\xd8g\xfa\xa9\xcb?\x11\xc0\x94_\xe9\xfc\x8a\x93\xe19\x0b\x00\x1a0o\xa0\xe3\xe0\x8d\xc4\xf0\xda\xb4\xd5p\xees\r\x02\x10\xb1\xf6\x12\xeb\xde\x1b6M\x1f&lt;\xef\ne\x1a\x90\x01y?\xda\xe9P\xda\xf0\x00\xd0\xce\x9bz&lt;s\xd4.i\xd4f \xba\xf5\xce\xe8\xc8+L\x1a\xba\xd9,dp\xe1\xec\x8b\xed\x072\xda\xdf\x13^\x7fD\xdc|S\xcc\x97G\xfa\xbby\xa5\x10\xe7\xd8q\x9a\x9e\xbd\x05\xbcB\x00\xaa\xdb\xef\xe2\x9c\xfd\xdfY\x7fi\xb4\x1a\xb7\xfaQ\xda\xc8\x1d\x00.\x1c\xa5tb\x10q\xe35\xec2v\xef\xf2\xd3\x88\x88\xe3\xd6&lt;\xa6\x9e7\x0f\x1d\xac\xd7\xa2\xaf\x8cE2\xc8\xfaJ\xf9.\xb8a\xdaA\xbf\x05o\xdc\x84E\xc9\xa2\x9b\t\x85\xb51}\x96C\xc3@\xfe\x177\xb6oS\xea\xd5i\n\xc3\xa6t\xbc\xf2\xedZ\x97j7\xcf\x83\x86\x81\x00\xd6\xfe\xe9\x95\xa3\x96\xdf[{\x11\xe5\xac;s\x95\xdc\xfb\x98\x1c8&lt;8\xcf4%f\xee\x8f\x88\xb9\x14k\x03"v\x1b\xbf\x1f\x1a\xd7\x9f\xad\x80\x80\x17\x93B3v\x10\x1b{\\\x7f\x055\x9b\xf5\xf6K\x9d9\xac\xe6\x06m0\x1a\xe9*\xfe\x81\x08\xe0-\xa5N\x1a\xf1q#\xb9\xa4\x8d\xd8\x01\r\x03\xa9Qo\xffq\x984m5\x9csG\xf5_BR\xf1f\xbb\xd6#%\xa8\xc0\x10L;\xf2?\xdbH\xc6"\x89\xb2c\xf8_\x85\xcd\x0b\xc4\x89\xb5O)&amp;7v\x98X\xe3\x96\xec{\x97\x07\x00\xeb\x88\x92\x84\xc2ZP\na\x9d5N\xd4\xf5\xe9S\xcf}\xd3\x07\xd3\x0e`\x9c\x08`J\x86\xbcI\x03":}dZT\xee\xfc\xe8\xd4v\xac\xaaK\xf7\xccQ\xbb\xcdC\x87P\xce\xa9\xf0\xbb\xa8E\xca\xf4\xdaK8j\xf9=1\xfb(\xef_\\s]\xcck%\x83Y\xc8`\x8eE\x86\xb0\x19\xb4p\xf6ED$}\x9a\x7f\x1a\x8d\xec\xb3\xf8D\xd0x4\xb0I\x15\x12\xe1\xd2(\xb8\xc3\xa0\xf5\xbe\x9d\xa73n\x8d3\xfc\xcf\xb4\x03"~Gb\x13\xc3\xb1\xec%\xa3rx\xdcT&gt;\xc4\xf1\xee\x13\x0f\xea\xfa\xf49\xfb\t\xa7n~]Pu^\xc7+\x9fq\x1f\xfe\x00l\xcb7\xbc\xb8\xf2\x0b\xa1\taNo\xc2\xcf\x8c\xaf`\x9bA\xdc\xce;D~~)Q1s\xc7\x87\x82Y\xe7x\x0e;v\x9fxp\xfb\x1d\x0c\xeb6\x0fT#\x84\xd9\t&lt;@G\x84\xc8\xbb\xc6N\xddD\xf2&amp;\xfeo\xc1\x10\xc0\x0e\xa0\xb1\x86{OQ\xafl\xdd{\xc9\xb0\x857\xd8\x7f\xf1D\xc6J\x01M\xaf\xfeBDTw\x17\x18\xbf*h\x16\xff\x0f\xa0\xb0\xfa\x02"n\xb8\x8a`\x94\x00\xa0g\x116\xc44\xb8\x08\xc0\xd3\xd0\xbf`\xc7=,\xdb\xf0\x82(\x16\xdbo\xa5\x9c\x15\xf7B\xbf&gt;\xe1e\xd9r\xa8iP\x11\x18\xc4[\x85\x0f;\xf8\x1c\x1d\xa2G\t\xbf\xa8^\xa0\xd6\xc8&gt;\x8bv\xd9\xad\xdd&lt;\x8fb\xbf\xe4\x80\x91\x7f\x01(Jb\x1e\xd0\x05\xa5P\t.\xff?\xd4\x0b\x94\xa8\x7f\xac\xbb\xccZ\x9eo\xbe\xc1\x8a\xc3\xa2\xa09{\xf5\xca\x1d\xc0\xb9\xfb\x01\xc5\x07\xa0.5\x1fd=\x80\xde&lt;\xc8\t\xef\xbd\x8f$\xb1?\xd3\xe0\xec\'\\u\x8ef\xc7\xd3w\xc6\xe9\xaec\xf7\xba\xb4\x1b\x0f`\'\xdc\xd9)J\xe8\xfb\x84\xda\xa7_\x99\xed\xb1zO9\xc6\xbc\xda\x7f\x12\xf4\xcf\xcd!z\xf4mDFiW\x7f\x10\x0e1\xa3\x05\x9a\xafXPv\xec\xcas\xcc\xa9&gt;\xfaS\x7f\xe8;\xfdT\xe5\xaeO\x00\x86\xf5S\xbd\x8f\x18.\xff\xf8\x825U\xbb\xd9\xf1\xb8\x7f\xd9\x0e\xe1\x10\xd6m\x9e\xbcu\xaaGb\xd9\xb2\x93\xc8\x19"#`\x7f\xe5\x00\xa0#\xd0\xd8+\x08\xa1\xdd\xe6\xf6\x9dq\x1a\xc0\\\xbc\xcbi\xb1\xed62\x0c~\xe4\x9f\x0b\xf7\x7f\xa0\x80\xf4\x95r\xc5\xd7\xb1\xa0\xd5\x86I\xc0\xe7\x7f\x1f\n\xd2\x8dq?\xff\x15K\x16\xdd\xe4\x7f\xde6}\xe4\x0e\x00=)\xb6\x18\xd9c!\xe3\xc1EIx\x91\xff\x12\x14\x88]\x82]\xeb\x91\x88\x18\x94Y-\xed\xfa\x1bK\xbbBFp`\x05\x12\xd7\x13\\\xeb\xb3r\x89\xd0o\xe6\x99\xec\xf1\xfb\x01\x00@M\xd62\x05\xc0\x19@\x11\xe4\xfd\x14lE\x0e\x8b\x9b\xb3\xff{^\xc5\x89\xa1\x0b\xae\xfd\xd9\t\x98\xdbG\xa6\xe6\x96s\xf9\'\xc7"@\xde:\xb5\xfe\xbb\x01\xf2\xd6\xa94^y\x00\x00w\xd0i\xcb\x1d\'+\xef/,\xd2\x08\x00\x00L;\xa4\x0e\xdf.\xb4Tt\xferDTr\xec\xc2\xac\xa7\xff\xcbP\x12\x96\xa3\xe9\xbe\xe7!.&lt;\x8aU\xbb?\xff\xa1\x1e\xfd\x7f\x80&amp;\x1e\xbd\x049\x9c\xb4c\x10\xb1\xbd\x94\x13-\xcc{O&gt;*\xd5\n\xff\x1b8\xfa\x9a\x18U\x15\x01 \xae\xff\xaa\xc9\x1b_\x1a\xfa3\xcfY\x17\x82\x89\xeb\x9e!R\xc2I\xfe \x86.\xb8\x06Z"3\xc3\xfc\xd7\xa1\xdf\xa2\x1fk\x9a4O2\t,$\x02Mb\xfa,o?p\xed\xc0\xea\x0bs\xf6}\x030\x06P`\xb6*\xd2\xfc\x86\x84\x03\xd5\x87\x88\xd5\xbf\xf2\x0b\xd3G\xee\xac\xd7\xfe\x07w\x99\xdd}\xc2\x01\xae\x83\x91=\x17\x8a\xbb\x0b\xb7\xb7\x8e\x18\x06`\xce\x87\x0cG\x15@\xc17u\x86(\x9e\x17]\x00\x8f\xd9\xfb\xbe\xbdE\x9cw\xf0\'\x80\x05h\xb4\x02\xb5\x08\x00\'\xa2cO\x11\xa1Q\x08\x98t\x90\x829\x90o\xdc(\x15f\xfcN\xfc\x8d\x0c+\x00\x15\xe7l\xed\xe6y\x92\xd9\xfd\xb9 \x94\x03Kd\xd8D\x0e\'(\xae\xfe\x93h\xe0\xcf\xcb5S\xbf\xd0\x8b\x05\xadh\x80F \xef\x1f\xdc\x85H\xc1\xf4D\xe93L\x19\xb8\xf2$\xe3\xea\xfa\xf4e\xd8E\xa9\xf6\xe4\x8f\x82\xc8\x8b \xffl`\x93&amp;\xd5X\x04oD\\p\xe8\x97X\xd7\n\xe0\xab\xe2\x01/_\x81\x10\xb6\x8d\xffIh\x93)\xa4\x13\xd6&gt;!\xa7\xab\xaf\x88\xeb\xaf\xe0]DD\x1c\xb1\xe4v`f\x95G\xc2$\xa1u\x99\x87\x0eF\xc4\x15gP\xcd5\x87\xa8\xe7\x1a"hE\xff\x81\xdb\xe0\x811u\xf6\xa5uN\xd1\xc2\xb3C\xf9\xcc\x9d\x1fA-\x12\x11\xcb7\xbe\xa4/d\xd4\x1e\x14\x82\x98v\xa4Ik\xbf\xd4\x99[n!"\x16\xcc:\x07`\x0f\xba\xb1\xc1]f\xab\xb8d\xcf\xd8\xfe\xfe:\xa2{{\xba\x07[_\x0f\xcd@\xa0u\x9ds\x946l\x0f\xa0\xa5\xe4\xd8\xe5\xc0S\x94\xb1H\xae\x97\xee\xc8Yu\xbe\xf8\x1do".;%}~()\xe2\tk\x11\xd7\xfcowD\x00\xf8N\xb1m\xf2\x96&amp;\x16\xad\xab\x87\x16Y\x0e*\x1d\xef\xfc\xaec\xf7j7\xcf#\x17w\x19\xa5;\xcdB\x06\x03\x98&amp;\x14\xd6&gt;G\x16\xd5\x9c\x9akw\xf2Jy\x9bT)\x8d\xb6\xbc\xb9\xd7\r\xf9%\x10\xff\x93\x90RW\xe5ih\x16\xfe\x0f\xff&gt;\x16\x1e\xc5;\x88\xeb.\xe3\xbe\'X\xbe\xe1\x05u\xd2\x9a\xbd\xef\x1bI\xcdv\x1bQhv\x1c\x00\xf8\xa5\xceD\xc4+?\x91\xca\x96\xf3\xe5/\xf9\x80\x89(\x93\x1e\x93\x0e\t\xa7TR\n1\xf0\xeb\xaf`\x9b\xe1\x97:\xd3#\xa1\xac\xfb\xc4\x83\xc2\xea\x16\xecQR\xe0L\xfe\x91\x07\xe5\xb0\xc5\xc7\x11\x11\xbd\x93*\xa0a@T\xef\xc5S6\xbf\xfeK\x1b*QR(\r\xe2\x01l{M&gt;\xfa\x05\xb1\xfd\xc0\xb5\xec\x99\x9bI\xb2\x1cs\x92&gt;\x8d(\x92=\xd58`\xa0\x08\x9d\xfb\xc30\xef\x14\xd5{\xf1\xdf\xee\x84\x98\xe80h\xfd\xae\xfb(Z\x84\x8bn[\xc1F\x1e"\\\xfc\xc4;\x04\x95\xf0\xca\x9d\x1f_ \x86v\x9b\x0b\x8dX\xb9\x16-R\xa6;\xb5\x1d\x0b\xd0t\xf5yD$yz)\xb1*\xaa\x11\xffv [=\x83\x15\r\xee\x84\x88\x97\x7f (\x85\xfe\x01\xaa\x96\x7f\x0b\xd2\xa3R\xa9g\xe8\x82\xb1\x143y\xb8\xb1\xe2\x0c\xfeF\\s\x01\xb7\xdeB\x87\xe8Q\xb1}W\xae\xbd\x88\xbb\x1f\xa2E\xe8\x90\xb0\xecy\x85\xb3/\x12S\xf0\xf9\xaf\xc4$*\x842V\xdd\xbd\xc7\xe1\x97\xb8\xed6\x82N[\xf7\xf6\x93\x88q\xb5r\xd7G~\xe5-[\x0e\x1d\xb3\xf2\x81To\x88\x1f\x8c\x04\xecY\xef!^CL\x1b\xb1\x1dYa\xa1\xf4\xb3\x94w\xd2T\xc2P\x1a\x981k\xda\xb6w\xfcx\x08\xfaW\x9e\x9dO\xb1\xdf4r\xc8\x02\xed\x18\x82\x8b{\xf1q\x1c\xb9\xf4\xce\xc2\xa3\xa8`K\x7fm\xbd\x819\xd3\x0e\x00\x00(\x06C\x93\xa8\xfc\x8a\x13\x99\xa3v\x8dXr;s\xd4n\xd0j\xd3\xd8\xa9\x9bwR\xc5=\xc4-7Q\xce\xba\xb3m\xd4Hi%\xb0\xb8\x8dZ~\xef+"\x83\x88\x03\xd7\xfa\x8c\xa6qp\x88\x1e\rMZ\xf3\x1c7\xe7N\xa6\xfe\xefA\xc3!z4c\xc6y\x8f\x01\x95g\x89O\xd76j\x04\x9f2&amp;\xe4\xfa\xbat\xf9\xbd\'\x88\xbb\xee\xa3]\xebRr\x02\x06\x90m\xdaj\x044\x0c$BA\x08&gt;^J\xd4\xab\xf7\x98\x95\x0f\xfeLP\xc6\xbf\t\xfd\x16\xfd\x00\x8c\xa0q\x18\xf1\x0c\xdb\x0f\\\xeb\x9f^)\xbd\x84\xec\xffm0\xdfC\x18H\xcc\xed\x05\x96-\x87\xae8S\xaf;H\xd9\x11Kn\x13\xbc@\xd9\xe3\xb9=\xa9 \xeb\x9b:|\xdb\xe6\x1b\xd8k\xf2Q\x00S\x8b\xb0\xa1t5P\xe1y\xf63NX\xfb\x84\x1d\x15%\x07\xa6\x1d\x01\xdc\x01\x00\xc0\x98\xc6\xedb\xd2\x81\xcd\xb8D\xe52\x92~,\xbag\x87r^Rn\x12\xc4W0i\xdd\xb3w\x88\xe39\x89)(\xd0 \x8a\xe9\xf9\xf4=\xf6\x06\x11\xf1\xca/\xda\xdfE\x95 C \xe9G"z\xd4\xb8\xc4\x8d\'\xf8\x1d\xca7\xbc8\xfc\x02\xf7&lt;\xe4\xfb\x83zv\x9c&lt;h\xce%\xbb\xd6\xa5\x002"\xdc\x9e\x00\xb0\x89\xbd\x98H\x8f\xd4\xc1\xacS^\xc5\x89\xc3l\x83H\xe9\xb2\xbb\x1d\x06m\x98{\xe0\xc7;\xf6\xa8\xeb\xd5i\x8as\xec8Q\x12q\x05C-\xb2b\xcb\x1b\xa1n\xb9Y\xbb?a}\x99S\xac\xc8\x19\xc5\xb3\xc3d\xf6A\xaf\xd8~+\xaf\xfe\xc6\rW\x91\x87\x86^B\xe2r\x1b\x19\x8b\xe4\x7ft\x0b(\xe77i\x1d\xcb\xf25s\'\xdf\xb53r\xe2\xfcW\xd4\xf5\xe9\xc3\x9b\xdb\xd7\xb4\xd5\x08$\xb5\r\x14\xc8\xd4\x94F}g\x9c\x16\xb9c\x8dB\xb8\x88U\xdd\xdbO\x04y6\x1b\x86FTc\xa7n\x00&amp;"W[o\x08\xee2\x1bT\xf8\xf0\xc8\xeb\xb6\x1d2\xff\xaa\xaeO\x1f\xe2\xe9\xe9\xfb\xf6Sq\xc9fbc\xe4\x0b\x92\xe7\xe1\x7f\x1d\x03\xab.0\xda\x92\xca\xfa\xba\xb6\x9b0h\xeee\xa9\x06\x97\xd4\x0f\x0c\xdbo\xbe\x81\xads\x97\xf0\xfaS\xccC\x87\xf8\xa4L\x93\xb1H\x86\x86\x81\x00\xde\xfc\x17\xc4ux\x8ex\x0f\xd1\xd0\xbf\x803\x01\xd7y\xd11DD~\x1c \r\x9b\xa6\xe7L:D\xfc?\xa3t\'\xe5;b(\xbf\xc1\x04|yx~!"\xe2\x13De\xc7\xae\xd1y\xcb\xf8\x15#&gt;\x96\xb4\x11\xdb\xbbO&lt;x\x1d\x91\x93x\x9f\x05Y\xcb\x14rP\x02P\x06\x00\xfb6\xa3l"K\x92\x87m\t\xcc\xac\x02\x00\xd0\x8b\xe3\'\xafD\x0cV\x04\x0e\xbf\x14,\xc0\x05T]/Z\xc8Yu\xb6\x8d\x1aq\xe9\x07\xab\xc26yK\x05\xd6\xc6\x8d\x93\xef\x91\x17\xe7\xbf""\x9e\xf9\x84\xf2\xd6\xa9\x8d\x9d\xbb\x89\x9d\xacE\xdb_\xe1\xbcB\x8d\x9d\xba\xbd@d\x96\x1bg\x08\x06\xed\x88\x1f\x80\x17Q\xbd\x17s\x85\xab\xa9\xb8dS\xefS\xabyn\xbb\x01kv\xde\xaf;"\x05\xff\xb4z+y\xebT\x93\xa0\xc2\xf4\x91;v\xde\xc3\x13o\xf1;\x91\x88\xfcw!\xeb\x0br~\\\xf9H\x96aC\xc9\x1b\xdfz\x0biY\xb2=;\x94s\xbd\x1cJ\x0eB\xe3\xef%Y\xb5(\x99\x04\x15q\xfdj\xec\x9f\x86\r\x9d\xb6\x87^\xa04\xa4\xe5\xa4\x83\xcf\x88\x95\xbb&gt;q\x1dl\xec\xd4\r@\x07\xc0\xfb\xeao\xcc\x1a\xb3\xa7d\xd1\xcd\xcc\xd1\xbb\xffJ\xf7\xfe\xa3\x98\xbe\xed\x1d\xbfU\xf8\xf4m\xef\x06\xcf%U\xd8\x0c\x01\xc0,d\xd0\xd8U\x0f\xffT\xd7\xa4\x086;\x8a^\x1ce\ntcre\xd2\xd0\xcd\x88\xb8\xf3\x1e&amp;s\xb2\x9a\x13$\xbb\xads\x97\xf0i\xb0\xf5sD\x82\x18u\xdc\xeaGV\xe1\xc5\x01\x19\xb3Hc\x83\x9a[\x0e\x93\xb9_l\x10\x14\x0bH\x88N\xd2\xabZ\x91p\x04\xb0\xa2\xdb\x9e\xb2\x96\xe6n\xf1\x13\xc9\x11\xc9\xd0\xbf\x00@.\xa4\xeb\x1c\x00U\x9e\xf2\xaa\x1195\\\x9br\xae\xdc\xad\xa9[\xde\x08\xe9\xb7a{\x00\x19\x80\x86\x00nY\xa3\xf7X\x85\x17\x03\x18\x03\xd8\x12\xe4V\xf9\x15\'\xc8\xa8\xba\xb7\x88\x0c\x7f&gt;\x12\x0b\x0e\xfd\xe2\x9d\x80\x1f#\xdeE\xcc\xe6\x899\xe7F\x83\x80\x92\x85\x022B\xeb\x1d\xd6m\xfb\xae\x88\xeb\xbf\n\x0c\xdb\xb3\xcd/\x1c\xe80h\xfd\x0e.}\x15\x9d\xb6\xd4\xfb\xe4\xd25X~\x1a\x01\x94D\x8b\xf0\xe4\x82vL\xfb\x81k\x87/\xbe\x15\xd7\x7f\xf5o\xce\xca7\\\xfdks\xb0\xa6go\xa2\x0f\xbc\xd6!j\x0f\x7f\xf3\x19\xef\x08\xa9\x19\x12\xf5\xdbW\xfd\xb8NC6\x82F+\xea\xaa\xb3j\xcfg\xaev\x85\n\x19\xfdI\x1cy\x89\t\x85\xb5&lt;\x87\x89\xb7H6\xa6\xcf\xf2\x8cQ\xbbB\xbb\xcem\xde\x91)\xa3\xea\xff\x01\x00\x00\xcc\xf2+N\xd0\x9e\x18&lt;\xef\n\x87\x0e \x00\x80{@\xc6\xac?\xd0\')C\x8dI6\x0b_\x18\xfa\x0fh\xdbwEx\xf7\x05\\\x0f*o\xea\t\xbe\x130\xc0\x94M\xaf\x88IB\xc3\xbd\'!+&gt;t\xc15\xc24\xed\x9d\\\xd1q\xf0F\xcf\x8e\x93\x19,\xb2)h\x18\x18_\xb0\x96\xc9\xb2\xbb\xa0\xea&lt;"\xbe\x97h\x0ca\xad\x15\xf2\xa7\x9d$G$\xa7\xb6c\x01\xec\xa1a\x00o\xe9&amp;\x1e\xbd\x9e!\x1ez\xc1\xd1"\x91\xb8E"\x87o,X3\x00g\xd0\x8b\xdb\xfb\x08\r\xfd\x0b@\xb6E\xb7q\xfb\x88K\x16\x1ea]k\x1c00\xb4\xeb\xdc\xa2\xd9\x97\xc8\xda\xa6m}+\xd2\xfdX\x85\x17#"\xaf\xc4\x0e\xb2\x84\xcb\xf8\xa1\xa1U\xf8\xb0\x8c\xd2]\x14\xaa;F\x10\xe8dU\x8b\xa4\xd8\x91\x84\x9b\xe6;\x0cZ\xbf\xed6\x8e^\xf1 8kv\xc9\xc2\x9b\x9et\xc6\xf7\xd6\xb9K\xa0\x01\xc7\x0fC\xde\xde3\xce\xbb]~\x1aA\xab\r\x80NT\xef\xc5\xe2\x11dw\x1e\xbe\r\x11\xf7?E\xab\xf0b\x00\xbb\x91K\xef\\\xfc\x86\'\xde\xd55\xc1-\x8a\x0c\x00`\xac\xe3\x9d/\xacbI]5\xa4\xca\xc7\xf1\xb7\xdc\xcc_\x04Qx\xdd\xe4*\xc8\xe8G\xa820\x11c\'\xe0\x1e\x98Y\xd5\xaa\xd7"\x91\xba\xaa\xdf\xa2\xdf\x80Y\xe7\xd2Fl_y\x16\x15Y\x8e=\x11\xa8\xf3\xff\nJ\x16\xdd\x14l\xa4\x92\xb7I\x05p`\xc6\\\xc6\x8d\x84\xc2Z\x01\x83\xa9@\xa8\xf3?\xd5\xdc&amp;\xb2D\xac:\x99\xc2*\xbcX\xc7;\x1f\xc0H\x12\xf6(\xfe\x0c\x97\x9e\xc2tY\xfe\xbfFDNM\xd5\xee\xcf\xfc\xe9w\xd8\xceu\xd3\x0eDf\x14\x99;\x946b\xfb\xcc\x9d\x1f{O9\xc6G\\\x8f\x1f\x11\x9b\x1c1z\xd0\xaaRr@\xa5%\n\xd5\xffQ\n\xa99\xf2\xdb\x88\x1d\xa8k\xe8?`\xe9I\xecY~D\xc9\xa1\x0b@C\x00\x9df\x89\xe5\x00\xde\x84\x9c\x0f\x81I\xeb\x9f\x014\xe7\xc7yI\x93W-\xef\xbf\x92\x15\xfd\x82\xf7\xe8W\x03.2\x16Iu\xb1\x1a&amp;\x1d\x88\xff\xeb\xf9\xf4\xe5\x9a#w\xdc\xc3\x8c\xd2\x9dC\xe6_\xe5\x18EE\x82Z\xc4\x1d\xc4s\x9f\xf1\x01g\xcd+\xce \x18\xf13\x124\x01\xd0\x01\x93D1\xbe\x02A\x13\xb0Md\x89Or\x05\x00\x00(\xf7\xaf&lt;\xcb\xcf\xb0\xcc\x82q\xe2M\xc4\x8f\x88]\xc7\xed\xcb\x9dr\xec\x11\xe2\xf9/\x18\xd2u\x8e\xd0\x1e\x909\x00o(w\x9b\\\xbc\xb9\xee\xbdT\x8f\xa4\x04\x191\x87l\xa7!\x9b\x88\xda\xa6m}\xdb\xb0iz\xdb&gt;+n#\x0e\x9as\xb9\xcb\xd8\xbd&gt;\xc9\xd3\xc0\x90\x9e\xcd\xd8\xb7\xf3\xf4n\xe3\xf6\xf1\x8f{t\x1c\xbe\xf8\x96(\xc2\xe6\xbc\xd0&amp;os\xfb\x1d\xea\xcb\xe1\x04\x00\\\x8aO\xa9\xc3\xb7I\xd0\x10\t9\x00\xbb\xf4\xd2\x9d\xec\xd7\x91\x7f4M\x93\xa8\x90.s\xa81\x01AY\xd5\x19\xa3vu\x18\xb4a\xe7=\x04\xb5H\x00\xf8\xa7\xdc\xbdb@\xd62%\xa1p\x9d\xd8q\x8c\xed\x06\xac\x16/8(\xaf\xe2\x84s\xecX\xca\x012cA&amp;:\x7f\xd9-&amp;\xc3\xa5$h\x1c\x06\xe0\r\xe6\x9d\x84j&gt;\xf2\x87\xc9\xcc\x1d\x1f\x00\x1c\xf8\x17P\x14U\x84\xf5\x9f\x81mPV\xb5\x91\x7fA=\xd5N\xcc\x07\x01\xe9\xb3\x84%\xd1*\xcbZ\xa6|F\xacS\x12\xd4l\xe3\x9d4\x95\xf6\xa9\x12\x89O\xcbO#\xadT\x83\x8as\xf6\xd1\xd7\xd8g\xfa)\xa1}\x8b\xed\xb7R0\x7f\xc3\xa0\xb9\x97\x11\xf1\x17b\x93f\xbd\x1cbF\x93C\xd3\xd9\xcf\x08:m\x01\x9a\x83r(\x00$\x16\xadGD"\xb1\x86!\x01\xadM\xe4\xf0\xaa=_(\x07\x1a\xd2&gt;\x1fy\xebT0j\xdf\xb2\xfb\xfc\x81\xd5\x17\xc8\x14J\x05\xbb\x8c\xe0.\xb3I\xed/\x12\xfb\x9f\xe0\xa2c\xf8\x83\xf3\xa0\x08!\x81\x06\xed@)4:\x7f\xd9\xe6\x1b\xd8\xb3\xec0Y\xc3\xb9\xcfX\xb1\xf5-s\xa2\x0b\x0f\xe1E\xea\xc0?!R5B\x95\x9dB\xea\xd4v\x8c\xe0\x9d_\xc9\xa2\x9b\x88x\x0b\xd19vl\xaf\xc9G\x89~w\x1d\xbb\x8f\xc17\xe9z\xf8\x05r\xc1#\xa1L\x94[ A]\x80h\x81Q\x02A\x19\x88\x88\x93\xd6=\xcb(\xdd\x19\x96=\x8f\xc1C\xb4\x1b\xbd\xe2\xfe\xf2\xd3|\x07Y\x15\xe7l\x8e\xb05\x06\xec\xbbTX\x84\r!o\x93\xfc\xe6\t"\x1e\x8f\x84Ii#\xb6\xcf\xde\xf7-}\xe4\x8e\xc0\x8cY\xa3W\xdc\x97\xa2c\x95\xf4\x8b\x08,\xe5:l\xe1\x8d\xe9\xdb\xdf;\xc7\x8ec\x1d\xd0l\xc3P\x12JL\xe8\xc6\xaa\xbb\xf5\x80\xc6-)b\xda\xf5\x8bNC7}C\x8c\xed\xbbR\xcc\xebeZ\x88\xb7\x89\x0c\xed6\xb7\xf6\x12\xc6\xf4Y\x9e\\\xbc90\xa3\n\x11\xbf#F\xf6\\\x18\xdbo\xd5\xf4\xed\xef\x11\xb1\xff\xcc3\xcckSw\xefq\xee3\xd2\xe5\x0e\xf0\x94\xe4\x88|\xd1\xd0\xf0\x10YC\x82\x8d\x06\x9f\x11\xdb\rX\xcdg\x1cpUu\xed\x1e\xdam\xae\xb8\x95\x0b\x84q"4\x89\xaa\xd7\xac$\x00\x10\xb2\xc1`\x8a\xe6\xbc*\x84]\xc6\xecE\xc4\rWq\xc0\xacs\xa2\xaa\xe4Z\x84\x0e\x01\xa5P\xd0\x8bm\xd04\x8dc|\x93\xf7\'G6!\xda\x1b\x12\xc1\x92\xc8#\xe2\xc5\x9a\xf3\xc8\x13?$\xda\xad\xb1\x87#\x1ag%\ty\x9b\xd4\x03\xcfP\xc5%\xdb:b\xd8\xf4m\xefz\x96\x1fi`\x93\xe6\x976\x93\xbeO\x88\xd4\x8d8\t\xe6tu\x8d\x9d\xba\xc9X$\xa9\xbat\xcf\x9dz\x1c\xcc:\x82v\xcc\xf0\xc5\xb7\xa2\xf3\x97iy\xe6&amp;\r\xddDY\xeb\x08\xc9\x08\x90\x969\xa8)\x97\xb9\x98?T^""\xe2\x81\xa7\x08\x8d[ZG\x0c\xdb\xff\x04\x11\xd1/\x95F\xdfW\xc6"\x89G{\xa7\xb1\xaceJl\xdf\x95\x07\x9e\xb2\x1eY]\x90\xad\xe4\x90\xf7\x8b\xce_\x06\x9a\xc2\x87*6\xe4\x022f}G\xe4\xa7 \xd4\xc0&amp;-\xa9x3\x80\r\x80\xa6[\xfc\x84\x88\x1e5"t\xc60\xfe6\xe5\xcd \x0f7v\xee\x86\x88\x15[\xde\x08\xc8\xb1\x93\xb5\x94\x90\x93E+k\xf4n\x06b\xba\xceU\xbb?\xdb\xb7\x11\x96\xc2/\x0cj\xae9\x9e\x1d&amp;Cc&gt;\xd1\xc8`\xd4\xb4\xd5pP\x8b\xecYv\xd8?m&amp;\x80\xad\x18\xec\xbb\xe2\xa1\xcb\x98=\x1f\x11\xb3\xc6\xec\xa9\xc76\x0c\xe3i9\x10\xce}\xe1\x1e\x1an#\xf6\x9d~j\xdf\x13\xbc\x8f\xe8\xc4\xb1?\xe6\x8b&amp;\xcdz\xab\xb9\xe5\x9c\xfe\x88H\x90\xf9\xf1-\x17\xb5\xe2\x0c\x82J\xb8uD\t\xc8\xf9v\x1d\xbb\x17\xb4c\x00`\xc2\xda\'\xb9\xe2+dx\x83R(o\x12\xc1\xc4\xda\xa7\x1e\t\x93\x00\x94\xeag\x15\xa5&lt;e\xf3\xeb\tk\x9f\xcc\xdd\xff\xdd"l\x88\xf0\xe2\x7f\x15\xb3v}BD\xd0\xe4\xe5\xf5\xf4\x1eXu\xfe\xf0K\x14*\x9a\xab\xea\xd2\x9d\xf2\x97\xbeW\xa7\xa9\xa0\x18l\xd7\xba\x94W+\x9dx\x85\xca\xd6?\xe7\xef4\x95\x02\xe4\xadS7^C.~\xe9\x15g\xe8w\xde\x02\xb0\xfd.\xa6\x8f\xdc\xc1y\xcc\n\x0c\xe2\x05G\x14\xebz\xf7\xb9\xf2\x0b\x95\x9d\xba\xdaD\x96xu\x9a:v\xd5C\xae/\x88k\x13\xdce\xcc\x1e\xde\tX\x12:B\x15\xe7\xec\xbe3NW\xef\xf9R\xbc\xe0\x1a\x9b3\xc0\x90\xbfu\x1d\xf4h\xa4~\xc5\x87-c\xe7\x7f\x13\xc2k\x1d\xd5\x8b$\xcd0h\xd2\xac\x17\x8d\x87\xb2I\xeb\x1ee\x87\x93\x8b\xb7\xf0\xc4;\xc8\x00\xe8\x03\xb8\x80JK\x00\x1f\xc9\xba-\tX\x8ce\x86~\x03\xf8Y\xdb&amp;\xd6\xb2\x96\t\xc3\x16\xde8\xf9\x0e]\xe2\xb8H\x19\x15\xc00\xde&lt;t\xb0c\xcc\x18\x1eo\x87\xf2\xfc\x83?9\xdf\x0c*\x040BX\r\x99\x7f\xb5\x91}\xa6\xe8\xb7#\x19D\xd1(\xe4\x82Q@AP\x16\x7f\xad\x02\xf5V\x15[\xdf\x82^\x9cs\xec\xb8\x066\x7f8/\xd9 \xaf\xe2\x04\xff\x95\x81\x14\xa0\xea\xd2\xbd\x91}\x16\xefq"\xbe\x83\x8a\xe4\xe2\xcd:^\xf9o\x11_!r\xfa\xa4\xb5i\x07\xb8#\xaf\x10\x11\'o|\xf9\x82\xfe\x15\xa2B\x7f\xedE\x94\xb3J\x01\xf0\xe8;\xe34"\x16T\x9d\x07\x80\xb1\xab\x1e\xce?\xf4S\xe8-(;ve\x9e\xf8[\xbe\xe1\x05\x80\r\xc3\xc2\xa2\xc26j\x04"\x1ey\x89=\xca\x0e\x07\xa4\xff\xeb\x81]!]\xe7 \xa2\xae7M\xd2\x91\xbcMj\xa7!\x1b\x85\x9a\'\xe7\x1d\xfcI\x96Qs\xcbQ\xb4#\xbez%y\xebT\xae\xdc$\xd3\xa0\xa2\x0f\x88\x1b\xaf12\xf9\x9a\x06\x0f\x12;\xdd.(\xabz?{kt\xee3\x19\x0b"\n\x9aD\x11\x97\x8f^q\x1f\xe4\xfc@-\xb2t\xd9\xdd\xa3\xafq\xfc\x9a\xc7\xf6mJ\x05y\x18\x1b\x048\xc6\x8c\x01\xbd8\xdei\x95\xc0\x8e\xbbx\x85\x12\xb6\x0cj\x91\x0e\xd1\xa3\xab\xf7~\xa5n\xdc\xc5\xbbk\xf2\xde\xc9\x10m\xb6]V@6\x90\x92\xb4\xd7\x88\xcc\xc3\x02M;\xf2\x11\xc1\xd5k\x9d\xbb$\xaa\xf7b\xc2\xc2\xa3\xe3\x95\x7f\xf63"bt\xde2\xcb\x96C\xff\x12]*\x00(.;\x85a\xd9\xf38\x0fZ0\x88\xc0\x82\x84\xc2Z\xf2\xa7=\xf8\x1c=\x12)\xd6r\xc5`\xea\xcb\xc1\xb3hu\x1b\xbd\xe2&gt;"\x86u\x9bg\x1cX(\xb2\xce\xb6\x10\xb8\x8cZ~o\xfb]\xe4\xb7\x87\x16\x1d\xa63v|\xa8O\xde8\xe9\xde\xbe(0J\x80\xc6a\xe2\\\xd8\xa45\x0f\x91\xa7\r\x03\x96\x06\nL;\x12\xd1\xf8KOb\xff\x99g\x89c#\x96\xdc\x9e\xbe\xed\x1dg9o0\xe7%\x88w!_\xadG\x88\xd7\x906\xd8\x9b\x1b\xb9\xec\x10S\x9e\xb7\xfd\xaf\x807/E\x08\x92\x8b7#\xe2[D\xeb\x88a.q\xe3\x84_ \x0e\x84\x10]\x89V\x97U\x8a\xd02\xab\xcea|\xc1\x1a\xdaS\xa6\xc1\x83\xf8\\\xe4\x05\xe0\xc8u\xa8h\xce%D\x9c\xbd\xef\xab\xd0\x16[\xf5Z\x94?\xed\xa4q\xa0\x98\xa4\x87\x84\xc5\x05\x11\x8f\xbfa\x98\x8f\xcaB@z\xa5e\xcbb\xbb\xd6\xa5\xc4\xe5\xf7\x10\x83\xbb\xcc~\xc4~\x8dk/!\x80\x95P\x11\xc3\xa8\xde\x8b\xa9\xe3\xea\xd6[\xac\x88]\xff\xb4JP\x08\xca\x1e\xbf\x9f \xbc|\xc5\x9ak\xb5\x032f\x91\x85w\xde\x970O\xc4*\xb8\xcbl\xa2\xaa\x9a#\x08z\xb1`\x10\x0f\xd0\x9c\xbf+\xb3&gt;\x1dv"C1\xa8m\xdf\x15\x84\xd5 s\xd4.\x00\x13\xfb6\xa5\xb3\xf7}C\xc4\xf2\r/\x06\xcd\xbd\xcc\xca\xd1\xfe\x0b\xd0\xba\x8f\xb8\xf56r~{\xae1}\x963a\t&amp;\xf2\xb2\xdd\xe2\'p\x1d?\xc5\x99\xc4M\xaf\xba(\x05\xc8i\xb8\xf7\xe4\xb2\xabh6\xebM\x18\xb7_\xa0\xb4\x08\xc4]\xc6\xafyl\x1d1\x8c\xf6\\~\xc5\t0\xa1]o\xfd\x07\x906b\xfb=Dq\xb2\xe9\x95B\xf5Z\xf4e\xbf3j\x00^\xa9\xc3\xb7#\xe2\xe0yW\x84\\\xc8\x05\xba\x0c\r\x1ep\x8f\xb6\x00P\xbd\x87e\xc5\xfe\x89x\xf57\xba\xf2\xbc\x81\x14\x90\x9eZ\x8d\xdc\xa9\xc7\xff\xbb\x1a\x18M[\x8d8\xfc\x02\xaf\xfd\xc6z",+\xae\xb9^\xbdW\xf8\x04&amp;\x01\xc8\'\xaf\x0c`\x07`\xa4\xea\xd2]\xdc\x9d\x19of\x91\xe3\xd6[\x08zq4e)\xd0\xf4\xecm\x1b5"y\xd8\x96\xfdO\x90\x1f\x1b\x86\x10(\x85\xee{\x8cU{\xbe0\xe0\x8b\xa6\xc00\xfe\xf0\x0b\\x\x14\xdb\rXM\xdc\xf2s\xc4e\xa7\x10\x11\xf7=\xc1}\x8f\x91\x9d\x94!XW\xbb\xf1\xbc\x03\xac\xb0*\x9bHR\xf1P\x95\xbdys%\xc7\xdb)\x9b^\x01\x00(\x87\x9e\xfaP7\x08\xf7*?"\xea\xbd\xf2\xc0\x8b\xb4l\xbf&amp;Z\x11\xb0eW\x8f\x94\xb89\xe9\xa1e\xf6\xfc\x1dwq\xe35D\xc4\xe3o\xd1\xd0\xbf~DM\x97\x00\x00 \x00IDAT`\xfe\xc1\x9f%\x8bnzv\x98\x0c\xe0\x00r\xbe\x02\x83*\x85\x82/\xc3\x0b#h\xb5\xe9\\\xb2\x8d;\x0e\\\xb7\xad^\x8b\xbeB\xfd4\xfc\xb0\xf6"r\x81\x8fF\xa6D\xd0j\x9e\xbb\xef\t\xc6\x0fXS\xc7\x1b\xa0\xd1\xea:\xbb\xc5\xcf\x8c\xe3\xcf\x05\xc3\xab\xd3\xd4e\xa7\x10T\xc2\xe9O\xabE\x82\xf6\xdf\xb2^H\x01IC7\x89\x15Ke\x1a\xd9sa|\xc1Z\x00\x03\x90i\xd1\xb4\xd5p"o\xe4%\x1f\xab#\x00\x80\x81\x94%\xae\x95\x1c\xba\\\xfc\xce\xfa\xadc\xfa,\xff\xaf-\x83\xac\x023f\x05eV\x8b\x12\x85\xae\x0eMZ\x1b\x89\xc9Wo\x01\xda1\x00\x9e\x00\x00\xd0\xb8e\xf7\xf9\xbc%\xf6&lt;\xc4\xcd7\x99\xcf\x85\x8e\t\x85\xb5\xa0\x14\xca\xbf\x80\'\xf5\x0f\x03\xbf\xfe\x8b\x8f#\x80G\xa7!\x1b/|\xc3\xdb\x88\xfd+\xcfv\x19\xb37o\xea\t\xef\xa4\xa9\x8c\x1be\xa1i\xab\x11f|\xf7\xc7|\xd1\xa4Y/r~\xfa\xc0\xe2\xa6\x10;\x15\xcd]p\xcc\x14\x05\r\x01`\xc5\x19D\xc4\xfb\x88\x81\x19Umr\x97\xe6M=&gt;b\xc9\xed%\'\x10\x11-[\x16\x83N[5\xd7\x1c0\x8c\x07\xddX\x01\x15\x11JS\x02i\x1b\xbc\x95\x1c\xbb\x80n,1\x1eF\xf5^B\x1d\x81\x19\xdf\x9a\x10\x90\x15n\xbc\x86\xe6\xa1\x83A\xce\x0f\xc0\x9bt2j\xb8\xf7d/\x8f\xfe\xa9\x95n\xe3\x96\x9bo\xe0\xa9\xf7x\xfe+\xee\xba\x8f\x03\xab/|A|\xc7\x88}Z88\xa3\x15\xc4\x83\x03/7\xbdV\xf3\xdcY\x12\xc8\x15G\xe4\xd4d\x8d\xde\xed\xdan&lt;\x91\x99&gt;\xb0\xfa\x82d=\xa4\x81c\xcc\x18\xe2U8\xf6\x06]\xdbM\x00\xb03\t*"\xdf\x8f\xca]\x9fv\xde\xc3\xad\xb7$~\xf3L:\x14\xd7\\\x17X\x82\xb9\xf4\xc7\xbf\x00Y\xe1E\x18\xc0:b\x18%\x97Z/\xa6\xcfrD\x9c\xbb\xff;\x0f\xed\xbb\x17\x00\xa8\xbat\xbf\x86(x|\x11\x03N\xb1c7\xdf@D\x1c\xb9\xf4\x8etc\x83\x97\x9d\xe2\x1b{(\rX\xac:\x87\xfd+\xcf\x9a\x87\x0e\x96j\xb5|S\xe1\x89\xbdf\xd5\x9e/`\x94\x00\xfa\xed\xf6=\xc1\xe0\xacj\x1ei5\xe6#\xa6\x1e\xf9\x95\xb1H^y\xd0\xd8\xa9\x1b\x952\x810\xdc.esT\xd4^"H*\xdc\x80\x91\x00\xadbX7\x0e\xaf\x81e\xcb\xa1\xf2b\x04L\x18\xb4C\xc4-7Q\xdf\xb7?\xd1\x8d\x1ee\x87E\xaeD\x14t\x1b\xb7o\xedE\x04\xf3$\xc2\xd4\\\xb6\xfe\xb9g\x87\xc9\xaa.\xdd\x01t"rj\x16\x1c\xfe=\xb0\xfa\x02\x807\x80\x8d\xa6g\xef\xbc\xa9\xc7c\xfa,\x17X\x9f\xc3\xe1\x978\x8b\x87\xdb\x8e\x07\x1a\x006\xf2\xd6\x9d\xa9)5"\x88\'\nC\xcb\xee\xf3\xc9j\x1d\xa2GS\xce\x98\x034\x02e\xa6.-g\xb1\xb7w\xe2\xa1\x96\xcdIr\x1dq\xc0\xacs\xa7&gt;\xe0\xec}\xdf\xea)_\xb0a\xd34\xd1.P\x08\x1c\xb5\xfc\x9eU\xcbb\x8e\x832&gt;\x11=j$&amp;\x9d&amp;\xc0\x9bzoB\xdd\x9b&amp;\x17o\x11M\'\x8b\x80R(u\x89g\xdff\x14\x80I\xc6\xa8]\x87_\xe0\xf1\xb7\xe8\x16?\x11d}\x05\xc4\xe9\xfd\x1f\xa4\n\x85\x92E7\xebL\x11u\xb0\xd3j\x9e\x1b_\xb0\x16\x11y\xb5\x93\xa5\x03\xb3\x8e"y\xe3\x98\xe0\x19b\xd7q\xfb\xa4[\'\x07\xd4"\xa4J\xe4\xe2\x01*-;\x0cZ\xcf78K\xbd\xd5\x17\xc4\x8a-o\xccC\x07;\xc7\x8e;\xf9\x1e\x93\x86n*]v\xd7?\xadR\xa8\xd9\x96\x16IC7\t\xd8Z\xa9\xbatO.\xdeL%\t J\x92\xacJ$\xdd\xe3\xa0\xb9\x97\xfdy\xa2\x9ay #\x84\xc7X;\x86a\xb7k/a\xca\xb0-\x00\x96\xc4h\xcc ?\xd8\x1c\xd4"\x00\xec\xa2\xf3\x9793\x0b\xce\xa7\xa0\xd9\x80\xcas\xa7? \x80Gd\xcf\x85\xb7\x11\xfb\xcf&lt;c\x1b5\xa2Yb\x19\x18\'V\xed\xf9\xf2\x08\x11\xcc\x93\x00\xe4\x01\xcc\xd5\xdd{\xf8\xa5\xce\x14\x1a\xb8\xe4\x127^Xb\xaa\xbdGbYF\xe9\xae\xde\x93\x8f\x92\xda\xce\xf5\xb3\x94\xb4\x12Ya\x89\x8a\x98&gt;+\xce~\xc2?K[c5g\xdf\xb7\xf1k\x1e;D\x8f\x02\xd0\x00\xcd\xd6\x8c\x8d\x18"B%\xfc\xc03l\xda\x8a\x8b:\x95\x87u\x85\x02\x97\xb8\xf1\xfb\x9e`\xfe\xb4\x93\x9c\x87m@1X\xd62\xb9\xd3\x90MR\xef#@\xb3%\'(\xec\xcd\xcaa\x00\xf2|J\n\x8aQ"D\tY\xef\x195\xa0W\x08\xa1\xab\xd4\xa1,\x99\x13\x81\nW)\xd5\xf3o\xc0 ~\xf1q\x0c\xcc\xac2\x0e,\xfc\xdb]\xf9\xa7a\x1b5\xd2*|\x18\x80\x8fwR\x85X\x154.\x98u\xee9";\x89\xc0\x8ekxI\x19\xb6e\xc4\x92\xdb\xe5\x1b_.:\x86\xb9S\x8e\x01\x18*\xd8f8D\x8f\x96\xc0"\xe2D|w\x13k\x9f\xb2\x8f4$V\x15%\x8bn6v\xe6\xd8\xdeTly\x83\x88\xd5{\xbe\x18\xfa\x0f\xa0n\xb5c\xfb\xae\xb4d\x14\xbbG\x9b?\xc3\x94\x0e\x82\x84\xaaK\xf7\xb8\xfe\xab\x00\xe4\x00\x9c\x94\x1c\x85$\xb6\xf8\xa4L\x9b\xba\xf9\xf5\xd6[x\x88\xbd\x97\xe4\xb7\xdd\xe7\x81\x07a^f/P\xb8\xd8\x8a\xacZv\x9f\xbf\xe2\x0c\x06er&amp;G\xe8\xc5\xcaZ\n\r[\x93\x07\x19\xa1\xa912\xaa.\xdd\xb5\x9a\xe7\xee}\x8c\x88\x987\xf58\xb3&gt;\xffiX\x0f_|\xebo\xf7\x01\x00\xe4\xc2s\x16H9}\xcd\xa0\xdd\xd6[\xd8\x85\x92\xdfi\x1e:\xf8\tbD\x0e\xdf&lt;]\xcdf\xbdG,\xb9m\x1e\xca\xb1\xfe2\x0e\x18h\x1b5b\xdc\xeaG\x88\xb8\xf7q}DQ\xf1c\xa4\xe3\x85\xa0\xbdB\xb3\x0e\xe5\xd3\xb7\xbd\x13\xe3k\x14\x11\x02\xed\xccF\tM\x9a\xf5\x96\x12[\xc8?\xe5;\x91\x14\xb2\x96)[oa#\x07\x9ad\xa4\xff\x14\xac\x00|\xb4\x9a\xe7\x02\x00@sb1!o\xdd\xb9\xe6\xf0\xef\xb8\xfe\xab\xbc:\x89\xec\xc5\xa4\xc0\xd49v\x1c\xe8\xc6\x12iy\x07\x9e\xe1w\xc4\xba\x1c\x04\xa5P\x91r7\xfbL;\x05`\xa2\xe4\xd0\xa5\xef\xf4S=\xcb\x0e\xaf&lt;[G\xafh\x1b5\xe2\xcc\'\xec;\xe3\xf4\xca3$\x95\x9b\xa4 \xf3\xb9\x17\x1d\xc3#/\xf1=\xe2\x0bD\x00W\xb7\xf8\x89\xdc\xf1D\xb2-\xaa\xf6|\x89\xec\xb1\x90\xbb\n\xe5P&amp;\x1e\x1c\x1d\xaf|\xf6\x7f-\xbd\x93+\xe4\xac:\xa7\x0c\xdbJ$\x1dY\x86\r\xcd\xe0a\xfc\x90\x1c\x86\xfe\x03\xc8\x19\x94\xa0v\xb8\xfc\x13\xa1\x11\xbd\xb0\x15!\x1cD\x0eS\xd4t\xa0\xdc)\xdc\xf3_\xeb\xdc%S7\xbf\xe6]f\xc5\xf5_\xd5S\nqR$\xd4\xdd\xdbO\xea7\xe34\x0f\xad\x8a\xcc\xbf\xcf\xa1\xcb\x00\xaa\x11q\xfd\xf8\xaaK\x8a\x02\xfb\xb9\x07~l\xb8\x8aR\x1dv\xf5\x8b\xe6\\\xa2\x06\xf1\x13T\xe3|\xd4+\x01\x004&lt;z\xb6\x1b\xb0\x9a-:$\x0f\xfa\xed\x00TR\x86m\x9d\xbd\xef\xdb\xc2\xa3|\rM\xff?A\x976\x16\xb7\x0e\xfaq-\xb3\xe7\x1b\xf8\xf5gP\x95\x87g\x87r\xde\xb8\xf1?\n\xc6&amp;;i@~\xf8\xe2[IC7E\xf6\xe4\x19|\x01\x00&lt;\x00\xec\x00&lt;\x00\xdc\x00LEqC4\x12\x95yM2\x10\xf1\xde\x06\x00j\xaf\x88\xcf\xc1\xb4\xe3\xd1\xd7\x88\x88\xe9#w\xac8\x8d\x024\xec\x84\xc1\xfd\x06bh\xb7\xb9\xe4\x90\xfd\x03\xd1\xc0\x97x\x91\x04$\xc4\x0bAL\x9f\xe5\xd5{\xbfR\xbf\\\x1d\xaf\xfc\x9b\x88\xe9#w"\xa2h\x9c9\x02AU\xd0C\xc49\xfb\xbf\xf1/Kk\xb1\xf4d2\xf4\x91{\x83\xa1\x0b\xae\r\x9ew\xc5\xd0\x7f\xc0\xfa+\xb8\xf7\x11\x02\xdb\xb5\xc7\xb0\xb7\xba&gt;}\x1ccF\x0b/\x07\x00\x00=\xcb\x0e\x13\x81\xcaH\xf0\xd5\xf0\x89\xb5\xd4\xf5fizv.\xd9\n\x00 \xebK} \xbc\xe5\x8d\x02\n\xa4E\x94\xa6\xe7\xd3\x97\x87}\x01\x00d\xf2*N\x004\x03\xf3N\xbc\x91\x89,-/}q\xfc\x0e\xff\x14\x9a\xaf\xbb\x8c\xd0\x84F&amp;O4(\x06O\xde\xf8\xb2t\xd9]\xb1.\xa6M\'o\x0c\xe0\xde\xc0&amp;\x8d\xbap^\x7f\x15\x11\xf1\r"\x93\xecCB\n\xb0\xfb\x84\x03\x06~\xfd{L:d\x1b5\xe2\xecg\x0c\xedZ?\xd4z\x7f\t-\xb3\xe7K\xb5&gt;gC\xff\x01\xadz.b"\xf8\xa5\xe9\xd9\xfb\xc8+&amp;\x91\x14\xf5\x05\x1d\xef\xfcG\x88C\xe6_\xfdc[m\x9f\xe4iU{\xbe\xa4\x0e\xdf\xce{\xca9v\\H\xd79\x1d\x06mH,Z\x975zw\xc7!\x1b\x85eb\xb0\xa0\xea\xda}\xebmt\xa9\'\xa7\xb2@&lt;e\r\xac^7\x89\xff(\x04\x11a\x86*.\x04\xfb\x95Q\x90\xa8)\x852-\x00\x9a\xd5^FD\xbc\xc6\ns\x95\xf8\xa71\x88\'yr\xc8\xe0,u\xb7\x1e\x9a\xcdz\xa3\xf8\x04\xb7|\x11\xd1\xa3\xc64\xb8H\xc6"YT\x16FQ\x91;\xf5x\xe7\x92\xad\xa0\x17\xa7\xe2\x92\xed\xd6~"\xeb\xa8\xa0`l\x0eL\xde\xf8r\xdbm\xe6{\x89\x86\x13k\x9f\xde@\xbc\x8f\x02\xe9\xae\x1a\x04PM\xf1\xd1\xf9\xcb\xc8\xd9\x97\xc7\xa9\'e\x10\xad\xf4\x9a|\x94\xeb\xb8~\x8b~\xa0\x17\xe7\x16?\x81Kge@\xe5\xb9\xba\x95\x81Z\xa4$+\xbc?\t\xdaG\xdf\xa8\xa0\xea\xbc8\xe4\x0c\x1c\xd4\x92*\xc1Y\xb3\x87-\xbc\xa1\xd7\xa2\xaf\xb8}\xe3\x86\xb2cW\x97\xb8q\x94\xa4^sP\x08$YA\x99\x84\xa1:\xb5\x1d\xcb\xfenM\x00l\x01&lt;A\xde_J\xbdS\x92\xa2\xdb;:o\x19"\x8a\xa5e\xeb\x85R\x15a\x0c\xce\xaa.Yts\xc8\xfc\xabL/\xd0i\xcb)\xd2N|\x06R\x94\xb6\x16\xd4\xf4\xe4\x8d/\x11\xf1\xe03\x0c\xcc\xac\x82F!\x82\x83\x03\xa4\x03\xa5\x90\x11Kn\xf3O\xf9\xb0\xe94d\xe3\x82\xc3\xbf\x07\xcc:\xe7\x93\\\xc1\x94&gt;E\xde\x1f\x11G-\xbf\'\xb4\xa0\x81_\x7f\xa9\x8a\xba\x13p\x04\x00E\xbb\x0cB\xe8,\xac\xdb&lt;D4\xf0\x1b\x00\x00\xae\xed\xc6\x0f\x9a{Y\xccZ\xf5\xe2D\xf1\xcb\x08\x85\xf3]\xdaM\x18\xe3\xe9\x8a\x0e\x7f\xd9?2h\xce\xe5\x05\x87~\xf1a:b\x00\xd9\x16\xfc6\x7f\xf2\xd6\xa9\xca\x8e]\xc5S\x97\t\xcb\x9e\x87\x88\xa4\x8d\x87\x18?\xff\x80\xcc+\xff}\xb6*\x80&amp;\xafm\x9f\x8b\xc7#\xa1\xb0\x96\xcbU\xcf\x04m\xf2\x96.;)2\x01\xa7T\xa0A\t\xf2l&gt;m\xdb;q\xd8\xb6\x94C)\xfe\x0c\x85\xbc\x8a\x13\xf9\x15\'y\xf2\x01$\x81K\xc5\x967\xa0\x13\x03\x00J\x0e]\xb2F\xef\x06\xfdve\xeb\x9f#\xe2\xe1\x97\x08:m\xd5\xdcr\xe4\xac;\x0b\xaeb\xf3\r\x9c\xba\xf95\xeb\x0f\x8d(\xfe\xca}\r\x99\x19]A\xd1.\x83\x88\x01\xb9\xc9Z\'Ja\x94\xa9a+_^\xfc\x86\xa2\xe6\x80\xbe\xe5c\x1d\x12\x0b\xce/\xd9/\xb4\x03\x87u\x8b!%\xa1V\x03\x1b"d]\x0cm%\xb1\x16\xb0\xa6\x1d\x1d\xa2G\xcbX&amp;\x07fT\xb5\x1b\xb0Z\x12U&gt;\xe6`\xef\x0e\x99@\x86!S\xe0\xf9\xaf\xf8\x12\x91\x9dG\xabC[\xa6a\xd3t\xd0\xe2\xa5#\xae\x0f8\x12D\xee\xe5\x1b_\x8e[\xfd\xe8\x8f\xb4(\x14V\x1b\xaf\xe1g\xa6\xef\xb9\x15\xdb\xc3\xcd\x8d\x1f\x88C\xe6_\r\xcc\xac"^r!\x01\xc9\xf5\x8c\xc0\x8c\xaa\xa5\'p\xcc\xaa\x87\x94cB\x13I\x84\xa8\xa6\xfa\xa7U&gt;C|\x85\xb8\xee2\xee\xb8\x87\x92\xab\xac\x02\xc0\x9fX\xd7\x02\x8c\\z\x07\x11SGPmK\x82\xa5E\x8d\xc7\xafy\xbc\xf8\x18^\xfa\x81\'\xdeb\xf3\x8eS\xb8\xd2\xb5\x19\xa1A\x00\xf3\\#\x11\xa1\xd9Z\xc0n\xafm\xdf\x15cW=\x040\x02\xd0\x0e\xcc\xa8\xda\xf7\x04\xc5\xa2\'t-\x9c}\xb1\xa1m:\xeb/Y_\xa9\xc7B\xb7H\x99\xde:w\th\xb6\x19X}\xe1\x1a\xa2\xaew\x1fB!k\xce\xbeo \xeb;}\xfb{!\xb2\x97\x00\xa0\xd9\xc6"l(\x18%\x00(\x03X\xd0h5\xea\xb6\r\xcfY\x90PX;\xa1\xf6ix\xce\x02\x00/0J\x00%~\xac(\xce\xeb.\xe3\xb2SXs\x04\xdf#\xdeB\x94\x12\xc7\xb5+u5\x07\xa6\xa2\x86\xdaK\x1e\x89`\xee\x910I\xcb3\xf7\x06\xbb\x0f\xd3\xb7\xbd\x13\xc</t>
        </is>
      </c>
      <c r="E688" t="inlineStr">
        <is>
          <t>&lt;class 'numpy.ndarray'&gt;</t>
        </is>
      </c>
    </row>
    <row r="689">
      <c r="A689" s="1" t="n">
        <v>687</v>
      </c>
      <c r="B689" t="inlineStr">
        <is>
          <t>steps_per_sec</t>
        </is>
      </c>
      <c r="C689" t="n">
        <v>9900</v>
      </c>
      <c r="D689" t="inlineStr">
        <is>
          <t>5.3833494</t>
        </is>
      </c>
      <c r="E689" t="inlineStr">
        <is>
          <t>&lt;class 'numpy.ndarray'&gt;</t>
        </is>
      </c>
    </row>
    <row r="690">
      <c r="A690" s="1" t="n">
        <v>688</v>
      </c>
      <c r="B690" t="inlineStr">
        <is>
          <t>Loss/localization_loss</t>
        </is>
      </c>
      <c r="C690" t="n">
        <v>9900</v>
      </c>
      <c r="D690" t="inlineStr">
        <is>
          <t>0.03856857</t>
        </is>
      </c>
      <c r="E690" t="inlineStr">
        <is>
          <t>&lt;class 'numpy.ndarray'&gt;</t>
        </is>
      </c>
    </row>
    <row r="691">
      <c r="A691" s="1" t="n">
        <v>689</v>
      </c>
      <c r="B691" t="inlineStr">
        <is>
          <t>Loss/classification_loss</t>
        </is>
      </c>
      <c r="C691" t="n">
        <v>9900</v>
      </c>
      <c r="D691" t="inlineStr">
        <is>
          <t>0.26612258</t>
        </is>
      </c>
      <c r="E691" t="inlineStr">
        <is>
          <t>&lt;class 'numpy.ndarray'&gt;</t>
        </is>
      </c>
    </row>
    <row r="692">
      <c r="A692" s="1" t="n">
        <v>690</v>
      </c>
      <c r="B692" t="inlineStr">
        <is>
          <t>Loss/regularization_loss</t>
        </is>
      </c>
      <c r="C692" t="n">
        <v>9900</v>
      </c>
      <c r="D692" t="inlineStr">
        <is>
          <t>0.03908512</t>
        </is>
      </c>
      <c r="E692" t="inlineStr">
        <is>
          <t>&lt;class 'numpy.ndarray'&gt;</t>
        </is>
      </c>
    </row>
    <row r="693">
      <c r="A693" s="1" t="n">
        <v>691</v>
      </c>
      <c r="B693" t="inlineStr">
        <is>
          <t>Loss/total_loss</t>
        </is>
      </c>
      <c r="C693" t="n">
        <v>9900</v>
      </c>
      <c r="D693" t="inlineStr">
        <is>
          <t>0.34377626</t>
        </is>
      </c>
      <c r="E693" t="inlineStr">
        <is>
          <t>&lt;class 'numpy.ndarray'&gt;</t>
        </is>
      </c>
    </row>
    <row r="694">
      <c r="A694" s="1" t="n">
        <v>692</v>
      </c>
      <c r="B694" t="inlineStr">
        <is>
          <t>learning_rate</t>
        </is>
      </c>
      <c r="C694" t="n">
        <v>9900</v>
      </c>
      <c r="D694" t="inlineStr">
        <is>
          <t>0.07987793</t>
        </is>
      </c>
      <c r="E694" t="inlineStr">
        <is>
          <t>&lt;class 'numpy.ndarray'&gt;</t>
        </is>
      </c>
    </row>
    <row r="695">
      <c r="A695" s="1" t="n">
        <v>693</v>
      </c>
      <c r="B695" t="inlineStr">
        <is>
          <t>train_input_images</t>
        </is>
      </c>
      <c r="C695" t="n">
        <v>9900</v>
      </c>
      <c r="D695" t="inlineStr">
        <is>
          <t>[b'640' b'640'
 b'\x89PNG\r\n\x1a\n\x00\x00\x00\rIHDR\x00\x00\x02\x80\x00\x00\x02\x80\x08\x02\x00\x00\x00\x83\xaf^t\x00\x00 \x00IDATx\x9c\xec\x9du\x80\xdd\xc4\xf6\xc7\xcf\xba\xbbk\xd7\xba\xee\xd6\xado\xbb\xf5n\xdd\xdd\x9d\x1au\xf7B\x95\n\xd0\x02m\x91\xd2Bq+\xee\xee.\x8f\x87\xf3\x1e\xfep\xf8=\xecq~\x7f\xe4\xe6nnt&amp;\x99$w\xb7\xf9\xfc\x01\xdd\xdc\xc9dnn2r\xe6\x9c\xef\x01\xf0~|;3\xad.l\xe2\xa6{\xc2\xcbf\x1b\xaa#f\x00\xa3\xc6\x00"\xf6?\xefZV\xb5\xb5=\x10\x91\xa0T\x90\xe9\xedh;4\xd8\xdd\x00\xdd\xf8\xf2\xff\x88\x04\x08V*\xe4\x933A\xe3y\x88\x1f\x04P\x08\x00\x88\x18V:\x93\xae\t\xd1\xfd\xb8\xff#"@\x9c\\\t\x7f\x00\x80\xb4\x91\x88\x08)\xc3\\\xc72F\x03\x00@X\x9f\xb9W\xcf\xde\xfd8@\x91\xe7S\xdd\x80\x88C\xce\xbf\x81\xabv\xd4\xaa\xdb\x00\x02!\xaa\x1f@&gt;\xf7\xf1\xd1\x07\x7f\x81\xd8\x01C\x97\xdd\xa8\xd4\xa8\xd4.+$\xc7\xeai\xbeU\xa8\xc6\xe7\x01\xdd\xb8\xb6\x1d&lt;\xfb\xad\xec\xe7E\x03\xb7\x03T\xd0\\\x91\x15~d\xc5R\x00\x00 Y\xfaAD\xf9\x9c\x03w\xfd\x87a\x83\x8e?\xfe\x07\x90\xf6Z\xad\x84\xb2!\x17\xb2\xae\xb2\x08\xe2\x9a\x05\xef\xb3\x83\xf7B\xfe(O\xdb\xf1\x90\xa9-\xb1\x04\x1fF\xf5\xc42\xaa\xc7B"z\x13\x16\xd4z$b\xdcC\x17=\xfe\x009\x82?\x15\xfbw\xd56\x04\x00$\x01\xd4\x00\xa4 \xa2G\xc9\xd0&amp;\x80\xb2\x9e\xb3\x8e{\x1cL\x1c\xec*\xe6\xdfe\xe7\r\x9fBX/H\x1e\xc6\x9f\xe8\x1e\xd5\xa2\xf5|\x1bR\xb2\xb4F\xb20\xd7\xff\x83\x1a\xcdl\x86\x89dt_M?(\xc6\x08\xfeM4\xa1q\xfdjq\xcdE\xcd\xdbI/\xd2\xa6\xc6j\n\xc2\x9deSk \x81{&gt;\x83\x8a\xa6\x99{\x9d\xcc1\xe6\xd6\xdf\x06\x08\xe9\xa9\xf4I\x8f\x19\xc7\xa8j*n\xdea\xb85\xeaDr\xff\xa3\xeb\xdcB\x9bJ\x07\xef\x84\xc0\xee\xfc\xdf\xa9\x904\x94\xf6\xc2qu\x8b\x00\xaa\xddW\xf7l\x007\xe3\x0f\x9b\xbf\xef\xe9\xc1K\xcf\x00\x00@6@\x12@\x9d\xab\xa4O\'wQ\xfe\xdcr\x00\x80\xe0\x1e\x00\xb5\xb4-\xe1)\x92\x1c)\x91\x16BD\x80t\xa5*\xf6\xde\xf6%@\x80\xe2\x15\xd2G\xeak\x99\t(72a0@ yE\x88\x08A\xdd\xdd\xff&amp;|\x90\n\x07l\xe5\x8c+\x14\xbc\xfa\x7f8z\xcd\xedt\xe788X\x86\x7fW\x00\x00\x88\xb0\xb9\x19\x86\xa8\xb2\xbb\x01,H\x1d\xa1\xf4\t\xed$\xde\xb2I\xbf\xc2\x85\n\x14\x8ag#"\xf8u\x01\x88\x05\xc8\x01\x88\xd7u\xcd$\x800\x80\xdc\x9aQ\xfb\x10q\xe7\r\x9f\x8a?\x0f\xee!]n"b~\xbf\xcd\xe2\x92\xe9\xa3\x00\x00Bz""D\xf6\xd5\xd5\x98\x96\xfa\xef~O\xf3\x9e7h\xd8\xa2S\x86s\xff_p\xd13\x92\xcfDOx\x08E\xe3\xbc\x92\xc7&gt;7\xf2\x88RvV\xa6\xbd\x0f1\xdaE\x1c\xe4\x18z\xbe\xe2~\x8f\xf9\xb4\xb3\xef\xd2\x0e\xad\x92\xd6eEC\xc4\x16\x9b*\xc4\xde\xf4ZK\xe3CKf\x18\xab;U\xe6X\xdaH\x82\x01I\xf9\xa5\x8b\xec\x8b\x88\xff\xf8\xdb\xe0\x1d\xee\xe8n\xcd=\xef#"\xcax\xb1\x045\xf6\x98)k\xc9po\x8b\xb8\x96\xce\x88H\xbbW\x92\xdfo\xb3\xdc\xb6=\xe1\x0e\xaeNr{o`X\xdb\xb6\xeb&gt;z\xfc\xcb\xd6\xf4\x9c\xb3g\xc7\x99O\xecn\x82\x83\x83C\xebF8]\xc8\xea\xb1\xd6\xf0\xd8\xa6I4@\xa2\x91\xf3\xc9M\xa0\x00\x00\x90\xf3\xb1r\xe1\x86\xf1\x87\x11\xb1\xc3\xb8C\x83\x16_/\xf3qt\x7f\xb5\x8a\x05c\xf6\x84\x8dw\x1b\x9eu\xe5\x12\x97\xf4\x17\xfeQ8`+\x99\xd1\xbb\x9a\xb0\x85W&gt;\xf9\x97\x9c\xa1^\xcc\x96S\x1f \xe29\xbd\xaa\x1c\xb5\xfa6\xb6\x15\x0e_q\xb3\xf2\x87\tl\xaf\xe5\xe0\xe0\xe0mD\x94\x1b\x8b\x86pc\xf6&gt;hh\x13q\xd1 IT\x057\x80\x95\xbb\xff.\x1br\x01\x93F\xd1\x13\xa6]D\x0e\xdf\xdc\x89r\x87\xd5\xa65\x88\xb8`\xff\xd3\x9a5\xbf\xf9\xbbpr\xa3\xbc\x85\xcc\x11\xdf,\xebJm\x14\xde#\xc0\xc1\xa1m\x93\x0b\x10*\x9aP{\x0f\xad\xcb\x90\xeb A}I\'g\x9dfO"@\xbc\xf0ABD\xab\xfd\'L\x98\x8b\xc8\xcd\x93\xa2\x11\x11 [\xb6|b\xc3R3\x1c\xb6)M\x11\xe4$\x0f5\xa1\xd2\xd6\x87\xd3\x03\xb6u\xca\xecn@k\x82\xf9:i\xefm_*\x7f\x18\xc5\xf6Z\xea\xec\xbf\xf3\x9bv=\xd6\x18\xae\xa6\xa3v\x11\xcbA\xc4\xb3\xff4\xd4\x8f\xf9\xe4L \xbc\x10\xdfa\xb6x`et_e\xe4\xd2T\xcc\xbc\xe0\x11\xc1_i\xee\x7f!b\xd1\xc0m\xcc/\x97\xd9\xb8\x1a\x11\xe3\xeb\x171\xaf\x19\x00\xe2\x1c\x8b+\x00\x98\xed\x14\xe0\xe0\x05d\xd9\xdd\x80V\x84\xac\xd0\x84\x12i\xdaE\xd40\xb4KJ\r}|Q+DQ\xab\x84\ty}6\xba\x0c\xe3\x04BI\x0f|\x8c\x06"\xa9\x94\x90\r\xf8\xa9D\xc4\xc8\x8a\xb9d5(F^\xc9\x82\x88\xca.\xf4\x0e\x0e\x0e\x0e^@t\xf5|\x85O\xdc\xf2 \xba\x852\x1c\xac\x86\x89!\x04\x11\x7fk\xc5\xf6\xc5T~\x07\xa1U\x07C:88\xe8\'\xcb\xee\x06\xb0\xa2\xbci\xf6\t\x9b\x9b\xe0\n.o-x_d \x85S\x18\xcc\xdb\xfb\x14"z\xb3\xefEB\x87\xc5de\xe9L\xa4\xc6\x03\xb8\x1d\x1c\xccBe\xc7\xdd\xf2\xcd\xf8\x1c\xed"\x0e\x8c\xf0\xcb\x9b\xd4\xb6\x9c-\x02\xda\xd6\xd7a\xcf\xa3\x9f\xeb\xf0]\n5a\xe8J\x91=\x8a\x88&amp;yA\rYz\x03\x00\x1cy\xf0\x97\xd9\xbb\x1f7\xa3~\x87\xd6\x8b\xb9\xfbCD\xb4h\xfe\x89\xb9\xf3\x1fN\x8f\xe6F+4\xa2\x15\xd2\xb6F\xac\x08H\x18l\xe5\xf5\xde\xb5\xf2\xee\x855M\xdct\x8f\xe1Z*!\xb8\x07\xd5\t!\xc5\x06\x15QdP\xc9fa*{o\xfb2\xb1\xc3\x12\x95\x02\xfa\x14\xd7\x1c\xceA\x8a\xedn\x80\x83\x17B\xae\xa9\x1e\xc8\xab)E\x9b\xd4\x14\xc9\xe5\xda$\x96z\x8c\x1bg\xd3\xc9\xf7tM\xb9\xccL\x96\x93=\xde\xc4\xca%8\xb6h\x87V\x813\x17l}\xa4u\x95\xe6\xc2S\xc2\xdb\xd3\x9fT\x0c\xdb\xc5\xa7\x0e\xb4\x8d\x94N\xcb\xecm\x00\x13\x96\x1f}\xd5`\r\x88h\xd2\xdePN\xaf\xf5a\xa5\xb3\xcc\xa8Y\x8ePp)q:\xb0\x81\xb93\xbd\x83\x83"/\xfdl\xaf\xb56S\xab\x00\xad_(\xab|\x8b\xfa\x89(\x9f\xf3\xda\x7f\xe5\xef*"\xd6\x8c\xdaGY\x1f\xcb\xf5hv\xd3:o\xf6W"&amp;\xea\xad?\xdb\xd2.\x83A\x9c\xe8V\x07\x06x\xa3\xec\x80C+\xc3\xb73@\xa8;] \r\xcc\xec\xc9\xa6\xe9\x19\x91\xa2\x12\xa5j{\xdb\xb4\x08\xb4J\xd2\xcb\xcb\xe02S\xe9\xc1Ws\xff\xbbRo\xd5\x0e\x0e\x0e\x0e^B\xabO\x81\x97\xe9J\x1ao\xfb\x08Wku\xe0Sp\x0f\xef\x9ev\x88\xd0\xa9h\xed\xe0\xe0\xe0`#\x8e-N\rD\x04\xa8cW_\xabQ\x8dx\xf0\x13/_\xf7\x13\x13\xd9\x87R?\xce\xc1\xc1+ \xd5\x84\x9b\xb0\xf1nS\xdb\xe1`&amp;\xde\xee\x84\xe5`\x13"W\x03\x93\xd7\xdfZ\xe9"\xde\xfe\x0b\xb5\xb4\x99[\x99#zk\xa5\x8d\xcc\xcb\xbc\x9b\xec\xa6uv7\xc1\xc1\xc1\xc16\xf2\xfbm\x11\xfeY=r\xaf]-\xe1\x98\xbe\xe3!H\x18,\\\x15\xf8\xe5\xc9\xe6Ct0\x19g\x006\x9d\x90\x1e\x005\xee\xbf\xea\xc6\x1c\xb0\xaf)\x0e\x0e\x0e\xe7 \xd1\xd2C\x88\xb8\xec\xc8+\x96\xb7\xc4A\x82\xdc\x18\x9caC;\xda(fH\xde\xb49Roz\xcd\x99\x08:8\x98\x07e\xc0q\\3"\xbe\xf2\xab\xf3VZ\x81\xedN\x89m\x18\xfb\xa3B\xbd\x04\xe6\xc9w\xbd\x94\x98\xfev\xb7\x80\xa3\xd4\xee\x068\xe8#\xdc\x8cJcj\x16\xd0\x14O\x17\xc8J\xe7\xb1o\x8d\x83\'U\xdaE\x1c\x18\x90lw\x03\x1c\xcc\xa5\xcb\x94#\x0f}*\xbfh\xe81\xf3\x98\xc5\x8dqp\x90\x82\x88\xe0\xd3I\xa5@R\xc7\xa5\x88\xd8\xbe\xcf&amp;\x00\x00\x88\xe6\xa5U\x1d\xda\x12\xd1zV\t\xfd\xe6\x9fd\xde\x10\x07\x07\x8bh7\xd6\xb2K\xf9\xe5M\xb2\xecZ\x96Sdw\x03Z3\xc9\xc3\xa6m\x7fH\xbbX\xc2`\x80\x10N2e\xc5\xd1\xd7\xcco\x96\x83\x94\xb8f\xbb[`\r\x8a\xeaW\xf1u\x8b\x18^\x06\x11\xa3*\xe71\xac\xb0-\xe1x\x02:\x9c\xf3X\x96\x13\x8c$\xbe(\xf2\xc6W\xd1\xeb5\xcb\x1c\x98\x12\\4\xcd\xee&amp;8XC\xa2\xdd\r0\x9f\xb0^v\xb7\xe0\xdc\xa5\xd3\xc4K\xb4\x82\\%$\r5\xa5)\xad\x94\xc4!\xae\xd1\xd7\xb9-\x0em\x8bh\xbb\x1b\xd0Z\x88\xb6\xf7\xf2\xa3\xd7\xdc\xae\xefD\xbf\xbc\x89\x10\xdfL=\x008\xb0\xc4\xc99f\x94\x81\x8bN{\xcd\xf2W9\xad\xba\x03;b\xedn\x80\x15x\xcd3\xed\xbd4\xcd&gt;Q\xdc\xbc])\x99O+ \xae\xf9\xccK\x8e\xed\xce\xc1\x1b\xb9\xe1e\xe7\xb1th\x05x\xaf\xd8i\x9b\xef\xd9U\xbe "&amp;\xd4/\xb6\xb21\xba\x08\x87\x98\x01\x96_\xb4\xd5\xe7ip`D\x1c\x00@d_\xb9\x8f:\xfc\x87\x7f\xb9\xdeu\xed\xefj\']\xe89\xeb8\xc3\xc698\xb4n\xca\x86\\\xc8\xa8&amp;E3\xdd\xa7\xf6\x8d\xf1\t\xf5\x8bU\x06\xe0\xdb\xdf\xc6+\x1e\xfd\xcd\xca\xf688\xb4I\x10q\xeb\xe9\x0f\t\n\x06#\xa2o\xaeY*\x95N\xd2%\x07K\xa1w,\x8c6p55_\xa7~\x0b\x9c\x98.\x07\x07\x07u\x12M5\xb9E\x9bWu\xeb\x81Y\x1ap\x07u.\xbe\xf7\x07]Os\x0c\xfb\xa6\x18\xa2\xd6\xa4z\xfd\xdbO6\xa9f\x9b\x08\xb6\xf6r\xe7\xa2\xdb\xd7\xec\xdd\x8f\x1b\x18!4\x13#\x06\xb5\xf9\x1d\x1f\x00\x10\x88^\x99\x85}+\xdd\xf0\xde\xb6]\xfa\x1c&amp;\xaev\xa1\xddM\x10\x83\x88\xe7_\xf2\x92F\xa1\xf8A\x10!~`T\xbb\x804\x15\x19Q\xb6q\xcc\x16p\xf4\xa1_\x95?&lt;\x17G\x17\x87VG\xdfy\xd7\xd8\xdd\x04j\xeex\xa7\xedN2\xce\x8d\t\x94C\x84\xb6!!\xaa\x9f\xea\xc7J\x92\xd1\x89\xaa\xa9C\xd3T\xbc\xc7\'n\xba\xa7U=~i\xe7V2\xdd,\xeb\x84\xb1\x1c,\xc2\xa7S\xabz\xe38b4\x93\x07;8x?I\xe6T[\xaf\xfb\xcc\x8e\x13\x0e#"\xa4\x0cg\xd6\x96\xf4QV\xee\xdaDU9\xc2a\xb28\xc6\x00\x07\x07\x07K\x89\xb4\xbb\x01\xad\x92\xc4\x0eKDS\xf2\x13\x8f\xffa@\xa6\xc0\xa4I\x06\x87\xfe\xa9F\x1b@\xb2r\x8a\xb6\xa5\x19\x0e\xc4\x14\xda\xdd\x00#8s8/\xe0\x07\xc45\xc7\xdf\x92\x1c\xf6c}\x1d\xf6\xa9\x85\x8f&gt;\xf8\x0b\xf3:\xad\xc3B\xb7\x80\xc1K\xcf\xec\xbb\xfd+\xcb.g\x84\xe8\xea\xf9v7\xc1N\xae{\x11\x9d\xac\xa0\xad\x06\xc6:\xa3f&amp;I\xb3!$\xbd\xed\x93kw\x03\x1c\xbc\x16.\xb3d\x08@6\xf1)\x05\xa4\x053FI}\xc4\x1c\x18\x11f\x9e{\xb9\xc3\xb9HD\x9f\xe8\xea\xf9\x88h8Au\x84J\xc6\x1a\x87s\x1d{\xbd\x1e\xbc\xcd\xe7\xc2P{\x92\x86\xb0k\x88\x83\x0e\xda\x03\xa4\xdb\xdd\x86V\x8a\x92\x0f\xa3y0\xcc\x8ahZ\xc2]\xdfN\x00\t\x00\x95\xea\xa5n{\x8b\xeb4\xfc\xf5G&lt;\xfav\xfe\xd8\xcbzB\x07\x07\xf6\xb4\xeb\xb1\xd6\x0c\x93\xbe\x83\x97\x10R&lt;\x03\x00\x08\xe2S\x1d\xd8\x90\xdd\xb4\x0e \x8d\xe2\x84\x94\xe1\x01\xf9ST\xd3\x99gC\xdc@\xc9A\xb5=\xd7)[\xef\xa7h\x80\x1e\xc8\x8da\x0e\xe76\x92\x05\\+2\xcaY\x92b/\xae\xd9\xfbt9\x00\x00\x10\xf12\xe5(\xde\xda\xd1\x17Y\xd9\x98VOh\x93\xdd-p\x90\x01\x11!\xba\xdf\xc5\xf7\xfe\xa0\xb5\xfc\x95\x15`Q\x19\x83k\x8c\xb4\xca\xc1\xc1\x9b\xf1\xb5\xbb\x01,\x19\xb1\xe2\x16\xbb\x9b\xe0\xe0pn\x92\x0e\xd0\xa0\xef\xcc\xdf\x10\xa1\x9d\x13\xf6\xedM\xd8\xbdwx.)\x1e\xb4),V7tpp0\n"\x02T\xa8\x95\x88VW\xe99\x171wW\xff\x9d\xffI\x07`\xeb\x06ED\x84\x88&gt;\x96]\xce\xc1\xcb\xc8\x92\x1cq&amp;d\xde\x80\x1f@\x1c$\x0c&amp;\x93gg\x1e.\xe8`\x12\xdaA\xb7v\xaf\xc7tSN{\x82\xe3N\r\x00\x80\x88\x19\xddV\xd9\xdd\n\x07\x07\x071\x9b\xaf}\xdf\xee&amp;\xd8\x8b3\xb1h5\xcc\xdf\xf74\xff\xcfV\xb9\xd3Wfw\x03\x1c\x1c\x1c\x18\x10_\xbfX|(\xb8\x87\x1d\ri\xe5D\xf6\xa5Q[\xa3\xf1^&gt;w\xe9`R\xbd\x0b\x0f&gt;\xe7^\xb8\xd7\x8d=`\xd2U\x1c\x1c\x1c\x1c4x\xf1G\xb1\t\x11\x11\x1d\x11"*\xe6\xef\x7f\xba\xd5Zb\xbd\x99\x18H\x18\xac\xfci\x95\xc2\xf1jD\xec9\xf3\xb8j\xcd\xbe\xe0\xdf\x95\xffw\xa8\x9e\xa6y?\xce\x13i1\xce\rwp\xb0\x05D4\xf5\xed\x0b.\x9en^\xe5\xde\x8cO\xcex\xdaS\xd6_\xf5\x0f\xee\xe7\xa8\x1c\xbe[\xa5\xd8\xba\x13o3\x15$\xb1\x90M\'\xdf\xab\x1d\xbd\xdf\xfd\xe7\xe0\xa57 "\xc4J#\xb8\x1d\xbc\x04gk\xca\xc1\xc1L"\xfb\x9aZ=/r\xe2\xc6L\x05\xe6\xd6ET_\x80\x10\x8f#\xbe\x9d\xb9\x01\xf8\xd4\xf3*S\xa2:Cs&amp;\xb93ug\x89\xd1OR\xc3R\xeb/*G\xb1\xdd\r \xc6\x91#vpp0D\x91V~\xees\x08\xd9qTsp\xed6\xed2D$\xf3\xd8W\xb8\xaa\xce3\x19\xa3\x11\x01bI;\x8b\xafx\xf47\xf3\xaf\xc2\n\xd5\x88:\x07\x96D\xeb=\xd1q\x90a\xc8\xb9\xb0V\x8b\xb2\xf6rq\xd6^\xce;\x08\x97M\xe2\x14\xc0\x8f\xb5"-\xbfL\x000kaf\xf6~\x83\xf7Q\xa9U\xa0\x8d\xee\xa2;8888(\x93\xdd\xb4\xce\xeaT\x98\xadm\x00\xf6\xd2\xf5D\xab\xba\x87\x0e\x0e\xa6p\xe8\xee\xef\xecn\xc2\xb9\x0b"R\xe4\xd3\xa4\xe0\x9c\\"[J\xa2W%_S\x8b\xd6*\x1f\xba\xeb{vC\xdd\xe5\x8f\xfc\x97UU\xfax\xf9\x17k\x86\xed`\x80BK.\xe4\xd0\xfa\xb8\xe956\x0fa\xbf\x05\'\xabG\xeeeR\x95\x83}HD\x9e\xd3G\xd9\xd1\x8cs\x1d/\x95\xf3\xe80\xee\x10\xc3E0"\x02\xa4\xb0\xaa\x8d\x9e\x14n\xdd\xdcu\xeaQ\x99\x0fCz\x00\xe4RU7}\xc7\xc3L\x9a\xe5\xd0&amp;\xc8\xb7\xf8z\x91\x95s\x13;,\x11\x1cp\xb6rt\xa0#\xc3f\x00\xfbV\x88q\x92B\x9a\xc3\x89\'\xfe\xb4\xbb\t2Xf\xce\xd5\x11\x16\xe6\xbd\xf8wy\xe5W\xc5\xfb\x96P\xbf\xd8\x91\x1b\xb3\x85\xf3/}\xd9\xee&amp;XF\xc1\xb4\xed\x0f\xda\xdd\x86\xd6\xcdd\x93\x13\xe2\xe6\xf6\xde\x00\xd0\xc04b\x95Z\x03\xd9\xc1\xa1\r\xb2\xee\xcawT&amp;.\x8d3\xae(\x1br\x81\x95\xedq8\'\xd1T\xdb\'\x92\x03\xfc[m\nN.\xd0\xa8\x1b\xdb\x06\x95g\xfec\xee\xda\xc3/o"\x80cUvS\xe8\x9b;\xd1\xee6x=&amp;-\x88\xf5V\xeb\xf6\x91\x8b\xbb\xfa\xe9\xbf\xc3Jg1k\x90q\x82\xba+Y\xd4\x11\x91$\x15\x89\x83\x83\x01H\xdcG\x89T\\\x10\xb1\xcb\xe4#\x06[\xe3\xe0\xa0At\x7f\xcf\xbfi\'^\r\x00a\xcc\x1a\x03\x00\x8e\xc8\x916\x1e\x0ek%\xb65\xc3\xc1\xa1u\xa0cS\xb3\xd5\x85f\xb0C"V\x1c]5\xdf\x96\x86\x9cK\x84\xf3\xff\xa0\xdb\xa4C\xc4\xf7\xd8&gt;\xa5\xe7\xe8C\xdf\xa69\xef\xc0\xb3v7\xc1K\xf9\xcay\xda\xbd\x94\x90\xec\x9e\xeb\x00\xd2\xcf\r\xd9\r-RG\xb0\xa8\xc5q\x88c\xcc}\x1f!"\xee8\xf3\x89\xdd\rq\xf0nb\xaa\x17\xd8\xdd\x04\x07\x07b\x02\xbb\x01\x04\x00\xe4\xd8\xdd\x0e[H\xd4.B\xc9\x8c\x9d\x0fCXS\xd5\x88=\xcck&gt;\xc7A\xc4{?\xb4u\x06\xef,\x97\x1d\x1c\x84\xec\xbf\xe3k\xbb\x9b\xe0\xd0ZYz\xc9K\x88\x08\x91}\x98\xd6\xeahh\x90`\xf7\xc6\xabO\xce\x04\x1d\xa3i`\xc1T\x13\xda\xa2@\xec@\x00\xf8\xc9\x19\xf2\x1d\x88(\x02H\xb7\xbb\r\x0e\x0eTD\xca\x1d\xf4\xb7\xba\x15Li%\x8b4\x8d\x1c\x04\x1c\xd7&gt;\x87\x042\xc6\xf4\x8c\xdfp7\xc4\x0eLlX"8\x96hIpwk\x84\xb1\xcf\x9b\x19l:\xf9\x9e\xddM\xb0\x19D\xec5\xfbJ\xbb[\xe1\xc0\x06\xe5N\xbc-\xedk\x16\xb3\xd6\xfa\xaf\xf6\x9a\xc1\xaf\x8dx\xaa\x86\x94\xccP\xfd\xfc\xdc\xdc4\xb1\x1aY\xa9\xd5\x00\xc1\x7fY\xa1c\xe6\xeb\xc3\xb4\x01\xad\x18[\xba\x9e_\xbd\xa5\xbf\xa3\xa0~\xecA\xbb\x9b@\x02Q\xe8p\x1b$f\x80\xce\x133G[\x9dQ\xc0\x01\xc0\xbf\xfdd\xbb\x9b\xe0\xe0\xe0\xe0\xd0\x9a\xb1I\x1f\xbe\x86\xb0\\t\xd5|\xafY\xda\xb6UbU?ul\xc3\x0e\x1a\x8f\x88C\xdb\xa0\xda\xee\x06x\x0fyv7\xc0{\x08t\\\xabl\xc5y\x14\x1d\xe4\xe80\xee\x90\xddMpp0\x97c\x8f\xfdnw\x13\xc4\xb4\xc6\xf5\xe8\xd7\xad\xb0\xcdm\x9c\x91\xabn\x05\x00\x80@\x9b\xdb\xe1\xa0\x97\x97~v^*\x876Nj\x97\xe5ZE\xe8\x12\x88y\x01\xad\xdd\x9a\xc50QR)\xbb\xaaZ+Nj\x0b=x\x97"4\x00\xf8u\xdes\xeb\x17v7\xc2\x16\x1c\xdf\x93\xb6\x8d\x97\xa6I\x15\x11^6\xdb\xee&amp;XDk4\x00\xe8"\xd0\x9apa\xa9\x14\x8b\x05\xb9G\x1c\x98\x13aw\x03\x1c\xce!J\x06\xed\xb4\xf0jt9Ebj\xd8*\xc1\xc9F\xebz\xf09""f6\xaefz]\xaf\xc4\xb8Lf@7\x16\xed D3 J}\xfa\x9e\xcc0\x15\xbd\x83C\xab\'\xaaj\x1e@\xa6\xdd\xadp\x00+\xf5"\xaaF\xec5\\G\x90^?\xa6b\x00\x80\x84A\x8a\x9f\xfbt\x82\xa0F.\x93\xc4\xde\xdb\xbf\x92-\xb0\xea\x8a7\xdc\x7f5\xce\xb8\xa25\xaf \xa3\x16\x1d|\xce\xee6\x10\x92\x9d\xd1}\xd5\x13_\xa2\xea\xef\x9e\xf5\xf8\x17\xb6\xfd\x16\x15\x88\xe8\x9b;\xc1\xae\xcb;888\xa8\xa3Cz\xaft\xf0\x05\xccG\xb8\xd1kn\x07\x88Q\xfa\xf4\xed\xbfP\x88\xfb\xf8\x80\x85\xa7V_\xf1\xe6=\xef#"&gt;\xfee\xeb\x1dt[\xd8u\xf3gv7\x81\n\x15\xb9\xabH\x80\x8e\xd65D\x8e\x1aD|\xfd7\x8d\xc7\x82\xe2Q\x0en\xe4\xff\xe5\xbf\xf9\xda\xf7u7\x8b\x9c\xd6&lt;\x914\x04"\xfa\xe483\'\x87V\x82o\'\xfe_\r@\xf3\xda\x16\r\xdc\xdeq\xe2\xc5\xb4W\xdbx\xcd?!{&lt;qq\x12kJ\xf4\xb1G\x7fS\x11\xe1B\x14\r\xc0\x95-\x9f\x05t\x93\x0e\xcc\x16\xd2F\x14\xa9\xbc\x8d\x88\xf29\x0cj)\x1f\xbaK\xb3\x8c\xdcs\x93-[\xb2v\xf4~\x8f\xbf\xe3\x9a\xf5\xb5\xca\x8b)\xb4\xbb\x01.\x1ag\\aw\x13\x1c\x1c\x08\x11n\xa0\xa6@k\x9b7\x0f\\t\x1a\x92\x87\xaa\x0b\x1eI\x06`\x8d\xe3\x16bw\xca\x81\xd6Ip\xd1\xf4\xa6Y\'T\n\x9c\x7f\xc9K\x10\xd2S\xe2vg\x82G7\xcds\x93\xcf\xfe\xf2\x0e\x12B\x8a\xa7\xdb\xdd\x04\x07\x07\x13\x88\xf7\xce);g\xa8\xccP)\xc1\x8d\xaf\xa3V\xdf\x8e\x88Y=\xd6\x8a\x8e\xdb:\x00\xb7\x1etkp\x9aAL\x7f\x08\xef\xa5U(G4-S\xf9\x89k=\xfft\xec\x12\xad\x92\xe8\xaa\xf9\xdb\xaf\xff\x18 \xca\xee\x868\xb4y\x9c8\x08\n&lt;\xc7\xd7"\x81Y;\xc9\x19}\xdb4!\x1e\x7fe\x8d\x93/\xe5\xfc\xfcm\x13\xa5\xdf\xfb\x9c\xc1y\xb0\x1d\xbc\x04\x91\xe5\x99\xffg]\x9b\x1b\x80S\xbcg\'\x8e\x1dYf_\xa0\x0c\xfc\xba\x98}\r\x07\x07\x0b\xc9\x01g/\xbcur\xe8\x9e\xef\xedn\x82\xb9\xf8\xe5Mt\xff\x9b\x1b}W\\\xf6\x9a\xb1*S\xbdd\x08\xef4\xf1b\xa62X\x84\x84\x9b\x7f\x89\xda\xd8\xda\xf3\x08$_\x14=\xe1\xd5i\xef\xfe\xd7\xd1\x07\x7f\x81\xd0&amp;}\xb58X\x8c\xe0\xads\xcc\xceVB\x92\xe4\xb1u\xc83y!\xdf{\xc7Xb\n\xa1M;o\xf8T\xb8\xef\xcb\xfdi_\x83\x12\xc5fR\x83\x18Z\xc8\xc53k\x06+R\x87\x03\x00@lX\xe9\xac\x86\xf1\x87\x0b\xfaoA\xc4q\xeb\xef\x92-\x1b\\4\x1d\x92\x86X\xd0(\xef\xbbMm\x84vv7\xc0\x1a\xa4\xc21\xad]\xf9V\x8e\xe8\xfev\xb7\xc0\x01\xbcRF\xb7Z`vn\xb0\xaf\x19a\xc1E\xd3\xcb\x86\\\xe0]\xceMb\xd2\xedn\x80tE\xab\xb4\xda\xf6\x03\xc8U\xc8\r\xcf\x92J\xb3/\xd06\xf8\x121\xad\xebJ\xbb[\xe1\x9d\x04\xdb\xdd\x00k\x08\xb3\xbb\x01\x0e\xe0\x9d\xe2\xe7\x88\x08\x90lw+\x1cH\x90\x0f\xa9\xf5j\xbaL&gt;bw\x13$$\x0c\xb6\xbb\x05m\x04/\xd9j\xb2\x96J\x1d\xe7\xa8\x07\x86\xf2\xb4\xc5\xa5\xbf\r\xe4\xc8\x1f\x8eov\xa6A\x9a\x9cy\xa9\x95\xbc\xd1\xe1\xbd\xed\xf0\xbdoe\xfa\xf9\xdc\xdeX\rQ\xd9\xe4a2\x07S\x863l\xcd\xb9\x81\xa2\xfe\x8e\x83^R\x84\x7f\xa4v\xd6\xccv\'\x0b\xd3\xad5oD;\x03\x81\xe5D@\xdaH\xaa\x13\xcc\x9bP\xfa\xe4\x90\x8bm9h\x13P0\x85\xa4X\xf3\xe2\xeb\xce;\xf0\xac\xd9\x8d\xb1\x11\x96\xca)\xa3V\xdf\xc6\xb06\x07\x07\xf6\xa4\xc8M\x13\xe9P\x93hp\xf02*\x98\xd6\x16\xc0\xb46\x07m\xce;\xf0\xac\xd7$\xb07e\xf5\x9c\xcd\xf0\xa9:\'\xed\x99f`\xd9"\xb8u\xb9\x89\x19I\x03\x1c\x06\x00\x1d\xc6\x1fb\x91?N\xc5A]\xc5Vt\xae\xe4!/\xe8\xbf\xd5\xee&amp;\x081\xe3\xb6;r\x8f\xdeA\x9a\xe1&lt;\x89t$SX\x89:\x8c;\xe8y@&gt;\xc7a`\xc1\x14\x95\xe7\xe9+\xfd\x03\xaa\xe3\x92\xe0\xe0}\x04v\xa7?\'[2\xadT\xd0\x95\xf3\xe9\xe8\xb84:\xb4\x12\xac\xcb,\xd9\x86\xa8Q\xcd\xb6\xa4\x13\xe3\x8b\xadph7\x86AC\x1c$,;\xf2\x8a\xddM8\xd7Y\x7f\xd5?\x08\xed:)\x9d\x96)\x05Mn\xbb\xee#\xa6\x8dr\xb0\x1e#VP}v\xa6sa\xa7\xa3\xcd\xfbUPC-\xfc\xf1\xe6\x1f\x8e\xd9\xf9\x9c\'\xbe\x19 \xda\xeeF\x98@\xec\xc0\xf0\xb2\xd97\xbeJ\xf4\x84\xaf\xbc\xfcuD\x04\xa8\x96\xf9,s4\xe3\x869(0a\xe3\xdd\xec\xbau\x0b\xf4\x98\xa80og*\xda\xb4\x9a\xd5H\xed\xb2\x82\xf6\x14AVV\xd3#t\xad \xa1\xc3b\x8f\xbf\x83\x1aA,5\xae\x81\xf7\x0c\xc0\xbe\xb9nA8G\xb4\x88=\x91\x15s\xd5&gt;N\x1fEY\x9f\x91\r]\x06\x18\xf5WH\x1a*:0n\xfd\xd9\x91\xabn\xed3\xefjC\xd5zp.\xac\x81L\x89\xcb\x0c\xc8\'\xf2\xb0\xd5 \xaa\x1f\x00\xe8\x16#4\x073\xa2\xb0\x8aM\xa8\x93\x05\xf2\xf6$\x85\x105\xf6\x90\xe4\x8d\xa6\xc0$w\x9b\\\xad\x8e,h\xd1\xa1\xe7\x1d\xe7\xacs\x80"\xaa\xd2m\xf3\x91\x08\xefmw\x0bZ\x15!=w\xdd\xfc\x99\t\xf5f\xec8\xf3\x89\t\xd5\xb6j\xbcPA\xac-\xd3\x86\x95\x84\xa3\xedn\x80\x83\x83\x83\x03k\xe2\x07\t\xfe8wlxl\xe3\xc4Z%\xf2\xfa\x9cI\rKY_\xa8\rO\x0b\xda\x12\xe7\xacg\x84\xa3\xb2d=\x96Y\x14i\xb1V\xb3\xd0\x12\xd1\x7f\xaf\xa4\xa3\x81s\x0b\xee\xfc\x07\x92\xf9\xc7\xc9z}\xbbu\xeb\xe2\xf8\xed\x06\xef\x82\xb1\xcbu\xa7\x89\x17\xb3\xad\x90\x96\xe2\xe6\x1d\xf66\xa0\rp\xe8\xee\xefL\x8b\x8b\xb77)H\x98\x8dV\xf1\x1e3\x8e\x99Vw\xa2i5;8x\x01\xa1M\x00\xb5\x9e\x87(;\xa8\xe4\xa1\x88\xc8|\xd3\xd7 \xb5\xdaE\xa8\xa92\xa1\xce6\x8cU+\xd1\xf8f\x8a\xc2\xb1\x03Mk\x87\xbd\xc4\x0f^z\xc6\xee6888XI@X\xe9,\xde\xe9XG\x7fK\x92\xc6T/\x888|\xc5\xcd&amp;^\xc0\xc1+\xa0s\x9e\xd2B^\xef\xa5\x95\xe0\x85b\xc8m\x868\xbb\x1b\xe0\xd0\xc6\x08\x04\x08\x85LC\x12\x14Q\x95\xf3\xa8B~,e\xd6\x85\x8f2o\x99\x97~U\x07\nH4\xce\xce\x15\xd9E\x07\x07\x07\x9b`#\xb6X4p\x1b\x00\xd0L\xbe\xbd/\xfbj\xd7)G\x85\xfa\x03;\xce|\xf2O\xc5\x81\xb6\xbd5Mrp8\xe7I\xd1.b\x1d\xde\xb6\x15\xad\xa3\x1bM`\xdf\n\x13i\x8dI\xd5l\x8cH6}\x03\xb8P\xd73W\xfd\xb3\xbe5k\xd68=gY\xc5\x8a\xcb^;\xf6\xd8\xefv\xb7B\x1b\xbf\xf6\x93\xb4\x8a8\x9a\xaeF0\x14\x1cy\xf9\xc3\xff\xe7\xcd\x8e\xfd\xd7&lt;snX\x9b\xfc\xe5\xe5?=\x91\xed^\xa9\x96P\xd9\x03\x16\x9e\xa2)\xef\xd0\x8a\xb0.\xe8\x8b*\xd0\xa2\xa3\xf7\xda\xc7\x8d\x901\xbam~/\x07:\x8cJq\x9dw\xd13L\xdaa\x0e\xe1\xdf;O\xb8\x83A\x82\x1b\xcd\xa97\x14 \x08\xa2\xfa\xc6\xd4,0\xa7~\x86\xd8\x96\x80\x926\x0c\xaeU\xd9g\x12\x06\xdb\xdd\x02)vx\x00Q\xebG\xb6\x15\x8c\xf9nx?\xbe\xb9\x13\xc1\xa7\x93\xe1j\xce\x91\xbc{\x1d\xecn\x80\x83\x03K\xca\x8f&gt;\xf4\xab\x17\xe4\x9ae\x1e\xe3oF\xfck\x96\tu:8\x18\xd17pchd\n*\x9c\xc6\xa2\r\x0e\xe7\x1e\xf2\xc9K\x98\xef\x10\' \xe2r\x03\x19\xe7\xbc\xd7\x8cz\xf6=\xc7\xc6+E\xb1Ol\x9a}\xc2\xcav88\xc8\x10\xd5\xb7\x95\xd9\xb1\x1c\xce\x15LQ%k\x9au\x02\x11\x87.\xbbQw\rjc\x9c\xdd\xe3_\x82\x93\x9c\xdc\xa1\xd5a\xf7[c\']\xa7\x1e\x05\x88\xb0\xbb\x15\x0e\x0e\xac\xd0Pr\xdcu\xf3g\x88\xf81"\x81;\x9e\xacH_\x07o\x1e\x80\x1d\x1cZ\x1f\xfa\xdf\x9a\x80nL\x1bb=%\xf1\xf5\x8b\xecn\x83\x83\x83\x95\x84\xef\xb9\xf5\x0b\xdd\'GV\xceM\xe9\xbc\x9cak\x00\xa0=\xf3\xb0\x96\xe0\xa2i\x888l\xf9Ml\xabu0\xce\xb1\xc7~\xcf\xe9\xb5\xc1\xeeV88x\x15\xde%\x08\xecpN\xc1\xc0\xe5:\xbd\xdbJ\x99\xa3\xb1\x03\x8c\xd7\xec\xc0\x9a\xca#\x0f\xfc\xec\xa4\x00r\xb0\x0f^\x9f\xd2\xbbe\x03\x00\x12\xdbd\xc0}p\xd1t\xb9\xc3&amp;\xa5Z!$Z\xdfiY=\xd7\xfa\xe4L`\xda\x12\xdb(\x01\xf0s"e\xbd\x18\x8b=e\x1c\x15_\x07S\t\x8f(\x9f\xa3Z\xc0\xf6\xe4\xb81\x16^\xcbf\x19\xd7\x8aa\xbbhOI\xec\xb0\xc4\x84\x86P\x92&lt;\xec\x91\x7f[?`\x99 K\x19Y1\xb7i\xf6\tD\xd4=\x19q\x90\xe0$\x9dvp\xd0M\x86\xdd\r8\x17H\x9b\xb2\xf5\xfe\xd7\xff\x8b\x17\xdc\xf8\xaf\xd6z\xc3\x19\xe7T\xf6\x01H\x979\x1cc\xba5\xb7\x06\xc2{\x9b}\r\xcb\xb17\xbe"\xc9\xd6\xabK\x88\xeckw\x0b\x1c\x1c\xc0\'g\x02\xc4\x0f\xe2\xff\xaaS,\x17\xd4]zl\xce\xee\xc7MiS\x1b\xc1\x17\xa0\x80\xf6\x9c\xe5G_}\xed\xbf\x84\xf9\xed\xcf\x11dF\x8d\xbc&gt;\x9b,\xbb\xfc9\xa2\x83\xc3\x98\xb5\'\xde\xb6\xbb\t\xeax\xe9\xfeB\xd7)G\xbd\xb0U\x0e\xa6\x90&lt;\x0c\x95Q&lt;\xcb\x95\x8b\xba\x01\x00\xbc/\xbb\x83}\x045\xfa\xe5y\x88\xc6\xeb}\x8f\xf2n{\x0b=\xccu\xd9\xe3\r5\xacmRhw\x03\x14@D\xe3\xfa\xba\xad\n\x1bsw\xa8\x93\x0fP\x08\x90+\xf7\x1ef@h\x93\xb4\x9b\xbb\xf9u\xaf\x18\xf9\xbaM\xbd\xcc\xee&amp;\x98\x04\x9b\xd4im\x80\x9b_\xf7\x18k\xbfBD\xc4\xf1\x1b\xce\x8a\xc6\xe0\x89\x9b\xee\x95\n\t\x9c~\x01\x01\n\xe6\xed}RK\x99!5\xa4d\x869\xcd\xf7\xaa\x04Sn\xb8-j\xa3\x03C\xfb\xbe\x9bD\xdd\x82\x13\xbd\xe2\xbdH;\xf7K\xef\xff\x89I\xcd\xe1e\xb35\xcbl:\xf9^D\x05\xe7\xb8a\x9bX\xb6\xad\xe4\x91\x14:\xf3\xb2\xfc\xb0z\xf0\xee\xefDG\xbcsM\xdc\xfa\xf1\xb1\xbb\x01:y\xf3w\xf6\x0f\xc3\x80\x85\xa7\xfeDD\xc4\xd1kn\xf7\xc9\x19?a\xe3\xdd\xc2O\xe5\xd6\xc1e\xf2\x15\xf9*i\\\x07\x18\x93\xbf&amp;\x11c\xd7\xbd\x93\xd5\n&lt;\x19S\xbbH\xa3Z\xa3\xado\x86\xcd\xc4\x0eT\xdb\r1\x1f\xd2\xa0\x94\xb4\xae+Lm\x07\x01\x9cP\xad\xed\x1e\x92\x0e\xc6\tk=\xc3\x7f\x08\x008\x8aQ\xb4\x90X\x98)l\xd1\x02\xe6\xee}\x92\xffg\xca\xc0E\xa7u\xb70\xbf\xdff\xdd\xe7\x12P\xc2\xae*+\x1dJ\xec\xc8\x10\xe3\xa0AP\xa3\xdd-\xf06\x8c;\xa3\xb7\x9a(CsF\xca\xd2\xec\xa6u&amp;T+!\xb2\xef\xedo\xb3h\x7f\xda\x08\x06\x95\x9c\x1b\xf4\x9es\x95{@\xed3\xefj\xcd\xf2W=\xf5?\xe1\x18|\xd3kX\xdc\xbcC\xb9x;\xff\xf6\x93\xbd&gt;\x8cX\x86\xcc\xc65\x06\xceV\xb0\r\x00\x8c^s\x07@\x91\x81\x9a\xa5\x9cc\xf2\xe0\xfe]\x01\xb2\\\xf3\xbf\xb4\x91v\xb7F\x8e\x0bo\xfa\xb7\xddMpp\xb0\x97h\x1d\xe7D\x94\xcf\xc9\xea\xb9\x96uK\xbc\x1d\xae/\xa3\xd4\xfc+\x12/\x85C\x9b\xe4\x0b\xa6\x8fB\xc4AK\xce0i\xa7\xcex\xdf\xb0^\xaa\x1f\xe7\xeaj\x8e.\x92\x87\xb6\x1eK\x12\x15!\xa2\xbf\x13\x1b\x96\x98\xea\xadMe\x83q\x10\xa2\xb8%\xcc\xdf\xcd\xd6\xba-\xe7\xc0\x1a[\x9e\x04/\x0bH3\x99\x97\x7fqud\xd5\xa3\xf6\xc9}\xae\xe4\xca\xe0/\x1a\x80\xbbL9Bu\xdd\x84\xfa\xc5T\xe5\xc3\xcaf!\xe29\xb7\xdaS\xa3\x02\xfc\xbb\xca\x7f\x12\xd8\xfd\xb2\x87~\xb5\xb0%R\xc7\xde\xfa\x85\x07\x9e%&gt;\x9d\xda\x8a&gt;w\xcf\x13\xce\xe8k\x06\\t\xb9)\xddn\xd3\xac\x13\x005\x06*Ham8\xd2A\xbe\xd5\x17\xccn}\x96\xc3s\x9d\xcc1T\xc5\x05+\x89\x96\xb7\xa3\xdf\x82\x93\x00E\x90&lt;\xec\xf5\xdf\x14\xfb\xb8+\x1e\xfdM\xbc\x08\x96\xcf\x11\xcb\x00D\xbc\xe7}|\xfb\xaf\xb6\xda\xe1\xfa\x07\x151N\xcc\xfc\xa9dp\xb2&lt;\xf7\xb3\x89\xbd%\xcd\xe8\xab\xe6\x8d\x7f.\xf8\x89\x98\x92\'R\x07\xbd\xe7\\e\xb8\x0eS\xdc\xb9W\\\xf6\x1aq\xd9(c\x97\n\xd5{\xa2\x91\x89\x0bC\xc87\xf2u\x1b\x15\xcf\xb9`$\xf7\xf0\xe9\xd6\xe9\r,\x9c\x8a\x88\x90&gt;\x12 Ky/3\xeb\x9e\xf7\xc5\x0eY\x7f\x9b\xb8"I\xff\x17b\x8f\x99\xc7L\xab\xdf"\x14\xec\x04\xed\xda\xe6\x83\x17\xd2\xc3\xee\x16\x80\xa2\x0b\xf0\xd3\xffa\xbd\x82\x8eofY\x1b\x03RBKf\xda\xdd\x06\x01\xbe\x9d\xedn\x81\x024\xab\xcc\xe1+n6\xaf!\xb2\xdc\xf2\x06\x9e\x7f\xe9\xcb\x16_\xd4\xc1\x1a\x0e\x9e\xfd\xd6=|\x8e[\x7f\x17w\x90\xfb\xf3\xe2{\x7fP;\xd3\xbf\xeb\xca\xcb^\x13\r\xc0\x0b\x0f&gt;g^S#+\xe7\xd2\x9d\xe0\xea\xfd\xf5m(X\xac\xe4`R\xa0\xa6\xdd\xe1\'\xa1=\xa9\x8a?\xf9\x95\x85\x16\x8e\xc0\x82)\x00\xb5\xe0\xd3\x91Y\x8dJN\x10\x0e\xad\x87\xc5\x87_P/\xc0\xdb^,\xb3\x9dD]\xf6\xf0\xffA\xc2`\xab.\xc7\n\xcb\xba\x1e\x9bu\xf9\r\xe2\x1e;\xefy\x1f\xb9\x89\xa0\xfb\xc8\xadob\\\xdd\xc2\xe4N\xe7+\x9c*v\xc2B\xc4g\xbf3\xb5\x03\xad\xd7* \x8a\r\xad\x0b-\x99\t\xd0\x8e\xacr\xa1q\xa8\xd5\xc4;h\x11mj\xedZQaY\x00U\xca\x9f\x06r/)"B\x86k\xe7BnE\xea\x07P\xae\xbb\x85\xeaT\x02D{\x8dq\xcf;\xb0T\xe0Zj\x8f\xb5{\xc2H\x06"v\x9e|\xa9\xf9\xce\xbaA\x00\x00P\x18[s\xde\xf6\xeb?6\xf9Z\xba\tl-\xbf\x9a7\xf39""f\xf5\\\x07\x00?\xf0\xa3\xe9\xa8\xd5\xb7\xbd\xfd\x17\xca\xaf\x05S\x87KG_~jH8\xe0Y\x83\x1f\xa4\x0c\'(\x16\x02\x19\xa3 \xb2/$\x0c\x02\x80\xb8\xda\x85\x0c\xae\x1c?H&gt;O\x80\x0e\x12\x06\x1b\xb3\x95\xc6\xb2i\x06-\xe9\xa3\xb4\xb6\xcc\x82\x00 \xa5\xd32\xdd1\xa2\xc1E\xd3\xc0\xbf\x8b\xbes\xdb&amp;i]W\x00\xc4\xdb\xdd\x8a6\x83\x9a\x94\xee\x88\x95\xb7X\xd2\x86xD\xfc\xb8\xd5x\x1b\xaa\xda\x1b#\xda^\xfe\x12\x0f\x10Q_V\xef\xab\x9e\xfck\xfb\x99O\xb8\xfbs\xd7\xbb\xae\xa1\xf4/\xc4!\xe7\xdf\xa0t!Y\xbeE\x84\xa8~\x86\xbe\x03[RG\x90\x9b\x18\xb7]\xf7\x11?\xe94\x82;\xf0F\xbb\x1b$\x1cV\xb7]\xf7\x11\xe3\xcdJ7r)4&lt;1bi3\xa8,\x16\xae\xfe\xb1`\xce\xd7\xfa\xd0=\'R\xd1\x91\xce\x06\x9fNqu,&amp;\x8f\x0e\xe6B\x97\xc8\x0c\x11\xfd\xdbO6\xa9)\xa6A\xfb\x84g\x99\xd1\x08\xcbI\xd3wZv\xd3:\xe1\xdc\xe5Y~_8\xb3\xfbj\xb9\xe2UJ\x030"^\xf6\xf0\xff\x11t\xeb\xb2d\xe9:K\x8b\x80n\xa6T+C\x1a@\xb6\x01?G\x15\xac\xd1\xbaju\x9b)\xc5\xc1E\xd3\xdb\xca\x9bk\x1c\xff\xae|\n\x14&amp;8\xd1~T(\xbd\xf6r\xbfH"]J\xce\xc2\x01[\xad\xcdv\xae\x83|\x08\xf6\xf0\xb7\xb4\xcak\xac\xadl\x16fx\x84\x0f\xad=\xf16"\xf2y\x8dD\xf8\xaa\x8c\xbe\x88(\x8d~\xb1\x10\xa1\xf5\xbb\xdc6\xd3+S\xd2\xba\xacx\xe5\x17\xe6\xb7\xb4\r\x08-D\x02\xb4\xb7\xbb\r\xad\x00\xb1&lt;\x8a\x03+\x1a\xa7_\xae\xe9@\x10W\xb7P!\x12\x80"\x9c)\xbaj&gt;M\xbb\xbc\x04\xeaL\xab\xe74\x9e\t\x12\xbaO\xbbLi\x06\xdca.\xbf\x9d\xe8\x00\x00 \x00IDAT\xdc!\x95\xd1\xf7;3G\xdf\xaa\x11{\x08JU\x03\x00@\xaa\xf9\xca\x97\xa4\x82\xfc\xaf\xfd\x179\xd5\x08}\x971ne\xcd\xea\xb9\xb6\xdb4\xef\xcc`\xe6]\xa3Cd\xf7i\x97\xdb\xdd\x06\x96\xb4^\x03\xbd\xf7S;\xe6\xa2\x9c^\xeb!G3\x15\xa8\xd2$\xd1\x07\xda\x8dU&gt;\xcb\x9b\x17v\xb9\xa9\x9d\xa5\ta\xa4\x10\xa5\xa22\x07\xef\xeaV\xb4\t\xee\xb1\xf3\x86O!c\x14IY\xf5\xe5\xaf\x81\r`\x02\x85\x19\xaf\xd9]\x0e.\x9aN^8\xbe~\xd1\xb1G\x7f32\x00{A\xc6_\x93\x14%\xedO\x17]\xb2\xed\xba\x8f\xecn\x83)\xc4\xd7-\xe2\x07\xe0\xd6\xd6\x1f\x9d\x03DV\xcee\xe6\xa2i9\xfd\x16\x9cT\x95\xfe\x17b\xf50&lt;v\xdd]\xadn\xd2\xd92|j\xf1\xb1\xea\xe8k\xea\xf2\x17 \xdc\x8e\x1b\x9b\xc9\xa2\x92\xfcV\xbd\x14\t-\x99\xd9\n\x1a\x1f\xdc\x03 \xca[SA\xdbD\xab~\xecl\xe7\xc0\xd9o\xednB\xeb\xc6\xaf\xfd$D4/\x88P\x81d\xd1~*1\xd5\x8c\x1bB\xcc\xab\xff\xe7\x1aA\xeb\xc6\x1e\x90/\x914\x84s\x0f\x1e\xb8\xe84d\x8eV\\\xfeF\xf4\xb1\xb2\xd9&amp;cPr\xce\x03\x82n03\xb4t\xa6j\xd4\xac\x16\xda"\x10\xee\xc9\x04\xa5\xa7N`7\x05\x91p\xaf\xa2c\xbb\x1ek$\x8b\n[\xe3qP^\xae\xa1V_\xa0\x82\xc39HF\xf7Uv7A\x05o\xb1\x93{t\xaf\xf1\x83\x00\xfchk\xf8\xd1\xbeyjD\xf9\x9c\x15\x02A\xab\xec\xa6u\n\xaaL\xc5\x00\x91\x19\xddWu\x18w\xa8\xeb\x94#\xd2\xd1\x97\xdd\xa3B\xa5\xc8X\x03\x00Q\x95\xf3&gt;@,\xe8\xbf\xc5\x98IS\xb4\xa7\xdb\x01\xa0\x01R\x86\xd3f\x98\xa0"\xbcl6\xab\xaa\xd2\xbb\xadbd(\xae\x9d\xb4\xf9^\x16\xf58\x00t\x9at\x89\xb5\x174IP\xcd{\xd0\x08Mkk\xa4\x13\xed\x0bZNGD|\xf4s\xef1\xae\x14\t\x92\xd2\xd0\xe9\xea\xf8\xe5Mb\xde\x1a\x1a\xca\xbf@\x04\x80\x98\x9a\x05\xc2\xd1t\xe0\xa2\xd3\x9e\xc5\x12\x13\x1b\x96\xb8\x93&amp;\x89\xf8\x9b\xca\xd0\x15\xd7\x1cT8U\xe5\xf3\xa9\xdb\x1e\xf0&lt;\xa0\xee\xe9\xcaE\xce4\xdc\xf6\x96\xf7&lt;\x0cv\xc1$T)\x10BzRV\xa5\x12\xaeB\x17\xee\xe8U\x18\x8f\x07\xe7\xd1H\x84y.\x13ha\x8c\xa0-DX.ik\x01e-6O\xe6\x045\x1a;\xdf\xa0\xf2\x80\xf5\xc4&gt;\xfd\x8d\xeb6~\xe49\xac\xce\xb8\xe0\x91\xcd\xd7\xbe\xdfa\xdc\xc1\xca\xe1\xbb!c\xd4\xdc=O*Z\x9eiL\x9a\xfc)\xfe:\xec\x04\x16\x90\xd6u%\xdd\t\x9e\xde\xe3m\x80\x90\xe2\x19\xec*k\xadaB\xa9\x8e\xbc\x16\x0b\xbc\xe2\r\xaf\x1bs\xc0\x94\xa1B?m\xc1J\x81\x88M\xb3O\x10\x16\xdep\xf5\xbb\x82\xbf\xbc&lt;\xa0\xd9\x14\xe2\xeb\x17\x91\x14S\x1abU\xe89\xeb8UK\xbeu\r\xc0\x81\xb6\xab\x92)\xd8\xcci\xbc\xf6\x92\x87\x99\x1f\xec\xe4\xd0VHjX\n\x90\xf9+\xe2{\xde5\x1e\xb4q\x10\x91V\xf8\xc2dZ\x9d\xde\x8d,\x1dh\n{\xbf6\xaa\xfd\xf1\x18n\xfeG3\x00\xcbU@\xb2M\x93\x06\xa9#\x18\xb7\xdbbBzz\xd9\xc4\xda\x01\x00\xa0t\xf0N{\x9d\x01\xf3e\x85\xadO\xbf\xe0\xf1\xdad7\xad\xe3\x8e#\xe2\xce\x1b\xffem\x0b\xcf\t\xca\x87^hw\x13\x1c\xda\x0c\xd6g\xd4\x8e\x83\xd8\x81\xffF,\x19\xb4#\xb7\xf7\x06\xd9\xa1\xb7q\xc6\x15r\xfak\xd9\xa4\xe9\xff\xe2\x06*g\x1a\xf6$f\x80\xde\xa1\xaeCkp\xccV\xd8p\x95\x97!\xb3\x0b\xaf\xdd[\x91:\xabG\x1b\t|`\xbek\x1d\x8f\x88\xdfJ^\x9eo\x10\xb7]\xf7\x11@\xe6\xdd\xef!"\xae9\xfe\xd6\xdd\xef!\x99\xbe\x81W\x13U5\xcf\xc0\xd9\x0cm\xb3!\x07\xee\xfa\x8f\xdes\xa5\x0b\x88\xb6\xb1fuh\x15\xc8\xbf\x05\r\xe3\x0f\x0b;\x90k\x9e\xfe[\xab\x9bS\x13\xf1\'\xb7]\xdf\xfd\x1e.:\xf8\xdc\xac\x0b\x1f%)\xacJ\x1a@\xb1\xc7\x81\x94a\x902\xdc\xf0\xae?\t\xd1\xf4\xa7\x94y\xc3\x00\x1cX0\xc5X\x05J\xc3v\x1b\x10\xc2\xd4b\xdd\x95\xef\xbc\xf9\xbb\xc7\xa0\xfb.js\xe0\xae\xffd\xf50\x96\xe4\xae\x95Yft\x08\x16j\xc7z\xcf\xdb\xfb$#\xf1\x9a\x04\x00(\x1dr\x01D\xf6U\x8c\xd1\xb4\x87sB\xa9\x1b\x11\x89\x15?L\xc5_\xb4\xac\x1c\xba\xecF\xe5\xc2,\x03Xe\x89\xac\x9c\xfb\xd0\xa7\x98P\xbfX\xdf\xe9\\W\xf3\x01Q/\x11\x02\xe1\xbdck\xce\xd3w!-\x1a\x00J\x00*\xcc\xa9\xdc8\xad\xd5\x83\x89\'\x1f\x05\x89~\xcf9D#k\xcfY\xc7\x01\xda\xad9\xfeV\xf3\xe2\xeb\x94\xca\xb8\xd9t\xf2=\x9bZ\xed=\xcf\x9c\xa1=9D$\x92\xd6#$\xa0\xabv\x19\x87s\x075\rQ\x8b\xe84\xe9\x92w\xff\xa6\x9eg\'w&lt;\x1f \x86\xebdH^\xf6\xb8\xba\x85r\x06\xedV\x1c\xdcB\x03\x99}^\x91\x1c\x80\x00At\x9c\xa9(%\xbd\xc85\xe7r\x15\x12u\xc5 \x8fUu\xa6\xfd\xa3~\xaa{4\xdd\x7f\xc7\xd7J\xeb\x95\x1dg&gt;\xa9\x1f{@!\xba\x0f\x01\x12\xdbF:\x11\xa6\x10\xc5\x01\xf7\x9b\x7f\xd2\xecv\xe8\x85p\x8a#4\x0c\xc4\x02\x80(\xd7\x90\x83\xf9\xb4\x05gu\x00\x88\xaa\x9c\xe7\xf6J\t-\x99)\xf8\x844M\xaf\x04/\x8d\xc5\x0f*\x9c\xd6\xf6\xa2\x92Xc|/Yc\xfa\xb5\xff\x8e\xaf\xed7\xc1\n\x06Q\x02\x02\xba*-\x85Mn\xa6&gt;,\x0b#\xc9\xf6b\xd7\x03\x07\x87\xd6B\x1cD\xf5\xe3\x0c\xe3#W\xdd*8\xae\xf9"[\xac!j\x90\xa06\x11so\x81\xba\x9c~3\xe7\xa8\xd5\xb7\xa9~\x9e\x01\x10\xc7\xaf9\xedc\xe9%/\xf1\xc3g\t\xe1)&gt;9\x13Z\xc9\x00\xccD\x1b\xdd&lt;|-\xbc\x96\x8c\xaf\xbb\x83\x83\x00\xefYC\x87qQ\xbf\x8d3\xae\x10\x1c\xa4\n$\x93Rd\xect]D\xf4\xb6\xf6\x1d\xb7\x87\xa4\x86\xa5\xe6Un`Xi\xaf\x19\x0e\x80\x88!\xc5\x14\x89\xaa\x0c\xd2N\xf4\x10\xaf\xb8\xec\xb5\x11+oE\xc4o\xe9\xbfdj\x97\xe56\r\xc0e\xcf}\x8f\x91\x15s-\xb9\x96\x89\x98s\xc7\xb2\x0c\x9c\xcbn\x13\xda\xc1\xbb\t-\x9d\x99\xd8\xb0\xc4\xeeV\xa8\xa2\xcf6\xab\x98\x7f0k\xcf\xad_,&gt;\xfc\x82\x81\x06\xb9)\xd6.\xd2\x02i\x0e`\x87s\x11\xc1\xc0I\'H\x0b\x00\\\xc0\x92-+`o]m\xdb\x8f\xd7\xccK\x0c$ii\xd3\x04\x16L\xb5\xbb\t\x94\xfbM\xa6\x10MP\x86h\xe1\xd8y\xf2\xa5\xc2\xe4w*\xb3\x8a\xa7\xbei\xd5\x9d\x86\xf5\x81\xdd\x14hYz)\xa8\x1e\xb9\x97UUf\xc0R+\xd1\xf8\xc0\xf9\x9b\xcc\x00l\x85\x15\xcb\xee\xee\xc3\x16B\xad\xd7\xe8^s\xfc-\xad"\x9e\xdb3\xc9CU\x0b7\x00\x94\xb9\xd7\xd9\xdb\xaf\xffXo\xbb\x1c\x1cZ\x88\xac\x98K\xd2\x1b,\xb8\xe8\x99\xeb_\xd4*\x16?\x08\x02\xba\x9a\x16\xc5d.\xa1\xa53\xb5\x0by=\xd1U\xf3\x8dV\xe1\xdb\xd9p+\x14G\xb1v\x86\xab\xe6\x89\xee\xef\x1e5?\xf2||7\\\xfdnF7\xe2La\x01\xdd\x84\x03\xf0\xf7z\xc6E\x1d\x96\xcfz\xeb\x13\xa7[K\xbd\xde\x13\x13\x82\x8b\xa6\xb1l\x88\x12Yc\xa7l\xbd\xff\x86W\xd0K\x04\xb4[3^\xbd\xb8\xb1\x8f\x00 \xda\xff\x8b\n-\x99\x11Y\xc9\xd2\xf0S1l7\xc4\x0f\x02\x00I\xb2X)\x04\x02\x11\x91\xde/\xade11\r\xe3\x0f\x01\x80\x97\xc8\xa9v\x9bz\x99$\xb6\x9b\xd4\x17J?\xd5#\xf7y\xae\\]\xf7\xa2q\xc6\x15\xaf\xff\x86\x88\x08~D\xd9\x1d\x8a\x9b\xb7K\x16\xc1\xae/\x93\xd2y\x99Y\xad\xcf\x1ccV\xcd^\x02\xed$\x8e\x81\xc2{VL\xf5\x02\x00\xf0\x9c\x0fI\x85\x03\x05\xf8t:t\xf7w\xed\xfbn\xa2\xbcP\x827\x84\xa5Z\x82\x0e\xcd\x16\xef\xc12\xe1\x94\xac\xe5G^1pz\xfd\xd6\xd3\x1f""@\xaaf\xd1\x7f\xb9:(\x92\xfc\xc1\xdcF\xafpr\xa9\xe4\xc3\xa5)\x1bnAd\x84\xb7$\xba&amp;!\xa1\xc3\x92i\xdb\x1f\xb4\xbb\x15j\xb8u\x97Md\xd6\x85\x8f\xb9\x87\xcc\x99\x17&lt;\xca\x1f\x0et\x1f$0?\x02@\xc6\xab\xff\'\xb6B_@\xad\x14\x9dEUz\xcd\xf1\xb7Z\x9d\xfdY\xab\xc1\xe9\x00q\x94\xce\x1d\x0c\xe1\x1c\xc5\xf3\xb9y\xdf\xa8\xd5\xb7\xbb=G\x04\xa6~v\x1e\xa4I^\x95g\xc2D|r&amp;Xw\xb1v\xb4SR/\xd1\xa6(\x06\xa86\xe6\xa9\x14\x02\xa9#\x08\x07`\xeey\xcel\\m\xe0r2\x15\xb2\xaaM\'\xfe] \xc4kc\xeee\xfb\r\xdah\xb1\x1c\x06\r\xb1\x165UU\x8e\xb7\xfel\x192\x8f&gt;\xf8\x0b\x7f8\x86jWx\xed\x89\xb7%\xbb\xc0\xe6&gt;\x91\xb1\xb5\xe7)\xd7O\xf5\x1aG\xe8r\x18\xae\xa6?E\x06\xd1W\x18\xb7\xfe\xacd\xd6\xc2\xd0\xae\x1bMV\xac\x90\xef\xc2Z\xac\xdf\xeeV\xf5\x99w\xb5\xc1F\x147o\xa7&lt;\xa3\xb5\x1bf\xcb?4\xe9E`\xd4\xdb\xd2\xbd\xa7\xde\xdb\xc5\x0b\x08\xec\x06~\xc6\xf7\xff\\\x10\xa4\xb9M\x07\xa8!\x19\xf8M\xc3KfQ\x8a\xc4\xd4,\xb0\xbb\t^IR\xc7\xa5\x1e\xe3\xa5\xc0\xbbg\xce\x9e\'H\x06\xd1\xc0\x82)\xb2C/\x7f.\xb9(Z\x15\x99oQ\x16q\x85bd\xbfKz\xb7\x95\x16H\xe0*#\xd5\x0b\x93n\x87\x04\xa9\x9c\x1fQ&gt;\x87ak\x14gl\xd9F,\xdb\x06\'+vM{\xb5\'\xaf\xc4\xa4z&gt;{\xb5\x10;@\xa50a\xa5\xd3w&lt;d\xa4Mn,_\xba\x052\xaaG\xdd\x80\xcc\xf0\xe7\xd3D\xed\ru\x90\x10\xa2]D\x96\xd0\x9eL\x9b\xe1F\xf6Qa\xf5\x94j\xe1\x1e,\x1f\xffB\xfc\x1e"\xe2\xb0\xe57\xab\x9e-\x13\x80$\xa4\xe3\x84\x8b\t\x9b1a\xe3\xddD\xe5\x0c\xe4\xc7\xb5\xdfF\xe4\xed(:\x92\xac\xb8\xec5f\x17\x89\xecK\xb9\xb1\x1dE\xaf\x80SKY\x9e\x1c\x06\xc9X\xbc\xc2\\\xd9\x061\xdf_\xc6\x03\xbb\xf6\x89Z\x05\xaa.#^\x84z\x84\x1b\xf3\xd0m9}m\xcf\x05k\x83\xe7\x87\x1a\x11x\xea\xa3/IG\xc3\x17\xb0\xe0i\xd6m\xc9&lt;G\x9c{\xfd\x11\x91\xe9\\\x9e\x93\xc2\x97u&lt;\xa1sJ\n\xc87\x98\xda\xcc\xbbpF_S\x88\xec\xcb\xff\xabR\xa1\x84A\xfd,\x06d\xf54\x96/\xae\xb5\xa0\'\x07\x8cn}o\xf30\x98\xd3\x82\x88h\xcf\xc1\x92\xcanS\xae9\xfaz\n\xc8\xc9\x80\x9c\xd3Dh\x93\x91\xef \x07\xad\xea[ib\xc3\xd2\xfc~\x9bY7\xc3A\x9b\x92A\x9ai\xfb\x1c\x15!Y\xf4\xcd)U\xbc\x9a\x89\x12\xa8\x9c\x7f\xe9\xcb\xba\xaek2Y\xba=\xea\xd9\x18\xab\x1b\xa7_\xe1\xc5\t\n[/\xf6\xa8\xa2"b\x8a5I\xee\x85\xe3\xe5\x9c\xdd\x8f\x0b?\n/\x9b\xa5|^X\xf7i\x97i\x0e\xc0\xa7\x9f\xd7\x9c\xec\x93D\x02\xf0$\x0c&amp;/\x1bR\xa2\xe9:!$\xdc\xbf\xfd$\x9a\xf2\x9ah\xce\x00\x94\xf6\x18\xda\x98Ps\xebs\\\xa4\xa1\rh\xe8\x0b\x08\xecN\\T\x9a\xe9\x8f\x05\xfa\x95\x13\x02 e\x18\xcb\x96\xd0\xe3\x9f?\x19\x82\x847\xd0\x9c[\xd4z\x08+\x9b\xc5"\xc5\x93I\x0e:z\xf7\xa1U\xd1\xb5P\xf0\xe9\x04\x82a\xf8\xc8\x03?\xb7|\x14\xd5W\xf1,\x08y\xe8_$\x16h\xa6\xd6\xb6\xb4\x91\xee\x7f\xa2+dYq\xb8\xb2\xd9nI\x14\x8f+k\xdc&amp;\xd9e\xf4\x1e\xad|@D\xdf\xdc\x89\x00\x00\x90\x8e\x88\x93\xb7\xdeoSC8\x13\x96\xfdf\xc6\xd6\x0c\x83\x1dn[(\x1f\xba\x8b\xb7&lt;3\xd9}\xd4)s\xc4KP\xa5\xb0hC\x1b&amp;\x03 \xcd\xee6x\x19\x9eC&amp;\xa9!\xc5\xd2\xd1WJ\xeap\x92R\x05\xfd\xb7\x90[\xf3=\xd3\x8e\xcab\xde\xc4\xb6\xb5v\x7f\xec\xc8\xb2\xbb\x01FP{k\xe2j\x17j\x9e\x1fU5OK\xc2\x93!&gt;R\xd3kT\xd5&lt;\xab\xaen\x1e\xfa3\xd69XCT\xe5\xbc\xf8\xfaEv\xb7B\x85$\x88\xec\x0b\xc9\xc3\x00\x92\xcc\x146\xc9\x1e/\xf8\xa3\x06\xd2G\tFM\xa2\xad \xd0\x1a\x80\xef\xfb\xd0\xe4\x018\x82D\xda\x8d\xd6\x85\xca\xc6`&gt;o\x86w\xce\xca\x1c\xc3t^\xe5\x19s\x15?\xc8\xf4I\x9b\x1d\xcc\xdb\xfb$"\x06\x171Lv\x96\x06\x00\x90(\xbb#\xa3;\xe7]\xaa\xf6\xcd\x8f\xee\xaf\xb7r\x03\xb8"\x8f\xb3}r\xc6k\x94\x94\'R\xf9#\xcb\x1c\x7f\xc83\x91\xfb\x00</t>
        </is>
      </c>
      <c r="E695" t="inlineStr">
        <is>
          <t>&lt;class 'numpy.ndarray'&gt;</t>
        </is>
      </c>
    </row>
    <row r="696">
      <c r="A696" s="1" t="n">
        <v>694</v>
      </c>
      <c r="B696" t="inlineStr">
        <is>
          <t>steps_per_sec</t>
        </is>
      </c>
      <c r="C696" t="n">
        <v>10000</v>
      </c>
      <c r="D696" t="inlineStr">
        <is>
          <t>5.314798</t>
        </is>
      </c>
      <c r="E696" t="inlineStr">
        <is>
          <t>&lt;class 'numpy.ndarray'&gt;</t>
        </is>
      </c>
    </row>
    <row r="697">
      <c r="A697" s="1" t="n">
        <v>695</v>
      </c>
      <c r="B697" t="inlineStr">
        <is>
          <t>Loss/localization_loss</t>
        </is>
      </c>
      <c r="C697" t="n">
        <v>10000</v>
      </c>
      <c r="D697" t="inlineStr">
        <is>
          <t>0.0057629226</t>
        </is>
      </c>
      <c r="E697" t="inlineStr">
        <is>
          <t>&lt;class 'numpy.ndarray'&gt;</t>
        </is>
      </c>
    </row>
    <row r="698">
      <c r="A698" s="1" t="n">
        <v>696</v>
      </c>
      <c r="B698" t="inlineStr">
        <is>
          <t>Loss/classification_loss</t>
        </is>
      </c>
      <c r="C698" t="n">
        <v>10000</v>
      </c>
      <c r="D698" t="inlineStr">
        <is>
          <t>0.15025204</t>
        </is>
      </c>
      <c r="E698" t="inlineStr">
        <is>
          <t>&lt;class 'numpy.ndarray'&gt;</t>
        </is>
      </c>
    </row>
    <row r="699">
      <c r="A699" s="1" t="n">
        <v>697</v>
      </c>
      <c r="B699" t="inlineStr">
        <is>
          <t>Loss/regularization_loss</t>
        </is>
      </c>
      <c r="C699" t="n">
        <v>10000</v>
      </c>
      <c r="D699" t="inlineStr">
        <is>
          <t>0.039085243</t>
        </is>
      </c>
      <c r="E699" t="inlineStr">
        <is>
          <t>&lt;class 'numpy.ndarray'&gt;</t>
        </is>
      </c>
    </row>
    <row r="700">
      <c r="A700" s="1" t="n">
        <v>698</v>
      </c>
      <c r="B700" t="inlineStr">
        <is>
          <t>Loss/total_loss</t>
        </is>
      </c>
      <c r="C700" t="n">
        <v>10000</v>
      </c>
      <c r="D700" t="inlineStr">
        <is>
          <t>0.1951002</t>
        </is>
      </c>
      <c r="E700" t="inlineStr">
        <is>
          <t>&lt;class 'numpy.ndarray'&gt;</t>
        </is>
      </c>
    </row>
    <row r="701">
      <c r="A701" s="1" t="n">
        <v>699</v>
      </c>
      <c r="B701" t="inlineStr">
        <is>
          <t>learning_rate</t>
        </is>
      </c>
      <c r="C701" t="n">
        <v>10000</v>
      </c>
      <c r="D701" t="inlineStr">
        <is>
          <t>0.07987461</t>
        </is>
      </c>
      <c r="E701" t="inlineStr">
        <is>
          <t>&lt;class 'numpy.ndarray'&gt;</t>
        </is>
      </c>
    </row>
  </sheetData>
  <pageMargins left="0.75" right="0.75" top="1" bottom="1" header="0.5" footer="0.5"/>
</worksheet>
</file>

<file path=docProps/app.xml><?xml version="1.0" encoding="utf-8"?>
<Properties xmlns="http://schemas.openxmlformats.org/officeDocument/2006/extended-properties">
  <Application>Microsoft Excel</Application>
  <AppVersion>3.0</AppVersion>
</Properties>
</file>

<file path=docProps/core.xml><?xml version="1.0" encoding="utf-8"?>
<cp:coreProperties xmlns:cp="http://schemas.openxmlformats.org/package/2006/metadata/core-properties">
  <dc:creator xmlns:dc="http://purl.org/dc/elements/1.1/">openpyxl</dc:creator>
  <dcterms:created xmlns:dcterms="http://purl.org/dc/terms/" xmlns:xsi="http://www.w3.org/2001/XMLSchema-instance" xsi:type="dcterms:W3CDTF">2021-12-03T09:23:44Z</dcterms:created>
  <dcterms:modified xmlns:dcterms="http://purl.org/dc/terms/" xmlns:xsi="http://www.w3.org/2001/XMLSchema-instance" xsi:type="dcterms:W3CDTF">2021-12-03T09:23:44Z</dcterms:modified>
</cp:coreProperties>
</file>